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46"/>
  <workbookPr/>
  <mc:AlternateContent xmlns:mc="http://schemas.openxmlformats.org/markup-compatibility/2006">
    <mc:Choice Requires="x15">
      <x15ac:absPath xmlns:x15ac="http://schemas.microsoft.com/office/spreadsheetml/2010/11/ac" url="C:\Users\i201027\Desktop\"/>
    </mc:Choice>
  </mc:AlternateContent>
  <xr:revisionPtr revIDLastSave="0" documentId="13_ncr:1_{8BC45306-DA7F-48B8-8ED4-4747B9387429}" xr6:coauthVersionLast="36" xr6:coauthVersionMax="36" xr10:uidLastSave="{00000000-0000-0000-0000-000000000000}"/>
  <bookViews>
    <workbookView xWindow="0" yWindow="885" windowWidth="31860" windowHeight="20460" xr2:uid="{00000000-000D-0000-FFFF-FFFF00000000}"/>
  </bookViews>
  <sheets>
    <sheet name="公表用資料" sheetId="2" r:id="rId1"/>
  </sheets>
  <definedNames>
    <definedName name="_xlnm._FilterDatabase" localSheetId="0" hidden="1">公表用資料!$A$1:$L$40394</definedName>
    <definedName name="_xlnm.Print_Titles" localSheetId="0">公表用資料!$1:$1</definedName>
    <definedName name="Z_0AD28364_D8DC_4A3B_920E_26BACF217792_.wvu.Cols" localSheetId="0" hidden="1">公表用資料!#REF!,公表用資料!#REF!,公表用資料!#REF!,公表用資料!$G:$I,公表用資料!#REF!,公表用資料!#REF!,公表用資料!#REF!</definedName>
    <definedName name="Z_0AD28364_D8DC_4A3B_920E_26BACF217792_.wvu.FilterData" localSheetId="0" hidden="1">公表用資料!$A$1:$L$40394</definedName>
    <definedName name="Z_1383E2D7_4C61_467B_AAF3_C1D4FB32F69A_.wvu.Cols" localSheetId="0" hidden="1">公表用資料!#REF!,公表用資料!#REF!,公表用資料!#REF!,公表用資料!$G:$I,公表用資料!#REF!,公表用資料!#REF!,公表用資料!#REF!</definedName>
    <definedName name="Z_1383E2D7_4C61_467B_AAF3_C1D4FB32F69A_.wvu.FilterData" localSheetId="0" hidden="1">公表用資料!$A$1:$L$40394</definedName>
    <definedName name="Z_39F41191_2FB3_434F_82DE_A60B6B5BBD8C_.wvu.Cols" localSheetId="0" hidden="1">公表用資料!#REF!</definedName>
    <definedName name="Z_39F41191_2FB3_434F_82DE_A60B6B5BBD8C_.wvu.FilterData" localSheetId="0" hidden="1">公表用資料!$A$1:$L$40394</definedName>
    <definedName name="Z_65A55CED_6E93_4DD7_86E0_5BBE188CA4C0_.wvu.Cols" localSheetId="0" hidden="1">公表用資料!#REF!</definedName>
    <definedName name="Z_65A55CED_6E93_4DD7_86E0_5BBE188CA4C0_.wvu.FilterData" localSheetId="0" hidden="1">公表用資料!$A$1:$L$40394</definedName>
    <definedName name="Z_9104D344_58F0_4724_BB74_599E838BFBC1_.wvu.Cols" localSheetId="0" hidden="1">公表用資料!#REF!</definedName>
    <definedName name="Z_9104D344_58F0_4724_BB74_599E838BFBC1_.wvu.FilterData" localSheetId="0" hidden="1">公表用資料!$A$1:$L$40394</definedName>
    <definedName name="Z_B30B57A2_71EA_453D_8DBE_9E936BCACE4A_.wvu.Cols" localSheetId="0" hidden="1">公表用資料!#REF!,公表用資料!#REF!,公表用資料!#REF!,公表用資料!$G:$I,公表用資料!#REF!,公表用資料!#REF!,公表用資料!#REF!</definedName>
    <definedName name="Z_B30B57A2_71EA_453D_8DBE_9E936BCACE4A_.wvu.FilterData" localSheetId="0" hidden="1">公表用資料!$A$1:$L$40394</definedName>
    <definedName name="Z_B3135869_7B13_425D_8C4F_1FDDB76569B3_.wvu.Cols" localSheetId="0" hidden="1">公表用資料!#REF!,公表用資料!#REF!,公表用資料!#REF!,公表用資料!$G:$I,公表用資料!#REF!,公表用資料!#REF!,公表用資料!#REF!</definedName>
    <definedName name="Z_B3135869_7B13_425D_8C4F_1FDDB76569B3_.wvu.FilterData" localSheetId="0" hidden="1">公表用資料!$A$1:$L$40394</definedName>
    <definedName name="Z_B6091CF3_3B60_4D64_B3B2_A5D9CF67709B_.wvu.FilterData" localSheetId="0" hidden="1">公表用資料!$A$1:$L$40394</definedName>
    <definedName name="Z_CDA1CAFB_881D_4726_83F6_9D8A6EBDDB8D_.wvu.Cols" localSheetId="0" hidden="1">公表用資料!#REF!</definedName>
    <definedName name="Z_CDA1CAFB_881D_4726_83F6_9D8A6EBDDB8D_.wvu.FilterData" localSheetId="0" hidden="1">公表用資料!$A$1:$L$40394</definedName>
    <definedName name="Z_D210007C_7654_4B93_BAA2_81B86AE7F530_.wvu.Cols" localSheetId="0" hidden="1">公表用資料!#REF!</definedName>
    <definedName name="Z_D210007C_7654_4B93_BAA2_81B86AE7F530_.wvu.FilterData" localSheetId="0" hidden="1">公表用資料!$A$1:$L$40394</definedName>
    <definedName name="Z_D83016B0_8786_450E_9E3B_F0EB9404B9E4_.wvu.Cols" localSheetId="0" hidden="1">公表用資料!$G:$I,公表用資料!#REF!,公表用資料!#REF!,公表用資料!#REF!</definedName>
    <definedName name="Z_D83016B0_8786_450E_9E3B_F0EB9404B9E4_.wvu.FilterData" localSheetId="0" hidden="1">公表用資料!$A$1:$L$40394</definedName>
    <definedName name="Z_D8F72AE7_3637_433D_861B_F06793E9CED9_.wvu.Cols" localSheetId="0" hidden="1">公表用資料!$G:$I,公表用資料!#REF!,公表用資料!#REF!,公表用資料!#REF!</definedName>
    <definedName name="Z_D8F72AE7_3637_433D_861B_F06793E9CED9_.wvu.FilterData" localSheetId="0" hidden="1">公表用資料!$A$1:$L$40394</definedName>
    <definedName name="Z_DD277B70_91A1_4BF8_900F_311887DB8B6A_.wvu.FilterData" localSheetId="0" hidden="1">公表用資料!$A$1:$L$40394</definedName>
    <definedName name="Z_DE8E6D44_28F4_44E0_931B_BF2EDE349A85_.wvu.Cols" localSheetId="0" hidden="1">公表用資料!#REF!,公表用資料!#REF!,公表用資料!#REF!,公表用資料!$G:$I,公表用資料!#REF!,公表用資料!#REF!,公表用資料!#REF!</definedName>
    <definedName name="Z_DE8E6D44_28F4_44E0_931B_BF2EDE349A85_.wvu.FilterData" localSheetId="0" hidden="1">公表用資料!$A$1:$L$40394</definedName>
    <definedName name="Z_E1724C10_FF0B_4ED3_921F_7F507C55E6AF_.wvu.Cols" localSheetId="0" hidden="1">公表用資料!#REF!</definedName>
    <definedName name="Z_E1724C10_FF0B_4ED3_921F_7F507C55E6AF_.wvu.FilterData" localSheetId="0" hidden="1">公表用資料!$A$1:$L$40394</definedName>
  </definedNames>
  <calcPr calcId="191029"/>
  <customWorkbookViews>
    <customWorkbookView name="筒口　裕基 - 個人用ビュー" guid="{CDA1CAFB-881D-4726-83F6-9D8A6EBDDB8D}" mergeInterval="0" personalView="1" xWindow="16" yWindow="5" windowWidth="655" windowHeight="719" activeSheetId="1"/>
    <customWorkbookView name="上田 奈都美 - 個人用ビュー" guid="{65A55CED-6E93-4DD7-86E0-5BBE188CA4C0}" mergeInterval="0" personalView="1" maximized="1" xWindow="-8" yWindow="-8" windowWidth="1382" windowHeight="744" activeSheetId="1" showComments="commIndAndComment"/>
    <customWorkbookView name="杉森 慶子 - 個人用ビュー" guid="{9104D344-58F0-4724-BB74-599E838BFBC1}" mergeInterval="0" personalView="1" maximized="1" xWindow="-8" yWindow="-8" windowWidth="1382" windowHeight="744" activeSheetId="1"/>
    <customWorkbookView name="油谷 欣則 - 個人用ビュー" guid="{DE8E6D44-28F4-44E0-931B-BF2EDE349A85}" mergeInterval="0" personalView="1" maximized="1" xWindow="-8" yWindow="-8" windowWidth="1382" windowHeight="744" activeSheetId="1"/>
    <customWorkbookView name="網 将由樹 - 個人用ビュー" guid="{D83016B0-8786-450E-9E3B-F0EB9404B9E4}" mergeInterval="0" personalView="1" maximized="1" xWindow="-8" yWindow="-8" windowWidth="1382" windowHeight="744" activeSheetId="1"/>
    <customWorkbookView name="水野 秀基 - 個人用ビュー" guid="{1383E2D7-4C61-467B-AAF3-C1D4FB32F69A}" mergeInterval="0" personalView="1" maximized="1" xWindow="-8" yWindow="-8" windowWidth="1382" windowHeight="744" activeSheetId="1"/>
    <customWorkbookView name="  - 個人用ビュー" guid="{0AD28364-D8DC-4A3B-920E-26BACF217792}" mergeInterval="0" personalView="1" maximized="1" xWindow="-8" yWindow="-8" windowWidth="1382" windowHeight="744" activeSheetId="1"/>
    <customWorkbookView name="伊藤　輝 - 個人用ビュー" guid="{B3135869-7B13-425D-8C4F-1FDDB76569B3}" mergeInterval="0" personalView="1" maximized="1" xWindow="-8" yWindow="-8" windowWidth="1382" windowHeight="744" activeSheetId="1"/>
    <customWorkbookView name="中島 真理子 - 個人用ビュー" guid="{D8F72AE7-3637-433D-861B-F06793E9CED9}" mergeInterval="0" personalView="1" maximized="1" xWindow="-8" yWindow="-8" windowWidth="1382" windowHeight="744" activeSheetId="1"/>
    <customWorkbookView name="谷 真也 - 個人用ビュー" guid="{B30B57A2-71EA-453D-8DBE-9E936BCACE4A}" mergeInterval="0" personalView="1" maximized="1" xWindow="-8" yWindow="-8" windowWidth="1382" windowHeight="744" activeSheetId="1"/>
    <customWorkbookView name="鳥本 善之 - 個人用ビュー" guid="{D210007C-7654-4B93-BAA2-81B86AE7F530}" mergeInterval="0" personalView="1" maximized="1" xWindow="-8" yWindow="-8" windowWidth="1382" windowHeight="744" activeSheetId="1"/>
    <customWorkbookView name="金三津 英則 - 個人用ビュー" guid="{39F41191-2FB3-434F-82DE-A60B6B5BBD8C}" mergeInterval="0" personalView="1" xWindow="15" windowWidth="1351" windowHeight="728" activeSheetId="1"/>
    <customWorkbookView name="　 - 個人用ビュー" guid="{E1724C10-FF0B-4ED3-921F-7F507C55E6AF}" mergeInterval="0" personalView="1" maximized="1" xWindow="-8" yWindow="-8" windowWidth="1382" windowHeight="754" activeSheetId="1"/>
    <customWorkbookView name="島倉 信一 - 個人用ビュー" guid="{B6091CF3-3B60-4D64-B3B2-A5D9CF67709B}" mergeInterval="0" personalView="1" maximized="1" xWindow="-8" yWindow="-8" windowWidth="1382" windowHeight="744" activeSheetId="1"/>
  </customWorkbookViews>
</workbook>
</file>

<file path=xl/sharedStrings.xml><?xml version="1.0" encoding="utf-8"?>
<sst xmlns="http://schemas.openxmlformats.org/spreadsheetml/2006/main" count="152920" uniqueCount="39180">
  <si>
    <t>建物名称</t>
  </si>
  <si>
    <t>土地地番</t>
  </si>
  <si>
    <t>取得年月日</t>
  </si>
  <si>
    <t>取得価額等</t>
  </si>
  <si>
    <t>増減異動前簿価</t>
  </si>
  <si>
    <t>減価償却累計額</t>
  </si>
  <si>
    <t>現況地目</t>
  </si>
  <si>
    <t>子ども子育て総合支援センター</t>
  </si>
  <si>
    <t>二口_轟_1073-1</t>
  </si>
  <si>
    <t>行政財産_公共用財産</t>
  </si>
  <si>
    <t>宅地</t>
  </si>
  <si>
    <t>二口_轟_1081-1</t>
  </si>
  <si>
    <t>兜山公園</t>
  </si>
  <si>
    <t>黒河_二十石_5431-3</t>
  </si>
  <si>
    <t>公園</t>
  </si>
  <si>
    <t>黒河_二十石_5441</t>
  </si>
  <si>
    <t>黒河_二十石_5442</t>
  </si>
  <si>
    <t>黒河_二十石_5443</t>
  </si>
  <si>
    <t>黒河_二十石_5444</t>
  </si>
  <si>
    <t>黒河_二十石_5445</t>
  </si>
  <si>
    <t>黒河_二十石_5446</t>
  </si>
  <si>
    <t>南郷霊園</t>
  </si>
  <si>
    <t>串田_鳥越_9780-1</t>
  </si>
  <si>
    <t>雑種地</t>
  </si>
  <si>
    <t>串田_鳥越_9840</t>
  </si>
  <si>
    <t>串田_鳥越_9841</t>
  </si>
  <si>
    <t>串田_鳥越_9842</t>
  </si>
  <si>
    <t>串田_鳥越_217</t>
  </si>
  <si>
    <t>串田_鳥越_218-1</t>
  </si>
  <si>
    <t>串田_鳥越_218-2</t>
  </si>
  <si>
    <t>串田_鳥越_220</t>
  </si>
  <si>
    <t>串田_鳥越_221-1</t>
  </si>
  <si>
    <t>串田_鳥越_221-2</t>
  </si>
  <si>
    <t>荒町_山ノ谷_2699</t>
  </si>
  <si>
    <t>串田_鳥越_9780-2</t>
  </si>
  <si>
    <t>荒町_山ノ谷_2700</t>
  </si>
  <si>
    <t>荒町_山ノ谷_2701</t>
  </si>
  <si>
    <t>荒町_山ノ谷_2704</t>
  </si>
  <si>
    <t>荒町_山ノ谷_2707</t>
  </si>
  <si>
    <t>荒町_山ノ谷_2708</t>
  </si>
  <si>
    <t>荒町_山ノ谷_2710</t>
  </si>
  <si>
    <t>荒町_山ノ谷_2713</t>
  </si>
  <si>
    <t>串田_鳥越_9786-2</t>
  </si>
  <si>
    <t>串田_鳥越_9791</t>
  </si>
  <si>
    <t>串田_鳥越_9793-1</t>
  </si>
  <si>
    <t>串田_鳥越_9793-2</t>
  </si>
  <si>
    <t>串田_鳥越_9836</t>
  </si>
  <si>
    <t>串田_鳥越_9838</t>
  </si>
  <si>
    <t>串田_鳥越_9839</t>
  </si>
  <si>
    <t>道路用地（市道）_用地・河川管理課</t>
  </si>
  <si>
    <t>庄西町一丁目__359-7</t>
  </si>
  <si>
    <t>公衆用道路</t>
  </si>
  <si>
    <t>庄西町一丁目__621-5</t>
  </si>
  <si>
    <t>庄西町二丁目__298-2</t>
  </si>
  <si>
    <t>西新湊__65</t>
  </si>
  <si>
    <t>上条__237-2</t>
  </si>
  <si>
    <t>上条__240-2</t>
  </si>
  <si>
    <t>上条__273-4</t>
  </si>
  <si>
    <t>上条__276-3</t>
  </si>
  <si>
    <t>上条__279-3</t>
  </si>
  <si>
    <t>上条__279-4</t>
  </si>
  <si>
    <t>島__136-2</t>
  </si>
  <si>
    <t>島__137-2</t>
  </si>
  <si>
    <t>島__138-2</t>
  </si>
  <si>
    <t>島__139-2</t>
  </si>
  <si>
    <t>西新湊__67</t>
  </si>
  <si>
    <t>島__140-2</t>
  </si>
  <si>
    <t>島__141-2</t>
  </si>
  <si>
    <t>島__195-2</t>
  </si>
  <si>
    <t>島__196-3</t>
  </si>
  <si>
    <t>島__197-3</t>
  </si>
  <si>
    <t>島__198-3</t>
  </si>
  <si>
    <t>島__199-3</t>
  </si>
  <si>
    <t>島__201-3</t>
  </si>
  <si>
    <t>島__203-3</t>
  </si>
  <si>
    <t>島__207-3</t>
  </si>
  <si>
    <t>西新湊__68</t>
  </si>
  <si>
    <t>島__208-3</t>
  </si>
  <si>
    <t>島__209-3</t>
  </si>
  <si>
    <t>島__210-7</t>
  </si>
  <si>
    <t>島__210-8</t>
  </si>
  <si>
    <t>島__210-9</t>
  </si>
  <si>
    <t>島__211-2</t>
  </si>
  <si>
    <t>島__213-2</t>
  </si>
  <si>
    <t>島__214-2</t>
  </si>
  <si>
    <t>島__258-2</t>
  </si>
  <si>
    <t>島__259-2</t>
  </si>
  <si>
    <t>西新湊__70</t>
  </si>
  <si>
    <t>島__261-2</t>
  </si>
  <si>
    <t>島__262-2</t>
  </si>
  <si>
    <t>島__263-2</t>
  </si>
  <si>
    <t>島__264-3</t>
  </si>
  <si>
    <t>島__265-2</t>
  </si>
  <si>
    <t>島__266-2</t>
  </si>
  <si>
    <t>島__521</t>
  </si>
  <si>
    <t>島__528</t>
  </si>
  <si>
    <t>島__540</t>
  </si>
  <si>
    <t>島__541</t>
  </si>
  <si>
    <t>西新湊__72</t>
  </si>
  <si>
    <t>島__545</t>
  </si>
  <si>
    <t>島__546</t>
  </si>
  <si>
    <t>島__547</t>
  </si>
  <si>
    <t>島__549</t>
  </si>
  <si>
    <t>島__550</t>
  </si>
  <si>
    <t>島__566</t>
  </si>
  <si>
    <t>島__567</t>
  </si>
  <si>
    <t>島__684</t>
  </si>
  <si>
    <t>島__685</t>
  </si>
  <si>
    <t>島__686</t>
  </si>
  <si>
    <t>西新湊__73</t>
  </si>
  <si>
    <t>島__1310-2</t>
  </si>
  <si>
    <t>島__1311-2</t>
  </si>
  <si>
    <t>島__1312-2</t>
  </si>
  <si>
    <t>島__1515-2</t>
  </si>
  <si>
    <t>島__1515-3</t>
  </si>
  <si>
    <t>島__1516-2</t>
  </si>
  <si>
    <t>島__1517-2</t>
  </si>
  <si>
    <t>島__1518-2</t>
  </si>
  <si>
    <t>島__1538-2</t>
  </si>
  <si>
    <t>島__1539-2</t>
  </si>
  <si>
    <t>西新湊__74</t>
  </si>
  <si>
    <t>島__1540-2</t>
  </si>
  <si>
    <t>島__1541-2</t>
  </si>
  <si>
    <t>島__1542-2</t>
  </si>
  <si>
    <t>島__1543-2</t>
  </si>
  <si>
    <t>島__1547-2</t>
  </si>
  <si>
    <t>島__1548-2</t>
  </si>
  <si>
    <t>島__1555-3</t>
  </si>
  <si>
    <t>島__1556-3</t>
  </si>
  <si>
    <t>島__1557-3</t>
  </si>
  <si>
    <t>島__1561-3</t>
  </si>
  <si>
    <t>西新湊__100</t>
  </si>
  <si>
    <t>島__1562-3</t>
  </si>
  <si>
    <t>島__1563-3</t>
  </si>
  <si>
    <t>島__1564-2</t>
  </si>
  <si>
    <t>島__1565-2</t>
  </si>
  <si>
    <t>島__1565-3</t>
  </si>
  <si>
    <t>島__1573-3</t>
  </si>
  <si>
    <t>島__1575-3</t>
  </si>
  <si>
    <t>島__1576-2</t>
  </si>
  <si>
    <t>島__1577-2</t>
  </si>
  <si>
    <t>島__1580-2</t>
  </si>
  <si>
    <t>西新湊__289-4</t>
  </si>
  <si>
    <t>島__1581-2</t>
  </si>
  <si>
    <t>島__1590-2</t>
  </si>
  <si>
    <t>島__1591-2</t>
  </si>
  <si>
    <t>島__1594-2</t>
  </si>
  <si>
    <t>島__1595-2</t>
  </si>
  <si>
    <t>島__1598-2</t>
  </si>
  <si>
    <t>島__1599-2</t>
  </si>
  <si>
    <t>島__1603-2</t>
  </si>
  <si>
    <t>島__1604-2</t>
  </si>
  <si>
    <t>島__1604-3</t>
  </si>
  <si>
    <t>西新湊__290-3</t>
  </si>
  <si>
    <t>島__1605-2</t>
  </si>
  <si>
    <t>島__1606-2</t>
  </si>
  <si>
    <t>島__1632-2</t>
  </si>
  <si>
    <t>島__1634-2</t>
  </si>
  <si>
    <t>島__1635-2</t>
  </si>
  <si>
    <t>島__1638-2</t>
  </si>
  <si>
    <t>島__1639-3</t>
  </si>
  <si>
    <t>島__1648-2</t>
  </si>
  <si>
    <t>島__1649-2</t>
  </si>
  <si>
    <t>島__1650-2</t>
  </si>
  <si>
    <t>庄西町二丁目__299-2</t>
  </si>
  <si>
    <t>西新湊__290-4</t>
  </si>
  <si>
    <t>島__1651-2</t>
  </si>
  <si>
    <t>島__1652-2</t>
  </si>
  <si>
    <t>島__1652-3</t>
  </si>
  <si>
    <t>島__1653-2</t>
  </si>
  <si>
    <t>島__1654-2</t>
  </si>
  <si>
    <t>島__1655-2</t>
  </si>
  <si>
    <t>島__1656-2</t>
  </si>
  <si>
    <t>島__1657-2</t>
  </si>
  <si>
    <t>島__1658-2</t>
  </si>
  <si>
    <t>島__1659-2</t>
  </si>
  <si>
    <t>西新湊__291-2</t>
  </si>
  <si>
    <t>島__1660-2</t>
  </si>
  <si>
    <t>島__1661-2</t>
  </si>
  <si>
    <t>島__1662-2</t>
  </si>
  <si>
    <t>島_立田_1058-2</t>
  </si>
  <si>
    <t>堀内__1-6</t>
  </si>
  <si>
    <t>堀内__4</t>
  </si>
  <si>
    <t>堀内__25-2</t>
  </si>
  <si>
    <t>堀内__26-3</t>
  </si>
  <si>
    <t>堀内__27-2</t>
  </si>
  <si>
    <t>堀内__47-2</t>
  </si>
  <si>
    <t>西新湊__292-2</t>
  </si>
  <si>
    <t>堀内__48-2</t>
  </si>
  <si>
    <t>堀内__48-3</t>
  </si>
  <si>
    <t>堀内__49-2</t>
  </si>
  <si>
    <t>堀内__49-3</t>
  </si>
  <si>
    <t>堀内__50-2</t>
  </si>
  <si>
    <t>堀内__50-3</t>
  </si>
  <si>
    <t>堀内__51-2</t>
  </si>
  <si>
    <t>堀内__51-3</t>
  </si>
  <si>
    <t>堀内__52-2</t>
  </si>
  <si>
    <t>堀内__52-3</t>
  </si>
  <si>
    <t>西新湊__293-2</t>
  </si>
  <si>
    <t>堀内__62-2</t>
  </si>
  <si>
    <t>堀内__63-1</t>
  </si>
  <si>
    <t>堀内__64-3</t>
  </si>
  <si>
    <t>堀内__65-3</t>
  </si>
  <si>
    <t>堀内__66-3</t>
  </si>
  <si>
    <t>堀内__67-3</t>
  </si>
  <si>
    <t>堀内__68-3</t>
  </si>
  <si>
    <t>堀内__69-2</t>
  </si>
  <si>
    <t>堀内__69-3</t>
  </si>
  <si>
    <t>堀内__70-2</t>
  </si>
  <si>
    <t>西新湊__294-2</t>
  </si>
  <si>
    <t>堀内__70-3</t>
  </si>
  <si>
    <t>堀内__71-3</t>
  </si>
  <si>
    <t>堀内__72-2</t>
  </si>
  <si>
    <t>堀内__73-2</t>
  </si>
  <si>
    <t>堀内__73-3</t>
  </si>
  <si>
    <t>堀内__74-2</t>
  </si>
  <si>
    <t>堀内__74-3</t>
  </si>
  <si>
    <t>堀内__75-2</t>
  </si>
  <si>
    <t>堀内__76-2</t>
  </si>
  <si>
    <t>堀内__77-2</t>
  </si>
  <si>
    <t>西新湊__295-2</t>
  </si>
  <si>
    <t>堀内__78-2</t>
  </si>
  <si>
    <t>堀内__79-2</t>
  </si>
  <si>
    <t>堀内__80-2</t>
  </si>
  <si>
    <t>堀内__81-2</t>
  </si>
  <si>
    <t>堀内__82-2</t>
  </si>
  <si>
    <t>堀内__83-2</t>
  </si>
  <si>
    <t>堀内__84-2</t>
  </si>
  <si>
    <t>堀内__85-2</t>
  </si>
  <si>
    <t>堀内__87-2</t>
  </si>
  <si>
    <t>堀内__88-2</t>
  </si>
  <si>
    <t>西新湊__296-2</t>
  </si>
  <si>
    <t>堀内__117-3</t>
  </si>
  <si>
    <t>堀内__118-2</t>
  </si>
  <si>
    <t>堀内__154-4</t>
  </si>
  <si>
    <t>堀内__179-1</t>
  </si>
  <si>
    <t>堀内__179-2</t>
  </si>
  <si>
    <t>堀内__198-3</t>
  </si>
  <si>
    <t>堀内__199-3</t>
  </si>
  <si>
    <t>堀内__200-3</t>
  </si>
  <si>
    <t>堀内__201-3</t>
  </si>
  <si>
    <t>堀内__202-1</t>
  </si>
  <si>
    <t>西新湊__296-4</t>
  </si>
  <si>
    <t>堀内__203-3</t>
  </si>
  <si>
    <t>堀内__215-3</t>
  </si>
  <si>
    <t>堀内__216-2</t>
  </si>
  <si>
    <t>堀内__225-3</t>
  </si>
  <si>
    <t>堀内__226-2</t>
  </si>
  <si>
    <t>堀内__231-2</t>
  </si>
  <si>
    <t>堀内__232-2</t>
  </si>
  <si>
    <t>堀内__236-2</t>
  </si>
  <si>
    <t>堀内__237-2</t>
  </si>
  <si>
    <t>堀内__238-2</t>
  </si>
  <si>
    <t>西新湊__297-2</t>
  </si>
  <si>
    <t>堀内__246-2</t>
  </si>
  <si>
    <t>堀内__247-2</t>
  </si>
  <si>
    <t>堀内__257-2</t>
  </si>
  <si>
    <t>堀内__258-2</t>
  </si>
  <si>
    <t>堀内__263-2</t>
  </si>
  <si>
    <t>堀内__264-3</t>
  </si>
  <si>
    <t>堀内__268-2</t>
  </si>
  <si>
    <t>堀内__269-2</t>
  </si>
  <si>
    <t>堀内__309-4</t>
  </si>
  <si>
    <t>堀内__312-3</t>
  </si>
  <si>
    <t>西新湊__298-2</t>
  </si>
  <si>
    <t>堀内__313-4</t>
  </si>
  <si>
    <t>堀内__314-5</t>
  </si>
  <si>
    <t>堀内__315-2</t>
  </si>
  <si>
    <t>堀内__316-2</t>
  </si>
  <si>
    <t>堀内__317-2</t>
  </si>
  <si>
    <t>堀内__318-2</t>
  </si>
  <si>
    <t>堀内__319-2</t>
  </si>
  <si>
    <t>堀内__320-2</t>
  </si>
  <si>
    <t>堀内__321-2</t>
  </si>
  <si>
    <t>堀内__322-2</t>
  </si>
  <si>
    <t>庄西町二丁目__299-3</t>
  </si>
  <si>
    <t>西新湊__299-2</t>
  </si>
  <si>
    <t>堀内__323-2</t>
  </si>
  <si>
    <t>堀内__324-3</t>
  </si>
  <si>
    <t>堀内__2001-2</t>
  </si>
  <si>
    <t>堀内__2004</t>
  </si>
  <si>
    <t>堀内__2005</t>
  </si>
  <si>
    <t>堀内__2006-2</t>
  </si>
  <si>
    <t>堀内__2007-2</t>
  </si>
  <si>
    <t>堀内_向川原_1687-8</t>
  </si>
  <si>
    <t>堀内_向川原_1690-1</t>
  </si>
  <si>
    <t>堀内_向川原_1690-2</t>
  </si>
  <si>
    <t>西新湊__356-2</t>
  </si>
  <si>
    <t>堀内_向川原_1691-2</t>
  </si>
  <si>
    <t>堀内_向川原_1692-2</t>
  </si>
  <si>
    <t>堀内_向川原_1693-2</t>
  </si>
  <si>
    <t>下条__221-2</t>
  </si>
  <si>
    <t>下条__223-2</t>
  </si>
  <si>
    <t>下条__2010</t>
  </si>
  <si>
    <t>下条__2022-3</t>
  </si>
  <si>
    <t>下条__2039</t>
  </si>
  <si>
    <t>下条__2055-2</t>
  </si>
  <si>
    <t>下条__2062-2</t>
  </si>
  <si>
    <t>西新湊__357-2</t>
  </si>
  <si>
    <t>下条__2065</t>
  </si>
  <si>
    <t>下条__2086</t>
  </si>
  <si>
    <t>下条__2172</t>
  </si>
  <si>
    <t>下条__2173</t>
  </si>
  <si>
    <t>下条__2192-2</t>
  </si>
  <si>
    <t>下条__2212</t>
  </si>
  <si>
    <t>下条__2226</t>
  </si>
  <si>
    <t>下条__2253</t>
  </si>
  <si>
    <t>西新湊__358-2</t>
  </si>
  <si>
    <t>西新湊__359-2</t>
  </si>
  <si>
    <t>西新湊__360-2</t>
  </si>
  <si>
    <t>土合__321-3</t>
  </si>
  <si>
    <t>西新湊__360-3</t>
  </si>
  <si>
    <t>土合__555-3</t>
  </si>
  <si>
    <t>土合__651-4</t>
  </si>
  <si>
    <t>西新湊__361-2</t>
  </si>
  <si>
    <t>土合__653-4</t>
  </si>
  <si>
    <t>土合__654-4</t>
  </si>
  <si>
    <t>西新湊__362-2</t>
  </si>
  <si>
    <t>土合__662-4</t>
  </si>
  <si>
    <t>土合__663-5</t>
  </si>
  <si>
    <t>土合__706-2</t>
  </si>
  <si>
    <t>土合__709-2</t>
  </si>
  <si>
    <t>土合__710-2</t>
  </si>
  <si>
    <t>土合__711-2</t>
  </si>
  <si>
    <t>土合__711-3</t>
  </si>
  <si>
    <t>西新湊__363-2</t>
  </si>
  <si>
    <t>土合__712-3</t>
  </si>
  <si>
    <t>土合__713-2</t>
  </si>
  <si>
    <t>土合__714-2</t>
  </si>
  <si>
    <t>土合__715-2</t>
  </si>
  <si>
    <t>土合__715-4</t>
  </si>
  <si>
    <t>庄西町二丁目__300-2</t>
  </si>
  <si>
    <t>西新湊__364-2</t>
  </si>
  <si>
    <t>土合__753-2</t>
  </si>
  <si>
    <t>土合__754-2</t>
  </si>
  <si>
    <t>土合__757-2</t>
  </si>
  <si>
    <t>土合__758-2</t>
  </si>
  <si>
    <t>土合__759-2</t>
  </si>
  <si>
    <t>土合__760-2</t>
  </si>
  <si>
    <t>土合__762-2</t>
  </si>
  <si>
    <t>土合__763-2</t>
  </si>
  <si>
    <t>西新湊__365-2</t>
  </si>
  <si>
    <t>土合__764-2</t>
  </si>
  <si>
    <t>土合__767-2</t>
  </si>
  <si>
    <t>土合__790-2</t>
  </si>
  <si>
    <t>土合__791-2</t>
  </si>
  <si>
    <t>土合__792-5</t>
  </si>
  <si>
    <t>土合__867-2</t>
  </si>
  <si>
    <t>西新湊__366-2</t>
  </si>
  <si>
    <t>西新湊__367-2</t>
  </si>
  <si>
    <t>土合__981-2</t>
  </si>
  <si>
    <t>土合__982-2</t>
  </si>
  <si>
    <t>西新湊__482-1</t>
  </si>
  <si>
    <t>土合__1001-3</t>
  </si>
  <si>
    <t>土合__1013-2</t>
  </si>
  <si>
    <t>土合__1014-2</t>
  </si>
  <si>
    <t>土合__1015-2</t>
  </si>
  <si>
    <t>西新湊__483-1</t>
  </si>
  <si>
    <t>土合__1016-2</t>
  </si>
  <si>
    <t>土合__1017-2</t>
  </si>
  <si>
    <t>土合__1036-2</t>
  </si>
  <si>
    <t>土合__1037-2</t>
  </si>
  <si>
    <t>土合__1041-2</t>
  </si>
  <si>
    <t>土合__1042-2</t>
  </si>
  <si>
    <t>土合__1043-2</t>
  </si>
  <si>
    <t>土合__1046-2</t>
  </si>
  <si>
    <t>西新湊__486-1</t>
  </si>
  <si>
    <t>土合__1047-2</t>
  </si>
  <si>
    <t>土合__1050-2</t>
  </si>
  <si>
    <t>土合__1051-2</t>
  </si>
  <si>
    <t>土合__1052-3</t>
  </si>
  <si>
    <t>土合__1052-4</t>
  </si>
  <si>
    <t>土合__1056-2</t>
  </si>
  <si>
    <t>土合__1057-2</t>
  </si>
  <si>
    <t>土合__1058-2</t>
  </si>
  <si>
    <t>西新湊__487-2</t>
  </si>
  <si>
    <t>土合__1140-2</t>
  </si>
  <si>
    <t>土合__1147-2</t>
  </si>
  <si>
    <t>土合__1155-2</t>
  </si>
  <si>
    <t>土合__1158-2</t>
  </si>
  <si>
    <t>西新湊__488-1</t>
  </si>
  <si>
    <t>土合__1191-2</t>
  </si>
  <si>
    <t>土合__1192-3</t>
  </si>
  <si>
    <t>土合__1211-3</t>
  </si>
  <si>
    <t>土合__1211-4</t>
  </si>
  <si>
    <t>土合__1246-2</t>
  </si>
  <si>
    <t>土合__1265-7</t>
  </si>
  <si>
    <t>土合__1265-8</t>
  </si>
  <si>
    <t>西新湊__488-3</t>
  </si>
  <si>
    <t>土合__1267-2</t>
  </si>
  <si>
    <t>土合__1268-3</t>
  </si>
  <si>
    <t>土合__1296-4</t>
  </si>
  <si>
    <t>土合__1313-3</t>
  </si>
  <si>
    <t>土合__1314-4</t>
  </si>
  <si>
    <t>土合__1314-5</t>
  </si>
  <si>
    <t>土合__1315-1</t>
  </si>
  <si>
    <t>土合__1315-8</t>
  </si>
  <si>
    <t>庄西町二丁目__301-2</t>
  </si>
  <si>
    <t>西新湊__489-3</t>
  </si>
  <si>
    <t>土合__1315-9</t>
  </si>
  <si>
    <t>土合__1315-39</t>
  </si>
  <si>
    <t>土合__1315-40</t>
  </si>
  <si>
    <t>土合__1315-41</t>
  </si>
  <si>
    <t>土合__1324-2</t>
  </si>
  <si>
    <t>土合__1324-3</t>
  </si>
  <si>
    <t>土合__1324-69</t>
  </si>
  <si>
    <t>土合__1324-73</t>
  </si>
  <si>
    <t>土合__1324-81</t>
  </si>
  <si>
    <t>土合__1324-82</t>
  </si>
  <si>
    <t>西新湊__489-8</t>
  </si>
  <si>
    <t>土合__1333-2</t>
  </si>
  <si>
    <t>土合__1334-3</t>
  </si>
  <si>
    <t>土合__1334-4</t>
  </si>
  <si>
    <t>土合__1385-2</t>
  </si>
  <si>
    <t>土合__1385-3</t>
  </si>
  <si>
    <t>土合__1386-6</t>
  </si>
  <si>
    <t>土合__1387-2</t>
  </si>
  <si>
    <t>西新湊__489-13</t>
  </si>
  <si>
    <t>西新湊__490-3</t>
  </si>
  <si>
    <t>西新湊__490-4</t>
  </si>
  <si>
    <t>土合__1433-6</t>
  </si>
  <si>
    <t>土合__1433-7</t>
  </si>
  <si>
    <t>土合__1433-8</t>
  </si>
  <si>
    <t>土合__1433-9</t>
  </si>
  <si>
    <t>土合__1433-10</t>
  </si>
  <si>
    <t>土合__1434-1</t>
  </si>
  <si>
    <t>西新湊__491-2</t>
  </si>
  <si>
    <t>土合__1434-2</t>
  </si>
  <si>
    <t>土合__1434-17</t>
  </si>
  <si>
    <t>土合__1434-18</t>
  </si>
  <si>
    <t>土合__1434-23</t>
  </si>
  <si>
    <t>土合__1434-24</t>
  </si>
  <si>
    <t>土合__1435-1</t>
  </si>
  <si>
    <t>土合__1435-3</t>
  </si>
  <si>
    <t>土合__1435-6</t>
  </si>
  <si>
    <t>土合__1435-7</t>
  </si>
  <si>
    <t>土合__1457-3</t>
  </si>
  <si>
    <t>西新湊__492</t>
  </si>
  <si>
    <t>土合__1458-2</t>
  </si>
  <si>
    <t>土合__1459-3</t>
  </si>
  <si>
    <t>土合__1460-2</t>
  </si>
  <si>
    <t>土合__1461-3</t>
  </si>
  <si>
    <t>土合__1462-4</t>
  </si>
  <si>
    <t>土合__1462-5</t>
  </si>
  <si>
    <t>土合__1462-6</t>
  </si>
  <si>
    <t>土合__1463-2</t>
  </si>
  <si>
    <t>土合__1463-4</t>
  </si>
  <si>
    <t>土合__1477-3</t>
  </si>
  <si>
    <t>西新湊__493</t>
  </si>
  <si>
    <t>土合__1477-7</t>
  </si>
  <si>
    <t>土合__1477-8</t>
  </si>
  <si>
    <t>土合__1500-3</t>
  </si>
  <si>
    <t>土合__1510-3</t>
  </si>
  <si>
    <t>土合__1511-9</t>
  </si>
  <si>
    <t>土合__1511-10</t>
  </si>
  <si>
    <t>土合__1511-11</t>
  </si>
  <si>
    <t>土合__1530-2</t>
  </si>
  <si>
    <t>土合__1531-2</t>
  </si>
  <si>
    <t>土合__1534-1</t>
  </si>
  <si>
    <t>西新湊__494</t>
  </si>
  <si>
    <t>土合__1535-1</t>
  </si>
  <si>
    <t>土合__1535-9</t>
  </si>
  <si>
    <t>土合__1537-1</t>
  </si>
  <si>
    <t>土合__1540-3</t>
  </si>
  <si>
    <t>土合__1540-4</t>
  </si>
  <si>
    <t>土合__1540-5</t>
  </si>
  <si>
    <t>土合__1541-1</t>
  </si>
  <si>
    <t>土合__1543-2</t>
  </si>
  <si>
    <t>土合__1544-2</t>
  </si>
  <si>
    <t>土合__1548-3</t>
  </si>
  <si>
    <t>三日曽根__19-19</t>
  </si>
  <si>
    <t>土合__1548-4</t>
  </si>
  <si>
    <t>土合__1550-2</t>
  </si>
  <si>
    <t>土合__1570-2</t>
  </si>
  <si>
    <t>土合__1571-2</t>
  </si>
  <si>
    <t>土合__1579-2</t>
  </si>
  <si>
    <t>土合__1579-3</t>
  </si>
  <si>
    <t>土合__1580-3</t>
  </si>
  <si>
    <t>土合__1580-4</t>
  </si>
  <si>
    <t>土合__1581-1</t>
  </si>
  <si>
    <t>土合__1581-4</t>
  </si>
  <si>
    <t>庄西町二丁目__302-2</t>
  </si>
  <si>
    <t>三日曽根__19-21</t>
  </si>
  <si>
    <t>土合__1581-5</t>
  </si>
  <si>
    <t>土合__1582-2</t>
  </si>
  <si>
    <t>土合__1583-2</t>
  </si>
  <si>
    <t>土合__1584-4</t>
  </si>
  <si>
    <t>土合__1590-1</t>
  </si>
  <si>
    <t>土合__1592-5</t>
  </si>
  <si>
    <t>土合__1592-8</t>
  </si>
  <si>
    <t>土合__1592-10</t>
  </si>
  <si>
    <t>串田__36-2</t>
  </si>
  <si>
    <t>串田__36-3</t>
  </si>
  <si>
    <t>三日曽根__19-6</t>
  </si>
  <si>
    <t>串田__41-2</t>
  </si>
  <si>
    <t>串田__72-2</t>
  </si>
  <si>
    <t>串田__196-4</t>
  </si>
  <si>
    <t>串田__196-6</t>
  </si>
  <si>
    <t>串田__197-3</t>
  </si>
  <si>
    <t>串田__203-5</t>
  </si>
  <si>
    <t>串田__203-6</t>
  </si>
  <si>
    <t>串田__204-5</t>
  </si>
  <si>
    <t>串田__204-6</t>
  </si>
  <si>
    <t>串田__207-3</t>
  </si>
  <si>
    <t>三日曽根__50</t>
  </si>
  <si>
    <t>串田__208-3</t>
  </si>
  <si>
    <t>串田__210-5</t>
  </si>
  <si>
    <t>串田__210-6</t>
  </si>
  <si>
    <t>串田__211-3</t>
  </si>
  <si>
    <t>串田__212-3</t>
  </si>
  <si>
    <t>串田__625-3</t>
  </si>
  <si>
    <t>串田__627-2</t>
  </si>
  <si>
    <t>串田__670-2</t>
  </si>
  <si>
    <t>串田__672-2</t>
  </si>
  <si>
    <t>串田__778-2</t>
  </si>
  <si>
    <t>三日曽根__51</t>
  </si>
  <si>
    <t>串田__810-3</t>
  </si>
  <si>
    <t>串田__813-3</t>
  </si>
  <si>
    <t>串田__834-2</t>
  </si>
  <si>
    <t>串田__835-5</t>
  </si>
  <si>
    <t>串田__846-2</t>
  </si>
  <si>
    <t>串田__847-2</t>
  </si>
  <si>
    <t>串田__848-2</t>
  </si>
  <si>
    <t>串田__849-2</t>
  </si>
  <si>
    <t>串田__852-2</t>
  </si>
  <si>
    <t>串田__853-2</t>
  </si>
  <si>
    <t>三日曽根__52</t>
  </si>
  <si>
    <t>串田__854-2</t>
  </si>
  <si>
    <t>串田__855-2</t>
  </si>
  <si>
    <t>串田__861-2</t>
  </si>
  <si>
    <t>串田__861-3</t>
  </si>
  <si>
    <t>串田__862-2</t>
  </si>
  <si>
    <t>串田__862-3</t>
  </si>
  <si>
    <t>串田__863-2</t>
  </si>
  <si>
    <t>串田__863-3</t>
  </si>
  <si>
    <t>串田__864-2</t>
  </si>
  <si>
    <t>串田__864-3</t>
  </si>
  <si>
    <t>三日曽根__54</t>
  </si>
  <si>
    <t>串田__865-2</t>
  </si>
  <si>
    <t>串田__865-3</t>
  </si>
  <si>
    <t>串田__866-2</t>
  </si>
  <si>
    <t>串田__866-3</t>
  </si>
  <si>
    <t>串田__867-2</t>
  </si>
  <si>
    <t>串田__867-3</t>
  </si>
  <si>
    <t>串田__868-3</t>
  </si>
  <si>
    <t>串田__868-5</t>
  </si>
  <si>
    <t>串田__869-2</t>
  </si>
  <si>
    <t>串田__870-3</t>
  </si>
  <si>
    <t>三日曽根__56</t>
  </si>
  <si>
    <t>串田__872-2</t>
  </si>
  <si>
    <t>串田__873-2</t>
  </si>
  <si>
    <t>串田__874-2</t>
  </si>
  <si>
    <t>串田__875-2</t>
  </si>
  <si>
    <t>串田__876-2</t>
  </si>
  <si>
    <t>串田__877-2</t>
  </si>
  <si>
    <t>串田__878-2</t>
  </si>
  <si>
    <t>串田__885-2</t>
  </si>
  <si>
    <t>串田__886-2</t>
  </si>
  <si>
    <t>串田__887-3</t>
  </si>
  <si>
    <t>三日曽根__57</t>
  </si>
  <si>
    <t>串田__887-4</t>
  </si>
  <si>
    <t>串田__996-2</t>
  </si>
  <si>
    <t>串田__997-5</t>
  </si>
  <si>
    <t>串田__997-6</t>
  </si>
  <si>
    <t>串田__997-7</t>
  </si>
  <si>
    <t>串田__997-8</t>
  </si>
  <si>
    <t>串田__998-2</t>
  </si>
  <si>
    <t>串田__999-2</t>
  </si>
  <si>
    <t>串田__1000-2</t>
  </si>
  <si>
    <t>串田__1001-2</t>
  </si>
  <si>
    <t>三日曽根__59</t>
  </si>
  <si>
    <t>串田__1002-2</t>
  </si>
  <si>
    <t>串田__1003-2</t>
  </si>
  <si>
    <t>串田__1004-2</t>
  </si>
  <si>
    <t>串田__1005-2</t>
  </si>
  <si>
    <t>串田__1006-2</t>
  </si>
  <si>
    <t>串田__1007-2</t>
  </si>
  <si>
    <t>串田__1008-5</t>
  </si>
  <si>
    <t>串田__1008-6</t>
  </si>
  <si>
    <t>串田__1008-7</t>
  </si>
  <si>
    <t>串田__1008-8</t>
  </si>
  <si>
    <t>三日曽根__61</t>
  </si>
  <si>
    <t>串田__1009-2</t>
  </si>
  <si>
    <t>串田__1010-2</t>
  </si>
  <si>
    <t>串田__1027-2</t>
  </si>
  <si>
    <t>串田__1028-2</t>
  </si>
  <si>
    <t>串田__1029-2</t>
  </si>
  <si>
    <t>串田__1030-2</t>
  </si>
  <si>
    <t>串田__1031-2</t>
  </si>
  <si>
    <t>串田__1032-2</t>
  </si>
  <si>
    <t>串田__1033-2</t>
  </si>
  <si>
    <t>串田__1034-2</t>
  </si>
  <si>
    <t>庄西町二丁目__303-1</t>
  </si>
  <si>
    <t>三日曽根__63</t>
  </si>
  <si>
    <t>串田__1035-2</t>
  </si>
  <si>
    <t>串田__1036-2</t>
  </si>
  <si>
    <t>串田__1037-2</t>
  </si>
  <si>
    <t>串田__1038-2</t>
  </si>
  <si>
    <t>串田__1039-2</t>
  </si>
  <si>
    <t>串田__1040-2</t>
  </si>
  <si>
    <t>串田__1169-2</t>
  </si>
  <si>
    <t>串田__1174</t>
  </si>
  <si>
    <t>串田__1181</t>
  </si>
  <si>
    <t>串田__1182</t>
  </si>
  <si>
    <t>三日曽根__64</t>
  </si>
  <si>
    <t>串田__1241-3</t>
  </si>
  <si>
    <t>串田__1242-2</t>
  </si>
  <si>
    <t>串田__1243-2</t>
  </si>
  <si>
    <t>串田__1244-2</t>
  </si>
  <si>
    <t>串田__1245-2</t>
  </si>
  <si>
    <t>串田__1246-2</t>
  </si>
  <si>
    <t>串田__1247-2</t>
  </si>
  <si>
    <t>串田__1248-2</t>
  </si>
  <si>
    <t>串田__1249-2</t>
  </si>
  <si>
    <t>串田__1250-2</t>
  </si>
  <si>
    <t>三日曽根__65</t>
  </si>
  <si>
    <t>串田__1251-2</t>
  </si>
  <si>
    <t>串田__1252-2</t>
  </si>
  <si>
    <t>串田__1253-2</t>
  </si>
  <si>
    <t>串田__1339-3</t>
  </si>
  <si>
    <t>串田__1412-4</t>
  </si>
  <si>
    <t>串田__1413-4</t>
  </si>
  <si>
    <t>串田__1430-2</t>
  </si>
  <si>
    <t>串田__1431-2</t>
  </si>
  <si>
    <t>串田__1432-2</t>
  </si>
  <si>
    <t>串田__1464-2</t>
  </si>
  <si>
    <t>三日曽根__67</t>
  </si>
  <si>
    <t>串田__1465-2</t>
  </si>
  <si>
    <t>串田__1466-2</t>
  </si>
  <si>
    <t>串田__1467-2</t>
  </si>
  <si>
    <t>串田__1468-2</t>
  </si>
  <si>
    <t>串田__1469-3</t>
  </si>
  <si>
    <t>串田__1470-4</t>
  </si>
  <si>
    <t>串田__1518-2</t>
  </si>
  <si>
    <t>串田__1519-2</t>
  </si>
  <si>
    <t>串田__1520-2</t>
  </si>
  <si>
    <t>串田__1523-2</t>
  </si>
  <si>
    <t>三日曽根__68</t>
  </si>
  <si>
    <t>串田__1524-2</t>
  </si>
  <si>
    <t>串田__1576-2</t>
  </si>
  <si>
    <t>串田__1577-2</t>
  </si>
  <si>
    <t>串田__1578-2</t>
  </si>
  <si>
    <t>串田__1580-2</t>
  </si>
  <si>
    <t>串田__1581-2</t>
  </si>
  <si>
    <t>串田__1582-2</t>
  </si>
  <si>
    <t>串田__1582-3</t>
  </si>
  <si>
    <t>串田__1692</t>
  </si>
  <si>
    <t>串田__3003</t>
  </si>
  <si>
    <t>三日曽根__71</t>
  </si>
  <si>
    <t>串田__3011</t>
  </si>
  <si>
    <t>串田__3036</t>
  </si>
  <si>
    <t>串田__3057</t>
  </si>
  <si>
    <t>串田__3062</t>
  </si>
  <si>
    <t>串田__3063</t>
  </si>
  <si>
    <t>串田__3065</t>
  </si>
  <si>
    <t>串田__3073</t>
  </si>
  <si>
    <t>串田__3085</t>
  </si>
  <si>
    <t>串田__5531</t>
  </si>
  <si>
    <t>串田__5532</t>
  </si>
  <si>
    <t>三日曽根__72</t>
  </si>
  <si>
    <t>串田__5533</t>
  </si>
  <si>
    <t>串田__5534</t>
  </si>
  <si>
    <t>串田__5535</t>
  </si>
  <si>
    <t>串田__5536</t>
  </si>
  <si>
    <t>串田__5537</t>
  </si>
  <si>
    <t>串田__5538</t>
  </si>
  <si>
    <t>串田__5539</t>
  </si>
  <si>
    <t>串田__5540</t>
  </si>
  <si>
    <t>串田__5541</t>
  </si>
  <si>
    <t>串田__5542</t>
  </si>
  <si>
    <t>三日曽根__75</t>
  </si>
  <si>
    <t>串田__5543</t>
  </si>
  <si>
    <t>串田__5544</t>
  </si>
  <si>
    <t>串田__5545</t>
  </si>
  <si>
    <t>串田__5546</t>
  </si>
  <si>
    <t>串田__5547</t>
  </si>
  <si>
    <t>串田__5548</t>
  </si>
  <si>
    <t>串田__5549</t>
  </si>
  <si>
    <t>串田__5550</t>
  </si>
  <si>
    <t>串田__5551</t>
  </si>
  <si>
    <t>串田__5552</t>
  </si>
  <si>
    <t>善光寺__16-13</t>
  </si>
  <si>
    <t>串田__5553</t>
  </si>
  <si>
    <t>串田__5554</t>
  </si>
  <si>
    <t>串田__5555</t>
  </si>
  <si>
    <t>串田__5556</t>
  </si>
  <si>
    <t>串田__5557</t>
  </si>
  <si>
    <t>串田__5558</t>
  </si>
  <si>
    <t>串田__5559</t>
  </si>
  <si>
    <t>串田__5560</t>
  </si>
  <si>
    <t>串田__5561</t>
  </si>
  <si>
    <t>串田__5562</t>
  </si>
  <si>
    <t>善光寺__37-10</t>
  </si>
  <si>
    <t>串田__5563</t>
  </si>
  <si>
    <t>串田__5564</t>
  </si>
  <si>
    <t>串田__5565</t>
  </si>
  <si>
    <t>串田__5566</t>
  </si>
  <si>
    <t>串田__5567</t>
  </si>
  <si>
    <t>串田__5568</t>
  </si>
  <si>
    <t>串田__5569</t>
  </si>
  <si>
    <t>串田__5570</t>
  </si>
  <si>
    <t>串田__5572</t>
  </si>
  <si>
    <t>串田__5573</t>
  </si>
  <si>
    <t>庄西町二丁目__303-2</t>
  </si>
  <si>
    <t>善光寺__50</t>
  </si>
  <si>
    <t>串田__5574</t>
  </si>
  <si>
    <t>串田__5575</t>
  </si>
  <si>
    <t>串田__5576</t>
  </si>
  <si>
    <t>串田__5577</t>
  </si>
  <si>
    <t>串田__5578</t>
  </si>
  <si>
    <t>串田__5579</t>
  </si>
  <si>
    <t>串田__5580</t>
  </si>
  <si>
    <t>串田__5581</t>
  </si>
  <si>
    <t>串田__5582</t>
  </si>
  <si>
    <t>串田__5583</t>
  </si>
  <si>
    <t>善光寺__51</t>
  </si>
  <si>
    <t>串田__5584</t>
  </si>
  <si>
    <t>串田__5585</t>
  </si>
  <si>
    <t>串田__5586</t>
  </si>
  <si>
    <t>串田__5587</t>
  </si>
  <si>
    <t>串田__5588</t>
  </si>
  <si>
    <t>串田__5591</t>
  </si>
  <si>
    <t>串田__5592</t>
  </si>
  <si>
    <t>串田__5593</t>
  </si>
  <si>
    <t>串田__5594</t>
  </si>
  <si>
    <t>串田__5595</t>
  </si>
  <si>
    <t>善光寺__52</t>
  </si>
  <si>
    <t>串田__5596</t>
  </si>
  <si>
    <t>串田__5597</t>
  </si>
  <si>
    <t>串田__5598</t>
  </si>
  <si>
    <t>串田__5599</t>
  </si>
  <si>
    <t>串田__5600</t>
  </si>
  <si>
    <t>串田__5601</t>
  </si>
  <si>
    <t>串田__5602</t>
  </si>
  <si>
    <t>串田__5603</t>
  </si>
  <si>
    <t>串田__5604</t>
  </si>
  <si>
    <t>串田__5605</t>
  </si>
  <si>
    <t>善光寺__53</t>
  </si>
  <si>
    <t>串田__5606</t>
  </si>
  <si>
    <t>串田__5607</t>
  </si>
  <si>
    <t>串田__5608</t>
  </si>
  <si>
    <t>串田__5609</t>
  </si>
  <si>
    <t>串田__5610</t>
  </si>
  <si>
    <t>串田__5611</t>
  </si>
  <si>
    <t>串田__5612</t>
  </si>
  <si>
    <t>串田__5613</t>
  </si>
  <si>
    <t>串田__5614</t>
  </si>
  <si>
    <t>串田__5615</t>
  </si>
  <si>
    <t>善光寺__54</t>
  </si>
  <si>
    <t>串田__5616</t>
  </si>
  <si>
    <t>串田__5617</t>
  </si>
  <si>
    <t>串田__5618</t>
  </si>
  <si>
    <t>串田__5619</t>
  </si>
  <si>
    <t>串田__5620</t>
  </si>
  <si>
    <t>串田__5621</t>
  </si>
  <si>
    <t>串田__5622</t>
  </si>
  <si>
    <t>串田__5623</t>
  </si>
  <si>
    <t>串田__5624</t>
  </si>
  <si>
    <t>串田__5625</t>
  </si>
  <si>
    <t>善光寺__56</t>
  </si>
  <si>
    <t>串田__5626</t>
  </si>
  <si>
    <t>串田__5627</t>
  </si>
  <si>
    <t>串田__5628</t>
  </si>
  <si>
    <t>串田_村中_4798-2</t>
  </si>
  <si>
    <t>串田_村中_4798-1</t>
  </si>
  <si>
    <t>串田_村中_4799-2</t>
  </si>
  <si>
    <t>串田_村中_4799-1</t>
  </si>
  <si>
    <t>串田_村中_4800-2</t>
  </si>
  <si>
    <t>串田_村中_4800-1</t>
  </si>
  <si>
    <t>串田_村中_4801-3</t>
  </si>
  <si>
    <t>善光寺__57</t>
  </si>
  <si>
    <t>串田_村中_4813-3</t>
  </si>
  <si>
    <t>串田_村中_4813-4</t>
  </si>
  <si>
    <t>串田_村中_4825-3</t>
  </si>
  <si>
    <t>串田_村中_4883-2</t>
  </si>
  <si>
    <t>串田_村中_4883-4</t>
  </si>
  <si>
    <t>串田_村中_4929-2</t>
  </si>
  <si>
    <t>串田_村中_4930-2</t>
  </si>
  <si>
    <t>串田_村中_4937-2</t>
  </si>
  <si>
    <t>串田_村中_4938-2</t>
  </si>
  <si>
    <t>串田_村中_4946-2</t>
  </si>
  <si>
    <t>善光寺__58</t>
  </si>
  <si>
    <t>串田_村中_4947-3</t>
  </si>
  <si>
    <t>串田_村中_4948-3</t>
  </si>
  <si>
    <t>串田_松原_6453-2</t>
  </si>
  <si>
    <t>串田_松原_6455-3</t>
  </si>
  <si>
    <t>串田_松原_6509-2</t>
  </si>
  <si>
    <t>串田_松原_6511-3</t>
  </si>
  <si>
    <t>串田_松原_6514-1</t>
  </si>
  <si>
    <t>串田_松原_6514-2</t>
  </si>
  <si>
    <t>串田_松原_6515-1</t>
  </si>
  <si>
    <t>串田_松原_6515-2</t>
  </si>
  <si>
    <t>善光寺__61</t>
  </si>
  <si>
    <t>串田_松原_6515-3</t>
  </si>
  <si>
    <t>串田_松原_6518</t>
  </si>
  <si>
    <t>串田_松原_6519</t>
  </si>
  <si>
    <t>串田_松原_6520</t>
  </si>
  <si>
    <t>串田_松原_6521</t>
  </si>
  <si>
    <t>串田_松原_6522</t>
  </si>
  <si>
    <t>串田_松原_6523</t>
  </si>
  <si>
    <t>串田_大沢_6832-2</t>
  </si>
  <si>
    <t>串田_大沢_6833-2</t>
  </si>
  <si>
    <t>串田_大沢_6834-2</t>
  </si>
  <si>
    <t>善光寺__62</t>
  </si>
  <si>
    <t>串田_大沢_6835-3</t>
  </si>
  <si>
    <t>串田_大沢_6835-4</t>
  </si>
  <si>
    <t>串田_大沢_6844-4</t>
  </si>
  <si>
    <t>串田_大沢_6847-4</t>
  </si>
  <si>
    <t>串田_大沢_6847-5</t>
  </si>
  <si>
    <t>串田_大沢_6858-2</t>
  </si>
  <si>
    <t>串田_大沢_6868-2</t>
  </si>
  <si>
    <t>串田_大沢_6989-2</t>
  </si>
  <si>
    <t>串田_大沢_7013-2</t>
  </si>
  <si>
    <t>串田_大沢_7014</t>
  </si>
  <si>
    <t>庄西町二丁目__308-2</t>
  </si>
  <si>
    <t>善光寺__64</t>
  </si>
  <si>
    <t>串田_大沢_7017-2</t>
  </si>
  <si>
    <t>串田_大沢_7018-2</t>
  </si>
  <si>
    <t>串田_大沢_7018-4</t>
  </si>
  <si>
    <t>串田_大沢_7018-5</t>
  </si>
  <si>
    <t>串田_大沢_7024-1</t>
  </si>
  <si>
    <t>串田_大沢_7024-3</t>
  </si>
  <si>
    <t>串田_大沢_7025-2</t>
  </si>
  <si>
    <t>串田_大沢_7027-2</t>
  </si>
  <si>
    <t>串田_大沢_7028-2</t>
  </si>
  <si>
    <t>串田_大沢_7049</t>
  </si>
  <si>
    <t>善光寺__65</t>
  </si>
  <si>
    <t>串田_大沢_7058-2</t>
  </si>
  <si>
    <t>串田_大沢_7059</t>
  </si>
  <si>
    <t>串田_大沢_7060-3</t>
  </si>
  <si>
    <t>串田_大沢_7060-4</t>
  </si>
  <si>
    <t>串田_大沢_7061-3</t>
  </si>
  <si>
    <t>串田_大沢_7061-4</t>
  </si>
  <si>
    <t>串田_大沢_7066-3</t>
  </si>
  <si>
    <t>串田_大沢_7066-4</t>
  </si>
  <si>
    <t>串田_大沢_7067-2</t>
  </si>
  <si>
    <t>串田_大沢_7068-2</t>
  </si>
  <si>
    <t>善光寺__66</t>
  </si>
  <si>
    <t>串田_大沢_7069-2</t>
  </si>
  <si>
    <t>串田_大沢_7076-2</t>
  </si>
  <si>
    <t>串田_大沢_7078-2</t>
  </si>
  <si>
    <t>串田_大沢_7096</t>
  </si>
  <si>
    <t>串田_大沢_7099-2</t>
  </si>
  <si>
    <t>串田_大沢_7109-2</t>
  </si>
  <si>
    <t>串田_明地_8156-1</t>
  </si>
  <si>
    <t>串田_明地_8208-3</t>
  </si>
  <si>
    <t>串田_明地_8208-4</t>
  </si>
  <si>
    <t>串田_明地_8213-3</t>
  </si>
  <si>
    <t>善光寺__68</t>
  </si>
  <si>
    <t>串田_明地_8213-4</t>
  </si>
  <si>
    <t>串田_明地_8213-5</t>
  </si>
  <si>
    <t>串田_明地_8214-2</t>
  </si>
  <si>
    <t>串田_明地_8215-2</t>
  </si>
  <si>
    <t>串田_明地_8216-2</t>
  </si>
  <si>
    <t>串田_明地_8223-2</t>
  </si>
  <si>
    <t>串田_明地_8224-2</t>
  </si>
  <si>
    <t>串田_明地_8225-2</t>
  </si>
  <si>
    <t>串田_明地_8230-2</t>
  </si>
  <si>
    <t>串田_明地_8231-2</t>
  </si>
  <si>
    <t>善光寺__69</t>
  </si>
  <si>
    <t>串田_明地_8232-3</t>
  </si>
  <si>
    <t>串田_明地_8233-2</t>
  </si>
  <si>
    <t>串田_明地_8234-2</t>
  </si>
  <si>
    <t>串田_明地_8235-2</t>
  </si>
  <si>
    <t>串田_明地_8236-2</t>
  </si>
  <si>
    <t>串田_明地_8237-3</t>
  </si>
  <si>
    <t>串田_明地_8237-4</t>
  </si>
  <si>
    <t>串田_明地_8254-2</t>
  </si>
  <si>
    <t>串田_明地_8255-2</t>
  </si>
  <si>
    <t>串田_明地_8293-2</t>
  </si>
  <si>
    <t>善光寺__72</t>
  </si>
  <si>
    <t>串田_明地_8294-2</t>
  </si>
  <si>
    <t>串田_明地_8295-2</t>
  </si>
  <si>
    <t>串田_明地_8296-2</t>
  </si>
  <si>
    <t>串田_明地_8300-2</t>
  </si>
  <si>
    <t>串田_明地_8301-2</t>
  </si>
  <si>
    <t>串田_明地_8302-2</t>
  </si>
  <si>
    <t>串田_明地_8304-2</t>
  </si>
  <si>
    <t>串田_明地_8306-3</t>
  </si>
  <si>
    <t>串田_明地_8307-3</t>
  </si>
  <si>
    <t>串田_明地_8308-5</t>
  </si>
  <si>
    <t>善光寺__74</t>
  </si>
  <si>
    <t>串田_明地_8308-6</t>
  </si>
  <si>
    <t>串田_明地_8309-3</t>
  </si>
  <si>
    <t>串田_明地_8310-2</t>
  </si>
  <si>
    <t>串田_明地_8311-2</t>
  </si>
  <si>
    <t>串田_明地_8312-2</t>
  </si>
  <si>
    <t>串田_明地_8313-2</t>
  </si>
  <si>
    <t>串田_明地_8314-2</t>
  </si>
  <si>
    <t>串田_明地_8324-3</t>
  </si>
  <si>
    <t>串田_明地_8324-4</t>
  </si>
  <si>
    <t>串田_明地_8325-2</t>
  </si>
  <si>
    <t>善光寺__75</t>
  </si>
  <si>
    <t>串田_明地_8326-2</t>
  </si>
  <si>
    <t>串田_明地_8328-2</t>
  </si>
  <si>
    <t>串田_明地_8329-2</t>
  </si>
  <si>
    <t>串田_明地_8330-2</t>
  </si>
  <si>
    <t>串田_明地_8331-2</t>
  </si>
  <si>
    <t>串田_明地_8331-3</t>
  </si>
  <si>
    <t>串田_明地_8374-2</t>
  </si>
  <si>
    <t>串田_明地_8375-2</t>
  </si>
  <si>
    <t>串田_明地_8376-2</t>
  </si>
  <si>
    <t>串田_明地_8378-2</t>
  </si>
  <si>
    <t>善光寺__76</t>
  </si>
  <si>
    <t>串田_明地_8379-2</t>
  </si>
  <si>
    <t>串田_明地_8380-2</t>
  </si>
  <si>
    <t>串田_明地_8381-2</t>
  </si>
  <si>
    <t>串田_明地_8382-2</t>
  </si>
  <si>
    <t>串田_明地_8393-5</t>
  </si>
  <si>
    <t>串田_明地_8395-2</t>
  </si>
  <si>
    <t>串田_明地_8397-2</t>
  </si>
  <si>
    <t>串田_明地_8398</t>
  </si>
  <si>
    <t>串田_明地_8399-2</t>
  </si>
  <si>
    <t>串田_明地_8400</t>
  </si>
  <si>
    <t>善光寺__78</t>
  </si>
  <si>
    <t>串田_明地_8410</t>
  </si>
  <si>
    <t>串田_鳥越_9224-2</t>
  </si>
  <si>
    <t>串田_鳥越_9224-4</t>
  </si>
  <si>
    <t>串田_鳥越_9226-2</t>
  </si>
  <si>
    <t>串田_鳥越_9231-1</t>
  </si>
  <si>
    <t>串田_鳥越_9234-3</t>
  </si>
  <si>
    <t>串田_鳥越_9242-3</t>
  </si>
  <si>
    <t>串田_鳥越_9243-3</t>
  </si>
  <si>
    <t>串田_鳥越_9246-3</t>
  </si>
  <si>
    <t>串田_鳥越_9248-1</t>
  </si>
  <si>
    <t>庄西町二丁目__309-7</t>
  </si>
  <si>
    <t>善光寺__79</t>
  </si>
  <si>
    <t>串田_鳥越_9323-2</t>
  </si>
  <si>
    <t>串田_鳥越_9356-4</t>
  </si>
  <si>
    <t>串田_鳥越_9357-4</t>
  </si>
  <si>
    <t>串田_鳥越_9360-3</t>
  </si>
  <si>
    <t>串田_鳥越_9365-3</t>
  </si>
  <si>
    <t>串田_御坊山_77-5</t>
  </si>
  <si>
    <t>串田_丸山_87-2</t>
  </si>
  <si>
    <t>串田_鳥越_167-4</t>
  </si>
  <si>
    <t>串田_鳥越_167-5</t>
  </si>
  <si>
    <t>串田_鳥越_167-6</t>
  </si>
  <si>
    <t>善光寺__80</t>
  </si>
  <si>
    <t>串田_鳥越_175-16</t>
  </si>
  <si>
    <t>串田_鳥越_175-19</t>
  </si>
  <si>
    <t>串田_鳥越_175-20</t>
  </si>
  <si>
    <t>串田_鳥越_177-5</t>
  </si>
  <si>
    <t>串田_鳥越_182-3</t>
  </si>
  <si>
    <t>串田_鳥越_184-3</t>
  </si>
  <si>
    <t>串田_鳥越_185-2</t>
  </si>
  <si>
    <t>串田_鳥越_186-5</t>
  </si>
  <si>
    <t>串田_鳥越_186-6</t>
  </si>
  <si>
    <t>串田_鳥越_188-3</t>
  </si>
  <si>
    <t>善光寺__82</t>
  </si>
  <si>
    <t>串田_鳥越_189-5</t>
  </si>
  <si>
    <t>串田_鳥越_189-7</t>
  </si>
  <si>
    <t>串田_鳥越_191-3</t>
  </si>
  <si>
    <t>串田_鳥越_191-4</t>
  </si>
  <si>
    <t>串田_鳥越_195-4</t>
  </si>
  <si>
    <t>串田_鳥越_197-11</t>
  </si>
  <si>
    <t>串田_鳥越_197-12</t>
  </si>
  <si>
    <t>串田_鳥越_197-13</t>
  </si>
  <si>
    <t>串田_鳥越_198-2</t>
  </si>
  <si>
    <t>串田_鳥越_200-8</t>
  </si>
  <si>
    <t>善光寺__83</t>
  </si>
  <si>
    <t>串田_鳥越_225-6</t>
  </si>
  <si>
    <t>串田_鳥越_225-8</t>
  </si>
  <si>
    <t>串田_鳥越_226-3</t>
  </si>
  <si>
    <t>串田_鳥越_226-6</t>
  </si>
  <si>
    <t>串田_鳥越_227-3</t>
  </si>
  <si>
    <t>串田_鳥越_229-2</t>
  </si>
  <si>
    <t>串田_鳥越_229-3</t>
  </si>
  <si>
    <t>串田_鳥越_255-1</t>
  </si>
  <si>
    <t>串田_鳥越_255-2</t>
  </si>
  <si>
    <t>串田_鳥越_259-1</t>
  </si>
  <si>
    <t>善光寺__84</t>
  </si>
  <si>
    <t>串田_鳥越_260-1</t>
  </si>
  <si>
    <t>串田_鳥越_260-2</t>
  </si>
  <si>
    <t>串田_鳥越_262-1</t>
  </si>
  <si>
    <t>串田_鳥越_262-2</t>
  </si>
  <si>
    <t>串田_鳥越_262-4</t>
  </si>
  <si>
    <t>串田_鳥越_264-1</t>
  </si>
  <si>
    <t>串田_鳥越_264-6</t>
  </si>
  <si>
    <t>串田_鳥越_264-8</t>
  </si>
  <si>
    <t>串田新__206-2</t>
  </si>
  <si>
    <t>串田新__263-2</t>
  </si>
  <si>
    <t>善光寺__85</t>
  </si>
  <si>
    <t>串田新__269-2</t>
  </si>
  <si>
    <t>串田新__270-2</t>
  </si>
  <si>
    <t>串田新__271-2</t>
  </si>
  <si>
    <t>串田新__286-2</t>
  </si>
  <si>
    <t>串田新__287-2</t>
  </si>
  <si>
    <t>串田新__288-2</t>
  </si>
  <si>
    <t>串田新__303-2</t>
  </si>
  <si>
    <t>串田新__315-2</t>
  </si>
  <si>
    <t>串田新__1039</t>
  </si>
  <si>
    <t>串田新__1044</t>
  </si>
  <si>
    <t>善光寺__86</t>
  </si>
  <si>
    <t>串田新__1049</t>
  </si>
  <si>
    <t>串田新_大窪_202-2</t>
  </si>
  <si>
    <t>串田新_大窪_203-1</t>
  </si>
  <si>
    <t>串田新_大窪_204-4</t>
  </si>
  <si>
    <t>串田新_大窪_204-5</t>
  </si>
  <si>
    <t>串田新_大窪_231-2</t>
  </si>
  <si>
    <t>串田新_大窪_231-3</t>
  </si>
  <si>
    <t>串田新_大窪_249-2</t>
  </si>
  <si>
    <t>串田新_大窪_249-3</t>
  </si>
  <si>
    <t>串田新_大窪_251-4</t>
  </si>
  <si>
    <t>善光寺__87</t>
  </si>
  <si>
    <t>串田新_大窪_293-4</t>
  </si>
  <si>
    <t>串田新_水落_791-2</t>
  </si>
  <si>
    <t>串田新_水落_792-2</t>
  </si>
  <si>
    <t>串田新_水落_799-2</t>
  </si>
  <si>
    <t>串田新_上野_985-2</t>
  </si>
  <si>
    <t>串田新_上野_986-2</t>
  </si>
  <si>
    <t>串田新_上野_988-3</t>
  </si>
  <si>
    <t>串田新_上野_989-3</t>
  </si>
  <si>
    <t>串田新_上野_993-2</t>
  </si>
  <si>
    <t>串田新_上野_994-2</t>
  </si>
  <si>
    <t>善光寺__88</t>
  </si>
  <si>
    <t>串田新_上野_1032-2</t>
  </si>
  <si>
    <t>串田新_上野_1034-2</t>
  </si>
  <si>
    <t>串田新_上野_1048-2</t>
  </si>
  <si>
    <t>串田新_上野_1055-2</t>
  </si>
  <si>
    <t>串田新_上野_1056-3</t>
  </si>
  <si>
    <t>串田新_上野_1056-4</t>
  </si>
  <si>
    <t>串田新_上野_1061-2</t>
  </si>
  <si>
    <t>串田新_上野_1062-9</t>
  </si>
  <si>
    <t>串田新_上野_1062-10</t>
  </si>
  <si>
    <t>串田新_上野_1062-11</t>
  </si>
  <si>
    <t>善光寺__90</t>
  </si>
  <si>
    <t>串田新_上野_1068-3</t>
  </si>
  <si>
    <t>串田新_上野_1068-4</t>
  </si>
  <si>
    <t>串田新_上野_1074-2</t>
  </si>
  <si>
    <t>串田新_上野_1075-2</t>
  </si>
  <si>
    <t>串田新_上野_1076-2</t>
  </si>
  <si>
    <t>串田新_上野_1077-3</t>
  </si>
  <si>
    <t>串田新_上野_1080-2</t>
  </si>
  <si>
    <t>串田新_上野_1081-2</t>
  </si>
  <si>
    <t>串田新_上野_1086-2</t>
  </si>
  <si>
    <t>串田新_上野_1087-2</t>
  </si>
  <si>
    <t>庄西町一丁目__631-2</t>
  </si>
  <si>
    <t>庄西町二丁目__309-8</t>
  </si>
  <si>
    <t>善光寺__91</t>
  </si>
  <si>
    <t>串田新_上野_1088-2</t>
  </si>
  <si>
    <t>串田新_上野_1089-2</t>
  </si>
  <si>
    <t>串田新_上野_1091-4</t>
  </si>
  <si>
    <t>串田新_上野_1091-5</t>
  </si>
  <si>
    <t>串田新_上野_1092-2</t>
  </si>
  <si>
    <t>串田新_上野_1093-2</t>
  </si>
  <si>
    <t>串田新_上野_1093-3</t>
  </si>
  <si>
    <t>串田新_上野_1094-3</t>
  </si>
  <si>
    <t>串田新_上野_1094-4</t>
  </si>
  <si>
    <t>串田新_松原_1321-2</t>
  </si>
  <si>
    <t>善光寺__92</t>
  </si>
  <si>
    <t>串田新_松原_1322-2</t>
  </si>
  <si>
    <t>串田新_松原_1506-2</t>
  </si>
  <si>
    <t>串田新_松原_1506-4</t>
  </si>
  <si>
    <t>串田新_松原_1510-2</t>
  </si>
  <si>
    <t>串田新_松原_1510-3</t>
  </si>
  <si>
    <t>串田新_宮新_1547-2</t>
  </si>
  <si>
    <t>串田新_宮新_1548-2</t>
  </si>
  <si>
    <t>串田新_宮新_1549-2</t>
  </si>
  <si>
    <t>串田新_宮新_1550-2</t>
  </si>
  <si>
    <t>串田新_藏堂野_1557-2</t>
  </si>
  <si>
    <t>善光寺__95-1</t>
  </si>
  <si>
    <t>荒町__4-2</t>
  </si>
  <si>
    <t>荒町__6-4</t>
  </si>
  <si>
    <t>荒町__6-5</t>
  </si>
  <si>
    <t>荒町__6-6</t>
  </si>
  <si>
    <t>荒町__33-3</t>
  </si>
  <si>
    <t>荒町__34-3</t>
  </si>
  <si>
    <t>荒町__34-4</t>
  </si>
  <si>
    <t>荒町__35-3</t>
  </si>
  <si>
    <t>荒町__36-3</t>
  </si>
  <si>
    <t>荒町__36-4</t>
  </si>
  <si>
    <t>善光寺__110</t>
  </si>
  <si>
    <t>荒町__44-3</t>
  </si>
  <si>
    <t>荒町__48-2</t>
  </si>
  <si>
    <t>荒町__82-2</t>
  </si>
  <si>
    <t>荒町__83-2</t>
  </si>
  <si>
    <t>荒町__84-2</t>
  </si>
  <si>
    <t>荒町__87-2</t>
  </si>
  <si>
    <t>荒町__88-2</t>
  </si>
  <si>
    <t>荒町__94</t>
  </si>
  <si>
    <t>荒町__138-2</t>
  </si>
  <si>
    <t>荒町__139-2</t>
  </si>
  <si>
    <t>荒町__140-2</t>
  </si>
  <si>
    <t>荒町__182</t>
  </si>
  <si>
    <t>荒町__186-3</t>
  </si>
  <si>
    <t>荒町__186-4</t>
  </si>
  <si>
    <t>荒町__187-2</t>
  </si>
  <si>
    <t>荒町__188-3</t>
  </si>
  <si>
    <t>荒町__189-2</t>
  </si>
  <si>
    <t>荒町__191-2</t>
  </si>
  <si>
    <t>荒町__192-3</t>
  </si>
  <si>
    <t>緑町__50</t>
  </si>
  <si>
    <t>荒町__206-2</t>
  </si>
  <si>
    <t>荒町__210-2</t>
  </si>
  <si>
    <t>荒町__211-2</t>
  </si>
  <si>
    <t>荒町__212-3</t>
  </si>
  <si>
    <t>荒町__227-2</t>
  </si>
  <si>
    <t>荒町__228-2</t>
  </si>
  <si>
    <t>荒町__260-2</t>
  </si>
  <si>
    <t>荒町__266</t>
  </si>
  <si>
    <t>荒町__267</t>
  </si>
  <si>
    <t>荒町__268</t>
  </si>
  <si>
    <t>緑町__51</t>
  </si>
  <si>
    <t>荒町__269</t>
  </si>
  <si>
    <t>荒町__270</t>
  </si>
  <si>
    <t>荒町__271-1</t>
  </si>
  <si>
    <t>荒町__271-2</t>
  </si>
  <si>
    <t>荒町__272-2</t>
  </si>
  <si>
    <t>荒町__273-2</t>
  </si>
  <si>
    <t>荒町__274-2</t>
  </si>
  <si>
    <t>荒町__275-2</t>
  </si>
  <si>
    <t>荒町__276</t>
  </si>
  <si>
    <t>荒町__277-3</t>
  </si>
  <si>
    <t>緑町__52-1</t>
  </si>
  <si>
    <t>荒町__277-4</t>
  </si>
  <si>
    <t>荒町__508-2</t>
  </si>
  <si>
    <t>荒町__509-2</t>
  </si>
  <si>
    <t>荒町__510-2</t>
  </si>
  <si>
    <t>荒町__511-2</t>
  </si>
  <si>
    <t>荒町__1009</t>
  </si>
  <si>
    <t>荒町__1011</t>
  </si>
  <si>
    <t>荒町__1016</t>
  </si>
  <si>
    <t>荒町__1019</t>
  </si>
  <si>
    <t>荒町__1020</t>
  </si>
  <si>
    <t>荒町__1021</t>
  </si>
  <si>
    <t>荒町__1023</t>
  </si>
  <si>
    <t>荒町__1024</t>
  </si>
  <si>
    <t>荒町__1025</t>
  </si>
  <si>
    <t>荒町__1029</t>
  </si>
  <si>
    <t>荒町__1035-1</t>
  </si>
  <si>
    <t>荒町__1035-2</t>
  </si>
  <si>
    <t>荒町__1040</t>
  </si>
  <si>
    <t>荒町__1041</t>
  </si>
  <si>
    <t>荒町__1042-1</t>
  </si>
  <si>
    <t>緑町__54</t>
  </si>
  <si>
    <t>荒町__1042-2</t>
  </si>
  <si>
    <t>荒町__1054</t>
  </si>
  <si>
    <t>荒町__1064</t>
  </si>
  <si>
    <t>荒町__1065</t>
  </si>
  <si>
    <t>荒町__1067</t>
  </si>
  <si>
    <t>荒町__1068</t>
  </si>
  <si>
    <t>荒町__1070</t>
  </si>
  <si>
    <t>荒町__1072</t>
  </si>
  <si>
    <t>荒町__1074</t>
  </si>
  <si>
    <t>荒町__1076</t>
  </si>
  <si>
    <t>庄西町二丁目__310-3</t>
  </si>
  <si>
    <t>緑町__55</t>
  </si>
  <si>
    <t>荒町__1078</t>
  </si>
  <si>
    <t>荒町__1083</t>
  </si>
  <si>
    <t>荒町__1579-4</t>
  </si>
  <si>
    <t>荒町__1580-3</t>
  </si>
  <si>
    <t>荒町__1581-3</t>
  </si>
  <si>
    <t>荒町__1581-5</t>
  </si>
  <si>
    <t>荒町_松原_1-4</t>
  </si>
  <si>
    <t>荒町_松原_2-2</t>
  </si>
  <si>
    <t>荒町_松原_3-2</t>
  </si>
  <si>
    <t>荒町_越田_251-4</t>
  </si>
  <si>
    <t>緑町__56</t>
  </si>
  <si>
    <t>荒町_越田_264-3</t>
  </si>
  <si>
    <t>荒町_越田_265-10</t>
  </si>
  <si>
    <t>荒町_越田_284-4</t>
  </si>
  <si>
    <t>荒町_越田_284-5</t>
  </si>
  <si>
    <t>荒町_越田_334-4</t>
  </si>
  <si>
    <t>荒町_越田_334-5</t>
  </si>
  <si>
    <t>荒町_越田_335-2</t>
  </si>
  <si>
    <t>荒町_天王山_624-3</t>
  </si>
  <si>
    <t>荒町_天王山_625-2</t>
  </si>
  <si>
    <t>荒町_天王山_626-4</t>
  </si>
  <si>
    <t>緑町__61</t>
  </si>
  <si>
    <t>荒町_畑田_686-7</t>
  </si>
  <si>
    <t>荒町_畑田_686-15</t>
  </si>
  <si>
    <t>荒町_畑田_686-16</t>
  </si>
  <si>
    <t>荒町_畑田_686-17</t>
  </si>
  <si>
    <t>荒町_畑田_703-2</t>
  </si>
  <si>
    <t>荒町_畑田_703-3</t>
  </si>
  <si>
    <t>荒町_畑田_704-3</t>
  </si>
  <si>
    <t>荒町_畑田_809-2</t>
  </si>
  <si>
    <t>荒町_池田_705-5</t>
  </si>
  <si>
    <t>荒町_池田_707-8</t>
  </si>
  <si>
    <t>緑町__62</t>
  </si>
  <si>
    <t>荒町_池田_707-9</t>
  </si>
  <si>
    <t>荒町_池田_707-10</t>
  </si>
  <si>
    <t>荒町_池田_708-2</t>
  </si>
  <si>
    <t>荒町_池田_709-1</t>
  </si>
  <si>
    <t>荒町_池田_709-2</t>
  </si>
  <si>
    <t>荒町_池田_710-2</t>
  </si>
  <si>
    <t>荒町_池田_711-2</t>
  </si>
  <si>
    <t>荒町_池田_713-2</t>
  </si>
  <si>
    <t>荒町_池田_716-2</t>
  </si>
  <si>
    <t>荒町_池田_721-2</t>
  </si>
  <si>
    <t>緑町__63</t>
  </si>
  <si>
    <t>荒町_池田_733-3</t>
  </si>
  <si>
    <t>荒町_池田_738</t>
  </si>
  <si>
    <t>荒町_池田_785-3</t>
  </si>
  <si>
    <t>荒町_池田_785-4</t>
  </si>
  <si>
    <t>荒町_池田_786</t>
  </si>
  <si>
    <t>荒町_十田_1498</t>
  </si>
  <si>
    <t>荒町_十田_1499</t>
  </si>
  <si>
    <t>荒町_十田_1502</t>
  </si>
  <si>
    <t>荒町_十田_1505</t>
  </si>
  <si>
    <t>円池__55-2</t>
  </si>
  <si>
    <t>緑町__65</t>
  </si>
  <si>
    <t>円池__66-2</t>
  </si>
  <si>
    <t>円池__67-2</t>
  </si>
  <si>
    <t>円池__68-2</t>
  </si>
  <si>
    <t>円池__72-2</t>
  </si>
  <si>
    <t>円池__94-2</t>
  </si>
  <si>
    <t>円池__96-2</t>
  </si>
  <si>
    <t>円池__97-2</t>
  </si>
  <si>
    <t>円池__141-2</t>
  </si>
  <si>
    <t>円池__145-2</t>
  </si>
  <si>
    <t>円池__147-2</t>
  </si>
  <si>
    <t>緑町__67</t>
  </si>
  <si>
    <t>円池__1007</t>
  </si>
  <si>
    <t>円池__1011</t>
  </si>
  <si>
    <t>円池__1012</t>
  </si>
  <si>
    <t>円池__1022</t>
  </si>
  <si>
    <t>円池__1023</t>
  </si>
  <si>
    <t>円池又新_髙野_694-4</t>
  </si>
  <si>
    <t>円池又新_髙野_694-5</t>
  </si>
  <si>
    <t>円池又新_髙野_695-3</t>
  </si>
  <si>
    <t>円池又新_髙野_695-4</t>
  </si>
  <si>
    <t>円池又新_髙野_696-2</t>
  </si>
  <si>
    <t>緑町__68</t>
  </si>
  <si>
    <t>円池又新_髙野_696-3</t>
  </si>
  <si>
    <t>円池又新_髙野_699-2</t>
  </si>
  <si>
    <t>円池又新_髙野_699-4</t>
  </si>
  <si>
    <t>円池又新_髙野_700-2</t>
  </si>
  <si>
    <t>円池又新_髙野_701-2</t>
  </si>
  <si>
    <t>円池又新_髙野_702-2</t>
  </si>
  <si>
    <t>円池又新_髙野_702-3</t>
  </si>
  <si>
    <t>円池又新_髙野_703-2</t>
  </si>
  <si>
    <t>円池又新_髙野_703-3</t>
  </si>
  <si>
    <t>円池又新_髙野_704-3</t>
  </si>
  <si>
    <t>緑町__69</t>
  </si>
  <si>
    <t>生源寺新_梅ノ木_1976-7</t>
  </si>
  <si>
    <t>布目沢__18-3</t>
  </si>
  <si>
    <t>布目沢__24-2</t>
  </si>
  <si>
    <t>布目沢__97</t>
  </si>
  <si>
    <t>布目沢__112</t>
  </si>
  <si>
    <t>布目沢__119-2</t>
  </si>
  <si>
    <t>布目沢__142-2</t>
  </si>
  <si>
    <t>布目沢__143-1</t>
  </si>
  <si>
    <t>布目沢__146-3</t>
  </si>
  <si>
    <t>布目沢__148-2</t>
  </si>
  <si>
    <t>緑町__70</t>
  </si>
  <si>
    <t>布目沢__152-2</t>
  </si>
  <si>
    <t>布目沢__153-2</t>
  </si>
  <si>
    <t>布目沢__154-2</t>
  </si>
  <si>
    <t>布目沢__155-2</t>
  </si>
  <si>
    <t>布目沢__158-2</t>
  </si>
  <si>
    <t>布目沢__159-2</t>
  </si>
  <si>
    <t>布目沢__160-2</t>
  </si>
  <si>
    <t>布目沢__163-2</t>
  </si>
  <si>
    <t>布目沢__164-5</t>
  </si>
  <si>
    <t>布目沢__165-3</t>
  </si>
  <si>
    <t>庄西町二丁目__313-2</t>
  </si>
  <si>
    <t>緑町__71</t>
  </si>
  <si>
    <t>布目沢__165-4</t>
  </si>
  <si>
    <t>布目沢__170-5</t>
  </si>
  <si>
    <t>布目沢__173-2</t>
  </si>
  <si>
    <t>布目沢__174-2</t>
  </si>
  <si>
    <t>布目沢__175-2</t>
  </si>
  <si>
    <t>布目沢__175-3</t>
  </si>
  <si>
    <t>布目沢__181</t>
  </si>
  <si>
    <t>布目沢__184-3</t>
  </si>
  <si>
    <t>布目沢__185-2</t>
  </si>
  <si>
    <t>布目沢__186-2</t>
  </si>
  <si>
    <t>緑町__73</t>
  </si>
  <si>
    <t>布目沢__237-3</t>
  </si>
  <si>
    <t>布目沢__238-2</t>
  </si>
  <si>
    <t>布目沢__258-1</t>
  </si>
  <si>
    <t>布目沢__258-4</t>
  </si>
  <si>
    <t>布目沢__259-7</t>
  </si>
  <si>
    <t>布目沢__265-1</t>
  </si>
  <si>
    <t>布目沢__271-4</t>
  </si>
  <si>
    <t>布目沢__282-1</t>
  </si>
  <si>
    <t>布目沢__282-3</t>
  </si>
  <si>
    <t>布目沢__287-3</t>
  </si>
  <si>
    <t>緑町__74</t>
  </si>
  <si>
    <t>布目沢__287-4</t>
  </si>
  <si>
    <t>布目沢__290-5</t>
  </si>
  <si>
    <t>布目沢__290-7</t>
  </si>
  <si>
    <t>布目沢__299-2</t>
  </si>
  <si>
    <t>布目沢__299-5</t>
  </si>
  <si>
    <t>布目沢__300-2</t>
  </si>
  <si>
    <t>布目沢__301-2</t>
  </si>
  <si>
    <t>布目沢__302-2</t>
  </si>
  <si>
    <t>布目沢__303-2</t>
  </si>
  <si>
    <t>布目沢__304-2</t>
  </si>
  <si>
    <t>緑町__75</t>
  </si>
  <si>
    <t>布目沢__305-2</t>
  </si>
  <si>
    <t>布目沢__305-3</t>
  </si>
  <si>
    <t>布目沢__306-2</t>
  </si>
  <si>
    <t>布目沢__307-2</t>
  </si>
  <si>
    <t>布目沢__308-2</t>
  </si>
  <si>
    <t>布目沢__309-2</t>
  </si>
  <si>
    <t>布目沢__313</t>
  </si>
  <si>
    <t>布目沢__315-3</t>
  </si>
  <si>
    <t>布目沢__315-8</t>
  </si>
  <si>
    <t>布目沢__316-3</t>
  </si>
  <si>
    <t>緑町__77</t>
  </si>
  <si>
    <t>布目沢__317-3</t>
  </si>
  <si>
    <t>布目沢__318-3</t>
  </si>
  <si>
    <t>布目沢__354-2</t>
  </si>
  <si>
    <t>布目沢__355-2</t>
  </si>
  <si>
    <t>布目沢__356-2</t>
  </si>
  <si>
    <t>布目沢__357-2</t>
  </si>
  <si>
    <t>布目沢__357-3</t>
  </si>
  <si>
    <t>布目沢__360-2</t>
  </si>
  <si>
    <t>布目沢__361-2</t>
  </si>
  <si>
    <t>布目沢__363-2</t>
  </si>
  <si>
    <t>緑町__78</t>
  </si>
  <si>
    <t>布目沢__368-2</t>
  </si>
  <si>
    <t>布目沢__369-2</t>
  </si>
  <si>
    <t>布目沢__370-2</t>
  </si>
  <si>
    <t>布目沢__371-2</t>
  </si>
  <si>
    <t>布目沢__372-2</t>
  </si>
  <si>
    <t>布目沢__373-2</t>
  </si>
  <si>
    <t>布目沢__374-2</t>
  </si>
  <si>
    <t>布目沢__375-2</t>
  </si>
  <si>
    <t>布目沢__376-2</t>
  </si>
  <si>
    <t>布目沢__377-4</t>
  </si>
  <si>
    <t>緑町__79</t>
  </si>
  <si>
    <t>布目沢__378-2</t>
  </si>
  <si>
    <t>布目沢__379-3</t>
  </si>
  <si>
    <t>布目沢__379-4</t>
  </si>
  <si>
    <t>布目沢__380-2</t>
  </si>
  <si>
    <t>布目沢__382-1</t>
  </si>
  <si>
    <t>布目沢__440-2</t>
  </si>
  <si>
    <t>布目沢__608</t>
  </si>
  <si>
    <t>布目沢__610-2</t>
  </si>
  <si>
    <t>布目沢__1363</t>
  </si>
  <si>
    <t>布目沢__1365</t>
  </si>
  <si>
    <t>緑町__80</t>
  </si>
  <si>
    <t>布目沢_狐島_48-4</t>
  </si>
  <si>
    <t>布目沢_狐島_3436</t>
  </si>
  <si>
    <t>布目沢_荒牧_303-3</t>
  </si>
  <si>
    <t>布目沢_荒牧_553-2</t>
  </si>
  <si>
    <t>布目沢_荒牧_567-2</t>
  </si>
  <si>
    <t>布目沢_荒牧_568-2</t>
  </si>
  <si>
    <t>布目沢_苗島_549-2</t>
  </si>
  <si>
    <t>布目沢_苗島_552-2</t>
  </si>
  <si>
    <t>布目沢_苗島_573-2</t>
  </si>
  <si>
    <t>布目沢_苗島_582-2</t>
  </si>
  <si>
    <t>緑町__81</t>
  </si>
  <si>
    <t>布目沢_苗島_594-2</t>
  </si>
  <si>
    <t>布目沢_苗島_599-2</t>
  </si>
  <si>
    <t>布目沢_苗島_601-3</t>
  </si>
  <si>
    <t>布目沢_苗島_607-2</t>
  </si>
  <si>
    <t>布目沢_苗島_781-3</t>
  </si>
  <si>
    <t>布目沢_苗島_783-2</t>
  </si>
  <si>
    <t>布目沢_苗島_784-4</t>
  </si>
  <si>
    <t>布目沢_苗島_786-2</t>
  </si>
  <si>
    <t>布目沢_苗島_787-2</t>
  </si>
  <si>
    <t>布目沢_苗島_787-3</t>
  </si>
  <si>
    <t>海老江__50-1</t>
  </si>
  <si>
    <t>布目沢_苗島_793-2</t>
  </si>
  <si>
    <t>布目沢_苗島_793-3</t>
  </si>
  <si>
    <t>布目沢_苗島_794-2</t>
  </si>
  <si>
    <t>布目沢_苗島_794-3</t>
  </si>
  <si>
    <t>布目沢_苗島_795-2</t>
  </si>
  <si>
    <t>布目沢_苗島_795-3</t>
  </si>
  <si>
    <t>布目沢_苗島_796</t>
  </si>
  <si>
    <t>布目沢_苗島_804-2</t>
  </si>
  <si>
    <t>布目沢_苗島_804-3</t>
  </si>
  <si>
    <t>布目沢_苗島_806-2</t>
  </si>
  <si>
    <t>庄西町二丁目__315-3</t>
  </si>
  <si>
    <t>海老江__50-4</t>
  </si>
  <si>
    <t>布目沢_苗島_806-4</t>
  </si>
  <si>
    <t>布目沢_苗島_806-5</t>
  </si>
  <si>
    <t>布目沢_苗島_807-2</t>
  </si>
  <si>
    <t>布目沢_苗島_807-3</t>
  </si>
  <si>
    <t>布目沢_苗島_817-3</t>
  </si>
  <si>
    <t>小泉__115-2</t>
  </si>
  <si>
    <t>小泉__116-1</t>
  </si>
  <si>
    <t>小泉__205-1</t>
  </si>
  <si>
    <t>小泉__206-2</t>
  </si>
  <si>
    <t>小泉__206-5</t>
  </si>
  <si>
    <t>海老江__630-1</t>
  </si>
  <si>
    <t>小泉__211-1</t>
  </si>
  <si>
    <t>小泉__213-2</t>
  </si>
  <si>
    <t>小泉__214-2</t>
  </si>
  <si>
    <t>小泉__215-2</t>
  </si>
  <si>
    <t>小泉__218-2</t>
  </si>
  <si>
    <t>小泉__219-2</t>
  </si>
  <si>
    <t>小泉__224-2</t>
  </si>
  <si>
    <t>小泉__225-2</t>
  </si>
  <si>
    <t>小泉__226-2</t>
  </si>
  <si>
    <t>小泉__232-1</t>
  </si>
  <si>
    <t>海老江__659-2</t>
  </si>
  <si>
    <t>小泉__232-2</t>
  </si>
  <si>
    <t>小泉__406</t>
  </si>
  <si>
    <t>小泉__438</t>
  </si>
  <si>
    <t>小泉__449</t>
  </si>
  <si>
    <t>梅木__38</t>
  </si>
  <si>
    <t>梅木__42-2</t>
  </si>
  <si>
    <t>梅木__43-2</t>
  </si>
  <si>
    <t>梅木__46-2</t>
  </si>
  <si>
    <t>梅木__47-2</t>
  </si>
  <si>
    <t>梅木__55-2</t>
  </si>
  <si>
    <t>海老江__659-3</t>
  </si>
  <si>
    <t>梅木__56-2</t>
  </si>
  <si>
    <t>梅木__74-2</t>
  </si>
  <si>
    <t>梅木__75-2</t>
  </si>
  <si>
    <t>梅木__221</t>
  </si>
  <si>
    <t>梅木__222</t>
  </si>
  <si>
    <t>梅木__223</t>
  </si>
  <si>
    <t>水戸田__136-2</t>
  </si>
  <si>
    <t>水戸田__258-3</t>
  </si>
  <si>
    <t>水戸田__259-3</t>
  </si>
  <si>
    <t>水戸田__260-3</t>
  </si>
  <si>
    <t>海老江__661-2</t>
  </si>
  <si>
    <t>水戸田__261-3</t>
  </si>
  <si>
    <t>水戸田__262-3</t>
  </si>
  <si>
    <t>水戸田__263-4</t>
  </si>
  <si>
    <t>水戸田__264-2</t>
  </si>
  <si>
    <t>水戸田__265-2</t>
  </si>
  <si>
    <t>水戸田__269-2</t>
  </si>
  <si>
    <t>水戸田__270-2</t>
  </si>
  <si>
    <t>水戸田__273-2</t>
  </si>
  <si>
    <t>水戸田__274-2</t>
  </si>
  <si>
    <t>水戸田__275-2</t>
  </si>
  <si>
    <t>海老江__661-3</t>
  </si>
  <si>
    <t>水戸田__276-2</t>
  </si>
  <si>
    <t>水戸田__277-2</t>
  </si>
  <si>
    <t>水戸田__278-2</t>
  </si>
  <si>
    <t>水戸田__388-2</t>
  </si>
  <si>
    <t>水戸田__396-2</t>
  </si>
  <si>
    <t>水戸田__566-2</t>
  </si>
  <si>
    <t>水戸田__567-2</t>
  </si>
  <si>
    <t>水戸田__568-2</t>
  </si>
  <si>
    <t>水戸田__569-2</t>
  </si>
  <si>
    <t>水戸田__570-2</t>
  </si>
  <si>
    <t>海老江__662-2</t>
  </si>
  <si>
    <t>水戸田__571-2</t>
  </si>
  <si>
    <t>水戸田__572-2</t>
  </si>
  <si>
    <t>水戸田__573-2</t>
  </si>
  <si>
    <t>水戸田__574-2</t>
  </si>
  <si>
    <t>水戸田__575-2</t>
  </si>
  <si>
    <t>水戸田__576-2</t>
  </si>
  <si>
    <t>水戸田__577-2</t>
  </si>
  <si>
    <t>水戸田__578-3</t>
  </si>
  <si>
    <t>水戸田__690-3</t>
  </si>
  <si>
    <t>水戸田__744-2</t>
  </si>
  <si>
    <t>海老江_東町_26-5</t>
  </si>
  <si>
    <t>水戸田__745-2</t>
  </si>
  <si>
    <t>水戸田__746-2</t>
  </si>
  <si>
    <t>水戸田__747-2</t>
  </si>
  <si>
    <t>水戸田__748-2</t>
  </si>
  <si>
    <t>水戸田__749-2</t>
  </si>
  <si>
    <t>水戸田__750-2</t>
  </si>
  <si>
    <t>水戸田__751-2</t>
  </si>
  <si>
    <t>水戸田__752-2</t>
  </si>
  <si>
    <t>水戸田__753-2</t>
  </si>
  <si>
    <t>水戸田__754-2</t>
  </si>
  <si>
    <t>海老江_東町_26-6</t>
  </si>
  <si>
    <t>水戸田__755-2</t>
  </si>
  <si>
    <t>水戸田__757-2</t>
  </si>
  <si>
    <t>水戸田__758-2</t>
  </si>
  <si>
    <t>水戸田__759-2</t>
  </si>
  <si>
    <t>水戸田__760-2</t>
  </si>
  <si>
    <t>水戸田__761-2</t>
  </si>
  <si>
    <t>水戸田__762-2</t>
  </si>
  <si>
    <t>水戸田__763-2</t>
  </si>
  <si>
    <t>水戸田__764-2</t>
  </si>
  <si>
    <t>水戸田__765-2</t>
  </si>
  <si>
    <t>海老江_東町_30</t>
  </si>
  <si>
    <t>水戸田__766-2</t>
  </si>
  <si>
    <t>水戸田__767-2</t>
  </si>
  <si>
    <t>水戸田__768-2</t>
  </si>
  <si>
    <t>水戸田__769-2</t>
  </si>
  <si>
    <t>水戸田__903-2</t>
  </si>
  <si>
    <t>水戸田__904-2</t>
  </si>
  <si>
    <t>水戸田__942-2</t>
  </si>
  <si>
    <t>水戸田__943-2</t>
  </si>
  <si>
    <t>水戸田__966-3</t>
  </si>
  <si>
    <t>水戸田__969-2</t>
  </si>
  <si>
    <t>庄西町二丁目__324-3</t>
  </si>
  <si>
    <t>海老江_東町_107-2</t>
  </si>
  <si>
    <t>水戸田__969-4</t>
  </si>
  <si>
    <t>水戸田__969-5</t>
  </si>
  <si>
    <t>水戸田__970-2</t>
  </si>
  <si>
    <t>水戸田__971</t>
  </si>
  <si>
    <t>水戸田__972-2</t>
  </si>
  <si>
    <t>水戸田__977-2</t>
  </si>
  <si>
    <t>水戸田__984-2</t>
  </si>
  <si>
    <t>水戸田__985-1</t>
  </si>
  <si>
    <t>水戸田__995</t>
  </si>
  <si>
    <t>水戸田__1012-2</t>
  </si>
  <si>
    <t>海老江_中町_154-2</t>
  </si>
  <si>
    <t>水戸田__1114-2</t>
  </si>
  <si>
    <t>水戸田__1121</t>
  </si>
  <si>
    <t>水戸田__1125</t>
  </si>
  <si>
    <t>水戸田__1129</t>
  </si>
  <si>
    <t>水戸田__1145</t>
  </si>
  <si>
    <t>水戸田__1158</t>
  </si>
  <si>
    <t>水戸田__1164</t>
  </si>
  <si>
    <t>水戸田__1167</t>
  </si>
  <si>
    <t>水戸田__1179</t>
  </si>
  <si>
    <t>水戸田__1181</t>
  </si>
  <si>
    <t>海老江_中町_175-2</t>
  </si>
  <si>
    <t>水戸田__1189</t>
  </si>
  <si>
    <t>水戸田__1199</t>
  </si>
  <si>
    <t>水戸田__1202</t>
  </si>
  <si>
    <t>水戸田__1218</t>
  </si>
  <si>
    <t>水戸田__1220</t>
  </si>
  <si>
    <t>水戸田__1310</t>
  </si>
  <si>
    <t>水戸田__1319-2</t>
  </si>
  <si>
    <t>水戸田__1320-2</t>
  </si>
  <si>
    <t>水戸田__1321-2</t>
  </si>
  <si>
    <t>水戸田_前野_2602-2</t>
  </si>
  <si>
    <t>海老江_中町_175-3</t>
  </si>
  <si>
    <t>水戸田_前野_2627-2</t>
  </si>
  <si>
    <t>水戸田_前野_2628-2</t>
  </si>
  <si>
    <t>水戸田_前野_2629-4</t>
  </si>
  <si>
    <t>水戸田_前野_2633-3</t>
  </si>
  <si>
    <t>水戸田_前野_2724-2</t>
  </si>
  <si>
    <t>水戸田_前野_2725-2</t>
  </si>
  <si>
    <t>水戸田_前野_2729-2</t>
  </si>
  <si>
    <t>水戸田_前野_2730-2</t>
  </si>
  <si>
    <t>水戸田_前野_2749-4</t>
  </si>
  <si>
    <t>水戸田_前野_2749-5</t>
  </si>
  <si>
    <t>海老江_中町_175-4</t>
  </si>
  <si>
    <t>水戸田_前野_2760-3</t>
  </si>
  <si>
    <t>水戸田_前野_2761-2</t>
  </si>
  <si>
    <t>水戸田_前野_2762-2</t>
  </si>
  <si>
    <t>水戸田_前野_2784-3</t>
  </si>
  <si>
    <t>水戸田_前野_2785-2</t>
  </si>
  <si>
    <t>水戸田_前野_2802-3</t>
  </si>
  <si>
    <t>水戸田_前野_2803-2</t>
  </si>
  <si>
    <t>水戸田_前野_2805-2</t>
  </si>
  <si>
    <t>水戸田_前野_2808-3</t>
  </si>
  <si>
    <t>水戸田_前野_2809-5</t>
  </si>
  <si>
    <t>海老江_中町_175-6</t>
  </si>
  <si>
    <t>水戸田_前野_2809-6</t>
  </si>
  <si>
    <t>水戸田_熊野_2838-3</t>
  </si>
  <si>
    <t>水戸田_熊野_2839-2</t>
  </si>
  <si>
    <t>水戸田_熊野_2852-2</t>
  </si>
  <si>
    <t>水戸田_熊野_2853</t>
  </si>
  <si>
    <t>水戸田_熊野_2854</t>
  </si>
  <si>
    <t>水戸田_熊野_2855</t>
  </si>
  <si>
    <t>水戸田_熊野_2856-2</t>
  </si>
  <si>
    <t>水戸田_熊野_2857-2</t>
  </si>
  <si>
    <t>水戸田_熊野_2859-4</t>
  </si>
  <si>
    <t>海老江_中町_175-7</t>
  </si>
  <si>
    <t>水戸田_熊野_2859-5</t>
  </si>
  <si>
    <t>水戸田_熊野_2864</t>
  </si>
  <si>
    <t>水戸田_熊野_2866-1</t>
  </si>
  <si>
    <t>水戸田_熊野_2867</t>
  </si>
  <si>
    <t>水戸田_熊野_2882-2</t>
  </si>
  <si>
    <t>水戸田_熊野_2932-3</t>
  </si>
  <si>
    <t>水戸田_熊野_2932-5</t>
  </si>
  <si>
    <t>水戸田_熊野_2932-7</t>
  </si>
  <si>
    <t>水戸田_熊野_2933-4</t>
  </si>
  <si>
    <t>水戸田_熊野_3315</t>
  </si>
  <si>
    <t>海老江_西町_190-2</t>
  </si>
  <si>
    <t>水戸田_熊野_3318</t>
  </si>
  <si>
    <t>水戸田_熊野_3319</t>
  </si>
  <si>
    <t>水戸田_熊野_3327-1</t>
  </si>
  <si>
    <t>水戸田_熊野_3327-3</t>
  </si>
  <si>
    <t>水戸田_熊野_3328-1</t>
  </si>
  <si>
    <t>水戸田_熊野_3328-2</t>
  </si>
  <si>
    <t>水戸田_熊野_3328-3</t>
  </si>
  <si>
    <t>水戸田_熊野_3329-1</t>
  </si>
  <si>
    <t>水戸田_熊野_3329-2</t>
  </si>
  <si>
    <t>水戸田_熊野_3330</t>
  </si>
  <si>
    <t>海老江_西町_191-3</t>
  </si>
  <si>
    <t>水戸田_熊野_3331-1</t>
  </si>
  <si>
    <t>水戸田_熊野_3331-2</t>
  </si>
  <si>
    <t>水戸田_熊野_3331-3</t>
  </si>
  <si>
    <t>水戸田_熊野_3332-1</t>
  </si>
  <si>
    <t>水戸田_熊野_3332-2</t>
  </si>
  <si>
    <t>水戸田_熊野_3332-3</t>
  </si>
  <si>
    <t>水戸田_熊野_3332-4</t>
  </si>
  <si>
    <t>水戸田_熊野_3333-1</t>
  </si>
  <si>
    <t>水戸田_熊野_3333-2</t>
  </si>
  <si>
    <t>水戸田_熊野_3334</t>
  </si>
  <si>
    <t>海老江_西町_192-1</t>
  </si>
  <si>
    <t>水戸田_熊野_3335-1</t>
  </si>
  <si>
    <t>水戸田_熊野_3335-2</t>
  </si>
  <si>
    <t>水戸田_熊野_3335-3</t>
  </si>
  <si>
    <t>水戸田_熊野_3335-4</t>
  </si>
  <si>
    <t>水戸田_熊野_3336-1</t>
  </si>
  <si>
    <t>水戸田_熊野_3336-2</t>
  </si>
  <si>
    <t>水戸田_熊野_3337-1</t>
  </si>
  <si>
    <t>水戸田_熊野_3337-2</t>
  </si>
  <si>
    <t>水戸田_熊野_3337-3</t>
  </si>
  <si>
    <t>水戸田_熊野_3355-2</t>
  </si>
  <si>
    <t>庄西町二丁目__324-5</t>
  </si>
  <si>
    <t>海老江_西町_192-2</t>
  </si>
  <si>
    <t>水戸田_熊野_3356-2</t>
  </si>
  <si>
    <t>水戸田_熊野_3372-2</t>
  </si>
  <si>
    <t>水戸田_熊野_3372-3</t>
  </si>
  <si>
    <t>水戸田_熊野_3372-4</t>
  </si>
  <si>
    <t>水戸田_熊野_3373-2</t>
  </si>
  <si>
    <t>水戸田_熊野_3373-3</t>
  </si>
  <si>
    <t>水戸田_熊野_3374-2</t>
  </si>
  <si>
    <t>水戸田_熊野_3374-3</t>
  </si>
  <si>
    <t>水戸田_熊野_3414</t>
  </si>
  <si>
    <t>水戸田_熊野_3420</t>
  </si>
  <si>
    <t>海老江_西町_193-2</t>
  </si>
  <si>
    <t>水戸田_熊野_3421</t>
  </si>
  <si>
    <t>水戸田_熊野_3422</t>
  </si>
  <si>
    <t>水戸田_熊野_3423</t>
  </si>
  <si>
    <t>水戸田_熊野_3490-1</t>
  </si>
  <si>
    <t>水戸田_熊野_3491-3</t>
  </si>
  <si>
    <t>水戸田_熊野_3492-2</t>
  </si>
  <si>
    <t>水戸田_熊野_3529-1</t>
  </si>
  <si>
    <t>水戸田_熊野_3536-2</t>
  </si>
  <si>
    <t>水戸田_神明堂_6</t>
  </si>
  <si>
    <t>水戸田_神明堂_11</t>
  </si>
  <si>
    <t>海老江_西町_195-2</t>
  </si>
  <si>
    <t>水戸田_神明堂_12-1</t>
  </si>
  <si>
    <t>水戸田_神明堂_12-2</t>
  </si>
  <si>
    <t>水戸田_神明堂_14-2</t>
  </si>
  <si>
    <t>水戸田_神明堂_16-1</t>
  </si>
  <si>
    <t>水戸田_神明堂_16-2</t>
  </si>
  <si>
    <t>水戸田_神明堂_19-2</t>
  </si>
  <si>
    <t>水戸田_神明堂_20-2</t>
  </si>
  <si>
    <t>水戸田_神明堂_21-4</t>
  </si>
  <si>
    <t>水戸田_神明堂_21-6</t>
  </si>
  <si>
    <t>水戸田_神明堂_24-5</t>
  </si>
  <si>
    <t>海老江_西町_219-3</t>
  </si>
  <si>
    <t>水戸田_神明堂_24-6</t>
  </si>
  <si>
    <t>水戸田_神明堂_26-4</t>
  </si>
  <si>
    <t>水戸田_神明堂_26-5</t>
  </si>
  <si>
    <t>水戸田_神明堂_26-6</t>
  </si>
  <si>
    <t>水戸田_神明堂_86-3</t>
  </si>
  <si>
    <t>水戸田_神明堂_91-1</t>
  </si>
  <si>
    <t>水戸田_神明堂_91-2</t>
  </si>
  <si>
    <t>水戸田_神明堂_92</t>
  </si>
  <si>
    <t>水戸田_神明堂_95</t>
  </si>
  <si>
    <t>水戸田_石名山_137-2</t>
  </si>
  <si>
    <t>海老江_西町_294-2</t>
  </si>
  <si>
    <t>水戸田_石名山_142-4</t>
  </si>
  <si>
    <t>水戸田_石名山_142-5</t>
  </si>
  <si>
    <t>水戸田_石名山_151-2</t>
  </si>
  <si>
    <t>水戸田_石名山_152-2</t>
  </si>
  <si>
    <t>水戸田_石名山_153-4</t>
  </si>
  <si>
    <t>水戸田_石名山_154-3</t>
  </si>
  <si>
    <t>水戸田_石名山_160-2</t>
  </si>
  <si>
    <t>水戸田_石名山_161-2</t>
  </si>
  <si>
    <t>水戸田_石名山_170-2</t>
  </si>
  <si>
    <t>生源寺__12-3</t>
  </si>
  <si>
    <t>海老江_西町_364-4</t>
  </si>
  <si>
    <t>生源寺__116-2</t>
  </si>
  <si>
    <t>生源寺__117-2</t>
  </si>
  <si>
    <t>生源寺__118-3</t>
  </si>
  <si>
    <t>生源寺__119-2</t>
  </si>
  <si>
    <t>生源寺__120-2</t>
  </si>
  <si>
    <t>生源寺__125-2</t>
  </si>
  <si>
    <t>生源寺__139-2</t>
  </si>
  <si>
    <t>生源寺__145-2</t>
  </si>
  <si>
    <t>生源寺__146-2</t>
  </si>
  <si>
    <t>生源寺__299-2</t>
  </si>
  <si>
    <t>海老江_西町_364-5</t>
  </si>
  <si>
    <t>生源寺__466-2</t>
  </si>
  <si>
    <t>生源寺__469</t>
  </si>
  <si>
    <t>生源寺__773</t>
  </si>
  <si>
    <t>生源寺__906</t>
  </si>
  <si>
    <t>生源寺__992</t>
  </si>
  <si>
    <t>生源寺__1001-2</t>
  </si>
  <si>
    <t>生源寺_北島_227-2</t>
  </si>
  <si>
    <t>生源寺_北島_228-5</t>
  </si>
  <si>
    <t>生源寺_北島_228-6</t>
  </si>
  <si>
    <t>生源寺_北島_270-2</t>
  </si>
  <si>
    <t>海老江_西町_364-6</t>
  </si>
  <si>
    <t>生源寺_北島_272-2</t>
  </si>
  <si>
    <t>生源寺_北島_304-1</t>
  </si>
  <si>
    <t>生源寺_一里塚_527-1</t>
  </si>
  <si>
    <t>生源寺_一里塚_527-8</t>
  </si>
  <si>
    <t>生源寺_一里塚_527-9</t>
  </si>
  <si>
    <t>生源寺_一里塚_528</t>
  </si>
  <si>
    <t>生源寺_一里塚_529-1</t>
  </si>
  <si>
    <t>生源寺_一里塚_530-2</t>
  </si>
  <si>
    <t>生源寺_一里塚_531-3</t>
  </si>
  <si>
    <t>生源寺_薬師堂_905-1</t>
  </si>
  <si>
    <t>海老江_大坪_389-2</t>
  </si>
  <si>
    <t>生源寺_薬師堂_905-3</t>
  </si>
  <si>
    <t>生源寺_薬師堂_906</t>
  </si>
  <si>
    <t>生源寺_木戸口_1273-6</t>
  </si>
  <si>
    <t>生源寺_木戸口_1400-2</t>
  </si>
  <si>
    <t>生源寺_木戸口_1415-5</t>
  </si>
  <si>
    <t>生源寺_木戸口_1417-3</t>
  </si>
  <si>
    <t>生源寺_木戸口_1425-2</t>
  </si>
  <si>
    <t>生源寺_木戸口_1428-4</t>
  </si>
  <si>
    <t>生源寺_宮西_124-1</t>
  </si>
  <si>
    <t>生源寺_宮西_125</t>
  </si>
  <si>
    <t>海老江_大坪_738-4</t>
  </si>
  <si>
    <t>生源寺_宮西_126-3</t>
  </si>
  <si>
    <t>生源寺_宮西_127-2</t>
  </si>
  <si>
    <t>生源寺_宮西_132-2</t>
  </si>
  <si>
    <t>生源寺_宮西_132-5</t>
  </si>
  <si>
    <t>学校用地</t>
  </si>
  <si>
    <t>生源寺_東島_21-3</t>
  </si>
  <si>
    <t>生源寺_中島_2-18</t>
  </si>
  <si>
    <t>生源寺_本江山_4235-2</t>
  </si>
  <si>
    <t>生源寺_本江山_4238</t>
  </si>
  <si>
    <t>生源寺_本江山_4240</t>
  </si>
  <si>
    <t>生源寺_丸山_4-4</t>
  </si>
  <si>
    <t>庄西町二丁目__324-7</t>
  </si>
  <si>
    <t>海老江_大坪_741-2</t>
  </si>
  <si>
    <t>生源寺_丸山_4-5</t>
  </si>
  <si>
    <t>生源寺_丸山_4-7</t>
  </si>
  <si>
    <t>生源寺_丸山_4-8</t>
  </si>
  <si>
    <t>生源寺_丸山_5-2</t>
  </si>
  <si>
    <t>生源寺_丸山_5-3</t>
  </si>
  <si>
    <t>生源寺_丸山_6-2</t>
  </si>
  <si>
    <t>生源寺_丸山_6-3</t>
  </si>
  <si>
    <t>生源寺_丸山_8-2</t>
  </si>
  <si>
    <t>生源寺_丸山_8-3</t>
  </si>
  <si>
    <t>生源寺_南山_3-7</t>
  </si>
  <si>
    <t>海老江_大坪_828-4</t>
  </si>
  <si>
    <t>生源寺_南山_4-3</t>
  </si>
  <si>
    <t>生源寺_南山_5-2</t>
  </si>
  <si>
    <t>生源寺_南山_6-2</t>
  </si>
  <si>
    <t>生源寺_南山_7-2</t>
  </si>
  <si>
    <t>生源寺_南山_21-1</t>
  </si>
  <si>
    <t>生源寺_南山_25-2</t>
  </si>
  <si>
    <t>生源寺_南山_26-2</t>
  </si>
  <si>
    <t>生源寺_南山_27-2</t>
  </si>
  <si>
    <t>生源寺_南山_39-3</t>
  </si>
  <si>
    <t>生源寺_南山_40</t>
  </si>
  <si>
    <t>海老江_大坪_836-3</t>
  </si>
  <si>
    <t>生源寺_南山_43-1</t>
  </si>
  <si>
    <t>生源寺_御坊島_1367-2</t>
  </si>
  <si>
    <t>生源寺_正源寺野_1-3</t>
  </si>
  <si>
    <t>生源寺_正源寺野_1-4</t>
  </si>
  <si>
    <t>生源寺_正源寺野_1-16</t>
  </si>
  <si>
    <t>生源寺_正源寺野_1-17</t>
  </si>
  <si>
    <t>生源寺_正源寺野_1-18</t>
  </si>
  <si>
    <t>生源寺_正源寺野_1-19</t>
  </si>
  <si>
    <t>生源寺_正源寺野_1-20</t>
  </si>
  <si>
    <t>生源寺_正源寺野_1-21</t>
  </si>
  <si>
    <t>海老江_大坪_836-4</t>
  </si>
  <si>
    <t>生源寺_正源寺野_2-12</t>
  </si>
  <si>
    <t>生源寺_正源寺野_2-13</t>
  </si>
  <si>
    <t>生源寺_正源寺野_2-17</t>
  </si>
  <si>
    <t>生源寺_正源寺野_2-19</t>
  </si>
  <si>
    <t>生源寺_正源寺野_2-20</t>
  </si>
  <si>
    <t>生源寺_正源寺野_2-21</t>
  </si>
  <si>
    <t>生源寺_正源寺野_2-22</t>
  </si>
  <si>
    <t>生源寺_正源寺野_2-23</t>
  </si>
  <si>
    <t>生源寺_正源寺野_2-24</t>
  </si>
  <si>
    <t>生源寺_正源寺野_2-25</t>
  </si>
  <si>
    <t>海老江_大坪_839-3</t>
  </si>
  <si>
    <t>生源寺_正源寺野_2-26</t>
  </si>
  <si>
    <t>生源寺_正源寺野_1419-2</t>
  </si>
  <si>
    <t>生源寺_正源寺野_1420</t>
  </si>
  <si>
    <t>生源寺_正源寺野_1421</t>
  </si>
  <si>
    <t>市井__52-2</t>
  </si>
  <si>
    <t>市井__110-2</t>
  </si>
  <si>
    <t>市井__111-2</t>
  </si>
  <si>
    <t>市井__209-2</t>
  </si>
  <si>
    <t>市井__210-2</t>
  </si>
  <si>
    <t>市井__216-4</t>
  </si>
  <si>
    <t>海老江_大坪_839-4</t>
  </si>
  <si>
    <t>市井__216-5</t>
  </si>
  <si>
    <t>市井__235-3</t>
  </si>
  <si>
    <t>市井__235-4</t>
  </si>
  <si>
    <t>市井__235-5</t>
  </si>
  <si>
    <t>市井__236-2</t>
  </si>
  <si>
    <t>市井__278-2</t>
  </si>
  <si>
    <t>市井__291-3</t>
  </si>
  <si>
    <t>市井__291-4</t>
  </si>
  <si>
    <t>市井__292-2</t>
  </si>
  <si>
    <t>市井__292-3</t>
  </si>
  <si>
    <t>海老江_大坪_840-3</t>
  </si>
  <si>
    <t>市井__302-2</t>
  </si>
  <si>
    <t>市井__318</t>
  </si>
  <si>
    <t>市井__326</t>
  </si>
  <si>
    <t>市井__338</t>
  </si>
  <si>
    <t>市井__340</t>
  </si>
  <si>
    <t>市井__360</t>
  </si>
  <si>
    <t>市井__366</t>
  </si>
  <si>
    <t>市井__368</t>
  </si>
  <si>
    <t>市井_赤除_6-3</t>
  </si>
  <si>
    <t>市井_赤除_6-4</t>
  </si>
  <si>
    <t>海老江_大坪_840-4</t>
  </si>
  <si>
    <t>市井_赤除_13-3</t>
  </si>
  <si>
    <t>市井_赤除_16-2</t>
  </si>
  <si>
    <t>市井_赤除_17-6</t>
  </si>
  <si>
    <t>市井_赤除_17-7</t>
  </si>
  <si>
    <t>市井_赤除_17-8</t>
  </si>
  <si>
    <t>市井_屋敷田_140-2</t>
  </si>
  <si>
    <t>市井_屋敷田_146-4</t>
  </si>
  <si>
    <t>市井_屋敷田_146-5</t>
  </si>
  <si>
    <t>市井_屋敷田_146-6</t>
  </si>
  <si>
    <t>市井_屋敷田_146-7</t>
  </si>
  <si>
    <t>海老江_大坪_840-5</t>
  </si>
  <si>
    <t>市井_屋敷田_148-2</t>
  </si>
  <si>
    <t>市井_屋敷田_151-2</t>
  </si>
  <si>
    <t>市井_屋敷田_152-3</t>
  </si>
  <si>
    <t>市井_屋敷田_152-4</t>
  </si>
  <si>
    <t>市井_屋敷田_156-3</t>
  </si>
  <si>
    <t>市井_屋敷田_165-2</t>
  </si>
  <si>
    <t>市井_屋敷田_166-2</t>
  </si>
  <si>
    <t>市井_屋敷田_167-2</t>
  </si>
  <si>
    <t>市井_屋敷田_172-2</t>
  </si>
  <si>
    <t>若林__2-2</t>
  </si>
  <si>
    <t>海老江_大坪_840-6</t>
  </si>
  <si>
    <t>若林__17-4</t>
  </si>
  <si>
    <t>若林__18-2</t>
  </si>
  <si>
    <t>若林__20-3</t>
  </si>
  <si>
    <t>若林__20-4</t>
  </si>
  <si>
    <t>若林__38-3</t>
  </si>
  <si>
    <t>若林__39-4</t>
  </si>
  <si>
    <t>若林__40-5</t>
  </si>
  <si>
    <t>若林__41-2</t>
  </si>
  <si>
    <t>若林__123-3</t>
  </si>
  <si>
    <t>若林__123-5</t>
  </si>
  <si>
    <t>庄西町二丁目__324-8</t>
  </si>
  <si>
    <t>海老江_大坪_841-3</t>
  </si>
  <si>
    <t>若林__126-2</t>
  </si>
  <si>
    <t>若林__129-2</t>
  </si>
  <si>
    <t>若林__132-2</t>
  </si>
  <si>
    <t>若林__135-2</t>
  </si>
  <si>
    <t>若林__138-2</t>
  </si>
  <si>
    <t>若林__147-2</t>
  </si>
  <si>
    <t>若林__153-2</t>
  </si>
  <si>
    <t>若林__156-2</t>
  </si>
  <si>
    <t>若林__162-2</t>
  </si>
  <si>
    <t>若林__165-2</t>
  </si>
  <si>
    <t>海老江_大坪_841-4</t>
  </si>
  <si>
    <t>若林__170-2</t>
  </si>
  <si>
    <t>若林__173-2</t>
  </si>
  <si>
    <t>若林__174-2</t>
  </si>
  <si>
    <t>若林__183-2</t>
  </si>
  <si>
    <t>若林__184-2</t>
  </si>
  <si>
    <t>若林__187-2</t>
  </si>
  <si>
    <t>若林__194-2</t>
  </si>
  <si>
    <t>若林__195-2</t>
  </si>
  <si>
    <t>若林__196-2</t>
  </si>
  <si>
    <t>若林__203-2</t>
  </si>
  <si>
    <t>海老江_大坪_844-4</t>
  </si>
  <si>
    <t>若林__234-5</t>
  </si>
  <si>
    <t>若林__236-2</t>
  </si>
  <si>
    <t>若林__237-3</t>
  </si>
  <si>
    <t>若林__237-5</t>
  </si>
  <si>
    <t>若林__238-2</t>
  </si>
  <si>
    <t>若林__238-5</t>
  </si>
  <si>
    <t>畑</t>
  </si>
  <si>
    <t>若林__239-2</t>
  </si>
  <si>
    <t>若林__240-2</t>
  </si>
  <si>
    <t>若林__241-4</t>
  </si>
  <si>
    <t>若林__241-5</t>
  </si>
  <si>
    <t>海老江_大坪_845-1</t>
  </si>
  <si>
    <t>若林__241-6</t>
  </si>
  <si>
    <t>若林__244-4</t>
  </si>
  <si>
    <t>若林__244-5</t>
  </si>
  <si>
    <t>若林__244-6</t>
  </si>
  <si>
    <t>若林__247-2</t>
  </si>
  <si>
    <t>若林__248</t>
  </si>
  <si>
    <t>若林__249-2</t>
  </si>
  <si>
    <t>若林__250-2</t>
  </si>
  <si>
    <t>若林__250-3</t>
  </si>
  <si>
    <t>若林__289-3</t>
  </si>
  <si>
    <t>海老江_大坪_846-3</t>
  </si>
  <si>
    <t>若林__290-2</t>
  </si>
  <si>
    <t>若林__291-2</t>
  </si>
  <si>
    <t>若林__292-5</t>
  </si>
  <si>
    <t>若林__292-6</t>
  </si>
  <si>
    <t>若林__292-7</t>
  </si>
  <si>
    <t>若林__293-3</t>
  </si>
  <si>
    <t>若林__347-3</t>
  </si>
  <si>
    <t>若林__347-4</t>
  </si>
  <si>
    <t>竹鼻__18-4</t>
  </si>
  <si>
    <t>竹鼻__19-3</t>
  </si>
  <si>
    <t>海老江_大坪_846-4</t>
  </si>
  <si>
    <t>竹鼻__20-3</t>
  </si>
  <si>
    <t>竹鼻__21-3</t>
  </si>
  <si>
    <t>竹鼻__22-3</t>
  </si>
  <si>
    <t>竹鼻__23-3</t>
  </si>
  <si>
    <t>竹鼻__24-3</t>
  </si>
  <si>
    <t>竹鼻__38-2</t>
  </si>
  <si>
    <t>竹鼻__39-3</t>
  </si>
  <si>
    <t>竹鼻__39-4</t>
  </si>
  <si>
    <t>竹鼻__62-2</t>
  </si>
  <si>
    <t>竹鼻__108</t>
  </si>
  <si>
    <t>海老江_大坪_847-2</t>
  </si>
  <si>
    <t>開口__30-2</t>
  </si>
  <si>
    <t>開口__30-3</t>
  </si>
  <si>
    <t>開口__61-2</t>
  </si>
  <si>
    <t>開口__66-2</t>
  </si>
  <si>
    <t>開口__68-2</t>
  </si>
  <si>
    <t>開口__69-3</t>
  </si>
  <si>
    <t>開口__70-3</t>
  </si>
  <si>
    <t>開口__71-2</t>
  </si>
  <si>
    <t>開口__74-2</t>
  </si>
  <si>
    <t>開口__75-2</t>
  </si>
  <si>
    <t>海老江_大坪_847-3</t>
  </si>
  <si>
    <t>開口__123-2</t>
  </si>
  <si>
    <t>開口__339</t>
  </si>
  <si>
    <t>開口_開口_63-3</t>
  </si>
  <si>
    <t>開口_開口_63-4</t>
  </si>
  <si>
    <t>藤巻__91-2</t>
  </si>
  <si>
    <t>藤巻__92-2</t>
  </si>
  <si>
    <t>藤巻__93-2</t>
  </si>
  <si>
    <t>藤巻__94-2</t>
  </si>
  <si>
    <t>藤巻__95-2</t>
  </si>
  <si>
    <t>藤巻__96-2</t>
  </si>
  <si>
    <t>海老江_大坪_847-5</t>
  </si>
  <si>
    <t>藤巻__97-2</t>
  </si>
  <si>
    <t>藤巻__98-2</t>
  </si>
  <si>
    <t>藤巻__99-2</t>
  </si>
  <si>
    <t>藤巻__101-2</t>
  </si>
  <si>
    <t>藤巻__102-2</t>
  </si>
  <si>
    <t>藤巻__102-3</t>
  </si>
  <si>
    <t>藤巻__125</t>
  </si>
  <si>
    <t>藤巻__192</t>
  </si>
  <si>
    <t>藤巻__226</t>
  </si>
  <si>
    <t>流通センター水戸田２丁目__22</t>
  </si>
  <si>
    <t>海老江_大坪_848-6</t>
  </si>
  <si>
    <t>流通センター水戸田２丁目__23</t>
  </si>
  <si>
    <t>流通センター水戸田２丁目__24</t>
  </si>
  <si>
    <t>流通センター水戸田３丁目__21</t>
  </si>
  <si>
    <t>流通センター水戸田３丁目__23</t>
  </si>
  <si>
    <t>流通センター水戸田３丁目__24</t>
  </si>
  <si>
    <t>流通センター水戸田３丁目__25</t>
  </si>
  <si>
    <t>流通センター水戸田３丁目__26</t>
  </si>
  <si>
    <t>二口__3114</t>
  </si>
  <si>
    <t>二口__3247</t>
  </si>
  <si>
    <t>二口__3252</t>
  </si>
  <si>
    <t>庄西町二丁目__324-12</t>
  </si>
  <si>
    <t>海老江_大坪_850-3</t>
  </si>
  <si>
    <t>二口__3266</t>
  </si>
  <si>
    <t>二口__3269</t>
  </si>
  <si>
    <t>二口__3270</t>
  </si>
  <si>
    <t>二口__3275</t>
  </si>
  <si>
    <t>二口__3277</t>
  </si>
  <si>
    <t>二口__3284</t>
  </si>
  <si>
    <t>二口__3285</t>
  </si>
  <si>
    <t>二口_十枚田_2-1</t>
  </si>
  <si>
    <t>二口_十枚田_3-4</t>
  </si>
  <si>
    <t>二口_十枚田_4-3</t>
  </si>
  <si>
    <t>海老江_大坪_850-4</t>
  </si>
  <si>
    <t>二口_十枚田_12-2</t>
  </si>
  <si>
    <t>二口_十枚田_13-3</t>
  </si>
  <si>
    <t>二口_十枚田_14-2</t>
  </si>
  <si>
    <t>二口_十枚田_26-2</t>
  </si>
  <si>
    <t>二口_十枚田_27-3</t>
  </si>
  <si>
    <t>二口_十枚田_28-2</t>
  </si>
  <si>
    <t>二口_十枚田_30-3</t>
  </si>
  <si>
    <t>二口_十枚田_31-4</t>
  </si>
  <si>
    <t>二口_十枚田_31-3</t>
  </si>
  <si>
    <t>二口_十枚田_32-2</t>
  </si>
  <si>
    <t>海老江_大坪_851-2</t>
  </si>
  <si>
    <t>二口_十枚田_41-2</t>
  </si>
  <si>
    <t>二口_十枚田_41-3</t>
  </si>
  <si>
    <t>二口_十枚田_64-2</t>
  </si>
  <si>
    <t>二口_十枚田_65-3</t>
  </si>
  <si>
    <t>二口_十枚田_88-2</t>
  </si>
  <si>
    <t>二口_中石田_89-2</t>
  </si>
  <si>
    <t>二口_中石田_89-3</t>
  </si>
  <si>
    <t>二口_中石田_134-2</t>
  </si>
  <si>
    <t>二口_中石田_134-3</t>
  </si>
  <si>
    <t>二口_中石田_135-2</t>
  </si>
  <si>
    <t>海老江_大坪_851-3</t>
  </si>
  <si>
    <t>二口_中石田_135-3</t>
  </si>
  <si>
    <t>二口_中石田_136-2</t>
  </si>
  <si>
    <t>二口_中石田_136-3</t>
  </si>
  <si>
    <t>二口_中石田_136-4</t>
  </si>
  <si>
    <t>二口_中石田_137-2</t>
  </si>
  <si>
    <t>二口_中石田_137-3</t>
  </si>
  <si>
    <t>二口_中石田_137-4</t>
  </si>
  <si>
    <t>二口_中石田_138-2</t>
  </si>
  <si>
    <t>二口_中石田_139-2</t>
  </si>
  <si>
    <t>二口_中石田_140-2</t>
  </si>
  <si>
    <t>海老江_大坪_852-3</t>
  </si>
  <si>
    <t>二口_中石田_141-2</t>
  </si>
  <si>
    <t>二口_中石田_142-2</t>
  </si>
  <si>
    <t>二口_中石田_143-3</t>
  </si>
  <si>
    <t>二口_中石田_144-2</t>
  </si>
  <si>
    <t>二口_中石田_145-2</t>
  </si>
  <si>
    <t>二口_中石田_146-2</t>
  </si>
  <si>
    <t>二口_中石田_147-2</t>
  </si>
  <si>
    <t>二口_中石田_148-2</t>
  </si>
  <si>
    <t>二口_中石田_149-3</t>
  </si>
  <si>
    <t>二口_中石田_149-4</t>
  </si>
  <si>
    <t>海老江_大坪_852-4</t>
  </si>
  <si>
    <t>二口_中石田_150-2</t>
  </si>
  <si>
    <t>二口_中石田_151-2</t>
  </si>
  <si>
    <t>二口_中石田_152-3</t>
  </si>
  <si>
    <t>二口_中石田_152-4</t>
  </si>
  <si>
    <t>二口_中石田_153-2</t>
  </si>
  <si>
    <t>二口_中石田_154-2</t>
  </si>
  <si>
    <t>二口_中石田_155-2</t>
  </si>
  <si>
    <t>二口_中石田_156-2</t>
  </si>
  <si>
    <t>二口_中石田_157-2</t>
  </si>
  <si>
    <t>二口_中石田_158-2</t>
  </si>
  <si>
    <t>海老江_大坪_852-5</t>
  </si>
  <si>
    <t>二口_中石田_159-2</t>
  </si>
  <si>
    <t>二口_中石田_160-2</t>
  </si>
  <si>
    <t>二口_中石田_161-2</t>
  </si>
  <si>
    <t>二口_中石田_162-2</t>
  </si>
  <si>
    <t>二口_中石田_163-2</t>
  </si>
  <si>
    <t>二口_中石田_164-2</t>
  </si>
  <si>
    <t>二口_中石田_165-2</t>
  </si>
  <si>
    <t>二口_中石田_169-2</t>
  </si>
  <si>
    <t>二口_中石田_170-2</t>
  </si>
  <si>
    <t>二口_中石田_171-3</t>
  </si>
  <si>
    <t>海老江_大坪_852-6</t>
  </si>
  <si>
    <t>二口_中石田_171-4</t>
  </si>
  <si>
    <t>二口_中石田_172-2</t>
  </si>
  <si>
    <t>二口_中石田_173-2</t>
  </si>
  <si>
    <t>二口_中石田_174-2</t>
  </si>
  <si>
    <t>二口_中石田_175-2</t>
  </si>
  <si>
    <t>二口_中石田_176-2</t>
  </si>
  <si>
    <t>二口_中石田_177-2</t>
  </si>
  <si>
    <t>二口_中石田_178-2</t>
  </si>
  <si>
    <t>二口_中石田_179-3</t>
  </si>
  <si>
    <t>二口_中石田_179-4</t>
  </si>
  <si>
    <t>海老江_大坪_852-7</t>
  </si>
  <si>
    <t>二口_中石田_180-2</t>
  </si>
  <si>
    <t>二口_中石田_181-2</t>
  </si>
  <si>
    <t>二口_中石田_182-2</t>
  </si>
  <si>
    <t>二口_中石田_183-2</t>
  </si>
  <si>
    <t>二口_中石田_184-2</t>
  </si>
  <si>
    <t>二口_中石田_185-2</t>
  </si>
  <si>
    <t>二口_中石田_185-3</t>
  </si>
  <si>
    <t>二口_中石田_185-4</t>
  </si>
  <si>
    <t>二口_中石田_186-2</t>
  </si>
  <si>
    <t>二口_中石田_186-3</t>
  </si>
  <si>
    <t>海老江_大坪_853-3</t>
  </si>
  <si>
    <t>二口_中石田_186-4</t>
  </si>
  <si>
    <t>二口_中石田_187-2</t>
  </si>
  <si>
    <t>二口_中石田_188-2</t>
  </si>
  <si>
    <t>二口_中石田_189-2</t>
  </si>
  <si>
    <t>二口_中石田_190-2</t>
  </si>
  <si>
    <t>二口_中石田_191-2</t>
  </si>
  <si>
    <t>二口_中石田_192-2</t>
  </si>
  <si>
    <t>二口_中石田_193-2</t>
  </si>
  <si>
    <t>二口_中石田_193-3</t>
  </si>
  <si>
    <t>二口_中石田_194-2</t>
  </si>
  <si>
    <t>庄西町二丁目__324-13</t>
  </si>
  <si>
    <t>海老江_大坪_853-4</t>
  </si>
  <si>
    <t>二口_中石田_195-2</t>
  </si>
  <si>
    <t>二口_中石田_196-2</t>
  </si>
  <si>
    <t>二口_中石田_197-2</t>
  </si>
  <si>
    <t>二口_中石田_198-2</t>
  </si>
  <si>
    <t>二口_中石田_199-2</t>
  </si>
  <si>
    <t>二口_中石田_200-3</t>
  </si>
  <si>
    <t>二口_中石田_201-3</t>
  </si>
  <si>
    <t>二口_中石田_202-3</t>
  </si>
  <si>
    <t>二口_中石田_203-3</t>
  </si>
  <si>
    <t>二口_中石田_204-3</t>
  </si>
  <si>
    <t>海老江_大坪_855-2</t>
  </si>
  <si>
    <t>二口_中石田_205-3</t>
  </si>
  <si>
    <t>二口_中石田_206-3</t>
  </si>
  <si>
    <t>二口_中石田_207-3</t>
  </si>
  <si>
    <t>二口_中石田_208-3</t>
  </si>
  <si>
    <t>二口_中石田_209-3</t>
  </si>
  <si>
    <t>二口_中石田_210-3</t>
  </si>
  <si>
    <t>二口_中石田_210-4</t>
  </si>
  <si>
    <t>二口_五反田_224-5</t>
  </si>
  <si>
    <t>二口_五反田_225-2</t>
  </si>
  <si>
    <t>二口_五反田_225-3</t>
  </si>
  <si>
    <t>海老江_大坪_855-3</t>
  </si>
  <si>
    <t>二口_五反田_225-5</t>
  </si>
  <si>
    <t>二口_五反田_226-2</t>
  </si>
  <si>
    <t>二口_五反田_226-3</t>
  </si>
  <si>
    <t>二口_五反田_229-2</t>
  </si>
  <si>
    <t>二口_五反田_229-3</t>
  </si>
  <si>
    <t>二口_五反田_238-1</t>
  </si>
  <si>
    <t>二口_油免_416-2</t>
  </si>
  <si>
    <t>二口_油免_416-3</t>
  </si>
  <si>
    <t>二口_油免_416-6</t>
  </si>
  <si>
    <t>二口_油免_419-4</t>
  </si>
  <si>
    <t>海老江_大坪_857-4</t>
  </si>
  <si>
    <t>二口_油免_419-5</t>
  </si>
  <si>
    <t>二口_油免_419-6</t>
  </si>
  <si>
    <t>二口_油免_424-2</t>
  </si>
  <si>
    <t>二口_油免_424-3</t>
  </si>
  <si>
    <t>二口_油免_427-2</t>
  </si>
  <si>
    <t>二口_油免_427-3</t>
  </si>
  <si>
    <t>二口_油免_432-2</t>
  </si>
  <si>
    <t>二口_油免_432-3</t>
  </si>
  <si>
    <t>二口_油免_435-3</t>
  </si>
  <si>
    <t>二口_油免_440-3</t>
  </si>
  <si>
    <t>海老江_大坪_857-5</t>
  </si>
  <si>
    <t>二口_油免_442-4</t>
  </si>
  <si>
    <t>二口_油免_442-5</t>
  </si>
  <si>
    <t>二口_油免_443-2</t>
  </si>
  <si>
    <t>二口_油免_443-3</t>
  </si>
  <si>
    <t>二口_油免_443-4</t>
  </si>
  <si>
    <t>二口_油免_444-2</t>
  </si>
  <si>
    <t>二口_油免_444-3</t>
  </si>
  <si>
    <t>二口_油免_444-5</t>
  </si>
  <si>
    <t>二口_油免_445-5</t>
  </si>
  <si>
    <t>二口_油免_445-6</t>
  </si>
  <si>
    <t>海老江_大坪_857-6</t>
  </si>
  <si>
    <t>二口_油免_445-8</t>
  </si>
  <si>
    <t>二口_油免_446-2</t>
  </si>
  <si>
    <t>二口_油免_446-6</t>
  </si>
  <si>
    <t>二口_油免_447-2</t>
  </si>
  <si>
    <t>二口_油免_447-3</t>
  </si>
  <si>
    <t>二口_油免_447-4</t>
  </si>
  <si>
    <t>二口_油免_454-5</t>
  </si>
  <si>
    <t>二口_油免_454-6</t>
  </si>
  <si>
    <t>二口_油免_455-5</t>
  </si>
  <si>
    <t>二口_油免_455-6</t>
  </si>
  <si>
    <t>海老江_大坪_857-7</t>
  </si>
  <si>
    <t>二口_油免_456-3</t>
  </si>
  <si>
    <t>二口_油免_457-3</t>
  </si>
  <si>
    <t>二口_油免_458-2</t>
  </si>
  <si>
    <t>二口_油免_458-5</t>
  </si>
  <si>
    <t>二口_油免_458-9</t>
  </si>
  <si>
    <t>二口_油免_458-10</t>
  </si>
  <si>
    <t>二口_油免_458-11</t>
  </si>
  <si>
    <t>二口_油免_458-17</t>
  </si>
  <si>
    <t>二口_早稲田_651-1</t>
  </si>
  <si>
    <t>二口_早稲田_651-10</t>
  </si>
  <si>
    <t>海老江_大坪_857-8</t>
  </si>
  <si>
    <t>二口_早稲田_651-11</t>
  </si>
  <si>
    <t>二口_早稲田_655-1</t>
  </si>
  <si>
    <t>二口_早稲田_655-29</t>
  </si>
  <si>
    <t>二口_早稲田_700-4</t>
  </si>
  <si>
    <t>二口_早稲田_701-3</t>
  </si>
  <si>
    <t>二口_早稲田_701-4</t>
  </si>
  <si>
    <t>二口_早稲田_702-2</t>
  </si>
  <si>
    <t>二口_馬渡_719-4</t>
  </si>
  <si>
    <t>二口_馬渡_719-5</t>
  </si>
  <si>
    <t>二口_馬渡_735-2</t>
  </si>
  <si>
    <t>海老江_大坪_857-9</t>
  </si>
  <si>
    <t>二口_馬渡_761-4</t>
  </si>
  <si>
    <t>二口_馬渡_761-5</t>
  </si>
  <si>
    <t>二口_馬渡_761-6</t>
  </si>
  <si>
    <t>二口_馬渡_762-3</t>
  </si>
  <si>
    <t>二口_馬渡_763-2</t>
  </si>
  <si>
    <t>二口_馬渡_764-2</t>
  </si>
  <si>
    <t>二口_馬渡_765-2</t>
  </si>
  <si>
    <t>二口_馬渡_766-3</t>
  </si>
  <si>
    <t>二口_馬渡_767-2</t>
  </si>
  <si>
    <t>二口_馬渡_768-3</t>
  </si>
  <si>
    <t>海老江_大坪_858-3</t>
  </si>
  <si>
    <t>二口_馬渡_768-4</t>
  </si>
  <si>
    <t>二口_馬渡_771-2</t>
  </si>
  <si>
    <t>二口_馬渡_772-2</t>
  </si>
  <si>
    <t>二口_馬渡_773-3</t>
  </si>
  <si>
    <t>二口_馬渡_774-3</t>
  </si>
  <si>
    <t>二口_馬渡_774-4</t>
  </si>
  <si>
    <t>二口_馬渡_775-6</t>
  </si>
  <si>
    <t>二口_馬渡_776-2</t>
  </si>
  <si>
    <t>二口_馬渡_779-3</t>
  </si>
  <si>
    <t>二口_馬渡_780-2</t>
  </si>
  <si>
    <t>庄西町一丁目__634-7</t>
  </si>
  <si>
    <t>庄西町二丁目__325-6</t>
  </si>
  <si>
    <t>海老江_大坪_858-4</t>
  </si>
  <si>
    <t>二口_馬渡_781-2</t>
  </si>
  <si>
    <t>二口_馬渡_782-2</t>
  </si>
  <si>
    <t>二口_馬渡_783-3</t>
  </si>
  <si>
    <t>二口_馬渡_783-6</t>
  </si>
  <si>
    <t>二口_馬渡_783-9</t>
  </si>
  <si>
    <t>二口_馬渡_783-10</t>
  </si>
  <si>
    <t>二口_馬渡_784-4</t>
  </si>
  <si>
    <t>二口_馬渡_786-3</t>
  </si>
  <si>
    <t>二口_馬渡_787-2</t>
  </si>
  <si>
    <t>二口_馬渡_788-2</t>
  </si>
  <si>
    <t>海老江_大坪_859-3</t>
  </si>
  <si>
    <t>二口_馬渡_789-2</t>
  </si>
  <si>
    <t>二口_馬渡_790-2</t>
  </si>
  <si>
    <t>二口_馬渡_791-3</t>
  </si>
  <si>
    <t>二口_馬渡_807-2</t>
  </si>
  <si>
    <t>二口_馬渡_809-2</t>
  </si>
  <si>
    <t>二口_馬渡_810-4</t>
  </si>
  <si>
    <t>二口_馬渡_810-5</t>
  </si>
  <si>
    <t>二口_馬渡_817-3</t>
  </si>
  <si>
    <t>二口_馬渡_817-4</t>
  </si>
  <si>
    <t>二口_馬渡_819-2</t>
  </si>
  <si>
    <t>海老江_大坪_862-4</t>
  </si>
  <si>
    <t>二口_馬渡_820-3</t>
  </si>
  <si>
    <t>二口_馬渡_820-4</t>
  </si>
  <si>
    <t>二口_馬渡_820-5</t>
  </si>
  <si>
    <t>二口_馬渡_822-2</t>
  </si>
  <si>
    <t>二口_馬渡_824-2</t>
  </si>
  <si>
    <t>二口_馬渡_825-2</t>
  </si>
  <si>
    <t>二口_馬渡_826-2</t>
  </si>
  <si>
    <t>二口_馬渡_829-2</t>
  </si>
  <si>
    <t>二口_馬渡_833-2</t>
  </si>
  <si>
    <t>二口_馬渡_834-2</t>
  </si>
  <si>
    <t>海老江_大坪_862-8</t>
  </si>
  <si>
    <t>二口_馬渡_840-2</t>
  </si>
  <si>
    <t>二口_馬渡_841-2</t>
  </si>
  <si>
    <t>二口_馬渡_842-2</t>
  </si>
  <si>
    <t>二口_馬渡_843-2</t>
  </si>
  <si>
    <t>二口_馬渡_846-2</t>
  </si>
  <si>
    <t>二口_馬渡_847-2</t>
  </si>
  <si>
    <t>二口_馬渡_854-3</t>
  </si>
  <si>
    <t>二口_馬渡_854-4</t>
  </si>
  <si>
    <t>二口_馬渡_855-4</t>
  </si>
  <si>
    <t>二口_馬渡_855-5</t>
  </si>
  <si>
    <t>海老江_大坪_863-2</t>
  </si>
  <si>
    <t>境内地</t>
  </si>
  <si>
    <t>二口_馬渡_857-2</t>
  </si>
  <si>
    <t>二口_馬渡_858-4</t>
  </si>
  <si>
    <t>二口_馬渡_858-5</t>
  </si>
  <si>
    <t>二口_馬渡_858-6</t>
  </si>
  <si>
    <t>二口_馬渡_859-2</t>
  </si>
  <si>
    <t>二口_馬渡_861-2</t>
  </si>
  <si>
    <t>二口_馬渡_862-3</t>
  </si>
  <si>
    <t>二口_馬渡_862-4</t>
  </si>
  <si>
    <t>二口_馬渡_862-6</t>
  </si>
  <si>
    <t>二口_馬渡_862-7</t>
  </si>
  <si>
    <t>海老江_大坪_864-3</t>
  </si>
  <si>
    <t>二口_馬渡_863-3</t>
  </si>
  <si>
    <t>二口_馬渡_863-4</t>
  </si>
  <si>
    <t>二口_馬渡_864-3</t>
  </si>
  <si>
    <t>二口_馬渡_864-4</t>
  </si>
  <si>
    <t>二口_馬渡_865-3</t>
  </si>
  <si>
    <t>二口_馬渡_865-4</t>
  </si>
  <si>
    <t>二口_馬渡_866-3</t>
  </si>
  <si>
    <t>二口_馬渡_866-4</t>
  </si>
  <si>
    <t>二口_馬渡_867-2</t>
  </si>
  <si>
    <t>二口_馬渡_867-4</t>
  </si>
  <si>
    <t>海老江_大坪_864-4</t>
  </si>
  <si>
    <t>二口_馬渡_868-2</t>
  </si>
  <si>
    <t>二口_馬渡_868-3</t>
  </si>
  <si>
    <t>二口_馬渡_869-4</t>
  </si>
  <si>
    <t>二口_馬渡_869-5</t>
  </si>
  <si>
    <t>二口_馬渡_870-2</t>
  </si>
  <si>
    <t>二口_馬渡_871-2</t>
  </si>
  <si>
    <t>二口_馬渡_906-4</t>
  </si>
  <si>
    <t>二口_馬渡_906-5</t>
  </si>
  <si>
    <t>二口_馬渡_907-1</t>
  </si>
  <si>
    <t>二口_馬渡_907-4</t>
  </si>
  <si>
    <t>海老江_大坪_871-4</t>
  </si>
  <si>
    <t>二口_馬渡_1949-3</t>
  </si>
  <si>
    <t>二口_馬渡_1950-1</t>
  </si>
  <si>
    <t>二口_馬渡_1957-5</t>
  </si>
  <si>
    <t>二口_馬渡_1976-2</t>
  </si>
  <si>
    <t>二口_馬渡_1978-2</t>
  </si>
  <si>
    <t>二口_馬渡_1990-4</t>
  </si>
  <si>
    <t>二口_馬渡_1997-3</t>
  </si>
  <si>
    <t>二口_馬渡_2015-3</t>
  </si>
  <si>
    <t>二口_馬渡_2025-2</t>
  </si>
  <si>
    <t>二口_馬渡_2026-3</t>
  </si>
  <si>
    <t>海老江_大坪_872-2</t>
  </si>
  <si>
    <t>二口_馬渡_2041-3</t>
  </si>
  <si>
    <t>二口_馬渡_2042-3</t>
  </si>
  <si>
    <t>二口_馬渡_2043-3</t>
  </si>
  <si>
    <t>二口_馬渡_2045-4</t>
  </si>
  <si>
    <t>二口_馬渡_2046-4</t>
  </si>
  <si>
    <t>二口_馬渡_2046-5</t>
  </si>
  <si>
    <t>二口_馬渡_2123-3</t>
  </si>
  <si>
    <t>二口_馬渡_2123-4</t>
  </si>
  <si>
    <t>二口_馬渡_2124-3</t>
  </si>
  <si>
    <t>二口_馬渡_2124-4</t>
  </si>
  <si>
    <t>海老江_大坪_874-2</t>
  </si>
  <si>
    <t>二口_馬渡_2178-2</t>
  </si>
  <si>
    <t>二口_轟_913-4</t>
  </si>
  <si>
    <t>二口_轟_913-5</t>
  </si>
  <si>
    <t>二口_轟_916-5</t>
  </si>
  <si>
    <t>二口_轟_916-6</t>
  </si>
  <si>
    <t>二口_轟_917-2</t>
  </si>
  <si>
    <t>二口_轟_920-3</t>
  </si>
  <si>
    <t>二口_轟_921-2</t>
  </si>
  <si>
    <t>二口_轟_927-3</t>
  </si>
  <si>
    <t>二口_轟_927-4</t>
  </si>
  <si>
    <t>庄西町二丁目__325-7</t>
  </si>
  <si>
    <t>海老江_大坪_875-2</t>
  </si>
  <si>
    <t>二口_轟_952-2</t>
  </si>
  <si>
    <t>二口_轟_952-3</t>
  </si>
  <si>
    <t>二口_轟_988-4</t>
  </si>
  <si>
    <t>二口_轟_988-5</t>
  </si>
  <si>
    <t>二口_轟_989-1</t>
  </si>
  <si>
    <t>二口_轟_990-1</t>
  </si>
  <si>
    <t>二口_轟_991-1</t>
  </si>
  <si>
    <t>二口_轟_992-1</t>
  </si>
  <si>
    <t>二口_轟_992-2</t>
  </si>
  <si>
    <t>二口_轟_993-1</t>
  </si>
  <si>
    <t>海老江_大坪_876-3</t>
  </si>
  <si>
    <t>二口_轟_994-1</t>
  </si>
  <si>
    <t>二口_轟_995-2</t>
  </si>
  <si>
    <t>二口_轟_995-4</t>
  </si>
  <si>
    <t>二口_轟_996-2</t>
  </si>
  <si>
    <t>二口_轟_997-2</t>
  </si>
  <si>
    <t>二口_轟_998-2</t>
  </si>
  <si>
    <t>二口_轟_999-2</t>
  </si>
  <si>
    <t>二口_轟_1000-3</t>
  </si>
  <si>
    <t>二口_轟_1000-4</t>
  </si>
  <si>
    <t>二口_轟_1001-6</t>
  </si>
  <si>
    <t>海老江_大坪_877-3</t>
  </si>
  <si>
    <t>二口_轟_1002-4</t>
  </si>
  <si>
    <t>二口_轟_1002-8</t>
  </si>
  <si>
    <t>二口_轟_1003-2</t>
  </si>
  <si>
    <t>二口_轟_1003-3</t>
  </si>
  <si>
    <t>二口_轟_1004-3</t>
  </si>
  <si>
    <t>二口_轟_1004-4</t>
  </si>
  <si>
    <t>二口_轟_1004-5</t>
  </si>
  <si>
    <t>二口_轟_1004-6</t>
  </si>
  <si>
    <t>二口_轟_1005-2</t>
  </si>
  <si>
    <t>二口_轟_1005-4</t>
  </si>
  <si>
    <t>海老江_大坪_878-3</t>
  </si>
  <si>
    <t>二口_轟_1005-5</t>
  </si>
  <si>
    <t>二口_轟_1006-1</t>
  </si>
  <si>
    <t>二口_轟_1006-2</t>
  </si>
  <si>
    <t>二口_轟_1008-3</t>
  </si>
  <si>
    <t>二口_轟_1009-3</t>
  </si>
  <si>
    <t>二口_轟_1009-4</t>
  </si>
  <si>
    <t>二口_轟_1010-4</t>
  </si>
  <si>
    <t>二口_轟_1010-7</t>
  </si>
  <si>
    <t>二口_轟_1010-8</t>
  </si>
  <si>
    <t>二口_轟_1011-2</t>
  </si>
  <si>
    <t>海老江_小坪_1033-2</t>
  </si>
  <si>
    <t>二口_轟_1011-3</t>
  </si>
  <si>
    <t>二口_轟_1011-6</t>
  </si>
  <si>
    <t>二口_轟_1012-2</t>
  </si>
  <si>
    <t>二口_轟_1012-6</t>
  </si>
  <si>
    <t>二口_轟_1012-7</t>
  </si>
  <si>
    <t>二口_轟_1012-8</t>
  </si>
  <si>
    <t>二口_轟_1013-2</t>
  </si>
  <si>
    <t>二口_轟_1013-3</t>
  </si>
  <si>
    <t>二口_轟_1014-3</t>
  </si>
  <si>
    <t>二口_轟_1014-4</t>
  </si>
  <si>
    <t>海老江_小坪_1053-3</t>
  </si>
  <si>
    <t>二口_轟_1015-2</t>
  </si>
  <si>
    <t>二口_轟_1015-3</t>
  </si>
  <si>
    <t>二口_轟_1016-2</t>
  </si>
  <si>
    <t>二口_轟_1016-3</t>
  </si>
  <si>
    <t>二口_轟_1017-3</t>
  </si>
  <si>
    <t>二口_轟_1017-4</t>
  </si>
  <si>
    <t>二口_轟_1017-5</t>
  </si>
  <si>
    <t>二口_轟_1017-6</t>
  </si>
  <si>
    <t>二口_轟_1018-2</t>
  </si>
  <si>
    <t>二口_轟_1018-4</t>
  </si>
  <si>
    <t>海老江_小坪_1054-3</t>
  </si>
  <si>
    <t>二口_轟_1018-5</t>
  </si>
  <si>
    <t>二口_轟_1019-2</t>
  </si>
  <si>
    <t>二口_轟_1019-3</t>
  </si>
  <si>
    <t>二口_轟_1020-3</t>
  </si>
  <si>
    <t>二口_轟_1020-4</t>
  </si>
  <si>
    <t>二口_轟_1020-6</t>
  </si>
  <si>
    <t>二口_轟_1021-1</t>
  </si>
  <si>
    <t>二口_轟_1021-2</t>
  </si>
  <si>
    <t>二口_轟_1021-4</t>
  </si>
  <si>
    <t>二口_轟_1022-2</t>
  </si>
  <si>
    <t>海老江_小坪_1054-4</t>
  </si>
  <si>
    <t>二口_轟_1022-3</t>
  </si>
  <si>
    <t>二口_轟_1022-4</t>
  </si>
  <si>
    <t>二口_轟_1023-3</t>
  </si>
  <si>
    <t>二口_轟_1023-4</t>
  </si>
  <si>
    <t>二口_轟_1023-5</t>
  </si>
  <si>
    <t>二口_轟_1023-6</t>
  </si>
  <si>
    <t>二口_轟_1024-2</t>
  </si>
  <si>
    <t>二口_轟_1025-1</t>
  </si>
  <si>
    <t>二口_轟_1025-2</t>
  </si>
  <si>
    <t>二口_轟_1026-4</t>
  </si>
  <si>
    <t>海老江_小坪_1054-5</t>
  </si>
  <si>
    <t>二口_轟_1027-2</t>
  </si>
  <si>
    <t>二口_轟_1027-8</t>
  </si>
  <si>
    <t>二口_轟_1027-9</t>
  </si>
  <si>
    <t>二口_轟_1028-2</t>
  </si>
  <si>
    <t>二口_轟_1029-3</t>
  </si>
  <si>
    <t>二口_轟_1029-4</t>
  </si>
  <si>
    <t>二口_轟_1030-2</t>
  </si>
  <si>
    <t>二口_轟_1031-3</t>
  </si>
  <si>
    <t>二口_轟_1031-4</t>
  </si>
  <si>
    <t>二口_轟_1032-2</t>
  </si>
  <si>
    <t>海老江_小坪_1056-1</t>
  </si>
  <si>
    <t>二口_轟_1033-2</t>
  </si>
  <si>
    <t>二口_轟_1033-4</t>
  </si>
  <si>
    <t>二口_轟_1033-5</t>
  </si>
  <si>
    <t>二口_轟_1033-6</t>
  </si>
  <si>
    <t>二口_轟_1033-7</t>
  </si>
  <si>
    <t>二口_轟_1034-3</t>
  </si>
  <si>
    <t>二口_轟_1034-4</t>
  </si>
  <si>
    <t>二口_轟_1034-9</t>
  </si>
  <si>
    <t>二口_轟_1035-1</t>
  </si>
  <si>
    <t>二口_轟_1055-2</t>
  </si>
  <si>
    <t>庄西町二丁目__325-8</t>
  </si>
  <si>
    <t>海老江_小坪_1056-2-W1</t>
  </si>
  <si>
    <t>二口_轟_1055-3</t>
  </si>
  <si>
    <t>二口_轟_1055-4</t>
  </si>
  <si>
    <t>二口_轟_1055-5</t>
  </si>
  <si>
    <t>二口_轟_1055-6</t>
  </si>
  <si>
    <t>二口_轟_1056-2</t>
  </si>
  <si>
    <t>二口_轟_1056-5</t>
  </si>
  <si>
    <t>二口_轟_1056-6</t>
  </si>
  <si>
    <t>二口_轟_1056-7</t>
  </si>
  <si>
    <t>二口_轟_1056-8</t>
  </si>
  <si>
    <t>二口_轟_1056-9</t>
  </si>
  <si>
    <t>海老江_小坪_1056-3</t>
  </si>
  <si>
    <t>二口_轟_1057-2</t>
  </si>
  <si>
    <t>二口_轟_1057-4</t>
  </si>
  <si>
    <t>二口_轟_1057-5</t>
  </si>
  <si>
    <t>二口_轟_1057-7</t>
  </si>
  <si>
    <t>二口_轟_1057-8</t>
  </si>
  <si>
    <t>二口_轟_1057-9</t>
  </si>
  <si>
    <t>二口_轟_1057-10</t>
  </si>
  <si>
    <t>二口_轟_1058-2</t>
  </si>
  <si>
    <t>二口_轟_1058-3</t>
  </si>
  <si>
    <t>二口_轟_1058-4</t>
  </si>
  <si>
    <t>海老江_小坪_1057-3</t>
  </si>
  <si>
    <t>二口_轟_1060-2</t>
  </si>
  <si>
    <t>二口_轟_1060-3</t>
  </si>
  <si>
    <t>二口_轟_1061-1</t>
  </si>
  <si>
    <t>二口_轟_1061-3</t>
  </si>
  <si>
    <t>二口_轟_1062-4</t>
  </si>
  <si>
    <t>二口_轟_1062-5</t>
  </si>
  <si>
    <t>二口_轟_1065-3</t>
  </si>
  <si>
    <t>二口_轟_1066-3</t>
  </si>
  <si>
    <t>二口_轟_1067-3</t>
  </si>
  <si>
    <t>二口_轟_1068-4</t>
  </si>
  <si>
    <t>海老江_小坪_1059-2</t>
  </si>
  <si>
    <t>二口_轟_1069-4</t>
  </si>
  <si>
    <t>二口_轟_1070-2</t>
  </si>
  <si>
    <t>二口_轟_1071-2</t>
  </si>
  <si>
    <t>二口_轟_1072-7</t>
  </si>
  <si>
    <t>二口_轟_1072-8</t>
  </si>
  <si>
    <t>二口_轟_1072-9</t>
  </si>
  <si>
    <t>二口_轟_1081-2</t>
  </si>
  <si>
    <t>二口_轟_1090-2</t>
  </si>
  <si>
    <t>二口_轟_1090-3</t>
  </si>
  <si>
    <t>二口_轟_1090-4</t>
  </si>
  <si>
    <t>海老江_小坪_1059-3</t>
  </si>
  <si>
    <t>二口_轟_1091-2</t>
  </si>
  <si>
    <t>二口_轟_1091-3</t>
  </si>
  <si>
    <t>二口_轟_1092-2</t>
  </si>
  <si>
    <t>二口_轟_1092-3</t>
  </si>
  <si>
    <t>二口_轟_1093-2</t>
  </si>
  <si>
    <t>二口_轟_1093-3</t>
  </si>
  <si>
    <t>二口_轟_1094-3</t>
  </si>
  <si>
    <t>二口_轟_1094-4</t>
  </si>
  <si>
    <t>二口_轟_1094-5</t>
  </si>
  <si>
    <t>二口_轟_1094-6</t>
  </si>
  <si>
    <t>海老江_小坪_1059-4</t>
  </si>
  <si>
    <t>二口_轟_1095-4</t>
  </si>
  <si>
    <t>二口_轟_1095-5</t>
  </si>
  <si>
    <t>二口_轟_1095-6</t>
  </si>
  <si>
    <t>二口_轟_1095-7</t>
  </si>
  <si>
    <t>二口_轟_1095-8</t>
  </si>
  <si>
    <t>二口_轟_1095-9</t>
  </si>
  <si>
    <t>二口_轟_1095-10</t>
  </si>
  <si>
    <t>二口_轟_1098-3</t>
  </si>
  <si>
    <t>二口_轟_1098-4</t>
  </si>
  <si>
    <t>二口_轟_1098-5</t>
  </si>
  <si>
    <t>海老江_小坪_1060-4</t>
  </si>
  <si>
    <t>二口_轟_1099-2</t>
  </si>
  <si>
    <t>二口_轟_1099-4</t>
  </si>
  <si>
    <t>二口_轟_1099-5</t>
  </si>
  <si>
    <t>二口_轟_1100-1</t>
  </si>
  <si>
    <t>二口_轟_1100-4</t>
  </si>
  <si>
    <t>二口_轟_1100-5</t>
  </si>
  <si>
    <t>二口_轟_1100-7</t>
  </si>
  <si>
    <t>二口_轟_1100-8</t>
  </si>
  <si>
    <t>二口_轟_1104-5</t>
  </si>
  <si>
    <t>二口_轟_1104-6</t>
  </si>
  <si>
    <t>海老江_小坪_1060-5</t>
  </si>
  <si>
    <t>二口_轟_1104-7</t>
  </si>
  <si>
    <t>二口_轟_1104-8</t>
  </si>
  <si>
    <t>二口_轟_1104-9</t>
  </si>
  <si>
    <t>二口_轟_1104-10</t>
  </si>
  <si>
    <t>二口_轟_1105-2</t>
  </si>
  <si>
    <t>二口_轟_1105-3</t>
  </si>
  <si>
    <t>二口_轟_1105-4</t>
  </si>
  <si>
    <t>二口_轟_1106-1</t>
  </si>
  <si>
    <t>二口_轟_1109-1</t>
  </si>
  <si>
    <t>二口_轟_1111-1</t>
  </si>
  <si>
    <t>海老江_小坪_1061-4</t>
  </si>
  <si>
    <t>二口_轟_1114-3</t>
  </si>
  <si>
    <t>二口_轟_1114-4</t>
  </si>
  <si>
    <t>二口_轟_1115-1</t>
  </si>
  <si>
    <t>二口_轟_1115-6</t>
  </si>
  <si>
    <t>二口_轟_1116-5</t>
  </si>
  <si>
    <t>二口_轟_1147-5</t>
  </si>
  <si>
    <t>二口_轟_1148-7</t>
  </si>
  <si>
    <t>二口_轟_1149-3</t>
  </si>
  <si>
    <t>二口_轟_1150-2</t>
  </si>
  <si>
    <t>海老江_小坪_1063-3</t>
  </si>
  <si>
    <t>二口_轟_1151-2</t>
  </si>
  <si>
    <t>二口_轟_1154-2</t>
  </si>
  <si>
    <t>二口_轟_1155-2</t>
  </si>
  <si>
    <t>二口_轟_1156-2</t>
  </si>
  <si>
    <t>二口_轟_1157-2</t>
  </si>
  <si>
    <t>二口_轟_1159-2</t>
  </si>
  <si>
    <t>二口_轟_1160-2</t>
  </si>
  <si>
    <t>二口_轟_1161-2</t>
  </si>
  <si>
    <t>二口_轟_1162-1</t>
  </si>
  <si>
    <t>二口_轟_1162-2</t>
  </si>
  <si>
    <t>庄西町二丁目__326-2</t>
  </si>
  <si>
    <t>海老江_小坪_1063-5</t>
  </si>
  <si>
    <t>二口_轟_1163-2</t>
  </si>
  <si>
    <t>二口_轟_1164-2</t>
  </si>
  <si>
    <t>二口_轟_1165-2</t>
  </si>
  <si>
    <t>二口_轟_1166-2</t>
  </si>
  <si>
    <t>二口_轟_1167-2</t>
  </si>
  <si>
    <t>二口_轟_1167-4</t>
  </si>
  <si>
    <t>二口_轟_1167-6</t>
  </si>
  <si>
    <t>二口_轟_1168-2</t>
  </si>
  <si>
    <t>二口_轟_1169-2</t>
  </si>
  <si>
    <t>二口_轟_1170-2</t>
  </si>
  <si>
    <t>海老江_小坪_1063-6</t>
  </si>
  <si>
    <t>二口_轟_1171-2</t>
  </si>
  <si>
    <t>二口_轟_1172-5</t>
  </si>
  <si>
    <t>二口_轟_1172-6</t>
  </si>
  <si>
    <t>二口_轟_1173-3</t>
  </si>
  <si>
    <t>二口_轟_1177-4</t>
  </si>
  <si>
    <t>二口_轟_1178-4</t>
  </si>
  <si>
    <t>二口_轟_1179-3</t>
  </si>
  <si>
    <t>二口_轟_1180-3</t>
  </si>
  <si>
    <t>二口_轟_1181-3</t>
  </si>
  <si>
    <t>二口_轟_1181-6</t>
  </si>
  <si>
    <t>海老江_小坪_1098-3</t>
  </si>
  <si>
    <t>二口_轟_1182-1</t>
  </si>
  <si>
    <t>二口_轟_1182-3</t>
  </si>
  <si>
    <t>二口_轟_1182-4</t>
  </si>
  <si>
    <t>二口_轟_1183-1</t>
  </si>
  <si>
    <t>二口_轟_1183-2</t>
  </si>
  <si>
    <t>二口_轟_1183-4</t>
  </si>
  <si>
    <t>二口_轟_1184-2</t>
  </si>
  <si>
    <t>二口_轟_1184-3</t>
  </si>
  <si>
    <t>二口_轟_1185-2</t>
  </si>
  <si>
    <t>二口_轟_1186-2</t>
  </si>
  <si>
    <t>海老江_小坪_1217-2</t>
  </si>
  <si>
    <t>二口_轟_1187-1</t>
  </si>
  <si>
    <t>二口_轟_1187-3</t>
  </si>
  <si>
    <t>二口_轟_1187-4</t>
  </si>
  <si>
    <t>二口_轟_1187-7</t>
  </si>
  <si>
    <t>二口_轟_1187-8</t>
  </si>
  <si>
    <t>二口_轟_1188-2</t>
  </si>
  <si>
    <t>二口_轟_1188-3</t>
  </si>
  <si>
    <t>二口_轟_1188-4</t>
  </si>
  <si>
    <t>二口_轟_1189-2</t>
  </si>
  <si>
    <t>二口_轟_1189-7</t>
  </si>
  <si>
    <t>海老江_小坪_1222-5</t>
  </si>
  <si>
    <t>二口_轟_1190-2</t>
  </si>
  <si>
    <t>二口_轟_1190-8</t>
  </si>
  <si>
    <t>二口_轟_1191-1</t>
  </si>
  <si>
    <t>二口_轟_1191-2</t>
  </si>
  <si>
    <t>二口_轟_1192-2</t>
  </si>
  <si>
    <t>二口_轟_1193-2</t>
  </si>
  <si>
    <t>二口_轟_1193-4</t>
  </si>
  <si>
    <t>二口_轟_1194-3</t>
  </si>
  <si>
    <t>二口_轟_1194-4</t>
  </si>
  <si>
    <t>二口_轟_1194-7</t>
  </si>
  <si>
    <t>海老江_小坪_1224-1</t>
  </si>
  <si>
    <t>二口_轟_1194-8</t>
  </si>
  <si>
    <t>二口_轟_1195-2</t>
  </si>
  <si>
    <t>二口_轟_1195-3</t>
  </si>
  <si>
    <t>二口_轟_1195-7</t>
  </si>
  <si>
    <t>二口_轟_1196-1</t>
  </si>
  <si>
    <t>二口_轟_1197-2</t>
  </si>
  <si>
    <t>二口_轟_1198-2</t>
  </si>
  <si>
    <t>二口_轟_1198-3</t>
  </si>
  <si>
    <t>二口_轟_1198-4</t>
  </si>
  <si>
    <t>二口_轟_1198-5</t>
  </si>
  <si>
    <t>海老江_寺野_1456-4</t>
  </si>
  <si>
    <t>二口_轟_1199-2</t>
  </si>
  <si>
    <t>二口_轟_1199-3</t>
  </si>
  <si>
    <t>二口_轟_1199-4</t>
  </si>
  <si>
    <t>二口_轟_1199-6</t>
  </si>
  <si>
    <t>二口_轟_1199-7</t>
  </si>
  <si>
    <t>二口_轟_1200-1</t>
  </si>
  <si>
    <t>二口_轟_1200-10</t>
  </si>
  <si>
    <t>二口_轟_1202-3</t>
  </si>
  <si>
    <t>二口_轟_1202-4</t>
  </si>
  <si>
    <t>二口_轟_1202-5</t>
  </si>
  <si>
    <t>海老江_寺野_1459-2</t>
  </si>
  <si>
    <t>二口_轟_1202-6</t>
  </si>
  <si>
    <t>二口_轟_1203-3</t>
  </si>
  <si>
    <t>二口_轟_1203-4</t>
  </si>
  <si>
    <t>二口_轟_1203-5</t>
  </si>
  <si>
    <t>二口_轟_1203-6</t>
  </si>
  <si>
    <t>二口_轟_1204-2</t>
  </si>
  <si>
    <t>二口_轟_1204-3</t>
  </si>
  <si>
    <t>二口_轟_1205-1</t>
  </si>
  <si>
    <t>二口_轟_1209-3</t>
  </si>
  <si>
    <t>二口_轟_1209-4</t>
  </si>
  <si>
    <t>海老江_寺野_1459-5</t>
  </si>
  <si>
    <t>二口_轟_1210-1</t>
  </si>
  <si>
    <t>二口_轟_1215-1</t>
  </si>
  <si>
    <t>二口_轟_1219-4</t>
  </si>
  <si>
    <t>二口_轟_1220-2</t>
  </si>
  <si>
    <t>二口_轟_1220-3</t>
  </si>
  <si>
    <t>二口_轟_1221-2</t>
  </si>
  <si>
    <t>二口_轟_1221-3</t>
  </si>
  <si>
    <t>二口_轟_1222-1</t>
  </si>
  <si>
    <t>二口_轟_1230-4</t>
  </si>
  <si>
    <t>海老江_寺野_1460-2</t>
  </si>
  <si>
    <t>二口_轟_1230-5</t>
  </si>
  <si>
    <t>二口_轟_1231-2</t>
  </si>
  <si>
    <t>二口_轟_1232-2</t>
  </si>
  <si>
    <t>二口_轟_1232-3</t>
  </si>
  <si>
    <t>二口_轟_1232-4</t>
  </si>
  <si>
    <t>二口_轟_1233-1</t>
  </si>
  <si>
    <t>二口_轟_1233-2</t>
  </si>
  <si>
    <t>二口_轟_1233-3</t>
  </si>
  <si>
    <t>二口_轟_1233-5</t>
  </si>
  <si>
    <t>二口_轟_1233-7</t>
  </si>
  <si>
    <t>庄西町二丁目__327-2</t>
  </si>
  <si>
    <t>海老江_浜_1467-1</t>
  </si>
  <si>
    <t>二口_轟_1234-3</t>
  </si>
  <si>
    <t>二口_轟_1234-13</t>
  </si>
  <si>
    <t>二口_轟_1251-2</t>
  </si>
  <si>
    <t>中村__25-1</t>
  </si>
  <si>
    <t>中村__25-2</t>
  </si>
  <si>
    <t>中村__25-3</t>
  </si>
  <si>
    <t>中村__26-2</t>
  </si>
  <si>
    <t>中村__29-17</t>
  </si>
  <si>
    <t>中村__29-27</t>
  </si>
  <si>
    <t>中村__29-1</t>
  </si>
  <si>
    <t>海老江_浜_1467-7</t>
  </si>
  <si>
    <t>中村__29-3</t>
  </si>
  <si>
    <t>中村__35-2</t>
  </si>
  <si>
    <t>中村__36-1</t>
  </si>
  <si>
    <t>中村__36-2</t>
  </si>
  <si>
    <t>中村__36-3</t>
  </si>
  <si>
    <t>中村__54</t>
  </si>
  <si>
    <t>中村__55</t>
  </si>
  <si>
    <t>中村__96-2</t>
  </si>
  <si>
    <t>中村__97-2</t>
  </si>
  <si>
    <t>中村__98-2</t>
  </si>
  <si>
    <t>海老江_浜_1467-11</t>
  </si>
  <si>
    <t>中村__98-3</t>
  </si>
  <si>
    <t>中村__99-2</t>
  </si>
  <si>
    <t>中村__117-2</t>
  </si>
  <si>
    <t>中村__118-2</t>
  </si>
  <si>
    <t>中村__118-3</t>
  </si>
  <si>
    <t>中村__118-4</t>
  </si>
  <si>
    <t>中村__120-3</t>
  </si>
  <si>
    <t>中村__121-2</t>
  </si>
  <si>
    <t>中村__124-2</t>
  </si>
  <si>
    <t>中村__125-2</t>
  </si>
  <si>
    <t>海老江_浜_1467-12</t>
  </si>
  <si>
    <t>中村__127-2</t>
  </si>
  <si>
    <t>中村__188-2</t>
  </si>
  <si>
    <t>中村__188-3</t>
  </si>
  <si>
    <t>中村__196-3</t>
  </si>
  <si>
    <t>中村__196-4</t>
  </si>
  <si>
    <t>中村__215-4</t>
  </si>
  <si>
    <t>中村__315-1</t>
  </si>
  <si>
    <t>中村__335</t>
  </si>
  <si>
    <t>中村__336</t>
  </si>
  <si>
    <t>中村__343</t>
  </si>
  <si>
    <t>海老江_浜_1467-20</t>
  </si>
  <si>
    <t>中村__344</t>
  </si>
  <si>
    <t>大門本江__1295-1</t>
  </si>
  <si>
    <t>大門本江__1295-2</t>
  </si>
  <si>
    <t>大門本江__1323</t>
  </si>
  <si>
    <t>大門本江__1331</t>
  </si>
  <si>
    <t>大門本江__1347</t>
  </si>
  <si>
    <t>大門本江_縄田_217-5</t>
  </si>
  <si>
    <t>大門本江_縄田_218-4</t>
  </si>
  <si>
    <t>大門本江_宮田_230-2</t>
  </si>
  <si>
    <t>大門本江_宮田_256-2</t>
  </si>
  <si>
    <t>海老江_浜_1467-25</t>
  </si>
  <si>
    <t>大門本江_宮田_257-2</t>
  </si>
  <si>
    <t>大門本江_宮田_278-2</t>
  </si>
  <si>
    <t>大門本江_宮田_279-2</t>
  </si>
  <si>
    <t>大門本江_宮田_282-2</t>
  </si>
  <si>
    <t>大門本江_宮田_283-3</t>
  </si>
  <si>
    <t>大門本江_宮田_283-4</t>
  </si>
  <si>
    <t>大門本江_宮田_284-2</t>
  </si>
  <si>
    <t>大門本江_宮田_285-2</t>
  </si>
  <si>
    <t>大門本江_宮田_286-2</t>
  </si>
  <si>
    <t>大門本江_宮田_287-2</t>
  </si>
  <si>
    <t>海老江_浜_1467-31</t>
  </si>
  <si>
    <t>大門本江_宮田_288-2</t>
  </si>
  <si>
    <t>大門本江_宮田_288-3</t>
  </si>
  <si>
    <t>大門本江_宮田_289-2</t>
  </si>
  <si>
    <t>大門本江_宮田_289-3</t>
  </si>
  <si>
    <t>大門本江_宮田_290-2</t>
  </si>
  <si>
    <t>大門本江_宮田_291-2</t>
  </si>
  <si>
    <t>大門本江_宮田_292-2</t>
  </si>
  <si>
    <t>大門本江_宮田_293-2</t>
  </si>
  <si>
    <t>大門本江_宮田_294-2</t>
  </si>
  <si>
    <t>大門本江_宮田_296-2</t>
  </si>
  <si>
    <t>海老江_浜_1467-32</t>
  </si>
  <si>
    <t>大門本江_宮田_299</t>
  </si>
  <si>
    <t>大門本江_宮田_1009-2</t>
  </si>
  <si>
    <t>大門本江_宮田_1010-2</t>
  </si>
  <si>
    <t>大門本江_宮田_1011-2</t>
  </si>
  <si>
    <t>大門本江_宮田_1012-2</t>
  </si>
  <si>
    <t>大門本江_宮田_1013-2</t>
  </si>
  <si>
    <t>大門本江_苗代_497-3</t>
  </si>
  <si>
    <t>大門本江_苗代_508-2</t>
  </si>
  <si>
    <t>大門本江_苗代_509-2</t>
  </si>
  <si>
    <t>大門本江_苗代_510-2</t>
  </si>
  <si>
    <t>海老江_浜_1467-42</t>
  </si>
  <si>
    <t>大門本江_苗代_511-2</t>
  </si>
  <si>
    <t>大門本江_苗代_512-2</t>
  </si>
  <si>
    <t>大門本江_苗代_513-2</t>
  </si>
  <si>
    <t>大門本江_苗代_513-3</t>
  </si>
  <si>
    <t>大門本江_苗代_514-3</t>
  </si>
  <si>
    <t>大門本江_苗代_515-2</t>
  </si>
  <si>
    <t>大門本江_苗代_516-2</t>
  </si>
  <si>
    <t>大門本江_苗代_517-3</t>
  </si>
  <si>
    <t>大門本江_苗代_518-2</t>
  </si>
  <si>
    <t>大門本江_苗代_519-2</t>
  </si>
  <si>
    <t>海老江_浜_1467-43</t>
  </si>
  <si>
    <t>大門本江_苗代_520-2</t>
  </si>
  <si>
    <t>大門本江_苗代_572-2</t>
  </si>
  <si>
    <t>大門本江_苗代_573-2</t>
  </si>
  <si>
    <t>大門本江_苗代_574-2</t>
  </si>
  <si>
    <t>大門本江_苗代_576-2</t>
  </si>
  <si>
    <t>大門本江_苗代_577-3</t>
  </si>
  <si>
    <t>大門本江_苗代_578-2</t>
  </si>
  <si>
    <t>大門本江_苗代_613-3</t>
  </si>
  <si>
    <t>大門本江_苗代_615-3</t>
  </si>
  <si>
    <t>大門本江_苗代_624-3</t>
  </si>
  <si>
    <t>庄西町二丁目__328-2</t>
  </si>
  <si>
    <t>海老江_浜_1467-44</t>
  </si>
  <si>
    <t>大門本江_苗代_626-2</t>
  </si>
  <si>
    <t>大門本江_苗代_628-2</t>
  </si>
  <si>
    <t>大門本江_苗代_629-1</t>
  </si>
  <si>
    <t>大門本江_苗代_631-2</t>
  </si>
  <si>
    <t>大門本江_苗代_631-3</t>
  </si>
  <si>
    <t>大門本江_中島_650-2</t>
  </si>
  <si>
    <t>大門本江_中島_654-2</t>
  </si>
  <si>
    <t>大門本江_中島_655-2</t>
  </si>
  <si>
    <t>大門本江_中島_698-5</t>
  </si>
  <si>
    <t>大門本江_中島_698-6</t>
  </si>
  <si>
    <t>海老江_浜_1467-49</t>
  </si>
  <si>
    <t>大門本江_浦川_704-2</t>
  </si>
  <si>
    <t>大門本江_浦川_736-1</t>
  </si>
  <si>
    <t>大門本江_浦川_829-6</t>
  </si>
  <si>
    <t>大門本江_久保_1123-2</t>
  </si>
  <si>
    <t>棚田__90-2</t>
  </si>
  <si>
    <t>棚田__95-2</t>
  </si>
  <si>
    <t>棚田__96-2</t>
  </si>
  <si>
    <t>棚田__97-2</t>
  </si>
  <si>
    <t>棚田__144-2</t>
  </si>
  <si>
    <t>棚田__155-3</t>
  </si>
  <si>
    <t>海老江_浜_1467-55</t>
  </si>
  <si>
    <t>棚田__156-2</t>
  </si>
  <si>
    <t>棚田__157-2</t>
  </si>
  <si>
    <t>棚田__158-2</t>
  </si>
  <si>
    <t>棚田__159-2</t>
  </si>
  <si>
    <t>棚田__160-2</t>
  </si>
  <si>
    <t>棚田__161-2</t>
  </si>
  <si>
    <t>棚田__162-2</t>
  </si>
  <si>
    <t>棚田__163-2</t>
  </si>
  <si>
    <t>棚田__164-2</t>
  </si>
  <si>
    <t>棚田__165-2</t>
  </si>
  <si>
    <t>海老江_浜_1467-64</t>
  </si>
  <si>
    <t>棚田__166-3</t>
  </si>
  <si>
    <t>棚田__167-3</t>
  </si>
  <si>
    <t>棚田__168-2</t>
  </si>
  <si>
    <t>棚田__169-2</t>
  </si>
  <si>
    <t>棚田__170-2</t>
  </si>
  <si>
    <t>棚田__171-2</t>
  </si>
  <si>
    <t>棚田__172-2</t>
  </si>
  <si>
    <t>棚田__173-2</t>
  </si>
  <si>
    <t>棚田__174-2</t>
  </si>
  <si>
    <t>棚田__176-2</t>
  </si>
  <si>
    <t>海老江_浜_1467-69</t>
  </si>
  <si>
    <t>棚田__177-3</t>
  </si>
  <si>
    <t>棚田__177-4</t>
  </si>
  <si>
    <t>棚田__178-2</t>
  </si>
  <si>
    <t>棚田__179-2</t>
  </si>
  <si>
    <t>棚田__180-2</t>
  </si>
  <si>
    <t>棚田__181-2</t>
  </si>
  <si>
    <t>棚田__182-2</t>
  </si>
  <si>
    <t>棚田__183-2</t>
  </si>
  <si>
    <t>棚田__217-2</t>
  </si>
  <si>
    <t>棚田__218-3</t>
  </si>
  <si>
    <t>海老江_浜_1468-1</t>
  </si>
  <si>
    <t>棚田__320-2</t>
  </si>
  <si>
    <t>棚田__321-2</t>
  </si>
  <si>
    <t>棚田__322-2</t>
  </si>
  <si>
    <t>棚田__323-2</t>
  </si>
  <si>
    <t>棚田__324-2</t>
  </si>
  <si>
    <t>棚田__325-2</t>
  </si>
  <si>
    <t>棚田__326-2</t>
  </si>
  <si>
    <t>棚田__327-2</t>
  </si>
  <si>
    <t>棚田__328-2</t>
  </si>
  <si>
    <t>棚田__329-2</t>
  </si>
  <si>
    <t>海老江_浜_1468-13</t>
  </si>
  <si>
    <t>棚田__330-2</t>
  </si>
  <si>
    <t>棚田__331-2</t>
  </si>
  <si>
    <t>棚田__332-2</t>
  </si>
  <si>
    <t>棚田__333-2</t>
  </si>
  <si>
    <t>棚田__334-2</t>
  </si>
  <si>
    <t>棚田__335-2</t>
  </si>
  <si>
    <t>棚田__336-2</t>
  </si>
  <si>
    <t>棚田__337-2</t>
  </si>
  <si>
    <t>棚田__338-2</t>
  </si>
  <si>
    <t>棚田__339-2</t>
  </si>
  <si>
    <t>海老江練合__1-1</t>
  </si>
  <si>
    <t>棚田__340-2</t>
  </si>
  <si>
    <t>棚田__340-3</t>
  </si>
  <si>
    <t>棚田__382-2</t>
  </si>
  <si>
    <t>棚田__382-3</t>
  </si>
  <si>
    <t>棚田__383-2</t>
  </si>
  <si>
    <t>棚田__383-3</t>
  </si>
  <si>
    <t>棚田__406-4</t>
  </si>
  <si>
    <t>棚田__407-2</t>
  </si>
  <si>
    <t>棚田__407-4</t>
  </si>
  <si>
    <t>棚田__420-2</t>
  </si>
  <si>
    <t>海老江練合__1-4</t>
  </si>
  <si>
    <t>棚田__421-2</t>
  </si>
  <si>
    <t>棚田__427-2</t>
  </si>
  <si>
    <t>棚田__428-3</t>
  </si>
  <si>
    <t>棚田__428-4</t>
  </si>
  <si>
    <t>棚田__429-2</t>
  </si>
  <si>
    <t>棚田__435-2</t>
  </si>
  <si>
    <t>棚田__435-3</t>
  </si>
  <si>
    <t>棚田__436-2</t>
  </si>
  <si>
    <t>棚田__439-2</t>
  </si>
  <si>
    <t>棚田__440-2</t>
  </si>
  <si>
    <t>海老江練合__46-4</t>
  </si>
  <si>
    <t>棚田__442-3</t>
  </si>
  <si>
    <t>棚田__443-3</t>
  </si>
  <si>
    <t>棚田__444-3</t>
  </si>
  <si>
    <t>棚田__445-2</t>
  </si>
  <si>
    <t>棚田__445-4</t>
  </si>
  <si>
    <t>棚田__445-5</t>
  </si>
  <si>
    <t>棚田__446-3</t>
  </si>
  <si>
    <t>棚田__447-3</t>
  </si>
  <si>
    <t>棚田__448-3</t>
  </si>
  <si>
    <t>棚田__449-3</t>
  </si>
  <si>
    <t>庄西町二丁目__331-2</t>
  </si>
  <si>
    <t>海老江練合__46-5</t>
  </si>
  <si>
    <t>棚田__450-3</t>
  </si>
  <si>
    <t>棚田__450-4</t>
  </si>
  <si>
    <t>棚田__451-3</t>
  </si>
  <si>
    <t>棚田__451-4</t>
  </si>
  <si>
    <t>棚田__451-5</t>
  </si>
  <si>
    <t>棚田__451-6</t>
  </si>
  <si>
    <t>棚田__451-7</t>
  </si>
  <si>
    <t>棚田__451-8</t>
  </si>
  <si>
    <t>棚田__452-2</t>
  </si>
  <si>
    <t>棚田__452-4</t>
  </si>
  <si>
    <t>海老江練合__47-3</t>
  </si>
  <si>
    <t>棚田__453-2</t>
  </si>
  <si>
    <t>棚田__454-2</t>
  </si>
  <si>
    <t>棚田__455-2</t>
  </si>
  <si>
    <t>棚田__482-3</t>
  </si>
  <si>
    <t>棚田__482-4</t>
  </si>
  <si>
    <t>棚田__482-5</t>
  </si>
  <si>
    <t>棚田__482-6</t>
  </si>
  <si>
    <t>棚田__496-2</t>
  </si>
  <si>
    <t>棚田__500-2</t>
  </si>
  <si>
    <t>棚田__502-3</t>
  </si>
  <si>
    <t>海老江練合__48-3</t>
  </si>
  <si>
    <t>棚田__502-4</t>
  </si>
  <si>
    <t>棚田__512-2</t>
  </si>
  <si>
    <t>棚田__513-2</t>
  </si>
  <si>
    <t>棚田__514-2</t>
  </si>
  <si>
    <t>棚田__515-2</t>
  </si>
  <si>
    <t>棚田__516-2</t>
  </si>
  <si>
    <t>棚田__519-2</t>
  </si>
  <si>
    <t>棚田__548-3</t>
  </si>
  <si>
    <t>棚田__548-4</t>
  </si>
  <si>
    <t>棚田__548-5</t>
  </si>
  <si>
    <t>海老江練合__48-5</t>
  </si>
  <si>
    <t>棚田__601-2</t>
  </si>
  <si>
    <t>棚田__601-3</t>
  </si>
  <si>
    <t>棚田__1004-2</t>
  </si>
  <si>
    <t>棚田__1005-2</t>
  </si>
  <si>
    <t>棚田__1006-2</t>
  </si>
  <si>
    <t>棚田__1007-2</t>
  </si>
  <si>
    <t>棚田__1008-2</t>
  </si>
  <si>
    <t>棚田__1009-2</t>
  </si>
  <si>
    <t>棚田__1010-2</t>
  </si>
  <si>
    <t>棚田__1011-2</t>
  </si>
  <si>
    <t>海老江練合__49-3</t>
  </si>
  <si>
    <t>棚田__1012-2</t>
  </si>
  <si>
    <t>棚田__1013-2</t>
  </si>
  <si>
    <t>棚田__1014-2</t>
  </si>
  <si>
    <t>棚田__1015-2</t>
  </si>
  <si>
    <t>棚田__1016-2</t>
  </si>
  <si>
    <t>棚田__1017-2</t>
  </si>
  <si>
    <t>棚田__1018-2</t>
  </si>
  <si>
    <t>棚田__1019-2</t>
  </si>
  <si>
    <t>棚田__1020-2</t>
  </si>
  <si>
    <t>棚田__1021-2</t>
  </si>
  <si>
    <t>海老江練合__50-3</t>
  </si>
  <si>
    <t>棚田__1022-2</t>
  </si>
  <si>
    <t>棚田__1023-2</t>
  </si>
  <si>
    <t>安吉_明治_2-2</t>
  </si>
  <si>
    <t>安吉_明治_3-2</t>
  </si>
  <si>
    <t>安吉_明治_3-3</t>
  </si>
  <si>
    <t>安吉_明治_4-2</t>
  </si>
  <si>
    <t>安吉_明治_4-3</t>
  </si>
  <si>
    <t>安吉_明治_4-4</t>
  </si>
  <si>
    <t>安吉_明治_4-5</t>
  </si>
  <si>
    <t>安吉_明治_4-6</t>
  </si>
  <si>
    <t>海老江練合__51-3</t>
  </si>
  <si>
    <t>安吉_明治_19-2</t>
  </si>
  <si>
    <t>安吉_明治_19-7</t>
  </si>
  <si>
    <t>安吉_明治_19-8</t>
  </si>
  <si>
    <t>安吉_明治_19-9</t>
  </si>
  <si>
    <t>安吉_明治_19-10</t>
  </si>
  <si>
    <t>安吉_明治_19-11</t>
  </si>
  <si>
    <t>安吉_明治_20-2</t>
  </si>
  <si>
    <t>安吉_明治_20-3</t>
  </si>
  <si>
    <t>安吉_明治_20-4</t>
  </si>
  <si>
    <t>安吉_明治_20-5</t>
  </si>
  <si>
    <t>海老江練合__52-1</t>
  </si>
  <si>
    <t>安吉_明治_20-7</t>
  </si>
  <si>
    <t>安吉_明治_20-8</t>
  </si>
  <si>
    <t>安吉_明治_21-4</t>
  </si>
  <si>
    <t>安吉_明治_21-5</t>
  </si>
  <si>
    <t>安吉_明治_22-3</t>
  </si>
  <si>
    <t>安吉_明治_24-2</t>
  </si>
  <si>
    <t>安吉_明治_25-3</t>
  </si>
  <si>
    <t>安吉_明治_27-3</t>
  </si>
  <si>
    <t>海老江練合__53-1</t>
  </si>
  <si>
    <t>安吉_明治_27-4</t>
  </si>
  <si>
    <t>安吉_明治_29-2</t>
  </si>
  <si>
    <t>安吉_明治_29-3</t>
  </si>
  <si>
    <t>安吉_明治_30-2</t>
  </si>
  <si>
    <t>安吉_明治_30-5</t>
  </si>
  <si>
    <t>安吉_明治_30-6</t>
  </si>
  <si>
    <t>安吉_明治_66-2</t>
  </si>
  <si>
    <t>安吉_明治_66-4</t>
  </si>
  <si>
    <t>安吉_明治_66-5</t>
  </si>
  <si>
    <t>安吉_明治_67-2</t>
  </si>
  <si>
    <t>海老江練合__54-1</t>
  </si>
  <si>
    <t>安吉_明治_67-4</t>
  </si>
  <si>
    <t>安吉_明治_67-5</t>
  </si>
  <si>
    <t>安吉_明治_72-2</t>
  </si>
  <si>
    <t>安吉_明治_73-2</t>
  </si>
  <si>
    <t>安吉_大正_80-2</t>
  </si>
  <si>
    <t>安吉_大正_80-4</t>
  </si>
  <si>
    <t>安吉_大正_80-5</t>
  </si>
  <si>
    <t>安吉_大正_81-2</t>
  </si>
  <si>
    <t>安吉_大正_81-4</t>
  </si>
  <si>
    <t>安吉_大正_81-5</t>
  </si>
  <si>
    <t>庄西町二丁目__332-3</t>
  </si>
  <si>
    <t>海老江練合__54-3</t>
  </si>
  <si>
    <t>安吉_大正_84-3</t>
  </si>
  <si>
    <t>安吉_大正_85-3</t>
  </si>
  <si>
    <t>安吉_大正_86-3</t>
  </si>
  <si>
    <t>安吉_大正_86-4</t>
  </si>
  <si>
    <t>安吉_大正_87-2</t>
  </si>
  <si>
    <t>安吉_大正_87-3</t>
  </si>
  <si>
    <t>安吉_大正_88-2</t>
  </si>
  <si>
    <t>安吉_大正_88-3</t>
  </si>
  <si>
    <t>安吉_大正_89-2</t>
  </si>
  <si>
    <t>安吉_大正_89-3</t>
  </si>
  <si>
    <t>海老江練合__55-3</t>
  </si>
  <si>
    <t>安吉_大正_90-2</t>
  </si>
  <si>
    <t>安吉_大正_90-3</t>
  </si>
  <si>
    <t>安吉_大正_91-2</t>
  </si>
  <si>
    <t>安吉_大正_91-3</t>
  </si>
  <si>
    <t>安吉_大正_92-2</t>
  </si>
  <si>
    <t>安吉_大正_92-3</t>
  </si>
  <si>
    <t>安吉_大正_93-3</t>
  </si>
  <si>
    <t>安吉_大正_93-4</t>
  </si>
  <si>
    <t>安吉_大正_94-2</t>
  </si>
  <si>
    <t>安吉_大正_95-2</t>
  </si>
  <si>
    <t>海老江練合__56-3</t>
  </si>
  <si>
    <t>安吉_大正_95-3</t>
  </si>
  <si>
    <t>安吉_大正_96-2</t>
  </si>
  <si>
    <t>安吉_大正_96-3</t>
  </si>
  <si>
    <t>安吉_大正_97-2</t>
  </si>
  <si>
    <t>安吉_大正_97-3</t>
  </si>
  <si>
    <t>安吉_大正_98-2</t>
  </si>
  <si>
    <t>安吉_大正_98-3</t>
  </si>
  <si>
    <t>安吉_大正_99-2</t>
  </si>
  <si>
    <t>安吉_大正_99-3</t>
  </si>
  <si>
    <t>安吉_大正_100-3</t>
  </si>
  <si>
    <t>海老江練合__57-3</t>
  </si>
  <si>
    <t>安吉_大正_100-4</t>
  </si>
  <si>
    <t>安吉_大正_102-3</t>
  </si>
  <si>
    <t>安吉_大正_105-2</t>
  </si>
  <si>
    <t>安吉_大正_106-2</t>
  </si>
  <si>
    <t>安吉_大正_107-2</t>
  </si>
  <si>
    <t>安吉_大正_108-2</t>
  </si>
  <si>
    <t>安吉_大正_109-2</t>
  </si>
  <si>
    <t>安吉_大正_110-2</t>
  </si>
  <si>
    <t>安吉_大正_111-2</t>
  </si>
  <si>
    <t>安吉_大正_112-2</t>
  </si>
  <si>
    <t>海老江練合__58-3</t>
  </si>
  <si>
    <t>安吉_大正_112-3</t>
  </si>
  <si>
    <t>安吉_大正_113-2</t>
  </si>
  <si>
    <t>安吉_大正_114-2</t>
  </si>
  <si>
    <t>安吉_大正_115-3</t>
  </si>
  <si>
    <t>安吉_大正_116-2</t>
  </si>
  <si>
    <t>安吉_大正_117-2</t>
  </si>
  <si>
    <t>安吉_大正_118-2</t>
  </si>
  <si>
    <t>安吉_大正_119-2</t>
  </si>
  <si>
    <t>安吉_大正_120-2</t>
  </si>
  <si>
    <t>安吉_大正_121-2</t>
  </si>
  <si>
    <t>海老江練合__59-1</t>
  </si>
  <si>
    <t>安吉_大正_122-2</t>
  </si>
  <si>
    <t>安吉_大正_123-2</t>
  </si>
  <si>
    <t>安吉_大正_123-3</t>
  </si>
  <si>
    <t>安吉_大正_123-4</t>
  </si>
  <si>
    <t>安吉_大正_124-2</t>
  </si>
  <si>
    <t>安吉_大正_124-3</t>
  </si>
  <si>
    <t>安吉_大正_124-6</t>
  </si>
  <si>
    <t>安吉_大正_125-5</t>
  </si>
  <si>
    <t>安吉_大正_126-2</t>
  </si>
  <si>
    <t>安吉_大正_127-2</t>
  </si>
  <si>
    <t>海老江練合__60-1</t>
  </si>
  <si>
    <t>安吉_大正_128-2</t>
  </si>
  <si>
    <t>安吉_大正_129-2</t>
  </si>
  <si>
    <t>安吉_大正_130-2</t>
  </si>
  <si>
    <t>安吉_大正_130-3</t>
  </si>
  <si>
    <t>安吉_大正_130-5</t>
  </si>
  <si>
    <t>安吉_大正_134-4</t>
  </si>
  <si>
    <t>安吉_大正_134-5</t>
  </si>
  <si>
    <t>安吉_大正_134-6</t>
  </si>
  <si>
    <t>安吉_大正_134-7</t>
  </si>
  <si>
    <t>安吉_大正_137-2</t>
  </si>
  <si>
    <t>海老江練合__60-3</t>
  </si>
  <si>
    <t>安吉_大正_137-3</t>
  </si>
  <si>
    <t>安吉_大正_149-2</t>
  </si>
  <si>
    <t>安吉_大正_149-3</t>
  </si>
  <si>
    <t>安吉_大正_150-2</t>
  </si>
  <si>
    <t>安吉_大正_160-1</t>
  </si>
  <si>
    <t>安吉_大正_160-7</t>
  </si>
  <si>
    <t>安吉_大正_161-3</t>
  </si>
  <si>
    <t>安吉_昭和_175-3</t>
  </si>
  <si>
    <t>安吉_昭和_181-2</t>
  </si>
  <si>
    <t>安吉_昭和_183-4</t>
  </si>
  <si>
    <t>海老江練合__61-3</t>
  </si>
  <si>
    <t>安吉_昭和_195-6</t>
  </si>
  <si>
    <t>安吉_昭和_195-7</t>
  </si>
  <si>
    <t>安吉_昭和_195-8</t>
  </si>
  <si>
    <t>安吉_昭和_197-2</t>
  </si>
  <si>
    <t>安吉_昭和_197-3</t>
  </si>
  <si>
    <t>安吉_昭和_197-4</t>
  </si>
  <si>
    <t>安吉_昭和_198-2</t>
  </si>
  <si>
    <t>安吉_昭和_199-3</t>
  </si>
  <si>
    <t>安吉_昭和_199-4</t>
  </si>
  <si>
    <t>安吉_昭和_199-5</t>
  </si>
  <si>
    <t>海老江練合__62-1</t>
  </si>
  <si>
    <t>安吉_昭和_200-2</t>
  </si>
  <si>
    <t>安吉_昭和_200-4</t>
  </si>
  <si>
    <t>安吉_昭和_200-5</t>
  </si>
  <si>
    <t>安吉_昭和_201-2</t>
  </si>
  <si>
    <t>安吉_昭和_203-2</t>
  </si>
  <si>
    <t>安吉_昭和_210-3</t>
  </si>
  <si>
    <t>安吉_昭和_218-2</t>
  </si>
  <si>
    <t>安吉_昭和_219-2</t>
  </si>
  <si>
    <t>安吉_昭和_221-2</t>
  </si>
  <si>
    <t>安吉_昭和_227-2</t>
  </si>
  <si>
    <t>庄西町二丁目__499-2</t>
  </si>
  <si>
    <t>海老江練合__63-1</t>
  </si>
  <si>
    <t>安吉_昭和_235-2</t>
  </si>
  <si>
    <t>安吉_昭和_236-2</t>
  </si>
  <si>
    <t>安吉_昭和_237-2</t>
  </si>
  <si>
    <t>安吉_昭和_240-2</t>
  </si>
  <si>
    <t>安吉_昭和_241-2</t>
  </si>
  <si>
    <t>安吉_昭和_242-2</t>
  </si>
  <si>
    <t>安吉_昭和_242-3</t>
  </si>
  <si>
    <t>安吉_昭和_249-2</t>
  </si>
  <si>
    <t>安吉_昭和_254-2</t>
  </si>
  <si>
    <t>安吉_昭和_255-2</t>
  </si>
  <si>
    <t>海老江練合__64-1</t>
  </si>
  <si>
    <t>安吉_昭和_255-3</t>
  </si>
  <si>
    <t>安吉_昭和_255-4</t>
  </si>
  <si>
    <t>安吉_昭和_258-3</t>
  </si>
  <si>
    <t>安吉_昭和_258-4</t>
  </si>
  <si>
    <t>安吉_昭和_259-2</t>
  </si>
  <si>
    <t>安吉_昭和_259-3</t>
  </si>
  <si>
    <t>安吉_昭和_260-2</t>
  </si>
  <si>
    <t>安吉_昭和_260-3</t>
  </si>
  <si>
    <t>安吉_昭和_261-2</t>
  </si>
  <si>
    <t>安吉_昭和_261-3</t>
  </si>
  <si>
    <t>海老江練合__65-1</t>
  </si>
  <si>
    <t>安吉_昭和_262-2</t>
  </si>
  <si>
    <t>安吉_昭和_262-3</t>
  </si>
  <si>
    <t>安吉_昭和_263-1</t>
  </si>
  <si>
    <t>安吉_昭和_263-2</t>
  </si>
  <si>
    <t>安吉_昭和_263-3</t>
  </si>
  <si>
    <t>安吉_昭和_263-6</t>
  </si>
  <si>
    <t>安吉_昭和_263-8</t>
  </si>
  <si>
    <t>安吉_昭和_264-2</t>
  </si>
  <si>
    <t>安吉_昭和_264-3</t>
  </si>
  <si>
    <t>安吉_昭和_264-4</t>
  </si>
  <si>
    <t>海老江練合__66-1</t>
  </si>
  <si>
    <t>安吉_昭和_265-2</t>
  </si>
  <si>
    <t>安吉_昭和_266-2</t>
  </si>
  <si>
    <t>安吉_昭和_267-2</t>
  </si>
  <si>
    <t>安吉_昭和_268-2</t>
  </si>
  <si>
    <t>安吉_昭和_269-2</t>
  </si>
  <si>
    <t>安吉_昭和_270-2</t>
  </si>
  <si>
    <t>安吉_昭和_271-2</t>
  </si>
  <si>
    <t>安吉_昭和_272-2</t>
  </si>
  <si>
    <t>安吉_昭和_273-3</t>
  </si>
  <si>
    <t>安吉_昭和_274-3</t>
  </si>
  <si>
    <t>海老江練合__67-2</t>
  </si>
  <si>
    <t>安吉_昭和_275-3</t>
  </si>
  <si>
    <t>安吉_昭和_276-3</t>
  </si>
  <si>
    <t>安吉_昭和_284-5</t>
  </si>
  <si>
    <t>安吉_昭和_284-6</t>
  </si>
  <si>
    <t>安吉_昭和_284-7</t>
  </si>
  <si>
    <t>安吉_昭和_285-2</t>
  </si>
  <si>
    <t>安吉_昭和_286-2</t>
  </si>
  <si>
    <t>安吉_昭和_286-4</t>
  </si>
  <si>
    <t>安吉_昭和_322-2</t>
  </si>
  <si>
    <t>安吉_昭和_322-4</t>
  </si>
  <si>
    <t>海老江練合__67-4</t>
  </si>
  <si>
    <t>安吉_昭和_323-2</t>
  </si>
  <si>
    <t>安吉_昭和_323-4</t>
  </si>
  <si>
    <t>本田_宮田_29-3</t>
  </si>
  <si>
    <t>本田_宮田_30-4</t>
  </si>
  <si>
    <t>本田_宮田_40-4</t>
  </si>
  <si>
    <t>本田_宮田_41-4</t>
  </si>
  <si>
    <t>本田_宮田_51-2</t>
  </si>
  <si>
    <t>本田_宮田_51-3</t>
  </si>
  <si>
    <t>本田_宮田_52-2</t>
  </si>
  <si>
    <t>本田_宮田_52-3</t>
  </si>
  <si>
    <t>海老江練合__67-5</t>
  </si>
  <si>
    <t>本田_宮田_53-2</t>
  </si>
  <si>
    <t>本田_宮田_53-3</t>
  </si>
  <si>
    <t>本田_宮田_54-2</t>
  </si>
  <si>
    <t>本田_宮田_54-3</t>
  </si>
  <si>
    <t>本田_宮田_55-2</t>
  </si>
  <si>
    <t>本田_宮田_55-3</t>
  </si>
  <si>
    <t>本田_宮田_56-2</t>
  </si>
  <si>
    <t>本田_宮田_57-2</t>
  </si>
  <si>
    <t>本田_宮田_58-2</t>
  </si>
  <si>
    <t>本田_宮田_58-3</t>
  </si>
  <si>
    <t>海老江練合__67-6</t>
  </si>
  <si>
    <t>本田_宮田_58-5</t>
  </si>
  <si>
    <t>本田_宮田_59-2</t>
  </si>
  <si>
    <t>本田_宮田_60-2</t>
  </si>
  <si>
    <t>本田_宮田_61-2</t>
  </si>
  <si>
    <t>本田_宮田_62-2</t>
  </si>
  <si>
    <t>本田_宮田_63-2</t>
  </si>
  <si>
    <t>本田_宮田_64-2</t>
  </si>
  <si>
    <t>本田_宮田_65-2</t>
  </si>
  <si>
    <t>本田_宮田_66-2</t>
  </si>
  <si>
    <t>本田_宮田_67-2</t>
  </si>
  <si>
    <t>海老江練合__67-7</t>
  </si>
  <si>
    <t>本田_宮田_68-2</t>
  </si>
  <si>
    <t>本田_宮田_69-2</t>
  </si>
  <si>
    <t>本田_宮田_69-4</t>
  </si>
  <si>
    <t>本田_宮田_70-2</t>
  </si>
  <si>
    <t>本田_宮田_71-2</t>
  </si>
  <si>
    <t>本田_宮田_72-4</t>
  </si>
  <si>
    <t>本田_宮田_72-5</t>
  </si>
  <si>
    <t>本田_宮田_149-3</t>
  </si>
  <si>
    <t>本田_宮田_150-2</t>
  </si>
  <si>
    <t>本田_宮田_151-5</t>
  </si>
  <si>
    <t>海老江練合__68-4</t>
  </si>
  <si>
    <t>本田_宮田_151-6</t>
  </si>
  <si>
    <t>本田_宮田_163-4</t>
  </si>
  <si>
    <t>本田_宮田_163-6</t>
  </si>
  <si>
    <t>本田_天水_195-2</t>
  </si>
  <si>
    <t>本田_天水_195-3</t>
  </si>
  <si>
    <t>本田_天水_195-4</t>
  </si>
  <si>
    <t>本田_天水_195-5</t>
  </si>
  <si>
    <t>本田_天水_196-5</t>
  </si>
  <si>
    <t>本田_天水_196-7</t>
  </si>
  <si>
    <t>本田_天水_200-5</t>
  </si>
  <si>
    <t>庄西町二丁目__1063</t>
  </si>
  <si>
    <t>海老江練合__68-5</t>
  </si>
  <si>
    <t>本田_天水_200-7</t>
  </si>
  <si>
    <t>本田_天水_201-2</t>
  </si>
  <si>
    <t>本田_天水_201-3</t>
  </si>
  <si>
    <t>本田_天水_204-2</t>
  </si>
  <si>
    <t>本田_天水_204-3</t>
  </si>
  <si>
    <t>本田_天水_227-6</t>
  </si>
  <si>
    <t>本田_天水_227-7</t>
  </si>
  <si>
    <t>本田_天水_236-4</t>
  </si>
  <si>
    <t>本田_天水_236-5</t>
  </si>
  <si>
    <t>本田_天水_237-2</t>
  </si>
  <si>
    <t>海老江練合__68-8</t>
  </si>
  <si>
    <t>本田_天水_238-2</t>
  </si>
  <si>
    <t>本田_天水_239-2</t>
  </si>
  <si>
    <t>本田_天水_243-2</t>
  </si>
  <si>
    <t>本田_天水_244-3</t>
  </si>
  <si>
    <t>本田_天水_247-2</t>
  </si>
  <si>
    <t>本田_天水_247-7</t>
  </si>
  <si>
    <t>本田_天水_248-2</t>
  </si>
  <si>
    <t>本田_天水_248-3</t>
  </si>
  <si>
    <t>本田_天水_250-2</t>
  </si>
  <si>
    <t>本田_天水_251-3</t>
  </si>
  <si>
    <t>海老江練合__68-9</t>
  </si>
  <si>
    <t>本田_天水_251-7</t>
  </si>
  <si>
    <t>本田_天水_252-3</t>
  </si>
  <si>
    <t>本田_天水_253-5</t>
  </si>
  <si>
    <t>本田_天水_253-6</t>
  </si>
  <si>
    <t>本田_天水_253-7</t>
  </si>
  <si>
    <t>本田_天水_254-4</t>
  </si>
  <si>
    <t>本田_天水_254-5</t>
  </si>
  <si>
    <t>本田_天水_255-2</t>
  </si>
  <si>
    <t>本田_天水_255-6</t>
  </si>
  <si>
    <t>本田_天水_255-7</t>
  </si>
  <si>
    <t>海老江練合__69-2</t>
  </si>
  <si>
    <t>本田_天水_255-8</t>
  </si>
  <si>
    <t>本田_天水_256-3</t>
  </si>
  <si>
    <t>本田_天水_257-3</t>
  </si>
  <si>
    <t>本田_天水_257-4</t>
  </si>
  <si>
    <t>本田_天水_257-5</t>
  </si>
  <si>
    <t>本田_天水_258-2</t>
  </si>
  <si>
    <t>本田_天水_258-8</t>
  </si>
  <si>
    <t>本田_天水_258-9</t>
  </si>
  <si>
    <t>本田_天水_258-10</t>
  </si>
  <si>
    <t>本田_天水_258-11</t>
  </si>
  <si>
    <t>海老江練合__70-2</t>
  </si>
  <si>
    <t>本田_天水_258-12</t>
  </si>
  <si>
    <t>本田_天水_259-2</t>
  </si>
  <si>
    <t>本田_天水_259-6</t>
  </si>
  <si>
    <t>本田_天水_260-2</t>
  </si>
  <si>
    <t>本田_天水_260-4</t>
  </si>
  <si>
    <t>本田_天水_261-2</t>
  </si>
  <si>
    <t>本田_天水_261-4</t>
  </si>
  <si>
    <t>本田_天水_262-2</t>
  </si>
  <si>
    <t>本田_天水_262-4</t>
  </si>
  <si>
    <t>本田_天水_262-5</t>
  </si>
  <si>
    <t>海老江練合__71-2</t>
  </si>
  <si>
    <t>本田_天水_262-6</t>
  </si>
  <si>
    <t>本田_天水_263-2</t>
  </si>
  <si>
    <t>本田_天水_263-3</t>
  </si>
  <si>
    <t>本田_天水_263-5</t>
  </si>
  <si>
    <t>本田_天水_276-1</t>
  </si>
  <si>
    <t>本田_天水_276-3</t>
  </si>
  <si>
    <t>本田_天水_276-6</t>
  </si>
  <si>
    <t>本田_天水_277-1</t>
  </si>
  <si>
    <t>本田_天水_277-2</t>
  </si>
  <si>
    <t>本田_天水_277-4</t>
  </si>
  <si>
    <t>海老江練合__71-4</t>
  </si>
  <si>
    <t>本田_天水_277-5</t>
  </si>
  <si>
    <t>本田_天水_277-7</t>
  </si>
  <si>
    <t>本田_天水_284-3</t>
  </si>
  <si>
    <t>本田_天水_297-3</t>
  </si>
  <si>
    <t>本田_畑田_310-2</t>
  </si>
  <si>
    <t>本田_畑田_311-2</t>
  </si>
  <si>
    <t>本田_畑田_314-2</t>
  </si>
  <si>
    <t>本田_畑田_314-3</t>
  </si>
  <si>
    <t>本田_畑田_315-2</t>
  </si>
  <si>
    <t>本田_畑田_315-3</t>
  </si>
  <si>
    <t>海老江練合__72-2</t>
  </si>
  <si>
    <t>本田_畑田_316-2</t>
  </si>
  <si>
    <t>本田_畑田_316-3</t>
  </si>
  <si>
    <t>本田_畑田_318-2</t>
  </si>
  <si>
    <t>本田_畑田_319-2</t>
  </si>
  <si>
    <t>本田_畑田_321-2</t>
  </si>
  <si>
    <t>本田_畑田_338-4</t>
  </si>
  <si>
    <t>本田_畑田_338-5</t>
  </si>
  <si>
    <t>本田_畑田_339-4</t>
  </si>
  <si>
    <t>本田_畑田_339-5</t>
  </si>
  <si>
    <t>本田_畑田_347-4</t>
  </si>
  <si>
    <t>海老江練合__74-2</t>
  </si>
  <si>
    <t>本田_畑田_349-4</t>
  </si>
  <si>
    <t>本田_畑田_358-3</t>
  </si>
  <si>
    <t>本田_畑田_359-2</t>
  </si>
  <si>
    <t>本田_畑田_375-2</t>
  </si>
  <si>
    <t>本田_畑田_375-3</t>
  </si>
  <si>
    <t>本田_畑田_377-2</t>
  </si>
  <si>
    <t>本田_畑田_392-3</t>
  </si>
  <si>
    <t>本田_畑田_393-3</t>
  </si>
  <si>
    <t>本田_畑田_404-3</t>
  </si>
  <si>
    <t>本田_畑田_409-3</t>
  </si>
  <si>
    <t>海老江練合__75-2</t>
  </si>
  <si>
    <t>本田_畑田_409-4</t>
  </si>
  <si>
    <t>本田_畑田_409-5</t>
  </si>
  <si>
    <t>本田_杉田_430-1</t>
  </si>
  <si>
    <t>本田_杉田_430-3</t>
  </si>
  <si>
    <t>本田_杉田_431-3</t>
  </si>
  <si>
    <t>本田_杉田_431-4</t>
  </si>
  <si>
    <t>本田_杉田_444-2</t>
  </si>
  <si>
    <t>本田_杉田_444-4</t>
  </si>
  <si>
    <t>本田_杉田_444-5</t>
  </si>
  <si>
    <t>本田_杉田_453-4</t>
  </si>
  <si>
    <t>庄西町一丁目__634-8</t>
  </si>
  <si>
    <t>庄西町二丁目__1077</t>
  </si>
  <si>
    <t>海老江練合__76-2</t>
  </si>
  <si>
    <t>本田_杉田_453-5</t>
  </si>
  <si>
    <t>本田_杉田_453-7</t>
  </si>
  <si>
    <t>本田_杉田_453-8</t>
  </si>
  <si>
    <t>本田_杉田_454-2</t>
  </si>
  <si>
    <t>本田_杉田_455-2</t>
  </si>
  <si>
    <t>本田_杉田_455-4</t>
  </si>
  <si>
    <t>本田_杉田_455-5</t>
  </si>
  <si>
    <t>本田_杉田_455-6</t>
  </si>
  <si>
    <t>本田_杉田_464-3</t>
  </si>
  <si>
    <t>本田_杉田_465-2</t>
  </si>
  <si>
    <t>海老江練合__77-2</t>
  </si>
  <si>
    <t>本田_杉田_465-3</t>
  </si>
  <si>
    <t>本田_杉田_477-4</t>
  </si>
  <si>
    <t>本田_杉田_477-5</t>
  </si>
  <si>
    <t>本田_杉田_478-4</t>
  </si>
  <si>
    <t>本田_杉田_478-5</t>
  </si>
  <si>
    <t>本田_杉田_487-2</t>
  </si>
  <si>
    <t>本田_杉田_487-4</t>
  </si>
  <si>
    <t>本田_杉田_487-6</t>
  </si>
  <si>
    <t>下若_前田_6-3</t>
  </si>
  <si>
    <t>下若_前田_6-4</t>
  </si>
  <si>
    <t>海老江練合__78-2</t>
  </si>
  <si>
    <t>下若_前田_7-3</t>
  </si>
  <si>
    <t>下若_前田_7-6</t>
  </si>
  <si>
    <t>下若_前田_10-4</t>
  </si>
  <si>
    <t>下若_前田_11-2</t>
  </si>
  <si>
    <t>下若_前田_12-2</t>
  </si>
  <si>
    <t>下若_前田_13-2</t>
  </si>
  <si>
    <t>下若_前田_16-2</t>
  </si>
  <si>
    <t>下若_前田_16-3</t>
  </si>
  <si>
    <t>下若_前田_16-6</t>
  </si>
  <si>
    <t>下若_前田_17-2</t>
  </si>
  <si>
    <t>海老江練合__79-2</t>
  </si>
  <si>
    <t>下若_前田_17-3</t>
  </si>
  <si>
    <t>下若_前田_17-4</t>
  </si>
  <si>
    <t>下若_前田_17-5</t>
  </si>
  <si>
    <t>下若_前田_17-6</t>
  </si>
  <si>
    <t>下若_前田_18-2</t>
  </si>
  <si>
    <t>下若_前田_18-5</t>
  </si>
  <si>
    <t>下若_前田_18-6</t>
  </si>
  <si>
    <t>下若_前田_18-7</t>
  </si>
  <si>
    <t>下若_前田_19-3</t>
  </si>
  <si>
    <t>下若_前田_20-3</t>
  </si>
  <si>
    <t>海老江練合__83-1</t>
  </si>
  <si>
    <t>下若_前田_21-3</t>
  </si>
  <si>
    <t>下若_前田_22-3</t>
  </si>
  <si>
    <t>下若_前田_23-3</t>
  </si>
  <si>
    <t>下若_前田_24-3</t>
  </si>
  <si>
    <t>下若_前田_24-4</t>
  </si>
  <si>
    <t>下若_前田_25-3</t>
  </si>
  <si>
    <t>下若_前田_26-3</t>
  </si>
  <si>
    <t>下若_前田_27-3</t>
  </si>
  <si>
    <t>下若_前田_27-5</t>
  </si>
  <si>
    <t>下若_前田_27-6</t>
  </si>
  <si>
    <t>海老江練合__85-1</t>
  </si>
  <si>
    <t>下若_前田_28-4</t>
  </si>
  <si>
    <t>下若_前田_28-5</t>
  </si>
  <si>
    <t>下若_前田_28-6</t>
  </si>
  <si>
    <t>下若_前田_41-3</t>
  </si>
  <si>
    <t>下若_前田_41-4</t>
  </si>
  <si>
    <t>下若_前田_43-3</t>
  </si>
  <si>
    <t>下若_前田_43-4</t>
  </si>
  <si>
    <t>下若_前田_53-2</t>
  </si>
  <si>
    <t>下若_前田_53-4</t>
  </si>
  <si>
    <t>下若_前田_53-7</t>
  </si>
  <si>
    <t>海老江練合__92-2</t>
  </si>
  <si>
    <t>下若_前田_53-8</t>
  </si>
  <si>
    <t>下若_観音堂_54-2</t>
  </si>
  <si>
    <t>下若_観音堂_54-4</t>
  </si>
  <si>
    <t>下若_観音堂_54-5</t>
  </si>
  <si>
    <t>下若_観音堂_54-6</t>
  </si>
  <si>
    <t>下若_観音堂_54-7</t>
  </si>
  <si>
    <t>下若_観音堂_54-9</t>
  </si>
  <si>
    <t>下若_観音堂_54-10</t>
  </si>
  <si>
    <t>下若_観音堂_55-3</t>
  </si>
  <si>
    <t>下若_観音堂_56-3</t>
  </si>
  <si>
    <t>海老江練合__93-2</t>
  </si>
  <si>
    <t>下若_観音堂_57-3</t>
  </si>
  <si>
    <t>下若_観音堂_58-3</t>
  </si>
  <si>
    <t>下若_観音堂_59-3</t>
  </si>
  <si>
    <t>下若_観音堂_60-3</t>
  </si>
  <si>
    <t>下若_観音堂_61-3</t>
  </si>
  <si>
    <t>下若_観音堂_62-3</t>
  </si>
  <si>
    <t>下若_観音堂_63-4</t>
  </si>
  <si>
    <t>下若_観音堂_63-6</t>
  </si>
  <si>
    <t>下若_観音堂_63-7</t>
  </si>
  <si>
    <t>下若_観音堂_64-3</t>
  </si>
  <si>
    <t>海老江練合__94-2</t>
  </si>
  <si>
    <t>下若_観音堂_75-4</t>
  </si>
  <si>
    <t>下若_観音堂_76-3</t>
  </si>
  <si>
    <t>下若_観音堂_76-4</t>
  </si>
  <si>
    <t>下若_観音堂_85-2</t>
  </si>
  <si>
    <t>下若_観音堂_85-7</t>
  </si>
  <si>
    <t>下若_観音堂_85-8</t>
  </si>
  <si>
    <t>下若_観音堂_85-9</t>
  </si>
  <si>
    <t>下若_観音堂_85-10</t>
  </si>
  <si>
    <t>下若_観音堂_85-11</t>
  </si>
  <si>
    <t>下若_観音堂_85-6</t>
  </si>
  <si>
    <t>海老江練合__95-2</t>
  </si>
  <si>
    <t>下若_獅子淵_86-4</t>
  </si>
  <si>
    <t>下若_獅子淵_86-5</t>
  </si>
  <si>
    <t>下若_獅子淵_86-6</t>
  </si>
  <si>
    <t>下若_獅子淵_89-1</t>
  </si>
  <si>
    <t>下若_獅子淵_89-4</t>
  </si>
  <si>
    <t>下若_獅子淵_89-5</t>
  </si>
  <si>
    <t>下若_獅子淵_89-11</t>
  </si>
  <si>
    <t>下若_髙口_116-2</t>
  </si>
  <si>
    <t>下若_髙口_117-3</t>
  </si>
  <si>
    <t>下若_髙口_117-4</t>
  </si>
  <si>
    <t>港町__632-2</t>
  </si>
  <si>
    <t>海老江練合__96-2</t>
  </si>
  <si>
    <t>下若_髙口_117-5</t>
  </si>
  <si>
    <t>下若_髙口_117-6</t>
  </si>
  <si>
    <t>下若_髙口_117-7</t>
  </si>
  <si>
    <t>下若_髙口_118-3</t>
  </si>
  <si>
    <t>下若_髙口_119-3</t>
  </si>
  <si>
    <t>下若_髙口_120-3</t>
  </si>
  <si>
    <t>下若_髙口_121-3</t>
  </si>
  <si>
    <t>下若_髙口_122-3</t>
  </si>
  <si>
    <t>下若_髙口_122-4</t>
  </si>
  <si>
    <t>下若_髙口_123-3</t>
  </si>
  <si>
    <t>海老江練合__97-2</t>
  </si>
  <si>
    <t>下若_髙口_124-3</t>
  </si>
  <si>
    <t>下若_髙口_125-3</t>
  </si>
  <si>
    <t>下若_髙口_126-3</t>
  </si>
  <si>
    <t>下若_髙口_128-3</t>
  </si>
  <si>
    <t>下若_髙口_128-4</t>
  </si>
  <si>
    <t>下若_髙口_129-2</t>
  </si>
  <si>
    <t>下若_髙口_129-3</t>
  </si>
  <si>
    <t>下若_髙口_130-2</t>
  </si>
  <si>
    <t>下若_髙口_130-3</t>
  </si>
  <si>
    <t>島_鉾田_2077-2</t>
  </si>
  <si>
    <t>海老江練合__98-2</t>
  </si>
  <si>
    <t>島_鉾田_2078-2</t>
  </si>
  <si>
    <t>島_鉾田_2078-4</t>
  </si>
  <si>
    <t>島_鉾田_2078-5</t>
  </si>
  <si>
    <t>島_鉾田_2079-1</t>
  </si>
  <si>
    <t>島_鉾田_2079-2</t>
  </si>
  <si>
    <t>島_鉾田_2080-2</t>
  </si>
  <si>
    <t>大門_道山_3-2</t>
  </si>
  <si>
    <t>大門_道山_3-3</t>
  </si>
  <si>
    <t>大門_道山_32-5</t>
  </si>
  <si>
    <t>大門_道山_34-1</t>
  </si>
  <si>
    <t>海老江練合__105-2</t>
  </si>
  <si>
    <t>大門_道山_56-2</t>
  </si>
  <si>
    <t>大門_道山_57</t>
  </si>
  <si>
    <t>大門_道山_58-2</t>
  </si>
  <si>
    <t>大門_道山_58-3</t>
  </si>
  <si>
    <t>大門_道山_68-2</t>
  </si>
  <si>
    <t>大門_道山_69-2</t>
  </si>
  <si>
    <t>大門_道山_70-2</t>
  </si>
  <si>
    <t>大門_道山_71-3</t>
  </si>
  <si>
    <t>大門_道山_71-4</t>
  </si>
  <si>
    <t>大門_道山_72-5</t>
  </si>
  <si>
    <t>海老江練合__110-2</t>
  </si>
  <si>
    <t>大門_道山_73-3</t>
  </si>
  <si>
    <t>大門_道山_77-2</t>
  </si>
  <si>
    <t>大門_道山_83-2</t>
  </si>
  <si>
    <t>大門_道山_83-3</t>
  </si>
  <si>
    <t>大門_道山_83-4</t>
  </si>
  <si>
    <t>大門_道山_84-2</t>
  </si>
  <si>
    <t>大門_道山_84-3</t>
  </si>
  <si>
    <t>大門_道山_85-3</t>
  </si>
  <si>
    <t>大門_道山_86-3</t>
  </si>
  <si>
    <t>大門_道山_99-2</t>
  </si>
  <si>
    <t>海老江練合__115-2</t>
  </si>
  <si>
    <t>大門_道山_99-4</t>
  </si>
  <si>
    <t>大門_道山_100-2</t>
  </si>
  <si>
    <t>大門_道山_100-3</t>
  </si>
  <si>
    <t>大門_道山_100-5</t>
  </si>
  <si>
    <t>大門_道山_101-2</t>
  </si>
  <si>
    <t>大門_道山_102-2</t>
  </si>
  <si>
    <t>大門_道山_103-2</t>
  </si>
  <si>
    <t>大門_道山_104-2</t>
  </si>
  <si>
    <t>大門_道山_105-2</t>
  </si>
  <si>
    <t>大門_道山_106-2</t>
  </si>
  <si>
    <t>海老江練合__134-2</t>
  </si>
  <si>
    <t>大門_道山_113-5</t>
  </si>
  <si>
    <t>大門_道山_113-7</t>
  </si>
  <si>
    <t>大門_道山_114-2</t>
  </si>
  <si>
    <t>大門_道山_115-8</t>
  </si>
  <si>
    <t>大門_道山_117-1</t>
  </si>
  <si>
    <t>大門_道山_125-2</t>
  </si>
  <si>
    <t>大門_道山_126-2</t>
  </si>
  <si>
    <t>大門_長割_137-1</t>
  </si>
  <si>
    <t>大門_長割_137-2</t>
  </si>
  <si>
    <t>大門_長割_137-3</t>
  </si>
  <si>
    <t>海老江練合__135-2</t>
  </si>
  <si>
    <t>大門_長割_138-1</t>
  </si>
  <si>
    <t>大門_長割_152-2</t>
  </si>
  <si>
    <t>大門_長割_153-2</t>
  </si>
  <si>
    <t>大門_長割_154-2</t>
  </si>
  <si>
    <t>大門_長割_155-2</t>
  </si>
  <si>
    <t>大門_長割_156-7</t>
  </si>
  <si>
    <t>大門_長割_158-9</t>
  </si>
  <si>
    <t>大門_長割_160-2</t>
  </si>
  <si>
    <t>大門_長割_161-3</t>
  </si>
  <si>
    <t>大門_長割_161-4</t>
  </si>
  <si>
    <t>海老江練合__136-2</t>
  </si>
  <si>
    <t>大門_長割_162-2</t>
  </si>
  <si>
    <t>大門_長割_164-1</t>
  </si>
  <si>
    <t>大門_長割_187-2</t>
  </si>
  <si>
    <t>大門_長割_188-2</t>
  </si>
  <si>
    <t>大門_長割_189-2</t>
  </si>
  <si>
    <t>大門_長割_207-1</t>
  </si>
  <si>
    <t>大門_長割_208-6</t>
  </si>
  <si>
    <t>大門_長割_208-7</t>
  </si>
  <si>
    <t>大門_長割_209-5</t>
  </si>
  <si>
    <t>大門_長割_209-8</t>
  </si>
  <si>
    <t>海老江練合__137-2</t>
  </si>
  <si>
    <t>大門_長割_233-3</t>
  </si>
  <si>
    <t>大門_長割_233-4</t>
  </si>
  <si>
    <t>大門_長割_234-2</t>
  </si>
  <si>
    <t>大門_長割_237-2</t>
  </si>
  <si>
    <t>大門_長割_238-2</t>
  </si>
  <si>
    <t>大門_長割_252-2</t>
  </si>
  <si>
    <t>大門_前田_288-3</t>
  </si>
  <si>
    <t>大門_前田_289-2</t>
  </si>
  <si>
    <t>大門_前田_290-2</t>
  </si>
  <si>
    <t>大門_前田_290-3</t>
  </si>
  <si>
    <t>港町__634-2</t>
  </si>
  <si>
    <t>海老江練合__142-2</t>
  </si>
  <si>
    <t>大門_前田_291-2</t>
  </si>
  <si>
    <t>大門_前田_292-3</t>
  </si>
  <si>
    <t>大門_前田_293-4</t>
  </si>
  <si>
    <t>大門_前田_293-5</t>
  </si>
  <si>
    <t>大門_前田_294-2</t>
  </si>
  <si>
    <t>大門_前田_296-3</t>
  </si>
  <si>
    <t>大門_前田_296-4</t>
  </si>
  <si>
    <t>大門_前田_298-3</t>
  </si>
  <si>
    <t>大門_前田_304-5</t>
  </si>
  <si>
    <t>大門_前田_320-8</t>
  </si>
  <si>
    <t>海老江練合__169-1</t>
  </si>
  <si>
    <t>大門_前田_321-2</t>
  </si>
  <si>
    <t>大門_前田_322-1</t>
  </si>
  <si>
    <t>大門_前田_369-3</t>
  </si>
  <si>
    <t>大門_前田_370-3</t>
  </si>
  <si>
    <t>大門新_西町_53-1</t>
  </si>
  <si>
    <t>大門新_西町_54-3</t>
  </si>
  <si>
    <t>大門新_中町_42-5</t>
  </si>
  <si>
    <t>枇杷首_竹花_1-4</t>
  </si>
  <si>
    <t>枇杷首_竹花_2-4</t>
  </si>
  <si>
    <t>枇杷首_竹花_3-4</t>
  </si>
  <si>
    <t>海老江練合_沖田_55-3</t>
  </si>
  <si>
    <t>枇杷首_竹花_5-4</t>
  </si>
  <si>
    <t>枇杷首_竹花_6-4</t>
  </si>
  <si>
    <t>枇杷首_竹花_8-5</t>
  </si>
  <si>
    <t>枇杷首_竹花_9-2</t>
  </si>
  <si>
    <t>枇杷首_竹花_10-2</t>
  </si>
  <si>
    <t>枇杷首_竹花_11-4</t>
  </si>
  <si>
    <t>枇杷首_竹花_12-5</t>
  </si>
  <si>
    <t>枇杷首_竹花_13-2</t>
  </si>
  <si>
    <t>枇杷首_竹花_14-2</t>
  </si>
  <si>
    <t>枇杷首_竹花_17-2</t>
  </si>
  <si>
    <t>海老江練合_細池_329-3</t>
  </si>
  <si>
    <t>枇杷首_竹花_18-2</t>
  </si>
  <si>
    <t>枇杷首_竹花_21-2</t>
  </si>
  <si>
    <t>枇杷首_竹花_22-2</t>
  </si>
  <si>
    <t>枇杷首_竹花_23-5</t>
  </si>
  <si>
    <t>枇杷首_竹花_24-7</t>
  </si>
  <si>
    <t>枇杷首_竹花_24-8</t>
  </si>
  <si>
    <t>枇杷首_竹花_24-9</t>
  </si>
  <si>
    <t>枇杷首_竹花_24-10</t>
  </si>
  <si>
    <t>枇杷首_竹花_27-2</t>
  </si>
  <si>
    <t>枇杷首_竹花_28-3</t>
  </si>
  <si>
    <t>海老江練合_細池_330-2</t>
  </si>
  <si>
    <t>枇杷首_竹花_33-3</t>
  </si>
  <si>
    <t>枇杷首_竹花_35-2</t>
  </si>
  <si>
    <t>枇杷首_番留_36-2</t>
  </si>
  <si>
    <t>枇杷首_番留_37-2</t>
  </si>
  <si>
    <t>枇杷首_番留_40-2</t>
  </si>
  <si>
    <t>枇杷首_番留_43-7</t>
  </si>
  <si>
    <t>枇杷首_番留_44-5</t>
  </si>
  <si>
    <t>枇杷首_番留_44-6</t>
  </si>
  <si>
    <t>枇杷首_番留_49-5</t>
  </si>
  <si>
    <t>枇杷首_番留_50-8</t>
  </si>
  <si>
    <t>海老江練合_細池_331-2</t>
  </si>
  <si>
    <t>枇杷首_番留_51-6</t>
  </si>
  <si>
    <t>枇杷首_番留_52-3</t>
  </si>
  <si>
    <t>枇杷首_番留_54-5</t>
  </si>
  <si>
    <t>枇杷首_番留_54-7</t>
  </si>
  <si>
    <t>枇杷首_番留_55-2</t>
  </si>
  <si>
    <t>枇杷首_番留_57-2</t>
  </si>
  <si>
    <t>枇杷首_番留_58-2</t>
  </si>
  <si>
    <t>枇杷首_番留_71-2</t>
  </si>
  <si>
    <t>犬内_往来_45-3</t>
  </si>
  <si>
    <t>二口_中石田_2246-1</t>
  </si>
  <si>
    <t>海老江練合_細池_332-4</t>
  </si>
  <si>
    <t>二口_中石田_2286-21</t>
  </si>
  <si>
    <t>二口_中石田_2286-22</t>
  </si>
  <si>
    <t>二口_中石田_2286-6</t>
  </si>
  <si>
    <t>二口_中石田_2286-3</t>
  </si>
  <si>
    <t>二口_中石田_2287-2</t>
  </si>
  <si>
    <t>二口_中石田_2287-3</t>
  </si>
  <si>
    <t>二口_中石田_2287-4</t>
  </si>
  <si>
    <t>二口_中石田_2288-2</t>
  </si>
  <si>
    <t>二口_中石田_2290-3</t>
  </si>
  <si>
    <t>二口_中石田_2320-3</t>
  </si>
  <si>
    <t>海老江練合_細池_332-5</t>
  </si>
  <si>
    <t>二口_中石田_2320-4</t>
  </si>
  <si>
    <t>二口_中石田_2320-2</t>
  </si>
  <si>
    <t>二口_中石田_2321-2</t>
  </si>
  <si>
    <t>二口_中石田_2321-4</t>
  </si>
  <si>
    <t>二口_中石田_2321-7</t>
  </si>
  <si>
    <t>二口_中石田_2321-6</t>
  </si>
  <si>
    <t>二口_中石田_2330-6</t>
  </si>
  <si>
    <t>二口_中石田_2331-4</t>
  </si>
  <si>
    <t>二口_中石田_2331-7</t>
  </si>
  <si>
    <t>二口_中石田_2331-8</t>
  </si>
  <si>
    <t>海老江練合_細池_332-6</t>
  </si>
  <si>
    <t>二口_中石田_2332-3</t>
  </si>
  <si>
    <t>二口_中石田_2333-4</t>
  </si>
  <si>
    <t>二口_五反田_2311-2</t>
  </si>
  <si>
    <t>二口_五反田_2312-2</t>
  </si>
  <si>
    <t>二口_五反田_2334-4</t>
  </si>
  <si>
    <t>二口_油免_2338-2</t>
  </si>
  <si>
    <t>二口_油免_2338-6</t>
  </si>
  <si>
    <t>二口_油免_2345-2</t>
  </si>
  <si>
    <t>二口_油免_2354-4</t>
  </si>
  <si>
    <t>二口_油免_2366-5</t>
  </si>
  <si>
    <t>海老江練合_細池_333-4</t>
  </si>
  <si>
    <t>二口_油免_2366-6</t>
  </si>
  <si>
    <t>二口_油免_2367-1</t>
  </si>
  <si>
    <t>二口_油免_2368-4</t>
  </si>
  <si>
    <t>二口_油免_2368-5</t>
  </si>
  <si>
    <t>二口_油免_2378-5</t>
  </si>
  <si>
    <t>二口_油免_2378-6</t>
  </si>
  <si>
    <t>二口_油免_2379-3</t>
  </si>
  <si>
    <t>二口_油免_2380-3</t>
  </si>
  <si>
    <t>二口_油免_2381-3</t>
  </si>
  <si>
    <t>二口_油免_2382-3</t>
  </si>
  <si>
    <t>港町__637-2</t>
  </si>
  <si>
    <t>海老江練合_香海里_478-1</t>
  </si>
  <si>
    <t>二口_油免_2383-4</t>
  </si>
  <si>
    <t>二口_油免_2383-5</t>
  </si>
  <si>
    <t>二口_油免_2384-3</t>
  </si>
  <si>
    <t>二口_油免_2384-4</t>
  </si>
  <si>
    <t>二口_油免_2385-2</t>
  </si>
  <si>
    <t>二口_油免_2386-2</t>
  </si>
  <si>
    <t>二口_油免_2387-2</t>
  </si>
  <si>
    <t>二口_油免_2390-2</t>
  </si>
  <si>
    <t>二口_油免_2391-2</t>
  </si>
  <si>
    <t>二口_油免_2392-1</t>
  </si>
  <si>
    <t>海老江練合_香海里_548-1</t>
  </si>
  <si>
    <t>二口_油免_2392-2</t>
  </si>
  <si>
    <t>二口_油免_2392-4</t>
  </si>
  <si>
    <t>二口_油免_2393-1</t>
  </si>
  <si>
    <t>二口_油免_2393-3</t>
  </si>
  <si>
    <t>二口_油免_2430-3</t>
  </si>
  <si>
    <t>二口_油免_2432-3</t>
  </si>
  <si>
    <t>二口_油免_2433-5</t>
  </si>
  <si>
    <t>二口_油免_2440-2</t>
  </si>
  <si>
    <t>二口_油免_2441-2</t>
  </si>
  <si>
    <t>海老江練合_香海里_549-1</t>
  </si>
  <si>
    <t>二口_油免_2442-2</t>
  </si>
  <si>
    <t>二口_油免_2443-2</t>
  </si>
  <si>
    <t>二口_油免_2446-2</t>
  </si>
  <si>
    <t>二口_油免_2447-2</t>
  </si>
  <si>
    <t>二口_油免_2450-3</t>
  </si>
  <si>
    <t>二口_油免_2450-4</t>
  </si>
  <si>
    <t>二口_油免_2451-3</t>
  </si>
  <si>
    <t>二口_油免_2452-3</t>
  </si>
  <si>
    <t>二口_油免_2456-3</t>
  </si>
  <si>
    <t>二口_油免_2457-3</t>
  </si>
  <si>
    <t>海老江練合_香海里_549-2</t>
  </si>
  <si>
    <t>二口_油免_2457-4</t>
  </si>
  <si>
    <t>二口_早稲田_2459-1</t>
  </si>
  <si>
    <t>二口_早稲田_2461-2</t>
  </si>
  <si>
    <t>二口_早稲田_2466-5</t>
  </si>
  <si>
    <t>二口_早稲田_2466-6</t>
  </si>
  <si>
    <t>二口_早稲田_2466-7</t>
  </si>
  <si>
    <t>二口_早稲田_2467-4</t>
  </si>
  <si>
    <t>二口_早稲田_2467-5</t>
  </si>
  <si>
    <t>二口_早稲田_2467-6</t>
  </si>
  <si>
    <t>二口_早稲田_2495-1</t>
  </si>
  <si>
    <t>海老江練合_香海里_554-3</t>
  </si>
  <si>
    <t>二口_早稲田_2495-4</t>
  </si>
  <si>
    <t>二口_早稲田_2496-2</t>
  </si>
  <si>
    <t>二口_早稲田_2499-3</t>
  </si>
  <si>
    <t>二口_早稲田_2504-3</t>
  </si>
  <si>
    <t>二口_早稲田_2508-8</t>
  </si>
  <si>
    <t>二口_早稲田_2509-3</t>
  </si>
  <si>
    <t>二口_早稲田_2510-5</t>
  </si>
  <si>
    <t>二口_早稲田_2510-6</t>
  </si>
  <si>
    <t>二口_早稲田_2511-4</t>
  </si>
  <si>
    <t>二口_早稲田_2511-2</t>
  </si>
  <si>
    <t>海老江練合_香海里_575-2</t>
  </si>
  <si>
    <t>二口_早稲田_2512-4</t>
  </si>
  <si>
    <t>二口_早稲田_2513-18</t>
  </si>
  <si>
    <t>二口_早稲田_2516-6</t>
  </si>
  <si>
    <t>二口_早稲田_2516-7</t>
  </si>
  <si>
    <t>二口_早稲田_2517-4</t>
  </si>
  <si>
    <t>二口_早稲田_2517-5</t>
  </si>
  <si>
    <t>二口_早稲田_2518-2</t>
  </si>
  <si>
    <t>二口_早稲田_2519-2</t>
  </si>
  <si>
    <t>二口_早稲田_2520-2</t>
  </si>
  <si>
    <t>二口_早稲田_2521-3</t>
  </si>
  <si>
    <t>海老江練合_香海里_586-3</t>
  </si>
  <si>
    <t>二口_早稲田_2521-4</t>
  </si>
  <si>
    <t>二口_早稲田_2522-2</t>
  </si>
  <si>
    <t>二口_早稲田_2523-3</t>
  </si>
  <si>
    <t>二口_早稲田_2523-4</t>
  </si>
  <si>
    <t>二口_早稲田_2528-1</t>
  </si>
  <si>
    <t>二口_早稲田_2534-2</t>
  </si>
  <si>
    <t>二口_早稲田_2539-5</t>
  </si>
  <si>
    <t>二口_早稲田_2540-3</t>
  </si>
  <si>
    <t>二口_早稲田_2541-3</t>
  </si>
  <si>
    <t>二口_馬渡_2559-1</t>
  </si>
  <si>
    <t>海老江練合_香海里_591-1</t>
  </si>
  <si>
    <t>二口_馬渡_2565</t>
  </si>
  <si>
    <t>二口_道山島_2575-1</t>
  </si>
  <si>
    <t>二口_馬渡_2585-3</t>
  </si>
  <si>
    <t>二口_馬渡_2586-3</t>
  </si>
  <si>
    <t>二口_馬渡_2587-3</t>
  </si>
  <si>
    <t>二口_馬渡_2588-3</t>
  </si>
  <si>
    <t>二口_馬渡_2589-3</t>
  </si>
  <si>
    <t>二口_馬渡_2589-4</t>
  </si>
  <si>
    <t>二口_馬渡_2589-5</t>
  </si>
  <si>
    <t>二口_馬渡_2590-15</t>
  </si>
  <si>
    <t>海老江七軒__29-3</t>
  </si>
  <si>
    <t>二口_馬渡_2590-17</t>
  </si>
  <si>
    <t>二口_馬渡_2590-18</t>
  </si>
  <si>
    <t>二口_馬渡_2590-19</t>
  </si>
  <si>
    <t>二口_馬渡_2590-5</t>
  </si>
  <si>
    <t>二口_馬渡_2590-6</t>
  </si>
  <si>
    <t>二口_馬渡_2590-12</t>
  </si>
  <si>
    <t>二口_馬渡_2595-2</t>
  </si>
  <si>
    <t>二口_馬渡_2613-13</t>
  </si>
  <si>
    <t>二口_馬渡_2613-14</t>
  </si>
  <si>
    <t>二口_馬渡_2613-15</t>
  </si>
  <si>
    <t>海老江七軒_東官_938-1</t>
  </si>
  <si>
    <t>二口_馬渡_2613-16</t>
  </si>
  <si>
    <t>二口_馬渡_2613-17</t>
  </si>
  <si>
    <t>二口_馬渡_2613-18</t>
  </si>
  <si>
    <t>二口_馬渡_2613-19</t>
  </si>
  <si>
    <t>二口_馬渡_2613-20</t>
  </si>
  <si>
    <t>二口_馬渡_2613-21</t>
  </si>
  <si>
    <t>二口_馬渡_2613-22</t>
  </si>
  <si>
    <t>二口_馬渡_2613-49</t>
  </si>
  <si>
    <t>二口_馬渡_2613-54</t>
  </si>
  <si>
    <t>二口_馬渡_2613-69</t>
  </si>
  <si>
    <t>港町__638-2</t>
  </si>
  <si>
    <t>海老江七軒_東官_938-6</t>
  </si>
  <si>
    <t>二口_馬渡_2613-4</t>
  </si>
  <si>
    <t>二口_馬渡_2633-9</t>
  </si>
  <si>
    <t>二口_馬渡_2633-10</t>
  </si>
  <si>
    <t>二口_轟_2900-2</t>
  </si>
  <si>
    <t>二口_轟_2902-2</t>
  </si>
  <si>
    <t>二口_光明寺_2935-39</t>
  </si>
  <si>
    <t>二口_轟_2937-2</t>
  </si>
  <si>
    <t>二口_轟_2940-4</t>
  </si>
  <si>
    <t>二口_轟_2940-6</t>
  </si>
  <si>
    <t>二口_轟_2944-2</t>
  </si>
  <si>
    <t>海老江七軒_東官_1300-1</t>
  </si>
  <si>
    <t>二口_光明寺_2950-3</t>
  </si>
  <si>
    <t>二口_轟_2975-43</t>
  </si>
  <si>
    <t>二口_轟_2979-1</t>
  </si>
  <si>
    <t>二口_轟_2979-2</t>
  </si>
  <si>
    <t>二口_轟_2979-3</t>
  </si>
  <si>
    <t>二口_轟_3002-7</t>
  </si>
  <si>
    <t>二口_轟_3009-2</t>
  </si>
  <si>
    <t>二口_轟_3009-3</t>
  </si>
  <si>
    <t>二口_轟_3010-3</t>
  </si>
  <si>
    <t>二口_轟_3011-2</t>
  </si>
  <si>
    <t>海老江七軒_東官_1300-4</t>
  </si>
  <si>
    <t>二口_轟_3012-3</t>
  </si>
  <si>
    <t>二口_轟_3012-4</t>
  </si>
  <si>
    <t>二口_轟_3024-3</t>
  </si>
  <si>
    <t>二口_轟_3027-2</t>
  </si>
  <si>
    <t>二口_轟_3028-3</t>
  </si>
  <si>
    <t>二口_轟_3028-4</t>
  </si>
  <si>
    <t>二口_轟_3034-3</t>
  </si>
  <si>
    <t>あおば台一丁目__202</t>
  </si>
  <si>
    <t>あおば台一丁目__204</t>
  </si>
  <si>
    <t>あおば台一丁目__205</t>
  </si>
  <si>
    <t>海老江七軒_東官_1300-48</t>
  </si>
  <si>
    <t>あおば台一丁目__206</t>
  </si>
  <si>
    <t>あおば台一丁目__207</t>
  </si>
  <si>
    <t>あおば台一丁目__208</t>
  </si>
  <si>
    <t>あおば台一丁目__209</t>
  </si>
  <si>
    <t>あおば台一丁目__211</t>
  </si>
  <si>
    <t>あおば台一丁目__212</t>
  </si>
  <si>
    <t>あおば台一丁目__213</t>
  </si>
  <si>
    <t>あおば台一丁目__214</t>
  </si>
  <si>
    <t>あおば台一丁目__215</t>
  </si>
  <si>
    <t>あおば台一丁目__217</t>
  </si>
  <si>
    <t>海老江七軒_東官_1300-49</t>
  </si>
  <si>
    <t>あおば台一丁目__219</t>
  </si>
  <si>
    <t>あおば台一丁目__220</t>
  </si>
  <si>
    <t>あおば台一丁目__221</t>
  </si>
  <si>
    <t>あおば台二丁目__202</t>
  </si>
  <si>
    <t>あおば台二丁目__203</t>
  </si>
  <si>
    <t>あおば台二丁目__204</t>
  </si>
  <si>
    <t>あおば台二丁目__205</t>
  </si>
  <si>
    <t>あおば台二丁目__206</t>
  </si>
  <si>
    <t>あおば台二丁目__207</t>
  </si>
  <si>
    <t>あおば台二丁目__208</t>
  </si>
  <si>
    <t>海老江七軒_東官_1300-50</t>
  </si>
  <si>
    <t>あおば台二丁目__209</t>
  </si>
  <si>
    <t>あおば台二丁目__210</t>
  </si>
  <si>
    <t>あおば台二丁目__211</t>
  </si>
  <si>
    <t>あおば台二丁目__212</t>
  </si>
  <si>
    <t>あおば台二丁目__213</t>
  </si>
  <si>
    <t>加茂東部__600-3</t>
  </si>
  <si>
    <t>加茂中部__19-2</t>
  </si>
  <si>
    <t>加茂中部__95-2</t>
  </si>
  <si>
    <t>加茂中部__170-2</t>
  </si>
  <si>
    <t>加茂中部__172-2</t>
  </si>
  <si>
    <t>海老江七軒_東官_1301-3</t>
  </si>
  <si>
    <t>加茂中部__205-1</t>
  </si>
  <si>
    <t>加茂中部__281-2</t>
  </si>
  <si>
    <t>加茂中部__285-2</t>
  </si>
  <si>
    <t>加茂中部__334-2</t>
  </si>
  <si>
    <t>加茂中部__335-2</t>
  </si>
  <si>
    <t>加茂中部__358-2</t>
  </si>
  <si>
    <t>加茂中部__384-2</t>
  </si>
  <si>
    <t>加茂中部__387-2</t>
  </si>
  <si>
    <t>加茂中部__446-2</t>
  </si>
  <si>
    <t>加茂中部__447-2</t>
  </si>
  <si>
    <t>海老江七軒_東官_1302-3</t>
  </si>
  <si>
    <t>加茂中部__450-2</t>
  </si>
  <si>
    <t>加茂中部__538-2</t>
  </si>
  <si>
    <t>加茂中部__539-2</t>
  </si>
  <si>
    <t>加茂中部__542-2</t>
  </si>
  <si>
    <t>加茂中部__545-2</t>
  </si>
  <si>
    <t>加茂中部__566-1</t>
  </si>
  <si>
    <t>加茂中部__569-4</t>
  </si>
  <si>
    <t>加茂中部__639-2</t>
  </si>
  <si>
    <t>加茂中部__680-2</t>
  </si>
  <si>
    <t>加茂中部__745-2</t>
  </si>
  <si>
    <t>海老江七軒_東官_1303-2</t>
  </si>
  <si>
    <t>加茂中部__773-2</t>
  </si>
  <si>
    <t>加茂中部__773-5</t>
  </si>
  <si>
    <t>加茂中部__773-6</t>
  </si>
  <si>
    <t>加茂中部__781-2</t>
  </si>
  <si>
    <t>加茂中部__781-3</t>
  </si>
  <si>
    <t>加茂中部__784-2</t>
  </si>
  <si>
    <t>加茂中部__804-2</t>
  </si>
  <si>
    <t>加茂中部__805-2</t>
  </si>
  <si>
    <t>加茂中部__807-2</t>
  </si>
  <si>
    <t>加茂中部__808-2</t>
  </si>
  <si>
    <t>海老江七軒_東官_1304-2</t>
  </si>
  <si>
    <t>加茂中部__808-3</t>
  </si>
  <si>
    <t>加茂中部__809-2</t>
  </si>
  <si>
    <t>加茂中部__812-2</t>
  </si>
  <si>
    <t>加茂中部__813-3</t>
  </si>
  <si>
    <t>加茂中部__818-2</t>
  </si>
  <si>
    <t>加茂中部__821-2</t>
  </si>
  <si>
    <t>加茂中部__826-2</t>
  </si>
  <si>
    <t>加茂中部__827-2</t>
  </si>
  <si>
    <t>加茂中部__827-3</t>
  </si>
  <si>
    <t>加茂中部__830-1</t>
  </si>
  <si>
    <t>港町__653-2</t>
  </si>
  <si>
    <t>海老江七軒_東官_1305-2</t>
  </si>
  <si>
    <t>加茂中部__830-2</t>
  </si>
  <si>
    <t>加茂中部__830-3</t>
  </si>
  <si>
    <t>加茂中部__831-1</t>
  </si>
  <si>
    <t>加茂中部__831-2</t>
  </si>
  <si>
    <t>加茂中部__831-3</t>
  </si>
  <si>
    <t>加茂中部__833-2</t>
  </si>
  <si>
    <t>加茂中部__833-3</t>
  </si>
  <si>
    <t>加茂中部__833-5</t>
  </si>
  <si>
    <t>加茂中部__834-3</t>
  </si>
  <si>
    <t>加茂中部__835-3</t>
  </si>
  <si>
    <t>海老江七軒_東官_1306-2</t>
  </si>
  <si>
    <t>加茂中部__836-3</t>
  </si>
  <si>
    <t>加茂中部__838-3</t>
  </si>
  <si>
    <t>加茂中部__870-2</t>
  </si>
  <si>
    <t>加茂中部__871-2</t>
  </si>
  <si>
    <t>加茂中部__872-2</t>
  </si>
  <si>
    <t>加茂中部__873-2</t>
  </si>
  <si>
    <t>加茂中部__874-2</t>
  </si>
  <si>
    <t>加茂中部__875-2</t>
  </si>
  <si>
    <t>加茂中部__876-2</t>
  </si>
  <si>
    <t>加茂中部__877-2</t>
  </si>
  <si>
    <t>海老江七軒_東官_1307-3</t>
  </si>
  <si>
    <t>加茂中部__881-2</t>
  </si>
  <si>
    <t>加茂中部__882-2</t>
  </si>
  <si>
    <t>加茂中部__883-2</t>
  </si>
  <si>
    <t>加茂中部__885-2</t>
  </si>
  <si>
    <t>加茂中部__886-2</t>
  </si>
  <si>
    <t>加茂中部__887-2</t>
  </si>
  <si>
    <t>加茂中部__890-2</t>
  </si>
  <si>
    <t>加茂中部__899-2</t>
  </si>
  <si>
    <t>加茂中部__926-2</t>
  </si>
  <si>
    <t>加茂中部__1025-2</t>
  </si>
  <si>
    <t>海老江七軒_東官_1307-4</t>
  </si>
  <si>
    <t>加茂中部__1025-3</t>
  </si>
  <si>
    <t>加茂中部__1028-2</t>
  </si>
  <si>
    <t>加茂中部__1028-3</t>
  </si>
  <si>
    <t>加茂中部__1030-2</t>
  </si>
  <si>
    <t>加茂中部__1031-2</t>
  </si>
  <si>
    <t>加茂中部__1031-3</t>
  </si>
  <si>
    <t>加茂中部__1031-4</t>
  </si>
  <si>
    <t>加茂中部__1032-2</t>
  </si>
  <si>
    <t>加茂中部__1034-2</t>
  </si>
  <si>
    <t>加茂中部__1039-2</t>
  </si>
  <si>
    <t>海老江七軒_東官_1319-4</t>
  </si>
  <si>
    <t>加茂中部__1040-2</t>
  </si>
  <si>
    <t>加茂中部__1041-2</t>
  </si>
  <si>
    <t>加茂中部__1043-3</t>
  </si>
  <si>
    <t>加茂中部__1043-4</t>
  </si>
  <si>
    <t>加茂中部__1044-1</t>
  </si>
  <si>
    <t>加茂中部__1044-2</t>
  </si>
  <si>
    <t>加茂中部__1045-2</t>
  </si>
  <si>
    <t>加茂中部__1207-2</t>
  </si>
  <si>
    <t>加茂中部__1240-2</t>
  </si>
  <si>
    <t>加茂中部__1283-2</t>
  </si>
  <si>
    <t>海老江七軒_東官_1320-4</t>
  </si>
  <si>
    <t>加茂中部__3013</t>
  </si>
  <si>
    <t>加茂中部__3018</t>
  </si>
  <si>
    <t>加茂中部__3040</t>
  </si>
  <si>
    <t>加茂中部__3041</t>
  </si>
  <si>
    <t>加茂中部__3043</t>
  </si>
  <si>
    <t>加茂西部__49-4</t>
  </si>
  <si>
    <t>加茂西部__50-4</t>
  </si>
  <si>
    <t>加茂西部__51-4</t>
  </si>
  <si>
    <t>加茂西部__52-4</t>
  </si>
  <si>
    <t>加茂西部__53-4</t>
  </si>
  <si>
    <t>海老江七軒_東官_1322-4</t>
  </si>
  <si>
    <t>加茂西部__56-4</t>
  </si>
  <si>
    <t>加茂西部__57-4</t>
  </si>
  <si>
    <t>加茂西部__59-3</t>
  </si>
  <si>
    <t>加茂西部__60-4</t>
  </si>
  <si>
    <t>加茂西部__62-3</t>
  </si>
  <si>
    <t>加茂西部__62-5</t>
  </si>
  <si>
    <t>加茂西部__63-2</t>
  </si>
  <si>
    <t>加茂西部__63-4</t>
  </si>
  <si>
    <t>加茂西部__64-2</t>
  </si>
  <si>
    <t>加茂西部__64-4</t>
  </si>
  <si>
    <t>海老江七軒_東官_1323-4</t>
  </si>
  <si>
    <t>加茂西部__65-3</t>
  </si>
  <si>
    <t>加茂西部__66-3</t>
  </si>
  <si>
    <t>加茂西部__67-3</t>
  </si>
  <si>
    <t>加茂西部__68-2</t>
  </si>
  <si>
    <t>加茂西部__173-2</t>
  </si>
  <si>
    <t>加茂西部__210-2</t>
  </si>
  <si>
    <t>加茂西部__210-3</t>
  </si>
  <si>
    <t>下村三箇__246-2</t>
  </si>
  <si>
    <t>下村三箇__1017</t>
  </si>
  <si>
    <t>山屋__35-2</t>
  </si>
  <si>
    <t>海老江七軒_東官_1324-4</t>
  </si>
  <si>
    <t>白石__7-2</t>
  </si>
  <si>
    <t>白石__8-2</t>
  </si>
  <si>
    <t>白石__13</t>
  </si>
  <si>
    <t>白石__24</t>
  </si>
  <si>
    <t>白石__34</t>
  </si>
  <si>
    <t>白石__57</t>
  </si>
  <si>
    <t>白石__92</t>
  </si>
  <si>
    <t>白石__93-2</t>
  </si>
  <si>
    <t>白石__95-2</t>
  </si>
  <si>
    <t>白石__101-2</t>
  </si>
  <si>
    <t>海老江七軒_東官_1325-4</t>
  </si>
  <si>
    <t>白石__118-2</t>
  </si>
  <si>
    <t>白石__138-2</t>
  </si>
  <si>
    <t>白石__165-2</t>
  </si>
  <si>
    <t>白石__166-2</t>
  </si>
  <si>
    <t>白石__167-2</t>
  </si>
  <si>
    <t>白石__168-2</t>
  </si>
  <si>
    <t>白石__200-2</t>
  </si>
  <si>
    <t>白石__201-2</t>
  </si>
  <si>
    <t>白石__203</t>
  </si>
  <si>
    <t>白石__205</t>
  </si>
  <si>
    <t>港町__654-3</t>
  </si>
  <si>
    <t>海老江七軒_東官_1327-4</t>
  </si>
  <si>
    <t>白石__244-2</t>
  </si>
  <si>
    <t>白石__245-2</t>
  </si>
  <si>
    <t>白石__246-2</t>
  </si>
  <si>
    <t>白石__289</t>
  </si>
  <si>
    <t>白石__306-2</t>
  </si>
  <si>
    <t>白石__309</t>
  </si>
  <si>
    <t>白石__313-2</t>
  </si>
  <si>
    <t>白石__344</t>
  </si>
  <si>
    <t>白石__355-2</t>
  </si>
  <si>
    <t>白石__361-3</t>
  </si>
  <si>
    <t>海老江七軒_東官_1327-6</t>
  </si>
  <si>
    <t>白石__368-3</t>
  </si>
  <si>
    <t>白石__388-2</t>
  </si>
  <si>
    <t>白石__390-2</t>
  </si>
  <si>
    <t>白石__557-2</t>
  </si>
  <si>
    <t>白石__558-1</t>
  </si>
  <si>
    <t>白石__582-2</t>
  </si>
  <si>
    <t>白石__594-1</t>
  </si>
  <si>
    <t>白石__617-1</t>
  </si>
  <si>
    <t>白石__650-2</t>
  </si>
  <si>
    <t>白石__654-3</t>
  </si>
  <si>
    <t>海老江七軒_東官_1328-4</t>
  </si>
  <si>
    <t>白石__658-2</t>
  </si>
  <si>
    <t>白石__660-2</t>
  </si>
  <si>
    <t>白石__662-2</t>
  </si>
  <si>
    <t>白石__663-2</t>
  </si>
  <si>
    <t>白石__665-2</t>
  </si>
  <si>
    <t>白石__666-2</t>
  </si>
  <si>
    <t>白石__667-2</t>
  </si>
  <si>
    <t>白石__668-2</t>
  </si>
  <si>
    <t>白石__669-2</t>
  </si>
  <si>
    <t>白石__670-2</t>
  </si>
  <si>
    <t>海老江七軒_東官_1329-4</t>
  </si>
  <si>
    <t>白石__671-2</t>
  </si>
  <si>
    <t>白石__672-2</t>
  </si>
  <si>
    <t>白石__672-3</t>
  </si>
  <si>
    <t>白石__673-1</t>
  </si>
  <si>
    <t>白石__673-87</t>
  </si>
  <si>
    <t>白石__673-88</t>
  </si>
  <si>
    <t>白石__673-91</t>
  </si>
  <si>
    <t>白石__673-93</t>
  </si>
  <si>
    <t>白石__673-95</t>
  </si>
  <si>
    <t>白石__673-98</t>
  </si>
  <si>
    <t>海老江七軒_東官_1330-4</t>
  </si>
  <si>
    <t>白石__673-99</t>
  </si>
  <si>
    <t>白石__711-2</t>
  </si>
  <si>
    <t>白石__711-3</t>
  </si>
  <si>
    <t>白石__755-2</t>
  </si>
  <si>
    <t>白石__755-3</t>
  </si>
  <si>
    <t>白石__796-2</t>
  </si>
  <si>
    <t>白石__796-3</t>
  </si>
  <si>
    <t>白石__829-2</t>
  </si>
  <si>
    <t>白石__829-3</t>
  </si>
  <si>
    <t>白石__937-2</t>
  </si>
  <si>
    <t>海老江七軒_東官_1331-2</t>
  </si>
  <si>
    <t>白石__957-2</t>
  </si>
  <si>
    <t>白石__958-2</t>
  </si>
  <si>
    <t>白石__1006</t>
  </si>
  <si>
    <t>白石__1048-2</t>
  </si>
  <si>
    <t>白石__1050-2</t>
  </si>
  <si>
    <t>八講__453-2</t>
  </si>
  <si>
    <t>八講__453-3</t>
  </si>
  <si>
    <t>倉垣小杉__1-2</t>
  </si>
  <si>
    <t>倉垣小杉__2-2</t>
  </si>
  <si>
    <t>倉垣小杉__3-2</t>
  </si>
  <si>
    <t>海老江七軒_東官_1334-4</t>
  </si>
  <si>
    <t>倉垣小杉__26-2</t>
  </si>
  <si>
    <t>倉垣小杉__27-2</t>
  </si>
  <si>
    <t>倉垣小杉__67</t>
  </si>
  <si>
    <t>倉垣小杉__153-2</t>
  </si>
  <si>
    <t>倉垣小杉__155-3</t>
  </si>
  <si>
    <t>倉垣小杉__187-2</t>
  </si>
  <si>
    <t>今開発__7-3</t>
  </si>
  <si>
    <t>今開発__8-5</t>
  </si>
  <si>
    <t>今開発__10-3</t>
  </si>
  <si>
    <t>今開発__11-2</t>
  </si>
  <si>
    <t>海老江七軒_東官_1335-5</t>
  </si>
  <si>
    <t>今開発__11-3</t>
  </si>
  <si>
    <t>今開発__14-2</t>
  </si>
  <si>
    <t>今開発__15-3</t>
  </si>
  <si>
    <t>今開発__16-2</t>
  </si>
  <si>
    <t>今開発__20-4</t>
  </si>
  <si>
    <t>今開発__21-3</t>
  </si>
  <si>
    <t>今開発__33-2</t>
  </si>
  <si>
    <t>今開発__34-2</t>
  </si>
  <si>
    <t>今開発__79-4</t>
  </si>
  <si>
    <t>今開発__80-5</t>
  </si>
  <si>
    <t>海老江七軒_東官_1336-5</t>
  </si>
  <si>
    <t>今開発__159-2</t>
  </si>
  <si>
    <t>今開発__175-1</t>
  </si>
  <si>
    <t>今開発__258-4</t>
  </si>
  <si>
    <t>今開発__259-4</t>
  </si>
  <si>
    <t>今開発__260-4</t>
  </si>
  <si>
    <t>今開発__269-2</t>
  </si>
  <si>
    <t>今開発__270-3</t>
  </si>
  <si>
    <t>今開発__271-3</t>
  </si>
  <si>
    <t>今開発__283-5</t>
  </si>
  <si>
    <t>今開発__284-5</t>
  </si>
  <si>
    <t>海老江七軒_東官_1337-5</t>
  </si>
  <si>
    <t>今開発__285-5</t>
  </si>
  <si>
    <t>今開発__286-5</t>
  </si>
  <si>
    <t>今開発__287-5</t>
  </si>
  <si>
    <t>今開発__288-4</t>
  </si>
  <si>
    <t>今開発__296-4</t>
  </si>
  <si>
    <t>今開発__354-3</t>
  </si>
  <si>
    <t>今開発__357-2</t>
  </si>
  <si>
    <t>今開発__357-3</t>
  </si>
  <si>
    <t>今開発__366-4</t>
  </si>
  <si>
    <t>今開発__382-2</t>
  </si>
  <si>
    <t>港町__658-2</t>
  </si>
  <si>
    <t>海老江七軒_東官_1338-5</t>
  </si>
  <si>
    <t>今開発__425-3</t>
  </si>
  <si>
    <t>今開発__426-3</t>
  </si>
  <si>
    <t>今開発__427-3</t>
  </si>
  <si>
    <t>今開発__428-4</t>
  </si>
  <si>
    <t>今開発__429-4</t>
  </si>
  <si>
    <t>今開発__430-4</t>
  </si>
  <si>
    <t>今開発__431-4</t>
  </si>
  <si>
    <t>今開発__432-4</t>
  </si>
  <si>
    <t>今開発__433-4</t>
  </si>
  <si>
    <t>今開発__495-3</t>
  </si>
  <si>
    <t>海老江七軒_東官_1347-1</t>
  </si>
  <si>
    <t>今開発__513-2</t>
  </si>
  <si>
    <t>今開発__525-2</t>
  </si>
  <si>
    <t>今開発__525-3</t>
  </si>
  <si>
    <t>今開発__544-2</t>
  </si>
  <si>
    <t>今開発__545-2</t>
  </si>
  <si>
    <t>今開発__546-3</t>
  </si>
  <si>
    <t>今開発__560-3</t>
  </si>
  <si>
    <t>今開発__560-5</t>
  </si>
  <si>
    <t>今開発__560-6</t>
  </si>
  <si>
    <t>今開発__560-7</t>
  </si>
  <si>
    <t>海老江七軒_東官_1347-2</t>
  </si>
  <si>
    <t>今開発__728-2</t>
  </si>
  <si>
    <t>今開発__729-2</t>
  </si>
  <si>
    <t>本開発__990-1</t>
  </si>
  <si>
    <t>本開発__993-1</t>
  </si>
  <si>
    <t>本開発__993-15</t>
  </si>
  <si>
    <t>本開発__1187-1</t>
  </si>
  <si>
    <t>本開発__1187-12</t>
  </si>
  <si>
    <t>本開発__1203-1</t>
  </si>
  <si>
    <t>本開発__1203-16</t>
  </si>
  <si>
    <t>海老江七軒_東官_1348-1</t>
  </si>
  <si>
    <t>本開発__1264-1</t>
  </si>
  <si>
    <t>本開発__1264-14</t>
  </si>
  <si>
    <t>本開発__1264-15</t>
  </si>
  <si>
    <t>本開発__1264-16</t>
  </si>
  <si>
    <t>本開発_石田_795-2</t>
  </si>
  <si>
    <t>本開発_石田_797-7</t>
  </si>
  <si>
    <t>本開発_石田_800-3</t>
  </si>
  <si>
    <t>本開発_石田_903-2</t>
  </si>
  <si>
    <t>本開発_石田_908-4</t>
  </si>
  <si>
    <t>本開発_石田_908-6</t>
  </si>
  <si>
    <t>海老江七軒_東官_1348-2</t>
  </si>
  <si>
    <t>本開発_石田_908-7</t>
  </si>
  <si>
    <t>本開発_石田_908-8</t>
  </si>
  <si>
    <t>本開発_石田_910-2</t>
  </si>
  <si>
    <t>本開発_石田_911-2</t>
  </si>
  <si>
    <t>本開発_石田_916-3</t>
  </si>
  <si>
    <t>本開発_石田_917-3</t>
  </si>
  <si>
    <t>本開発_石田_918-1</t>
  </si>
  <si>
    <t>本開発_石田_918-2</t>
  </si>
  <si>
    <t>本開発_石田_919-3</t>
  </si>
  <si>
    <t>本開発_石田_919-6</t>
  </si>
  <si>
    <t>海老江七軒_東官_1348-3</t>
  </si>
  <si>
    <t>本開発_石田_922</t>
  </si>
  <si>
    <t>ため池</t>
  </si>
  <si>
    <t>本開発_石田_923-2</t>
  </si>
  <si>
    <t>本開発_石田_923-4</t>
  </si>
  <si>
    <t>本開発_石田_923-5</t>
  </si>
  <si>
    <t>本開発_石田_924-6</t>
  </si>
  <si>
    <t>本開発_石田_926-3</t>
  </si>
  <si>
    <t>本開発_石田_928-2</t>
  </si>
  <si>
    <t>本開発_石田_929-2</t>
  </si>
  <si>
    <t>本開発_石田_929-3</t>
  </si>
  <si>
    <t>本開発_石田_947-2</t>
  </si>
  <si>
    <t>海老江七軒_東官_1349-3</t>
  </si>
  <si>
    <t>本開発_石田_948-2</t>
  </si>
  <si>
    <t>本開発_石田_949-3</t>
  </si>
  <si>
    <t>本開発_石田_950-3</t>
  </si>
  <si>
    <t>本開発_石田_963-2</t>
  </si>
  <si>
    <t>本開発_石田_963-3</t>
  </si>
  <si>
    <t>本開発_石田_964-5</t>
  </si>
  <si>
    <t>本開発_石田_964-6</t>
  </si>
  <si>
    <t>本開発_石田_1027-2</t>
  </si>
  <si>
    <t>本開発_石田_1029-3</t>
  </si>
  <si>
    <t>本開発_石田_1029-4</t>
  </si>
  <si>
    <t>海老江七軒_東官_1349-4</t>
  </si>
  <si>
    <t>本開発_石田_1033-3</t>
  </si>
  <si>
    <t>本開発_石田_1038-3</t>
  </si>
  <si>
    <t>本開発_石田_1039-2</t>
  </si>
  <si>
    <t>本開発_石田_1040-3</t>
  </si>
  <si>
    <t>本開発_石田_1041-5</t>
  </si>
  <si>
    <t>本開発_石田_1049-6</t>
  </si>
  <si>
    <t>本開発_石田_1049-7</t>
  </si>
  <si>
    <t>本開発_石田_1050-1</t>
  </si>
  <si>
    <t>本開発_石田_1050-2</t>
  </si>
  <si>
    <t>本開発_前田_481-2</t>
  </si>
  <si>
    <t>海老江七軒_東官_1349-5</t>
  </si>
  <si>
    <t>本開発_前田_483-2</t>
  </si>
  <si>
    <t>本開発_前田_483</t>
  </si>
  <si>
    <t>本開発_前田_572-5</t>
  </si>
  <si>
    <t>本開発_前田_572-6</t>
  </si>
  <si>
    <t>本開発_前田_572-7</t>
  </si>
  <si>
    <t>本開発_前田_574-2</t>
  </si>
  <si>
    <t>本開発_前田_586-4</t>
  </si>
  <si>
    <t>本開発_前田_587-5</t>
  </si>
  <si>
    <t>本開発_前田_588-3</t>
  </si>
  <si>
    <t>本開発_前田_603-2</t>
  </si>
  <si>
    <t>海老江七軒_東官_1350-3</t>
  </si>
  <si>
    <t>本開発_前田_604-2</t>
  </si>
  <si>
    <t>本開発_前田_605-2</t>
  </si>
  <si>
    <t>本開発_前田_615-2</t>
  </si>
  <si>
    <t>本開発_前田_616-2</t>
  </si>
  <si>
    <t>本開発_前田_620-2</t>
  </si>
  <si>
    <t>本開発_前田_621-3</t>
  </si>
  <si>
    <t>本開発_前田_632-2</t>
  </si>
  <si>
    <t>本開発_前田_634-2</t>
  </si>
  <si>
    <t>本開発_前田_635-2</t>
  </si>
  <si>
    <t>本開発_前田_639-4</t>
  </si>
  <si>
    <t>港町__659-2</t>
  </si>
  <si>
    <t>海老江七軒_東官_1350-4</t>
  </si>
  <si>
    <t>本開発_前田_639-5</t>
  </si>
  <si>
    <t>本開発_前田_639-6</t>
  </si>
  <si>
    <t>本開発_前田_640-2</t>
  </si>
  <si>
    <t>本開発_前田_640-3</t>
  </si>
  <si>
    <t>本開発_前田_641-1</t>
  </si>
  <si>
    <t>本開発_前田_641-2</t>
  </si>
  <si>
    <t>本開発_前田_641-7</t>
  </si>
  <si>
    <t>用悪水路</t>
  </si>
  <si>
    <t>本開発_前田_642-1</t>
  </si>
  <si>
    <t>本開発_前田_642-2</t>
  </si>
  <si>
    <t>本開発_前田_642-3</t>
  </si>
  <si>
    <t>海老江七軒_東官_1350-5</t>
  </si>
  <si>
    <t>本開発_前田_645</t>
  </si>
  <si>
    <t>本開発_前田_646-2</t>
  </si>
  <si>
    <t>本開発_前田_655-3</t>
  </si>
  <si>
    <t>本開発_前田_656-2</t>
  </si>
  <si>
    <t>本開発_前田_722-5</t>
  </si>
  <si>
    <t>本開発_前田_722-6</t>
  </si>
  <si>
    <t>本開発_代官免_23-4</t>
  </si>
  <si>
    <t>本開発_代官免_24-3</t>
  </si>
  <si>
    <t>本開発_代官免_29-1</t>
  </si>
  <si>
    <t>本開発_代官免_35-2</t>
  </si>
  <si>
    <t>海老江七軒_東官_1350-6</t>
  </si>
  <si>
    <t>本開発_代官免_36-2</t>
  </si>
  <si>
    <t>本開発_代官免_37-3</t>
  </si>
  <si>
    <t>本開発_代官免_39-5</t>
  </si>
  <si>
    <t>本開発_代官免_44-2</t>
  </si>
  <si>
    <t>本開発_代官免_48-3</t>
  </si>
  <si>
    <t>本開発_代官免_59-2</t>
  </si>
  <si>
    <t>本開発_代官免_60-2</t>
  </si>
  <si>
    <t>本開発_代官免_60-4</t>
  </si>
  <si>
    <t>本開発_代官免_60-5</t>
  </si>
  <si>
    <t>本開発_代官免_64-4</t>
  </si>
  <si>
    <t>海老江七軒_東官_1351-3</t>
  </si>
  <si>
    <t>本開発_代官免_66-2</t>
  </si>
  <si>
    <t>本開発_代官免_67-1</t>
  </si>
  <si>
    <t>本開発_代官免_67-5</t>
  </si>
  <si>
    <t>本開発_代官免_88-3</t>
  </si>
  <si>
    <t>本開発_代官免_103-6</t>
  </si>
  <si>
    <t>本開発_代官免_103-9</t>
  </si>
  <si>
    <t>本開発_代官免_103-11</t>
  </si>
  <si>
    <t>本開発_代官免_130-3</t>
  </si>
  <si>
    <t>本開発_代官免_139-2</t>
  </si>
  <si>
    <t>本開発_代官免_141-2</t>
  </si>
  <si>
    <t>海老江七軒_東官_1351-4</t>
  </si>
  <si>
    <t>本開発_代官免_142-2</t>
  </si>
  <si>
    <t>本開発_代官免_143-1</t>
  </si>
  <si>
    <t>本開発_代官免_144</t>
  </si>
  <si>
    <t>本開発_代官免_145-3</t>
  </si>
  <si>
    <t>本開発_代官免_147-1</t>
  </si>
  <si>
    <t>本開発_代官免_187-2</t>
  </si>
  <si>
    <t>本開発_代官免_188-3</t>
  </si>
  <si>
    <t>本開発_代官免_189-2</t>
  </si>
  <si>
    <t>本開発_代官免_189-4</t>
  </si>
  <si>
    <t>本開発_代官免_189-5</t>
  </si>
  <si>
    <t>海老江七軒_東官_1351-5</t>
  </si>
  <si>
    <t>本開発_代官免_189-8</t>
  </si>
  <si>
    <t>本開発_代官免_189-12</t>
  </si>
  <si>
    <t>本開発_代官免_191-7</t>
  </si>
  <si>
    <t>本開発_代官免_249-4</t>
  </si>
  <si>
    <t>本開発_代官免_252-3</t>
  </si>
  <si>
    <t>本開発_代官免_252-9</t>
  </si>
  <si>
    <t>本開発_代官免_414-3</t>
  </si>
  <si>
    <t>本開発_代官免_417-1</t>
  </si>
  <si>
    <t>本開発_代官免_458-4</t>
  </si>
  <si>
    <t>本開発_代官免_462-4</t>
  </si>
  <si>
    <t>海老江七軒_東官_1351-6</t>
  </si>
  <si>
    <t>本開発_代官免_465-1</t>
  </si>
  <si>
    <t>本開発_代官免_465-2</t>
  </si>
  <si>
    <t>本開発_代官免_466</t>
  </si>
  <si>
    <t>本開発_代官免_469-3</t>
  </si>
  <si>
    <t>本開発_代官免_471-1</t>
  </si>
  <si>
    <t>本開発_代官免_472-3</t>
  </si>
  <si>
    <t>本開発_代官免_473-3</t>
  </si>
  <si>
    <t>本開発_代官免_474-3</t>
  </si>
  <si>
    <t>本開発_代官免_475-3</t>
  </si>
  <si>
    <t>本開発_代官免_478-2</t>
  </si>
  <si>
    <t>海老江七軒_東官_1352-3</t>
  </si>
  <si>
    <t>本開発_代官免_479-2</t>
  </si>
  <si>
    <t>本開発_代官免_480-3</t>
  </si>
  <si>
    <t>本開発_代官免_480-4</t>
  </si>
  <si>
    <t>本開発_代官免_482-2</t>
  </si>
  <si>
    <t>本開発_代官免_535-1</t>
  </si>
  <si>
    <t>本開発_代官免_535-5</t>
  </si>
  <si>
    <t>本開発_代官免_536-1</t>
  </si>
  <si>
    <t>本開発_代官免_652-6</t>
  </si>
  <si>
    <t>本開発_代官免_653-3</t>
  </si>
  <si>
    <t>本開発_下ノ田_1150-2</t>
  </si>
  <si>
    <t>海老江七軒_東官_1352-4</t>
  </si>
  <si>
    <t>本開発_下ノ田_1151-2</t>
  </si>
  <si>
    <t>本開発_下ノ田_1152-2</t>
  </si>
  <si>
    <t>本開発_下ノ田_1156-3</t>
  </si>
  <si>
    <t>本開発_下ノ田_1160-2</t>
  </si>
  <si>
    <t>本開発_下ノ田_1161-4</t>
  </si>
  <si>
    <t>本開発_下ノ田_1310-3</t>
  </si>
  <si>
    <t>本開発_下ノ田_1311-2</t>
  </si>
  <si>
    <t>本開発_下ノ田_1312-2</t>
  </si>
  <si>
    <t>本開発_下ノ田_1327-3</t>
  </si>
  <si>
    <t>本開発_下ノ田_1328-2</t>
  </si>
  <si>
    <t>海老江七軒_東官_1352-5</t>
  </si>
  <si>
    <t>本開発_下ノ田_1329</t>
  </si>
  <si>
    <t>本開発_下ノ田_1330-1</t>
  </si>
  <si>
    <t>本開発_下ノ田_1331-2</t>
  </si>
  <si>
    <t>本開発_孝心_501-8</t>
  </si>
  <si>
    <t>本開発_孝心_501-22</t>
  </si>
  <si>
    <t>本開発_孝心_505-1</t>
  </si>
  <si>
    <t>本開発_孝心_522-1</t>
  </si>
  <si>
    <t>本開発_孝心_528-2</t>
  </si>
  <si>
    <t>本開発_孝心_528-12</t>
  </si>
  <si>
    <t>本開発_孝心_528-13</t>
  </si>
  <si>
    <t>港町__660-2</t>
  </si>
  <si>
    <t>海老江七軒_東官_1352-6</t>
  </si>
  <si>
    <t>本開発_孝心_537-1</t>
  </si>
  <si>
    <t>新開発__12-3</t>
  </si>
  <si>
    <t>新開発__14-3</t>
  </si>
  <si>
    <t>新開発__22-4</t>
  </si>
  <si>
    <t>新開発__23-4</t>
  </si>
  <si>
    <t>新開発__44-4</t>
  </si>
  <si>
    <t>新開発__45-4</t>
  </si>
  <si>
    <t>新開発__55-3</t>
  </si>
  <si>
    <t>新開発__56-3</t>
  </si>
  <si>
    <t>新開発__57-3</t>
  </si>
  <si>
    <t>海老江七軒_東官_1353-3</t>
  </si>
  <si>
    <t>新開発__58-2</t>
  </si>
  <si>
    <t>新開発__59-4</t>
  </si>
  <si>
    <t>新開発__81-3</t>
  </si>
  <si>
    <t>新開発__82-3</t>
  </si>
  <si>
    <t>新開発__93-3</t>
  </si>
  <si>
    <t>新開発__94-3</t>
  </si>
  <si>
    <t>新開発__95-3</t>
  </si>
  <si>
    <t>新開発__96-3</t>
  </si>
  <si>
    <t>新開発__97-3</t>
  </si>
  <si>
    <t>新開発__125-2</t>
  </si>
  <si>
    <t>海老江七軒_東官_1353-4</t>
  </si>
  <si>
    <t>新開発__126-2</t>
  </si>
  <si>
    <t>新開発__132-2</t>
  </si>
  <si>
    <t>新開発__133-2</t>
  </si>
  <si>
    <t>新開発__139-7</t>
  </si>
  <si>
    <t>新開発__140-6</t>
  </si>
  <si>
    <t>新開発__143-6</t>
  </si>
  <si>
    <t>新開発__144-6</t>
  </si>
  <si>
    <t>新開発__147-2</t>
  </si>
  <si>
    <t>新開発__147-8</t>
  </si>
  <si>
    <t>新開発__148-2</t>
  </si>
  <si>
    <t>海老江七軒_東官_1353-5</t>
  </si>
  <si>
    <t>新開発__150-2</t>
  </si>
  <si>
    <t>新開発__293-3</t>
  </si>
  <si>
    <t>新開発__293-4</t>
  </si>
  <si>
    <t>新開発__294-3</t>
  </si>
  <si>
    <t>新開発__294-4</t>
  </si>
  <si>
    <t>新開発__295-2</t>
  </si>
  <si>
    <t>新開発__296-2</t>
  </si>
  <si>
    <t>新開発__297-2</t>
  </si>
  <si>
    <t>新開発__298-2</t>
  </si>
  <si>
    <t>新開発__299-2</t>
  </si>
  <si>
    <t>海老江七軒_東官_1353-6</t>
  </si>
  <si>
    <t>新開発__300-2</t>
  </si>
  <si>
    <t>新開発__301-2</t>
  </si>
  <si>
    <t>新開発__302-2</t>
  </si>
  <si>
    <t>新開発__303-2</t>
  </si>
  <si>
    <t>新開発__365-2</t>
  </si>
  <si>
    <t>新開発__366-2</t>
  </si>
  <si>
    <t>新開発__366-3</t>
  </si>
  <si>
    <t>新開発__369-2</t>
  </si>
  <si>
    <t>新開発__370-2</t>
  </si>
  <si>
    <t>新開発__373-2</t>
  </si>
  <si>
    <t>海老江七軒_東官_1354-3</t>
  </si>
  <si>
    <t>新開発__373-3</t>
  </si>
  <si>
    <t>新開発__374-2</t>
  </si>
  <si>
    <t>新開発__381-2</t>
  </si>
  <si>
    <t>新開発__382-2</t>
  </si>
  <si>
    <t>新開発__382-3</t>
  </si>
  <si>
    <t>新開発__382-5</t>
  </si>
  <si>
    <t>新開発__383-3</t>
  </si>
  <si>
    <t>新開発__384-3</t>
  </si>
  <si>
    <t>新開発__385-3</t>
  </si>
  <si>
    <t>新開発__385-4</t>
  </si>
  <si>
    <t>海老江七軒_東官_1354-4</t>
  </si>
  <si>
    <t>新開発__386-2</t>
  </si>
  <si>
    <t>新開発__388-2</t>
  </si>
  <si>
    <t>新開発__388-3</t>
  </si>
  <si>
    <t>新開発__389-3</t>
  </si>
  <si>
    <t>新開発__391-2</t>
  </si>
  <si>
    <t>新開発__391-3</t>
  </si>
  <si>
    <t>新開発__392-2</t>
  </si>
  <si>
    <t>新開発__399-3</t>
  </si>
  <si>
    <t>新開発__400-3</t>
  </si>
  <si>
    <t>新開発__400-4</t>
  </si>
  <si>
    <t>海老江七軒_東官_1354-5</t>
  </si>
  <si>
    <t>新開発__403-1</t>
  </si>
  <si>
    <t>新開発__403-2</t>
  </si>
  <si>
    <t>新開発__403-4</t>
  </si>
  <si>
    <t>新開発__404-2</t>
  </si>
  <si>
    <t>新開発__405-2</t>
  </si>
  <si>
    <t>新開発__406-2</t>
  </si>
  <si>
    <t>新開発__406-3</t>
  </si>
  <si>
    <t>新開発__406-4</t>
  </si>
  <si>
    <t>新開発__407-2</t>
  </si>
  <si>
    <t>新開発__407-3</t>
  </si>
  <si>
    <t>海老江七軒_東官_1354-6</t>
  </si>
  <si>
    <t>新開発__407-4</t>
  </si>
  <si>
    <t>新開発__408-2</t>
  </si>
  <si>
    <t>新開発__408-3</t>
  </si>
  <si>
    <t>新開発__409-2</t>
  </si>
  <si>
    <t>新開発__409-3</t>
  </si>
  <si>
    <t>新開発__410-2</t>
  </si>
  <si>
    <t>新開発__410-3</t>
  </si>
  <si>
    <t>新開発__414-2</t>
  </si>
  <si>
    <t>新開発__415-1</t>
  </si>
  <si>
    <t>新開発__415-2</t>
  </si>
  <si>
    <t>海老江七軒_東官_1355-1</t>
  </si>
  <si>
    <t>新開発__415-3</t>
  </si>
  <si>
    <t>新開発__418-4</t>
  </si>
  <si>
    <t>新開発__419-1</t>
  </si>
  <si>
    <t>新開発__419-33</t>
  </si>
  <si>
    <t>新開発__422-2</t>
  </si>
  <si>
    <t>新開発__422-3</t>
  </si>
  <si>
    <t>新開発__423-2</t>
  </si>
  <si>
    <t>新開発__427-2</t>
  </si>
  <si>
    <t>新開発__430-2</t>
  </si>
  <si>
    <t>新開発__431-3</t>
  </si>
  <si>
    <t>庄西町一丁目__732-3</t>
  </si>
  <si>
    <t>港町__661-2</t>
  </si>
  <si>
    <t>海老江七軒_東官_1355-2</t>
  </si>
  <si>
    <t>新開発__431-4</t>
  </si>
  <si>
    <t>新開発__433-3</t>
  </si>
  <si>
    <t>新開発__433-5</t>
  </si>
  <si>
    <t>新開発__434-2</t>
  </si>
  <si>
    <t>新開発__434-3</t>
  </si>
  <si>
    <t>新開発__435-1</t>
  </si>
  <si>
    <t>新開発__435-2</t>
  </si>
  <si>
    <t>新開発__435-3</t>
  </si>
  <si>
    <t>新開発__435-4</t>
  </si>
  <si>
    <t>新開発__435-9</t>
  </si>
  <si>
    <t>海老江七軒_東官_1356-1</t>
  </si>
  <si>
    <t>新開発__436-3</t>
  </si>
  <si>
    <t>新開発__436-4</t>
  </si>
  <si>
    <t>新開発__436-6</t>
  </si>
  <si>
    <t>新開発__443-3</t>
  </si>
  <si>
    <t>新開発__443-4</t>
  </si>
  <si>
    <t>新開発__443-5</t>
  </si>
  <si>
    <t>新開発__443-6</t>
  </si>
  <si>
    <t>新開発__446-3</t>
  </si>
  <si>
    <t>新開発__447-3</t>
  </si>
  <si>
    <t>新開発__450-3</t>
  </si>
  <si>
    <t>海老江七軒_東官_1356-3</t>
  </si>
  <si>
    <t>新開発__451-3</t>
  </si>
  <si>
    <t>新開発__454-3</t>
  </si>
  <si>
    <t>新開発__455-2</t>
  </si>
  <si>
    <t>新開発__455-3</t>
  </si>
  <si>
    <t>新開発__456-2</t>
  </si>
  <si>
    <t>新開発__456-4</t>
  </si>
  <si>
    <t>新開発__457-2</t>
  </si>
  <si>
    <t>新開発__457-3</t>
  </si>
  <si>
    <t>新開発__458-3</t>
  </si>
  <si>
    <t>新開発__461-1</t>
  </si>
  <si>
    <t>海老江七軒_東官_1356-4</t>
  </si>
  <si>
    <t>新開発__461-47</t>
  </si>
  <si>
    <t>新開発__466-2</t>
  </si>
  <si>
    <t>新開発__481-4</t>
  </si>
  <si>
    <t>新開発__527-2</t>
  </si>
  <si>
    <t>新開発__529-1</t>
  </si>
  <si>
    <t>新開発__530-1</t>
  </si>
  <si>
    <t>新開発__531-1</t>
  </si>
  <si>
    <t>新開発__531-3</t>
  </si>
  <si>
    <t>新開発__532-1</t>
  </si>
  <si>
    <t>新開発__532-3</t>
  </si>
  <si>
    <t>海老江七軒_東官_1356-5</t>
  </si>
  <si>
    <t>新開発__533-1</t>
  </si>
  <si>
    <t>新開発__533-3</t>
  </si>
  <si>
    <t>新開発__534-1</t>
  </si>
  <si>
    <t>新開発__534-3</t>
  </si>
  <si>
    <t>新開発__535-3</t>
  </si>
  <si>
    <t>新開発__548-1</t>
  </si>
  <si>
    <t>新開発__554-1</t>
  </si>
  <si>
    <t>新開発__556-1</t>
  </si>
  <si>
    <t>新開発__559-1</t>
  </si>
  <si>
    <t>新開発__564-1</t>
  </si>
  <si>
    <t>海老江七軒_東官_1356-6</t>
  </si>
  <si>
    <t>新開発__568-1</t>
  </si>
  <si>
    <t>新開発__636-2</t>
  </si>
  <si>
    <t>新開発__639-2</t>
  </si>
  <si>
    <t>新開発__666-1</t>
  </si>
  <si>
    <t>新開発__666-9</t>
  </si>
  <si>
    <t>新開発__666-30</t>
  </si>
  <si>
    <t>新開発__666-31</t>
  </si>
  <si>
    <t>新開発__678-1</t>
  </si>
  <si>
    <t>新開発__682-2</t>
  </si>
  <si>
    <t>新開発__683-4</t>
  </si>
  <si>
    <t>海老江七軒_東官_1357-2</t>
  </si>
  <si>
    <t>新開発__691-1</t>
  </si>
  <si>
    <t>新開発__696-1</t>
  </si>
  <si>
    <t>新開発__706-4</t>
  </si>
  <si>
    <t>新開発__708-2</t>
  </si>
  <si>
    <t>新開発__744-1</t>
  </si>
  <si>
    <t>新開発__763-3</t>
  </si>
  <si>
    <t>新開発__774-2</t>
  </si>
  <si>
    <t>新開発__827-2</t>
  </si>
  <si>
    <t>新開発__828-2</t>
  </si>
  <si>
    <t>赤井_水落_1-1</t>
  </si>
  <si>
    <t>海老江七軒_東官_1357-3</t>
  </si>
  <si>
    <t>赤井_水落_1-2</t>
  </si>
  <si>
    <t>赤井_水落_3-2</t>
  </si>
  <si>
    <t>赤井_水落_3-3</t>
  </si>
  <si>
    <t>赤井_水落_4-1</t>
  </si>
  <si>
    <t>赤井_水落_4-2</t>
  </si>
  <si>
    <t>赤井_水落_4-3</t>
  </si>
  <si>
    <t>赤井_水落_7-9</t>
  </si>
  <si>
    <t>赤井_水落_10-1</t>
  </si>
  <si>
    <t>赤井_水落_11-4</t>
  </si>
  <si>
    <t>赤井_水落_12-2</t>
  </si>
  <si>
    <t>海老江七軒_東官_1358-2</t>
  </si>
  <si>
    <t>赤井_水落_12-9</t>
  </si>
  <si>
    <t>赤井_水落_13-2</t>
  </si>
  <si>
    <t>赤井_水落_14-1</t>
  </si>
  <si>
    <t>赤井_水落_14-3</t>
  </si>
  <si>
    <t>赤井_水落_14-4</t>
  </si>
  <si>
    <t>赤井_水落_14-5</t>
  </si>
  <si>
    <t>赤井_水落_14-10</t>
  </si>
  <si>
    <t>赤井_水落_15-1</t>
  </si>
  <si>
    <t>赤井_水落_15-2</t>
  </si>
  <si>
    <t>赤井_水落_15-7</t>
  </si>
  <si>
    <t>海老江七軒_東官_1359-1</t>
  </si>
  <si>
    <t>赤井_水落_15-8</t>
  </si>
  <si>
    <t>赤井_水落_15-9</t>
  </si>
  <si>
    <t>赤井_水落_15-10</t>
  </si>
  <si>
    <t>赤井_水落_15-12</t>
  </si>
  <si>
    <t>赤井_水落_16-1</t>
  </si>
  <si>
    <t>赤井_水落_16-2</t>
  </si>
  <si>
    <t>赤井_水落_18-2</t>
  </si>
  <si>
    <t>赤井_水落_19-2</t>
  </si>
  <si>
    <t>赤井_水落_19-3</t>
  </si>
  <si>
    <t>赤井_水落_19-4</t>
  </si>
  <si>
    <t>港町__662-2</t>
  </si>
  <si>
    <t>海老江七軒_東官_1359-2</t>
  </si>
  <si>
    <t>赤井_水落_19-5</t>
  </si>
  <si>
    <t>赤井_水落_21-4</t>
  </si>
  <si>
    <t>赤井_水落_21-5</t>
  </si>
  <si>
    <t>赤井_水落_22-2</t>
  </si>
  <si>
    <t>赤井_水落_24-3</t>
  </si>
  <si>
    <t>赤井_水落_25-8</t>
  </si>
  <si>
    <t>赤井_水落_27-4</t>
  </si>
  <si>
    <t>赤井_水落_29-1</t>
  </si>
  <si>
    <t>赤井_水落_29-2</t>
  </si>
  <si>
    <t>赤井_水落_29-3</t>
  </si>
  <si>
    <t>海老江七軒_東官_1359-3</t>
  </si>
  <si>
    <t>赤井_水落_30-14</t>
  </si>
  <si>
    <t>赤井_水落_30-2</t>
  </si>
  <si>
    <t>赤井_水落_30-1</t>
  </si>
  <si>
    <t>赤井_水落_30-3</t>
  </si>
  <si>
    <t>赤井_水落_31-3</t>
  </si>
  <si>
    <t>赤井_水落_32-3</t>
  </si>
  <si>
    <t>赤井_水落_32-4</t>
  </si>
  <si>
    <t>赤井_水落_33-1</t>
  </si>
  <si>
    <t>赤井_下間掛_35-2</t>
  </si>
  <si>
    <t>赤井_下間掛_35-4</t>
  </si>
  <si>
    <t>海老江七軒_東官_1360-2</t>
  </si>
  <si>
    <t>赤井_下間掛_35-5</t>
  </si>
  <si>
    <t>赤井_下間掛_40-3</t>
  </si>
  <si>
    <t>赤井_下間掛_41-4</t>
  </si>
  <si>
    <t>赤井_下間掛_41-5</t>
  </si>
  <si>
    <t>赤井_下間掛_42-41</t>
  </si>
  <si>
    <t>赤井_下間掛_42-1</t>
  </si>
  <si>
    <t>赤井_下間掛_46-3</t>
  </si>
  <si>
    <t>赤井_下間掛_46-5</t>
  </si>
  <si>
    <t>赤井_下間掛_54-3</t>
  </si>
  <si>
    <t>赤井_下間掛_76-3</t>
  </si>
  <si>
    <t>海老江七軒_東官_1361-3</t>
  </si>
  <si>
    <t>赤井_下間掛_78-1</t>
  </si>
  <si>
    <t>赤井_下間掛_78-2</t>
  </si>
  <si>
    <t>赤井_下間掛_78-3</t>
  </si>
  <si>
    <t>赤井_下間掛_78-4</t>
  </si>
  <si>
    <t>赤井_下間掛_80-1</t>
  </si>
  <si>
    <t>赤井_下間掛_88-24</t>
  </si>
  <si>
    <t>赤井_下間掛_88-37</t>
  </si>
  <si>
    <t>赤井_下間掛_88-38</t>
  </si>
  <si>
    <t>赤井_下間掛_88-39</t>
  </si>
  <si>
    <t>赤井_下間掛_88-3</t>
  </si>
  <si>
    <t>海老江七軒_東官_1361-4</t>
  </si>
  <si>
    <t>赤井_下間掛_88-4</t>
  </si>
  <si>
    <t>赤井_下間掛_95-2</t>
  </si>
  <si>
    <t>赤井_下間掛_95-3</t>
  </si>
  <si>
    <t>赤井_下間掛_96-2</t>
  </si>
  <si>
    <t>赤井_下間掛_97-2</t>
  </si>
  <si>
    <t>赤井_下間掛_98-2</t>
  </si>
  <si>
    <t>赤井_下間掛_99-2</t>
  </si>
  <si>
    <t>赤井_下間掛_99-3</t>
  </si>
  <si>
    <t>赤井_下間掛_99-4</t>
  </si>
  <si>
    <t>赤井_下間掛_100-1</t>
  </si>
  <si>
    <t>海老江七軒_東官_1362-2</t>
  </si>
  <si>
    <t>赤井_下間掛_100-2</t>
  </si>
  <si>
    <t>赤井_下間掛_101-1</t>
  </si>
  <si>
    <t>赤井_下間掛_102-1</t>
  </si>
  <si>
    <t>赤井_野田_321-2</t>
  </si>
  <si>
    <t>赤井_野田_365-2</t>
  </si>
  <si>
    <t>赤井_野田_365-4</t>
  </si>
  <si>
    <t>赤井_野田_370-2</t>
  </si>
  <si>
    <t>赤井_野田_371-3</t>
  </si>
  <si>
    <t>赤井_野田_376-2</t>
  </si>
  <si>
    <t>赤井_野田_379-2</t>
  </si>
  <si>
    <t>海老江七軒_東官_1363-2</t>
  </si>
  <si>
    <t>赤井_野田_381-2</t>
  </si>
  <si>
    <t>赤井_野田_394-2</t>
  </si>
  <si>
    <t>赤井_野田_397-3</t>
  </si>
  <si>
    <t>赤井_野田_398-2</t>
  </si>
  <si>
    <t>赤井_野田_404-3</t>
  </si>
  <si>
    <t>赤井_野田_409-2</t>
  </si>
  <si>
    <t>赤井_野田_411-3</t>
  </si>
  <si>
    <t>赤井_野田_413-2</t>
  </si>
  <si>
    <t>赤井_野田_416-3</t>
  </si>
  <si>
    <t>赤井_野田_418-2</t>
  </si>
  <si>
    <t>海老江七軒_東官_1366-4</t>
  </si>
  <si>
    <t>赤井_野田_419-2</t>
  </si>
  <si>
    <t>赤井_拾田_420</t>
  </si>
  <si>
    <t>赤井_拾田_422-2</t>
  </si>
  <si>
    <t>赤井_拾田_423-2</t>
  </si>
  <si>
    <t>赤井_拾田_425-3</t>
  </si>
  <si>
    <t>赤井_拾田_429-2</t>
  </si>
  <si>
    <t>赤井_拾田_429-3</t>
  </si>
  <si>
    <t>赤井_拾田_430-3</t>
  </si>
  <si>
    <t>赤井_拾田_439-1</t>
  </si>
  <si>
    <t>赤井_拾田_447-3</t>
  </si>
  <si>
    <t>海老江七軒_東官_1369-4</t>
  </si>
  <si>
    <t>赤井_拾田_450-2</t>
  </si>
  <si>
    <t>赤井_拾田_451-2</t>
  </si>
  <si>
    <t>赤井_拾田_452-2</t>
  </si>
  <si>
    <t>赤井_拾田_452-3</t>
  </si>
  <si>
    <t>赤井_拾田_452-4</t>
  </si>
  <si>
    <t>赤井_拾田_456-2</t>
  </si>
  <si>
    <t>赤井_拾田_457-2</t>
  </si>
  <si>
    <t>赤井_拾田_459-2</t>
  </si>
  <si>
    <t>赤井_拾田_462-2</t>
  </si>
  <si>
    <t>赤井_拾田_462-3</t>
  </si>
  <si>
    <t>海老江七軒_東官_1374-2</t>
  </si>
  <si>
    <t>赤井_拾田_463-2</t>
  </si>
  <si>
    <t>赤井_拾田_466-2</t>
  </si>
  <si>
    <t>赤井_拾田_478-2</t>
  </si>
  <si>
    <t>赤井_拾田_478-4</t>
  </si>
  <si>
    <t>赤井_拾田_479-3</t>
  </si>
  <si>
    <t>赤井_拾田_479-6</t>
  </si>
  <si>
    <t>赤井_拾田_1205-3</t>
  </si>
  <si>
    <t>赤井_拾田_1207-3</t>
  </si>
  <si>
    <t>赤井_上間掛_132-4</t>
  </si>
  <si>
    <t>赤井_上間掛_132-5</t>
  </si>
  <si>
    <t>港町__663-2</t>
  </si>
  <si>
    <t>海老江七軒_東官_1375-3</t>
  </si>
  <si>
    <t>赤井_上間掛_133-2</t>
  </si>
  <si>
    <t>赤井_上間掛_136-2</t>
  </si>
  <si>
    <t>赤井_上間掛_137-2</t>
  </si>
  <si>
    <t>赤井_上間掛_138-3</t>
  </si>
  <si>
    <t>赤井_上間掛_138-4</t>
  </si>
  <si>
    <t>赤井_上間掛_139-2</t>
  </si>
  <si>
    <t>赤井_上間掛_139-3</t>
  </si>
  <si>
    <t>赤井_上間掛_140-2</t>
  </si>
  <si>
    <t>赤井_上間掛_140-3</t>
  </si>
  <si>
    <t>赤井_上間掛_141-2</t>
  </si>
  <si>
    <t>海老江七軒_東官_1375-6</t>
  </si>
  <si>
    <t>赤井_上間掛_141-3</t>
  </si>
  <si>
    <t>赤井_上間掛_142-2</t>
  </si>
  <si>
    <t>赤井_上間掛_142-3</t>
  </si>
  <si>
    <t>赤井_上間掛_143-2</t>
  </si>
  <si>
    <t>赤井_上間掛_143-3</t>
  </si>
  <si>
    <t>赤井_上間掛_144</t>
  </si>
  <si>
    <t>赤井_上間掛_150-1</t>
  </si>
  <si>
    <t>赤井_上間掛_151-1</t>
  </si>
  <si>
    <t>赤井_上間掛_202-3</t>
  </si>
  <si>
    <t>赤井_上間掛_207-3</t>
  </si>
  <si>
    <t>海老江七軒_東官_1375-8</t>
  </si>
  <si>
    <t>赤井_上間掛_238-6</t>
  </si>
  <si>
    <t>赤井_上間掛_243-1</t>
  </si>
  <si>
    <t>赤井_上間掛_245-3</t>
  </si>
  <si>
    <t>赤井_馬_414-4</t>
  </si>
  <si>
    <t>赤井_馬_517-8</t>
  </si>
  <si>
    <t>赤井_馬_554-3</t>
  </si>
  <si>
    <t>赤井_馬_561-3</t>
  </si>
  <si>
    <t>赤井_馬_582-2</t>
  </si>
  <si>
    <t>赤井_馬_586-4</t>
  </si>
  <si>
    <t>赤井_大坪_103-4</t>
  </si>
  <si>
    <t>海老江七軒_東官_1375-9</t>
  </si>
  <si>
    <t>赤井_大坪_105-3</t>
  </si>
  <si>
    <t>赤井_大坪_106-3</t>
  </si>
  <si>
    <t>赤井_大坪_106-4</t>
  </si>
  <si>
    <t>赤井_大坪_106-6</t>
  </si>
  <si>
    <t>赤井_大坪_109-3</t>
  </si>
  <si>
    <t>赤井_大坪_115-13</t>
  </si>
  <si>
    <t>赤井_大坪_131-4</t>
  </si>
  <si>
    <t>赤井_大坪_131-5</t>
  </si>
  <si>
    <t>鳥取__39-2</t>
  </si>
  <si>
    <t>鳥取__39-3</t>
  </si>
  <si>
    <t>海老江七軒_東官_1376-2</t>
  </si>
  <si>
    <t>鳥取__48-2</t>
  </si>
  <si>
    <t>鳥取__72-2</t>
  </si>
  <si>
    <t>鳥取__96-2</t>
  </si>
  <si>
    <t>鳥取__97-2</t>
  </si>
  <si>
    <t>鳥取__98-2</t>
  </si>
  <si>
    <t>鳥取__99-2</t>
  </si>
  <si>
    <t>鳥取__139-3</t>
  </si>
  <si>
    <t>鳥取__140-3</t>
  </si>
  <si>
    <t>鳥取__144-2</t>
  </si>
  <si>
    <t>鳥取__145-2</t>
  </si>
  <si>
    <t>海老江七軒_東官_1377-1</t>
  </si>
  <si>
    <t>南高木__71-3</t>
  </si>
  <si>
    <t>南高木__72-4</t>
  </si>
  <si>
    <t>南高木__73-4</t>
  </si>
  <si>
    <t>南高木__98-2</t>
  </si>
  <si>
    <t>南高木__229-2</t>
  </si>
  <si>
    <t>南高木__230-2</t>
  </si>
  <si>
    <t>南高木__231-2</t>
  </si>
  <si>
    <t>南高木__232-2</t>
  </si>
  <si>
    <t>南高木__235-2</t>
  </si>
  <si>
    <t>南高木__236-2</t>
  </si>
  <si>
    <t>海老江七軒_東官_1383-1</t>
  </si>
  <si>
    <t>南高木__251-2</t>
  </si>
  <si>
    <t>南高木__252-2</t>
  </si>
  <si>
    <t>南高木__254</t>
  </si>
  <si>
    <t>南高木__305-2</t>
  </si>
  <si>
    <t>南高木__306-2</t>
  </si>
  <si>
    <t>南高木__307-2</t>
  </si>
  <si>
    <t>南高木__312-2</t>
  </si>
  <si>
    <t>北高木__12-8</t>
  </si>
  <si>
    <t>北高木__14-16</t>
  </si>
  <si>
    <t>北高木__14-2</t>
  </si>
  <si>
    <t>海老江七軒_東官_1383-3</t>
  </si>
  <si>
    <t>北高木__14-3</t>
  </si>
  <si>
    <t>北高木__14-8</t>
  </si>
  <si>
    <t>北高木__15-3</t>
  </si>
  <si>
    <t>北高木__16-3</t>
  </si>
  <si>
    <t>北高木__17-4</t>
  </si>
  <si>
    <t>北高木__18-4</t>
  </si>
  <si>
    <t>北高木__105-1</t>
  </si>
  <si>
    <t>北高木__105-2</t>
  </si>
  <si>
    <t>北高木__105-10</t>
  </si>
  <si>
    <t>北高木__105-13</t>
  </si>
  <si>
    <t>海老江七軒_東官_1384-3</t>
  </si>
  <si>
    <t>北高木__106-2</t>
  </si>
  <si>
    <t>北高木__107-2</t>
  </si>
  <si>
    <t>北高木__108-2</t>
  </si>
  <si>
    <t>北高木__109-2</t>
  </si>
  <si>
    <t>北高木__110-2</t>
  </si>
  <si>
    <t>北高木__111-2</t>
  </si>
  <si>
    <t>北高木__112-2</t>
  </si>
  <si>
    <t>北高木__113-2</t>
  </si>
  <si>
    <t>北高木__114-2</t>
  </si>
  <si>
    <t>北高木__115-3</t>
  </si>
  <si>
    <t>海老江七軒_東官_1385-3</t>
  </si>
  <si>
    <t>北高木__115-4</t>
  </si>
  <si>
    <t>北高木__116-3</t>
  </si>
  <si>
    <t>北高木__116-4</t>
  </si>
  <si>
    <t>北高木__117-3</t>
  </si>
  <si>
    <t>北高木__121-1</t>
  </si>
  <si>
    <t>北高木__125-1</t>
  </si>
  <si>
    <t>北高木__128-1</t>
  </si>
  <si>
    <t>北高木__136-6</t>
  </si>
  <si>
    <t>北高木__136-10</t>
  </si>
  <si>
    <t>北高木__136-13</t>
  </si>
  <si>
    <t>港町__664-2</t>
  </si>
  <si>
    <t>海老江七軒_東官_1386-3</t>
  </si>
  <si>
    <t>北高木__155-2</t>
  </si>
  <si>
    <t>北高木__156-3</t>
  </si>
  <si>
    <t>北高木__157-2</t>
  </si>
  <si>
    <t>北高木__158-2</t>
  </si>
  <si>
    <t>北高木__159-2</t>
  </si>
  <si>
    <t>北高木__160-2</t>
  </si>
  <si>
    <t>北高木__161-2</t>
  </si>
  <si>
    <t>北高木__162-2</t>
  </si>
  <si>
    <t>北高木__163-2</t>
  </si>
  <si>
    <t>北高木__164-2</t>
  </si>
  <si>
    <t>海老江七軒_東官_1387-3</t>
  </si>
  <si>
    <t>北高木__165-2</t>
  </si>
  <si>
    <t>北高木__166-2</t>
  </si>
  <si>
    <t>北高木__284-2</t>
  </si>
  <si>
    <t>北高木__285-2</t>
  </si>
  <si>
    <t>北高木__287-2</t>
  </si>
  <si>
    <t>北高木__309-2</t>
  </si>
  <si>
    <t>北高木__315-2</t>
  </si>
  <si>
    <t>北高木__316-2</t>
  </si>
  <si>
    <t>北高木__317-2</t>
  </si>
  <si>
    <t>北高木__338-1</t>
  </si>
  <si>
    <t>海老江七軒_東官_1388-3</t>
  </si>
  <si>
    <t>北高木__351-2</t>
  </si>
  <si>
    <t>北高木__396-3</t>
  </si>
  <si>
    <t>北高木__402-2</t>
  </si>
  <si>
    <t>北高木__404-3</t>
  </si>
  <si>
    <t>北高木__405-4</t>
  </si>
  <si>
    <t>北高木__406-3</t>
  </si>
  <si>
    <t>北高木__407-3</t>
  </si>
  <si>
    <t>北高木__408-3</t>
  </si>
  <si>
    <t>北高木__409-4</t>
  </si>
  <si>
    <t>北高木__409-5</t>
  </si>
  <si>
    <t>海老江七軒_東官_1389-3</t>
  </si>
  <si>
    <t>北高木__410-2</t>
  </si>
  <si>
    <t>北高木__414-2</t>
  </si>
  <si>
    <t>北高木__419-2</t>
  </si>
  <si>
    <t>北高木__420-2</t>
  </si>
  <si>
    <t>北高木__448-2</t>
  </si>
  <si>
    <t>北高木__449-2</t>
  </si>
  <si>
    <t>北高木__450-2</t>
  </si>
  <si>
    <t>北高木__451-2</t>
  </si>
  <si>
    <t>北高木__465-7</t>
  </si>
  <si>
    <t>北高木__465-8</t>
  </si>
  <si>
    <t>海老江七軒_東官_1390-3</t>
  </si>
  <si>
    <t>北高木__465-9</t>
  </si>
  <si>
    <t>北高木__465-10</t>
  </si>
  <si>
    <t>北高木__541-2</t>
  </si>
  <si>
    <t>北高木__551-2</t>
  </si>
  <si>
    <t>北高木__552-2</t>
  </si>
  <si>
    <t>北高木__553</t>
  </si>
  <si>
    <t>北高木__554-2</t>
  </si>
  <si>
    <t>北高木__554-3</t>
  </si>
  <si>
    <t>北高木__565-2</t>
  </si>
  <si>
    <t>北高木__566-2</t>
  </si>
  <si>
    <t>海老江七軒_東官_1391-3</t>
  </si>
  <si>
    <t>北高木__567-2</t>
  </si>
  <si>
    <t>北高木__568-2</t>
  </si>
  <si>
    <t>北高木__569-2</t>
  </si>
  <si>
    <t>北高木__580-3</t>
  </si>
  <si>
    <t>北高木__580-4</t>
  </si>
  <si>
    <t>北高木__581-3</t>
  </si>
  <si>
    <t>北高木__581-4</t>
  </si>
  <si>
    <t>北高木__627</t>
  </si>
  <si>
    <t>北高木__647-3</t>
  </si>
  <si>
    <t>北高木__653-2</t>
  </si>
  <si>
    <t>海老江七軒_東官_1392-2</t>
  </si>
  <si>
    <t>北高木__655-2</t>
  </si>
  <si>
    <t>北高木__656-3</t>
  </si>
  <si>
    <t>北高木__657-2</t>
  </si>
  <si>
    <t>北高木__661-2</t>
  </si>
  <si>
    <t>北高木__662-2</t>
  </si>
  <si>
    <t>北高木__671-2</t>
  </si>
  <si>
    <t>田</t>
  </si>
  <si>
    <t>北高木__674-3</t>
  </si>
  <si>
    <t>北高木__686-1</t>
  </si>
  <si>
    <t>小林__5-2</t>
  </si>
  <si>
    <t>小林__5-3</t>
  </si>
  <si>
    <t>海老江七軒_中官_1224-1</t>
  </si>
  <si>
    <t>小林__6-2</t>
  </si>
  <si>
    <t>小林__26-2</t>
  </si>
  <si>
    <t>海老江七軒_中官_1226-6</t>
  </si>
  <si>
    <t>小林__28-6</t>
  </si>
  <si>
    <t>海老江七軒_中官_1226-7</t>
  </si>
  <si>
    <t>小林__35-2</t>
  </si>
  <si>
    <t>小林__36-2</t>
  </si>
  <si>
    <t>港町__684-2</t>
  </si>
  <si>
    <t>海老江七軒_中官_1232-3</t>
  </si>
  <si>
    <t>小林__71-2</t>
  </si>
  <si>
    <t>小林__71-3</t>
  </si>
  <si>
    <t>小林__112-2</t>
  </si>
  <si>
    <t>小林__113-2</t>
  </si>
  <si>
    <t>小林__114-2</t>
  </si>
  <si>
    <t>小林__115-2</t>
  </si>
  <si>
    <t>小林__143-3</t>
  </si>
  <si>
    <t>小林__177-2</t>
  </si>
  <si>
    <t>小林__178-2</t>
  </si>
  <si>
    <t>海老江七軒_中官_1252-2</t>
  </si>
  <si>
    <t>小林__191-2</t>
  </si>
  <si>
    <t>小林__191-7</t>
  </si>
  <si>
    <t>小林__191-9</t>
  </si>
  <si>
    <t>小林__192-3</t>
  </si>
  <si>
    <t>小林__192-6</t>
  </si>
  <si>
    <t>小林__193-2</t>
  </si>
  <si>
    <t>小林__194-1</t>
  </si>
  <si>
    <t>小林__194-2</t>
  </si>
  <si>
    <t>小林__195-1</t>
  </si>
  <si>
    <t>海老江七軒_中官_1252-9</t>
  </si>
  <si>
    <t>小林__197-5</t>
  </si>
  <si>
    <t>小林__203-2</t>
  </si>
  <si>
    <t>小林__204-2</t>
  </si>
  <si>
    <t>小林__204-3</t>
  </si>
  <si>
    <t>小林__205-3</t>
  </si>
  <si>
    <t>海老江七軒_中官_1252-12</t>
  </si>
  <si>
    <t>小林__205-4</t>
  </si>
  <si>
    <t>小林__206-3</t>
  </si>
  <si>
    <t>小林__206-4</t>
  </si>
  <si>
    <t>小林__207-3</t>
  </si>
  <si>
    <t>小林__207-4</t>
  </si>
  <si>
    <t>小林__208-2</t>
  </si>
  <si>
    <t>小林__208-3</t>
  </si>
  <si>
    <t>小林__209-2</t>
  </si>
  <si>
    <t>小林__209-3</t>
  </si>
  <si>
    <t>小林__210-2</t>
  </si>
  <si>
    <t>海老江七軒_中官_1253-4</t>
  </si>
  <si>
    <t>小林__210-3</t>
  </si>
  <si>
    <t>小林__210-4</t>
  </si>
  <si>
    <t>小林__211-23</t>
  </si>
  <si>
    <t>小林__222-3</t>
  </si>
  <si>
    <t>小林__225-3</t>
  </si>
  <si>
    <t>小林__226-3</t>
  </si>
  <si>
    <t>小林__227-3</t>
  </si>
  <si>
    <t>小林__228-2</t>
  </si>
  <si>
    <t>小林__228-3</t>
  </si>
  <si>
    <t>小林__229-5</t>
  </si>
  <si>
    <t>海老江七軒_中官_1262-3</t>
  </si>
  <si>
    <t>小林__229-6</t>
  </si>
  <si>
    <t>小林__229-10</t>
  </si>
  <si>
    <t>小林__230-5</t>
  </si>
  <si>
    <t>小林__230-6</t>
  </si>
  <si>
    <t>小林__230-10</t>
  </si>
  <si>
    <t>小林__232-28</t>
  </si>
  <si>
    <t>小林__232-29</t>
  </si>
  <si>
    <t>小林__232-30</t>
  </si>
  <si>
    <t>小林__232-31</t>
  </si>
  <si>
    <t>小林__232-32</t>
  </si>
  <si>
    <t>海老江七軒_中官_1298</t>
  </si>
  <si>
    <t>小林__232-33</t>
  </si>
  <si>
    <t>小林__233-5</t>
  </si>
  <si>
    <t>小林__233-6</t>
  </si>
  <si>
    <t>小林__234-4</t>
  </si>
  <si>
    <t>小林__234-5</t>
  </si>
  <si>
    <t>小林__235-4</t>
  </si>
  <si>
    <t>小林__238-4</t>
  </si>
  <si>
    <t>小林__239-4</t>
  </si>
  <si>
    <t>小林__240-5</t>
  </si>
  <si>
    <t>小林__241-3</t>
  </si>
  <si>
    <t>海老江七軒_内細_1422-2</t>
  </si>
  <si>
    <t>小林__259-5</t>
  </si>
  <si>
    <t>小林__259-6</t>
  </si>
  <si>
    <t>小林__259-7</t>
  </si>
  <si>
    <t>小林__260-2</t>
  </si>
  <si>
    <t>小林__261-2</t>
  </si>
  <si>
    <t>小林__262-2</t>
  </si>
  <si>
    <t>小林__278-3</t>
  </si>
  <si>
    <t>小林__320-2</t>
  </si>
  <si>
    <t>小林__321-2</t>
  </si>
  <si>
    <t>小林__322-2</t>
  </si>
  <si>
    <t>海老江七軒_内細_1423-2</t>
  </si>
  <si>
    <t>小林__323-2</t>
  </si>
  <si>
    <t>小林__350-2</t>
  </si>
  <si>
    <t>小林__351-2</t>
  </si>
  <si>
    <t>小林__351-3</t>
  </si>
  <si>
    <t>小林__357-2</t>
  </si>
  <si>
    <t>海老江七軒_内細_1424-2</t>
  </si>
  <si>
    <t>小林__364-2</t>
  </si>
  <si>
    <t>港町__685-2</t>
  </si>
  <si>
    <t>海老江七軒_内細_1425-2</t>
  </si>
  <si>
    <t>小林__374-2</t>
  </si>
  <si>
    <t>小林__375-2</t>
  </si>
  <si>
    <t>小林__377-3</t>
  </si>
  <si>
    <t>海老江七軒_内細_1426-2</t>
  </si>
  <si>
    <t>小林__382-3</t>
  </si>
  <si>
    <t>小林__391-3</t>
  </si>
  <si>
    <t>小林__411-2</t>
  </si>
  <si>
    <t>小林__444-2</t>
  </si>
  <si>
    <t>小林__449-2</t>
  </si>
  <si>
    <t>小林__479-3</t>
  </si>
  <si>
    <t>小林__480-3</t>
  </si>
  <si>
    <t>小林__484-2</t>
  </si>
  <si>
    <t>小林__485-2</t>
  </si>
  <si>
    <t>小林__487-2</t>
  </si>
  <si>
    <t>海老江七軒_内細_1428-2</t>
  </si>
  <si>
    <t>小林__492-1</t>
  </si>
  <si>
    <t>小林__494-1</t>
  </si>
  <si>
    <t>小林__494-9</t>
  </si>
  <si>
    <t>小林__495-1</t>
  </si>
  <si>
    <t>小林__495-8</t>
  </si>
  <si>
    <t>小林__495-9</t>
  </si>
  <si>
    <t>小林__505-3</t>
  </si>
  <si>
    <t>小林__505-6</t>
  </si>
  <si>
    <t>小林__508-2</t>
  </si>
  <si>
    <t>小林__509-3</t>
  </si>
  <si>
    <t>海老江七軒_内細_1429-2</t>
  </si>
  <si>
    <t>小林__512-3</t>
  </si>
  <si>
    <t>小林__513-3</t>
  </si>
  <si>
    <t>小林__531-2</t>
  </si>
  <si>
    <t>小林__532-2</t>
  </si>
  <si>
    <t>小林__533-2</t>
  </si>
  <si>
    <t>小林__535-2</t>
  </si>
  <si>
    <t>小林__536-2</t>
  </si>
  <si>
    <t>小林__537-2</t>
  </si>
  <si>
    <t>小林__540-2</t>
  </si>
  <si>
    <t>小林__541-2</t>
  </si>
  <si>
    <t>海老江七軒_内細_1430-3</t>
  </si>
  <si>
    <t>小林__542-2</t>
  </si>
  <si>
    <t>小林__543-2</t>
  </si>
  <si>
    <t>小林__544-2</t>
  </si>
  <si>
    <t>小林__545-2</t>
  </si>
  <si>
    <t>小林__546-2</t>
  </si>
  <si>
    <t>八塚__1111</t>
  </si>
  <si>
    <t>八塚__1151</t>
  </si>
  <si>
    <t>八塚__1172</t>
  </si>
  <si>
    <t>八塚__1174-2</t>
  </si>
  <si>
    <t>八塚__1175-2</t>
  </si>
  <si>
    <t>海老江七軒_内細_1438-4</t>
  </si>
  <si>
    <t>八塚__1200</t>
  </si>
  <si>
    <t>八塚__1201</t>
  </si>
  <si>
    <t>八塚__1221</t>
  </si>
  <si>
    <t>八塚__1223</t>
  </si>
  <si>
    <t>八塚__1238</t>
  </si>
  <si>
    <t>八塚__1239</t>
  </si>
  <si>
    <t>八塚_土田_19-19</t>
  </si>
  <si>
    <t>八塚_土田_23-32</t>
  </si>
  <si>
    <t>八塚_土田_23-50</t>
  </si>
  <si>
    <t>八塚_土田_23-1</t>
  </si>
  <si>
    <t>海老江七軒_内細_1439-1</t>
  </si>
  <si>
    <t>八塚_土田_34-14</t>
  </si>
  <si>
    <t>八塚_土田_34-32</t>
  </si>
  <si>
    <t>八塚_土田_34-2</t>
  </si>
  <si>
    <t>八塚_土田_34-3</t>
  </si>
  <si>
    <t>八塚_土田_40-13</t>
  </si>
  <si>
    <t>八塚_土田_40-3</t>
  </si>
  <si>
    <t>八塚_土田_40-4</t>
  </si>
  <si>
    <t>八塚_土田_40-5</t>
  </si>
  <si>
    <t>八塚_土田_91-14</t>
  </si>
  <si>
    <t>八塚_土田_95-16</t>
  </si>
  <si>
    <t>海老江七軒_内細_1440-4</t>
  </si>
  <si>
    <t>八塚_土田_95-34</t>
  </si>
  <si>
    <t>八塚_土田_95-35</t>
  </si>
  <si>
    <t>八塚_土田_104-3</t>
  </si>
  <si>
    <t>八塚_土田_105-3</t>
  </si>
  <si>
    <t>八塚_土田_106-3</t>
  </si>
  <si>
    <t>八塚_土田_107-3</t>
  </si>
  <si>
    <t>八塚_土田_107-7</t>
  </si>
  <si>
    <t>八塚_土田_107-15</t>
  </si>
  <si>
    <t>八塚_土田_133-2</t>
  </si>
  <si>
    <t>八塚_土田_134-2</t>
  </si>
  <si>
    <t>海老江浜開_浜田_168-6</t>
  </si>
  <si>
    <t>八塚_土田_135-3</t>
  </si>
  <si>
    <t>八塚_土田_175-3</t>
  </si>
  <si>
    <t>八塚_土田_176-3</t>
  </si>
  <si>
    <t>八塚_川田_177-5</t>
  </si>
  <si>
    <t>八塚_川田_178-4</t>
  </si>
  <si>
    <t>八塚_川田_179-3</t>
  </si>
  <si>
    <t>八塚_川田_199-1</t>
  </si>
  <si>
    <t>八塚_川田_199-2</t>
  </si>
  <si>
    <t>八塚_川田_199-3</t>
  </si>
  <si>
    <t>八塚_川田_199-4</t>
  </si>
  <si>
    <t>海老江浜開_浜田_192-1</t>
  </si>
  <si>
    <t>八塚_川田_199-5</t>
  </si>
  <si>
    <t>八塚_川田_200-3</t>
  </si>
  <si>
    <t>八塚_川田_201-3</t>
  </si>
  <si>
    <t>八塚_川田_218-2</t>
  </si>
  <si>
    <t>八塚_川田_219-3</t>
  </si>
  <si>
    <t>八塚_川田_220-2</t>
  </si>
  <si>
    <t>八塚_川田_220-3</t>
  </si>
  <si>
    <t>八塚_川田_221-2</t>
  </si>
  <si>
    <t>八塚_川田_221-3</t>
  </si>
  <si>
    <t>八塚_川田_224-2</t>
  </si>
  <si>
    <t>港町__686-2</t>
  </si>
  <si>
    <t>海老江浜開_浜田_192-21</t>
  </si>
  <si>
    <t>八塚_川田_225-4</t>
  </si>
  <si>
    <t>八塚_川田_225-5</t>
  </si>
  <si>
    <t>八塚_川田_225-6</t>
  </si>
  <si>
    <t>八塚_川田_226-2</t>
  </si>
  <si>
    <t>八塚_川田_226-3</t>
  </si>
  <si>
    <t>八塚_川田_226-4</t>
  </si>
  <si>
    <t>八塚_川田_227-2</t>
  </si>
  <si>
    <t>八塚_川田_227-5</t>
  </si>
  <si>
    <t>八塚_川田_228-2</t>
  </si>
  <si>
    <t>八塚_川田_229-2</t>
  </si>
  <si>
    <t>海老江浜開_浜田_192-23</t>
  </si>
  <si>
    <t>八塚_川田_230-2</t>
  </si>
  <si>
    <t>八塚_川田_231-2</t>
  </si>
  <si>
    <t>八塚_川田_232-2</t>
  </si>
  <si>
    <t>八塚_川田_233-2</t>
  </si>
  <si>
    <t>八塚_川田_234-2</t>
  </si>
  <si>
    <t>八塚_川田_235-2</t>
  </si>
  <si>
    <t>八塚_川田_236-2</t>
  </si>
  <si>
    <t>八塚_川田_237-2</t>
  </si>
  <si>
    <t>八塚_川田_237-3</t>
  </si>
  <si>
    <t>八塚_川田_238-2</t>
  </si>
  <si>
    <t>海老江浜開_浜田_192-26</t>
  </si>
  <si>
    <t>八塚_川田_238-3</t>
  </si>
  <si>
    <t>八塚_川田_238-4</t>
  </si>
  <si>
    <t>八塚_川田_239-2</t>
  </si>
  <si>
    <t>八塚_川田_239-3</t>
  </si>
  <si>
    <t>八塚_川田_239-4</t>
  </si>
  <si>
    <t>八塚_川田_240-2</t>
  </si>
  <si>
    <t>八塚_川田_240-3</t>
  </si>
  <si>
    <t>八塚_川田_240-4</t>
  </si>
  <si>
    <t>八塚_川田_241-2</t>
  </si>
  <si>
    <t>八塚_川田_241-3</t>
  </si>
  <si>
    <t>海老江浜開_浜田_192-30</t>
  </si>
  <si>
    <t>八塚_川田_241-4</t>
  </si>
  <si>
    <t>八塚_川田_242-2</t>
  </si>
  <si>
    <t>八塚_川田_242-4</t>
  </si>
  <si>
    <t>八塚_川田_242-5</t>
  </si>
  <si>
    <t>八塚_川田_243-2</t>
  </si>
  <si>
    <t>八塚_川田_243-3</t>
  </si>
  <si>
    <t>八塚_川田_243-5</t>
  </si>
  <si>
    <t>八塚_川田_244-2</t>
  </si>
  <si>
    <t>八塚_川田_244-3</t>
  </si>
  <si>
    <t>八塚_川田_245-2</t>
  </si>
  <si>
    <t>海老江浜開_浜田_192-52</t>
  </si>
  <si>
    <t>八塚_川田_245-3</t>
  </si>
  <si>
    <t>八塚_川田_246-2</t>
  </si>
  <si>
    <t>八塚_川田_247-2</t>
  </si>
  <si>
    <t>八塚_川田_253-2</t>
  </si>
  <si>
    <t>八塚_川田_254-2</t>
  </si>
  <si>
    <t>八塚_川田_258-2</t>
  </si>
  <si>
    <t>八塚_川田_259-2</t>
  </si>
  <si>
    <t>八塚_川田_260-2</t>
  </si>
  <si>
    <t>八塚_川田_261-2</t>
  </si>
  <si>
    <t>八塚_川田_262-4</t>
  </si>
  <si>
    <t>海老江浜開_浜田_192-53</t>
  </si>
  <si>
    <t>八塚_川田_262-5</t>
  </si>
  <si>
    <t>八塚_川田_262-6</t>
  </si>
  <si>
    <t>八塚_川田_263-2</t>
  </si>
  <si>
    <t>八塚_川田_264-2</t>
  </si>
  <si>
    <t>八塚_川田_265-2</t>
  </si>
  <si>
    <t>八塚_川田_265-3</t>
  </si>
  <si>
    <t>八塚_川田_266-2</t>
  </si>
  <si>
    <t>八塚_川田_266-4</t>
  </si>
  <si>
    <t>八塚_川田_266-5</t>
  </si>
  <si>
    <t>八塚_川田_266-6</t>
  </si>
  <si>
    <t>海老江浜開_浜田_192-76</t>
  </si>
  <si>
    <t>八塚_川田_267-2</t>
  </si>
  <si>
    <t>八塚_川田_267-3</t>
  </si>
  <si>
    <t>八塚_川田_268-2</t>
  </si>
  <si>
    <t>八塚_川田_269-2</t>
  </si>
  <si>
    <t>八塚_川田_270-2</t>
  </si>
  <si>
    <t>八塚_川田_282-4</t>
  </si>
  <si>
    <t>八塚_川田_282-5</t>
  </si>
  <si>
    <t>八塚_川田_283-3</t>
  </si>
  <si>
    <t>八塚_川田_284-2</t>
  </si>
  <si>
    <t>八塚_川田_294-1</t>
  </si>
  <si>
    <t>海老江浜開_浜田_192-81</t>
  </si>
  <si>
    <t>八塚_川田_305-2</t>
  </si>
  <si>
    <t>八塚_川田_317-2</t>
  </si>
  <si>
    <t>八塚_川田_318-3</t>
  </si>
  <si>
    <t>八塚_川田_344-1</t>
  </si>
  <si>
    <t>八塚_川田_345-2</t>
  </si>
  <si>
    <t>八塚_川田_353-1</t>
  </si>
  <si>
    <t>八塚_川田_362-1</t>
  </si>
  <si>
    <t>八塚_川田_363-3</t>
  </si>
  <si>
    <t>八塚_川田_363-4</t>
  </si>
  <si>
    <t>八塚_川田_367-2</t>
  </si>
  <si>
    <t>堀岡_地子_231-2</t>
  </si>
  <si>
    <t>八塚_川田_368-2</t>
  </si>
  <si>
    <t>八塚_川田_369-1</t>
  </si>
  <si>
    <t>八塚_川田_398-2</t>
  </si>
  <si>
    <t>八塚_川田_399-3</t>
  </si>
  <si>
    <t>八塚_川田_400-3</t>
  </si>
  <si>
    <t>八塚_川田_401-3</t>
  </si>
  <si>
    <t>八塚_川田_402-3</t>
  </si>
  <si>
    <t>八塚_川田_403-3</t>
  </si>
  <si>
    <t>八塚_川田_403-5</t>
  </si>
  <si>
    <t>八塚_川田_404-4</t>
  </si>
  <si>
    <t>堀岡_地子_250-2</t>
  </si>
  <si>
    <t>八塚_川田_405-3</t>
  </si>
  <si>
    <t>八塚_川田_407-3</t>
  </si>
  <si>
    <t>八塚_川田_408-2</t>
  </si>
  <si>
    <t>八塚_川田_409-2</t>
  </si>
  <si>
    <t>八塚_川田_409-3</t>
  </si>
  <si>
    <t>八塚_川田_410-2</t>
  </si>
  <si>
    <t>八塚_川田_423-2</t>
  </si>
  <si>
    <t>八塚_川田_452-3</t>
  </si>
  <si>
    <t>八塚_川田_453-2</t>
  </si>
  <si>
    <t>八塚_川田_454-2</t>
  </si>
  <si>
    <t>港町__687-2</t>
  </si>
  <si>
    <t>堀岡_地子_277-3</t>
  </si>
  <si>
    <t>八塚_川田_454-4</t>
  </si>
  <si>
    <t>八塚_川田_456-2</t>
  </si>
  <si>
    <t>八塚_川田_458-2</t>
  </si>
  <si>
    <t>八塚_西田_464-2</t>
  </si>
  <si>
    <t>八塚_西田_465-1</t>
  </si>
  <si>
    <t>八塚_西田_465-2</t>
  </si>
  <si>
    <t>八塚_西田_466-2</t>
  </si>
  <si>
    <t>八塚_西田_466-3</t>
  </si>
  <si>
    <t>八塚_西田_466-4</t>
  </si>
  <si>
    <t>八塚_西田_467-3</t>
  </si>
  <si>
    <t>堀岡_西浜_108-44</t>
  </si>
  <si>
    <t>八塚_西田_467-4</t>
  </si>
  <si>
    <t>八塚_西田_467-5</t>
  </si>
  <si>
    <t>八塚_西田_467-6</t>
  </si>
  <si>
    <t>八塚_西田_475-2</t>
  </si>
  <si>
    <t>八塚_西田_476-3</t>
  </si>
  <si>
    <t>八塚_西田_477-2</t>
  </si>
  <si>
    <t>八塚_西田_480-2</t>
  </si>
  <si>
    <t>八塚_西田_481-2</t>
  </si>
  <si>
    <t>八塚_西田_482-5</t>
  </si>
  <si>
    <t>八塚_西田_482-6</t>
  </si>
  <si>
    <t>堀岡_引地_346-1</t>
  </si>
  <si>
    <t>八塚_西田_482-7</t>
  </si>
  <si>
    <t>八塚_西田_482-9</t>
  </si>
  <si>
    <t>八塚_西田_483-4</t>
  </si>
  <si>
    <t>八塚_西田_485-1</t>
  </si>
  <si>
    <t>八塚_西田_485-8</t>
  </si>
  <si>
    <t>八塚_西田_485-9</t>
  </si>
  <si>
    <t>八塚_西田_485-10</t>
  </si>
  <si>
    <t>八塚_西田_485-15</t>
  </si>
  <si>
    <t>八塚_西田_486-4</t>
  </si>
  <si>
    <t>八塚_西田_486-5</t>
  </si>
  <si>
    <t>堀岡_引地_346-3</t>
  </si>
  <si>
    <t>八塚_西田_486-6</t>
  </si>
  <si>
    <t>八塚_西田_487-4</t>
  </si>
  <si>
    <t>八塚_西田_488-3</t>
  </si>
  <si>
    <t>八塚_西田_488-4</t>
  </si>
  <si>
    <t>八塚_西田_488-7</t>
  </si>
  <si>
    <t>八塚_西田_492-2</t>
  </si>
  <si>
    <t>八塚_西田_494-4</t>
  </si>
  <si>
    <t>八塚_西田_495-4</t>
  </si>
  <si>
    <t>八塚_西田_600-4</t>
  </si>
  <si>
    <t>八塚_西田_601-4</t>
  </si>
  <si>
    <t>堀岡_引地_346-4</t>
  </si>
  <si>
    <t>八塚_西田_601-8</t>
  </si>
  <si>
    <t>八塚_西田_602-4</t>
  </si>
  <si>
    <t>八塚_西田_603-4</t>
  </si>
  <si>
    <t>八塚_西田_604-1</t>
  </si>
  <si>
    <t>八塚_西田_604-4</t>
  </si>
  <si>
    <t>八塚_西田_605-6</t>
  </si>
  <si>
    <t>八塚_西田_605-8</t>
  </si>
  <si>
    <t>八塚_西田_606-1</t>
  </si>
  <si>
    <t>八塚_西田_1024-5</t>
  </si>
  <si>
    <t>八塚_西田_1024-6</t>
  </si>
  <si>
    <t>堀岡_引地_347-1</t>
  </si>
  <si>
    <t>八塚_西田_1024-7</t>
  </si>
  <si>
    <t>八塚_西田_1030-1</t>
  </si>
  <si>
    <t>八塚_西田_1031</t>
  </si>
  <si>
    <t>八塚_西田_1032-3</t>
  </si>
  <si>
    <t>八塚_西田_1032-4</t>
  </si>
  <si>
    <t>八塚_西田_1033-1</t>
  </si>
  <si>
    <t>八塚_西田_1033-2</t>
  </si>
  <si>
    <t>小島__14-1</t>
  </si>
  <si>
    <t>小島__21-2</t>
  </si>
  <si>
    <t>小島__21-7</t>
  </si>
  <si>
    <t>堀岡_川開向坪_348-3</t>
  </si>
  <si>
    <t>小島__27-5</t>
  </si>
  <si>
    <t>小島__27-6</t>
  </si>
  <si>
    <t>小島__27-7</t>
  </si>
  <si>
    <t>小島__27-8</t>
  </si>
  <si>
    <t>小島__52-2</t>
  </si>
  <si>
    <t>小島__53-3</t>
  </si>
  <si>
    <t>小島__53-4</t>
  </si>
  <si>
    <t>小島__91-2</t>
  </si>
  <si>
    <t>小島__100-2</t>
  </si>
  <si>
    <t>小島__102-2</t>
  </si>
  <si>
    <t>堀岡_頭無_435-2</t>
  </si>
  <si>
    <t>小島__103-2</t>
  </si>
  <si>
    <t>小島__104-2</t>
  </si>
  <si>
    <t>小島__159-2</t>
  </si>
  <si>
    <t>小島__159-3</t>
  </si>
  <si>
    <t>小島__160-3</t>
  </si>
  <si>
    <t>小島__163-2</t>
  </si>
  <si>
    <t>小島__164-3</t>
  </si>
  <si>
    <t>小島__319-3</t>
  </si>
  <si>
    <t>小島__322-2</t>
  </si>
  <si>
    <t>小島__323-2</t>
  </si>
  <si>
    <t>堀岡新明神_竹内_17-21</t>
  </si>
  <si>
    <t>小島__350-2</t>
  </si>
  <si>
    <t>小島__351-1</t>
  </si>
  <si>
    <t>小島__351-2</t>
  </si>
  <si>
    <t>小島__381-2</t>
  </si>
  <si>
    <t>小島__382-2</t>
  </si>
  <si>
    <t>小島__382-8</t>
  </si>
  <si>
    <t>小島__382-13</t>
  </si>
  <si>
    <t>小島__382-20</t>
  </si>
  <si>
    <t>小島__408-2</t>
  </si>
  <si>
    <t>小島__409-2</t>
  </si>
  <si>
    <t>堀岡新明神_竹内_21-2</t>
  </si>
  <si>
    <t>小島__421-2</t>
  </si>
  <si>
    <t>小島__421-4</t>
  </si>
  <si>
    <t>小島__422-2</t>
  </si>
  <si>
    <t>小島__457-3</t>
  </si>
  <si>
    <t>小島__458-2</t>
  </si>
  <si>
    <t>小島__500-1</t>
  </si>
  <si>
    <t>小島__501-2</t>
  </si>
  <si>
    <t>小島__501-4</t>
  </si>
  <si>
    <t>小島__501-5</t>
  </si>
  <si>
    <t>小島__501-6</t>
  </si>
  <si>
    <t>港町__688-2</t>
  </si>
  <si>
    <t>堀岡新明神_竹内_22-2</t>
  </si>
  <si>
    <t>小島__502-3</t>
  </si>
  <si>
    <t>小島__509-1</t>
  </si>
  <si>
    <t>小島__511-13</t>
  </si>
  <si>
    <t>小島__511-14</t>
  </si>
  <si>
    <t>小島__525-14</t>
  </si>
  <si>
    <t>小島__537-1</t>
  </si>
  <si>
    <t>小島__537-23</t>
  </si>
  <si>
    <t>小島__537-25</t>
  </si>
  <si>
    <t>小島__542-1</t>
  </si>
  <si>
    <t>小島__542-4</t>
  </si>
  <si>
    <t>堀岡新明神_竹内_30</t>
  </si>
  <si>
    <t>小島__542-6</t>
  </si>
  <si>
    <t>小島__543-1</t>
  </si>
  <si>
    <t>小島__545-1</t>
  </si>
  <si>
    <t>小島__547-1</t>
  </si>
  <si>
    <t>小島__551-2</t>
  </si>
  <si>
    <t>小島__554-2</t>
  </si>
  <si>
    <t>小島__555-2</t>
  </si>
  <si>
    <t>小島__556-3</t>
  </si>
  <si>
    <t>小島__557-3</t>
  </si>
  <si>
    <t>小島__561-2</t>
  </si>
  <si>
    <t>堀岡新明神_海岸_134</t>
  </si>
  <si>
    <t>小島__568-3</t>
  </si>
  <si>
    <t>小島__580-19</t>
  </si>
  <si>
    <t>小島__581-22</t>
  </si>
  <si>
    <t>小島__607-2</t>
  </si>
  <si>
    <t>小島__607-3</t>
  </si>
  <si>
    <t>小島__607-9</t>
  </si>
  <si>
    <t>小島__608-2</t>
  </si>
  <si>
    <t>小島__608-7</t>
  </si>
  <si>
    <t>小島__608-8</t>
  </si>
  <si>
    <t>小島__608-9</t>
  </si>
  <si>
    <t>堀岡新明神_海岸_139-2</t>
  </si>
  <si>
    <t>小島__608-10</t>
  </si>
  <si>
    <t>小島__611-4</t>
  </si>
  <si>
    <t>小島__614-1</t>
  </si>
  <si>
    <t>小島__618-1</t>
  </si>
  <si>
    <t>小島__636-3</t>
  </si>
  <si>
    <t>小島__637-3</t>
  </si>
  <si>
    <t>小島__642-4</t>
  </si>
  <si>
    <t>小島__659</t>
  </si>
  <si>
    <t>小島__666-2</t>
  </si>
  <si>
    <t>堀岡新明神_高畠_169-3</t>
  </si>
  <si>
    <t>小島__667-2</t>
  </si>
  <si>
    <t>小島__668-3</t>
  </si>
  <si>
    <t>小島__669-2</t>
  </si>
  <si>
    <t>小島__672-2</t>
  </si>
  <si>
    <t>小島__675-4</t>
  </si>
  <si>
    <t>小島__704-3</t>
  </si>
  <si>
    <t>小島__716-3</t>
  </si>
  <si>
    <t>小島__726-4</t>
  </si>
  <si>
    <t>小島__737-3</t>
  </si>
  <si>
    <t>小島__738-2</t>
  </si>
  <si>
    <t>堀岡新明神_高畠_170-2</t>
  </si>
  <si>
    <t>小島__743-3</t>
  </si>
  <si>
    <t>小島__743-4</t>
  </si>
  <si>
    <t>小島__744-3</t>
  </si>
  <si>
    <t>小島__773-2</t>
  </si>
  <si>
    <t>小島__798-2</t>
  </si>
  <si>
    <t>小島__819-2</t>
  </si>
  <si>
    <t>小島__850-2</t>
  </si>
  <si>
    <t>小島__851-3</t>
  </si>
  <si>
    <t>小島__858-3</t>
  </si>
  <si>
    <t>小島__874-2</t>
  </si>
  <si>
    <t>堀岡新明神_西浜_177-2</t>
  </si>
  <si>
    <t>小島__878-3</t>
  </si>
  <si>
    <t>小島__882-2</t>
  </si>
  <si>
    <t>小島__925-2</t>
  </si>
  <si>
    <t>小島__925-3</t>
  </si>
  <si>
    <t>小島__927-2</t>
  </si>
  <si>
    <t>小島__929-3</t>
  </si>
  <si>
    <t>小島__930-3</t>
  </si>
  <si>
    <t>小島__936-2</t>
  </si>
  <si>
    <t>小島__1006-2</t>
  </si>
  <si>
    <t>小島__1009-2</t>
  </si>
  <si>
    <t>堀岡新明神_西浜_177-13</t>
  </si>
  <si>
    <t>小島__1010-2</t>
  </si>
  <si>
    <t>小島__1011-2</t>
  </si>
  <si>
    <t>小島__1012-2</t>
  </si>
  <si>
    <t>小島__1013-2</t>
  </si>
  <si>
    <t>小島__1014-5</t>
  </si>
  <si>
    <t>小島__1014-6</t>
  </si>
  <si>
    <t>小島__1014-7</t>
  </si>
  <si>
    <t>小島__1014-8</t>
  </si>
  <si>
    <t>小島__1019-2</t>
  </si>
  <si>
    <t>小島__1022-2</t>
  </si>
  <si>
    <t>堀岡新明神_西浜_177-14</t>
  </si>
  <si>
    <t>小島__1025-2</t>
  </si>
  <si>
    <t>小島__1026-2</t>
  </si>
  <si>
    <t>小島__1027-2</t>
  </si>
  <si>
    <t>小島__1027-4</t>
  </si>
  <si>
    <t>小島__1042-2</t>
  </si>
  <si>
    <t>小島__1050-2</t>
  </si>
  <si>
    <t>小島__1071-2</t>
  </si>
  <si>
    <t>小島__1110-3</t>
  </si>
  <si>
    <t>小島__1111-2</t>
  </si>
  <si>
    <t>小島__1151-3</t>
  </si>
  <si>
    <t>堀岡新明神_西浜_177-15</t>
  </si>
  <si>
    <t>小島__1151-4</t>
  </si>
  <si>
    <t>小島__1172-4</t>
  </si>
  <si>
    <t>小島__1198-4</t>
  </si>
  <si>
    <t>小島__1216-2</t>
  </si>
  <si>
    <t>小島__1216-3</t>
  </si>
  <si>
    <t>小島__1224-2</t>
  </si>
  <si>
    <t>小島__1225-2</t>
  </si>
  <si>
    <t>小島__1226-3</t>
  </si>
  <si>
    <t>小島__1226-4</t>
  </si>
  <si>
    <t>小島__1230</t>
  </si>
  <si>
    <t>港町__689-2</t>
  </si>
  <si>
    <t>堀岡新明神_西浜_179-2</t>
  </si>
  <si>
    <t>小島__1231-2</t>
  </si>
  <si>
    <t>小島__1232-2</t>
  </si>
  <si>
    <t>小島__1233-2</t>
  </si>
  <si>
    <t>小島__1234-2</t>
  </si>
  <si>
    <t>小島__1237-3</t>
  </si>
  <si>
    <t>小島__1238-2</t>
  </si>
  <si>
    <t>小島__1239-1</t>
  </si>
  <si>
    <t>小島__1242-2</t>
  </si>
  <si>
    <t>小島__1243-2</t>
  </si>
  <si>
    <t>小島__1245-3</t>
  </si>
  <si>
    <t>堀岡新明神_西浜_180-2</t>
  </si>
  <si>
    <t>小島__1246-2</t>
  </si>
  <si>
    <t>小島__1268-4</t>
  </si>
  <si>
    <t>小島__1269-4</t>
  </si>
  <si>
    <t>小島__1274-5</t>
  </si>
  <si>
    <t>小島__1277-1</t>
  </si>
  <si>
    <t>小島__1278-1</t>
  </si>
  <si>
    <t>小島__1279-1</t>
  </si>
  <si>
    <t>小島__1280-3</t>
  </si>
  <si>
    <t>小島__1281-2</t>
  </si>
  <si>
    <t>小島__1283-3</t>
  </si>
  <si>
    <t>堀岡新明神_西浜_180-3</t>
  </si>
  <si>
    <t>小島__1284-1</t>
  </si>
  <si>
    <t>小島__3674-4</t>
  </si>
  <si>
    <t>小島__3724-2</t>
  </si>
  <si>
    <t>小島__3725-2</t>
  </si>
  <si>
    <t>小島__3726-2</t>
  </si>
  <si>
    <t>小島__3748-1</t>
  </si>
  <si>
    <t>小島__3748-2</t>
  </si>
  <si>
    <t>小島__3748-5</t>
  </si>
  <si>
    <t>小島__4001</t>
  </si>
  <si>
    <t>小島__4014</t>
  </si>
  <si>
    <t>堀岡新明神_西浜_180-4</t>
  </si>
  <si>
    <t>小島__4019</t>
  </si>
  <si>
    <t>小島__4034</t>
  </si>
  <si>
    <t>小島_上リ立_2340-2</t>
  </si>
  <si>
    <t>小島_上リ立_2341-4</t>
  </si>
  <si>
    <t>小島_上リ立_2342-2</t>
  </si>
  <si>
    <t>小島_上リ立_2342-3</t>
  </si>
  <si>
    <t>小島_上リ立_2344-2</t>
  </si>
  <si>
    <t>小島_上リ立_2354-4</t>
  </si>
  <si>
    <t>小島_馬渡_2812-2</t>
  </si>
  <si>
    <t>小島_馬渡_2822-4</t>
  </si>
  <si>
    <t>堀岡新明神_西浜_180-5</t>
  </si>
  <si>
    <t>小島_馬渡_2831-2</t>
  </si>
  <si>
    <t>小島_馬渡_2833-2</t>
  </si>
  <si>
    <t>小島_馬渡_2834-2</t>
  </si>
  <si>
    <t>小島_川田_2947-4</t>
  </si>
  <si>
    <t>小島_川田_2955-5</t>
  </si>
  <si>
    <t>小島_川田_2960-4</t>
  </si>
  <si>
    <t>小島_川田_2961-3</t>
  </si>
  <si>
    <t>小島_川田_2965-2</t>
  </si>
  <si>
    <t>小島_川田_2973-2</t>
  </si>
  <si>
    <t>小島_川田_3039-4</t>
  </si>
  <si>
    <t>堀岡新明神_西浜_180-6</t>
  </si>
  <si>
    <t>小島_川田_3040-3</t>
  </si>
  <si>
    <t>小島_川田_3041-2</t>
  </si>
  <si>
    <t>小島_川田_3042-2</t>
  </si>
  <si>
    <t>小島_川田_3043-2</t>
  </si>
  <si>
    <t>小島_川田_3044-2</t>
  </si>
  <si>
    <t>小島_川田_3056-2</t>
  </si>
  <si>
    <t>小島_川田_3099-2</t>
  </si>
  <si>
    <t>小島_川田_3102-3</t>
  </si>
  <si>
    <t>小島_川田_3104-2</t>
  </si>
  <si>
    <t>小島_川田_3116-3</t>
  </si>
  <si>
    <t>堀岡新明神_西浜_180-7</t>
  </si>
  <si>
    <t>小島_川田_3119-3</t>
  </si>
  <si>
    <t>小島_川田_3121-2</t>
  </si>
  <si>
    <t>小島_川田_3122-3</t>
  </si>
  <si>
    <t>小島_川田_3125-2</t>
  </si>
  <si>
    <t>小島_川田_3126-3</t>
  </si>
  <si>
    <t>小島_川田_3126-5</t>
  </si>
  <si>
    <t>小島_川田_3131-2</t>
  </si>
  <si>
    <t>小島_川田_3132-3</t>
  </si>
  <si>
    <t>小島_川田_3132-4</t>
  </si>
  <si>
    <t>小島_川田_3133-3</t>
  </si>
  <si>
    <t>堀岡新明神_西浜_180-8</t>
  </si>
  <si>
    <t>小島_川田_3165-2</t>
  </si>
  <si>
    <t>小島_川田_3167-3</t>
  </si>
  <si>
    <t>小島_川田_3169-2</t>
  </si>
  <si>
    <t>小島_川田_3316-3</t>
  </si>
  <si>
    <t>小島_川田_3330-2</t>
  </si>
  <si>
    <t>小島_川田_3356-2</t>
  </si>
  <si>
    <t>小島_川田_3358-2</t>
  </si>
  <si>
    <t>小島_川田_3360-3</t>
  </si>
  <si>
    <t>小島_川田_3361-3</t>
  </si>
  <si>
    <t>小島_川田_3362-2</t>
  </si>
  <si>
    <t>堀岡新明神_西浜_180-28</t>
  </si>
  <si>
    <t>小島_川田_3367-3</t>
  </si>
  <si>
    <t>小島_川田_3370-2</t>
  </si>
  <si>
    <t>小島_川田_3394-6</t>
  </si>
  <si>
    <t>小島_中田_3420-1</t>
  </si>
  <si>
    <t>小島_中田_3420-2</t>
  </si>
  <si>
    <t>小島_中田_3420-4</t>
  </si>
  <si>
    <t>小島_中田_3429-6</t>
  </si>
  <si>
    <t>中野__464</t>
  </si>
  <si>
    <t>中野__465</t>
  </si>
  <si>
    <t>中野_野宮_545-2</t>
  </si>
  <si>
    <t>堀岡新明神_西浜_181-2</t>
  </si>
  <si>
    <t>中野_野宮_548-2</t>
  </si>
  <si>
    <t>中野_野宮_548-3</t>
  </si>
  <si>
    <t>中野_野宮_549-2</t>
  </si>
  <si>
    <t>中野_野宮_549-3</t>
  </si>
  <si>
    <t>中野_野宮_552-3</t>
  </si>
  <si>
    <t>中野_野宮_618-2</t>
  </si>
  <si>
    <t>中野_野宮_637-2</t>
  </si>
  <si>
    <t>中野_野宮_637-3</t>
  </si>
  <si>
    <t>中野_野宮_638-2</t>
  </si>
  <si>
    <t>中野_野宮_638-3</t>
  </si>
  <si>
    <t>庄西町一丁目__733-6</t>
  </si>
  <si>
    <t>港町__690-2</t>
  </si>
  <si>
    <t>堀岡新明神_西浜_182-2</t>
  </si>
  <si>
    <t>中野_野宮_1089-2</t>
  </si>
  <si>
    <t>中野_前田_646-2</t>
  </si>
  <si>
    <t>中野_前田_647-2</t>
  </si>
  <si>
    <t>中野_前田_663-9</t>
  </si>
  <si>
    <t>中野_前田_670-2</t>
  </si>
  <si>
    <t>中野_前田_671-2</t>
  </si>
  <si>
    <t>中野_前田_672-2</t>
  </si>
  <si>
    <t>中野_前田_672-3</t>
  </si>
  <si>
    <t>中野_前田_685-2</t>
  </si>
  <si>
    <t>中野_前田_691-2</t>
  </si>
  <si>
    <t>堀岡新明神_西浜_183-2</t>
  </si>
  <si>
    <t>中野_前田_691-3</t>
  </si>
  <si>
    <t>中野_前田_692-2</t>
  </si>
  <si>
    <t>中野_前田_693-2</t>
  </si>
  <si>
    <t>中野_前田_714-2</t>
  </si>
  <si>
    <t>中野_前田_715-2</t>
  </si>
  <si>
    <t>中野_前田_1251-2</t>
  </si>
  <si>
    <t>中野_前田_1251-3</t>
  </si>
  <si>
    <t>中野_前田_1251-4</t>
  </si>
  <si>
    <t>中野_前田_1251-5</t>
  </si>
  <si>
    <t>中野_前田_1251-9</t>
  </si>
  <si>
    <t>堀岡新明神_西浜_184-2</t>
  </si>
  <si>
    <t>中野_前田_1251-28</t>
  </si>
  <si>
    <t>中野_前田_1350-11</t>
  </si>
  <si>
    <t>中野_前田_1394-2</t>
  </si>
  <si>
    <t>中野_池田_765-2</t>
  </si>
  <si>
    <t>中野_池田_766-2</t>
  </si>
  <si>
    <t>中野_池田_767-2</t>
  </si>
  <si>
    <t>中野_池田_768-2</t>
  </si>
  <si>
    <t>中野_池田_769-2</t>
  </si>
  <si>
    <t>中野_池田_789-2</t>
  </si>
  <si>
    <t>中野_池田_791-2</t>
  </si>
  <si>
    <t>堀岡新明神_西浜_185-2</t>
  </si>
  <si>
    <t>中野_池田_792-2</t>
  </si>
  <si>
    <t>中野_池田_793-2</t>
  </si>
  <si>
    <t>中野_池田_794-2</t>
  </si>
  <si>
    <t>中野_池田_795-2</t>
  </si>
  <si>
    <t>中野_池田_796-2</t>
  </si>
  <si>
    <t>中野_池田_797-2</t>
  </si>
  <si>
    <t>中野_出口_829-1</t>
  </si>
  <si>
    <t>中野_出口_829-10</t>
  </si>
  <si>
    <t>中野_田_284-2</t>
  </si>
  <si>
    <t>中野_田_285-2</t>
  </si>
  <si>
    <t>堀岡新明神_西浜_186-7</t>
  </si>
  <si>
    <t>中野_田_286-2</t>
  </si>
  <si>
    <t>中野_田_287-2</t>
  </si>
  <si>
    <t>中野_田_288-2</t>
  </si>
  <si>
    <t>中野_田_362-3</t>
  </si>
  <si>
    <t>中野_田_385-2/2</t>
  </si>
  <si>
    <t>中野_田_386-2</t>
  </si>
  <si>
    <t>中野_田_388-3</t>
  </si>
  <si>
    <t>中野_田_389-2</t>
  </si>
  <si>
    <t>中野_田_392-2</t>
  </si>
  <si>
    <t>中野_田_423-2</t>
  </si>
  <si>
    <t>堀岡新明神_西浜_187-2</t>
  </si>
  <si>
    <t>中野_田_424-3</t>
  </si>
  <si>
    <t>中野_田_425-2</t>
  </si>
  <si>
    <t>中野_田_452-2</t>
  </si>
  <si>
    <t>中野_田_454-2</t>
  </si>
  <si>
    <t>中野_田_476-2</t>
  </si>
  <si>
    <t>中野_田_477-2</t>
  </si>
  <si>
    <t>中野_田_478</t>
  </si>
  <si>
    <t>中野_田_479</t>
  </si>
  <si>
    <t>中野_田_480</t>
  </si>
  <si>
    <t>中野_田_513-2</t>
  </si>
  <si>
    <t>堀岡新明神_西浜_187-15</t>
  </si>
  <si>
    <t>中野_田_513-3</t>
  </si>
  <si>
    <t>中野_田_514-2</t>
  </si>
  <si>
    <t>中野_田_515-2</t>
  </si>
  <si>
    <t>中野_田_520-2</t>
  </si>
  <si>
    <t>中野_田_521-2</t>
  </si>
  <si>
    <t>中野_田_530-3</t>
  </si>
  <si>
    <t>中野_田_530-5</t>
  </si>
  <si>
    <t>中野_田_531-3</t>
  </si>
  <si>
    <t>中野_田_532-3</t>
  </si>
  <si>
    <t>中野_田_533-3</t>
  </si>
  <si>
    <t>堀岡新明神_西浜_188-2</t>
  </si>
  <si>
    <t>中野_田_534-3</t>
  </si>
  <si>
    <t>中野_田_535-4</t>
  </si>
  <si>
    <t>中野_田_536-4</t>
  </si>
  <si>
    <t>中野_田_537-2</t>
  </si>
  <si>
    <t>中野_矢竹_1682-4</t>
  </si>
  <si>
    <t>若杉__101-2</t>
  </si>
  <si>
    <t>若杉__102-2</t>
  </si>
  <si>
    <t>若杉__103-2</t>
  </si>
  <si>
    <t>若杉__127-1</t>
  </si>
  <si>
    <t>若杉__132-1</t>
  </si>
  <si>
    <t>堀岡新明神_西浜_189-2</t>
  </si>
  <si>
    <t>若杉__132-19</t>
  </si>
  <si>
    <t>若杉__143-4</t>
  </si>
  <si>
    <t>若杉__215-1</t>
  </si>
  <si>
    <t>若杉__276-1</t>
  </si>
  <si>
    <t>若杉__277-1</t>
  </si>
  <si>
    <t>若杉__327</t>
  </si>
  <si>
    <t>若杉__330</t>
  </si>
  <si>
    <t>若杉__342</t>
  </si>
  <si>
    <t>若杉__488</t>
  </si>
  <si>
    <t>若杉__494</t>
  </si>
  <si>
    <t>堀岡新明神_西浜_190-2</t>
  </si>
  <si>
    <t>若杉__499</t>
  </si>
  <si>
    <t>若杉__513</t>
  </si>
  <si>
    <t>若杉__514</t>
  </si>
  <si>
    <t>若杉_前田_281-2</t>
  </si>
  <si>
    <t>若杉_前田_281-31</t>
  </si>
  <si>
    <t>若杉_前田_281-32</t>
  </si>
  <si>
    <t>若杉_前田_281-33</t>
  </si>
  <si>
    <t>若杉_前田_281-35</t>
  </si>
  <si>
    <t>北野_西円_1236-9</t>
  </si>
  <si>
    <t>北野_西円_1259-4</t>
  </si>
  <si>
    <t>港町__691-4</t>
  </si>
  <si>
    <t>堀岡新明神_西浜_191</t>
  </si>
  <si>
    <t>北野_西円_1260-2</t>
  </si>
  <si>
    <t>北野_西円_1261-2</t>
  </si>
  <si>
    <t>北野_西円_1262-2</t>
  </si>
  <si>
    <t>北野_西円_1264-7</t>
  </si>
  <si>
    <t>北野_西円_1270-3</t>
  </si>
  <si>
    <t>北野_西円_1295-2</t>
  </si>
  <si>
    <t>北野_西円_1389-2</t>
  </si>
  <si>
    <t>北野_西円_1390-3</t>
  </si>
  <si>
    <t>北野_西円_1394-4</t>
  </si>
  <si>
    <t>北野_西円_1395-7</t>
  </si>
  <si>
    <t>堀岡新明神_西浜_191-4</t>
  </si>
  <si>
    <t>北野_南野_1621-3</t>
  </si>
  <si>
    <t>北野_南野_1624-3</t>
  </si>
  <si>
    <t>北野_南野_1624-4</t>
  </si>
  <si>
    <t>北野_南野_1626-4</t>
  </si>
  <si>
    <t>北野_南野_1626-6</t>
  </si>
  <si>
    <t>北野_南野_1643-1</t>
  </si>
  <si>
    <t>北野_南野_1663-1</t>
  </si>
  <si>
    <t>北野_南野_1663-10</t>
  </si>
  <si>
    <t>北野_南野_1669-2</t>
  </si>
  <si>
    <t>北野_南野_1670-2</t>
  </si>
  <si>
    <t>堀岡古明神_野寺_22-1</t>
  </si>
  <si>
    <t>北野_南野_1695-2</t>
  </si>
  <si>
    <t>北野_大島_1405-2</t>
  </si>
  <si>
    <t>北野_大島_1432-3</t>
  </si>
  <si>
    <t>北野_大島_1436-1</t>
  </si>
  <si>
    <t>北野_大島_1437-1</t>
  </si>
  <si>
    <t>北野_大島_1438-2</t>
  </si>
  <si>
    <t>北野_大島_1439-2</t>
  </si>
  <si>
    <t>北野_大島_1441-3</t>
  </si>
  <si>
    <t>北野_大島_1443-3</t>
  </si>
  <si>
    <t>北野_大島_1444-3</t>
  </si>
  <si>
    <t>堀岡古明神_鷹泊_90-2</t>
  </si>
  <si>
    <t>北野_大島_1444-7</t>
  </si>
  <si>
    <t>北野_大島_1445-3</t>
  </si>
  <si>
    <t>北野_大島_1446-6</t>
  </si>
  <si>
    <t>北野_大島_1453-3</t>
  </si>
  <si>
    <t>北野_大島_1453-4</t>
  </si>
  <si>
    <t>北野_大島_1454-3</t>
  </si>
  <si>
    <t>北野_大島_1454-4</t>
  </si>
  <si>
    <t>北野_大島_1456-2</t>
  </si>
  <si>
    <t>北野_大島_1479-4</t>
  </si>
  <si>
    <t>北野_大島_1527-3</t>
  </si>
  <si>
    <t>堀岡古明神_浜田_109-1</t>
  </si>
  <si>
    <t>北野_大島_1527-9</t>
  </si>
  <si>
    <t>北野_大島_1528-3</t>
  </si>
  <si>
    <t>北野_大島_1530-2</t>
  </si>
  <si>
    <t>北野_大島_1531-2</t>
  </si>
  <si>
    <t>北野_大島_1535-4</t>
  </si>
  <si>
    <t>北野_大島_1584-6</t>
  </si>
  <si>
    <t>北野_大島_1586-2</t>
  </si>
  <si>
    <t>北野_八切_1553-2</t>
  </si>
  <si>
    <t>北野_八切_1555-2</t>
  </si>
  <si>
    <t>北野_八切_1555-11</t>
  </si>
  <si>
    <t>堀岡古明神_浜田_110-1</t>
  </si>
  <si>
    <t>北野_八切_1558-1</t>
  </si>
  <si>
    <t>北野_八切_1558-2</t>
  </si>
  <si>
    <t>北野_八切_1558-24</t>
  </si>
  <si>
    <t>北野_八切_1558-40</t>
  </si>
  <si>
    <t>北野_八切_1558-43</t>
  </si>
  <si>
    <t>北野_八切_1558-45</t>
  </si>
  <si>
    <t>北野_八切_1558-47</t>
  </si>
  <si>
    <t>北野_八切_1558-48</t>
  </si>
  <si>
    <t>北野_八切_1558-49</t>
  </si>
  <si>
    <t>北野_八切_1558-50</t>
  </si>
  <si>
    <t>堀岡古明神_浜田_111</t>
  </si>
  <si>
    <t>北野_八切_1582-1</t>
  </si>
  <si>
    <t>北野_八切_1583-4</t>
  </si>
  <si>
    <t>北野_八切_1605-1</t>
  </si>
  <si>
    <t>北野_八切_1605-7</t>
  </si>
  <si>
    <t>北野_八切_1608-2</t>
  </si>
  <si>
    <t>北野_八切_1608-3</t>
  </si>
  <si>
    <t>島_野田_2120-2</t>
  </si>
  <si>
    <t>島_野田_2122-2</t>
  </si>
  <si>
    <t>二口_早稲田_1553-1</t>
  </si>
  <si>
    <t>二口_早稲田_1553-4</t>
  </si>
  <si>
    <t>堀岡古明神_浜田_121-3</t>
  </si>
  <si>
    <t>二口_早稲田_1587-4</t>
  </si>
  <si>
    <t>二口_早稲田_1588-4</t>
  </si>
  <si>
    <t>二口_早稲田_1589-4</t>
  </si>
  <si>
    <t>二口_早稲田_1590-4</t>
  </si>
  <si>
    <t>二口_早稲田_1591-4</t>
  </si>
  <si>
    <t>二口_早稲田_1593-1</t>
  </si>
  <si>
    <t>二口_早稲田_1593-2</t>
  </si>
  <si>
    <t>二口_早稲田_1595-9</t>
  </si>
  <si>
    <t>二口_早稲田_1599-2</t>
  </si>
  <si>
    <t>二口_早稲田_1600-2</t>
  </si>
  <si>
    <t>堀岡古明神_浜田_125-2</t>
  </si>
  <si>
    <t>二口_早稲田_1607-2</t>
  </si>
  <si>
    <t>二口_早稲田_1631-2</t>
  </si>
  <si>
    <t>大島北野__49-16</t>
  </si>
  <si>
    <t>大島北野__51-1</t>
  </si>
  <si>
    <t>大島北野__52-20</t>
  </si>
  <si>
    <t>大島北野__52-1</t>
  </si>
  <si>
    <t>大島北野__68-25</t>
  </si>
  <si>
    <t>大島北野__68-26</t>
  </si>
  <si>
    <t>大島北野__68-1</t>
  </si>
  <si>
    <t>大島北野__126-2</t>
  </si>
  <si>
    <t>堀岡古明神_浜田_137-2</t>
  </si>
  <si>
    <t>大島北野__127-3</t>
  </si>
  <si>
    <t>大島北野__199-2</t>
  </si>
  <si>
    <t>大島北野__248-1</t>
  </si>
  <si>
    <t>大島北野__248-18</t>
  </si>
  <si>
    <t>大島北野__323</t>
  </si>
  <si>
    <t>大島北野__325-1</t>
  </si>
  <si>
    <t>大島北野__326</t>
  </si>
  <si>
    <t>大島北野__428-1</t>
  </si>
  <si>
    <t>大島北野__429-1</t>
  </si>
  <si>
    <t>大島北野__1706</t>
  </si>
  <si>
    <t>港町__691-5</t>
  </si>
  <si>
    <t>堀岡古明神_浜田_137-28</t>
  </si>
  <si>
    <t>大島北野__1712</t>
  </si>
  <si>
    <t>大島北野__1713</t>
  </si>
  <si>
    <t>戸破_後宝_1481-1</t>
  </si>
  <si>
    <t>戸破_後宝_1481-9</t>
  </si>
  <si>
    <t>戸破_後宝_1481-10</t>
  </si>
  <si>
    <t>戸破_後宝_1481-11</t>
  </si>
  <si>
    <t>堀岡古明神_海岸_191-2</t>
  </si>
  <si>
    <t>戸破_後宝_1510-2</t>
  </si>
  <si>
    <t>二口_油免_2394-3</t>
  </si>
  <si>
    <t>生源寺_一里塚_546-6</t>
  </si>
  <si>
    <t>串田_村中_4823-8</t>
  </si>
  <si>
    <t>串田_村中_4823-9</t>
  </si>
  <si>
    <t>串田_村中_4884-5</t>
  </si>
  <si>
    <t>串田_村中_4884-6</t>
  </si>
  <si>
    <t>堀岡古明神_海岸_192-4</t>
  </si>
  <si>
    <t>串田_村中_4889-6</t>
  </si>
  <si>
    <t>串田_村中_4889-7</t>
  </si>
  <si>
    <t>串田_村中_4889-8</t>
  </si>
  <si>
    <t>串田_村中_4889-9</t>
  </si>
  <si>
    <t>手崎_石太郎_600-5</t>
  </si>
  <si>
    <t>手崎_石太郎_600-4</t>
  </si>
  <si>
    <t>手崎_石太郎_965-3</t>
  </si>
  <si>
    <t>手崎_石太郎_965-4</t>
  </si>
  <si>
    <t>戸破_後宝_1179-1</t>
  </si>
  <si>
    <t>戸破_後宝_1179-5</t>
  </si>
  <si>
    <t>堀岡古明神_村下_218-2</t>
  </si>
  <si>
    <t>黒河新_長尾_4926-1</t>
  </si>
  <si>
    <t>黒河新_長尾_4926-21</t>
  </si>
  <si>
    <t>橋下条__650-9</t>
  </si>
  <si>
    <t>橋下条__650-14</t>
  </si>
  <si>
    <t>黒河新_表野_111-3</t>
  </si>
  <si>
    <t>黒河新_表野_111-4</t>
  </si>
  <si>
    <t>戸破_神川_2488-5</t>
  </si>
  <si>
    <t>戸破_神川_2501-7</t>
  </si>
  <si>
    <t>戸破_神川_2501-8</t>
  </si>
  <si>
    <t>手崎_前田_222-1</t>
  </si>
  <si>
    <t>堀岡古明神_村下_219-2</t>
  </si>
  <si>
    <t>手崎_前田_231-1</t>
  </si>
  <si>
    <t>手崎_前田_238-1</t>
  </si>
  <si>
    <t>戸破_若宮_2772-5</t>
  </si>
  <si>
    <t>三ケ_中原_3664-7</t>
  </si>
  <si>
    <t>太閤山１丁目__109</t>
  </si>
  <si>
    <t>二口_油免_2394-14</t>
  </si>
  <si>
    <t>二口_南野割_2394-19</t>
  </si>
  <si>
    <t>上野__1003</t>
  </si>
  <si>
    <t>堀岡古明神_村下_223-2</t>
  </si>
  <si>
    <t>上野__1004</t>
  </si>
  <si>
    <t>上野__1006</t>
  </si>
  <si>
    <t>上野__1010</t>
  </si>
  <si>
    <t>上野__1011</t>
  </si>
  <si>
    <t>戸破_神川_3890-5</t>
  </si>
  <si>
    <t>殿村__232-2</t>
  </si>
  <si>
    <t>北高木__674-8</t>
  </si>
  <si>
    <t>堀岡古明神_村下_224-2</t>
  </si>
  <si>
    <t>北高木__674-9</t>
  </si>
  <si>
    <t>北高木__674-10</t>
  </si>
  <si>
    <t>棚田__432-5</t>
  </si>
  <si>
    <t>棚田__437-7</t>
  </si>
  <si>
    <t>棚田__491-6</t>
  </si>
  <si>
    <t>土合__653-11</t>
  </si>
  <si>
    <t>土合__1057-6</t>
  </si>
  <si>
    <t>中村__71-5</t>
  </si>
  <si>
    <t>二口_中石田_204-7</t>
  </si>
  <si>
    <t>安吉_昭和_258-11</t>
  </si>
  <si>
    <t>堀岡古明神_村下_225-2</t>
  </si>
  <si>
    <t>北高木__656-2</t>
  </si>
  <si>
    <t>北高木__662-5</t>
  </si>
  <si>
    <t>北高木__664-3</t>
  </si>
  <si>
    <t>北高木__664-4</t>
  </si>
  <si>
    <t>北高木__672-4</t>
  </si>
  <si>
    <t>北高木__674-5</t>
  </si>
  <si>
    <t>高木__246-5</t>
  </si>
  <si>
    <t>新開発__12-4</t>
  </si>
  <si>
    <t>新開発__24-4</t>
  </si>
  <si>
    <t>新開発__23-5</t>
  </si>
  <si>
    <t>堀岡古明神_村下_245-2</t>
  </si>
  <si>
    <t>新開発__29-4</t>
  </si>
  <si>
    <t>新開発__25-4</t>
  </si>
  <si>
    <t>新開発__26-4</t>
  </si>
  <si>
    <t>新開発__27-4</t>
  </si>
  <si>
    <t>新開発__28-4</t>
  </si>
  <si>
    <t>新開発__31-4</t>
  </si>
  <si>
    <t>新開発__30-4</t>
  </si>
  <si>
    <t>新開発__32-4</t>
  </si>
  <si>
    <t>新開発__33-4</t>
  </si>
  <si>
    <t>殿村__232-1</t>
  </si>
  <si>
    <t>堀岡古明神_村下_248-3</t>
  </si>
  <si>
    <t>殿村__232-27</t>
  </si>
  <si>
    <t>土合__3037</t>
  </si>
  <si>
    <t>土合__3004</t>
  </si>
  <si>
    <t>土合__3011</t>
  </si>
  <si>
    <t>土合__3014</t>
  </si>
  <si>
    <t>土合__3016</t>
  </si>
  <si>
    <t>土合__3020</t>
  </si>
  <si>
    <t>土合__3035</t>
  </si>
  <si>
    <t>土合__3044</t>
  </si>
  <si>
    <t>土合__3056</t>
  </si>
  <si>
    <t>港町__691-6</t>
  </si>
  <si>
    <t>堀岡古明神_村下_258-2</t>
  </si>
  <si>
    <t>土合__3060</t>
  </si>
  <si>
    <t>土合__3064</t>
  </si>
  <si>
    <t>土合__3065</t>
  </si>
  <si>
    <t>土合__3072</t>
  </si>
  <si>
    <t>土合__3080</t>
  </si>
  <si>
    <t>土合__3085</t>
  </si>
  <si>
    <t>土合__3092</t>
  </si>
  <si>
    <t>土合__3097</t>
  </si>
  <si>
    <t>土合__3099</t>
  </si>
  <si>
    <t>土合__3001</t>
  </si>
  <si>
    <t>堀岡古明神_村下_260-2</t>
  </si>
  <si>
    <t>土合__3002</t>
  </si>
  <si>
    <t>土合__3003</t>
  </si>
  <si>
    <t>土合__3005</t>
  </si>
  <si>
    <t>土合__3006</t>
  </si>
  <si>
    <t>土合__3007</t>
  </si>
  <si>
    <t>土合__3008</t>
  </si>
  <si>
    <t>土合__3009</t>
  </si>
  <si>
    <t>土合__3010</t>
  </si>
  <si>
    <t>土合__3012</t>
  </si>
  <si>
    <t>土合__3013</t>
  </si>
  <si>
    <t>堀岡古明神_村下_265-2</t>
  </si>
  <si>
    <t>土合__3015</t>
  </si>
  <si>
    <t>土合__3017</t>
  </si>
  <si>
    <t>土合__3018</t>
  </si>
  <si>
    <t>土合__3019</t>
  </si>
  <si>
    <t>土合__3021</t>
  </si>
  <si>
    <t>土合__3022</t>
  </si>
  <si>
    <t>土合__3023</t>
  </si>
  <si>
    <t>土合__3024</t>
  </si>
  <si>
    <t>土合__3025</t>
  </si>
  <si>
    <t>土合__3026</t>
  </si>
  <si>
    <t>堀岡古明神_村下_317-5</t>
  </si>
  <si>
    <t>土合__3027</t>
  </si>
  <si>
    <t>土合__3028</t>
  </si>
  <si>
    <t>土合__3029</t>
  </si>
  <si>
    <t>土合__3030</t>
  </si>
  <si>
    <t>土合__3031</t>
  </si>
  <si>
    <t>土合__3032</t>
  </si>
  <si>
    <t>土合__3034</t>
  </si>
  <si>
    <t>土合__3036</t>
  </si>
  <si>
    <t>土合__3038</t>
  </si>
  <si>
    <t>土合__3039</t>
  </si>
  <si>
    <t>堀岡古明神_村下_325-6</t>
  </si>
  <si>
    <t>土合__3042</t>
  </si>
  <si>
    <t>土合__3043</t>
  </si>
  <si>
    <t>土合__3045</t>
  </si>
  <si>
    <t>土合__3046</t>
  </si>
  <si>
    <t>土合__3049</t>
  </si>
  <si>
    <t>土合__3054</t>
  </si>
  <si>
    <t>土合__3055</t>
  </si>
  <si>
    <t>土合__3057</t>
  </si>
  <si>
    <t>土合__3058</t>
  </si>
  <si>
    <t>土合__3059</t>
  </si>
  <si>
    <t>堀岡古明神_村下_325-7</t>
  </si>
  <si>
    <t>土合__3061</t>
  </si>
  <si>
    <t>土合__3062</t>
  </si>
  <si>
    <t>土合__3063</t>
  </si>
  <si>
    <t>土合__3067</t>
  </si>
  <si>
    <t>土合__3068</t>
  </si>
  <si>
    <t>土合__3069</t>
  </si>
  <si>
    <t>土合__3070</t>
  </si>
  <si>
    <t>土合__3073</t>
  </si>
  <si>
    <t>土合__3074</t>
  </si>
  <si>
    <t>土合__3076</t>
  </si>
  <si>
    <t>堀岡古明神_村下_325-8</t>
  </si>
  <si>
    <t>土合__3077</t>
  </si>
  <si>
    <t>土合__3078</t>
  </si>
  <si>
    <t>土合__3081</t>
  </si>
  <si>
    <t>土合__3082</t>
  </si>
  <si>
    <t>土合__3083</t>
  </si>
  <si>
    <t>土合__3084</t>
  </si>
  <si>
    <t>土合__3086</t>
  </si>
  <si>
    <t>土合__3087</t>
  </si>
  <si>
    <t>土合__3088</t>
  </si>
  <si>
    <t>土合__3089</t>
  </si>
  <si>
    <t>堀岡古明神_村下_325-9</t>
  </si>
  <si>
    <t>土合__3091</t>
  </si>
  <si>
    <t>土合__3093</t>
  </si>
  <si>
    <t>土合__3094</t>
  </si>
  <si>
    <t>土合__3095</t>
  </si>
  <si>
    <t>土合__3096</t>
  </si>
  <si>
    <t>土合__3098</t>
  </si>
  <si>
    <t>堀岡古明神_村下_325-10</t>
  </si>
  <si>
    <t>上条__1051</t>
  </si>
  <si>
    <t>上条__1052</t>
  </si>
  <si>
    <t>上条__1053</t>
  </si>
  <si>
    <t>庄西町一丁目__607-4</t>
  </si>
  <si>
    <t>川口宮袋入会地_川口_795</t>
  </si>
  <si>
    <t>堀岡古明神_村下_326-5</t>
  </si>
  <si>
    <t>橋下条__367-2</t>
  </si>
  <si>
    <t>橋下条__377-2</t>
  </si>
  <si>
    <t>今井__112-2</t>
  </si>
  <si>
    <t>黒河_尺目_1539-2</t>
  </si>
  <si>
    <t>戸破_若宮_3226-1</t>
  </si>
  <si>
    <t>戸破_若宮_3226-9</t>
  </si>
  <si>
    <t>港町__697-2</t>
  </si>
  <si>
    <t>堀岡古明神_村下_328-5</t>
  </si>
  <si>
    <t>入会地_水蔵場_144-4</t>
  </si>
  <si>
    <t>入会地_水蔵場_144-13</t>
  </si>
  <si>
    <t>大江__424-2</t>
  </si>
  <si>
    <t>大江__424-6</t>
  </si>
  <si>
    <t>大江__160-6</t>
  </si>
  <si>
    <t>大江__424-5</t>
  </si>
  <si>
    <t>大江__478-4</t>
  </si>
  <si>
    <t>堀岡古明神_村下_329-5</t>
  </si>
  <si>
    <t>大江__480-4</t>
  </si>
  <si>
    <t>三ケ__433-6</t>
  </si>
  <si>
    <t>三ケ__599-7</t>
  </si>
  <si>
    <t>三ケ__599-8</t>
  </si>
  <si>
    <t>三ケ__641-7</t>
  </si>
  <si>
    <t>三ケ__641-8</t>
  </si>
  <si>
    <t>三ケ__647-7</t>
  </si>
  <si>
    <t>三ケ__689-5</t>
  </si>
  <si>
    <t>三ケ__689-6</t>
  </si>
  <si>
    <t>三ケ__692-6</t>
  </si>
  <si>
    <t>堀岡古明神_村下_330-5</t>
  </si>
  <si>
    <t>大江__1-4</t>
  </si>
  <si>
    <t>大江__1-5</t>
  </si>
  <si>
    <t>大江__21-3</t>
  </si>
  <si>
    <t>大江__22-7</t>
  </si>
  <si>
    <t>大江__34-6</t>
  </si>
  <si>
    <t>大江__61-5</t>
  </si>
  <si>
    <t>大江__115-3</t>
  </si>
  <si>
    <t>大江__151-10</t>
  </si>
  <si>
    <t>大江__160-5</t>
  </si>
  <si>
    <t>大江__168-7</t>
  </si>
  <si>
    <t>堀岡古明神_村下_330-6</t>
  </si>
  <si>
    <t>大江__168-8</t>
  </si>
  <si>
    <t>大江__366-7</t>
  </si>
  <si>
    <t>大江__424-4</t>
  </si>
  <si>
    <t>大江__425-4</t>
  </si>
  <si>
    <t>大江__439-7</t>
  </si>
  <si>
    <t>大江__478-3</t>
  </si>
  <si>
    <t>大江__480-3</t>
  </si>
  <si>
    <t>大江__502-6</t>
  </si>
  <si>
    <t>小杉白石__833-5</t>
  </si>
  <si>
    <t>三ケ__358-5</t>
  </si>
  <si>
    <t>堀岡古明神_村下_330-7</t>
  </si>
  <si>
    <t>三ケ__359-5</t>
  </si>
  <si>
    <t>三ケ__394-5</t>
  </si>
  <si>
    <t>三ケ__403-5</t>
  </si>
  <si>
    <t>三ケ__447-5</t>
  </si>
  <si>
    <t>三ケ__469-5</t>
  </si>
  <si>
    <t>三ケ__469-6</t>
  </si>
  <si>
    <t>三ケ__470-4</t>
  </si>
  <si>
    <t>三ケ__599-6</t>
  </si>
  <si>
    <t>三ケ__647-8</t>
  </si>
  <si>
    <t>三ケ__689-7</t>
  </si>
  <si>
    <t>堀岡古明神_村下_338-4</t>
  </si>
  <si>
    <t>三ケ__689-8</t>
  </si>
  <si>
    <t>三ケ__697-2</t>
  </si>
  <si>
    <t>三ケ_茶ノ木_96-4</t>
  </si>
  <si>
    <t>三ケ_茶ノ木_217-7</t>
  </si>
  <si>
    <t>戸破_神田_4521-4</t>
  </si>
  <si>
    <t>戸破_神田_4533-10</t>
  </si>
  <si>
    <t>戸破_神田_4552-10</t>
  </si>
  <si>
    <t>戸破_神田_4594-6</t>
  </si>
  <si>
    <t>戸破_神田_4599-6</t>
  </si>
  <si>
    <t>戸破_神田_4599-7</t>
  </si>
  <si>
    <t>堀岡古明神_村下_339-3</t>
  </si>
  <si>
    <t>戸破_神田_4599-8</t>
  </si>
  <si>
    <t>戸破_神田_4726-5</t>
  </si>
  <si>
    <t>戸破_神田_4730-6</t>
  </si>
  <si>
    <t>戸破_神田_4731-11</t>
  </si>
  <si>
    <t>鷲塚__904-4</t>
  </si>
  <si>
    <t>三ケ__2705-4</t>
  </si>
  <si>
    <t>黒河_尺目_2702-1</t>
  </si>
  <si>
    <t>黒河_尺目_2702-17</t>
  </si>
  <si>
    <t>黒河_尺目_2702-22</t>
  </si>
  <si>
    <t>黒河_尺目_2702-32</t>
  </si>
  <si>
    <t>堀岡明神新_西ノ開_11-6</t>
  </si>
  <si>
    <t>黒河_尺目_2702-33</t>
  </si>
  <si>
    <t>今開発__80-4</t>
  </si>
  <si>
    <t>今開発__258-6</t>
  </si>
  <si>
    <t>今開発__270-7</t>
  </si>
  <si>
    <t>今開発__281-10</t>
  </si>
  <si>
    <t>今開発__296-3</t>
  </si>
  <si>
    <t>今開発__425-6</t>
  </si>
  <si>
    <t>今開発__469-7</t>
  </si>
  <si>
    <t>今開発__470-5</t>
  </si>
  <si>
    <t>今開発__495-6</t>
  </si>
  <si>
    <t>堀岡明神新_西ノ開_27-1</t>
  </si>
  <si>
    <t>今開発__496-6</t>
  </si>
  <si>
    <t>本開発__1203-25</t>
  </si>
  <si>
    <t>本開発__1259-24</t>
  </si>
  <si>
    <t>本開発_代官免_125-8</t>
  </si>
  <si>
    <t>本開発_代官免_471-7</t>
  </si>
  <si>
    <t>本開発_前田_589-6</t>
  </si>
  <si>
    <t>本開発_前田_604-6</t>
  </si>
  <si>
    <t>本開発_前田_615-4</t>
  </si>
  <si>
    <t>今開発__258-5</t>
  </si>
  <si>
    <t>今開発__270-5</t>
  </si>
  <si>
    <t>堀岡明神新_西ノ開_48-5</t>
  </si>
  <si>
    <t>今開発__270-6</t>
  </si>
  <si>
    <t>今開発__276-2</t>
  </si>
  <si>
    <t>今開発__281-7</t>
  </si>
  <si>
    <t>今開発__281-8</t>
  </si>
  <si>
    <t>今開発__281-9</t>
  </si>
  <si>
    <t>今開発__425-7</t>
  </si>
  <si>
    <t>今開発__440-3</t>
  </si>
  <si>
    <t>今開発__469-4</t>
  </si>
  <si>
    <t>今開発__469-5</t>
  </si>
  <si>
    <t>今開発__469-6</t>
  </si>
  <si>
    <t>港町__700</t>
  </si>
  <si>
    <t>堀岡明神新_茂三郎坪_87-20</t>
  </si>
  <si>
    <t>今開発__470-4</t>
  </si>
  <si>
    <t>今開発__496-5</t>
  </si>
  <si>
    <t>新開発__748-8</t>
  </si>
  <si>
    <t>新開発__750-7</t>
  </si>
  <si>
    <t>新開発__803-6</t>
  </si>
  <si>
    <t>新開発__804-7</t>
  </si>
  <si>
    <t>新開発__856-6</t>
  </si>
  <si>
    <t>新開発__858-8</t>
  </si>
  <si>
    <t>本開発__1203-24</t>
  </si>
  <si>
    <t>本開発_石田_947-4</t>
  </si>
  <si>
    <t>堀岡明神新_茂三郎坪_87-33</t>
  </si>
  <si>
    <t>本開発_石田_948-6</t>
  </si>
  <si>
    <t>本開発_石田_948-7</t>
  </si>
  <si>
    <t>本開発_石田_962-5</t>
  </si>
  <si>
    <t>本開発_下ノ田_1182-3</t>
  </si>
  <si>
    <t>本開発_代官免_24-10</t>
  </si>
  <si>
    <t>本開発_代官免_185-7</t>
  </si>
  <si>
    <t>本開発_代官免_189-18</t>
  </si>
  <si>
    <t>本開発_代官免_602-5</t>
  </si>
  <si>
    <t>本開発__1203-14</t>
  </si>
  <si>
    <t>堀岡明神新_茂三郎坪_87-34</t>
  </si>
  <si>
    <t>本開発__1259-3</t>
  </si>
  <si>
    <t>土合__685-5</t>
  </si>
  <si>
    <t>二口_轟_1219-9</t>
  </si>
  <si>
    <t>棚田__370-3</t>
  </si>
  <si>
    <t>棚田__441-3</t>
  </si>
  <si>
    <t>土合__551-4</t>
  </si>
  <si>
    <t>土合__902-3</t>
  </si>
  <si>
    <t>土合__902-4</t>
  </si>
  <si>
    <t>土合__903-7</t>
  </si>
  <si>
    <t>堀岡明神新_茂三郎坪_90-1</t>
  </si>
  <si>
    <t>土合__904-4</t>
  </si>
  <si>
    <t>土合__904-5</t>
  </si>
  <si>
    <t>土合__922-3</t>
  </si>
  <si>
    <t>土合__923-6</t>
  </si>
  <si>
    <t>土合__961-4</t>
  </si>
  <si>
    <t>土合__961-5</t>
  </si>
  <si>
    <t>土合__1060-4</t>
  </si>
  <si>
    <t>土合__1061-3</t>
  </si>
  <si>
    <t>中村__152-4</t>
  </si>
  <si>
    <t>中村__152-5</t>
  </si>
  <si>
    <t>堀岡明神新_茂三郎坪_91-1</t>
  </si>
  <si>
    <t>中村__170-2</t>
  </si>
  <si>
    <t>中村__171-3</t>
  </si>
  <si>
    <t>中村__172-5</t>
  </si>
  <si>
    <t>二口_轟_1219-8</t>
  </si>
  <si>
    <t>二口_轟_1219-5</t>
  </si>
  <si>
    <t>二口_轟_1234-17</t>
  </si>
  <si>
    <t>安吉_明治_23-2</t>
  </si>
  <si>
    <t>射水町一丁目__10-16</t>
  </si>
  <si>
    <t>安吉_明治_26-4</t>
  </si>
  <si>
    <t>黒河_尺目_2702-37</t>
  </si>
  <si>
    <t>黒河_尺目_2702-53</t>
  </si>
  <si>
    <t>戸破_後宝_1510-1</t>
  </si>
  <si>
    <t>戸破_後宝_1511-2</t>
  </si>
  <si>
    <t>戸破_後宝_1511-3</t>
  </si>
  <si>
    <t>戸破_後宝_1511-4</t>
  </si>
  <si>
    <t>海老江_東町_44-2</t>
  </si>
  <si>
    <t>海老江_東町_46-2</t>
  </si>
  <si>
    <t>射水町一丁目__50-3</t>
  </si>
  <si>
    <t>海老江_東町_92-2</t>
  </si>
  <si>
    <t>海老江_東町_100-2</t>
  </si>
  <si>
    <t>海老江_東町_103-2</t>
  </si>
  <si>
    <t>海老江_西町_229-2</t>
  </si>
  <si>
    <t>海老江_西町_286-3</t>
  </si>
  <si>
    <t>海老江_西町_347-2</t>
  </si>
  <si>
    <t>海老江_小坪_1093-3</t>
  </si>
  <si>
    <t>海老江_小坪_1093-4</t>
  </si>
  <si>
    <t>海老江_小坪_1094-3</t>
  </si>
  <si>
    <t>海老江_小坪_1094-4</t>
  </si>
  <si>
    <t>射水町一丁目__50-4</t>
  </si>
  <si>
    <t>海老江_小坪_1095-2</t>
  </si>
  <si>
    <t>海老江_小坪_1095-3</t>
  </si>
  <si>
    <t>海老江_小坪_1097-2</t>
  </si>
  <si>
    <t>海老江_小坪_1097-3</t>
  </si>
  <si>
    <t>海老江_小坪_1098-4</t>
  </si>
  <si>
    <t>海老江_小坪_1098-5</t>
  </si>
  <si>
    <t>海老江_小坪_1098-6</t>
  </si>
  <si>
    <t>海老江_小坪_1214-3</t>
  </si>
  <si>
    <t>海老江_小坪_1214-4</t>
  </si>
  <si>
    <t>海老江_小坪_1224-2</t>
  </si>
  <si>
    <t>射水町二丁目__50-2</t>
  </si>
  <si>
    <t>海老江七軒_東官_1349-2</t>
  </si>
  <si>
    <t>海老江七軒_東官_1350-2</t>
  </si>
  <si>
    <t>海老江七軒_東官_1352-2</t>
  </si>
  <si>
    <t>海老江七軒_東官_1353-2</t>
  </si>
  <si>
    <t>海老江七軒_東官_1354-2</t>
  </si>
  <si>
    <t>海老江七軒_東官_1356-2</t>
  </si>
  <si>
    <t>海老江浜開_次割_112-2</t>
  </si>
  <si>
    <t>海老江浜開_次割_113-2</t>
  </si>
  <si>
    <t>海老江浜開_次割_114-2</t>
  </si>
  <si>
    <t>海老江浜開_次割_123-3</t>
  </si>
  <si>
    <t>射水町二丁目__50-3</t>
  </si>
  <si>
    <t>堀岡_地子_276-2</t>
  </si>
  <si>
    <t>堀岡_地子_277-1</t>
  </si>
  <si>
    <t>堀岡_引地_309-4</t>
  </si>
  <si>
    <t>堀岡_引地_338-1</t>
  </si>
  <si>
    <t>堀岡_引地_342-5</t>
  </si>
  <si>
    <t>堀岡新明神_竹内_1-14</t>
  </si>
  <si>
    <t>堀岡新明神_竹内_17-6</t>
  </si>
  <si>
    <t>堀岡新明神_竹内_17-13</t>
  </si>
  <si>
    <t>堀岡新明神_竹内_31-2</t>
  </si>
  <si>
    <t>堀岡新明神_村中_125-2</t>
  </si>
  <si>
    <t>港町__701-2</t>
  </si>
  <si>
    <t>射水町二丁目__50-4</t>
  </si>
  <si>
    <t>堀岡古明神_村下_243-2</t>
  </si>
  <si>
    <t>堀岡古明神_村下_248-2</t>
  </si>
  <si>
    <t>堀岡古明神_村下_249</t>
  </si>
  <si>
    <t>堀岡古明神_村下_326-3</t>
  </si>
  <si>
    <t>堀岡古明神_村下_326-4</t>
  </si>
  <si>
    <t>堀岡古明神_村下_328-3</t>
  </si>
  <si>
    <t>堀岡古明神_村下_328-4</t>
  </si>
  <si>
    <t>堀岡古明神_村下_329-3</t>
  </si>
  <si>
    <t>堀岡古明神_村下_329-4</t>
  </si>
  <si>
    <t>堀岡古明神_村下_330-3</t>
  </si>
  <si>
    <t>射水町二丁目__50-5</t>
  </si>
  <si>
    <t>堀岡古明神_村下_330-4</t>
  </si>
  <si>
    <t>堀岡古明神_村下_331-3</t>
  </si>
  <si>
    <t>堀岡古明神_村下_331-4</t>
  </si>
  <si>
    <t>堀岡古明神_村下_333-3</t>
  </si>
  <si>
    <t>堀岡古明神_村下_333-4</t>
  </si>
  <si>
    <t>堀岡古明神_村下_334-3</t>
  </si>
  <si>
    <t>堀岡古明神_村下_334-4</t>
  </si>
  <si>
    <t>堀岡古明神_村下_335-4</t>
  </si>
  <si>
    <t>堀岡古明神_村下_335-6</t>
  </si>
  <si>
    <t>堀岡古明神_村下_335-7</t>
  </si>
  <si>
    <t>草岡町一丁目__50-2</t>
  </si>
  <si>
    <t>堀岡古明神_村下_335-8</t>
  </si>
  <si>
    <t>堀岡古明神_村下_336-13</t>
  </si>
  <si>
    <t>堀岡古明神_村下_336-14</t>
  </si>
  <si>
    <t>本江_本散_1805-2</t>
  </si>
  <si>
    <t>本江_本散_1806</t>
  </si>
  <si>
    <t>本江_本散_1807</t>
  </si>
  <si>
    <t>本江_村中_1864-2</t>
  </si>
  <si>
    <t>本江針山新_北割_85-3</t>
  </si>
  <si>
    <t>本江三箇_潟開_15-2</t>
  </si>
  <si>
    <t>本江三箇_潟開_19-2</t>
  </si>
  <si>
    <t>草岡町一丁目__50-3</t>
  </si>
  <si>
    <t>本江三箇_潟開_20-2</t>
  </si>
  <si>
    <t>本江三箇_潟開_21-2</t>
  </si>
  <si>
    <t>作道_苗代_2018-2</t>
  </si>
  <si>
    <t>墓地</t>
  </si>
  <si>
    <t>作道_上野田_1819-2</t>
  </si>
  <si>
    <t>戸破_神川_2921-2</t>
  </si>
  <si>
    <t>戸破_神川_3900</t>
  </si>
  <si>
    <t>青井谷_干田_1803</t>
  </si>
  <si>
    <t>池沼</t>
  </si>
  <si>
    <t>青井谷_干田_1905</t>
  </si>
  <si>
    <t>稲積_小立_1717-3</t>
  </si>
  <si>
    <t>稲積_小立_1733-2</t>
  </si>
  <si>
    <t>草岡町一丁目__50-4</t>
  </si>
  <si>
    <t>稲積_小立_1736-2</t>
  </si>
  <si>
    <t>稲積_小立_1783-3</t>
  </si>
  <si>
    <t>稲積_小立_1786-2</t>
  </si>
  <si>
    <t>稲積_小立_1800-3</t>
  </si>
  <si>
    <t>稲積_小立_1801-2</t>
  </si>
  <si>
    <t>稲積_小立_1805-2</t>
  </si>
  <si>
    <t>稲積_小立_1807-3</t>
  </si>
  <si>
    <t>稲積_小立_1808-2</t>
  </si>
  <si>
    <t>堀岡_引地_279-2</t>
  </si>
  <si>
    <t>堀岡新明神_竹内_3-6</t>
  </si>
  <si>
    <t>草岡町一丁目__50-5</t>
  </si>
  <si>
    <t>堀岡新明神_大川_34-2</t>
  </si>
  <si>
    <t>堀岡新明神_大川_45-2</t>
  </si>
  <si>
    <t>堀岡古明神_村下_314-2</t>
  </si>
  <si>
    <t>戸破_四反田_969-2</t>
  </si>
  <si>
    <t>戸破_神田_4507-4</t>
  </si>
  <si>
    <t>戸破_加茂_1871-10</t>
  </si>
  <si>
    <t>塚越__1352-2</t>
  </si>
  <si>
    <t>塚越__1353-2</t>
  </si>
  <si>
    <t>串田_村中_4908-4</t>
  </si>
  <si>
    <t>若林__242-2</t>
  </si>
  <si>
    <t>草岡町一丁目__50-6</t>
  </si>
  <si>
    <t>若林__242-4</t>
  </si>
  <si>
    <t>若林__243-2</t>
  </si>
  <si>
    <t>若林__242-3</t>
  </si>
  <si>
    <t>若林__242-5</t>
  </si>
  <si>
    <t>若林__243-1</t>
  </si>
  <si>
    <t>若林__294</t>
  </si>
  <si>
    <t>七美__710-2</t>
  </si>
  <si>
    <t>黒河新_表野_132-3</t>
  </si>
  <si>
    <t>黒河新_表野_132-4</t>
  </si>
  <si>
    <t>草岡町一丁目__50-7</t>
  </si>
  <si>
    <t>黒河新_表野_133-5</t>
  </si>
  <si>
    <t>戸破_加茂_1928-3</t>
  </si>
  <si>
    <t>放生津町__3004</t>
  </si>
  <si>
    <t>放生津町__3009</t>
  </si>
  <si>
    <t>放生津町__3012</t>
  </si>
  <si>
    <t>広上__2000-26</t>
  </si>
  <si>
    <t>草岡町二丁目__50-3</t>
  </si>
  <si>
    <t>今井__166-2</t>
  </si>
  <si>
    <t>今井__167-3</t>
  </si>
  <si>
    <t>今井__169-3</t>
  </si>
  <si>
    <t>今井__115-2</t>
  </si>
  <si>
    <t>今井__122-2</t>
  </si>
  <si>
    <t>今井__123-2</t>
  </si>
  <si>
    <t>今井__124-3</t>
  </si>
  <si>
    <t>今井__130-2</t>
  </si>
  <si>
    <t>今井__131-2</t>
  </si>
  <si>
    <t>草岡町二丁目__50-4</t>
  </si>
  <si>
    <t>今井__132-2</t>
  </si>
  <si>
    <t>今井__133-2</t>
  </si>
  <si>
    <t>今井__134-2</t>
  </si>
  <si>
    <t>今井__134-3</t>
  </si>
  <si>
    <t>今井__135-2</t>
  </si>
  <si>
    <t>鏡宮__343-8</t>
  </si>
  <si>
    <t>鏡宮__344-3</t>
  </si>
  <si>
    <t>黒河新_表野_131-5</t>
  </si>
  <si>
    <t>黒河新_表野_132-6</t>
  </si>
  <si>
    <t>黒河新_表野_133-7</t>
  </si>
  <si>
    <t>港町__702-2</t>
  </si>
  <si>
    <t>草岡町二丁目__50-5</t>
  </si>
  <si>
    <t>橋下条__1042-3</t>
  </si>
  <si>
    <t>橋下条__1043-4</t>
  </si>
  <si>
    <t>戸破_神明_670-4</t>
  </si>
  <si>
    <t>黒河新_表野_138-4</t>
  </si>
  <si>
    <t>三ケ_中原_3757-6</t>
  </si>
  <si>
    <t>三ケ中吉原3757-6</t>
  </si>
  <si>
    <t>NA</t>
  </si>
  <si>
    <t>戸破_神田_3984-2</t>
  </si>
  <si>
    <t>鷲塚__870-3</t>
  </si>
  <si>
    <t>鷲塚__871-3</t>
  </si>
  <si>
    <t>草岡町二丁目__50-6</t>
  </si>
  <si>
    <t>鷲塚__888-3</t>
  </si>
  <si>
    <t>鷲塚__889-2</t>
  </si>
  <si>
    <t>鷲塚__915-2</t>
  </si>
  <si>
    <t>二口_早稲田_1592-2</t>
  </si>
  <si>
    <t>二口_早稲田_1592-3</t>
  </si>
  <si>
    <t>二口_早稲田_1597-3</t>
  </si>
  <si>
    <t>二口_早稲田_1587-1</t>
  </si>
  <si>
    <t>二口_早稲田_1588-1</t>
  </si>
  <si>
    <t>二口_早稲田_1589-1</t>
  </si>
  <si>
    <t>二口_早稲田_1590-1</t>
  </si>
  <si>
    <t>道路敷</t>
  </si>
  <si>
    <t>草岡町二丁目__50-7</t>
  </si>
  <si>
    <t>二口_早稲田_1591-1</t>
  </si>
  <si>
    <t>小島_馬渡_2819-1</t>
  </si>
  <si>
    <t>八塚_西田_494-1</t>
  </si>
  <si>
    <t>八塚_西田_495-1</t>
  </si>
  <si>
    <t>加茂中部__1042-2</t>
  </si>
  <si>
    <t>久々湊__356-1</t>
  </si>
  <si>
    <t>久々湊__356-4</t>
  </si>
  <si>
    <t>久々湊__356-5</t>
  </si>
  <si>
    <t>橋下条_囲山_86-35</t>
  </si>
  <si>
    <t>島__1363-3</t>
  </si>
  <si>
    <t>草岡町二丁目__50-8</t>
  </si>
  <si>
    <t>島__1363-4</t>
  </si>
  <si>
    <t>放生津町__2951</t>
  </si>
  <si>
    <t>放生津町__2952</t>
  </si>
  <si>
    <t>放生津町__2953</t>
  </si>
  <si>
    <t>放生津町__2954</t>
  </si>
  <si>
    <t>放生津町__2955</t>
  </si>
  <si>
    <t>戸破_神明_671-2</t>
  </si>
  <si>
    <t>二口_馬渡_2002-2</t>
  </si>
  <si>
    <t>北野_大島_1540-37</t>
  </si>
  <si>
    <t>二口_米山_2259-6</t>
  </si>
  <si>
    <t>草岡町二丁目__50-9</t>
  </si>
  <si>
    <t>二口_米山_2259-1</t>
  </si>
  <si>
    <t>二口_米山_2286-1</t>
  </si>
  <si>
    <t>二口_米山_2286-16</t>
  </si>
  <si>
    <t>二口_米山_2289-1</t>
  </si>
  <si>
    <t>二口_米山_2289-17</t>
  </si>
  <si>
    <t>立町__1317-5</t>
  </si>
  <si>
    <t>大江__210-4</t>
  </si>
  <si>
    <t>三ケ__2691-1</t>
  </si>
  <si>
    <t>黒河新__3403-21</t>
  </si>
  <si>
    <t>七美中野__1-34</t>
  </si>
  <si>
    <t>黒河新__3403-68</t>
  </si>
  <si>
    <t>黒河新__3403-75</t>
  </si>
  <si>
    <t>黒河新__3403-76</t>
  </si>
  <si>
    <t>黒河新__3403-77</t>
  </si>
  <si>
    <t>黒河新__4792-8</t>
  </si>
  <si>
    <t>黒河新__4792-17</t>
  </si>
  <si>
    <t>中村__99-4</t>
  </si>
  <si>
    <t>中村__100-4</t>
  </si>
  <si>
    <t>中村__105-4</t>
  </si>
  <si>
    <t>中村__107-1</t>
  </si>
  <si>
    <t>七美中野__1-1</t>
  </si>
  <si>
    <t>中村__100-5</t>
  </si>
  <si>
    <t>中村__120-4</t>
  </si>
  <si>
    <t>中村__127-4</t>
  </si>
  <si>
    <t>中村__127-6</t>
  </si>
  <si>
    <t>中村__128-4</t>
  </si>
  <si>
    <t>中村__129-1</t>
  </si>
  <si>
    <t>中村__130-8</t>
  </si>
  <si>
    <t>中村__180-2</t>
  </si>
  <si>
    <t>中村__180-3</t>
  </si>
  <si>
    <t>中村__180-28</t>
  </si>
  <si>
    <t>七美中野__10-2</t>
  </si>
  <si>
    <t>中村__198-7</t>
  </si>
  <si>
    <t>中村__199-3</t>
  </si>
  <si>
    <t>中村__200-1</t>
  </si>
  <si>
    <t>中村__200-3</t>
  </si>
  <si>
    <t>中村__200-25</t>
  </si>
  <si>
    <t>中村__200-28</t>
  </si>
  <si>
    <t>中村__206-4</t>
  </si>
  <si>
    <t>二口_油免_454-1</t>
  </si>
  <si>
    <t>荒町__190-1</t>
  </si>
  <si>
    <t>七美中野__27-2</t>
  </si>
  <si>
    <t>戸破_加茂_1629-4</t>
  </si>
  <si>
    <t>戸破_加茂_1629-6</t>
  </si>
  <si>
    <t>一条__267</t>
  </si>
  <si>
    <t>一条__268</t>
  </si>
  <si>
    <t>一条__269</t>
  </si>
  <si>
    <t>一条__270</t>
  </si>
  <si>
    <t>一条__271</t>
  </si>
  <si>
    <t>一条__272</t>
  </si>
  <si>
    <t>一条__273</t>
  </si>
  <si>
    <t>一条__274</t>
  </si>
  <si>
    <t>七美中野__63-2</t>
  </si>
  <si>
    <t>一条__275</t>
  </si>
  <si>
    <t>一条__276</t>
  </si>
  <si>
    <t>一条__277</t>
  </si>
  <si>
    <t>一条__278</t>
  </si>
  <si>
    <t>一条__279</t>
  </si>
  <si>
    <t>一条__280</t>
  </si>
  <si>
    <t>一条__281</t>
  </si>
  <si>
    <t>一条__282</t>
  </si>
  <si>
    <t>一条__283</t>
  </si>
  <si>
    <t>一条__284</t>
  </si>
  <si>
    <t>港町__703-1</t>
  </si>
  <si>
    <t>七美中野__77-5</t>
  </si>
  <si>
    <t>一条__285</t>
  </si>
  <si>
    <t>一条__286</t>
  </si>
  <si>
    <t>一条__287</t>
  </si>
  <si>
    <t>橋下条__2529</t>
  </si>
  <si>
    <t>七美中野__84-1</t>
  </si>
  <si>
    <t>七美中野__84-2</t>
  </si>
  <si>
    <t>七美中野__85-15</t>
  </si>
  <si>
    <t>七美中野__85-1</t>
  </si>
  <si>
    <t>七美中野__85-3</t>
  </si>
  <si>
    <t>七美中野__85-5</t>
  </si>
  <si>
    <t>七美中野__85-7</t>
  </si>
  <si>
    <t>七美中野__86-3</t>
  </si>
  <si>
    <t>七美中野__86-4</t>
  </si>
  <si>
    <t>港町__704-2</t>
  </si>
  <si>
    <t>七美中野__89-2</t>
  </si>
  <si>
    <t>七美中野__98-2</t>
  </si>
  <si>
    <t>七美中野__99-2</t>
  </si>
  <si>
    <t>七美中野__109-1</t>
  </si>
  <si>
    <t>七美中野__109-3</t>
  </si>
  <si>
    <t>七美中野__114-3</t>
  </si>
  <si>
    <t>七美中野__131-2</t>
  </si>
  <si>
    <t>七美中野__132-2</t>
  </si>
  <si>
    <t>七美中野__133-2</t>
  </si>
  <si>
    <t>七美中野__134-6</t>
  </si>
  <si>
    <t>庄西町一丁目__942-2</t>
  </si>
  <si>
    <t>港町__704-3</t>
  </si>
  <si>
    <t>七美中野__135-3</t>
  </si>
  <si>
    <t>七美中野__155-2</t>
  </si>
  <si>
    <t>七美中野__157-4</t>
  </si>
  <si>
    <t>七美中野__157-5</t>
  </si>
  <si>
    <t>七美中野__158-3</t>
  </si>
  <si>
    <t>七美中野__189-1</t>
  </si>
  <si>
    <t>七美中野__192-4</t>
  </si>
  <si>
    <t>本江__3013</t>
  </si>
  <si>
    <t>本江_江万_4-2</t>
  </si>
  <si>
    <t>本江_江万_4-3</t>
  </si>
  <si>
    <t>港町__705-2</t>
  </si>
  <si>
    <t>本江_江万_5-3</t>
  </si>
  <si>
    <t>本江_江万_5-4</t>
  </si>
  <si>
    <t>本江_江万_5-5</t>
  </si>
  <si>
    <t>本江_江万_5-6</t>
  </si>
  <si>
    <t>本江_江万_6-2</t>
  </si>
  <si>
    <t>本江_江万_6-3</t>
  </si>
  <si>
    <t>本江_江万_7-2</t>
  </si>
  <si>
    <t>本江_江万_7-3</t>
  </si>
  <si>
    <t>本江_江万_8-3</t>
  </si>
  <si>
    <t>本江_江万_8-4</t>
  </si>
  <si>
    <t>港町__707-2</t>
  </si>
  <si>
    <t>本江_江万_8-5</t>
  </si>
  <si>
    <t>本江_江万_9-2</t>
  </si>
  <si>
    <t>本江_江万_9-3</t>
  </si>
  <si>
    <t>本江_東田_1612-2</t>
  </si>
  <si>
    <t>本江_東田_1613</t>
  </si>
  <si>
    <t>本江_村中_1814-5</t>
  </si>
  <si>
    <t>本江_村中_1822-2</t>
  </si>
  <si>
    <t>本江_村中_1822-3</t>
  </si>
  <si>
    <t>本江_村中_1833-4</t>
  </si>
  <si>
    <t>本江_村中_1833-5</t>
  </si>
  <si>
    <t>港町__708-2</t>
  </si>
  <si>
    <t>本江_村中_1833-7</t>
  </si>
  <si>
    <t>本江_村中_1833-9</t>
  </si>
  <si>
    <t>本江_村中_1844-2</t>
  </si>
  <si>
    <t>本江_村中_1844-3</t>
  </si>
  <si>
    <t>本江_村中_1847-6</t>
  </si>
  <si>
    <t>本江_村中_1852-3</t>
  </si>
  <si>
    <t>本江_村中_1853-3</t>
  </si>
  <si>
    <t>本江_村中_1860-2</t>
  </si>
  <si>
    <t>本江_村中_1861-2</t>
  </si>
  <si>
    <t>本江_村中_1862-2</t>
  </si>
  <si>
    <t>港町__709-2</t>
  </si>
  <si>
    <t>本江_村中_1862-3</t>
  </si>
  <si>
    <t>本江_村中_1864-3</t>
  </si>
  <si>
    <t>本江_村中_1883-2</t>
  </si>
  <si>
    <t>本江_村中_1885-1</t>
  </si>
  <si>
    <t>本江_村中_1885-2</t>
  </si>
  <si>
    <t>本江_村中_1886-2</t>
  </si>
  <si>
    <t>本江_村中_1886-3</t>
  </si>
  <si>
    <t>本江_村中_1887</t>
  </si>
  <si>
    <t>本江_村中_1888-2</t>
  </si>
  <si>
    <t>本江_村中_1889-2</t>
  </si>
  <si>
    <t>港町__720-2</t>
  </si>
  <si>
    <t>本江_村中_1890-2</t>
  </si>
  <si>
    <t>本江_村中_1891-2</t>
  </si>
  <si>
    <t>本江_村中_1893-3</t>
  </si>
  <si>
    <t>本江_村中_1893-4</t>
  </si>
  <si>
    <t>本江_村中_1894-2</t>
  </si>
  <si>
    <t>本江_村中_1896-3</t>
  </si>
  <si>
    <t>本江_村中_2390-4</t>
  </si>
  <si>
    <t>本江_村中_2390-5</t>
  </si>
  <si>
    <t>本江_村中_2395-3</t>
  </si>
  <si>
    <t>本江_村中_2396-2</t>
  </si>
  <si>
    <t>港町__723-2</t>
  </si>
  <si>
    <t>本江_二割_2350</t>
  </si>
  <si>
    <t>本江_墓筒_2084-1</t>
  </si>
  <si>
    <t>本江_墓筒_2084-2</t>
  </si>
  <si>
    <t>本江_墓筒_2084-3</t>
  </si>
  <si>
    <t>本江_墓筒_2084-4</t>
  </si>
  <si>
    <t>本江_墓筒_2084-5</t>
  </si>
  <si>
    <t>本江_墓筒_2084-6</t>
  </si>
  <si>
    <t>本江_九曜_2167-2</t>
  </si>
  <si>
    <t>本江_九曜_2168-2</t>
  </si>
  <si>
    <t>本江_九曜_2177-9</t>
  </si>
  <si>
    <t>港町__724-2</t>
  </si>
  <si>
    <t>本江_九曜_2177-11</t>
  </si>
  <si>
    <t>本江_足洗_2260-2</t>
  </si>
  <si>
    <t>本江_六石_2864-3</t>
  </si>
  <si>
    <t>本江_六石_2878-3</t>
  </si>
  <si>
    <t>本江_六石_2879-3</t>
  </si>
  <si>
    <t>本江_六石_2880-3</t>
  </si>
  <si>
    <t>本江_六石_2881-2</t>
  </si>
  <si>
    <t>本江_六石_2885-2</t>
  </si>
  <si>
    <t>本江_六石_2886-2</t>
  </si>
  <si>
    <t>本江_六石_2887-2</t>
  </si>
  <si>
    <t>港町__727-2</t>
  </si>
  <si>
    <t>本江_六石_2891-2</t>
  </si>
  <si>
    <t>本江_八ケ尻_2817-1</t>
  </si>
  <si>
    <t>本江_八ケ尻_2838-2</t>
  </si>
  <si>
    <t>本江_八ケ尻_2846-1</t>
  </si>
  <si>
    <t>本江_八ケ尻_2854-3</t>
  </si>
  <si>
    <t>本江_八ケ尻_2854-4</t>
  </si>
  <si>
    <t>本江_八ケ尻_2855</t>
  </si>
  <si>
    <t>本江_八ケ尻_2856-2</t>
  </si>
  <si>
    <t>本江_八ケ尻_2857-2</t>
  </si>
  <si>
    <t>本江_八ケ尻_2858-3</t>
  </si>
  <si>
    <t>港町__761</t>
  </si>
  <si>
    <t>本江_八ケ尻_2862-2</t>
  </si>
  <si>
    <t>本江針山__422-2</t>
  </si>
  <si>
    <t>本江針山__424</t>
  </si>
  <si>
    <t>本江針山__477</t>
  </si>
  <si>
    <t>本江針山_茅場_7-6</t>
  </si>
  <si>
    <t>本江針山_茅場_7-7</t>
  </si>
  <si>
    <t>本江針山_茅場_7-8</t>
  </si>
  <si>
    <t>本江針山_茅場_9-2</t>
  </si>
  <si>
    <t>本江針山_茅場_9-3</t>
  </si>
  <si>
    <t>本江針山_茅場_10-1</t>
  </si>
  <si>
    <t>庄西町一丁目__953-3</t>
  </si>
  <si>
    <t>港町__762-2</t>
  </si>
  <si>
    <t>本江針山_茅場_10-11</t>
  </si>
  <si>
    <t>本江針山_茅場_10-20</t>
  </si>
  <si>
    <t>本江針山_茅場_12-2</t>
  </si>
  <si>
    <t>本江針山_茅場_13-2</t>
  </si>
  <si>
    <t>本江針山_茅場_16-2</t>
  </si>
  <si>
    <t>本江針山_茅場_17-2</t>
  </si>
  <si>
    <t>本江針山_茅場_21-2</t>
  </si>
  <si>
    <t>本江針山_茅場_22-2</t>
  </si>
  <si>
    <t>本江針山_茅場_22-3</t>
  </si>
  <si>
    <t>本江針山_茅場_23-2</t>
  </si>
  <si>
    <t>港町__924-2</t>
  </si>
  <si>
    <t>本江針山_茅場_23-3</t>
  </si>
  <si>
    <t>本江針山_茅場_24-2</t>
  </si>
  <si>
    <t>本江針山_茅場_25-2</t>
  </si>
  <si>
    <t>本江針山_茅場_25-3</t>
  </si>
  <si>
    <t>本江針山_茅場_26-2</t>
  </si>
  <si>
    <t>本江針山_茅場_26-3</t>
  </si>
  <si>
    <t>本江針山_茅場_27-3</t>
  </si>
  <si>
    <t>本江針山_茅場_27-4</t>
  </si>
  <si>
    <t>本江針山_茅場_28-2</t>
  </si>
  <si>
    <t>本江針山_茅場_29-2</t>
  </si>
  <si>
    <t>港町__925-2</t>
  </si>
  <si>
    <t>本江針山_茅場_33-2</t>
  </si>
  <si>
    <t>本江針山_茅場_34-2</t>
  </si>
  <si>
    <t>本江針山_茅場_36-2</t>
  </si>
  <si>
    <t>本江針山_茅場_37-3</t>
  </si>
  <si>
    <t>本江針山_茅場_37-4</t>
  </si>
  <si>
    <t>本江針山_茅場_38-2</t>
  </si>
  <si>
    <t>本江針山_茅場_43-4</t>
  </si>
  <si>
    <t>本江針山_浦中_131-2</t>
  </si>
  <si>
    <t>本江針山_浦中_131-6</t>
  </si>
  <si>
    <t>本江針山_浦中_133-3</t>
  </si>
  <si>
    <t>港町__926-2</t>
  </si>
  <si>
    <t>本江針山_浦中_134-3</t>
  </si>
  <si>
    <t>本江針山_浦中_136-4</t>
  </si>
  <si>
    <t>本江針山_浦中_148-3</t>
  </si>
  <si>
    <t>本江針山_浦中_149-3</t>
  </si>
  <si>
    <t>本江針山_浦中_150-3</t>
  </si>
  <si>
    <t>本江針山_浦中_151-2</t>
  </si>
  <si>
    <t>本江針山_浦中_152-2</t>
  </si>
  <si>
    <t>本江針山_浦中_153-2</t>
  </si>
  <si>
    <t>本江針山_浦中_154-2</t>
  </si>
  <si>
    <t>本江針山_浦中_157-2</t>
  </si>
  <si>
    <t>港町__927-2</t>
  </si>
  <si>
    <t>本江針山_浦中_158-2</t>
  </si>
  <si>
    <t>本江針山_浦中_159-2</t>
  </si>
  <si>
    <t>本江針山_浦中_159-3</t>
  </si>
  <si>
    <t>本江針山_浦中_160-2</t>
  </si>
  <si>
    <t>本江針山_浦中_161-2</t>
  </si>
  <si>
    <t>本江針山_中江万_266-2</t>
  </si>
  <si>
    <t>本江針山_中江万_267-3</t>
  </si>
  <si>
    <t>本江針山_中江万_267-4</t>
  </si>
  <si>
    <t>本江針山_中江万_268-2</t>
  </si>
  <si>
    <t>本江針山_中江万_269-2</t>
  </si>
  <si>
    <t>港町__1094</t>
  </si>
  <si>
    <t>本江針山_中江万_270-2</t>
  </si>
  <si>
    <t>本江針山_中江万_271-3</t>
  </si>
  <si>
    <t>本江針山_中江万_272-2</t>
  </si>
  <si>
    <t>本江針山_中江万_273-2</t>
  </si>
  <si>
    <t>本江針山_中江万_307-3</t>
  </si>
  <si>
    <t>本江針山_中道_198-2</t>
  </si>
  <si>
    <t>本江針山_中道_198-3</t>
  </si>
  <si>
    <t>本江針山_中道_199-6</t>
  </si>
  <si>
    <t>本江針山_中道_199-7</t>
  </si>
  <si>
    <t>本江針山_中道_205-3</t>
  </si>
  <si>
    <t>港町__1098</t>
  </si>
  <si>
    <t>本江針山_中道_205-4</t>
  </si>
  <si>
    <t>本江針山_中道_205-5</t>
  </si>
  <si>
    <t>本江針山_中道_217</t>
  </si>
  <si>
    <t>本江針山_中道_227-2</t>
  </si>
  <si>
    <t>本江針山_中道_230-3</t>
  </si>
  <si>
    <t>本江針山_中道_232-6</t>
  </si>
  <si>
    <t>本江針山_中道_232-7</t>
  </si>
  <si>
    <t>本江針山_中道_232-8</t>
  </si>
  <si>
    <t>本江針山_西江万_308</t>
  </si>
  <si>
    <t>本江針山_西江万_309</t>
  </si>
  <si>
    <t>港町__1099</t>
  </si>
  <si>
    <t>本江針山_西江万_310</t>
  </si>
  <si>
    <t>本江針山_西江万_311</t>
  </si>
  <si>
    <t>本江針山_西江万_312</t>
  </si>
  <si>
    <t>本江針山_西江万_313</t>
  </si>
  <si>
    <t>本江針山_西江万_314</t>
  </si>
  <si>
    <t>本江針山_西江万_315</t>
  </si>
  <si>
    <t>本江針山_西江万_316</t>
  </si>
  <si>
    <t>本江針山_西江万_317-1</t>
  </si>
  <si>
    <t>本江針山_西江万_319-8</t>
  </si>
  <si>
    <t>本江針山_西江万_321-2</t>
  </si>
  <si>
    <t>港町__1104</t>
  </si>
  <si>
    <t>本江針山_西江万_322-2</t>
  </si>
  <si>
    <t>本江針山_西江万_323-2</t>
  </si>
  <si>
    <t>本江針山_西江万_324-3</t>
  </si>
  <si>
    <t>本江針山_西江万_324-4</t>
  </si>
  <si>
    <t>本江針山_西江万_325-3</t>
  </si>
  <si>
    <t>本江針山_西江万_326-5</t>
  </si>
  <si>
    <t>本江針山_西江万_326-6</t>
  </si>
  <si>
    <t>本江針山_西江万_326-7</t>
  </si>
  <si>
    <t>本江針山_西江万_326-8</t>
  </si>
  <si>
    <t>本江針山_西江万_327-2</t>
  </si>
  <si>
    <t>港町__1105</t>
  </si>
  <si>
    <t>本江針山_西江万_328-2</t>
  </si>
  <si>
    <t>本江針山_西江万_329-2</t>
  </si>
  <si>
    <t>本江針山_西江万_330-2</t>
  </si>
  <si>
    <t>本江針山_西江万_331</t>
  </si>
  <si>
    <t>本江針山_西江万_332</t>
  </si>
  <si>
    <t>本江針山_西江万_333</t>
  </si>
  <si>
    <t>本江針山_江万_238-2</t>
  </si>
  <si>
    <t>本江針山_江万_243-3</t>
  </si>
  <si>
    <t>本江針山_江万_244-6</t>
  </si>
  <si>
    <t>本江針山_江万_252</t>
  </si>
  <si>
    <t>庄西町一丁目__1372-2</t>
  </si>
  <si>
    <t>港町__1106</t>
  </si>
  <si>
    <t>本江針山_江万_253</t>
  </si>
  <si>
    <t>本江針山_江万_363-2</t>
  </si>
  <si>
    <t>本江針山_江万_364-2</t>
  </si>
  <si>
    <t>本江針山_江万_387-2</t>
  </si>
  <si>
    <t>本江針山_江万_388-3</t>
  </si>
  <si>
    <t>本江針山_江万_389-2</t>
  </si>
  <si>
    <t>本江針山_江万_390-2</t>
  </si>
  <si>
    <t>本江針山_江万_391-2</t>
  </si>
  <si>
    <t>本江針山_江万_394-2</t>
  </si>
  <si>
    <t>本江針山_江万_395-2</t>
  </si>
  <si>
    <t>港町__1107</t>
  </si>
  <si>
    <t>本江針山_江万_396-2</t>
  </si>
  <si>
    <t>本江針山_江万_397-2</t>
  </si>
  <si>
    <t>本江針山_江万_398-2</t>
  </si>
  <si>
    <t>本江針山_江万_399-2</t>
  </si>
  <si>
    <t>本江針山_江万_400-2</t>
  </si>
  <si>
    <t>本江針山_江万_401-2</t>
  </si>
  <si>
    <t>本江針山_江万_402-2</t>
  </si>
  <si>
    <t>本江針山_江万_403-2</t>
  </si>
  <si>
    <t>本江針山_江万_404-2</t>
  </si>
  <si>
    <t>本江針山_江万_405-2</t>
  </si>
  <si>
    <t>港町__1110</t>
  </si>
  <si>
    <t>本江針山_江万_406-2</t>
  </si>
  <si>
    <t>本江針山_江万_407-2</t>
  </si>
  <si>
    <t>本江針山_江万_407-3</t>
  </si>
  <si>
    <t>本江針山_江万_408-2</t>
  </si>
  <si>
    <t>本江針山_江万_410-3</t>
  </si>
  <si>
    <t>本江針山_江万_413-2</t>
  </si>
  <si>
    <t>本江針山_江万_414-3</t>
  </si>
  <si>
    <t>本江針山_江万_415-2</t>
  </si>
  <si>
    <t>本江針山_江万_415-3</t>
  </si>
  <si>
    <t>本江針山_江万_416-3</t>
  </si>
  <si>
    <t>港町__1111</t>
  </si>
  <si>
    <t>本江針山_江万_416-4</t>
  </si>
  <si>
    <t>本江針山_江万_416-5</t>
  </si>
  <si>
    <t>本江針山_江万_416-6</t>
  </si>
  <si>
    <t>本江針山_江万_417-2</t>
  </si>
  <si>
    <t>本江針山_江万_417-3</t>
  </si>
  <si>
    <t>本江針山_大沢_482-2</t>
  </si>
  <si>
    <t>本江針山_大沢_483</t>
  </si>
  <si>
    <t>本江針山_大沢_484-2</t>
  </si>
  <si>
    <t>本江針山_大沢_485-2</t>
  </si>
  <si>
    <t>本江針山_大沢_486-2</t>
  </si>
  <si>
    <t>港町__1112</t>
  </si>
  <si>
    <t>本江針山_大沢_487-2</t>
  </si>
  <si>
    <t>本江針山_大沢_488-4</t>
  </si>
  <si>
    <t>本江針山_大沢_488-5</t>
  </si>
  <si>
    <t>本江針山_大沢_488-6</t>
  </si>
  <si>
    <t>本江針山_大沢_489-2</t>
  </si>
  <si>
    <t>本江針山_大沢_490-2</t>
  </si>
  <si>
    <t>本江針山_大沢_491-2</t>
  </si>
  <si>
    <t>本江針山_大沢_492-2</t>
  </si>
  <si>
    <t>本江針山_大沢_493-3</t>
  </si>
  <si>
    <t>本江針山_大沢_493-4</t>
  </si>
  <si>
    <t>港町__1113</t>
  </si>
  <si>
    <t>本江針山_大沢_494-2</t>
  </si>
  <si>
    <t>本江針山_大沢_495-1</t>
  </si>
  <si>
    <t>本江針山_大沢_495-2</t>
  </si>
  <si>
    <t>本江針山_大沢_496</t>
  </si>
  <si>
    <t>本江針山_大沢_497-2</t>
  </si>
  <si>
    <t>本江針山_大沢_498-2</t>
  </si>
  <si>
    <t>本江針山_大沢_499-2</t>
  </si>
  <si>
    <t>本江針山_大沢_500-2</t>
  </si>
  <si>
    <t>本江針山_大沢_501-2</t>
  </si>
  <si>
    <t>本江針山_大沢_502-2</t>
  </si>
  <si>
    <t>港町__1115</t>
  </si>
  <si>
    <t>本江針山_大沢_503-1</t>
  </si>
  <si>
    <t>本江針山_大沢_503-16</t>
  </si>
  <si>
    <t>本江針山_大沢_504-3</t>
  </si>
  <si>
    <t>本江針山_大沢_505-3</t>
  </si>
  <si>
    <t>本江針山_大沢_517-2</t>
  </si>
  <si>
    <t>本江針山_紺屋田_518</t>
  </si>
  <si>
    <t>本江針山_紺屋田_519-2</t>
  </si>
  <si>
    <t>本江針山_紺屋田_527-1</t>
  </si>
  <si>
    <t>本江針山_紺屋田_527-3</t>
  </si>
  <si>
    <t>本江針山_紺屋田_527-4</t>
  </si>
  <si>
    <t>港町__1116</t>
  </si>
  <si>
    <t>本江針山_紺屋田_528-3</t>
  </si>
  <si>
    <t>本江針山_紺屋田_528-5</t>
  </si>
  <si>
    <t>本江針山_紺屋田_529-3</t>
  </si>
  <si>
    <t>本江針山_紺屋田_530-3</t>
  </si>
  <si>
    <t>本江針山_紺屋田_531-3</t>
  </si>
  <si>
    <t>本江針山_紺屋田_532-3</t>
  </si>
  <si>
    <t>本江針山_紺屋田_533-3</t>
  </si>
  <si>
    <t>本江針山_紺屋田_534-1</t>
  </si>
  <si>
    <t>本江針山新_西坪_35-4</t>
  </si>
  <si>
    <t>本江針山新_西坪_42-3</t>
  </si>
  <si>
    <t>港町__1117</t>
  </si>
  <si>
    <t>本江針山新_西坪_43-3</t>
  </si>
  <si>
    <t>本江針山新_西坪_46-11</t>
  </si>
  <si>
    <t>本江針山新_西坪_48-3</t>
  </si>
  <si>
    <t>本江針山新_西坪_49-3</t>
  </si>
  <si>
    <t>本江針山新_北割_76-2</t>
  </si>
  <si>
    <t>本江針山新_北割_84-1</t>
  </si>
  <si>
    <t>本江針山新_北割_85-1</t>
  </si>
  <si>
    <t>本江針山新_前田_19-2</t>
  </si>
  <si>
    <t>本江針山新_前田_20-2</t>
  </si>
  <si>
    <t>本江針山新_前田_21-2</t>
  </si>
  <si>
    <t>港町__1118</t>
  </si>
  <si>
    <t>本江針山新_前田_22-2</t>
  </si>
  <si>
    <t>本江針山新_前田_23-2</t>
  </si>
  <si>
    <t>本江針山新_前田_24-2</t>
  </si>
  <si>
    <t>本江針山新_前田_25-2</t>
  </si>
  <si>
    <t>本江針山新_前田_26-2</t>
  </si>
  <si>
    <t>本江針山新_前田_27-2</t>
  </si>
  <si>
    <t>本江針山新_前田_28-2</t>
  </si>
  <si>
    <t>本江針山新_前田_29-2</t>
  </si>
  <si>
    <t>本江針山新_前田_30-2</t>
  </si>
  <si>
    <t>本江針山新_前田_31-2</t>
  </si>
  <si>
    <t>庄西町一丁目__1372-17</t>
  </si>
  <si>
    <t>港町__1119</t>
  </si>
  <si>
    <t>本江針山新_前田_32-2</t>
  </si>
  <si>
    <t>本江針山新_前田_33-2</t>
  </si>
  <si>
    <t>本江針山新_前田_34-2</t>
  </si>
  <si>
    <t>本江中新_二枚田_124-7</t>
  </si>
  <si>
    <t>本江中新_二枚田_125-3</t>
  </si>
  <si>
    <t>本江中新_二枚田_126</t>
  </si>
  <si>
    <t>本江中新_二枚田_136-3</t>
  </si>
  <si>
    <t>本江中新_二枚田_136-4</t>
  </si>
  <si>
    <t>本江中新_二枚田_137-2</t>
  </si>
  <si>
    <t>本江中新_二枚田_138-2</t>
  </si>
  <si>
    <t>港町__1120</t>
  </si>
  <si>
    <t>本江中新_汐除_207-6</t>
  </si>
  <si>
    <t>本江中新_汐除_212-5</t>
  </si>
  <si>
    <t>本江中新_汐除_214-4</t>
  </si>
  <si>
    <t>本江中新_甲信塚_426-4</t>
  </si>
  <si>
    <t>本江中新_甲信塚_427-2</t>
  </si>
  <si>
    <t>本江中新_甲信塚_428</t>
  </si>
  <si>
    <t>本江中新_下屋敷_437-2</t>
  </si>
  <si>
    <t>本江三箇_潟開_4-4</t>
  </si>
  <si>
    <t>本江三箇_柴越_85-3</t>
  </si>
  <si>
    <t>本江三箇_柴越_85-4</t>
  </si>
  <si>
    <t>港町__1121</t>
  </si>
  <si>
    <t>本江針山開_東開_1-2</t>
  </si>
  <si>
    <t>本江針山開_東開_2-2</t>
  </si>
  <si>
    <t>本江針山開_東開_2-3</t>
  </si>
  <si>
    <t>本江針山開_東開_40-2</t>
  </si>
  <si>
    <t>本江針山開_東開_41-3</t>
  </si>
  <si>
    <t>本江針山開_東開_41-4</t>
  </si>
  <si>
    <t>本江針山開_東開_42-3</t>
  </si>
  <si>
    <t>本江針山開_東開_43-4</t>
  </si>
  <si>
    <t>本江針山開_東開_45-6</t>
  </si>
  <si>
    <t>本江針山開_東開_45-7</t>
  </si>
  <si>
    <t>港町__1122</t>
  </si>
  <si>
    <t>本江針山開_東開_46-2</t>
  </si>
  <si>
    <t>本江針山開_東開_47-2</t>
  </si>
  <si>
    <t>本江針山開_東開_47-3</t>
  </si>
  <si>
    <t>本江針山開_海老江開_151-3</t>
  </si>
  <si>
    <t>本江針山開_海老江開_151-8</t>
  </si>
  <si>
    <t>本江利波_梅木_67-2</t>
  </si>
  <si>
    <t>本江利波_梅木_67-3</t>
  </si>
  <si>
    <t>本江利波_梅木_83-2</t>
  </si>
  <si>
    <t>本江利波_梅木_84-2</t>
  </si>
  <si>
    <t>本江利波_梅木_84-3</t>
  </si>
  <si>
    <t>港町__1123</t>
  </si>
  <si>
    <t>本江利波_梅木_88-3</t>
  </si>
  <si>
    <t>本江利波_梅木_88-4</t>
  </si>
  <si>
    <t>本江利波_梅木_90-3</t>
  </si>
  <si>
    <t>本江利波_梅木_90-4</t>
  </si>
  <si>
    <t>本江利波_梅木_90-5</t>
  </si>
  <si>
    <t>本江利波_梅木_98-2</t>
  </si>
  <si>
    <t>本江利波_梅木_98-3</t>
  </si>
  <si>
    <t>本江利波_梅木_100-3</t>
  </si>
  <si>
    <t>本江利波_梅木_100-4</t>
  </si>
  <si>
    <t>本江利波_梅木_100-5</t>
  </si>
  <si>
    <t>港町__1127</t>
  </si>
  <si>
    <t>本江利波_梅木_100-6</t>
  </si>
  <si>
    <t>本江利波_長佐_147-2</t>
  </si>
  <si>
    <t>本江利波_長佐_148-2</t>
  </si>
  <si>
    <t>本江利波_長佐_149-4</t>
  </si>
  <si>
    <t>本江利波_長佐_149-5</t>
  </si>
  <si>
    <t>本江利波_長佐_149-6</t>
  </si>
  <si>
    <t>本江利波_長佐_151-2</t>
  </si>
  <si>
    <t>本江利波_長佐_152-3</t>
  </si>
  <si>
    <t>本江利波_長佐_153-2</t>
  </si>
  <si>
    <t>本江利波_長佐_154-2</t>
  </si>
  <si>
    <t>港町__1128</t>
  </si>
  <si>
    <t>本江利波_長佐_155-2</t>
  </si>
  <si>
    <t>本江利波_長佐_156-3</t>
  </si>
  <si>
    <t>本江後新_川東_10-3</t>
  </si>
  <si>
    <t>本江後新_川東_10-4</t>
  </si>
  <si>
    <t>寺塚原__206-2</t>
  </si>
  <si>
    <t>寺塚原__258-2</t>
  </si>
  <si>
    <t>寺塚原__258-3</t>
  </si>
  <si>
    <t>寺塚原__259-2</t>
  </si>
  <si>
    <t>寺塚原__259-3</t>
  </si>
  <si>
    <t>寺塚原__672-2</t>
  </si>
  <si>
    <t>港町__1129</t>
  </si>
  <si>
    <t>寺塚原__837-2</t>
  </si>
  <si>
    <t>寺塚原__838-2</t>
  </si>
  <si>
    <t>寺塚原__1049-1</t>
  </si>
  <si>
    <t>寺塚原__1049-3</t>
  </si>
  <si>
    <t>寺塚原__1200</t>
  </si>
  <si>
    <t>寺塚原__1201</t>
  </si>
  <si>
    <t>寺塚原__1202</t>
  </si>
  <si>
    <t>寺塚原__1203</t>
  </si>
  <si>
    <t>寺塚原__1204</t>
  </si>
  <si>
    <t>寺塚原__1205</t>
  </si>
  <si>
    <t>港町__1135</t>
  </si>
  <si>
    <t>寺塚原__1206</t>
  </si>
  <si>
    <t>寺塚原__1207</t>
  </si>
  <si>
    <t>寺塚原__1208</t>
  </si>
  <si>
    <t>寺塚原__1209</t>
  </si>
  <si>
    <t>寺塚原__1210</t>
  </si>
  <si>
    <t>寺塚原__1211</t>
  </si>
  <si>
    <t>寺塚原__1212</t>
  </si>
  <si>
    <t>寺塚原__1213</t>
  </si>
  <si>
    <t>寺塚原__1214</t>
  </si>
  <si>
    <t>寺塚原__1215</t>
  </si>
  <si>
    <t>港町__1136</t>
  </si>
  <si>
    <t>沖塚原__77-2</t>
  </si>
  <si>
    <t>沖塚原__78-2</t>
  </si>
  <si>
    <t>沖塚原__79-2</t>
  </si>
  <si>
    <t>沖塚原__80-2</t>
  </si>
  <si>
    <t>沖塚原__81-2</t>
  </si>
  <si>
    <t>沖塚原__82-2</t>
  </si>
  <si>
    <t>沖塚原__83-2</t>
  </si>
  <si>
    <t>沖塚原__84-2</t>
  </si>
  <si>
    <t>沖塚原__85-2</t>
  </si>
  <si>
    <t>沖塚原__86-2</t>
  </si>
  <si>
    <t>庄西町一丁目__601-16</t>
  </si>
  <si>
    <t>庄西町一丁目__1372-18</t>
  </si>
  <si>
    <t>港町__1137</t>
  </si>
  <si>
    <t>沖塚原__87-2</t>
  </si>
  <si>
    <t>沖塚原__88-2</t>
  </si>
  <si>
    <t>沖塚原__89-2</t>
  </si>
  <si>
    <t>沖塚原__90-2</t>
  </si>
  <si>
    <t>沖塚原__91-2</t>
  </si>
  <si>
    <t>沖塚原__92-2</t>
  </si>
  <si>
    <t>沖塚原__93-2</t>
  </si>
  <si>
    <t>沖塚原__94-2</t>
  </si>
  <si>
    <t>沖塚原__95-2</t>
  </si>
  <si>
    <t>沖塚原__96-2</t>
  </si>
  <si>
    <t>港町__1141</t>
  </si>
  <si>
    <t>沖塚原__97-3</t>
  </si>
  <si>
    <t>沖塚原__107-2</t>
  </si>
  <si>
    <t>沖塚原__108-2</t>
  </si>
  <si>
    <t>沖塚原__109-2</t>
  </si>
  <si>
    <t>沖塚原__110-2</t>
  </si>
  <si>
    <t>沖塚原__111-2</t>
  </si>
  <si>
    <t>沖塚原__112-2</t>
  </si>
  <si>
    <t>沖塚原__113-2</t>
  </si>
  <si>
    <t>沖塚原__114-2</t>
  </si>
  <si>
    <t>沖塚原__115-2</t>
  </si>
  <si>
    <t>港町__1142</t>
  </si>
  <si>
    <t>沖塚原__116-2</t>
  </si>
  <si>
    <t>沖塚原__117-2</t>
  </si>
  <si>
    <t>沖塚原__118-2</t>
  </si>
  <si>
    <t>沖塚原__119-2</t>
  </si>
  <si>
    <t>沖塚原__120-2</t>
  </si>
  <si>
    <t>沖塚原__121-2</t>
  </si>
  <si>
    <t>沖塚原__122-2</t>
  </si>
  <si>
    <t>沖塚原__123-2</t>
  </si>
  <si>
    <t>沖塚原__124-2</t>
  </si>
  <si>
    <t>沖塚原__125-2</t>
  </si>
  <si>
    <t>港町__1143</t>
  </si>
  <si>
    <t>沖塚原__126-2</t>
  </si>
  <si>
    <t>沖塚原__127-2</t>
  </si>
  <si>
    <t>沖塚原__128-2</t>
  </si>
  <si>
    <t>沖塚原__129-2</t>
  </si>
  <si>
    <t>沖塚原__130-2</t>
  </si>
  <si>
    <t>沖塚原__131-2</t>
  </si>
  <si>
    <t>沖塚原__132-2</t>
  </si>
  <si>
    <t>沖塚原__133-2</t>
  </si>
  <si>
    <t>沖塚原__134-2</t>
  </si>
  <si>
    <t>沖塚原__350-2</t>
  </si>
  <si>
    <t>港町__1147</t>
  </si>
  <si>
    <t>沖塚原__476-2</t>
  </si>
  <si>
    <t>沖塚原__497</t>
  </si>
  <si>
    <t>沖塚原__752-3</t>
  </si>
  <si>
    <t>沖塚原__753-2</t>
  </si>
  <si>
    <t>沖塚原__769-2</t>
  </si>
  <si>
    <t>沖塚原__770-2</t>
  </si>
  <si>
    <t>沖塚原__771-2</t>
  </si>
  <si>
    <t>沖塚原__772-2</t>
  </si>
  <si>
    <t>沖塚原__773-2</t>
  </si>
  <si>
    <t>沖塚原__774-2</t>
  </si>
  <si>
    <t>港町__1148</t>
  </si>
  <si>
    <t>沖塚原__775-2</t>
  </si>
  <si>
    <t>沖塚原__776-2</t>
  </si>
  <si>
    <t>沖塚原__777-2</t>
  </si>
  <si>
    <t>沖塚原__1202</t>
  </si>
  <si>
    <t>沖塚原__1204</t>
  </si>
  <si>
    <t>沖塚原__1205</t>
  </si>
  <si>
    <t>沖塚原__1206</t>
  </si>
  <si>
    <t>沖塚原__1207</t>
  </si>
  <si>
    <t>沖塚原__1208</t>
  </si>
  <si>
    <t>沖塚原__1209</t>
  </si>
  <si>
    <t>港町__1149</t>
  </si>
  <si>
    <t>沖塚原__1210</t>
  </si>
  <si>
    <t>坂東__17-2</t>
  </si>
  <si>
    <t>坂東__32-2</t>
  </si>
  <si>
    <t>坂東__33-4</t>
  </si>
  <si>
    <t>坂東__34-4</t>
  </si>
  <si>
    <t>坂東__35-2</t>
  </si>
  <si>
    <t>坂東__35-3</t>
  </si>
  <si>
    <t>坂東__40-2</t>
  </si>
  <si>
    <t>坂東__44-2</t>
  </si>
  <si>
    <t>坂東__77</t>
  </si>
  <si>
    <t>港町__1203</t>
  </si>
  <si>
    <t>坂東__82-1</t>
  </si>
  <si>
    <t>坂東__83-1</t>
  </si>
  <si>
    <t>坂東__83-4</t>
  </si>
  <si>
    <t>坂東__108-2</t>
  </si>
  <si>
    <t>坂東__250</t>
  </si>
  <si>
    <t>坂東__251</t>
  </si>
  <si>
    <t>朴木__3-1</t>
  </si>
  <si>
    <t>朴木__3-9</t>
  </si>
  <si>
    <t>朴木__5-2</t>
  </si>
  <si>
    <t>朴木__25-2</t>
  </si>
  <si>
    <t>港町__1204</t>
  </si>
  <si>
    <t>朴木__32-2</t>
  </si>
  <si>
    <t>朴木__40-2</t>
  </si>
  <si>
    <t>朴木__41-2</t>
  </si>
  <si>
    <t>朴木__42-2</t>
  </si>
  <si>
    <t>朴木__43-2</t>
  </si>
  <si>
    <t>朴木__49-2</t>
  </si>
  <si>
    <t>朴木__50-2</t>
  </si>
  <si>
    <t>朴木__51-2</t>
  </si>
  <si>
    <t>朴木__52-2</t>
  </si>
  <si>
    <t>朴木__53-2</t>
  </si>
  <si>
    <t>港町__1213</t>
  </si>
  <si>
    <t>朴木__54-2</t>
  </si>
  <si>
    <t>朴木__55-2</t>
  </si>
  <si>
    <t>朴木__56-2</t>
  </si>
  <si>
    <t>朴木__57-2</t>
  </si>
  <si>
    <t>朴木__58-2</t>
  </si>
  <si>
    <t>朴木__59-2</t>
  </si>
  <si>
    <t>朴木__59-3</t>
  </si>
  <si>
    <t>朴木__60-2</t>
  </si>
  <si>
    <t>朴木__60-3</t>
  </si>
  <si>
    <t>朴木__61-2</t>
  </si>
  <si>
    <t>庄西町一丁目__1372-62</t>
  </si>
  <si>
    <t>港町__1215</t>
  </si>
  <si>
    <t>朴木__62-2</t>
  </si>
  <si>
    <t>朴木__63-2</t>
  </si>
  <si>
    <t>朴木__64-2</t>
  </si>
  <si>
    <t>朴木__65-2</t>
  </si>
  <si>
    <t>朴木__66-2</t>
  </si>
  <si>
    <t>朴木__67-2</t>
  </si>
  <si>
    <t>朴木__68-2</t>
  </si>
  <si>
    <t>朴木__69-2</t>
  </si>
  <si>
    <t>朴木__70-2</t>
  </si>
  <si>
    <t>朴木__71-2</t>
  </si>
  <si>
    <t>港町__1217</t>
  </si>
  <si>
    <t>朴木__72-2</t>
  </si>
  <si>
    <t>朴木__73-2</t>
  </si>
  <si>
    <t>朴木__74-2</t>
  </si>
  <si>
    <t>朴木__75-2</t>
  </si>
  <si>
    <t>朴木__76-2</t>
  </si>
  <si>
    <t>朴木__77-2</t>
  </si>
  <si>
    <t>朴木__85-1</t>
  </si>
  <si>
    <t>朴木__85-3</t>
  </si>
  <si>
    <t>朴木__86-1</t>
  </si>
  <si>
    <t>朴木__86-2</t>
  </si>
  <si>
    <t>港町__1218</t>
  </si>
  <si>
    <t>朴木__86-4</t>
  </si>
  <si>
    <t>朴木__87-2</t>
  </si>
  <si>
    <t>朴木__88-3</t>
  </si>
  <si>
    <t>朴木__89-2</t>
  </si>
  <si>
    <t>朴木__90-2</t>
  </si>
  <si>
    <t>朴木__90-5</t>
  </si>
  <si>
    <t>朴木__91-2</t>
  </si>
  <si>
    <t>朴木__91-3</t>
  </si>
  <si>
    <t>朴木__91-4</t>
  </si>
  <si>
    <t>朴木__92</t>
  </si>
  <si>
    <t>港町__1228</t>
  </si>
  <si>
    <t>朴木__93-1</t>
  </si>
  <si>
    <t>朴木__93-2</t>
  </si>
  <si>
    <t>朴木__107-2</t>
  </si>
  <si>
    <t>朴木__197-1</t>
  </si>
  <si>
    <t>朴木__201-1</t>
  </si>
  <si>
    <t>朴木__211-2</t>
  </si>
  <si>
    <t>朴木__212-3</t>
  </si>
  <si>
    <t>朴木__212-4</t>
  </si>
  <si>
    <t>朴木__213-2</t>
  </si>
  <si>
    <t>朴木__214-2</t>
  </si>
  <si>
    <t>港町__1274</t>
  </si>
  <si>
    <t>朴木__215-2</t>
  </si>
  <si>
    <t>朴木__216-2</t>
  </si>
  <si>
    <t>朴木__217-2</t>
  </si>
  <si>
    <t>朴木__218-2</t>
  </si>
  <si>
    <t>朴木__219-2</t>
  </si>
  <si>
    <t>朴木__220-2</t>
  </si>
  <si>
    <t>朴木__221-2</t>
  </si>
  <si>
    <t>朴木__221-3</t>
  </si>
  <si>
    <t>朴木__222-2</t>
  </si>
  <si>
    <t>朴木__223-2</t>
  </si>
  <si>
    <t>港町__1275</t>
  </si>
  <si>
    <t>朴木__223-3</t>
  </si>
  <si>
    <t>朴木__224-2</t>
  </si>
  <si>
    <t>朴木__225-2</t>
  </si>
  <si>
    <t>朴木__226-2</t>
  </si>
  <si>
    <t>朴木__227-2</t>
  </si>
  <si>
    <t>朴木__228-2</t>
  </si>
  <si>
    <t>朴木__229-2</t>
  </si>
  <si>
    <t>朴木__238-2</t>
  </si>
  <si>
    <t>朴木__239-2</t>
  </si>
  <si>
    <t>朴木__258-2</t>
  </si>
  <si>
    <t>港町__1319</t>
  </si>
  <si>
    <t>朴木__259-2</t>
  </si>
  <si>
    <t>朴木__265-1</t>
  </si>
  <si>
    <t>朴木__272-1</t>
  </si>
  <si>
    <t>朴木__272-25</t>
  </si>
  <si>
    <t>朴木__298-2</t>
  </si>
  <si>
    <t>朴木__299-2</t>
  </si>
  <si>
    <t>朴木__300-2</t>
  </si>
  <si>
    <t>朴木__301-2</t>
  </si>
  <si>
    <t>朴木__302-2</t>
  </si>
  <si>
    <t>朴木__303-2</t>
  </si>
  <si>
    <t>港町__1321</t>
  </si>
  <si>
    <t>朴木__304-2</t>
  </si>
  <si>
    <t>朴木__305-2</t>
  </si>
  <si>
    <t>朴木__306-2</t>
  </si>
  <si>
    <t>朴木__307-2</t>
  </si>
  <si>
    <t>朴木__308-2</t>
  </si>
  <si>
    <t>朴木__309-2</t>
  </si>
  <si>
    <t>朴木__310-2</t>
  </si>
  <si>
    <t>朴木__311-2</t>
  </si>
  <si>
    <t>朴木__312-2</t>
  </si>
  <si>
    <t>朴木__313-2</t>
  </si>
  <si>
    <t>港町__1325</t>
  </si>
  <si>
    <t>朴木__314-3</t>
  </si>
  <si>
    <t>朴木__314-4</t>
  </si>
  <si>
    <t>朴木__315-2</t>
  </si>
  <si>
    <t>朴木__316-2</t>
  </si>
  <si>
    <t>朴木__317-2</t>
  </si>
  <si>
    <t>朴木__318-2</t>
  </si>
  <si>
    <t>朴木__319-3</t>
  </si>
  <si>
    <t>朴木__319-4</t>
  </si>
  <si>
    <t>朴木__320-2</t>
  </si>
  <si>
    <t>朴木__321-3</t>
  </si>
  <si>
    <t>港町__1326</t>
  </si>
  <si>
    <t>朴木__500</t>
  </si>
  <si>
    <t>朴木__501</t>
  </si>
  <si>
    <t>朴木__503-1</t>
  </si>
  <si>
    <t>朴木__504</t>
  </si>
  <si>
    <t>朴木__505</t>
  </si>
  <si>
    <t>朴木__506</t>
  </si>
  <si>
    <t>朴木__507</t>
  </si>
  <si>
    <t>朴木__508</t>
  </si>
  <si>
    <t>朴木__580</t>
  </si>
  <si>
    <t>川口宮袋入会地_川口_462-2</t>
  </si>
  <si>
    <t>庄西町一丁目__1372-63</t>
  </si>
  <si>
    <t>港町__2572-14</t>
  </si>
  <si>
    <t>川口宮袋入会地_川口_486-2</t>
  </si>
  <si>
    <t>川口宮袋入会地_川口_499-2</t>
  </si>
  <si>
    <t>川口宮袋入会地_川口_547-1</t>
  </si>
  <si>
    <t>川口宮袋入会地_川口_557-2</t>
  </si>
  <si>
    <t>川口宮袋入会地_川口_558</t>
  </si>
  <si>
    <t>川口宮袋入会地_川口_665</t>
  </si>
  <si>
    <t>川口宮袋入会地_川口_726</t>
  </si>
  <si>
    <t>川口宮袋入会地_川口_772</t>
  </si>
  <si>
    <t>川口宮袋入会地_川口_794</t>
  </si>
  <si>
    <t>川口宮袋入会地_川口_817</t>
  </si>
  <si>
    <t>庄川本町__1-3</t>
  </si>
  <si>
    <t>川口宮袋入会地_川口_826-2</t>
  </si>
  <si>
    <t>川口宮袋入会地_川口_862-2</t>
  </si>
  <si>
    <t>川口宮袋入会地_川口_863-2</t>
  </si>
  <si>
    <t>川口宮袋入会地_川口_874-2</t>
  </si>
  <si>
    <t>川口宮袋入会地_宮袋_9</t>
  </si>
  <si>
    <t>川口宮袋入会地_宮袋_93</t>
  </si>
  <si>
    <t>川口宮袋入会地_宮袋_124-3</t>
  </si>
  <si>
    <t>川口宮袋入会地_宮袋_124-4</t>
  </si>
  <si>
    <t>川口宮袋入会地_宮袋_125-2</t>
  </si>
  <si>
    <t>川口宮袋入会地_宮袋_132-2</t>
  </si>
  <si>
    <t>庄川本町__2-3</t>
  </si>
  <si>
    <t>川口宮袋入会地_宮袋_227-2</t>
  </si>
  <si>
    <t>川口宮袋入会地_宮袋_266-2</t>
  </si>
  <si>
    <t>川口宮袋入会地_宮袋_346</t>
  </si>
  <si>
    <t>川口宮袋入会地_宮袋_370-2</t>
  </si>
  <si>
    <t>川口宮袋入会地_宮袋_407-2</t>
  </si>
  <si>
    <t>川口宮袋入会地_宮袋_420-2</t>
  </si>
  <si>
    <t>川口宮袋入会地_新京_4574-5</t>
  </si>
  <si>
    <t>川口宮袋入会地_新京_4586-4</t>
  </si>
  <si>
    <t>川口宮袋入会地_新京_4619-4</t>
  </si>
  <si>
    <t>川口宮袋入会地_新京_4620-3</t>
  </si>
  <si>
    <t>庄川本町__2-4</t>
  </si>
  <si>
    <t>川口宮袋入会地_加治_5690-9</t>
  </si>
  <si>
    <t>川口宮袋入会地_加治_5841-4</t>
  </si>
  <si>
    <t>川口宮袋入会地_加治_5842-2</t>
  </si>
  <si>
    <t>川口宮袋入会地_加治_5843-2</t>
  </si>
  <si>
    <t>川口宮袋入会地_大法寺_6592-1</t>
  </si>
  <si>
    <t>川口宮袋入会地_大法寺_6593-1</t>
  </si>
  <si>
    <t>松木__3-2</t>
  </si>
  <si>
    <t>松木__4-2</t>
  </si>
  <si>
    <t>松木__5-2</t>
  </si>
  <si>
    <t>松木__6-2</t>
  </si>
  <si>
    <t>庄川本町__3-3</t>
  </si>
  <si>
    <t>松木__7-2</t>
  </si>
  <si>
    <t>松木__8-2</t>
  </si>
  <si>
    <t>松木__9-3</t>
  </si>
  <si>
    <t>松木__9-4</t>
  </si>
  <si>
    <t>松木__10-3</t>
  </si>
  <si>
    <t>松木__10-4</t>
  </si>
  <si>
    <t>松木__11-2</t>
  </si>
  <si>
    <t>松木__12-2</t>
  </si>
  <si>
    <t>松木__12-3</t>
  </si>
  <si>
    <t>松木__13-2</t>
  </si>
  <si>
    <t>庄川本町__3-4</t>
  </si>
  <si>
    <t>松木__13-3</t>
  </si>
  <si>
    <t>松木__14-2</t>
  </si>
  <si>
    <t>松木__15-2</t>
  </si>
  <si>
    <t>松木__16-3</t>
  </si>
  <si>
    <t>松木__16-4</t>
  </si>
  <si>
    <t>松木__17-2</t>
  </si>
  <si>
    <t>松木__18-2</t>
  </si>
  <si>
    <t>松木__19-2</t>
  </si>
  <si>
    <t>松木__21-4</t>
  </si>
  <si>
    <t>松木__23-2</t>
  </si>
  <si>
    <t>庄川本町__18-1</t>
  </si>
  <si>
    <t>松木__24-2</t>
  </si>
  <si>
    <t>松木__25-2</t>
  </si>
  <si>
    <t>松木__26-2</t>
  </si>
  <si>
    <t>松木__27-2</t>
  </si>
  <si>
    <t>松木__28-2</t>
  </si>
  <si>
    <t>松木__29-2</t>
  </si>
  <si>
    <t>松木__30-2</t>
  </si>
  <si>
    <t>松木__31-2</t>
  </si>
  <si>
    <t>松木__32-2</t>
  </si>
  <si>
    <t>松木__33-2</t>
  </si>
  <si>
    <t>庄川本町__21-13</t>
  </si>
  <si>
    <t>松木__34-2</t>
  </si>
  <si>
    <t>松木__35-2</t>
  </si>
  <si>
    <t>松木__36-2</t>
  </si>
  <si>
    <t>松木__37-3</t>
  </si>
  <si>
    <t>松木__37-4</t>
  </si>
  <si>
    <t>松木__38-2</t>
  </si>
  <si>
    <t>松木__39-2</t>
  </si>
  <si>
    <t>松木__40-2</t>
  </si>
  <si>
    <t>松木__45-2</t>
  </si>
  <si>
    <t>松木__46-3</t>
  </si>
  <si>
    <t>庄川本町__21-2</t>
  </si>
  <si>
    <t>松木__47-2</t>
  </si>
  <si>
    <t>松木__48-2</t>
  </si>
  <si>
    <t>松木__49-2</t>
  </si>
  <si>
    <t>松木__50-2</t>
  </si>
  <si>
    <t>松木__51-2</t>
  </si>
  <si>
    <t>松木__52-2</t>
  </si>
  <si>
    <t>松木__53-2</t>
  </si>
  <si>
    <t>松木__53-3</t>
  </si>
  <si>
    <t>松木__54-2</t>
  </si>
  <si>
    <t>松木__54-3</t>
  </si>
  <si>
    <t>庄川本町__26-5</t>
  </si>
  <si>
    <t>松木__55-2</t>
  </si>
  <si>
    <t>松木__56-2</t>
  </si>
  <si>
    <t>松木__57-2</t>
  </si>
  <si>
    <t>松木__58-3</t>
  </si>
  <si>
    <t>松木__59-2</t>
  </si>
  <si>
    <t>松木__60-3</t>
  </si>
  <si>
    <t>松木__60-4</t>
  </si>
  <si>
    <t>松木__61-3</t>
  </si>
  <si>
    <t>松木__62-2</t>
  </si>
  <si>
    <t>松木__79-2</t>
  </si>
  <si>
    <t>庄西町一丁目__1372-64</t>
  </si>
  <si>
    <t>庄川本町__62-35</t>
  </si>
  <si>
    <t>松木__181-6</t>
  </si>
  <si>
    <t>松木__181-7</t>
  </si>
  <si>
    <t>松木__181-8</t>
  </si>
  <si>
    <t>松木__181-9</t>
  </si>
  <si>
    <t>松木__203-4</t>
  </si>
  <si>
    <t>松木__203-5</t>
  </si>
  <si>
    <t>松木__203-6</t>
  </si>
  <si>
    <t>松木__430-4</t>
  </si>
  <si>
    <t>松木__496-2</t>
  </si>
  <si>
    <t>松木__520-2</t>
  </si>
  <si>
    <t>庄川本町__62-3</t>
  </si>
  <si>
    <t>松木__521-2</t>
  </si>
  <si>
    <t>松木__526-5</t>
  </si>
  <si>
    <t>松木__526-6</t>
  </si>
  <si>
    <t>松木__526-7</t>
  </si>
  <si>
    <t>松木__526-8</t>
  </si>
  <si>
    <t>松木__527-2</t>
  </si>
  <si>
    <t>松木__542-2</t>
  </si>
  <si>
    <t>松木__542-3</t>
  </si>
  <si>
    <t>松木__559-2</t>
  </si>
  <si>
    <t>松木__628-2</t>
  </si>
  <si>
    <t>庄川本町__62-4</t>
  </si>
  <si>
    <t>松木__629-2</t>
  </si>
  <si>
    <t>松木__630-4</t>
  </si>
  <si>
    <t>松木__630-5</t>
  </si>
  <si>
    <t>松木__630-6</t>
  </si>
  <si>
    <t>松木__721-3</t>
  </si>
  <si>
    <t>松木__722-3</t>
  </si>
  <si>
    <t>松木__722-4</t>
  </si>
  <si>
    <t>松木__725-1</t>
  </si>
  <si>
    <t>松木__725-5</t>
  </si>
  <si>
    <t>松木__725-6</t>
  </si>
  <si>
    <t>庄川本町__62-7</t>
  </si>
  <si>
    <t>松木__726-2</t>
  </si>
  <si>
    <t>松木__727-2</t>
  </si>
  <si>
    <t>松木__728-2</t>
  </si>
  <si>
    <t>松木__729-3</t>
  </si>
  <si>
    <t>松木__729-4</t>
  </si>
  <si>
    <t>松木__730-2</t>
  </si>
  <si>
    <t>松木__731-2</t>
  </si>
  <si>
    <t>松木__733-5</t>
  </si>
  <si>
    <t>松木__733-6</t>
  </si>
  <si>
    <t>松木__734-3</t>
  </si>
  <si>
    <t>庄川本町__64-16</t>
  </si>
  <si>
    <t>松木__734-4</t>
  </si>
  <si>
    <t>松木__887-1</t>
  </si>
  <si>
    <t>松木__894-1</t>
  </si>
  <si>
    <t>松木__894-2</t>
  </si>
  <si>
    <t>松木__1130</t>
  </si>
  <si>
    <t>松木__1131</t>
  </si>
  <si>
    <t>松木__1132</t>
  </si>
  <si>
    <t>松木__1133</t>
  </si>
  <si>
    <t>松木__1134</t>
  </si>
  <si>
    <t>松木__1135</t>
  </si>
  <si>
    <t>庄川本町__64-2</t>
  </si>
  <si>
    <t>松木__1136</t>
  </si>
  <si>
    <t>松木__1137</t>
  </si>
  <si>
    <t>松木__1138</t>
  </si>
  <si>
    <t>松木__1139</t>
  </si>
  <si>
    <t>松木__1140</t>
  </si>
  <si>
    <t>松木__1141</t>
  </si>
  <si>
    <t>松木__1142</t>
  </si>
  <si>
    <t>松木__1143</t>
  </si>
  <si>
    <t>松木__1144</t>
  </si>
  <si>
    <t>松木__1145</t>
  </si>
  <si>
    <t>庄川本町__65-2</t>
  </si>
  <si>
    <t>松木__1146</t>
  </si>
  <si>
    <t>松木__1147</t>
  </si>
  <si>
    <t>松木__1148</t>
  </si>
  <si>
    <t>松木__1149</t>
  </si>
  <si>
    <t>松木__1150</t>
  </si>
  <si>
    <t>松木__1151</t>
  </si>
  <si>
    <t>松木__1152</t>
  </si>
  <si>
    <t>松木__1153</t>
  </si>
  <si>
    <t>松木__1154</t>
  </si>
  <si>
    <t>松木__1180</t>
  </si>
  <si>
    <t>庄川本町__65-4</t>
  </si>
  <si>
    <t>松木_川田_1732-1</t>
  </si>
  <si>
    <t>松木_川田_1732-2</t>
  </si>
  <si>
    <t>松木_川田_1733-1</t>
  </si>
  <si>
    <t>松木_川田_1735-3</t>
  </si>
  <si>
    <t>作道__5-1</t>
  </si>
  <si>
    <t>作道__12-1</t>
  </si>
  <si>
    <t>作道__13-1</t>
  </si>
  <si>
    <t>作道__15-1</t>
  </si>
  <si>
    <t>作道__16-1</t>
  </si>
  <si>
    <t>作道__16-2</t>
  </si>
  <si>
    <t>庄川本町__67-24</t>
  </si>
  <si>
    <t>作道__17-1</t>
  </si>
  <si>
    <t>作道__17-2</t>
  </si>
  <si>
    <t>作道__18-7</t>
  </si>
  <si>
    <t>作道__19-1</t>
  </si>
  <si>
    <t>作道__20-1</t>
  </si>
  <si>
    <t>作道__22-1</t>
  </si>
  <si>
    <t>作道__30-14</t>
  </si>
  <si>
    <t>作道__30-1</t>
  </si>
  <si>
    <t>作道__30-7</t>
  </si>
  <si>
    <t>作道__33-29</t>
  </si>
  <si>
    <t>庄川本町__67-25</t>
  </si>
  <si>
    <t>作道__33-1</t>
  </si>
  <si>
    <t>作道__35-6</t>
  </si>
  <si>
    <t>作道__56-2</t>
  </si>
  <si>
    <t>作道__56-4</t>
  </si>
  <si>
    <t>作道__57-1</t>
  </si>
  <si>
    <t>作道__59-1</t>
  </si>
  <si>
    <t>作道__209-1</t>
  </si>
  <si>
    <t>作道__210-1</t>
  </si>
  <si>
    <t>作道__216-1</t>
  </si>
  <si>
    <t>作道__224-3</t>
  </si>
  <si>
    <t>庄西町一丁目__1372-65</t>
  </si>
  <si>
    <t>庄川本町__67-26</t>
  </si>
  <si>
    <t>作道__225-2</t>
  </si>
  <si>
    <t>作道__286-2</t>
  </si>
  <si>
    <t>作道__303-5</t>
  </si>
  <si>
    <t>作道__306-2</t>
  </si>
  <si>
    <t>作道__310-3</t>
  </si>
  <si>
    <t>作道__310-4</t>
  </si>
  <si>
    <t>作道__315-2</t>
  </si>
  <si>
    <t>作道__316-2</t>
  </si>
  <si>
    <t>作道__328-2</t>
  </si>
  <si>
    <t>作道__345-2</t>
  </si>
  <si>
    <t>庄川本町__67-27</t>
  </si>
  <si>
    <t>作道__354-2</t>
  </si>
  <si>
    <t>作道__355-2</t>
  </si>
  <si>
    <t>作道__366-2</t>
  </si>
  <si>
    <t>作道__386</t>
  </si>
  <si>
    <t>作道__473-4</t>
  </si>
  <si>
    <t>作道__570-1</t>
  </si>
  <si>
    <t>作道__576-2</t>
  </si>
  <si>
    <t>作道__576-6</t>
  </si>
  <si>
    <t>作道__626-2</t>
  </si>
  <si>
    <t>作道__638-2</t>
  </si>
  <si>
    <t>庄川本町__67-28</t>
  </si>
  <si>
    <t>作道__639-2</t>
  </si>
  <si>
    <t>作道__643-2</t>
  </si>
  <si>
    <t>作道__645</t>
  </si>
  <si>
    <t>作道__646-2</t>
  </si>
  <si>
    <t>作道__646-3</t>
  </si>
  <si>
    <t>作道__647-2</t>
  </si>
  <si>
    <t>作道__648-2</t>
  </si>
  <si>
    <t>作道__653-2</t>
  </si>
  <si>
    <t>作道__654-2</t>
  </si>
  <si>
    <t>作道__655-2</t>
  </si>
  <si>
    <t>庄川本町__67-29</t>
  </si>
  <si>
    <t>作道__656-2</t>
  </si>
  <si>
    <t>作道__657-2</t>
  </si>
  <si>
    <t>作道__658-2</t>
  </si>
  <si>
    <t>作道__659-2</t>
  </si>
  <si>
    <t>作道__665-2</t>
  </si>
  <si>
    <t>作道__666-2</t>
  </si>
  <si>
    <t>作道__667-2</t>
  </si>
  <si>
    <t>作道__668-2</t>
  </si>
  <si>
    <t>作道__669-2</t>
  </si>
  <si>
    <t>作道__670-2</t>
  </si>
  <si>
    <t>庄川本町__67-30</t>
  </si>
  <si>
    <t>作道__671-2</t>
  </si>
  <si>
    <t>作道__672</t>
  </si>
  <si>
    <t>作道__673</t>
  </si>
  <si>
    <t>作道__685-14</t>
  </si>
  <si>
    <t>作道__689-2</t>
  </si>
  <si>
    <t>作道__690-2</t>
  </si>
  <si>
    <t>作道__789</t>
  </si>
  <si>
    <t>作道__791</t>
  </si>
  <si>
    <t>作道__793</t>
  </si>
  <si>
    <t>作道__795</t>
  </si>
  <si>
    <t>庄川本町__67-31</t>
  </si>
  <si>
    <t>作道__970</t>
  </si>
  <si>
    <t>作道__972</t>
  </si>
  <si>
    <t>作道__2136</t>
  </si>
  <si>
    <t>作道__2137</t>
  </si>
  <si>
    <t>作道_西不湖_690-2</t>
  </si>
  <si>
    <t>作道_西不湖_691-1</t>
  </si>
  <si>
    <t>作道_西不湖_733-1</t>
  </si>
  <si>
    <t>作道_西不湖_737-1</t>
  </si>
  <si>
    <t>作道_十方作_1538-5</t>
  </si>
  <si>
    <t>作道_十方作_1538-6</t>
  </si>
  <si>
    <t>庄川本町__67-32</t>
  </si>
  <si>
    <t>作道_早稲田_1067-2</t>
  </si>
  <si>
    <t>作道_逆子_1933-7</t>
  </si>
  <si>
    <t>作道_逆子_1953-4</t>
  </si>
  <si>
    <t>作道_砂山_1479-9</t>
  </si>
  <si>
    <t>作道_苗代_1852-5</t>
  </si>
  <si>
    <t>作道_苗代_1853-5</t>
  </si>
  <si>
    <t>作道_苗代_1854-3</t>
  </si>
  <si>
    <t>作道_苗代_1855-3</t>
  </si>
  <si>
    <t>作道_苗代_1861-3</t>
  </si>
  <si>
    <t>作道_苗代_1862-5</t>
  </si>
  <si>
    <t>庄川本町__67-33</t>
  </si>
  <si>
    <t>作道_苗代_1863-3</t>
  </si>
  <si>
    <t>作道_苗代_1864-3</t>
  </si>
  <si>
    <t>作道_苗代_1865-3</t>
  </si>
  <si>
    <t>作道_苗代_1866-2</t>
  </si>
  <si>
    <t>作道_苗代_1875-1</t>
  </si>
  <si>
    <t>作道_苗代_1890-2</t>
  </si>
  <si>
    <t>作道_苗代_1891-4</t>
  </si>
  <si>
    <t>作道_苗代_1893-3</t>
  </si>
  <si>
    <t>作道_苗代_1896-2</t>
  </si>
  <si>
    <t>作道_苗代_1896-7</t>
  </si>
  <si>
    <t>庄川本町__67-34</t>
  </si>
  <si>
    <t>作道_苗代_1896-8</t>
  </si>
  <si>
    <t>作道_苗代_1896-9</t>
  </si>
  <si>
    <t>作道_苗代_1897-5</t>
  </si>
  <si>
    <t>作道_苗代_1897-6</t>
  </si>
  <si>
    <t>作道_苗代_1900-2</t>
  </si>
  <si>
    <t>作道_苗代_1901-2</t>
  </si>
  <si>
    <t>作道_苗代_1906-3</t>
  </si>
  <si>
    <t>作道_苗代_1906-4</t>
  </si>
  <si>
    <t>作道_苗代_1907-2</t>
  </si>
  <si>
    <t>作道_苗代_1908-3</t>
  </si>
  <si>
    <t>庄川本町__67-35</t>
  </si>
  <si>
    <t>作道_苗代_1908-4</t>
  </si>
  <si>
    <t>作道_苗代_1914-2</t>
  </si>
  <si>
    <t>作道_苗代_1915-8</t>
  </si>
  <si>
    <t>作道_苗代_1916-2</t>
  </si>
  <si>
    <t>作道_苗代_1917-2</t>
  </si>
  <si>
    <t>作道_苗代_1918-2</t>
  </si>
  <si>
    <t>作道_苗代_1919-3</t>
  </si>
  <si>
    <t>作道_苗代_1924-3</t>
  </si>
  <si>
    <t>作道_苗代_1928-3</t>
  </si>
  <si>
    <t>作道_苗代_1959-8</t>
  </si>
  <si>
    <t>庄西町一丁目__1381-1</t>
  </si>
  <si>
    <t>庄川本町__67-36</t>
  </si>
  <si>
    <t>作道_苗代_1964-13</t>
  </si>
  <si>
    <t>作道_苗代_1964-14</t>
  </si>
  <si>
    <t>作道_苗代_1993-13</t>
  </si>
  <si>
    <t>作道_苗代_1996-2</t>
  </si>
  <si>
    <t>作道_苗代_1997-5</t>
  </si>
  <si>
    <t>作道_苗代_1998-2</t>
  </si>
  <si>
    <t>作道_苗代_2002-2</t>
  </si>
  <si>
    <t>作道_苗代_2005-2</t>
  </si>
  <si>
    <t>作道_苗代_2006-3</t>
  </si>
  <si>
    <t>作道_苗代_2007-2</t>
  </si>
  <si>
    <t>庄川本町__67-37</t>
  </si>
  <si>
    <t>作道_苗代_2030-3</t>
  </si>
  <si>
    <t>作道_苗代_2030-4</t>
  </si>
  <si>
    <t>作道_苗代_2031-6</t>
  </si>
  <si>
    <t>作道_苗代_2031-8</t>
  </si>
  <si>
    <t>作道_苗代_2032-2</t>
  </si>
  <si>
    <t>作道_苗代_2033-2</t>
  </si>
  <si>
    <t>作道_苗代_2036-2</t>
  </si>
  <si>
    <t>作道_苗代_2039-2</t>
  </si>
  <si>
    <t>作道_苗代_2040-2</t>
  </si>
  <si>
    <t>作道_苗代_2041-2</t>
  </si>
  <si>
    <t>庄川本町__67-38</t>
  </si>
  <si>
    <t>作道_苗代_2048-4</t>
  </si>
  <si>
    <t>作道_苗代_2048-5</t>
  </si>
  <si>
    <t>作道_苗代_2048-6</t>
  </si>
  <si>
    <t>作道_苗代_2048-7</t>
  </si>
  <si>
    <t>作道_苗代_2049-2</t>
  </si>
  <si>
    <t>作道_苗代_2050-2</t>
  </si>
  <si>
    <t>作道_苗代_2052-3</t>
  </si>
  <si>
    <t>作道_苗代_2053-3</t>
  </si>
  <si>
    <t>作道_苗代_2054-2</t>
  </si>
  <si>
    <t>作道_苗代_2071-3</t>
  </si>
  <si>
    <t>庄川本町__67-39</t>
  </si>
  <si>
    <t>作道_苗代_2072-4</t>
  </si>
  <si>
    <t>作道_苗代_2072-5</t>
  </si>
  <si>
    <t>作道_苗代_2073-3</t>
  </si>
  <si>
    <t>作道_苗代_2074-2</t>
  </si>
  <si>
    <t>作道_苗代_2075-2</t>
  </si>
  <si>
    <t>作道_苗代_2076-2</t>
  </si>
  <si>
    <t>作道_苗代_2077-2</t>
  </si>
  <si>
    <t>作道_苗代_2080-2</t>
  </si>
  <si>
    <t>作道_苗代_2080-3</t>
  </si>
  <si>
    <t>作道_苗代_2080-4</t>
  </si>
  <si>
    <t>庄川本町__67-40</t>
  </si>
  <si>
    <t>作道_苗代_2080-8</t>
  </si>
  <si>
    <t>作道_苗代_2084-2</t>
  </si>
  <si>
    <t>作道_苗代_2085-26</t>
  </si>
  <si>
    <t>作道_苗代_2086-4</t>
  </si>
  <si>
    <t>作道_上野田_1798-3</t>
  </si>
  <si>
    <t>作道_上野田_1800-2</t>
  </si>
  <si>
    <t>作道_上野田_1806-3</t>
  </si>
  <si>
    <t>作道_上野田_1807-3</t>
  </si>
  <si>
    <t>作道_上野田_1808-3</t>
  </si>
  <si>
    <t>作道_上野田_1809-3</t>
  </si>
  <si>
    <t>庄川本町__67-41</t>
  </si>
  <si>
    <t>作道_上野田_1810-3</t>
  </si>
  <si>
    <t>作道_上野田_1811-3</t>
  </si>
  <si>
    <t>作道_上野田_1812-3</t>
  </si>
  <si>
    <t>作道_上野田_1813-3</t>
  </si>
  <si>
    <t>作道_上野田_1814-3</t>
  </si>
  <si>
    <t>作道_上野田_1815-4</t>
  </si>
  <si>
    <t>作道_上野田_1817-2</t>
  </si>
  <si>
    <t>作道_上野田_1819-3</t>
  </si>
  <si>
    <t>作道_上野田_1828-3</t>
  </si>
  <si>
    <t>作道_上野田_2134-1</t>
  </si>
  <si>
    <t>庄川本町__80-2</t>
  </si>
  <si>
    <t>作道_上野田_2134-2</t>
  </si>
  <si>
    <t>作道_上野田_2134-3</t>
  </si>
  <si>
    <t>作道_領石_1802-2</t>
  </si>
  <si>
    <t>作道_領石_1803-3</t>
  </si>
  <si>
    <t>作道_野田_1754</t>
  </si>
  <si>
    <t>作道_野田_1755-1</t>
  </si>
  <si>
    <t>作道_囲ノ内_2105-7</t>
  </si>
  <si>
    <t>作道_囲ノ内_2106-1</t>
  </si>
  <si>
    <t>作道_囲ノ内_2107</t>
  </si>
  <si>
    <t>作道_囲ノ内_2119-5</t>
  </si>
  <si>
    <t>庄川本町__81-1</t>
  </si>
  <si>
    <t>作道_囲ノ内_2128-4</t>
  </si>
  <si>
    <t>鏡宮__87-3</t>
  </si>
  <si>
    <t>鏡宮__90-2</t>
  </si>
  <si>
    <t>鏡宮__94-2</t>
  </si>
  <si>
    <t>鏡宮__96-2</t>
  </si>
  <si>
    <t>鏡宮__98-2</t>
  </si>
  <si>
    <t>鏡宮__101-2</t>
  </si>
  <si>
    <t>鏡宮__102-2</t>
  </si>
  <si>
    <t>鏡宮__112-4</t>
  </si>
  <si>
    <t>鏡宮__143-2</t>
  </si>
  <si>
    <t>庄川本町__81-2</t>
  </si>
  <si>
    <t>鏡宮__143-4</t>
  </si>
  <si>
    <t>鏡宮__143-5</t>
  </si>
  <si>
    <t>鏡宮__147-2</t>
  </si>
  <si>
    <t>鏡宮__148-2</t>
  </si>
  <si>
    <t>鏡宮__149-2</t>
  </si>
  <si>
    <t>鏡宮__150-2</t>
  </si>
  <si>
    <t>鏡宮__161-2</t>
  </si>
  <si>
    <t>鏡宮__168-2</t>
  </si>
  <si>
    <t>鏡宮__169-3</t>
  </si>
  <si>
    <t>鏡宮__169-4</t>
  </si>
  <si>
    <t>庄川本町__88-1</t>
  </si>
  <si>
    <t>鏡宮__170-2</t>
  </si>
  <si>
    <t>鏡宮__170-3</t>
  </si>
  <si>
    <t>鏡宮__193-2</t>
  </si>
  <si>
    <t>鏡宮__193-3</t>
  </si>
  <si>
    <t>鏡宮__194-2</t>
  </si>
  <si>
    <t>鏡宮__194-3</t>
  </si>
  <si>
    <t>鏡宮__195-2</t>
  </si>
  <si>
    <t>鏡宮__195-3</t>
  </si>
  <si>
    <t>鏡宮__196-3</t>
  </si>
  <si>
    <t>鏡宮__196-4</t>
  </si>
  <si>
    <t>庄西町一丁目__1381-3</t>
  </si>
  <si>
    <t>庄川本町__88-9</t>
  </si>
  <si>
    <t>鏡宮__197-2</t>
  </si>
  <si>
    <t>鏡宮__198-2</t>
  </si>
  <si>
    <t>鏡宮__199-2</t>
  </si>
  <si>
    <t>鏡宮__200-2</t>
  </si>
  <si>
    <t>鏡宮__201-2</t>
  </si>
  <si>
    <t>鏡宮__202-2</t>
  </si>
  <si>
    <t>鏡宮__202-3</t>
  </si>
  <si>
    <t>鏡宮__203-2</t>
  </si>
  <si>
    <t>鏡宮__228-2</t>
  </si>
  <si>
    <t>鏡宮__247-2</t>
  </si>
  <si>
    <t>庄川本町__88-12</t>
  </si>
  <si>
    <t>鏡宮__247-3</t>
  </si>
  <si>
    <t>鏡宮__248-2</t>
  </si>
  <si>
    <t>鏡宮__263-1</t>
  </si>
  <si>
    <t>鏡宮__267-2</t>
  </si>
  <si>
    <t>鏡宮__268-3</t>
  </si>
  <si>
    <t>鏡宮__288-3</t>
  </si>
  <si>
    <t>鏡宮__288-8</t>
  </si>
  <si>
    <t>鏡宮__310-2</t>
  </si>
  <si>
    <t>鏡宮__310-3</t>
  </si>
  <si>
    <t>鏡宮__311-2</t>
  </si>
  <si>
    <t>庄川本町__90-2</t>
  </si>
  <si>
    <t>鏡宮__311-3</t>
  </si>
  <si>
    <t>鏡宮__312-2</t>
  </si>
  <si>
    <t>鏡宮__312-3</t>
  </si>
  <si>
    <t>鏡宮__313-2</t>
  </si>
  <si>
    <t>鏡宮__313-3</t>
  </si>
  <si>
    <t>鏡宮__314-2</t>
  </si>
  <si>
    <t>鏡宮__314-3</t>
  </si>
  <si>
    <t>鏡宮__315-2</t>
  </si>
  <si>
    <t>鏡宮__315-3</t>
  </si>
  <si>
    <t>鏡宮__316-2</t>
  </si>
  <si>
    <t>庄川本町__94-10</t>
  </si>
  <si>
    <t>鏡宮__316-3</t>
  </si>
  <si>
    <t>鏡宮__317-2</t>
  </si>
  <si>
    <t>鏡宮__317-3</t>
  </si>
  <si>
    <t>鏡宮__318-2</t>
  </si>
  <si>
    <t>鏡宮__318-3</t>
  </si>
  <si>
    <t>鏡宮__319-2</t>
  </si>
  <si>
    <t>鏡宮__319-3</t>
  </si>
  <si>
    <t>鏡宮__320-2</t>
  </si>
  <si>
    <t>鏡宮__321-2</t>
  </si>
  <si>
    <t>鏡宮__322-2</t>
  </si>
  <si>
    <t>庄川本町__95-32</t>
  </si>
  <si>
    <t>鏡宮__323-2</t>
  </si>
  <si>
    <t>鏡宮__324-2</t>
  </si>
  <si>
    <t>鏡宮__325-2</t>
  </si>
  <si>
    <t>鏡宮__331-2</t>
  </si>
  <si>
    <t>鏡宮__332-2</t>
  </si>
  <si>
    <t>鏡宮__333-2</t>
  </si>
  <si>
    <t>鏡宮__334-2</t>
  </si>
  <si>
    <t>鏡宮__338-2</t>
  </si>
  <si>
    <t>鏡宮__343-2</t>
  </si>
  <si>
    <t>鏡宮__407-4</t>
  </si>
  <si>
    <t>庄川本町__95-33</t>
  </si>
  <si>
    <t>鏡宮__407-5</t>
  </si>
  <si>
    <t>鏡宮__411-2</t>
  </si>
  <si>
    <t>鏡宮__411-3</t>
  </si>
  <si>
    <t>鏡宮__412-2</t>
  </si>
  <si>
    <t>鏡宮__418-2</t>
  </si>
  <si>
    <t>鏡宮__470-2</t>
  </si>
  <si>
    <t>鏡宮__472-2</t>
  </si>
  <si>
    <t>鏡宮__481-2</t>
  </si>
  <si>
    <t>鏡宮__482-2</t>
  </si>
  <si>
    <t>鏡宮__483-2</t>
  </si>
  <si>
    <t>庄川本町__97-2</t>
  </si>
  <si>
    <t>鏡宮__485-2</t>
  </si>
  <si>
    <t>鏡宮__485-3</t>
  </si>
  <si>
    <t>鏡宮__486-2</t>
  </si>
  <si>
    <t>鏡宮__486-4</t>
  </si>
  <si>
    <t>鏡宮__486-5</t>
  </si>
  <si>
    <t>鏡宮__493-2</t>
  </si>
  <si>
    <t>鏡宮__508-2</t>
  </si>
  <si>
    <t>鏡宮__509-2</t>
  </si>
  <si>
    <t>鏡宮__517-2</t>
  </si>
  <si>
    <t>鏡宮__530-3</t>
  </si>
  <si>
    <t>庄川本町__98-13</t>
  </si>
  <si>
    <t>鏡宮__535-3</t>
  </si>
  <si>
    <t>鏡宮__620-2</t>
  </si>
  <si>
    <t>鏡宮__706-2</t>
  </si>
  <si>
    <t>鏡宮__707-1</t>
  </si>
  <si>
    <t>鏡宮__707-11</t>
  </si>
  <si>
    <t>鏡宮__1110</t>
  </si>
  <si>
    <t>鏡宮__1111</t>
  </si>
  <si>
    <t>鏡宮__1112</t>
  </si>
  <si>
    <t>鏡宮__1113</t>
  </si>
  <si>
    <t>鏡宮__1114</t>
  </si>
  <si>
    <t>庄川本町__98-2</t>
  </si>
  <si>
    <t>鏡宮__1115</t>
  </si>
  <si>
    <t>野村__32</t>
  </si>
  <si>
    <t>野村__56</t>
  </si>
  <si>
    <t>野村__71</t>
  </si>
  <si>
    <t>野村__75</t>
  </si>
  <si>
    <t>野村__98</t>
  </si>
  <si>
    <t>野村__114</t>
  </si>
  <si>
    <t>野村__115</t>
  </si>
  <si>
    <t>野村__116</t>
  </si>
  <si>
    <t>野村__121</t>
  </si>
  <si>
    <t>庄川本町__99-36</t>
  </si>
  <si>
    <t>野村__135</t>
  </si>
  <si>
    <t>野村__141</t>
  </si>
  <si>
    <t>野村__145</t>
  </si>
  <si>
    <t>野村__150</t>
  </si>
  <si>
    <t>野村__165</t>
  </si>
  <si>
    <t>野村__179</t>
  </si>
  <si>
    <t>野村__183</t>
  </si>
  <si>
    <t>野村__184</t>
  </si>
  <si>
    <t>野村__192</t>
  </si>
  <si>
    <t>野村__193</t>
  </si>
  <si>
    <t>庄西町一丁目__1381-36</t>
  </si>
  <si>
    <t>庄川本町__99-9</t>
  </si>
  <si>
    <t>野村__210</t>
  </si>
  <si>
    <t>野村__219</t>
  </si>
  <si>
    <t>野村__221</t>
  </si>
  <si>
    <t>野村__225</t>
  </si>
  <si>
    <t>野村__229</t>
  </si>
  <si>
    <t>野村__234</t>
  </si>
  <si>
    <t>野村__240</t>
  </si>
  <si>
    <t>野村__279</t>
  </si>
  <si>
    <t>野村__289</t>
  </si>
  <si>
    <t>野村__314</t>
  </si>
  <si>
    <t>庄川本町__101-16</t>
  </si>
  <si>
    <t>野村__361</t>
  </si>
  <si>
    <t>野村__374</t>
  </si>
  <si>
    <t>野村__385</t>
  </si>
  <si>
    <t>野村__386</t>
  </si>
  <si>
    <t>野村__392</t>
  </si>
  <si>
    <t>野村__404</t>
  </si>
  <si>
    <t>野村__406</t>
  </si>
  <si>
    <t>野村__409</t>
  </si>
  <si>
    <t>野村__411</t>
  </si>
  <si>
    <t>野村__413</t>
  </si>
  <si>
    <t>庄川本町__103-1</t>
  </si>
  <si>
    <t>野村__415</t>
  </si>
  <si>
    <t>野村__420</t>
  </si>
  <si>
    <t>野村__435</t>
  </si>
  <si>
    <t>野村__440</t>
  </si>
  <si>
    <t>野村__447-2</t>
  </si>
  <si>
    <t>野村__456</t>
  </si>
  <si>
    <t>野村__508</t>
  </si>
  <si>
    <t>野村__510</t>
  </si>
  <si>
    <t>野村__528</t>
  </si>
  <si>
    <t>野村__556</t>
  </si>
  <si>
    <t>庄川本町__107-3</t>
  </si>
  <si>
    <t>野村__557</t>
  </si>
  <si>
    <t>野村__582</t>
  </si>
  <si>
    <t>野村__583</t>
  </si>
  <si>
    <t>野村__585</t>
  </si>
  <si>
    <t>野村__588-2</t>
  </si>
  <si>
    <t>野村__588-3</t>
  </si>
  <si>
    <t>野村__604</t>
  </si>
  <si>
    <t>野村__610-2</t>
  </si>
  <si>
    <t>野村__612-2</t>
  </si>
  <si>
    <t>野村__613-2</t>
  </si>
  <si>
    <t>庄川本町__107-20</t>
  </si>
  <si>
    <t>野村__615-2</t>
  </si>
  <si>
    <t>野村__621</t>
  </si>
  <si>
    <t>野村__622</t>
  </si>
  <si>
    <t>野村__629</t>
  </si>
  <si>
    <t>野村__630-2</t>
  </si>
  <si>
    <t>野村__631-2</t>
  </si>
  <si>
    <t>野村__632-2</t>
  </si>
  <si>
    <t>野村__633</t>
  </si>
  <si>
    <t>野村__645-2</t>
  </si>
  <si>
    <t>野村__649</t>
  </si>
  <si>
    <t>庄川本町__107-25</t>
  </si>
  <si>
    <t>野村__650-2</t>
  </si>
  <si>
    <t>野村__671</t>
  </si>
  <si>
    <t>野村__686</t>
  </si>
  <si>
    <t>野村__689</t>
  </si>
  <si>
    <t>野村__699</t>
  </si>
  <si>
    <t>野村__701</t>
  </si>
  <si>
    <t>野村__708</t>
  </si>
  <si>
    <t>野村__709</t>
  </si>
  <si>
    <t>野村__719</t>
  </si>
  <si>
    <t>野村__729</t>
  </si>
  <si>
    <t>庄川本町__107-30</t>
  </si>
  <si>
    <t>野村__731</t>
  </si>
  <si>
    <t>野村__741</t>
  </si>
  <si>
    <t>野村__742</t>
  </si>
  <si>
    <t>野村__758</t>
  </si>
  <si>
    <t>野村__764</t>
  </si>
  <si>
    <t>野村__767-2</t>
  </si>
  <si>
    <t>野村__768-2</t>
  </si>
  <si>
    <t>野村__769</t>
  </si>
  <si>
    <t>野村__770-2</t>
  </si>
  <si>
    <t>野村__777</t>
  </si>
  <si>
    <t>庄川本町__107-47</t>
  </si>
  <si>
    <t>野村__805</t>
  </si>
  <si>
    <t>野村__806</t>
  </si>
  <si>
    <t>野村__821</t>
  </si>
  <si>
    <t>野村__850</t>
  </si>
  <si>
    <t>野村__865</t>
  </si>
  <si>
    <t>野村__873</t>
  </si>
  <si>
    <t>野村__909</t>
  </si>
  <si>
    <t>野村__924</t>
  </si>
  <si>
    <t>野村__926</t>
  </si>
  <si>
    <t>沖__65-3</t>
  </si>
  <si>
    <t>庄川本町__107-59</t>
  </si>
  <si>
    <t>沖__66-3</t>
  </si>
  <si>
    <t>沖__68-3</t>
  </si>
  <si>
    <t>沖__69-3</t>
  </si>
  <si>
    <t>沖__70-3</t>
  </si>
  <si>
    <t>沖__71-3</t>
  </si>
  <si>
    <t>沖__151-2</t>
  </si>
  <si>
    <t>沖__152-2</t>
  </si>
  <si>
    <t>沖__153-3</t>
  </si>
  <si>
    <t>沖__154-2</t>
  </si>
  <si>
    <t>沖__155-2</t>
  </si>
  <si>
    <t>庄川本町__107-69</t>
  </si>
  <si>
    <t>沖__157-4</t>
  </si>
  <si>
    <t>沖__158-3</t>
  </si>
  <si>
    <t>沖__248-2</t>
  </si>
  <si>
    <t>沖__252-3</t>
  </si>
  <si>
    <t>沖__253-3</t>
  </si>
  <si>
    <t>沖__287-4</t>
  </si>
  <si>
    <t>久々湊__184-2</t>
  </si>
  <si>
    <t>久々湊__186</t>
  </si>
  <si>
    <t>久々湊__308-1</t>
  </si>
  <si>
    <t>久々湊__308-2</t>
  </si>
  <si>
    <t>庄西町二丁目__35-3</t>
  </si>
  <si>
    <t>庄川本町__107-76</t>
  </si>
  <si>
    <t>久々湊__309</t>
  </si>
  <si>
    <t>久々湊__310</t>
  </si>
  <si>
    <t>久々湊__311</t>
  </si>
  <si>
    <t>久々湊__407-2</t>
  </si>
  <si>
    <t>久々湊__801-2</t>
  </si>
  <si>
    <t>久々湊__802-2</t>
  </si>
  <si>
    <t>久々湊__803-2</t>
  </si>
  <si>
    <t>久々湊__804-2</t>
  </si>
  <si>
    <t>久々湊__805-2</t>
  </si>
  <si>
    <t>久々湊__806-2</t>
  </si>
  <si>
    <t>庄川本町__107-95</t>
  </si>
  <si>
    <t>久々湊__807-2</t>
  </si>
  <si>
    <t>久々湊__808-2</t>
  </si>
  <si>
    <t>久々湊__809-2</t>
  </si>
  <si>
    <t>久々湊__810-2</t>
  </si>
  <si>
    <t>久々湊__1435</t>
  </si>
  <si>
    <t>津幡江__58-2</t>
  </si>
  <si>
    <t>津幡江__59-2</t>
  </si>
  <si>
    <t>津幡江__60-2</t>
  </si>
  <si>
    <t>津幡江__61-2</t>
  </si>
  <si>
    <t>津幡江__254-2</t>
  </si>
  <si>
    <t>庄川本町__112-3</t>
  </si>
  <si>
    <t>津幡江__276-3</t>
  </si>
  <si>
    <t>津幡江__353-2</t>
  </si>
  <si>
    <t>津幡江__354-2</t>
  </si>
  <si>
    <t>津幡江__355-2</t>
  </si>
  <si>
    <t>津幡江__418-2</t>
  </si>
  <si>
    <t>津幡江__428-2</t>
  </si>
  <si>
    <t>津幡江__428-3</t>
  </si>
  <si>
    <t>津幡江__481-2</t>
  </si>
  <si>
    <t>津幡江__482-2</t>
  </si>
  <si>
    <t>津幡江__483-2</t>
  </si>
  <si>
    <t>庄川本町__113-4</t>
  </si>
  <si>
    <t>津幡江__484-6</t>
  </si>
  <si>
    <t>津幡江__484-9</t>
  </si>
  <si>
    <t>津幡江__484-10</t>
  </si>
  <si>
    <t>津幡江__484-11</t>
  </si>
  <si>
    <t>津幡江__484-12</t>
  </si>
  <si>
    <t>津幡江__485-4</t>
  </si>
  <si>
    <t>津幡江__485-5</t>
  </si>
  <si>
    <t>津幡江__485-6</t>
  </si>
  <si>
    <t>津幡江__497-2</t>
  </si>
  <si>
    <t>津幡江__497-3</t>
  </si>
  <si>
    <t>庄川本町__113-5</t>
  </si>
  <si>
    <t>津幡江__498-2</t>
  </si>
  <si>
    <t>津幡江__499-2</t>
  </si>
  <si>
    <t>津幡江__500-2</t>
  </si>
  <si>
    <t>津幡江__501-2</t>
  </si>
  <si>
    <t>津幡江__502-2</t>
  </si>
  <si>
    <t>津幡江__503-2</t>
  </si>
  <si>
    <t>津幡江__504-2</t>
  </si>
  <si>
    <t>津幡江__505-2</t>
  </si>
  <si>
    <t>津幡江__506-2</t>
  </si>
  <si>
    <t>津幡江__507-2</t>
  </si>
  <si>
    <t>庄川本町__115-2</t>
  </si>
  <si>
    <t>津幡江__508-2</t>
  </si>
  <si>
    <t>津幡江__508-3</t>
  </si>
  <si>
    <t>津幡江__509-2</t>
  </si>
  <si>
    <t>津幡江__510-2</t>
  </si>
  <si>
    <t>津幡江__511-2</t>
  </si>
  <si>
    <t>津幡江__650-2</t>
  </si>
  <si>
    <t>津幡江__654-2</t>
  </si>
  <si>
    <t>津幡江__655-3</t>
  </si>
  <si>
    <t>津幡江__697-2</t>
  </si>
  <si>
    <t>津幡江__706-2</t>
  </si>
  <si>
    <t>庄川本町__115-3</t>
  </si>
  <si>
    <t>津幡江__707-2</t>
  </si>
  <si>
    <t>津幡江__708-2</t>
  </si>
  <si>
    <t>津幡江__709-2</t>
  </si>
  <si>
    <t>津幡江__710-3</t>
  </si>
  <si>
    <t>津幡江__711-2</t>
  </si>
  <si>
    <t>津幡江__712-2</t>
  </si>
  <si>
    <t>津幡江__713-3</t>
  </si>
  <si>
    <t>津幡江__713-4</t>
  </si>
  <si>
    <t>津幡江__714-10</t>
  </si>
  <si>
    <t>津幡江__714-11</t>
  </si>
  <si>
    <t>庄川本町__116-2</t>
  </si>
  <si>
    <t>津幡江__715-18</t>
  </si>
  <si>
    <t>津幡江__715-19</t>
  </si>
  <si>
    <t>津幡江__715-20</t>
  </si>
  <si>
    <t>津幡江__716-11</t>
  </si>
  <si>
    <t>津幡江__716-12</t>
  </si>
  <si>
    <t>津幡江__717-3</t>
  </si>
  <si>
    <t>津幡江__718-2</t>
  </si>
  <si>
    <t>津幡江__719-2</t>
  </si>
  <si>
    <t>津幡江__720-2</t>
  </si>
  <si>
    <t>津幡江__721-2</t>
  </si>
  <si>
    <t>庄川本町__117-1</t>
  </si>
  <si>
    <t>津幡江__722-2</t>
  </si>
  <si>
    <t>津幡江__723-2</t>
  </si>
  <si>
    <t>津幡江__724-3</t>
  </si>
  <si>
    <t>津幡江__724-4</t>
  </si>
  <si>
    <t>津幡江__725-4</t>
  </si>
  <si>
    <t>津幡江__725-5</t>
  </si>
  <si>
    <t>津幡江__725-6</t>
  </si>
  <si>
    <t>津幡江__726-2</t>
  </si>
  <si>
    <t>津幡江__727-2</t>
  </si>
  <si>
    <t>津幡江__728-3</t>
  </si>
  <si>
    <t>庄川本町__126-2</t>
  </si>
  <si>
    <t>津幡江__731-5</t>
  </si>
  <si>
    <t>津幡江__731-6</t>
  </si>
  <si>
    <t>津幡江__732-2</t>
  </si>
  <si>
    <t>津幡江__733-5</t>
  </si>
  <si>
    <t>津幡江__733-6</t>
  </si>
  <si>
    <t>津幡江__734-2</t>
  </si>
  <si>
    <t>津幡江__734-3</t>
  </si>
  <si>
    <t>津幡江__735-2</t>
  </si>
  <si>
    <t>津幡江__736-2</t>
  </si>
  <si>
    <t>津幡江__737-2</t>
  </si>
  <si>
    <t>庄西町二丁目__37-5</t>
  </si>
  <si>
    <t>庄川本町__126-6</t>
  </si>
  <si>
    <t>津幡江__738-2</t>
  </si>
  <si>
    <t>津幡江__739-2</t>
  </si>
  <si>
    <t>津幡江__1062-1</t>
  </si>
  <si>
    <t>津幡江__1079</t>
  </si>
  <si>
    <t>殿村__113-3</t>
  </si>
  <si>
    <t>殿村__117-2</t>
  </si>
  <si>
    <t>殿村__118-2</t>
  </si>
  <si>
    <t>殿村__186-2</t>
  </si>
  <si>
    <t>殿村__1015</t>
  </si>
  <si>
    <t>殿村__1017</t>
  </si>
  <si>
    <t>庄川本町__126-7</t>
  </si>
  <si>
    <t>殿村__1024</t>
  </si>
  <si>
    <t>殿村__1028</t>
  </si>
  <si>
    <t>殿村__1029</t>
  </si>
  <si>
    <t>殿村__1030</t>
  </si>
  <si>
    <t>殿村__1031</t>
  </si>
  <si>
    <t>殿村__1033</t>
  </si>
  <si>
    <t>殿村__1035</t>
  </si>
  <si>
    <t>殿村__1036</t>
  </si>
  <si>
    <t>殿村__1038</t>
  </si>
  <si>
    <t>殿村__1043</t>
  </si>
  <si>
    <t>庄川本町__127-2</t>
  </si>
  <si>
    <t>殿村__1044</t>
  </si>
  <si>
    <t>殿村__1045</t>
  </si>
  <si>
    <t>殿村__1046</t>
  </si>
  <si>
    <t>殿村__1078</t>
  </si>
  <si>
    <t>今井__8-2</t>
  </si>
  <si>
    <t>今井__9-2</t>
  </si>
  <si>
    <t>今井__23-2</t>
  </si>
  <si>
    <t>今井__24-2</t>
  </si>
  <si>
    <t>今井__27-2</t>
  </si>
  <si>
    <t>今井__28-2</t>
  </si>
  <si>
    <t>庄川本町__127-3</t>
  </si>
  <si>
    <t>今井__36-2</t>
  </si>
  <si>
    <t>今井__37-2</t>
  </si>
  <si>
    <t>今井__167-2</t>
  </si>
  <si>
    <t>今井__169-2</t>
  </si>
  <si>
    <t>今井__170-2</t>
  </si>
  <si>
    <t>今井__170-3</t>
  </si>
  <si>
    <t>今井__263-4</t>
  </si>
  <si>
    <t>今井__263-9</t>
  </si>
  <si>
    <t>今井__265-4</t>
  </si>
  <si>
    <t>今井__266-2</t>
  </si>
  <si>
    <t>庄川本町__128-12</t>
  </si>
  <si>
    <t>今井__331-2</t>
  </si>
  <si>
    <t>今井__332-2</t>
  </si>
  <si>
    <t>今井__355-2</t>
  </si>
  <si>
    <t>今井__356-2</t>
  </si>
  <si>
    <t>今井__371-2</t>
  </si>
  <si>
    <t>今井__390-2</t>
  </si>
  <si>
    <t>今井__497-2</t>
  </si>
  <si>
    <t>今井__498-2</t>
  </si>
  <si>
    <t>今井__499-3</t>
  </si>
  <si>
    <t>今井__500-2</t>
  </si>
  <si>
    <t>庄川本町__135-3</t>
  </si>
  <si>
    <t>今井__518-2</t>
  </si>
  <si>
    <t>今井__519</t>
  </si>
  <si>
    <t>今井__520-2</t>
  </si>
  <si>
    <t>今井__578-2</t>
  </si>
  <si>
    <t>今井__614-1</t>
  </si>
  <si>
    <t>今井__630-1</t>
  </si>
  <si>
    <t>今井__630-7</t>
  </si>
  <si>
    <t>今井__674-2</t>
  </si>
  <si>
    <t>今井__674-3</t>
  </si>
  <si>
    <t>今井__686-2</t>
  </si>
  <si>
    <t>庄川本町__144-3</t>
  </si>
  <si>
    <t>今井__687-2</t>
  </si>
  <si>
    <t>今井__688-2</t>
  </si>
  <si>
    <t>今井__692-3</t>
  </si>
  <si>
    <t>今井__693-2</t>
  </si>
  <si>
    <t>今井__694-2</t>
  </si>
  <si>
    <t>今井__697-2</t>
  </si>
  <si>
    <t>今井__699-2</t>
  </si>
  <si>
    <t>今井__725-1</t>
  </si>
  <si>
    <t>今井__725-4</t>
  </si>
  <si>
    <t>今井__764-2</t>
  </si>
  <si>
    <t>庄川本町__145-2</t>
  </si>
  <si>
    <t>今井__765-2</t>
  </si>
  <si>
    <t>今井__766-2</t>
  </si>
  <si>
    <t>今井__776-2</t>
  </si>
  <si>
    <t>今井__827-2</t>
  </si>
  <si>
    <t>今井__828-2</t>
  </si>
  <si>
    <t>今井__829-2</t>
  </si>
  <si>
    <t>今井__830-2</t>
  </si>
  <si>
    <t>今井__831-2</t>
  </si>
  <si>
    <t>今井__841-3</t>
  </si>
  <si>
    <t>今井__842-2</t>
  </si>
  <si>
    <t>庄川本町__146-2</t>
  </si>
  <si>
    <t>今井__1011</t>
  </si>
  <si>
    <t>今井__1014</t>
  </si>
  <si>
    <t>今井__1048</t>
  </si>
  <si>
    <t>今井__1049</t>
  </si>
  <si>
    <t>高木__79-2</t>
  </si>
  <si>
    <t>高木__80-2</t>
  </si>
  <si>
    <t>高木__82-2</t>
  </si>
  <si>
    <t>高木__86-3</t>
  </si>
  <si>
    <t>高木__87-2</t>
  </si>
  <si>
    <t>高木__91-2</t>
  </si>
  <si>
    <t>庄川本町__146-3</t>
  </si>
  <si>
    <t>高木__113</t>
  </si>
  <si>
    <t>高木__171-2</t>
  </si>
  <si>
    <t>高木__421</t>
  </si>
  <si>
    <t>高木__422</t>
  </si>
  <si>
    <t>高木__423</t>
  </si>
  <si>
    <t>高木__424</t>
  </si>
  <si>
    <t>高木__425</t>
  </si>
  <si>
    <t>高木__426</t>
  </si>
  <si>
    <t>高木__427</t>
  </si>
  <si>
    <t>高木__428</t>
  </si>
  <si>
    <t>庄西町一丁目__601-17</t>
  </si>
  <si>
    <t>庄西町二丁目__37-6</t>
  </si>
  <si>
    <t>庄川本町__147-1</t>
  </si>
  <si>
    <t>高木__429</t>
  </si>
  <si>
    <t>高木__430</t>
  </si>
  <si>
    <t>布目__23</t>
  </si>
  <si>
    <t>布目__24</t>
  </si>
  <si>
    <t>布目__34</t>
  </si>
  <si>
    <t>布目__40</t>
  </si>
  <si>
    <t>布目__58</t>
  </si>
  <si>
    <t>布目__102</t>
  </si>
  <si>
    <t>布目__192-2</t>
  </si>
  <si>
    <t>片口__18-1</t>
  </si>
  <si>
    <t>庄川本町__147-4</t>
  </si>
  <si>
    <t>片口__18-2</t>
  </si>
  <si>
    <t>片口__39-1</t>
  </si>
  <si>
    <t>片口__39-4</t>
  </si>
  <si>
    <t>片口__39-9</t>
  </si>
  <si>
    <t>片口__118-2</t>
  </si>
  <si>
    <t>片口__172-1</t>
  </si>
  <si>
    <t>片口__292-1</t>
  </si>
  <si>
    <t>片口__334-4</t>
  </si>
  <si>
    <t>片口__335-3</t>
  </si>
  <si>
    <t>片口__336-2</t>
  </si>
  <si>
    <t>庄川本町__148</t>
  </si>
  <si>
    <t>片口__337-2</t>
  </si>
  <si>
    <t>片口__338-2</t>
  </si>
  <si>
    <t>片口__339-2</t>
  </si>
  <si>
    <t>片口__340-2</t>
  </si>
  <si>
    <t>片口__341-2</t>
  </si>
  <si>
    <t>片口__342-2</t>
  </si>
  <si>
    <t>片口__343-2</t>
  </si>
  <si>
    <t>片口__344-2</t>
  </si>
  <si>
    <t>片口__345-2</t>
  </si>
  <si>
    <t>片口__346-2</t>
  </si>
  <si>
    <t>庄川本町__149</t>
  </si>
  <si>
    <t>片口__346-3</t>
  </si>
  <si>
    <t>片口__347-2</t>
  </si>
  <si>
    <t>片口__348-2</t>
  </si>
  <si>
    <t>片口__349-2</t>
  </si>
  <si>
    <t>片口__350-2</t>
  </si>
  <si>
    <t>片口__351-2</t>
  </si>
  <si>
    <t>片口__352-2</t>
  </si>
  <si>
    <t>片口__353-2</t>
  </si>
  <si>
    <t>片口__354-2</t>
  </si>
  <si>
    <t>片口__355-2</t>
  </si>
  <si>
    <t>庄川本町__151-2</t>
  </si>
  <si>
    <t>片口__356-2</t>
  </si>
  <si>
    <t>片口__357-2</t>
  </si>
  <si>
    <t>片口__358-2</t>
  </si>
  <si>
    <t>片口__359-2</t>
  </si>
  <si>
    <t>片口__706</t>
  </si>
  <si>
    <t>片口__717</t>
  </si>
  <si>
    <t>片口__730</t>
  </si>
  <si>
    <t>片口__749</t>
  </si>
  <si>
    <t>片口__764</t>
  </si>
  <si>
    <t>片口__778</t>
  </si>
  <si>
    <t>庄川本町__153-2</t>
  </si>
  <si>
    <t>片口__812</t>
  </si>
  <si>
    <t>片口__825</t>
  </si>
  <si>
    <t>片口__851</t>
  </si>
  <si>
    <t>片口__869</t>
  </si>
  <si>
    <t>片口__5015</t>
  </si>
  <si>
    <t>片口__5019</t>
  </si>
  <si>
    <t>片口__5026</t>
  </si>
  <si>
    <t>片口__5035</t>
  </si>
  <si>
    <t>片口__5036</t>
  </si>
  <si>
    <t>片口__5037</t>
  </si>
  <si>
    <t>庄川本町__162</t>
  </si>
  <si>
    <t>片口高場__14-2</t>
  </si>
  <si>
    <t>片口高場__15-1</t>
  </si>
  <si>
    <t>片口高場__15-2</t>
  </si>
  <si>
    <t>片口高場__33-2</t>
  </si>
  <si>
    <t>片口高場__34-2</t>
  </si>
  <si>
    <t>片口高場__34-3</t>
  </si>
  <si>
    <t>片口高場__65-1</t>
  </si>
  <si>
    <t>片口高場__68-3</t>
  </si>
  <si>
    <t>片口高場__84-37</t>
  </si>
  <si>
    <t>片口高場__84-1</t>
  </si>
  <si>
    <t>庄川本町__163-2</t>
  </si>
  <si>
    <t>片口高場__97-1</t>
  </si>
  <si>
    <t>片口高場__113-2</t>
  </si>
  <si>
    <t>片口高場__114-1</t>
  </si>
  <si>
    <t>片口高場__161-1</t>
  </si>
  <si>
    <t>片口高場__262-4</t>
  </si>
  <si>
    <t>片口高場__292-2</t>
  </si>
  <si>
    <t>片口高場__292-3</t>
  </si>
  <si>
    <t>片口高場__383-3</t>
  </si>
  <si>
    <t>片口高場__430-2</t>
  </si>
  <si>
    <t>片口高場__433-2</t>
  </si>
  <si>
    <t>庄川本町__173-1</t>
  </si>
  <si>
    <t>片口高場__434-2</t>
  </si>
  <si>
    <t>片口高場__435-2</t>
  </si>
  <si>
    <t>片口高場__436-3</t>
  </si>
  <si>
    <t>片口高場__508-2</t>
  </si>
  <si>
    <t>片口高場__517</t>
  </si>
  <si>
    <t>片口高場__533-1</t>
  </si>
  <si>
    <t>片口久々江__385</t>
  </si>
  <si>
    <t>片口久々江_錦_799-11</t>
  </si>
  <si>
    <t>片口久々江_錦_830-9</t>
  </si>
  <si>
    <t>新片町一丁目__32</t>
  </si>
  <si>
    <t>庄川本町__174-2</t>
  </si>
  <si>
    <t>新片町一丁目__33</t>
  </si>
  <si>
    <t>新片町一丁目__34</t>
  </si>
  <si>
    <t>新片町一丁目__35</t>
  </si>
  <si>
    <t>新片町二丁目__32</t>
  </si>
  <si>
    <t>新片町二丁目__33</t>
  </si>
  <si>
    <t>新片町二丁目__34</t>
  </si>
  <si>
    <t>新片町二丁目__36</t>
  </si>
  <si>
    <t>新片町三丁目__31</t>
  </si>
  <si>
    <t>新片町四丁目__32</t>
  </si>
  <si>
    <t>浜開新町__51</t>
  </si>
  <si>
    <t>庄西町二丁目__40-3-2</t>
  </si>
  <si>
    <t>庄川本町__175-3</t>
  </si>
  <si>
    <t>東明西町__51</t>
  </si>
  <si>
    <t>東明西町__52</t>
  </si>
  <si>
    <t>東明中町__51</t>
  </si>
  <si>
    <t>東明中町__53</t>
  </si>
  <si>
    <t>東明中町__54</t>
  </si>
  <si>
    <t>東明東町__51</t>
  </si>
  <si>
    <t>東明東町__52</t>
  </si>
  <si>
    <t>東明七軒__51</t>
  </si>
  <si>
    <t>東明七軒__55</t>
  </si>
  <si>
    <t>東明七軒__152</t>
  </si>
  <si>
    <t>庄川本町__177-1</t>
  </si>
  <si>
    <t>有磯一丁目__7-3</t>
  </si>
  <si>
    <t>有磯一丁目__10-11</t>
  </si>
  <si>
    <t>有磯二丁目__40-2</t>
  </si>
  <si>
    <t>有磯二丁目__40-3</t>
  </si>
  <si>
    <t>有磯二丁目__41</t>
  </si>
  <si>
    <t>有磯二丁目__43</t>
  </si>
  <si>
    <t>七美一丁目__1</t>
  </si>
  <si>
    <t>七美一丁目__2-2</t>
  </si>
  <si>
    <t>七美一丁目__3-2</t>
  </si>
  <si>
    <t>七美一丁目__3-7</t>
  </si>
  <si>
    <t>庄川本町__177-4</t>
  </si>
  <si>
    <t>七美二丁目__3</t>
  </si>
  <si>
    <t>七美二丁目__21</t>
  </si>
  <si>
    <t>新堀__30-9</t>
  </si>
  <si>
    <t>新堀__33</t>
  </si>
  <si>
    <t>新堀__34-4</t>
  </si>
  <si>
    <t>新堀__34-6</t>
  </si>
  <si>
    <t>七美__23-2</t>
  </si>
  <si>
    <t>七美__25-2</t>
  </si>
  <si>
    <t>七美__26</t>
  </si>
  <si>
    <t>七美__28-2</t>
  </si>
  <si>
    <t>庄川本町__178-2</t>
  </si>
  <si>
    <t>七美__119</t>
  </si>
  <si>
    <t>七美__126-2</t>
  </si>
  <si>
    <t>七美__126-3</t>
  </si>
  <si>
    <t>七美__136-3</t>
  </si>
  <si>
    <t>七美__138-2</t>
  </si>
  <si>
    <t>七美__139</t>
  </si>
  <si>
    <t>七美__140-2</t>
  </si>
  <si>
    <t>七美__141-2</t>
  </si>
  <si>
    <t>七美__142-2</t>
  </si>
  <si>
    <t>七美__143-2</t>
  </si>
  <si>
    <t>庄川本町__179-2</t>
  </si>
  <si>
    <t>七美__145-2</t>
  </si>
  <si>
    <t>七美__146-2</t>
  </si>
  <si>
    <t>七美__147-2</t>
  </si>
  <si>
    <t>七美__158-2</t>
  </si>
  <si>
    <t>七美__161-2</t>
  </si>
  <si>
    <t>七美__182</t>
  </si>
  <si>
    <t>七美__197-2</t>
  </si>
  <si>
    <t>七美__198-3</t>
  </si>
  <si>
    <t>七美__200-2</t>
  </si>
  <si>
    <t>七美__201-2</t>
  </si>
  <si>
    <t>庄川本町__181-7</t>
  </si>
  <si>
    <t>七美__202-2</t>
  </si>
  <si>
    <t>七美__203-2</t>
  </si>
  <si>
    <t>七美__205-2</t>
  </si>
  <si>
    <t>七美__206-2</t>
  </si>
  <si>
    <t>七美__207-2</t>
  </si>
  <si>
    <t>七美__218-2</t>
  </si>
  <si>
    <t>七美__218-3</t>
  </si>
  <si>
    <t>七美__219-3</t>
  </si>
  <si>
    <t>七美__221-2</t>
  </si>
  <si>
    <t>七美__248-2</t>
  </si>
  <si>
    <t>庄川本町__182</t>
  </si>
  <si>
    <t>七美__270</t>
  </si>
  <si>
    <t>七美__311-2</t>
  </si>
  <si>
    <t>七美__312-2</t>
  </si>
  <si>
    <t>七美__324-2</t>
  </si>
  <si>
    <t>七美__331-3</t>
  </si>
  <si>
    <t>七美__419-2</t>
  </si>
  <si>
    <t>七美__573-2</t>
  </si>
  <si>
    <t>七美__578-2</t>
  </si>
  <si>
    <t>七美__581-2</t>
  </si>
  <si>
    <t>七美__647-2</t>
  </si>
  <si>
    <t>庄川本町__183-10</t>
  </si>
  <si>
    <t>七美__734-2</t>
  </si>
  <si>
    <t>七美__734-3</t>
  </si>
  <si>
    <t>七美__736-2</t>
  </si>
  <si>
    <t>七美__748-2</t>
  </si>
  <si>
    <t>七美__748-3</t>
  </si>
  <si>
    <t>七美__749-2</t>
  </si>
  <si>
    <t>七美__750-2</t>
  </si>
  <si>
    <t>七美__751-2</t>
  </si>
  <si>
    <t>七美__752-2</t>
  </si>
  <si>
    <t>七美__755-2</t>
  </si>
  <si>
    <t>庄川本町__188-2</t>
  </si>
  <si>
    <t>七美__760-3</t>
  </si>
  <si>
    <t>七美__760-5</t>
  </si>
  <si>
    <t>七美__760-6</t>
  </si>
  <si>
    <t>七美__760-7</t>
  </si>
  <si>
    <t>七美__761-2</t>
  </si>
  <si>
    <t>七美__761-4</t>
  </si>
  <si>
    <t>七美__762-2</t>
  </si>
  <si>
    <t>七美__765-2</t>
  </si>
  <si>
    <t>七美__765-3</t>
  </si>
  <si>
    <t>七美__766-2</t>
  </si>
  <si>
    <t>庄川本町__189-1</t>
  </si>
  <si>
    <t>七美__767-2</t>
  </si>
  <si>
    <t>七美__768-2</t>
  </si>
  <si>
    <t>七美__771-2</t>
  </si>
  <si>
    <t>七美__771-3</t>
  </si>
  <si>
    <t>七美__773-2</t>
  </si>
  <si>
    <t>七美__773-3</t>
  </si>
  <si>
    <t>七美__775-2</t>
  </si>
  <si>
    <t>七美__793-2</t>
  </si>
  <si>
    <t>七美__799</t>
  </si>
  <si>
    <t>七美__877-2</t>
  </si>
  <si>
    <t>庄西町二丁目__40-4</t>
  </si>
  <si>
    <t>庄川本町__189-2</t>
  </si>
  <si>
    <t>七美__879-2</t>
  </si>
  <si>
    <t>七美__879-3</t>
  </si>
  <si>
    <t>七美__880-2</t>
  </si>
  <si>
    <t>七美__881-2</t>
  </si>
  <si>
    <t>七美__882-2</t>
  </si>
  <si>
    <t>七美__883-2</t>
  </si>
  <si>
    <t>七美__884-2</t>
  </si>
  <si>
    <t>七美__885-2</t>
  </si>
  <si>
    <t>七美__887-2</t>
  </si>
  <si>
    <t>七美__888-2</t>
  </si>
  <si>
    <t>庄川本町__190-2</t>
  </si>
  <si>
    <t>七美__891-2</t>
  </si>
  <si>
    <t>七美__892-2</t>
  </si>
  <si>
    <t>七美__893-2</t>
  </si>
  <si>
    <t>七美__922-2</t>
  </si>
  <si>
    <t>七美__974-2</t>
  </si>
  <si>
    <t>七美__976-2</t>
  </si>
  <si>
    <t>七美__979-2</t>
  </si>
  <si>
    <t>七美__980-2</t>
  </si>
  <si>
    <t>七美__985-2</t>
  </si>
  <si>
    <t>七美__991</t>
  </si>
  <si>
    <t>庄川本町__191</t>
  </si>
  <si>
    <t>七美__1005</t>
  </si>
  <si>
    <t>七美__1057</t>
  </si>
  <si>
    <t>七美__1064</t>
  </si>
  <si>
    <t>七美__1068-2</t>
  </si>
  <si>
    <t>七美__1214</t>
  </si>
  <si>
    <t>七美__1221-2</t>
  </si>
  <si>
    <t>七美__1222</t>
  </si>
  <si>
    <t>七美__1328-2</t>
  </si>
  <si>
    <t>七美__1362</t>
  </si>
  <si>
    <t>七美__1428</t>
  </si>
  <si>
    <t>庄川本町__195</t>
  </si>
  <si>
    <t>七美__1501-2</t>
  </si>
  <si>
    <t>七美__1504</t>
  </si>
  <si>
    <t>七美__1509-2</t>
  </si>
  <si>
    <t>七美__1509-3</t>
  </si>
  <si>
    <t>七美__1516-2</t>
  </si>
  <si>
    <t>七美__1532</t>
  </si>
  <si>
    <t>本江西__112</t>
  </si>
  <si>
    <t>新片町五丁目__206</t>
  </si>
  <si>
    <t>新片町五丁目__207</t>
  </si>
  <si>
    <t>新片町五丁目__209</t>
  </si>
  <si>
    <t>庄川本町__198-2</t>
  </si>
  <si>
    <t>新片町五丁目__214</t>
  </si>
  <si>
    <t>新片町五丁目__215</t>
  </si>
  <si>
    <t>新片町五丁目__216</t>
  </si>
  <si>
    <t>本江北__231</t>
  </si>
  <si>
    <t>本江北__249</t>
  </si>
  <si>
    <t>本江北__380-2</t>
  </si>
  <si>
    <t>本江北__382-2</t>
  </si>
  <si>
    <t>本江北__383-2</t>
  </si>
  <si>
    <t>本江北__385-2</t>
  </si>
  <si>
    <t>本江北__386-2</t>
  </si>
  <si>
    <t>庄川本町__199-3</t>
  </si>
  <si>
    <t>本江北__387-2</t>
  </si>
  <si>
    <t>本江北__388-2</t>
  </si>
  <si>
    <t>本江北__390-2</t>
  </si>
  <si>
    <t>本江北__391-2</t>
  </si>
  <si>
    <t>本江北__392-2</t>
  </si>
  <si>
    <t>本江北__393-2</t>
  </si>
  <si>
    <t>本江北__394-2</t>
  </si>
  <si>
    <t>本江北__395-2</t>
  </si>
  <si>
    <t>本江北__454</t>
  </si>
  <si>
    <t>本江中__42</t>
  </si>
  <si>
    <t>庄川本町__199-4</t>
  </si>
  <si>
    <t>本江中__174</t>
  </si>
  <si>
    <t>神楽町__194-2</t>
  </si>
  <si>
    <t>神楽町__195</t>
  </si>
  <si>
    <t>神楽町__197</t>
  </si>
  <si>
    <t>神楽町__198</t>
  </si>
  <si>
    <t>神楽町__199</t>
  </si>
  <si>
    <t>神楽町__200</t>
  </si>
  <si>
    <t>神楽町__201</t>
  </si>
  <si>
    <t>足洗新町一丁目__124</t>
  </si>
  <si>
    <t>足洗新町一丁目__151-1</t>
  </si>
  <si>
    <t>庄川本町__199-7</t>
  </si>
  <si>
    <t>足洗新町一丁目__154</t>
  </si>
  <si>
    <t>足洗新町一丁目__155</t>
  </si>
  <si>
    <t>足洗新町一丁目__156</t>
  </si>
  <si>
    <t>足洗新町一丁目__157</t>
  </si>
  <si>
    <t>足洗新町一丁目__161</t>
  </si>
  <si>
    <t>足洗新町一丁目__163</t>
  </si>
  <si>
    <t>足洗新町一丁目__165</t>
  </si>
  <si>
    <t>足洗新町一丁目__169</t>
  </si>
  <si>
    <t>足洗新町一丁目__170</t>
  </si>
  <si>
    <t>足洗新町一丁目__171</t>
  </si>
  <si>
    <t>庄川本町__199-9</t>
  </si>
  <si>
    <t>足洗新町一丁目__172</t>
  </si>
  <si>
    <t>足洗新町一丁目__174</t>
  </si>
  <si>
    <t>足洗新町一丁目__177</t>
  </si>
  <si>
    <t>足洗新町一丁目__178</t>
  </si>
  <si>
    <t>足洗新町一丁目__179</t>
  </si>
  <si>
    <t>足洗新町一丁目__180</t>
  </si>
  <si>
    <t>海王町__21-59</t>
  </si>
  <si>
    <t>海王町__21-10</t>
  </si>
  <si>
    <t>海王町__21-11</t>
  </si>
  <si>
    <t>海王町__21-12</t>
  </si>
  <si>
    <t>庄川本町__204</t>
  </si>
  <si>
    <t>海王町__25-9</t>
  </si>
  <si>
    <t>海王町__25-10</t>
  </si>
  <si>
    <t>海王町__25-11</t>
  </si>
  <si>
    <t>高場新町一丁目__60</t>
  </si>
  <si>
    <t>高場新町一丁目__67</t>
  </si>
  <si>
    <t>高場新町二丁目__140</t>
  </si>
  <si>
    <t>高場新町二丁目__144</t>
  </si>
  <si>
    <t>高場新町二丁目__147</t>
  </si>
  <si>
    <t>高場新町二丁目__150</t>
  </si>
  <si>
    <t>高場新町二丁目__151</t>
  </si>
  <si>
    <t>庄西町二丁目__41-3</t>
  </si>
  <si>
    <t>庄川本町__205</t>
  </si>
  <si>
    <t>高場新町二丁目__152</t>
  </si>
  <si>
    <t>高場新町二丁目__153</t>
  </si>
  <si>
    <t>高場新町三丁目__42</t>
  </si>
  <si>
    <t>高場新町三丁目__94</t>
  </si>
  <si>
    <t>高場新町三丁目__112</t>
  </si>
  <si>
    <t>高場新町三丁目__113</t>
  </si>
  <si>
    <t>高場新町三丁目__114</t>
  </si>
  <si>
    <t>高場新町三丁目__116</t>
  </si>
  <si>
    <t>高場新町四丁目__42</t>
  </si>
  <si>
    <t>高場新町四丁目__49</t>
  </si>
  <si>
    <t>庄川本町__209-1</t>
  </si>
  <si>
    <t>高場新町四丁目__94</t>
  </si>
  <si>
    <t>高場新町四丁目__115</t>
  </si>
  <si>
    <t>高場新町四丁目__116</t>
  </si>
  <si>
    <t>高場新町四丁目__118</t>
  </si>
  <si>
    <t>高場新町四丁目__121</t>
  </si>
  <si>
    <t>かもめ台__151</t>
  </si>
  <si>
    <t>かもめ台__152</t>
  </si>
  <si>
    <t>かもめ台__156</t>
  </si>
  <si>
    <t>かもめ台__157</t>
  </si>
  <si>
    <t>かもめ台__158</t>
  </si>
  <si>
    <t>庄川本町__211</t>
  </si>
  <si>
    <t>かもめ台__159</t>
  </si>
  <si>
    <t>かもめ台__160</t>
  </si>
  <si>
    <t>かもめ台__161</t>
  </si>
  <si>
    <t>かもめ台__162</t>
  </si>
  <si>
    <t>鏡宮弥生一丁目__122</t>
  </si>
  <si>
    <t>鏡宮弥生一丁目__123</t>
  </si>
  <si>
    <t>鏡宮弥生一丁目__124</t>
  </si>
  <si>
    <t>鏡宮弥生一丁目__125</t>
  </si>
  <si>
    <t>鏡宮弥生一丁目__126</t>
  </si>
  <si>
    <t>鏡宮弥生一丁目__127</t>
  </si>
  <si>
    <t>庄川本町__212-1</t>
  </si>
  <si>
    <t>鏡宮弥生一丁目__128</t>
  </si>
  <si>
    <t>鏡宮弥生一丁目__129</t>
  </si>
  <si>
    <t>鏡宮弥生一丁目__130</t>
  </si>
  <si>
    <t>鏡宮弥生一丁目__131</t>
  </si>
  <si>
    <t>鏡宮弥生一丁目__132</t>
  </si>
  <si>
    <t>鏡宮弥生一丁目__133</t>
  </si>
  <si>
    <t>鏡宮弥生一丁目__134</t>
  </si>
  <si>
    <t>鏡宮弥生一丁目__135</t>
  </si>
  <si>
    <t>鏡宮弥生一丁目__136</t>
  </si>
  <si>
    <t>鏡宮弥生一丁目__137</t>
  </si>
  <si>
    <t>庄川本町__214</t>
  </si>
  <si>
    <t>鏡宮弥生一丁目__138</t>
  </si>
  <si>
    <t>鏡宮弥生一丁目__139</t>
  </si>
  <si>
    <t>鏡宮弥生二丁目__137</t>
  </si>
  <si>
    <t>鏡宮弥生二丁目__138</t>
  </si>
  <si>
    <t>鏡宮弥生二丁目__139</t>
  </si>
  <si>
    <t>鏡宮弥生二丁目__140</t>
  </si>
  <si>
    <t>鏡宮弥生二丁目__141</t>
  </si>
  <si>
    <t>鏡宮弥生二丁目__142</t>
  </si>
  <si>
    <t>鏡宮弥生二丁目__143</t>
  </si>
  <si>
    <t>鏡宮弥生二丁目__144</t>
  </si>
  <si>
    <t>庄川本町__215</t>
  </si>
  <si>
    <t>鏡宮弥生二丁目__145</t>
  </si>
  <si>
    <t>鏡宮弥生二丁目__146</t>
  </si>
  <si>
    <t>鏡宮弥生二丁目__147</t>
  </si>
  <si>
    <t>鏡宮弥生二丁目__148</t>
  </si>
  <si>
    <t>鏡宮弥生二丁目__149</t>
  </si>
  <si>
    <t>鏡宮弥生二丁目__150</t>
  </si>
  <si>
    <t>鏡宮弥生二丁目__151</t>
  </si>
  <si>
    <t>鏡宮弥生二丁目__152</t>
  </si>
  <si>
    <t>鏡宮弥生二丁目__153</t>
  </si>
  <si>
    <t>鏡宮弥生二丁目__154</t>
  </si>
  <si>
    <t>庄川本町__217</t>
  </si>
  <si>
    <t>鏡宮弥生二丁目__155</t>
  </si>
  <si>
    <t>三ケ__81-4</t>
  </si>
  <si>
    <t>三ケ__82-3</t>
  </si>
  <si>
    <t>三ケ__152-3</t>
  </si>
  <si>
    <t>三ケ__207-3</t>
  </si>
  <si>
    <t>三ケ__208-3</t>
  </si>
  <si>
    <t>三ケ__235-2</t>
  </si>
  <si>
    <t>三ケ__235-3</t>
  </si>
  <si>
    <t>三ケ__237-2</t>
  </si>
  <si>
    <t>三ケ__237-3</t>
  </si>
  <si>
    <t>庄川本町__223</t>
  </si>
  <si>
    <t>三ケ__238-4</t>
  </si>
  <si>
    <t>三ケ__239-2</t>
  </si>
  <si>
    <t>三ケ__239-3</t>
  </si>
  <si>
    <t>三ケ__240-3</t>
  </si>
  <si>
    <t>三ケ__241-3</t>
  </si>
  <si>
    <t>三ケ__242-3</t>
  </si>
  <si>
    <t>三ケ__243-3</t>
  </si>
  <si>
    <t>三ケ__244-3</t>
  </si>
  <si>
    <t>三ケ__245-3</t>
  </si>
  <si>
    <t>三ケ__246-3</t>
  </si>
  <si>
    <t>庄川本町__255</t>
  </si>
  <si>
    <t>三ケ__247-4</t>
  </si>
  <si>
    <t>三ケ__248-3</t>
  </si>
  <si>
    <t>三ケ__249-3</t>
  </si>
  <si>
    <t>三ケ__250-5</t>
  </si>
  <si>
    <t>三ケ__250-6</t>
  </si>
  <si>
    <t>三ケ__251-3</t>
  </si>
  <si>
    <t>三ケ__252-3</t>
  </si>
  <si>
    <t>三ケ__253-3</t>
  </si>
  <si>
    <t>三ケ__254-3</t>
  </si>
  <si>
    <t>三ケ__255-3</t>
  </si>
  <si>
    <t>庄川本町__258</t>
  </si>
  <si>
    <t>三ケ__255-4</t>
  </si>
  <si>
    <t>三ケ__255-5</t>
  </si>
  <si>
    <t>三ケ__256-3</t>
  </si>
  <si>
    <t>三ケ__256-4</t>
  </si>
  <si>
    <t>三ケ__256-5</t>
  </si>
  <si>
    <t>三ケ__257-2</t>
  </si>
  <si>
    <t>三ケ__258-2</t>
  </si>
  <si>
    <t>三ケ__258-3</t>
  </si>
  <si>
    <t>三ケ__259-2</t>
  </si>
  <si>
    <t>三ケ__259-3</t>
  </si>
  <si>
    <t>庄西町二丁目__45-14</t>
  </si>
  <si>
    <t>庄川本町__281</t>
  </si>
  <si>
    <t>三ケ__260-2</t>
  </si>
  <si>
    <t>三ケ__260-3</t>
  </si>
  <si>
    <t>三ケ__261-2</t>
  </si>
  <si>
    <t>三ケ__261-3</t>
  </si>
  <si>
    <t>三ケ__262-2</t>
  </si>
  <si>
    <t>三ケ__262-3</t>
  </si>
  <si>
    <t>三ケ__263-2</t>
  </si>
  <si>
    <t>三ケ__263-3</t>
  </si>
  <si>
    <t>三ケ__264-2</t>
  </si>
  <si>
    <t>三ケ__264-3</t>
  </si>
  <si>
    <t>庄川本町__297</t>
  </si>
  <si>
    <t>三ケ__265-2</t>
  </si>
  <si>
    <t>三ケ__265-3</t>
  </si>
  <si>
    <t>三ケ__266-2</t>
  </si>
  <si>
    <t>三ケ__266-3</t>
  </si>
  <si>
    <t>三ケ__267-2</t>
  </si>
  <si>
    <t>三ケ__267-3</t>
  </si>
  <si>
    <t>三ケ__268-2</t>
  </si>
  <si>
    <t>三ケ__268-3</t>
  </si>
  <si>
    <t>三ケ__269-2</t>
  </si>
  <si>
    <t>三ケ__269-3</t>
  </si>
  <si>
    <t>庄川本町__301</t>
  </si>
  <si>
    <t>三ケ__270-2</t>
  </si>
  <si>
    <t>三ケ__270-3</t>
  </si>
  <si>
    <t>三ケ__271-2</t>
  </si>
  <si>
    <t>三ケ__271-3</t>
  </si>
  <si>
    <t>三ケ__282-4</t>
  </si>
  <si>
    <t>三ケ__297-3</t>
  </si>
  <si>
    <t>三ケ__315-2</t>
  </si>
  <si>
    <t>三ケ__315-3</t>
  </si>
  <si>
    <t>三ケ__316-2</t>
  </si>
  <si>
    <t>三ケ__316-3</t>
  </si>
  <si>
    <t>庄川本町__309</t>
  </si>
  <si>
    <t>三ケ__317-2</t>
  </si>
  <si>
    <t>三ケ__317-3</t>
  </si>
  <si>
    <t>三ケ__318-2</t>
  </si>
  <si>
    <t>三ケ__318-3</t>
  </si>
  <si>
    <t>三ケ__319-2</t>
  </si>
  <si>
    <t>三ケ__319-3</t>
  </si>
  <si>
    <t>三ケ__320-2</t>
  </si>
  <si>
    <t>三ケ__320-3</t>
  </si>
  <si>
    <t>三ケ__321-2</t>
  </si>
  <si>
    <t>三ケ__321-3</t>
  </si>
  <si>
    <t>庄川本町__343</t>
  </si>
  <si>
    <t>三ケ__322-2</t>
  </si>
  <si>
    <t>三ケ__322-3</t>
  </si>
  <si>
    <t>三ケ__323-2</t>
  </si>
  <si>
    <t>三ケ__323-3</t>
  </si>
  <si>
    <t>三ケ__324-2</t>
  </si>
  <si>
    <t>三ケ__324-3</t>
  </si>
  <si>
    <t>三ケ__325-2</t>
  </si>
  <si>
    <t>三ケ__325-3</t>
  </si>
  <si>
    <t>三ケ__326-2</t>
  </si>
  <si>
    <t>三ケ__326-3</t>
  </si>
  <si>
    <t>庄川本町__396</t>
  </si>
  <si>
    <t>三ケ__327-2</t>
  </si>
  <si>
    <t>三ケ__327-3</t>
  </si>
  <si>
    <t>三ケ__328-3</t>
  </si>
  <si>
    <t>三ケ__328-4</t>
  </si>
  <si>
    <t>三ケ__328-5</t>
  </si>
  <si>
    <t>三ケ__328-6</t>
  </si>
  <si>
    <t>三ケ__329-2</t>
  </si>
  <si>
    <t>三ケ__329-3</t>
  </si>
  <si>
    <t>三ケ__330-2</t>
  </si>
  <si>
    <t>三ケ__331-2</t>
  </si>
  <si>
    <t>本町一丁目__47-14</t>
  </si>
  <si>
    <t>三ケ__331-3</t>
  </si>
  <si>
    <t>三ケ__332-2</t>
  </si>
  <si>
    <t>三ケ__332-3</t>
  </si>
  <si>
    <t>三ケ__333-2</t>
  </si>
  <si>
    <t>三ケ__333-3</t>
  </si>
  <si>
    <t>三ケ__334-2</t>
  </si>
  <si>
    <t>三ケ__334-4</t>
  </si>
  <si>
    <t>三ケ__335-4</t>
  </si>
  <si>
    <t>三ケ__336-3</t>
  </si>
  <si>
    <t>三ケ__337-3</t>
  </si>
  <si>
    <t>本町一丁目__47-15</t>
  </si>
  <si>
    <t>三ケ__338-3</t>
  </si>
  <si>
    <t>三ケ__339-3</t>
  </si>
  <si>
    <t>三ケ__340-3</t>
  </si>
  <si>
    <t>三ケ__341-3</t>
  </si>
  <si>
    <t>三ケ__342-3</t>
  </si>
  <si>
    <t>三ケ__343-3</t>
  </si>
  <si>
    <t>三ケ__344-3</t>
  </si>
  <si>
    <t>三ケ__345-3</t>
  </si>
  <si>
    <t>三ケ__346-3</t>
  </si>
  <si>
    <t>三ケ__347-3</t>
  </si>
  <si>
    <t>本町一丁目__47-8</t>
  </si>
  <si>
    <t>三ケ__348-3</t>
  </si>
  <si>
    <t>三ケ__349-3</t>
  </si>
  <si>
    <t>三ケ__350-3</t>
  </si>
  <si>
    <t>三ケ__351-3</t>
  </si>
  <si>
    <t>三ケ__352-3</t>
  </si>
  <si>
    <t>三ケ__353-3</t>
  </si>
  <si>
    <t>三ケ__354-3</t>
  </si>
  <si>
    <t>三ケ__355-3</t>
  </si>
  <si>
    <t>三ケ__356-3</t>
  </si>
  <si>
    <t>三ケ__357-3</t>
  </si>
  <si>
    <t>本町一丁目__339-2</t>
  </si>
  <si>
    <t>三ケ__358-4</t>
  </si>
  <si>
    <t>三ケ__461-2/2</t>
  </si>
  <si>
    <t>三ケ__473</t>
  </si>
  <si>
    <t>三ケ__475-2</t>
  </si>
  <si>
    <t>三ケ__480-2</t>
  </si>
  <si>
    <t>三ケ__483-1</t>
  </si>
  <si>
    <t>三ケ__509-2</t>
  </si>
  <si>
    <t>三ケ__511-2</t>
  </si>
  <si>
    <t>三ケ__512-2</t>
  </si>
  <si>
    <t>三ケ__517-4</t>
  </si>
  <si>
    <t>庄西町二丁目__45-1</t>
  </si>
  <si>
    <t>本町一丁目__342-2</t>
  </si>
  <si>
    <t>三ケ__525-2</t>
  </si>
  <si>
    <t>三ケ__526-2</t>
  </si>
  <si>
    <t>三ケ__599-4</t>
  </si>
  <si>
    <t>三ケ__601-4</t>
  </si>
  <si>
    <t>三ケ__602-3</t>
  </si>
  <si>
    <t>三ケ__603-3</t>
  </si>
  <si>
    <t>三ケ__604-3</t>
  </si>
  <si>
    <t>三ケ__605-3</t>
  </si>
  <si>
    <t>三ケ__606-3</t>
  </si>
  <si>
    <t>三ケ__607-3</t>
  </si>
  <si>
    <t>本町一丁目__343-3</t>
  </si>
  <si>
    <t>三ケ__608-2</t>
  </si>
  <si>
    <t>三ケ__608-3</t>
  </si>
  <si>
    <t>三ケ__609-2</t>
  </si>
  <si>
    <t>三ケ__609-3</t>
  </si>
  <si>
    <t>三ケ__610-2</t>
  </si>
  <si>
    <t>三ケ__610-3</t>
  </si>
  <si>
    <t>三ケ__611-2</t>
  </si>
  <si>
    <t>三ケ__611-3</t>
  </si>
  <si>
    <t>三ケ__612-2</t>
  </si>
  <si>
    <t>三ケ__612-3</t>
  </si>
  <si>
    <t>本町一丁目__343-5</t>
  </si>
  <si>
    <t>三ケ__613-2</t>
  </si>
  <si>
    <t>三ケ__613-3</t>
  </si>
  <si>
    <t>三ケ__614-2</t>
  </si>
  <si>
    <t>三ケ__614-3</t>
  </si>
  <si>
    <t>三ケ__615-2</t>
  </si>
  <si>
    <t>三ケ__616-2</t>
  </si>
  <si>
    <t>三ケ__617-2</t>
  </si>
  <si>
    <t>三ケ__618-3</t>
  </si>
  <si>
    <t>三ケ__618-4</t>
  </si>
  <si>
    <t>三ケ__619-2</t>
  </si>
  <si>
    <t>本町一丁目__344-2</t>
  </si>
  <si>
    <t>三ケ__623-2</t>
  </si>
  <si>
    <t>三ケ__623-3</t>
  </si>
  <si>
    <t>三ケ__624-2</t>
  </si>
  <si>
    <t>三ケ__624-3</t>
  </si>
  <si>
    <t>三ケ__625-2</t>
  </si>
  <si>
    <t>三ケ__625-3</t>
  </si>
  <si>
    <t>三ケ__626-2</t>
  </si>
  <si>
    <t>三ケ__626-3</t>
  </si>
  <si>
    <t>三ケ__627-2</t>
  </si>
  <si>
    <t>三ケ__627-3</t>
  </si>
  <si>
    <t>本町一丁目__344-4</t>
  </si>
  <si>
    <t>三ケ__628-3</t>
  </si>
  <si>
    <t>三ケ__628-4</t>
  </si>
  <si>
    <t>三ケ__629-2</t>
  </si>
  <si>
    <t>三ケ__629-3</t>
  </si>
  <si>
    <t>三ケ__630-2</t>
  </si>
  <si>
    <t>三ケ__630-3</t>
  </si>
  <si>
    <t>三ケ__631-2</t>
  </si>
  <si>
    <t>三ケ__631-3</t>
  </si>
  <si>
    <t>三ケ__632-2</t>
  </si>
  <si>
    <t>三ケ__632-3</t>
  </si>
  <si>
    <t>本町一丁目__345-2</t>
  </si>
  <si>
    <t>三ケ__633-2</t>
  </si>
  <si>
    <t>三ケ__633-4</t>
  </si>
  <si>
    <t>三ケ__634-2</t>
  </si>
  <si>
    <t>三ケ__634-4</t>
  </si>
  <si>
    <t>三ケ__635-2</t>
  </si>
  <si>
    <t>三ケ__635-3</t>
  </si>
  <si>
    <t>三ケ__636-2</t>
  </si>
  <si>
    <t>三ケ__636-3</t>
  </si>
  <si>
    <t>三ケ__637-2</t>
  </si>
  <si>
    <t>三ケ__637-5</t>
  </si>
  <si>
    <t>本町一丁目__345-3</t>
  </si>
  <si>
    <t>三ケ__637-6</t>
  </si>
  <si>
    <t>三ケ__638-2</t>
  </si>
  <si>
    <t>三ケ__639-2</t>
  </si>
  <si>
    <t>三ケ__639-4</t>
  </si>
  <si>
    <t>三ケ__640-2</t>
  </si>
  <si>
    <t>三ケ__640-4</t>
  </si>
  <si>
    <t>三ケ__641-2</t>
  </si>
  <si>
    <t>三ケ__641-4</t>
  </si>
  <si>
    <t>三ケ__641-5</t>
  </si>
  <si>
    <t>三ケ__642-2</t>
  </si>
  <si>
    <t>本町一丁目__346-3</t>
  </si>
  <si>
    <t>三ケ__642-5</t>
  </si>
  <si>
    <t>三ケ__642-6</t>
  </si>
  <si>
    <t>三ケ__643-2</t>
  </si>
  <si>
    <t>三ケ__643-4</t>
  </si>
  <si>
    <t>三ケ__644-2</t>
  </si>
  <si>
    <t>三ケ__644-4</t>
  </si>
  <si>
    <t>三ケ__644-5</t>
  </si>
  <si>
    <t>三ケ__647-5</t>
  </si>
  <si>
    <t>三ケ__648-4</t>
  </si>
  <si>
    <t>三ケ__649-4</t>
  </si>
  <si>
    <t>本町一丁目__347-2</t>
  </si>
  <si>
    <t>三ケ__691-5</t>
  </si>
  <si>
    <t>三ケ__692-4</t>
  </si>
  <si>
    <t>三ケ__693-3</t>
  </si>
  <si>
    <t>三ケ__797-2</t>
  </si>
  <si>
    <t>三ケ__808-2</t>
  </si>
  <si>
    <t>三ケ__808-3</t>
  </si>
  <si>
    <t>三ケ__809-3</t>
  </si>
  <si>
    <t>三ケ__809-4</t>
  </si>
  <si>
    <t>三ケ__810-3</t>
  </si>
  <si>
    <t>三ケ__835-2</t>
  </si>
  <si>
    <t>本町一丁目__435-1</t>
  </si>
  <si>
    <t>三ケ__843-2</t>
  </si>
  <si>
    <t>三ケ__848-2</t>
  </si>
  <si>
    <t>三ケ__862-2</t>
  </si>
  <si>
    <t>三ケ__873-2</t>
  </si>
  <si>
    <t>三ケ__889-3</t>
  </si>
  <si>
    <t>三ケ__890-2</t>
  </si>
  <si>
    <t>三ケ__892-1</t>
  </si>
  <si>
    <t>三ケ__894-2</t>
  </si>
  <si>
    <t>三ケ__894-3</t>
  </si>
  <si>
    <t>三ケ__895-2</t>
  </si>
  <si>
    <t>庄西町二丁目__61-7</t>
  </si>
  <si>
    <t>本町一丁目__436-13</t>
  </si>
  <si>
    <t>三ケ__922-2</t>
  </si>
  <si>
    <t>三ケ__931-8</t>
  </si>
  <si>
    <t>三ケ__932-5</t>
  </si>
  <si>
    <t>三ケ__932-6</t>
  </si>
  <si>
    <t>三ケ__932-7</t>
  </si>
  <si>
    <t>三ケ__932-8</t>
  </si>
  <si>
    <t>三ケ__932-9</t>
  </si>
  <si>
    <t>三ケ__958-2</t>
  </si>
  <si>
    <t>三ケ__964-1</t>
  </si>
  <si>
    <t>三ケ__971-2</t>
  </si>
  <si>
    <t>本町一丁目__472-9</t>
  </si>
  <si>
    <t>三ケ__972-3</t>
  </si>
  <si>
    <t>三ケ__998-3</t>
  </si>
  <si>
    <t>三ケ__998-4</t>
  </si>
  <si>
    <t>三ケ__1013-2</t>
  </si>
  <si>
    <t>三ケ__1019-7</t>
  </si>
  <si>
    <t>三ケ__1024-2</t>
  </si>
  <si>
    <t>三ケ__1025-3</t>
  </si>
  <si>
    <t>三ケ__1042-2</t>
  </si>
  <si>
    <t>三ケ__1045-2</t>
  </si>
  <si>
    <t>三ケ__1046-2</t>
  </si>
  <si>
    <t>本町一丁目__592-3</t>
  </si>
  <si>
    <t>三ケ__1047-4</t>
  </si>
  <si>
    <t>三ケ__1050-1</t>
  </si>
  <si>
    <t>三ケ__1050-3</t>
  </si>
  <si>
    <t>三ケ__1072-2</t>
  </si>
  <si>
    <t>三ケ__1074-2</t>
  </si>
  <si>
    <t>三ケ__1080-2</t>
  </si>
  <si>
    <t>三ケ__1081-2</t>
  </si>
  <si>
    <t>三ケ__1082-2</t>
  </si>
  <si>
    <t>三ケ__1083-2</t>
  </si>
  <si>
    <t>三ケ__1084-2</t>
  </si>
  <si>
    <t>本町一丁目__593-2</t>
  </si>
  <si>
    <t>三ケ__1097-3</t>
  </si>
  <si>
    <t>三ケ__1098-3</t>
  </si>
  <si>
    <t>三ケ__1102-2</t>
  </si>
  <si>
    <t>三ケ__1129-2</t>
  </si>
  <si>
    <t>三ケ__1131-17</t>
  </si>
  <si>
    <t>三ケ__1139-2</t>
  </si>
  <si>
    <t>三ケ__1146-2</t>
  </si>
  <si>
    <t>三ケ__1152-2</t>
  </si>
  <si>
    <t>三ケ__1171-2</t>
  </si>
  <si>
    <t>三ケ__1172-2</t>
  </si>
  <si>
    <t>本町一丁目__593-4</t>
  </si>
  <si>
    <t>三ケ__1173-2</t>
  </si>
  <si>
    <t>三ケ__1174-2</t>
  </si>
  <si>
    <t>三ケ__1175-2</t>
  </si>
  <si>
    <t>三ケ__1176-2</t>
  </si>
  <si>
    <t>三ケ__1177-2</t>
  </si>
  <si>
    <t>三ケ__1178-2</t>
  </si>
  <si>
    <t>三ケ__1179-2</t>
  </si>
  <si>
    <t>三ケ__1180-1</t>
  </si>
  <si>
    <t>三ケ__1180-2</t>
  </si>
  <si>
    <t>三ケ__1180-20</t>
  </si>
  <si>
    <t>本町一丁目__593-5</t>
  </si>
  <si>
    <t>三ケ__1181-2</t>
  </si>
  <si>
    <t>三ケ__1182-2</t>
  </si>
  <si>
    <t>三ケ__1183-2</t>
  </si>
  <si>
    <t>三ケ__1184-2</t>
  </si>
  <si>
    <t>三ケ__1185-2</t>
  </si>
  <si>
    <t>三ケ__1186-2</t>
  </si>
  <si>
    <t>三ケ__1187-2</t>
  </si>
  <si>
    <t>三ケ__1189-2</t>
  </si>
  <si>
    <t>三ケ__1190-2</t>
  </si>
  <si>
    <t>三ケ__1191-2</t>
  </si>
  <si>
    <t>本町一丁目__593-6</t>
  </si>
  <si>
    <t>三ケ__1192-2</t>
  </si>
  <si>
    <t>三ケ__1193-2</t>
  </si>
  <si>
    <t>三ケ__1194-2</t>
  </si>
  <si>
    <t>三ケ__1201-2</t>
  </si>
  <si>
    <t>三ケ__1202-2</t>
  </si>
  <si>
    <t>三ケ__1203-2</t>
  </si>
  <si>
    <t>三ケ__1204-2</t>
  </si>
  <si>
    <t>三ケ__1205-2</t>
  </si>
  <si>
    <t>三ケ__1206-2</t>
  </si>
  <si>
    <t>三ケ__1207-2</t>
  </si>
  <si>
    <t>本町一丁目__593-7</t>
  </si>
  <si>
    <t>三ケ__1208-2</t>
  </si>
  <si>
    <t>三ケ__1209-3</t>
  </si>
  <si>
    <t>三ケ__1209-4</t>
  </si>
  <si>
    <t>三ケ__1210-2</t>
  </si>
  <si>
    <t>三ケ__1211-2</t>
  </si>
  <si>
    <t>三ケ__1211-3</t>
  </si>
  <si>
    <t>三ケ__1212-2</t>
  </si>
  <si>
    <t>三ケ__1213-7</t>
  </si>
  <si>
    <t>三ケ__1214-5</t>
  </si>
  <si>
    <t>三ケ__1215-2</t>
  </si>
  <si>
    <t>本町一丁目__1002</t>
  </si>
  <si>
    <t>三ケ__1216-1</t>
  </si>
  <si>
    <t>三ケ__1221-1</t>
  </si>
  <si>
    <t>三ケ__1223-3</t>
  </si>
  <si>
    <t>三ケ__1224-1</t>
  </si>
  <si>
    <t>三ケ__1226-2</t>
  </si>
  <si>
    <t>三ケ__1227-4</t>
  </si>
  <si>
    <t>三ケ__1227-5</t>
  </si>
  <si>
    <t>三ケ__1227-6</t>
  </si>
  <si>
    <t>三ケ__1227-7</t>
  </si>
  <si>
    <t>三ケ__1227-8</t>
  </si>
  <si>
    <t>本町一丁目__1003</t>
  </si>
  <si>
    <t>三ケ__1227-9</t>
  </si>
  <si>
    <t>三ケ__1228-2</t>
  </si>
  <si>
    <t>三ケ__1228-3</t>
  </si>
  <si>
    <t>三ケ__1229-4</t>
  </si>
  <si>
    <t>三ケ__1243-3</t>
  </si>
  <si>
    <t>三ケ__1272-5</t>
  </si>
  <si>
    <t>三ケ__1286-2</t>
  </si>
  <si>
    <t>三ケ__1287-2</t>
  </si>
  <si>
    <t>三ケ__1289-2</t>
  </si>
  <si>
    <t>三ケ__1290-2</t>
  </si>
  <si>
    <t>庄西町二丁目__95-2</t>
  </si>
  <si>
    <t>本町一丁目__1004</t>
  </si>
  <si>
    <t>三ケ__1291-3</t>
  </si>
  <si>
    <t>三ケ__1302-3</t>
  </si>
  <si>
    <t>三ケ__1302-7</t>
  </si>
  <si>
    <t>三ケ__1347-2</t>
  </si>
  <si>
    <t>三ケ__1385-2</t>
  </si>
  <si>
    <t>三ケ__1418-8</t>
  </si>
  <si>
    <t>三ケ__1420-2</t>
  </si>
  <si>
    <t>三ケ__1421-2</t>
  </si>
  <si>
    <t>三ケ__1421-4</t>
  </si>
  <si>
    <t>三ケ__1432-3</t>
  </si>
  <si>
    <t>本町二丁目__102-3</t>
  </si>
  <si>
    <t>三ケ__1432-4</t>
  </si>
  <si>
    <t>三ケ__1434-1</t>
  </si>
  <si>
    <t>三ケ__1434-7</t>
  </si>
  <si>
    <t>三ケ__1434-13</t>
  </si>
  <si>
    <t>三ケ__1440-1</t>
  </si>
  <si>
    <t>三ケ__1440-34</t>
  </si>
  <si>
    <t>三ケ__1453-1</t>
  </si>
  <si>
    <t>三ケ__1453-9</t>
  </si>
  <si>
    <t>三ケ__1457-1</t>
  </si>
  <si>
    <t>三ケ__1457-2</t>
  </si>
  <si>
    <t>本町二丁目__110-5</t>
  </si>
  <si>
    <t>三ケ__1457-13</t>
  </si>
  <si>
    <t>三ケ__1457-14</t>
  </si>
  <si>
    <t>三ケ__1457-25</t>
  </si>
  <si>
    <t>三ケ__1460-1</t>
  </si>
  <si>
    <t>三ケ__1463-1</t>
  </si>
  <si>
    <t>三ケ__1470-2</t>
  </si>
  <si>
    <t>三ケ__1471-3</t>
  </si>
  <si>
    <t>三ケ__1477-2</t>
  </si>
  <si>
    <t>三ケ__1514-2</t>
  </si>
  <si>
    <t>三ケ__1515-5</t>
  </si>
  <si>
    <t>本町二丁目__114-2</t>
  </si>
  <si>
    <t>三ケ__1533-20</t>
  </si>
  <si>
    <t>三ケ__1533-45</t>
  </si>
  <si>
    <t>三ケ__1533-46</t>
  </si>
  <si>
    <t>三ケ__1541-1</t>
  </si>
  <si>
    <t>三ケ__1546-1</t>
  </si>
  <si>
    <t>三ケ__1550-1</t>
  </si>
  <si>
    <t>三ケ__1564-1</t>
  </si>
  <si>
    <t>三ケ__1567-1</t>
  </si>
  <si>
    <t>三ケ__1571-1</t>
  </si>
  <si>
    <t>三ケ__1571-4</t>
  </si>
  <si>
    <t>本町二丁目__115-3</t>
  </si>
  <si>
    <t>三ケ__1571-10</t>
  </si>
  <si>
    <t>三ケ__1571-11</t>
  </si>
  <si>
    <t>三ケ__1571-17</t>
  </si>
  <si>
    <t>三ケ__1573-1</t>
  </si>
  <si>
    <t>三ケ__1580-1</t>
  </si>
  <si>
    <t>三ケ__1588-1</t>
  </si>
  <si>
    <t>三ケ__1588-11</t>
  </si>
  <si>
    <t>三ケ__1591-1</t>
  </si>
  <si>
    <t>三ケ__1591-26</t>
  </si>
  <si>
    <t>三ケ__1591-27</t>
  </si>
  <si>
    <t>本町二丁目__116-3</t>
  </si>
  <si>
    <t>三ケ__1591-28</t>
  </si>
  <si>
    <t>三ケ__1602-1</t>
  </si>
  <si>
    <t>三ケ__1620-1</t>
  </si>
  <si>
    <t>三ケ__1623-1</t>
  </si>
  <si>
    <t>三ケ__1684</t>
  </si>
  <si>
    <t>三ケ__1686-2</t>
  </si>
  <si>
    <t>三ケ__1687-2</t>
  </si>
  <si>
    <t>三ケ__1688-2</t>
  </si>
  <si>
    <t>三ケ__1692-2</t>
  </si>
  <si>
    <t>三ケ__1704-2</t>
  </si>
  <si>
    <t>本町二丁目__117-4</t>
  </si>
  <si>
    <t>三ケ__1705-2</t>
  </si>
  <si>
    <t>三ケ__1707-3</t>
  </si>
  <si>
    <t>三ケ__1719-2</t>
  </si>
  <si>
    <t>三ケ__1995-2</t>
  </si>
  <si>
    <t>三ケ__2189-2</t>
  </si>
  <si>
    <t>三ケ__2191-15</t>
  </si>
  <si>
    <t>三ケ__2203-3</t>
  </si>
  <si>
    <t>三ケ__2204</t>
  </si>
  <si>
    <t>三ケ__2209</t>
  </si>
  <si>
    <t>三ケ__2210</t>
  </si>
  <si>
    <t>本町二丁目__118-3</t>
  </si>
  <si>
    <t>三ケ__2226-3</t>
  </si>
  <si>
    <t>三ケ__2227-2</t>
  </si>
  <si>
    <t>三ケ__2228-1</t>
  </si>
  <si>
    <t>三ケ__2243-2</t>
  </si>
  <si>
    <t>三ケ__2245-1</t>
  </si>
  <si>
    <t>三ケ__2250-3</t>
  </si>
  <si>
    <t>三ケ__2250-4</t>
  </si>
  <si>
    <t>三ケ__2256-2</t>
  </si>
  <si>
    <t>三ケ__2256-3</t>
  </si>
  <si>
    <t>三ケ__2256-4</t>
  </si>
  <si>
    <t>本町二丁目__119-3</t>
  </si>
  <si>
    <t>三ケ__2257-2</t>
  </si>
  <si>
    <t>三ケ__2296-3</t>
  </si>
  <si>
    <t>三ケ__2297-3</t>
  </si>
  <si>
    <t>三ケ__2305-1</t>
  </si>
  <si>
    <t>三ケ__2305-3</t>
  </si>
  <si>
    <t>三ケ__2306-3</t>
  </si>
  <si>
    <t>三ケ__2308-4</t>
  </si>
  <si>
    <t>三ケ__2310-2</t>
  </si>
  <si>
    <t>三ケ__2327-2</t>
  </si>
  <si>
    <t>三ケ__2363-2</t>
  </si>
  <si>
    <t>本町二丁目__120-7</t>
  </si>
  <si>
    <t>三ケ__2409-3</t>
  </si>
  <si>
    <t>三ケ__2410-1</t>
  </si>
  <si>
    <t>三ケ__2437-22</t>
  </si>
  <si>
    <t>三ケ__2437-23</t>
  </si>
  <si>
    <t>三ケ__2437-24</t>
  </si>
  <si>
    <t>三ケ__2437-25</t>
  </si>
  <si>
    <t>三ケ__2437-26</t>
  </si>
  <si>
    <t>三ケ__2437-27</t>
  </si>
  <si>
    <t>三ケ__2437-28</t>
  </si>
  <si>
    <t>三ケ__2437-29</t>
  </si>
  <si>
    <t>庄西町二丁目__138-3</t>
  </si>
  <si>
    <t>本町二丁目__120-8</t>
  </si>
  <si>
    <t>三ケ__2437-1</t>
  </si>
  <si>
    <t>三ケ__2440-5</t>
  </si>
  <si>
    <t>三ケ__2442-5</t>
  </si>
  <si>
    <t>三ケ__2446-3</t>
  </si>
  <si>
    <t>三ケ__2446-4</t>
  </si>
  <si>
    <t>三ケ__2446-5</t>
  </si>
  <si>
    <t>三ケ__2447-2</t>
  </si>
  <si>
    <t>三ケ__2447-3</t>
  </si>
  <si>
    <t>三ケ__2447-6</t>
  </si>
  <si>
    <t>三ケ__2448-2</t>
  </si>
  <si>
    <t>本町二丁目__120-9</t>
  </si>
  <si>
    <t>三ケ__2451-2</t>
  </si>
  <si>
    <t>三ケ__2452-3</t>
  </si>
  <si>
    <t>三ケ__2455-3</t>
  </si>
  <si>
    <t>三ケ__2456-3</t>
  </si>
  <si>
    <t>三ケ__2459-3</t>
  </si>
  <si>
    <t>三ケ__2460-3</t>
  </si>
  <si>
    <t>三ケ__2466-2</t>
  </si>
  <si>
    <t>三ケ__2469-2</t>
  </si>
  <si>
    <t>三ケ__2470-2</t>
  </si>
  <si>
    <t>三ケ__2472-2</t>
  </si>
  <si>
    <t>本町二丁目__146-2</t>
  </si>
  <si>
    <t>三ケ__2473-2</t>
  </si>
  <si>
    <t>三ケ__2474-2</t>
  </si>
  <si>
    <t>三ケ__2496-2</t>
  </si>
  <si>
    <t>三ケ__2534-2</t>
  </si>
  <si>
    <t>三ケ__2540-16</t>
  </si>
  <si>
    <t>三ケ__2540-18</t>
  </si>
  <si>
    <t>三ケ__2540-19</t>
  </si>
  <si>
    <t>三ケ__2540-2</t>
  </si>
  <si>
    <t>三ケ__2548-1</t>
  </si>
  <si>
    <t>三ケ__2555-13</t>
  </si>
  <si>
    <t>本町二丁目__147-2</t>
  </si>
  <si>
    <t>三ケ__2555-1</t>
  </si>
  <si>
    <t>三ケ__2560-7</t>
  </si>
  <si>
    <t>三ケ__2567-5</t>
  </si>
  <si>
    <t>三ケ__2567-7</t>
  </si>
  <si>
    <t>三ケ__2568-2</t>
  </si>
  <si>
    <t>三ケ__2568-3</t>
  </si>
  <si>
    <t>三ケ__2572-3</t>
  </si>
  <si>
    <t>三ケ__2573-1</t>
  </si>
  <si>
    <t>三ケ__2574-2</t>
  </si>
  <si>
    <t>三ケ__2575-2</t>
  </si>
  <si>
    <t>本町二丁目__148-2</t>
  </si>
  <si>
    <t>三ケ__2576-3</t>
  </si>
  <si>
    <t>三ケ__2578-2</t>
  </si>
  <si>
    <t>三ケ__2579-2</t>
  </si>
  <si>
    <t>三ケ__2580-2</t>
  </si>
  <si>
    <t>三ケ__2580-3</t>
  </si>
  <si>
    <t>三ケ__2581-2</t>
  </si>
  <si>
    <t>三ケ__2582-2</t>
  </si>
  <si>
    <t>三ケ__2588-3</t>
  </si>
  <si>
    <t>三ケ__2588-4</t>
  </si>
  <si>
    <t>三ケ__2589-3</t>
  </si>
  <si>
    <t>本町二丁目__149-2</t>
  </si>
  <si>
    <t>三ケ__2590-2</t>
  </si>
  <si>
    <t>三ケ__2591-3</t>
  </si>
  <si>
    <t>三ケ__2591-4</t>
  </si>
  <si>
    <t>三ケ__2592-2</t>
  </si>
  <si>
    <t>三ケ__2594-2</t>
  </si>
  <si>
    <t>三ケ__2595-18</t>
  </si>
  <si>
    <t>三ケ__2595-22</t>
  </si>
  <si>
    <t>三ケ__2595-23</t>
  </si>
  <si>
    <t>三ケ__2595-24</t>
  </si>
  <si>
    <t>三ケ__2595-25</t>
  </si>
  <si>
    <t>本町二丁目__150-2</t>
  </si>
  <si>
    <t>三ケ__2595-26</t>
  </si>
  <si>
    <t>三ケ__2595-27</t>
  </si>
  <si>
    <t>三ケ__2595-28</t>
  </si>
  <si>
    <t>三ケ__2595-29</t>
  </si>
  <si>
    <t>三ケ__2595-30</t>
  </si>
  <si>
    <t>三ケ__2595-31</t>
  </si>
  <si>
    <t>三ケ__2595-12</t>
  </si>
  <si>
    <t>三ケ__2596-2</t>
  </si>
  <si>
    <t>三ケ__2598-2</t>
  </si>
  <si>
    <t>三ケ__2599-2</t>
  </si>
  <si>
    <t>本町二丁目__151-2</t>
  </si>
  <si>
    <t>三ケ__2602-33</t>
  </si>
  <si>
    <t>三ケ__2602-37</t>
  </si>
  <si>
    <t>三ケ__2602-38</t>
  </si>
  <si>
    <t>三ケ__2602-39</t>
  </si>
  <si>
    <t>三ケ__2603-4</t>
  </si>
  <si>
    <t>三ケ__2603-5</t>
  </si>
  <si>
    <t>三ケ__2642-3</t>
  </si>
  <si>
    <t>三ケ__2643-1</t>
  </si>
  <si>
    <t>三ケ__2649-14</t>
  </si>
  <si>
    <t>三ケ__2649-15</t>
  </si>
  <si>
    <t>本町二丁目__152-2</t>
  </si>
  <si>
    <t>三ケ__2649-22</t>
  </si>
  <si>
    <t>三ケ__2649-1</t>
  </si>
  <si>
    <t>三ケ__2650-1</t>
  </si>
  <si>
    <t>三ケ__2660-1</t>
  </si>
  <si>
    <t>三ケ__2669-4</t>
  </si>
  <si>
    <t>三ケ__2670-2</t>
  </si>
  <si>
    <t>三ケ__2674-4</t>
  </si>
  <si>
    <t>三ケ__2675-3</t>
  </si>
  <si>
    <t>三ケ__2676-3</t>
  </si>
  <si>
    <t>三ケ__2677-3</t>
  </si>
  <si>
    <t>本町二丁目__153-2</t>
  </si>
  <si>
    <t>三ケ__2678-2</t>
  </si>
  <si>
    <t>三ケ__2678-6</t>
  </si>
  <si>
    <t>三ケ__2678-7</t>
  </si>
  <si>
    <t>三ケ__2679-2</t>
  </si>
  <si>
    <t>三ケ__2680-2</t>
  </si>
  <si>
    <t>三ケ__2681-2</t>
  </si>
  <si>
    <t>三ケ__2682-2</t>
  </si>
  <si>
    <t>三ケ__2683-2</t>
  </si>
  <si>
    <t>三ケ__2684-3</t>
  </si>
  <si>
    <t>三ケ__2685-2</t>
  </si>
  <si>
    <t>庄西町二丁目__139-2</t>
  </si>
  <si>
    <t>本町二丁目__154-2</t>
  </si>
  <si>
    <t>三ケ__2685-3</t>
  </si>
  <si>
    <t>三ケ__2686-2</t>
  </si>
  <si>
    <t>三ケ__2687-2</t>
  </si>
  <si>
    <t>三ケ__2688-2</t>
  </si>
  <si>
    <t>三ケ__2688-3</t>
  </si>
  <si>
    <t>三ケ__2689-2</t>
  </si>
  <si>
    <t>三ケ__2690-2</t>
  </si>
  <si>
    <t>三ケ__2691-2</t>
  </si>
  <si>
    <t>三ケ__2692-2</t>
  </si>
  <si>
    <t>三ケ__2693-2</t>
  </si>
  <si>
    <t>本町二丁目__155-2</t>
  </si>
  <si>
    <t>三ケ__2694-2</t>
  </si>
  <si>
    <t>三ケ__2694-3</t>
  </si>
  <si>
    <t>三ケ__2695-2</t>
  </si>
  <si>
    <t>三ケ__2695-3</t>
  </si>
  <si>
    <t>三ケ__2695-4</t>
  </si>
  <si>
    <t>三ケ__2696-2</t>
  </si>
  <si>
    <t>三ケ__2697-2</t>
  </si>
  <si>
    <t>三ケ__2698-2</t>
  </si>
  <si>
    <t>三ケ__2699-3</t>
  </si>
  <si>
    <t>三ケ__2700-2</t>
  </si>
  <si>
    <t>本町二丁目__156-3</t>
  </si>
  <si>
    <t>三ケ__2700-3</t>
  </si>
  <si>
    <t>三ケ__2700-4</t>
  </si>
  <si>
    <t>三ケ__2701-3</t>
  </si>
  <si>
    <t>三ケ__2702-2</t>
  </si>
  <si>
    <t>三ケ__2703-2</t>
  </si>
  <si>
    <t>三ケ__2704-2</t>
  </si>
  <si>
    <t>三ケ__2705-2</t>
  </si>
  <si>
    <t>三ケ__2706-2</t>
  </si>
  <si>
    <t>三ケ__2707-2</t>
  </si>
  <si>
    <t>三ケ__2708-2</t>
  </si>
  <si>
    <t>本町二丁目__156-4</t>
  </si>
  <si>
    <t>三ケ__2709-2</t>
  </si>
  <si>
    <t>三ケ__2710-2</t>
  </si>
  <si>
    <t>三ケ__2710-3</t>
  </si>
  <si>
    <t>三ケ__2711-2</t>
  </si>
  <si>
    <t>三ケ__2712-2</t>
  </si>
  <si>
    <t>三ケ__2713-2</t>
  </si>
  <si>
    <t>三ケ__2715-2</t>
  </si>
  <si>
    <t>三ケ__2716-2</t>
  </si>
  <si>
    <t>三ケ__2717-2</t>
  </si>
  <si>
    <t>三ケ__2717-3</t>
  </si>
  <si>
    <t>本町二丁目__157-9</t>
  </si>
  <si>
    <t>三ケ__2718-2</t>
  </si>
  <si>
    <t>三ケ__2718-3</t>
  </si>
  <si>
    <t>三ケ__2719-2</t>
  </si>
  <si>
    <t>三ケ__2720-2</t>
  </si>
  <si>
    <t>三ケ__2721-2</t>
  </si>
  <si>
    <t>三ケ__2722-2</t>
  </si>
  <si>
    <t>三ケ__2725-3</t>
  </si>
  <si>
    <t>三ケ__2726-2</t>
  </si>
  <si>
    <t>三ケ__2735-3</t>
  </si>
  <si>
    <t>三ケ__2735-4</t>
  </si>
  <si>
    <t>本町二丁目__159-1</t>
  </si>
  <si>
    <t>三ケ__2743-2</t>
  </si>
  <si>
    <t>三ケ__2744-2</t>
  </si>
  <si>
    <t>三ケ__2745-2</t>
  </si>
  <si>
    <t>三ケ__2746-2</t>
  </si>
  <si>
    <t>三ケ__2746-3</t>
  </si>
  <si>
    <t>三ケ__2747-2</t>
  </si>
  <si>
    <t>三ケ__2747-3</t>
  </si>
  <si>
    <t>三ケ__2748-2</t>
  </si>
  <si>
    <t>三ケ__2749-2</t>
  </si>
  <si>
    <t>三ケ__2749-3</t>
  </si>
  <si>
    <t>本町二丁目__159-5</t>
  </si>
  <si>
    <t>三ケ__2750-2</t>
  </si>
  <si>
    <t>三ケ__2751-3</t>
  </si>
  <si>
    <t>三ケ__2751-4</t>
  </si>
  <si>
    <t>三ケ__2752-3</t>
  </si>
  <si>
    <t>三ケ__2752-5</t>
  </si>
  <si>
    <t>三ケ__2753-3</t>
  </si>
  <si>
    <t>三ケ__2754-3</t>
  </si>
  <si>
    <t>三ケ__2755-3</t>
  </si>
  <si>
    <t>三ケ__2756-3</t>
  </si>
  <si>
    <t>三ケ__2756-4</t>
  </si>
  <si>
    <t>本町二丁目__160-4</t>
  </si>
  <si>
    <t>三ケ__2762-2</t>
  </si>
  <si>
    <t>三ケ__2762-3</t>
  </si>
  <si>
    <t>三ケ__2763-2</t>
  </si>
  <si>
    <t>三ケ__2763-3</t>
  </si>
  <si>
    <t>三ケ__2763-5</t>
  </si>
  <si>
    <t>三ケ__2764-2</t>
  </si>
  <si>
    <t>三ケ__2764-3</t>
  </si>
  <si>
    <t>三ケ__2765-4</t>
  </si>
  <si>
    <t>三ケ__2766-2</t>
  </si>
  <si>
    <t>三ケ__2771-2</t>
  </si>
  <si>
    <t>本町二丁目__160-9</t>
  </si>
  <si>
    <t>三ケ__2772-3</t>
  </si>
  <si>
    <t>三ケ__2773-2</t>
  </si>
  <si>
    <t>三ケ__2773-3</t>
  </si>
  <si>
    <t>三ケ__2774-2</t>
  </si>
  <si>
    <t>三ケ_茶ノ木_68-2</t>
  </si>
  <si>
    <t>三ケ_茶ノ木_69-2</t>
  </si>
  <si>
    <t>三ケ_茶ノ木_70-3</t>
  </si>
  <si>
    <t>三ケ_茶ノ木_71-3</t>
  </si>
  <si>
    <t>三ケ_茶ノ木_78-4</t>
  </si>
  <si>
    <t>三ケ_茶ノ木_241-2</t>
  </si>
  <si>
    <t>本町二丁目__160-10</t>
  </si>
  <si>
    <t>三ケ_茶ノ木_242-3</t>
  </si>
  <si>
    <t>三ケ_茶ノ木_243-5</t>
  </si>
  <si>
    <t>三ケ_茶ノ木_244-8</t>
  </si>
  <si>
    <t>三ケ_茶ノ木_245-1</t>
  </si>
  <si>
    <t>三ケ_茶ノ木_245-4</t>
  </si>
  <si>
    <t>三ケ_茶ノ木_245-5</t>
  </si>
  <si>
    <t>三ケ_茶ノ木_246-3</t>
  </si>
  <si>
    <t>三ケ_茶ノ木_247-4</t>
  </si>
  <si>
    <t>三ケ_茶ノ木_248-5</t>
  </si>
  <si>
    <t>三ケ_茶ノ木_249-5</t>
  </si>
  <si>
    <t>庄西町一丁目__601-18</t>
  </si>
  <si>
    <t>庄西町二丁目__148-2</t>
  </si>
  <si>
    <t>本町二丁目__160-11</t>
  </si>
  <si>
    <t>三ケ_茶ノ木_250-8</t>
  </si>
  <si>
    <t>三ケ_茶ノ木_250-9</t>
  </si>
  <si>
    <t>三ケ_茶ノ木_251-6</t>
  </si>
  <si>
    <t>三ケ_茶ノ木_252-3</t>
  </si>
  <si>
    <t>三ケ_茶ノ木_253-3</t>
  </si>
  <si>
    <t>三ケ_茶ノ木_254-3</t>
  </si>
  <si>
    <t>三ケ_茶ノ木_255-3</t>
  </si>
  <si>
    <t>三ケ_茶ノ木_256-4</t>
  </si>
  <si>
    <t>三ケ_茶ノ木_256-5</t>
  </si>
  <si>
    <t>三ケ_茶ノ木_257-3</t>
  </si>
  <si>
    <t>本町二丁目__160-12</t>
  </si>
  <si>
    <t>三ケ_茶ノ木_257-4</t>
  </si>
  <si>
    <t>三ケ_茶ノ木_433-1</t>
  </si>
  <si>
    <t>三ケ_茶ノ木_446-2</t>
  </si>
  <si>
    <t>三ケ_茶ノ木_447-2</t>
  </si>
  <si>
    <t>三ケ_茶ノ木_451-3</t>
  </si>
  <si>
    <t>三ケ_茶ノ木_452-1</t>
  </si>
  <si>
    <t>三ケ_茶ノ木_453-3</t>
  </si>
  <si>
    <t>三ケ_茶ノ木_455-2</t>
  </si>
  <si>
    <t>三ケ_茶ノ木_1597-4</t>
  </si>
  <si>
    <t>三ケ_茶ノ木_1800-2</t>
  </si>
  <si>
    <t>本町二丁目__161-2</t>
  </si>
  <si>
    <t>三ケ_茶ノ木_1800-4</t>
  </si>
  <si>
    <t>三ケ_茶ノ木_1976-2</t>
  </si>
  <si>
    <t>三ケ_茶ノ木_1989-9</t>
  </si>
  <si>
    <t>三ケ_茶ノ木_1995-2</t>
  </si>
  <si>
    <t>三ケ_茶ノ木_1996-5</t>
  </si>
  <si>
    <t>三ケ_茶ノ木_1998-4</t>
  </si>
  <si>
    <t>三ケ_茶ノ木_1998-7</t>
  </si>
  <si>
    <t>三ケ_茶ノ木_2153-1</t>
  </si>
  <si>
    <t>三ケ_茶ノ木_2153-3</t>
  </si>
  <si>
    <t>三ケ_茶ノ木_2154-4</t>
  </si>
  <si>
    <t>本町二丁目__162-2</t>
  </si>
  <si>
    <t>三ケ_茶ノ木_2154-5</t>
  </si>
  <si>
    <t>三ケ_茶ノ木_2239-2</t>
  </si>
  <si>
    <t>三ケ_茶ノ木_2240-16</t>
  </si>
  <si>
    <t>三ケ_茶ノ木_2240-18</t>
  </si>
  <si>
    <t>三ケ_茶ノ木_2240-21</t>
  </si>
  <si>
    <t>三ケ_茶ノ木_2240-23</t>
  </si>
  <si>
    <t>三ケ_茶ノ木_2242-3</t>
  </si>
  <si>
    <t>三ケ_茶ノ木_2249-2</t>
  </si>
  <si>
    <t>三ケ_茶ノ木_2668-3</t>
  </si>
  <si>
    <t>三ケ_茶ノ木_2669-3</t>
  </si>
  <si>
    <t>本町二丁目__162-3</t>
  </si>
  <si>
    <t>三ケ_茶ノ木_2670-1</t>
  </si>
  <si>
    <t>三ケ_茶ノ木_2672-3</t>
  </si>
  <si>
    <t>三ケ_茶ノ木_2673-3</t>
  </si>
  <si>
    <t>三ケ_茶ノ木_2674-3</t>
  </si>
  <si>
    <t>三ケ_茶ノ木_2675-3</t>
  </si>
  <si>
    <t>三ケ_茶ノ木_2676-4</t>
  </si>
  <si>
    <t>三ケ_茶ノ木_2678-2</t>
  </si>
  <si>
    <t>三ケ_茶ノ木_2680-4</t>
  </si>
  <si>
    <t>三ケ_茶ノ木_2681-4</t>
  </si>
  <si>
    <t>三ケ_茶ノ木_2683-4</t>
  </si>
  <si>
    <t>本町二丁目__165-1</t>
  </si>
  <si>
    <t>三ケ_茶ノ木_2684-3</t>
  </si>
  <si>
    <t>三ケ_茶ノ木_2878-4</t>
  </si>
  <si>
    <t>三ケ_茶ノ木_2880-1</t>
  </si>
  <si>
    <t>三ケ_茶ノ木_3205-4</t>
  </si>
  <si>
    <t>三ケ_茶ノ木_3207-4</t>
  </si>
  <si>
    <t>三ケ_茶ノ木_3207-5</t>
  </si>
  <si>
    <t>三ケ_茶ノ木_3237-3</t>
  </si>
  <si>
    <t>三ケ_茶ノ木_3237-4</t>
  </si>
  <si>
    <t>三ケ_茶ノ木_3243-2</t>
  </si>
  <si>
    <t>三ケ_茶ノ木_3247-3</t>
  </si>
  <si>
    <t>本町二丁目__165-3</t>
  </si>
  <si>
    <t>三ケ_茶ノ木_3247-4</t>
  </si>
  <si>
    <t>三ケ_茶ノ木_3248-3</t>
  </si>
  <si>
    <t>三ケ_茶ノ木_3248-4</t>
  </si>
  <si>
    <t>三ケ_茶ノ木_3250-4</t>
  </si>
  <si>
    <t>三ケ_茶ノ木_3250-5</t>
  </si>
  <si>
    <t>三ケ_茶ノ木_3251-5</t>
  </si>
  <si>
    <t>三ケ_茶ノ木_3251-6</t>
  </si>
  <si>
    <t>三ケ_茶ノ木_3261-1</t>
  </si>
  <si>
    <t>三ケ_茶ノ木_3268-3</t>
  </si>
  <si>
    <t>三ケ_茶ノ木_3275-2</t>
  </si>
  <si>
    <t>本町二丁目__559-2</t>
  </si>
  <si>
    <t>三ケ_茶ノ木_3276</t>
  </si>
  <si>
    <t>三ケ_茶ノ木_3277</t>
  </si>
  <si>
    <t>三ケ_茶ノ木_3278-2</t>
  </si>
  <si>
    <t>三ケ_茶ノ木_3294-10</t>
  </si>
  <si>
    <t>三ケ_茶ノ木_3294-12</t>
  </si>
  <si>
    <t>三ケ_茶ノ木_3306-2</t>
  </si>
  <si>
    <t>三ケ_茶ノ木_3306-4</t>
  </si>
  <si>
    <t>三ケ_茶ノ木_3307-2</t>
  </si>
  <si>
    <t>三ケ_茶ノ木_3311-2</t>
  </si>
  <si>
    <t>三ケ_茶ノ木_3312</t>
  </si>
  <si>
    <t>本町二丁目__560-2</t>
  </si>
  <si>
    <t>三ケ_中原_3313-17</t>
  </si>
  <si>
    <t>三ケ_中原_3313-20</t>
  </si>
  <si>
    <t>三ケ_中原_3313-23</t>
  </si>
  <si>
    <t>三ケ_中原_3313-1</t>
  </si>
  <si>
    <t>三ケ_中原_3351-2</t>
  </si>
  <si>
    <t>三ケ_中原_3371-4</t>
  </si>
  <si>
    <t>三ケ_中原_3588</t>
  </si>
  <si>
    <t>三ケ_中原_3603</t>
  </si>
  <si>
    <t>三ケ_中原_3615</t>
  </si>
  <si>
    <t>三ケ_中原_3625</t>
  </si>
  <si>
    <t>本町二丁目__1005</t>
  </si>
  <si>
    <t>三ケ_中原_3626</t>
  </si>
  <si>
    <t>三ケ_中原_3633</t>
  </si>
  <si>
    <t>三ケ_中原_3634</t>
  </si>
  <si>
    <t>三ケ_中原_3675</t>
  </si>
  <si>
    <t>三ケ_中原_3698-1</t>
  </si>
  <si>
    <t>三ケ_中原_3711-5</t>
  </si>
  <si>
    <t>三ケ_中原_3712-3</t>
  </si>
  <si>
    <t>三ケ_中原_3721-5</t>
  </si>
  <si>
    <t>三ケ_中原_3731-8</t>
  </si>
  <si>
    <t>三ケ_中原_3731-9</t>
  </si>
  <si>
    <t>庄西町二丁目__152-2</t>
  </si>
  <si>
    <t>本町二丁目__1098-1</t>
  </si>
  <si>
    <t>三ケ_中原_3732-2</t>
  </si>
  <si>
    <t>三ケ_中原_3732-4</t>
  </si>
  <si>
    <t>三ケ_中原_3740-4</t>
  </si>
  <si>
    <t>三ケ_中原_3745-3</t>
  </si>
  <si>
    <t>三ケ_中原_3745-4</t>
  </si>
  <si>
    <t>三ケ_中原_3933-3</t>
  </si>
  <si>
    <t>三ケ_中原_3967-4</t>
  </si>
  <si>
    <t>三ケ_中原_3971-4</t>
  </si>
  <si>
    <t>三ケ_中原_3973-4</t>
  </si>
  <si>
    <t>三ケ_中原_3985-1</t>
  </si>
  <si>
    <t>本町二丁目__1098-5</t>
  </si>
  <si>
    <t>三ケ_中原_3986-1</t>
  </si>
  <si>
    <t>三ケ_中原_3995-2</t>
  </si>
  <si>
    <t>三ケ_中原_4015-3</t>
  </si>
  <si>
    <t>三ケ_中原_4022-3</t>
  </si>
  <si>
    <t>三ケ_中原_4060-4</t>
  </si>
  <si>
    <t>三ケ_中原_4068-6</t>
  </si>
  <si>
    <t>三ケ_中原_4105-13</t>
  </si>
  <si>
    <t>三ケ_中原_4105-14</t>
  </si>
  <si>
    <t>三ケ_中原_4105-11</t>
  </si>
  <si>
    <t>三ケ_中原_4105-12</t>
  </si>
  <si>
    <t>本町二丁目__1098-6</t>
  </si>
  <si>
    <t>三ケ_中原_4128-2</t>
  </si>
  <si>
    <t>三ケ_中原_4128-5</t>
  </si>
  <si>
    <t>三ケ_中原_4129-16</t>
  </si>
  <si>
    <t>三ケ_中原_4133-2</t>
  </si>
  <si>
    <t>三ケ_中原_4134-5</t>
  </si>
  <si>
    <t>三ケ_中原_4139-5</t>
  </si>
  <si>
    <t>三ケ_中原_4147-4</t>
  </si>
  <si>
    <t>三ケ_中原_4149-4</t>
  </si>
  <si>
    <t>三ケ_中原_4149-7</t>
  </si>
  <si>
    <t>三ケ_中原_4152-1</t>
  </si>
  <si>
    <t>本町二丁目__1099-3</t>
  </si>
  <si>
    <t>三ケ_中原_4154-2</t>
  </si>
  <si>
    <t>三ケ_中原_4155-3</t>
  </si>
  <si>
    <t>三ケ_中原_4181-3</t>
  </si>
  <si>
    <t>三ケ_中原_4181-4</t>
  </si>
  <si>
    <t>三ケ_中原_4181-5</t>
  </si>
  <si>
    <t>三ケ_中原_4182-3</t>
  </si>
  <si>
    <t>三ケ_中原_4184-2</t>
  </si>
  <si>
    <t>三ケ_中原_4185-3</t>
  </si>
  <si>
    <t>三ケ_中原_4185-4</t>
  </si>
  <si>
    <t>三ケ_中原_4203-2</t>
  </si>
  <si>
    <t>本町二丁目__1100-3</t>
  </si>
  <si>
    <t>三ケ_中原_4203-3</t>
  </si>
  <si>
    <t>三ケ_中原_4204-3</t>
  </si>
  <si>
    <t>三ケ_中原_4204-4</t>
  </si>
  <si>
    <t>三ケ_中原_4205-2</t>
  </si>
  <si>
    <t>三ケ_中原_4207-2</t>
  </si>
  <si>
    <t>三ケ_中原_4273-4</t>
  </si>
  <si>
    <t>三ケ_中原_4295-2</t>
  </si>
  <si>
    <t>三ケ_中原_4717-3</t>
  </si>
  <si>
    <t>三ケ_中田_5099-3</t>
  </si>
  <si>
    <t>三ケ_町口_2947-3</t>
  </si>
  <si>
    <t>本町二丁目__1101-3</t>
  </si>
  <si>
    <t>三ケ_町口_2949-3</t>
  </si>
  <si>
    <t>三ケ_町口_2953-3</t>
  </si>
  <si>
    <t>三ケ_町口_2957-3</t>
  </si>
  <si>
    <t>三ケ_町口_2960-3</t>
  </si>
  <si>
    <t>三ケ_町口_2961-3</t>
  </si>
  <si>
    <t>三ケ_町口_2961-5</t>
  </si>
  <si>
    <t>三ケ_町口_3024-3</t>
  </si>
  <si>
    <t>戸破__7027</t>
  </si>
  <si>
    <t>戸破_針原_1-1</t>
  </si>
  <si>
    <t>戸破_針原_8-6</t>
  </si>
  <si>
    <t>本町二丁目__1102-3</t>
  </si>
  <si>
    <t>戸破_針原_8-12</t>
  </si>
  <si>
    <t>戸破_針原_8-13</t>
  </si>
  <si>
    <t>戸破_針原_8-18</t>
  </si>
  <si>
    <t>戸破_針原_8-19</t>
  </si>
  <si>
    <t>戸破_針原_8-20</t>
  </si>
  <si>
    <t>戸破_針原_23-5</t>
  </si>
  <si>
    <t>戸破_針原_27-2</t>
  </si>
  <si>
    <t>戸破_針原_28-3</t>
  </si>
  <si>
    <t>戸破_針原_29-2</t>
  </si>
  <si>
    <t>戸破_針原_30-2</t>
  </si>
  <si>
    <t>本町二丁目__1103-6</t>
  </si>
  <si>
    <t>戸破_針原_31-3</t>
  </si>
  <si>
    <t>戸破_針原_32-1</t>
  </si>
  <si>
    <t>戸破_針原_32-2</t>
  </si>
  <si>
    <t>戸破_針原_32-5</t>
  </si>
  <si>
    <t>戸破_針原_32-6</t>
  </si>
  <si>
    <t>戸破_針原_32-10</t>
  </si>
  <si>
    <t>戸破_針原_32-11</t>
  </si>
  <si>
    <t>戸破_針原_32-12</t>
  </si>
  <si>
    <t>戸破_針原_33-3</t>
  </si>
  <si>
    <t>戸破_針原_33-4</t>
  </si>
  <si>
    <t>本町二丁目__1125-9</t>
  </si>
  <si>
    <t>戸破_針原_34-2</t>
  </si>
  <si>
    <t>戸破_針原_35-2</t>
  </si>
  <si>
    <t>戸破_針原_36-2</t>
  </si>
  <si>
    <t>戸破_針原_37-2</t>
  </si>
  <si>
    <t>戸破_針原_38-2</t>
  </si>
  <si>
    <t>戸破_針原_39-2</t>
  </si>
  <si>
    <t>戸破_針原_40-2</t>
  </si>
  <si>
    <t>戸破_針原_41-2</t>
  </si>
  <si>
    <t>戸破_針原_42-2</t>
  </si>
  <si>
    <t>戸破_針原_44-14</t>
  </si>
  <si>
    <t>本町二丁目__1125-10</t>
  </si>
  <si>
    <t>戸破_針原_44-15</t>
  </si>
  <si>
    <t>戸破_針原_44-16</t>
  </si>
  <si>
    <t>戸破_針原_44-17</t>
  </si>
  <si>
    <t>戸破_針原_44-19</t>
  </si>
  <si>
    <t>戸破_針原_44-1</t>
  </si>
  <si>
    <t>戸破_針原_44-7</t>
  </si>
  <si>
    <t>戸破_針原_44-11</t>
  </si>
  <si>
    <t>戸破_針原_44-12</t>
  </si>
  <si>
    <t>戸破_針原_47-2</t>
  </si>
  <si>
    <t>戸破_針原_48-4</t>
  </si>
  <si>
    <t>庄西町二丁目__217-2</t>
  </si>
  <si>
    <t>本町二丁目__1125-11</t>
  </si>
  <si>
    <t>戸破_針原_48-5</t>
  </si>
  <si>
    <t>戸破_針原_49-2</t>
  </si>
  <si>
    <t>戸破_針原_52-3</t>
  </si>
  <si>
    <t>戸破_針原_52-4</t>
  </si>
  <si>
    <t>戸破_針原_53-18</t>
  </si>
  <si>
    <t>戸破_針原_53-2</t>
  </si>
  <si>
    <t>戸破_針原_53-4</t>
  </si>
  <si>
    <t>戸破_針原_53-5</t>
  </si>
  <si>
    <t>戸破_針原_53-6</t>
  </si>
  <si>
    <t>戸破_針原_53-7</t>
  </si>
  <si>
    <t>本町二丁目__1126-1</t>
  </si>
  <si>
    <t>戸破_針原_53-8</t>
  </si>
  <si>
    <t>戸破_針原_53-9</t>
  </si>
  <si>
    <t>戸破_針原_53-10</t>
  </si>
  <si>
    <t>戸破_針原_54-2</t>
  </si>
  <si>
    <t>戸破_針原_55-2</t>
  </si>
  <si>
    <t>戸破_針原_56-2</t>
  </si>
  <si>
    <t>戸破_針原_57-2</t>
  </si>
  <si>
    <t>戸破_針原_58-2</t>
  </si>
  <si>
    <t>戸破_針原_59-2</t>
  </si>
  <si>
    <t>戸破_針原_60-2</t>
  </si>
  <si>
    <t>本町二丁目__1126-8</t>
  </si>
  <si>
    <t>戸破_針原_61-2</t>
  </si>
  <si>
    <t>戸破_針原_62-2</t>
  </si>
  <si>
    <t>戸破_針原_63-2</t>
  </si>
  <si>
    <t>戸破_針原_64-2</t>
  </si>
  <si>
    <t>戸破_針原_65-2</t>
  </si>
  <si>
    <t>戸破_針原_66-2</t>
  </si>
  <si>
    <t>戸破_針原_67-2</t>
  </si>
  <si>
    <t>戸破_針原_68-3</t>
  </si>
  <si>
    <t>戸破_針原_69-17</t>
  </si>
  <si>
    <t>戸破_針原_69-18</t>
  </si>
  <si>
    <t>本町二丁目__1126-9</t>
  </si>
  <si>
    <t>戸破_針原_69-19</t>
  </si>
  <si>
    <t>戸破_針原_69-20</t>
  </si>
  <si>
    <t>戸破_針原_69-21</t>
  </si>
  <si>
    <t>戸破_針原_69-2</t>
  </si>
  <si>
    <t>戸破_針原_69-5</t>
  </si>
  <si>
    <t>戸破_針原_69-11</t>
  </si>
  <si>
    <t>戸破_針原_70-2</t>
  </si>
  <si>
    <t>戸破_針原_71-2</t>
  </si>
  <si>
    <t>戸破_針原_72-2</t>
  </si>
  <si>
    <t>戸破_針原_73-2</t>
  </si>
  <si>
    <t>本町二丁目__1126-10</t>
  </si>
  <si>
    <t>戸破_針原_74-2</t>
  </si>
  <si>
    <t>戸破_針原_75-2</t>
  </si>
  <si>
    <t>戸破_針原_76-2</t>
  </si>
  <si>
    <t>戸破_針原_126-2</t>
  </si>
  <si>
    <t>戸破_針原_127-2</t>
  </si>
  <si>
    <t>戸破_針原_171-2</t>
  </si>
  <si>
    <t>戸破_針原_176-4</t>
  </si>
  <si>
    <t>戸破_針原_223-3</t>
  </si>
  <si>
    <t>戸破_針原_223-4</t>
  </si>
  <si>
    <t>戸破_針原_223-5</t>
  </si>
  <si>
    <t>本町二丁目__1126-11</t>
  </si>
  <si>
    <t>戸破_神明_453-2</t>
  </si>
  <si>
    <t>戸破_神明_454-2</t>
  </si>
  <si>
    <t>戸破_神明_455-2</t>
  </si>
  <si>
    <t>戸破_神明_456-2</t>
  </si>
  <si>
    <t>戸破_神明_457-2</t>
  </si>
  <si>
    <t>戸破_神明_458-2</t>
  </si>
  <si>
    <t>戸破_神明_459-2</t>
  </si>
  <si>
    <t>戸破_神明_460-2</t>
  </si>
  <si>
    <t>戸破_神明_461-2</t>
  </si>
  <si>
    <t>戸破_神明_462-2</t>
  </si>
  <si>
    <t>本町二丁目__1126-12</t>
  </si>
  <si>
    <t>戸破_神明_463-2</t>
  </si>
  <si>
    <t>戸破_神明_464-2</t>
  </si>
  <si>
    <t>戸破_神明_465-2</t>
  </si>
  <si>
    <t>戸破_神明_466-2</t>
  </si>
  <si>
    <t>戸破_神明_467-2</t>
  </si>
  <si>
    <t>戸破_神明_468-2</t>
  </si>
  <si>
    <t>戸破_神明_469-2</t>
  </si>
  <si>
    <t>戸破_神明_470-2</t>
  </si>
  <si>
    <t>戸破_神明_471-2</t>
  </si>
  <si>
    <t>戸破_神明_472-2</t>
  </si>
  <si>
    <t>本町三丁目__130-2</t>
  </si>
  <si>
    <t>戸破_神明_473-2</t>
  </si>
  <si>
    <t>戸破_神明_474-2</t>
  </si>
  <si>
    <t>戸破_神明_475-2</t>
  </si>
  <si>
    <t>戸破_神明_476-2</t>
  </si>
  <si>
    <t>戸破_神明_477-2</t>
  </si>
  <si>
    <t>戸破_神明_478-2</t>
  </si>
  <si>
    <t>戸破_神明_479-2</t>
  </si>
  <si>
    <t>戸破_神明_480-2</t>
  </si>
  <si>
    <t>戸破_神明_481-2</t>
  </si>
  <si>
    <t>戸破_神明_482-2</t>
  </si>
  <si>
    <t>本町三丁目__131-2</t>
  </si>
  <si>
    <t>戸破_神明_483-2</t>
  </si>
  <si>
    <t>戸破_神明_484-2</t>
  </si>
  <si>
    <t>戸破_神明_485-2</t>
  </si>
  <si>
    <t>戸破_神明_486-2</t>
  </si>
  <si>
    <t>戸破_神明_487-2</t>
  </si>
  <si>
    <t>戸破_神明_488-2</t>
  </si>
  <si>
    <t>戸破_神明_489-2</t>
  </si>
  <si>
    <t>戸破_神明_490-2</t>
  </si>
  <si>
    <t>戸破_神明_491-2</t>
  </si>
  <si>
    <t>戸破_神明_492-2</t>
  </si>
  <si>
    <t>本町三丁目__132-3</t>
  </si>
  <si>
    <t>戸破_神明_493-2</t>
  </si>
  <si>
    <t>戸破_神明_494-2</t>
  </si>
  <si>
    <t>戸破_神明_495-2</t>
  </si>
  <si>
    <t>戸破_神明_496-2</t>
  </si>
  <si>
    <t>戸破_神明_497-3</t>
  </si>
  <si>
    <t>戸破_神明_616-4</t>
  </si>
  <si>
    <t>戸破_神明_624-2</t>
  </si>
  <si>
    <t>戸破_神明_625-3</t>
  </si>
  <si>
    <t>戸破_神明_648-2</t>
  </si>
  <si>
    <t>戸破_神明_664-2</t>
  </si>
  <si>
    <t>庄西町二丁目__223-2</t>
  </si>
  <si>
    <t>本町三丁目__133-6</t>
  </si>
  <si>
    <t>戸破_神明_669-2</t>
  </si>
  <si>
    <t>戸破_神明_670-2</t>
  </si>
  <si>
    <t>戸破_神明_695-1</t>
  </si>
  <si>
    <t>戸破_神明_696-1</t>
  </si>
  <si>
    <t>戸破_神明_696-9</t>
  </si>
  <si>
    <t>戸破_神明_699-1</t>
  </si>
  <si>
    <t>戸破_神明_710-1</t>
  </si>
  <si>
    <t>戸破_神明_718-2</t>
  </si>
  <si>
    <t>戸破_神明_1029-1</t>
  </si>
  <si>
    <t>戸破_神明_1029-3</t>
  </si>
  <si>
    <t>本町三丁目__133-7</t>
  </si>
  <si>
    <t>戸破_四反田_723-2</t>
  </si>
  <si>
    <t>戸破_四反田_734-3</t>
  </si>
  <si>
    <t>戸破_四反田_743-2</t>
  </si>
  <si>
    <t>戸破_四反田_745-1</t>
  </si>
  <si>
    <t>戸破_四反田_764-2</t>
  </si>
  <si>
    <t>戸破_四反田_765-2</t>
  </si>
  <si>
    <t>戸破_四反田_766-3</t>
  </si>
  <si>
    <t>戸破_四反田_766-4</t>
  </si>
  <si>
    <t>戸破_四反田_767-3</t>
  </si>
  <si>
    <t>戸破_四反田_780-2</t>
  </si>
  <si>
    <t>本町三丁目__136-2</t>
  </si>
  <si>
    <t>戸破_四反田_781-3</t>
  </si>
  <si>
    <t>戸破_四反田_787-2</t>
  </si>
  <si>
    <t>戸破_四反田_787-3</t>
  </si>
  <si>
    <t>戸破_四反田_884-1</t>
  </si>
  <si>
    <t>戸破_四反田_983-3</t>
  </si>
  <si>
    <t>戸破_四反田_984-4</t>
  </si>
  <si>
    <t>戸破_四反田_998-2</t>
  </si>
  <si>
    <t>戸破_四反田_999</t>
  </si>
  <si>
    <t>戸破_四反田_1006-2</t>
  </si>
  <si>
    <t>戸破_四反田_1007-2</t>
  </si>
  <si>
    <t>本町三丁目__190-2</t>
  </si>
  <si>
    <t>戸破_四反田_1007-3</t>
  </si>
  <si>
    <t>戸破_四反田_1009-2</t>
  </si>
  <si>
    <t>戸破_四反田_1010-2</t>
  </si>
  <si>
    <t>戸破_四反田_1010-3</t>
  </si>
  <si>
    <t>戸破_四反田_1011-2</t>
  </si>
  <si>
    <t>戸破_四反田_1012-2</t>
  </si>
  <si>
    <t>戸破_四反田_1012-3</t>
  </si>
  <si>
    <t>戸破_四反田_1014-2</t>
  </si>
  <si>
    <t>戸破_四反田_1014-3</t>
  </si>
  <si>
    <t>戸破_四反田_1014-5</t>
  </si>
  <si>
    <t>本町三丁目__217</t>
  </si>
  <si>
    <t>戸破_四反田_1018-2</t>
  </si>
  <si>
    <t>戸破_四反田_1019-2</t>
  </si>
  <si>
    <t>戸破_四反田_1020-3</t>
  </si>
  <si>
    <t>戸破_四反田_1021-3</t>
  </si>
  <si>
    <t>戸破_四反田_1022-3</t>
  </si>
  <si>
    <t>戸破_四反田_1023-3</t>
  </si>
  <si>
    <t>戸破_四反田_1024-4</t>
  </si>
  <si>
    <t>戸破_四反田_1024-6</t>
  </si>
  <si>
    <t>戸破_四反田_1025-6</t>
  </si>
  <si>
    <t>戸破_四反田_1030-1</t>
  </si>
  <si>
    <t>本町三丁目__1152-2</t>
  </si>
  <si>
    <t>戸破_四反田_1030-22</t>
  </si>
  <si>
    <t>戸破_四反田_1032-4</t>
  </si>
  <si>
    <t>戸破_四反田_1033-4</t>
  </si>
  <si>
    <t>戸破_四反田_1034-2</t>
  </si>
  <si>
    <t>戸破_四反田_1041-3</t>
  </si>
  <si>
    <t>戸破_四反田_1043-3</t>
  </si>
  <si>
    <t>戸破_四反田_1046-3</t>
  </si>
  <si>
    <t>戸破_四反田_1048-2</t>
  </si>
  <si>
    <t>戸破_四反田_1049-1</t>
  </si>
  <si>
    <t>戸破_四反田_1049-4</t>
  </si>
  <si>
    <t>本町三丁目__1153-2</t>
  </si>
  <si>
    <t>戸破_四反田_1058-1</t>
  </si>
  <si>
    <t>戸破_四反田_1066-2</t>
  </si>
  <si>
    <t>戸破_四反田_1067-2</t>
  </si>
  <si>
    <t>戸破_四反田_1068-1</t>
  </si>
  <si>
    <t>戸破_四反田_1070-2</t>
  </si>
  <si>
    <t>戸破_四反田_1071-2</t>
  </si>
  <si>
    <t>戸破_四反田_1074-2</t>
  </si>
  <si>
    <t>戸破_四反田_1075-2</t>
  </si>
  <si>
    <t>戸破_四反田_1076-3</t>
  </si>
  <si>
    <t>戸破_後宝_1108-1</t>
  </si>
  <si>
    <t>放生津町__1087-2</t>
  </si>
  <si>
    <t>戸破_後宝_1110-4</t>
  </si>
  <si>
    <t>戸破_後宝_1110-5</t>
  </si>
  <si>
    <t>戸破_後宝_1110-6</t>
  </si>
  <si>
    <t>戸破_後宝_1114-2</t>
  </si>
  <si>
    <t>戸破_後宝_1143-1</t>
  </si>
  <si>
    <t>戸破_後宝_1197-2</t>
  </si>
  <si>
    <t>戸破_後宝_1227-1</t>
  </si>
  <si>
    <t>戸破_後宝_1264-1</t>
  </si>
  <si>
    <t>戸破_後宝_1294-3</t>
  </si>
  <si>
    <t>戸破_後宝_1294-4</t>
  </si>
  <si>
    <t>放生津町__1088-8</t>
  </si>
  <si>
    <t>戸破_後宝_1295-2</t>
  </si>
  <si>
    <t>戸破_後宝_1296-2</t>
  </si>
  <si>
    <t>戸破_後宝_1297-3</t>
  </si>
  <si>
    <t>戸破_後宝_1297-4</t>
  </si>
  <si>
    <t>戸破_後宝_1298-2</t>
  </si>
  <si>
    <t>戸破_後宝_1298-3</t>
  </si>
  <si>
    <t>戸破_後宝_1299-4</t>
  </si>
  <si>
    <t>戸破_後宝_1299-6</t>
  </si>
  <si>
    <t>戸破_後宝_1299-7</t>
  </si>
  <si>
    <t>戸破_後宝_1299-8</t>
  </si>
  <si>
    <t>放生津町__1088-10</t>
  </si>
  <si>
    <t>戸破_後宝_1307-3</t>
  </si>
  <si>
    <t>戸破_後宝_1309-1</t>
  </si>
  <si>
    <t>戸破_後宝_1310-1</t>
  </si>
  <si>
    <t>戸破_後宝_1312-2</t>
  </si>
  <si>
    <t>戸破_後宝_1318-1</t>
  </si>
  <si>
    <t>戸破_後宝_1319-1</t>
  </si>
  <si>
    <t>戸破_後宝_1327-2</t>
  </si>
  <si>
    <t>戸破_後宝_1327-3</t>
  </si>
  <si>
    <t>戸破_後宝_1328-2</t>
  </si>
  <si>
    <t>戸破_後宝_1329-2</t>
  </si>
  <si>
    <t>庄西町二丁目__224-3</t>
  </si>
  <si>
    <t>放生津町__1089-2</t>
  </si>
  <si>
    <t>戸破_後宝_1330-2</t>
  </si>
  <si>
    <t>戸破_後宝_1331-2</t>
  </si>
  <si>
    <t>戸破_後宝_1332-2</t>
  </si>
  <si>
    <t>戸破_後宝_1333-2</t>
  </si>
  <si>
    <t>戸破_後宝_1334-2</t>
  </si>
  <si>
    <t>戸破_後宝_1335-2/1</t>
  </si>
  <si>
    <t>戸破_後宝_1336-2</t>
  </si>
  <si>
    <t>戸破_後宝_1337-1</t>
  </si>
  <si>
    <t>戸破_後宝_1337-2</t>
  </si>
  <si>
    <t>戸破_後宝_1338-2</t>
  </si>
  <si>
    <t>放生津町__1096-3</t>
  </si>
  <si>
    <t>戸破_後宝_1339-2</t>
  </si>
  <si>
    <t>戸破_後宝_1340-2</t>
  </si>
  <si>
    <t>戸破_後宝_1341-2</t>
  </si>
  <si>
    <t>戸破_後宝_1342-2</t>
  </si>
  <si>
    <t>戸破_後宝_1342-4</t>
  </si>
  <si>
    <t>戸破_後宝_1343-2</t>
  </si>
  <si>
    <t>戸破_後宝_1344-2</t>
  </si>
  <si>
    <t>戸破_後宝_1345-2</t>
  </si>
  <si>
    <t>戸破_後宝_1346-2</t>
  </si>
  <si>
    <t>戸破_後宝_1347-2</t>
  </si>
  <si>
    <t>放生津町__1097-1</t>
  </si>
  <si>
    <t>戸破_後宝_1348-2</t>
  </si>
  <si>
    <t>戸破_後宝_1349-2</t>
  </si>
  <si>
    <t>戸破_後宝_1350-2</t>
  </si>
  <si>
    <t>戸破_後宝_1351-2</t>
  </si>
  <si>
    <t>戸破_後宝_1352-2</t>
  </si>
  <si>
    <t>戸破_後宝_1353-2</t>
  </si>
  <si>
    <t>戸破_後宝_1354-2</t>
  </si>
  <si>
    <t>戸破_後宝_1355-2</t>
  </si>
  <si>
    <t>戸破_後宝_1356-2</t>
  </si>
  <si>
    <t>戸破_後宝_1357-2</t>
  </si>
  <si>
    <t>放生津町__1725-1</t>
  </si>
  <si>
    <t>戸破_後宝_1358-2</t>
  </si>
  <si>
    <t>戸破_後宝_1359-2</t>
  </si>
  <si>
    <t>戸破_後宝_1360-2</t>
  </si>
  <si>
    <t>戸破_後宝_1361-2</t>
  </si>
  <si>
    <t>戸破_後宝_1364-1</t>
  </si>
  <si>
    <t>戸破_後宝_1364-5</t>
  </si>
  <si>
    <t>戸破_後宝_1364-6</t>
  </si>
  <si>
    <t>戸破_後宝_1364-7</t>
  </si>
  <si>
    <t>戸破_後宝_1364-12</t>
  </si>
  <si>
    <t>戸破_後宝_1364-38</t>
  </si>
  <si>
    <t>放生津町__1986-2</t>
  </si>
  <si>
    <t>戸破_後宝_1380-2</t>
  </si>
  <si>
    <t>戸破_後宝_1381</t>
  </si>
  <si>
    <t>戸破_後宝_1382-2</t>
  </si>
  <si>
    <t>戸破_後宝_1387-1</t>
  </si>
  <si>
    <t>戸破_後宝_1387-3</t>
  </si>
  <si>
    <t>戸破_後宝_1403-1</t>
  </si>
  <si>
    <t>戸破_後宝_1416-4</t>
  </si>
  <si>
    <t>戸破_後宝_1417-4</t>
  </si>
  <si>
    <t>戸破_後宝_1418-2</t>
  </si>
  <si>
    <t>戸破_後宝_1418-5</t>
  </si>
  <si>
    <t>放生津町__1999-2</t>
  </si>
  <si>
    <t>戸破_後宝_1419-1</t>
  </si>
  <si>
    <t>戸破_後宝_1419-2</t>
  </si>
  <si>
    <t>戸破_後宝_1420-2</t>
  </si>
  <si>
    <t>戸破_後宝_1420-3</t>
  </si>
  <si>
    <t>戸破_後宝_1421-2</t>
  </si>
  <si>
    <t>戸破_後宝_1422-2</t>
  </si>
  <si>
    <t>戸破_後宝_1423-2</t>
  </si>
  <si>
    <t>戸破_後宝_1424-2</t>
  </si>
  <si>
    <t>戸破_後宝_1425-2</t>
  </si>
  <si>
    <t>戸破_後宝_1426-2</t>
  </si>
  <si>
    <t>放生津町__2000-1</t>
  </si>
  <si>
    <t>戸破_後宝_1427-2</t>
  </si>
  <si>
    <t>戸破_後宝_1428-2</t>
  </si>
  <si>
    <t>戸破_後宝_1429-2</t>
  </si>
  <si>
    <t>戸破_後宝_1430-2</t>
  </si>
  <si>
    <t>戸破_後宝_1431-2</t>
  </si>
  <si>
    <t>戸破_後宝_1432-2</t>
  </si>
  <si>
    <t>戸破_後宝_1433-2</t>
  </si>
  <si>
    <t>戸破_後宝_1434-2</t>
  </si>
  <si>
    <t>戸破_後宝_1435-2</t>
  </si>
  <si>
    <t>戸破_後宝_1436-2</t>
  </si>
  <si>
    <t>放生津町__2000-2</t>
  </si>
  <si>
    <t>戸破_後宝_1437-2</t>
  </si>
  <si>
    <t>戸破_後宝_1438-2</t>
  </si>
  <si>
    <t>戸破_後宝_1439-2</t>
  </si>
  <si>
    <t>戸破_後宝_1440-2</t>
  </si>
  <si>
    <t>戸破_後宝_1441-2</t>
  </si>
  <si>
    <t>戸破_後宝_1442-2</t>
  </si>
  <si>
    <t>戸破_後宝_1443-2</t>
  </si>
  <si>
    <t>戸破_後宝_1444-2</t>
  </si>
  <si>
    <t>戸破_後宝_1445-2</t>
  </si>
  <si>
    <t>戸破_後宝_1446-2</t>
  </si>
  <si>
    <t>戸破_後宝_1447-2</t>
  </si>
  <si>
    <t>戸破_後宝_1448-2</t>
  </si>
  <si>
    <t>戸破_後宝_1450-2</t>
  </si>
  <si>
    <t>戸破_後宝_1451-1</t>
  </si>
  <si>
    <t>戸破_後宝_1451-5</t>
  </si>
  <si>
    <t>戸破_後宝_1451-14</t>
  </si>
  <si>
    <t>戸破_後宝_1452-4</t>
  </si>
  <si>
    <t>戸破_後宝_1453-1</t>
  </si>
  <si>
    <t>戸破_後宝_1453-4</t>
  </si>
  <si>
    <t>戸破_後宝_1481-5</t>
  </si>
  <si>
    <t>戸破_後宝_1482</t>
  </si>
  <si>
    <t>戸破_後宝_1483-2</t>
  </si>
  <si>
    <t>戸破_後宝_1500-2</t>
  </si>
  <si>
    <t>戸破_後宝_1500-3</t>
  </si>
  <si>
    <t>戸破_後宝_1501-2</t>
  </si>
  <si>
    <t>戸破_後宝_1502-2</t>
  </si>
  <si>
    <t>庄西町二丁目__225-2</t>
  </si>
  <si>
    <t>戸破_後宝_1503-2</t>
  </si>
  <si>
    <t>戸破_後宝_1504-2</t>
  </si>
  <si>
    <t>戸破_後宝_1505-2</t>
  </si>
  <si>
    <t>戸破_後宝_1506-2</t>
  </si>
  <si>
    <t>戸破_後宝_1507-3</t>
  </si>
  <si>
    <t>戸破_後宝_1508-2</t>
  </si>
  <si>
    <t>戸破_後宝_1509-2</t>
  </si>
  <si>
    <t>戸破_後宝_1509-3</t>
  </si>
  <si>
    <t>戸破_後宝_1509-4</t>
  </si>
  <si>
    <t>戸破_後宝_1510-4</t>
  </si>
  <si>
    <t>戸破_後宝_1515-2</t>
  </si>
  <si>
    <t>戸破_後宝_1522-2</t>
  </si>
  <si>
    <t>戸破_後宝_1523-2</t>
  </si>
  <si>
    <t>戸破_後宝_1524-2</t>
  </si>
  <si>
    <t>戸破_後宝_1525-2</t>
  </si>
  <si>
    <t>戸破_後宝_1526-2</t>
  </si>
  <si>
    <t>戸破_後宝_1527-2</t>
  </si>
  <si>
    <t>戸破_後宝_1528-2</t>
  </si>
  <si>
    <t>戸破_後宝_1529-2</t>
  </si>
  <si>
    <t>戸破_後宝_1529-4</t>
  </si>
  <si>
    <t>戸破_後宝_1529-5</t>
  </si>
  <si>
    <t>戸破_後宝_1533-3</t>
  </si>
  <si>
    <t>戸破_後宝_1534-2</t>
  </si>
  <si>
    <t>戸破_後宝_1534</t>
  </si>
  <si>
    <t>戸破_加茂_1538-2</t>
  </si>
  <si>
    <t>戸破_加茂_1538-3</t>
  </si>
  <si>
    <t>戸破_加茂_1539-2</t>
  </si>
  <si>
    <t>戸破_加茂_1540-2</t>
  </si>
  <si>
    <t>戸破_加茂_1542-11</t>
  </si>
  <si>
    <t>放生津町__2084-2</t>
  </si>
  <si>
    <t>戸破_加茂_1544-2</t>
  </si>
  <si>
    <t>戸破_加茂_1545-2</t>
  </si>
  <si>
    <t>戸破_加茂_1546-2</t>
  </si>
  <si>
    <t>戸破_加茂_1547-2</t>
  </si>
  <si>
    <t>戸破_加茂_1547-3</t>
  </si>
  <si>
    <t>戸破_加茂_1548-3</t>
  </si>
  <si>
    <t>戸破_加茂_1555-2</t>
  </si>
  <si>
    <t>戸破_加茂_1555-4</t>
  </si>
  <si>
    <t>戸破_加茂_1556-2</t>
  </si>
  <si>
    <t>戸破_加茂_1556-3</t>
  </si>
  <si>
    <t>放生津町__2098-1</t>
  </si>
  <si>
    <t>戸破_加茂_1568-3</t>
  </si>
  <si>
    <t>戸破_加茂_1568-4</t>
  </si>
  <si>
    <t>戸破_加茂_1577-2</t>
  </si>
  <si>
    <t>戸破_加茂_1578-2</t>
  </si>
  <si>
    <t>戸破_加茂_1579-9</t>
  </si>
  <si>
    <t>戸破_加茂_1581-1</t>
  </si>
  <si>
    <t>戸破_加茂_1585-2</t>
  </si>
  <si>
    <t>戸破_加茂_1585-3</t>
  </si>
  <si>
    <t>戸破_加茂_1587-12</t>
  </si>
  <si>
    <t>戸破_加茂_1590-1</t>
  </si>
  <si>
    <t>放生津町__2104-1</t>
  </si>
  <si>
    <t>戸破_加茂_1592-7</t>
  </si>
  <si>
    <t>戸破_加茂_1592-8</t>
  </si>
  <si>
    <t>戸破_加茂_1594-2</t>
  </si>
  <si>
    <t>戸破_加茂_1594-3</t>
  </si>
  <si>
    <t>戸破_加茂_1598-4</t>
  </si>
  <si>
    <t>戸破_加茂_1612-2</t>
  </si>
  <si>
    <t>戸破_加茂_1613-3</t>
  </si>
  <si>
    <t>戸破_加茂_1613-4</t>
  </si>
  <si>
    <t>戸破_加茂_1614-3</t>
  </si>
  <si>
    <t>戸破_加茂_1614-4</t>
  </si>
  <si>
    <t>放生津町__2116-3</t>
  </si>
  <si>
    <t>戸破_加茂_1620-2</t>
  </si>
  <si>
    <t>戸破_加茂_1621-2</t>
  </si>
  <si>
    <t>戸破_加茂_1621-4</t>
  </si>
  <si>
    <t>戸破_加茂_1622-3</t>
  </si>
  <si>
    <t>戸破_加茂_1635-2</t>
  </si>
  <si>
    <t>戸破_加茂_1636-2</t>
  </si>
  <si>
    <t>戸破_加茂_1657-2</t>
  </si>
  <si>
    <t>戸破_加茂_1658-2</t>
  </si>
  <si>
    <t>戸破_加茂_1671-3</t>
  </si>
  <si>
    <t>戸破_加茂_1672-3</t>
  </si>
  <si>
    <t>放生津町__2116-4</t>
  </si>
  <si>
    <t>戸破_加茂_1673-2</t>
  </si>
  <si>
    <t>戸破_加茂_1701-2</t>
  </si>
  <si>
    <t>戸破_加茂_1704-2</t>
  </si>
  <si>
    <t>戸破_加茂_1704-3</t>
  </si>
  <si>
    <t>戸破_加茂_1705</t>
  </si>
  <si>
    <t>戸破_加茂_1706-1</t>
  </si>
  <si>
    <t>戸破_加茂_1706-2</t>
  </si>
  <si>
    <t>戸破_加茂_1706-3</t>
  </si>
  <si>
    <t>戸破_加茂_1707-7</t>
  </si>
  <si>
    <t>戸破_加茂_1722-2</t>
  </si>
  <si>
    <t>放生津町__2117-2</t>
  </si>
  <si>
    <t>戸破_加茂_1723-2</t>
  </si>
  <si>
    <t>戸破_加茂_1724-2</t>
  </si>
  <si>
    <t>戸破_加茂_1728-3</t>
  </si>
  <si>
    <t>戸破_加茂_1728-4</t>
  </si>
  <si>
    <t>戸破_加茂_1729-4</t>
  </si>
  <si>
    <t>戸破_加茂_1729-5</t>
  </si>
  <si>
    <t>戸破_加茂_1730-11</t>
  </si>
  <si>
    <t>戸破_加茂_1730-13</t>
  </si>
  <si>
    <t>戸破_加茂_1730-15</t>
  </si>
  <si>
    <t>戸破_加茂_1730-17</t>
  </si>
  <si>
    <t>放生津町__2118-2</t>
  </si>
  <si>
    <t>戸破_加茂_1730-19</t>
  </si>
  <si>
    <t>戸破_加茂_1730-21</t>
  </si>
  <si>
    <t>戸破_加茂_1730-23</t>
  </si>
  <si>
    <t>戸破_加茂_1731-21</t>
  </si>
  <si>
    <t>戸破_加茂_1731-22</t>
  </si>
  <si>
    <t>戸破_加茂_1735-25</t>
  </si>
  <si>
    <t>戸破_加茂_1735-26</t>
  </si>
  <si>
    <t>戸破_加茂_1737-2</t>
  </si>
  <si>
    <t>戸破_加茂_1742-2</t>
  </si>
  <si>
    <t>戸破_加茂_1779-2</t>
  </si>
  <si>
    <t>庄西町二丁目__225-4</t>
  </si>
  <si>
    <t>放生津町__2164</t>
  </si>
  <si>
    <t>戸破_加茂_1779-4</t>
  </si>
  <si>
    <t>戸破_加茂_1780-2</t>
  </si>
  <si>
    <t>戸破_加茂_1781-2</t>
  </si>
  <si>
    <t>戸破_加茂_1808-1</t>
  </si>
  <si>
    <t>戸破_加茂_1808-7</t>
  </si>
  <si>
    <t>戸破_加茂_1811-1</t>
  </si>
  <si>
    <t>戸破_加茂_1811-3</t>
  </si>
  <si>
    <t>戸破_加茂_1812-2</t>
  </si>
  <si>
    <t>戸破_加茂_1841-2</t>
  </si>
  <si>
    <t>戸破_加茂_1841-3</t>
  </si>
  <si>
    <t>放生津町__2175</t>
  </si>
  <si>
    <t>戸破_加茂_1841-4</t>
  </si>
  <si>
    <t>戸破_加茂_1842-2</t>
  </si>
  <si>
    <t>戸破_加茂_1842-3</t>
  </si>
  <si>
    <t>戸破_加茂_1846-2</t>
  </si>
  <si>
    <t>戸破_加茂_1851-2</t>
  </si>
  <si>
    <t>戸破_加茂_1851-5</t>
  </si>
  <si>
    <t>戸破_加茂_1872</t>
  </si>
  <si>
    <t>戸破_加茂_1915-3</t>
  </si>
  <si>
    <t>戸破_加茂_1916</t>
  </si>
  <si>
    <t>戸破_加茂_1917-1</t>
  </si>
  <si>
    <t>放生津町__2179</t>
  </si>
  <si>
    <t>戸破_加茂_1939-5</t>
  </si>
  <si>
    <t>戸破_加茂_1939-6</t>
  </si>
  <si>
    <t>戸破_加茂_1940-4</t>
  </si>
  <si>
    <t>戸破_加茂_1941-5</t>
  </si>
  <si>
    <t>戸破_加茂_1942-3</t>
  </si>
  <si>
    <t>戸破_加茂_1943-4</t>
  </si>
  <si>
    <t>戸破_加茂_1944-3</t>
  </si>
  <si>
    <t>戸破_加茂_1948-4</t>
  </si>
  <si>
    <t>戸破_加茂_1949-3</t>
  </si>
  <si>
    <t>放生津町__2198-2</t>
  </si>
  <si>
    <t>戸破_加茂_1950-6</t>
  </si>
  <si>
    <t>戸破_加茂_1950-7</t>
  </si>
  <si>
    <t>戸破_加茂_1951-7</t>
  </si>
  <si>
    <t>戸破_加茂_1951-9</t>
  </si>
  <si>
    <t>戸破_加茂_1951-10</t>
  </si>
  <si>
    <t>戸破_加茂_1953-2</t>
  </si>
  <si>
    <t>戸破_加茂_1954-2</t>
  </si>
  <si>
    <t>戸破_加茂_1955-3</t>
  </si>
  <si>
    <t>戸破_加茂_1956-5</t>
  </si>
  <si>
    <t>戸破_加茂_1957-7</t>
  </si>
  <si>
    <t>放生津町__2199-2</t>
  </si>
  <si>
    <t>戸破_加茂_1957-8</t>
  </si>
  <si>
    <t>戸破_加茂_1957-9</t>
  </si>
  <si>
    <t>戸破_加茂_1957-10</t>
  </si>
  <si>
    <t>戸破_加茂_1958-4</t>
  </si>
  <si>
    <t>戸破_加茂_1959-6</t>
  </si>
  <si>
    <t>戸破_加茂_1959-7</t>
  </si>
  <si>
    <t>戸破_加茂_1960-3</t>
  </si>
  <si>
    <t>戸破_加茂_1960-4</t>
  </si>
  <si>
    <t>戸破_加茂_1961-3</t>
  </si>
  <si>
    <t>戸破_加茂_1962-3</t>
  </si>
  <si>
    <t>戸破_加茂_1965-3</t>
  </si>
  <si>
    <t>戸破_加茂_1965-4</t>
  </si>
  <si>
    <t>戸破_加茂_1966-3</t>
  </si>
  <si>
    <t>戸破_加茂_1966-4</t>
  </si>
  <si>
    <t>戸破_加茂_1967-4</t>
  </si>
  <si>
    <t>戸破_加茂_1967-7</t>
  </si>
  <si>
    <t>戸破_加茂_1967-8</t>
  </si>
  <si>
    <t>戸破_加茂_2010-2</t>
  </si>
  <si>
    <t>戸破_加茂_2013-4</t>
  </si>
  <si>
    <t>戸破_加茂_2013-5</t>
  </si>
  <si>
    <t>放生津町__2817</t>
  </si>
  <si>
    <t>戸破_加茂_2014</t>
  </si>
  <si>
    <t>戸破_加茂_2015-3</t>
  </si>
  <si>
    <t>戸破_加茂_2015-7</t>
  </si>
  <si>
    <t>戸破_加茂_2015-8</t>
  </si>
  <si>
    <t>戸破_加茂_2016-3</t>
  </si>
  <si>
    <t>戸破_加茂_2016-4</t>
  </si>
  <si>
    <t>戸破_加茂_2016-6</t>
  </si>
  <si>
    <t>戸破_加茂_2018-7</t>
  </si>
  <si>
    <t>戸破_加茂_2019-1</t>
  </si>
  <si>
    <t>戸破_加茂_2020-13</t>
  </si>
  <si>
    <t>中央町__8-2</t>
  </si>
  <si>
    <t>戸破_加茂_2020-1</t>
  </si>
  <si>
    <t>戸破_加茂_2020-9</t>
  </si>
  <si>
    <t>戸破_加茂_2020-10</t>
  </si>
  <si>
    <t>戸破_加茂_2020-11</t>
  </si>
  <si>
    <t>戸破_加茂_2020-12</t>
  </si>
  <si>
    <t>戸破_加茂_2023-2</t>
  </si>
  <si>
    <t>戸破_加茂_2023-3</t>
  </si>
  <si>
    <t>戸破_加茂_2027-1</t>
  </si>
  <si>
    <t>戸破_加茂_2027-3</t>
  </si>
  <si>
    <t>戸破_加茂_2027-4</t>
  </si>
  <si>
    <t>中央町__20-1</t>
  </si>
  <si>
    <t>戸破_加茂_2027-5</t>
  </si>
  <si>
    <t>戸破_神川_2098-2</t>
  </si>
  <si>
    <t>戸破_神川_2098-3</t>
  </si>
  <si>
    <t>戸破_神川_2117-2</t>
  </si>
  <si>
    <t>戸破_神川_2122</t>
  </si>
  <si>
    <t>戸破_神川_2123-1</t>
  </si>
  <si>
    <t>戸破_神川_2123-2</t>
  </si>
  <si>
    <t>戸破_神川_2124</t>
  </si>
  <si>
    <t>戸破_神川_2125</t>
  </si>
  <si>
    <t>戸破_神川_2127-3</t>
  </si>
  <si>
    <t>中央町__77-2</t>
  </si>
  <si>
    <t>戸破_神川_2128-2</t>
  </si>
  <si>
    <t>戸破_神川_2128-3</t>
  </si>
  <si>
    <t>戸破_神川_2129-1</t>
  </si>
  <si>
    <t>戸破_神川_2129-2</t>
  </si>
  <si>
    <t>戸破_神川_2129-3</t>
  </si>
  <si>
    <t>戸破_神川_2129-6</t>
  </si>
  <si>
    <t>戸破_神川_2130-2</t>
  </si>
  <si>
    <t>戸破_神川_2130-3</t>
  </si>
  <si>
    <t>戸破_神川_2131-2</t>
  </si>
  <si>
    <t>戸破_神川_2131-3</t>
  </si>
  <si>
    <t>庄西町二丁目__225-5</t>
  </si>
  <si>
    <t>中央町__293</t>
  </si>
  <si>
    <t>戸破_神川_2132-1</t>
  </si>
  <si>
    <t>戸破_神川_2133-1</t>
  </si>
  <si>
    <t>戸破_神川_2133-8</t>
  </si>
  <si>
    <t>戸破_神川_2133-9</t>
  </si>
  <si>
    <t>戸破_神川_2240-2</t>
  </si>
  <si>
    <t>戸破_神川_2240-3</t>
  </si>
  <si>
    <t>戸破_神川_2242-2</t>
  </si>
  <si>
    <t>戸破_神川_2273-1</t>
  </si>
  <si>
    <t>戸破_神川_2291-3</t>
  </si>
  <si>
    <t>戸破_神川_2292-2</t>
  </si>
  <si>
    <t>中央町__294</t>
  </si>
  <si>
    <t>戸破_神川_2305-2</t>
  </si>
  <si>
    <t>戸破_神川_2312-2</t>
  </si>
  <si>
    <t>戸破_神川_2364</t>
  </si>
  <si>
    <t>戸破_神川_2365</t>
  </si>
  <si>
    <t>戸破_神川_2366</t>
  </si>
  <si>
    <t>戸破_神川_2402-7</t>
  </si>
  <si>
    <t>戸破_神川_2403-2</t>
  </si>
  <si>
    <t>戸破_神川_2410-5</t>
  </si>
  <si>
    <t>戸破_神川_2415-1</t>
  </si>
  <si>
    <t>戸破_神川_2416-2</t>
  </si>
  <si>
    <t>中央町__295</t>
  </si>
  <si>
    <t>戸破_神川_2431-1</t>
  </si>
  <si>
    <t>戸破_神川_2431-3</t>
  </si>
  <si>
    <t>戸破_神川_2444-2</t>
  </si>
  <si>
    <t>戸破_神川_2445-2</t>
  </si>
  <si>
    <t>戸破_神川_2448-3</t>
  </si>
  <si>
    <t>戸破_神川_2448-4</t>
  </si>
  <si>
    <t>戸破_神川_2460-1</t>
  </si>
  <si>
    <t>戸破_神川_2460-7</t>
  </si>
  <si>
    <t>戸破_神川_2470-1</t>
  </si>
  <si>
    <t>戸破_神川_2474-2</t>
  </si>
  <si>
    <t>中央町__297-2</t>
  </si>
  <si>
    <t>戸破_神川_2482-2</t>
  </si>
  <si>
    <t>戸破_神川_2482-3</t>
  </si>
  <si>
    <t>戸破_神川_2483-2</t>
  </si>
  <si>
    <t>戸破_神川_2484-2</t>
  </si>
  <si>
    <t>戸破_神川_2485-2</t>
  </si>
  <si>
    <t>戸破_神川_2487-4</t>
  </si>
  <si>
    <t>戸破_神川_2496-2</t>
  </si>
  <si>
    <t>戸破_神川_2500-2</t>
  </si>
  <si>
    <t>戸破_神川_2502-2</t>
  </si>
  <si>
    <t>戸破_神川_2502-3</t>
  </si>
  <si>
    <t>中央町__445-2</t>
  </si>
  <si>
    <t>戸破_神川_2503-2</t>
  </si>
  <si>
    <t>戸破_神川_2528-2</t>
  </si>
  <si>
    <t>戸破_神川_2533-4</t>
  </si>
  <si>
    <t>戸破_神川_2534-2</t>
  </si>
  <si>
    <t>戸破_神川_2537-2</t>
  </si>
  <si>
    <t>戸破_神川_2550-3</t>
  </si>
  <si>
    <t>戸破_神川_2551-3</t>
  </si>
  <si>
    <t>戸破_神川_2553-2</t>
  </si>
  <si>
    <t>戸破_神川_2556-3</t>
  </si>
  <si>
    <t>戸破_神川_2557-1</t>
  </si>
  <si>
    <t>中央町__446-2</t>
  </si>
  <si>
    <t>戸破_神川_2574-1</t>
  </si>
  <si>
    <t>戸破_神川_2586-10</t>
  </si>
  <si>
    <t>戸破_神川_2589-3</t>
  </si>
  <si>
    <t>戸破_神川_2590-2</t>
  </si>
  <si>
    <t>戸破_神川_2591-5</t>
  </si>
  <si>
    <t>戸破_神川_2591-6</t>
  </si>
  <si>
    <t>戸破_神川_2622-3</t>
  </si>
  <si>
    <t>戸破_神川_2623-2</t>
  </si>
  <si>
    <t>戸破_神川_2626-5</t>
  </si>
  <si>
    <t>戸破_神川_2628-1</t>
  </si>
  <si>
    <t>中央町__447-2</t>
  </si>
  <si>
    <t>戸破_神川_2628-4</t>
  </si>
  <si>
    <t>戸破_神川_2631-1</t>
  </si>
  <si>
    <t>戸破_神川_2633-2</t>
  </si>
  <si>
    <t>戸破_神川_2633-3</t>
  </si>
  <si>
    <t>戸破_神川_2644-7</t>
  </si>
  <si>
    <t>戸破_神川_2646-4</t>
  </si>
  <si>
    <t>戸破_神川_2646-6</t>
  </si>
  <si>
    <t>戸破_神川_2647-2</t>
  </si>
  <si>
    <t>戸破_神川_2648-5</t>
  </si>
  <si>
    <t>戸破_神川_2648-6</t>
  </si>
  <si>
    <t>中央町__448-2</t>
  </si>
  <si>
    <t>戸破_神川_2651-3</t>
  </si>
  <si>
    <t>戸破_神川_2652-3</t>
  </si>
  <si>
    <t>戸破_神川_2653-3</t>
  </si>
  <si>
    <t>戸破_神川_2654-4</t>
  </si>
  <si>
    <t>戸破_神川_2654-5</t>
  </si>
  <si>
    <t>戸破_神川_2655-4</t>
  </si>
  <si>
    <t>戸破_神川_2656-4</t>
  </si>
  <si>
    <t>戸破_神川_2658-3</t>
  </si>
  <si>
    <t>戸破_神川_2659-3</t>
  </si>
  <si>
    <t>戸破_神川_2660-2</t>
  </si>
  <si>
    <t>中央町__449-2</t>
  </si>
  <si>
    <t>戸破_神川_2661-2</t>
  </si>
  <si>
    <t>戸破_神川_2662-2</t>
  </si>
  <si>
    <t>戸破_神川_2663-2</t>
  </si>
  <si>
    <t>戸破_神川_2667-2</t>
  </si>
  <si>
    <t>戸破_神川_2668-2</t>
  </si>
  <si>
    <t>戸破_神川_2676-10</t>
  </si>
  <si>
    <t>戸破_神川_2686-2</t>
  </si>
  <si>
    <t>戸破_神川_2687-2</t>
  </si>
  <si>
    <t>戸破_神川_2698-2</t>
  </si>
  <si>
    <t>戸破_神川_2699-2</t>
  </si>
  <si>
    <t>中央町__450-2</t>
  </si>
  <si>
    <t>戸破_神川_2700-2</t>
  </si>
  <si>
    <t>戸破_神川_2707-2</t>
  </si>
  <si>
    <t>戸破_神川_2708-3</t>
  </si>
  <si>
    <t>戸破_神川_2709-3</t>
  </si>
  <si>
    <t>戸破_神川_2713-8</t>
  </si>
  <si>
    <t>戸破_神川_2713-9</t>
  </si>
  <si>
    <t>戸破_神川_2713-10</t>
  </si>
  <si>
    <t>戸破_神川_2909-1</t>
  </si>
  <si>
    <t>戸破_神川_2917-3</t>
  </si>
  <si>
    <t>戸破_神川_2918-4</t>
  </si>
  <si>
    <t>庄西町二丁目__226-2</t>
  </si>
  <si>
    <t>中央町__451-2</t>
  </si>
  <si>
    <t>戸破_神川_2954-2</t>
  </si>
  <si>
    <t>戸破_神川_2996-2</t>
  </si>
  <si>
    <t>戸破_神川_2997-3</t>
  </si>
  <si>
    <t>戸破_神川_2998</t>
  </si>
  <si>
    <t>戸破_神川_2999</t>
  </si>
  <si>
    <t>戸破_神川_3002-2</t>
  </si>
  <si>
    <t>戸破_神川_3020-2</t>
  </si>
  <si>
    <t>戸破_神川_3021-2</t>
  </si>
  <si>
    <t>戸破_神川_3023-2</t>
  </si>
  <si>
    <t>戸破_神川_3194-4</t>
  </si>
  <si>
    <t>中央町__452-2</t>
  </si>
  <si>
    <t>戸破_神川_3200-1</t>
  </si>
  <si>
    <t>戸破_神川_3216-2</t>
  </si>
  <si>
    <t>戸破_神川_3217-2</t>
  </si>
  <si>
    <t>戸破_神川_3220-14</t>
  </si>
  <si>
    <t>戸破_神川_3220-1</t>
  </si>
  <si>
    <t>戸破_神川_3220-2</t>
  </si>
  <si>
    <t>戸破_神川_3232</t>
  </si>
  <si>
    <t>戸破_神川_3233</t>
  </si>
  <si>
    <t>戸破_神川_3241-3</t>
  </si>
  <si>
    <t>戸破_神川_3242-3</t>
  </si>
  <si>
    <t>中央町__453-3</t>
  </si>
  <si>
    <t>戸破_神川_3248-2</t>
  </si>
  <si>
    <t>戸破_神川_3265-2</t>
  </si>
  <si>
    <t>戸破_神川_3265-3</t>
  </si>
  <si>
    <t>戸破_神川_3275-2</t>
  </si>
  <si>
    <t>戸破_神川_3276-2</t>
  </si>
  <si>
    <t>戸破_神川_3277-2</t>
  </si>
  <si>
    <t>戸破_神川_3278-3</t>
  </si>
  <si>
    <t>戸破_神川_3279-2</t>
  </si>
  <si>
    <t>戸破_神川_3281-2</t>
  </si>
  <si>
    <t>戸破_神川_3282-3</t>
  </si>
  <si>
    <t>中央町__453-4</t>
  </si>
  <si>
    <t>戸破_神川_3283-2</t>
  </si>
  <si>
    <t>戸破_神川_3284-2</t>
  </si>
  <si>
    <t>戸破_神川_3285-2</t>
  </si>
  <si>
    <t>戸破_神川_3286-3</t>
  </si>
  <si>
    <t>戸破_神川_3286-6</t>
  </si>
  <si>
    <t>戸破_神川_3314-2</t>
  </si>
  <si>
    <t>戸破_神川_3315-5</t>
  </si>
  <si>
    <t>戸破_神川_3315-6</t>
  </si>
  <si>
    <t>戸破_神川_3315-7</t>
  </si>
  <si>
    <t>戸破_神川_3315-8</t>
  </si>
  <si>
    <t>中央町__453-5</t>
  </si>
  <si>
    <t>戸破_神川_3315-9</t>
  </si>
  <si>
    <t>戸破_神川_3315-11</t>
  </si>
  <si>
    <t>戸破_神川_3322-2</t>
  </si>
  <si>
    <t>戸破_神川_3323-2</t>
  </si>
  <si>
    <t>戸破_神川_3325-2</t>
  </si>
  <si>
    <t>戸破_神川_3328-2</t>
  </si>
  <si>
    <t>戸破_神川_3527-2</t>
  </si>
  <si>
    <t>戸破_神川_3542-2</t>
  </si>
  <si>
    <t>戸破_神川_3543-3</t>
  </si>
  <si>
    <t>戸破_神川_3544-2</t>
  </si>
  <si>
    <t>中央町__454-2</t>
  </si>
  <si>
    <t>戸破_神川_3545-2</t>
  </si>
  <si>
    <t>戸破_神川_3547-1</t>
  </si>
  <si>
    <t>戸破_神川_3547-2</t>
  </si>
  <si>
    <t>戸破_神川_3548-2</t>
  </si>
  <si>
    <t>戸破_神川_3553-4</t>
  </si>
  <si>
    <t>戸破_神川_3553-5</t>
  </si>
  <si>
    <t>戸破_神川_3559-3</t>
  </si>
  <si>
    <t>戸破_神川_3565-2</t>
  </si>
  <si>
    <t>戸破_神川_3572-2</t>
  </si>
  <si>
    <t>戸破_神川_3574-2</t>
  </si>
  <si>
    <t>中央町__456-2</t>
  </si>
  <si>
    <t>戸破_神川_3590</t>
  </si>
  <si>
    <t>戸破_神川_3591</t>
  </si>
  <si>
    <t>戸破_神川_3592-2</t>
  </si>
  <si>
    <t>戸破_神川_3593-3</t>
  </si>
  <si>
    <t>戸破_神川_3593-4</t>
  </si>
  <si>
    <t>戸破_神川_3594-2</t>
  </si>
  <si>
    <t>戸破_神川_3597-2</t>
  </si>
  <si>
    <t>戸破_神川_3597-3</t>
  </si>
  <si>
    <t>戸破_神川_3598-3</t>
  </si>
  <si>
    <t>戸破_神川_3598-4</t>
  </si>
  <si>
    <t>中央町__457-2</t>
  </si>
  <si>
    <t>戸破_神川_3599-3</t>
  </si>
  <si>
    <t>戸破_神川_3599-4</t>
  </si>
  <si>
    <t>戸破_神川_3600-2</t>
  </si>
  <si>
    <t>戸破_神川_3608-2</t>
  </si>
  <si>
    <t>戸破_神川_3609-2</t>
  </si>
  <si>
    <t>戸破_神川_3617-2</t>
  </si>
  <si>
    <t>戸破_神川_3620-2</t>
  </si>
  <si>
    <t>戸破_神川_3622-2</t>
  </si>
  <si>
    <t>戸破_神川_3623-2</t>
  </si>
  <si>
    <t>戸破_神川_3624-2</t>
  </si>
  <si>
    <t>中央町__458-2</t>
  </si>
  <si>
    <t>戸破_神川_3625-1</t>
  </si>
  <si>
    <t>戸破_神川_3626-3</t>
  </si>
  <si>
    <t>戸破_神川_3627-2</t>
  </si>
  <si>
    <t>戸破_神川_3628-2</t>
  </si>
  <si>
    <t>戸破_神川_3631-3</t>
  </si>
  <si>
    <t>戸破_神川_3631-4</t>
  </si>
  <si>
    <t>戸破_神川_3664-2</t>
  </si>
  <si>
    <t>戸破_神川_3837-1</t>
  </si>
  <si>
    <t>戸破_神川_3839-3</t>
  </si>
  <si>
    <t>戸破_神川_3840-4</t>
  </si>
  <si>
    <t>中央町__459-2</t>
  </si>
  <si>
    <t>戸破_神川_3841-4</t>
  </si>
  <si>
    <t>戸破_神川_3842-2</t>
  </si>
  <si>
    <t>戸破_神川_3842-3</t>
  </si>
  <si>
    <t>戸破_神川_3843-2</t>
  </si>
  <si>
    <t>戸破_神川_3851-3</t>
  </si>
  <si>
    <t>戸破_神川_3852-3</t>
  </si>
  <si>
    <t>戸破_神川_3853-3</t>
  </si>
  <si>
    <t>戸破_神川_3854-7</t>
  </si>
  <si>
    <t>戸破_神川_3854-9</t>
  </si>
  <si>
    <t>戸破_神川_3855-2</t>
  </si>
  <si>
    <t>庄西町二丁目__226-5</t>
  </si>
  <si>
    <t>中央町__460-2</t>
  </si>
  <si>
    <t>戸破_神川_3855-3</t>
  </si>
  <si>
    <t>戸破_神川_3856-2</t>
  </si>
  <si>
    <t>戸破_神川_3857-2</t>
  </si>
  <si>
    <t>戸破_神川_3858-2</t>
  </si>
  <si>
    <t>戸破_神川_3859-2</t>
  </si>
  <si>
    <t>戸破_神川_3860-3</t>
  </si>
  <si>
    <t>戸破_神川_3860-4</t>
  </si>
  <si>
    <t>戸破_神川_3860-5</t>
  </si>
  <si>
    <t>戸破_神川_3861-2</t>
  </si>
  <si>
    <t>戸破_神川_3861-3</t>
  </si>
  <si>
    <t>中央町__1001</t>
  </si>
  <si>
    <t>戸破_神川_3862-1</t>
  </si>
  <si>
    <t>戸破_神川_3862-3</t>
  </si>
  <si>
    <t>戸破_神川_3863-3</t>
  </si>
  <si>
    <t>戸破_神川_3863-4</t>
  </si>
  <si>
    <t>戸破_神川_3863-5</t>
  </si>
  <si>
    <t>戸破_神川_3863-6</t>
  </si>
  <si>
    <t>戸破_神川_3864-3</t>
  </si>
  <si>
    <t>戸破_神川_3864-4</t>
  </si>
  <si>
    <t>戸破_神川_3865-2</t>
  </si>
  <si>
    <t>戸破_神川_3866-2</t>
  </si>
  <si>
    <t>中央町__1002</t>
  </si>
  <si>
    <t>戸破_神川_3867-2</t>
  </si>
  <si>
    <t>戸破_神川_3868-2</t>
  </si>
  <si>
    <t>戸破_神川_3868-3</t>
  </si>
  <si>
    <t>戸破_神川_3869-2</t>
  </si>
  <si>
    <t>戸破_神川_3870-2</t>
  </si>
  <si>
    <t>戸破_神川_3872-2</t>
  </si>
  <si>
    <t>戸破_神川_3875-2</t>
  </si>
  <si>
    <t>戸破_神川_3876-1</t>
  </si>
  <si>
    <t>戸破_神川_3877-1</t>
  </si>
  <si>
    <t>戸破_神川_3878</t>
  </si>
  <si>
    <t>中央町__1004</t>
  </si>
  <si>
    <t>戸破_神川_3887-4</t>
  </si>
  <si>
    <t>戸破_神川_3893-2</t>
  </si>
  <si>
    <t>戸破_神川_3894-2</t>
  </si>
  <si>
    <t>戸破_神川_3898-2</t>
  </si>
  <si>
    <t>戸破_神川_3899-2</t>
  </si>
  <si>
    <t>戸破_神川_3901-2</t>
  </si>
  <si>
    <t>戸破_神川_3903-2</t>
  </si>
  <si>
    <t>戸破_神川_3903-3</t>
  </si>
  <si>
    <t>戸破_神川_3904-4</t>
  </si>
  <si>
    <t>戸破_神川_3904-5</t>
  </si>
  <si>
    <t>中央町__1005</t>
  </si>
  <si>
    <t>戸破_神川_3909-4</t>
  </si>
  <si>
    <t>戸破_神川_3916-3</t>
  </si>
  <si>
    <t>戸破_神川_3917-1</t>
  </si>
  <si>
    <t>戸破_神川_3925-1</t>
  </si>
  <si>
    <t>戸破_神川_3926</t>
  </si>
  <si>
    <t>戸破_神川_3927</t>
  </si>
  <si>
    <t>戸破_神川_3928-2</t>
  </si>
  <si>
    <t>戸破_神川_3933-5</t>
  </si>
  <si>
    <t>戸破_神川_3943-3</t>
  </si>
  <si>
    <t>戸破_神川_4042-2</t>
  </si>
  <si>
    <t>中央町__1007</t>
  </si>
  <si>
    <t>戸破_神川_4047-2</t>
  </si>
  <si>
    <t>戸破_神川_4048-3</t>
  </si>
  <si>
    <t>戸破_神川_4114-2</t>
  </si>
  <si>
    <t>戸破_神川_4133</t>
  </si>
  <si>
    <t>戸破_神川_4144-9</t>
  </si>
  <si>
    <t>戸破_神川_4144-10</t>
  </si>
  <si>
    <t>戸破_神川_4200-13</t>
  </si>
  <si>
    <t>戸破_神川_4200-16</t>
  </si>
  <si>
    <t>戸破_神川_4200-17</t>
  </si>
  <si>
    <t>戸破_神川_4200-5</t>
  </si>
  <si>
    <t>中央町__1009</t>
  </si>
  <si>
    <t>戸破_神川_4200-12</t>
  </si>
  <si>
    <t>戸破_神川_4241-3</t>
  </si>
  <si>
    <t>戸破_神川_4274-2</t>
  </si>
  <si>
    <t>戸破_若宮_2787-2</t>
  </si>
  <si>
    <t>戸破_若宮_2788-2</t>
  </si>
  <si>
    <t>戸破_若宮_2789-4</t>
  </si>
  <si>
    <t>戸破_若宮_2790-2</t>
  </si>
  <si>
    <t>戸破_若宮_2791-2</t>
  </si>
  <si>
    <t>戸破_若宮_2796-2</t>
  </si>
  <si>
    <t>戸破_若宮_2797-2</t>
  </si>
  <si>
    <t>中央町__1621-26</t>
  </si>
  <si>
    <t>戸破_若宮_2799-2</t>
  </si>
  <si>
    <t>戸破_若宮_2800-3</t>
  </si>
  <si>
    <t>戸破_若宮_2817-2</t>
  </si>
  <si>
    <t>戸破_若宮_2818-2</t>
  </si>
  <si>
    <t>戸破_若宮_2819-1</t>
  </si>
  <si>
    <t>戸破_若宮_2859-1</t>
  </si>
  <si>
    <t>戸破_若宮_3037-2</t>
  </si>
  <si>
    <t>戸破_若宮_3038-2</t>
  </si>
  <si>
    <t>戸破_若宮_3038-3</t>
  </si>
  <si>
    <t>戸破_若宮_3038-8</t>
  </si>
  <si>
    <t>中央町__1621-34</t>
  </si>
  <si>
    <t>戸破_若宮_3041-18</t>
  </si>
  <si>
    <t>戸破_若宮_3043-2</t>
  </si>
  <si>
    <t>戸破_若宮_3044-2</t>
  </si>
  <si>
    <t>戸破_若宮_3045-2</t>
  </si>
  <si>
    <t>戸破_若宮_3046-3</t>
  </si>
  <si>
    <t>戸破_若宮_3047-3</t>
  </si>
  <si>
    <t>戸破_若宮_3048</t>
  </si>
  <si>
    <t>戸破_若宮_3049-2</t>
  </si>
  <si>
    <t>戸破_若宮_3050-2</t>
  </si>
  <si>
    <t>戸破_若宮_3054-2</t>
  </si>
  <si>
    <t>中央町__1621-35</t>
  </si>
  <si>
    <t>戸破_若宮_3077-1</t>
  </si>
  <si>
    <t>戸破_若宮_3083-2</t>
  </si>
  <si>
    <t>戸破_若宮_3084-2</t>
  </si>
  <si>
    <t>戸破_若宮_3084-3</t>
  </si>
  <si>
    <t>戸破_若宮_3093-23</t>
  </si>
  <si>
    <t>戸破_若宮_3093-24</t>
  </si>
  <si>
    <t>戸破_若宮_3093-33</t>
  </si>
  <si>
    <t>戸破_若宮_3093-34</t>
  </si>
  <si>
    <t>戸破_若宮_3093-35</t>
  </si>
  <si>
    <t>戸破_若宮_3093-36</t>
  </si>
  <si>
    <t>庄西町一丁目__601-19</t>
  </si>
  <si>
    <t>庄西町二丁目__227-2</t>
  </si>
  <si>
    <t>中央町__1621-53</t>
  </si>
  <si>
    <t>戸破_若宮_3093-1</t>
  </si>
  <si>
    <t>戸破_若宮_3100-2</t>
  </si>
  <si>
    <t>戸破_若宮_3101-2</t>
  </si>
  <si>
    <t>戸破_若宮_3103-1</t>
  </si>
  <si>
    <t>戸破_若宮_3147-3</t>
  </si>
  <si>
    <t>戸破_若宮_3148-2</t>
  </si>
  <si>
    <t>戸破_若宮_3149-22</t>
  </si>
  <si>
    <t>戸破_若宮_3149-23</t>
  </si>
  <si>
    <t>戸破_若宮_3149-24</t>
  </si>
  <si>
    <t>戸破_若宮_3149-27</t>
  </si>
  <si>
    <t>中央町__1621-54</t>
  </si>
  <si>
    <t>戸破_若宮_3149-28</t>
  </si>
  <si>
    <t>戸破_若宮_3155-2</t>
  </si>
  <si>
    <t>戸破_若宮_3159-2</t>
  </si>
  <si>
    <t>戸破_若宮_3159-3</t>
  </si>
  <si>
    <t>戸破_若宮_3159-4</t>
  </si>
  <si>
    <t>戸破_若宮_3160-2</t>
  </si>
  <si>
    <t>戸破_若宮_3231-3</t>
  </si>
  <si>
    <t>戸破_若宮_3234</t>
  </si>
  <si>
    <t>戸破_若宮_3235-1</t>
  </si>
  <si>
    <t>戸破_若宮_3235-2</t>
  </si>
  <si>
    <t>中央町__1654</t>
  </si>
  <si>
    <t>戸破_若宮_3235-3</t>
  </si>
  <si>
    <t>戸破_若宮_3252-1</t>
  </si>
  <si>
    <t>戸破_若宮_3258-2</t>
  </si>
  <si>
    <t>戸破_若宮_3259-2</t>
  </si>
  <si>
    <t>戸破_若宮_3260-5</t>
  </si>
  <si>
    <t>戸破_若宮_3260-6</t>
  </si>
  <si>
    <t>戸破_若宮_3261-3</t>
  </si>
  <si>
    <t>戸破_若宮_3262-4</t>
  </si>
  <si>
    <t>戸破_若宮_3263-2</t>
  </si>
  <si>
    <t>戸破_若宮_3320-2</t>
  </si>
  <si>
    <t>中央町__1845</t>
  </si>
  <si>
    <t>戸破_若宮_3321-2</t>
  </si>
  <si>
    <t>戸破_若宮_3321-1</t>
  </si>
  <si>
    <t>戸破_若宮_3321-11</t>
  </si>
  <si>
    <t>戸破_若宮_3321-12</t>
  </si>
  <si>
    <t>戸破_若宮_3329-2</t>
  </si>
  <si>
    <t>戸破_若宮_3330-2</t>
  </si>
  <si>
    <t>戸破_若宮_3331-2</t>
  </si>
  <si>
    <t>戸破_若宮_3332-2</t>
  </si>
  <si>
    <t>戸破_若宮_3333-2</t>
  </si>
  <si>
    <t>戸破_若宮_3334-2</t>
  </si>
  <si>
    <t>桜町__18-34</t>
  </si>
  <si>
    <t>戸破_若宮_3335-2</t>
  </si>
  <si>
    <t>戸破_若宮_3336-2</t>
  </si>
  <si>
    <t>戸破_若宮_3337-2</t>
  </si>
  <si>
    <t>戸破_若宮_3338-2</t>
  </si>
  <si>
    <t>戸破_若宮_3339-2</t>
  </si>
  <si>
    <t>戸破_若宮_3340-2</t>
  </si>
  <si>
    <t>戸破_若宮_3342-2</t>
  </si>
  <si>
    <t>戸破_若宮_3343-2</t>
  </si>
  <si>
    <t>戸破_若宮_3344-2</t>
  </si>
  <si>
    <t>戸破_若宮_3345-2</t>
  </si>
  <si>
    <t>桜町__50</t>
  </si>
  <si>
    <t>戸破_若宮_3346-2</t>
  </si>
  <si>
    <t>戸破_若宮_3347-2</t>
  </si>
  <si>
    <t>戸破_若宮_3348-2</t>
  </si>
  <si>
    <t>戸破_若宮_3349-2</t>
  </si>
  <si>
    <t>戸破_若宮_3374-1</t>
  </si>
  <si>
    <t>戸破_若宮_3374-3</t>
  </si>
  <si>
    <t>戸破_若宮_3376-1</t>
  </si>
  <si>
    <t>戸破_若宮_3376-3</t>
  </si>
  <si>
    <t>戸破_若宮_3380-2</t>
  </si>
  <si>
    <t>戸破_若宮_3381-3</t>
  </si>
  <si>
    <t>桜町__51</t>
  </si>
  <si>
    <t>戸破_若宮_3390-1</t>
  </si>
  <si>
    <t>戸破_若宮_3394-1</t>
  </si>
  <si>
    <t>戸破_若宮_3396-2</t>
  </si>
  <si>
    <t>戸破_若宮_3396-3</t>
  </si>
  <si>
    <t>戸破_若宮_3397-2</t>
  </si>
  <si>
    <t>戸破_若宮_3399-9</t>
  </si>
  <si>
    <t>戸破_若宮_3405-2</t>
  </si>
  <si>
    <t>戸破_若宮_3437</t>
  </si>
  <si>
    <t>戸破_若宮_3438-1</t>
  </si>
  <si>
    <t>戸破_若宮_3442</t>
  </si>
  <si>
    <t>桜町__53</t>
  </si>
  <si>
    <t>戸破_若宮_3443-1</t>
  </si>
  <si>
    <t>戸破_若宮_3443-2</t>
  </si>
  <si>
    <t>戸破_若宮_3444-1</t>
  </si>
  <si>
    <t>戸破_若宮_3444-2</t>
  </si>
  <si>
    <t>戸破_若宮_3445-2</t>
  </si>
  <si>
    <t>戸破_若宮_3446-2</t>
  </si>
  <si>
    <t>戸破_若宮_3465-2</t>
  </si>
  <si>
    <t>戸破_若宮_3466-2</t>
  </si>
  <si>
    <t>戸破_若宮_3468-3</t>
  </si>
  <si>
    <t>戸破_若宮_3469-1</t>
  </si>
  <si>
    <t>桜町__54</t>
  </si>
  <si>
    <t>戸破_若宮_3475-2</t>
  </si>
  <si>
    <t>戸破_若宮_3510-3</t>
  </si>
  <si>
    <t>戸破_若宮_3522-2</t>
  </si>
  <si>
    <t>戸破_若宮_3536-2</t>
  </si>
  <si>
    <t>戸破_若宮_3656-1</t>
  </si>
  <si>
    <t>戸破_若宮_3657-1</t>
  </si>
  <si>
    <t>戸破_若宮_3659-2</t>
  </si>
  <si>
    <t>戸破_若宮_3660</t>
  </si>
  <si>
    <t>戸破_若宮_3666</t>
  </si>
  <si>
    <t>戸破_若宮_3667-2</t>
  </si>
  <si>
    <t>桜町__56</t>
  </si>
  <si>
    <t>戸破_若宮_3673-4</t>
  </si>
  <si>
    <t>戸破_若宮_3677-3</t>
  </si>
  <si>
    <t>戸破_若宮_3678-3</t>
  </si>
  <si>
    <t>戸破_若宮_3686-2</t>
  </si>
  <si>
    <t>戸破_若宮_3691-2</t>
  </si>
  <si>
    <t>戸破_若宮_3695-2</t>
  </si>
  <si>
    <t>戸破_若宮_3709-2</t>
  </si>
  <si>
    <t>戸破_若宮_3710-2</t>
  </si>
  <si>
    <t>戸破_若宮_4629-2</t>
  </si>
  <si>
    <t>戸破_若宮_4752-1</t>
  </si>
  <si>
    <t>庄西町二丁目__227-4</t>
  </si>
  <si>
    <t>桜町__58</t>
  </si>
  <si>
    <t>戸破_若宮_4759-2</t>
  </si>
  <si>
    <t>戸破_若宮_5036</t>
  </si>
  <si>
    <t>戸破_若宮_5039-3</t>
  </si>
  <si>
    <t>戸破_若宮_5124-3</t>
  </si>
  <si>
    <t>戸破_若宮_5140-2</t>
  </si>
  <si>
    <t>戸破_若宮_5141-2</t>
  </si>
  <si>
    <t>戸破_若宮_5158-2</t>
  </si>
  <si>
    <t>戸破_若宮_5159-2</t>
  </si>
  <si>
    <t>戸破_若宮_5160-2</t>
  </si>
  <si>
    <t>戸破_若宮_5161-2</t>
  </si>
  <si>
    <t>桜町__60</t>
  </si>
  <si>
    <t>戸破_若宮_5162-2</t>
  </si>
  <si>
    <t>戸破_若宮_5163-2</t>
  </si>
  <si>
    <t>戸破_神田_3725-2</t>
  </si>
  <si>
    <t>戸破_神田_3726-6</t>
  </si>
  <si>
    <t>戸破_神田_3726-7</t>
  </si>
  <si>
    <t>戸破_神田_3726-8</t>
  </si>
  <si>
    <t>戸破_神田_3726-9</t>
  </si>
  <si>
    <t>戸破_神田_3727-2</t>
  </si>
  <si>
    <t>戸破_神田_3730-2</t>
  </si>
  <si>
    <t>戸破_神田_3734-2</t>
  </si>
  <si>
    <t>桜町__62</t>
  </si>
  <si>
    <t>戸破_神田_3735-2</t>
  </si>
  <si>
    <t>戸破_神田_3736-2</t>
  </si>
  <si>
    <t>戸破_神田_3737-2</t>
  </si>
  <si>
    <t>戸破_神田_3739-2</t>
  </si>
  <si>
    <t>戸破_神田_3739-5</t>
  </si>
  <si>
    <t>戸破_神田_3740-2</t>
  </si>
  <si>
    <t>戸破_神田_3741-3</t>
  </si>
  <si>
    <t>戸破_神田_3741-4</t>
  </si>
  <si>
    <t>戸破_神田_3746-2</t>
  </si>
  <si>
    <t>戸破_神田_3747-2</t>
  </si>
  <si>
    <t>桜町__63</t>
  </si>
  <si>
    <t>戸破_神田_3748-3</t>
  </si>
  <si>
    <t>戸破_神田_3749-2</t>
  </si>
  <si>
    <t>戸破_神田_3750-2</t>
  </si>
  <si>
    <t>戸破_神田_3751-2</t>
  </si>
  <si>
    <t>戸破_神田_3752-2</t>
  </si>
  <si>
    <t>戸破_神田_3753-2</t>
  </si>
  <si>
    <t>戸破_神田_3778-2</t>
  </si>
  <si>
    <t>戸破_神田_3779-2</t>
  </si>
  <si>
    <t>戸破_神田_3781-2</t>
  </si>
  <si>
    <t>戸破_神田_3781-3</t>
  </si>
  <si>
    <t>桜町__64</t>
  </si>
  <si>
    <t>戸破_神田_3786-2</t>
  </si>
  <si>
    <t>戸破_神田_3787-2</t>
  </si>
  <si>
    <t>戸破_神田_3788-2</t>
  </si>
  <si>
    <t>戸破_神田_3793-1</t>
  </si>
  <si>
    <t>戸破_神田_3799-1</t>
  </si>
  <si>
    <t>戸破_神田_3812-1</t>
  </si>
  <si>
    <t>戸破_神田_3816-6</t>
  </si>
  <si>
    <t>戸破_神田_3819-2</t>
  </si>
  <si>
    <t>戸破_神田_3819-4</t>
  </si>
  <si>
    <t>戸破_神田_3826-2</t>
  </si>
  <si>
    <t>桜町__65</t>
  </si>
  <si>
    <t>戸破_神田_3827-2</t>
  </si>
  <si>
    <t>戸破_神田_3827-3</t>
  </si>
  <si>
    <t>戸破_神田_3828-2</t>
  </si>
  <si>
    <t>戸破_神田_3829-2</t>
  </si>
  <si>
    <t>戸破_神田_3829-7</t>
  </si>
  <si>
    <t>戸破_神田_3830-1</t>
  </si>
  <si>
    <t>戸破_神田_3947-1</t>
  </si>
  <si>
    <t>戸破_神田_3947-3</t>
  </si>
  <si>
    <t>戸破_神田_3951-3</t>
  </si>
  <si>
    <t>戸破_神田_3952-2</t>
  </si>
  <si>
    <t>桜町__67</t>
  </si>
  <si>
    <t>戸破_神田_3953-2</t>
  </si>
  <si>
    <t>戸破_神田_3953-1/2</t>
  </si>
  <si>
    <t>戸破_神田_3954-2</t>
  </si>
  <si>
    <t>戸破_神田_3955-2</t>
  </si>
  <si>
    <t>戸破_神田_3955-3</t>
  </si>
  <si>
    <t>戸破_神田_3956-2</t>
  </si>
  <si>
    <t>戸破_神田_3956-3</t>
  </si>
  <si>
    <t>戸破_神田_3957-2</t>
  </si>
  <si>
    <t>戸破_神田_3957-3</t>
  </si>
  <si>
    <t>戸破_神田_3958-2</t>
  </si>
  <si>
    <t>桜町__69</t>
  </si>
  <si>
    <t>戸破_神田_3958-3</t>
  </si>
  <si>
    <t>戸破_神田_3959-2</t>
  </si>
  <si>
    <t>戸破_神田_3960-2</t>
  </si>
  <si>
    <t>戸破_神田_3961-2</t>
  </si>
  <si>
    <t>戸破_神田_3962-2</t>
  </si>
  <si>
    <t>戸破_神田_3964-2</t>
  </si>
  <si>
    <t>戸破_神田_3964-3</t>
  </si>
  <si>
    <t>戸破_神田_3965-2</t>
  </si>
  <si>
    <t>戸破_神田_3965-3</t>
  </si>
  <si>
    <t>戸破_神田_3966-2</t>
  </si>
  <si>
    <t>桜町__70</t>
  </si>
  <si>
    <t>戸破_神田_3966-3</t>
  </si>
  <si>
    <t>戸破_神田_3967-2</t>
  </si>
  <si>
    <t>戸破_神田_3967-3</t>
  </si>
  <si>
    <t>戸破_神田_3967-4</t>
  </si>
  <si>
    <t>戸破_神田_3967-5</t>
  </si>
  <si>
    <t>戸破_神田_3968-2</t>
  </si>
  <si>
    <t>戸破_神田_3969-1</t>
  </si>
  <si>
    <t>戸破_神田_3969-3</t>
  </si>
  <si>
    <t>戸破_神田_3969-4</t>
  </si>
  <si>
    <t>戸破_神田_3970-2</t>
  </si>
  <si>
    <t>桜町__72</t>
  </si>
  <si>
    <t>戸破_神田_3970-3</t>
  </si>
  <si>
    <t>戸破_神田_3970-4</t>
  </si>
  <si>
    <t>戸破_神田_3970-6</t>
  </si>
  <si>
    <t>戸破_神田_3971-2</t>
  </si>
  <si>
    <t>戸破_神田_3971-3</t>
  </si>
  <si>
    <t>戸破_神田_3972-2</t>
  </si>
  <si>
    <t>戸破_神田_3972-3</t>
  </si>
  <si>
    <t>戸破_神田_3973-2</t>
  </si>
  <si>
    <t>戸破_神田_3973-3</t>
  </si>
  <si>
    <t>戸破_神田_3974-2</t>
  </si>
  <si>
    <t>庄西町二丁目__228-2</t>
  </si>
  <si>
    <t>桜町__73</t>
  </si>
  <si>
    <t>戸破_神田_3974-3</t>
  </si>
  <si>
    <t>戸破_神田_3975-2</t>
  </si>
  <si>
    <t>戸破_神田_3975-3</t>
  </si>
  <si>
    <t>戸破_神田_3976-2</t>
  </si>
  <si>
    <t>戸破_神田_3976-3</t>
  </si>
  <si>
    <t>戸破_神田_3977-2</t>
  </si>
  <si>
    <t>戸破_神田_3977-3</t>
  </si>
  <si>
    <t>戸破_神田_3978-2</t>
  </si>
  <si>
    <t>戸破_神田_3980-1</t>
  </si>
  <si>
    <t>戸破_神田_3983-2</t>
  </si>
  <si>
    <t>桜町__74</t>
  </si>
  <si>
    <t>戸破_神田_3984-3</t>
  </si>
  <si>
    <t>戸破_神田_3985-2</t>
  </si>
  <si>
    <t>戸破_神田_3986-2</t>
  </si>
  <si>
    <t>戸破_神田_3993-2</t>
  </si>
  <si>
    <t>戸破_神田_3996-2</t>
  </si>
  <si>
    <t>戸破_神田_3997-2</t>
  </si>
  <si>
    <t>戸破_神田_4014-1</t>
  </si>
  <si>
    <t>戸破_神田_4014-2</t>
  </si>
  <si>
    <t>戸破_神田_4014-10</t>
  </si>
  <si>
    <t>戸破_神田_4014-11</t>
  </si>
  <si>
    <t>桜町__77</t>
  </si>
  <si>
    <t>戸破_神田_4014-12</t>
  </si>
  <si>
    <t>戸破_神田_4018-2</t>
  </si>
  <si>
    <t>戸破_神田_4019-2</t>
  </si>
  <si>
    <t>戸破_神田_4020-2</t>
  </si>
  <si>
    <t>戸破_神田_4021-15</t>
  </si>
  <si>
    <t>戸破_神田_4021-2</t>
  </si>
  <si>
    <t>戸破_神田_4021-1</t>
  </si>
  <si>
    <t>戸破_神田_4021-4</t>
  </si>
  <si>
    <t>戸破_神田_4027-2</t>
  </si>
  <si>
    <t>戸破_神田_4030-2</t>
  </si>
  <si>
    <t>桜町__79</t>
  </si>
  <si>
    <t>戸破_神田_4031-2</t>
  </si>
  <si>
    <t>戸破_神田_4032-2</t>
  </si>
  <si>
    <t>戸破_神田_4040-2</t>
  </si>
  <si>
    <t>戸破_神田_4053</t>
  </si>
  <si>
    <t>戸破_神田_4055</t>
  </si>
  <si>
    <t>戸破_神田_4069-1</t>
  </si>
  <si>
    <t>戸破_神田_4070-2</t>
  </si>
  <si>
    <t>戸破_神田_4070-3</t>
  </si>
  <si>
    <t>戸破_神田_4072-1</t>
  </si>
  <si>
    <t>戸破_神田_4074-2</t>
  </si>
  <si>
    <t>桜町__81</t>
  </si>
  <si>
    <t>戸破_神田_4074-3</t>
  </si>
  <si>
    <t>戸破_神田_4075-2</t>
  </si>
  <si>
    <t>戸破_神田_4077-1</t>
  </si>
  <si>
    <t>戸破_神田_4088-1</t>
  </si>
  <si>
    <t>戸破_神田_4088-4</t>
  </si>
  <si>
    <t>戸破_神田_4147-4</t>
  </si>
  <si>
    <t>戸破_神田_4150-1</t>
  </si>
  <si>
    <t>戸破_神田_4398-3</t>
  </si>
  <si>
    <t>戸破_神田_4401-4</t>
  </si>
  <si>
    <t>戸破_神田_4403-2</t>
  </si>
  <si>
    <t>立町__1302-2</t>
  </si>
  <si>
    <t>戸破_神田_4404-4</t>
  </si>
  <si>
    <t>戸破_神田_4405-4</t>
  </si>
  <si>
    <t>戸破_神田_4406-4</t>
  </si>
  <si>
    <t>戸破_神田_4407-4</t>
  </si>
  <si>
    <t>戸破_神田_4408-4</t>
  </si>
  <si>
    <t>戸破_神田_4409-4</t>
  </si>
  <si>
    <t>戸破_神田_4410-4</t>
  </si>
  <si>
    <t>戸破_神田_4411-4</t>
  </si>
  <si>
    <t>戸破_神田_4412-4</t>
  </si>
  <si>
    <t>戸破_神田_4413-7</t>
  </si>
  <si>
    <t>立町__1315-7</t>
  </si>
  <si>
    <t>戸破_神田_4413-8</t>
  </si>
  <si>
    <t>戸破_神田_4414-4</t>
  </si>
  <si>
    <t>戸破_神田_4415-4</t>
  </si>
  <si>
    <t>戸破_神田_4416-4</t>
  </si>
  <si>
    <t>戸破_神田_4416-5</t>
  </si>
  <si>
    <t>戸破_神田_4417-13</t>
  </si>
  <si>
    <t>戸破_神田_4417-1</t>
  </si>
  <si>
    <t>戸破_神田_4417-2</t>
  </si>
  <si>
    <t>戸破_神田_4417-8</t>
  </si>
  <si>
    <t>戸破_神田_4417-9</t>
  </si>
  <si>
    <t>立町__1316-1</t>
  </si>
  <si>
    <t>戸破_神田_4418-1</t>
  </si>
  <si>
    <t>戸破_神田_4418-2</t>
  </si>
  <si>
    <t>戸破_神田_4419-1</t>
  </si>
  <si>
    <t>戸破_神田_4507-5</t>
  </si>
  <si>
    <t>戸破_神田_4525-2</t>
  </si>
  <si>
    <t>戸破_神田_4526-2</t>
  </si>
  <si>
    <t>戸破_神田_4527-2</t>
  </si>
  <si>
    <t>戸破_神田_4528-2</t>
  </si>
  <si>
    <t>戸破_神田_4529-2</t>
  </si>
  <si>
    <t>戸破_神田_4530-2</t>
  </si>
  <si>
    <t>立町__1316-2</t>
  </si>
  <si>
    <t>戸破_神田_4531-2</t>
  </si>
  <si>
    <t>戸破_神田_4532-3</t>
  </si>
  <si>
    <t>戸破_神田_4533-3</t>
  </si>
  <si>
    <t>戸破_神田_4534-2</t>
  </si>
  <si>
    <t>戸破_神田_4535-2</t>
  </si>
  <si>
    <t>戸破_神田_4536-2</t>
  </si>
  <si>
    <t>戸破_神田_4537-2</t>
  </si>
  <si>
    <t>戸破_神田_4538-2</t>
  </si>
  <si>
    <t>戸破_神田_4539-2</t>
  </si>
  <si>
    <t>戸破_神田_4540-2</t>
  </si>
  <si>
    <t>立町__1317-2</t>
  </si>
  <si>
    <t>戸破_神田_4541-2</t>
  </si>
  <si>
    <t>戸破_神田_4542-3</t>
  </si>
  <si>
    <t>戸破_神田_4546-3</t>
  </si>
  <si>
    <t>戸破_神田_4547-3</t>
  </si>
  <si>
    <t>戸破_神田_4548-4</t>
  </si>
  <si>
    <t>戸破_神田_4549</t>
  </si>
  <si>
    <t>戸破_神田_4550-3</t>
  </si>
  <si>
    <t>戸破_神田_4551-4</t>
  </si>
  <si>
    <t>戸破_神田_4552-5</t>
  </si>
  <si>
    <t>戸破_神田_4571-3</t>
  </si>
  <si>
    <t>庄西町二丁目__228-4</t>
  </si>
  <si>
    <t>立町__1332-4</t>
  </si>
  <si>
    <t>戸破_神田_4572-3</t>
  </si>
  <si>
    <t>戸破_神田_4573-2</t>
  </si>
  <si>
    <t>戸破_神田_4574-2</t>
  </si>
  <si>
    <t>戸破_神田_4575-2</t>
  </si>
  <si>
    <t>戸破_神田_4576-2</t>
  </si>
  <si>
    <t>戸破_神田_4577-2</t>
  </si>
  <si>
    <t>戸破_神田_4578-2</t>
  </si>
  <si>
    <t>戸破_神田_4579-3</t>
  </si>
  <si>
    <t>戸破_神田_4580-3</t>
  </si>
  <si>
    <t>戸破_神田_4581-2</t>
  </si>
  <si>
    <t>立町__1333-3</t>
  </si>
  <si>
    <t>戸破_神田_4582-2</t>
  </si>
  <si>
    <t>戸破_神田_4583-2</t>
  </si>
  <si>
    <t>戸破_神田_4584-2</t>
  </si>
  <si>
    <t>戸破_神田_4585-2</t>
  </si>
  <si>
    <t>戸破_神田_4586-2</t>
  </si>
  <si>
    <t>戸破_神田_4590-3</t>
  </si>
  <si>
    <t>戸破_神田_4590-4</t>
  </si>
  <si>
    <t>戸破_神田_4590-5</t>
  </si>
  <si>
    <t>戸破_神田_4590-2</t>
  </si>
  <si>
    <t>戸破_神田_4608-3</t>
  </si>
  <si>
    <t>立町__1333-6</t>
  </si>
  <si>
    <t>戸破_神田_4609-1</t>
  </si>
  <si>
    <t>戸破_神田_4609-3</t>
  </si>
  <si>
    <t>戸破_神田_4610-4</t>
  </si>
  <si>
    <t>戸破_神田_4635-3</t>
  </si>
  <si>
    <t>戸破_神田_4636-3</t>
  </si>
  <si>
    <t>戸破_神田_4711-1</t>
  </si>
  <si>
    <t>戸破_神田_4716-1</t>
  </si>
  <si>
    <t>戸破_神田_4716-8</t>
  </si>
  <si>
    <t>戸破_神田_4718-4</t>
  </si>
  <si>
    <t>戸破_神田_4719-3</t>
  </si>
  <si>
    <t>立町__1333-7</t>
  </si>
  <si>
    <t>戸破_神田_4719-4</t>
  </si>
  <si>
    <t>戸破_神田_4750-3</t>
  </si>
  <si>
    <t>戸破_神田_4750-4</t>
  </si>
  <si>
    <t>戸破_神田_5748-4</t>
  </si>
  <si>
    <t>戸破_神田_5752-2</t>
  </si>
  <si>
    <t>戸破_神田_6240-2</t>
  </si>
  <si>
    <t>戸破_神田_6293-5</t>
  </si>
  <si>
    <t>戸破_神田_6294-4</t>
  </si>
  <si>
    <t>戸破_神田_6294-5</t>
  </si>
  <si>
    <t>戸破_神田_6325-6</t>
  </si>
  <si>
    <t>立町__1337-3</t>
  </si>
  <si>
    <t>戸破_神田_6354-2</t>
  </si>
  <si>
    <t>戸破_神田_6364-3</t>
  </si>
  <si>
    <t>手崎__1720</t>
  </si>
  <si>
    <t>手崎_常久_10-2</t>
  </si>
  <si>
    <t>手崎_常久_43-3</t>
  </si>
  <si>
    <t>手崎_常久_56-6</t>
  </si>
  <si>
    <t>手崎_常久_57-3</t>
  </si>
  <si>
    <t>手崎_常久_58-2</t>
  </si>
  <si>
    <t>手崎_常久_58-4</t>
  </si>
  <si>
    <t>手崎_常久_59-3</t>
  </si>
  <si>
    <t>立町__1337-7</t>
  </si>
  <si>
    <t>手崎_常久_60-3</t>
  </si>
  <si>
    <t>手崎_常久_61-3</t>
  </si>
  <si>
    <t>手崎_常久_62-3</t>
  </si>
  <si>
    <t>手崎_常久_63-3</t>
  </si>
  <si>
    <t>手崎_常久_64-3</t>
  </si>
  <si>
    <t>手崎_常久_65-3</t>
  </si>
  <si>
    <t>手崎_常久_66-3</t>
  </si>
  <si>
    <t>手崎_常久_67-3</t>
  </si>
  <si>
    <t>手崎_常久_67-4</t>
  </si>
  <si>
    <t>手崎_常久_68-3</t>
  </si>
  <si>
    <t>立町__1342-3</t>
  </si>
  <si>
    <t>手崎_常久_102-2</t>
  </si>
  <si>
    <t>手崎_前田_177-2</t>
  </si>
  <si>
    <t>手崎_前田_178-5</t>
  </si>
  <si>
    <t>手崎_前田_192-2</t>
  </si>
  <si>
    <t>手崎_前田_192-3</t>
  </si>
  <si>
    <t>手崎_前田_193-16</t>
  </si>
  <si>
    <t>手崎_前田_193-17</t>
  </si>
  <si>
    <t>手崎_前田_193-18</t>
  </si>
  <si>
    <t>手崎_前田_193-19</t>
  </si>
  <si>
    <t>手崎_前田_198-10</t>
  </si>
  <si>
    <t>立町__1343</t>
  </si>
  <si>
    <t>手崎_前田_198-11</t>
  </si>
  <si>
    <t>手崎_前田_198-12</t>
  </si>
  <si>
    <t>手崎_前田_205-2</t>
  </si>
  <si>
    <t>手崎_前田_206-1</t>
  </si>
  <si>
    <t>手崎_前田_206-2</t>
  </si>
  <si>
    <t>手崎_前田_206-4</t>
  </si>
  <si>
    <t>手崎_前田_206-9</t>
  </si>
  <si>
    <t>手崎_前田_212-1</t>
  </si>
  <si>
    <t>手崎_前田_212-2</t>
  </si>
  <si>
    <t>手崎_前田_212-3</t>
  </si>
  <si>
    <t>立町__1344-4</t>
  </si>
  <si>
    <t>手崎_前田_212-4</t>
  </si>
  <si>
    <t>手崎_前田_220-1</t>
  </si>
  <si>
    <t>手崎_前田_220-2</t>
  </si>
  <si>
    <t>手崎_前田_221-1</t>
  </si>
  <si>
    <t>手崎_針原_243-4</t>
  </si>
  <si>
    <t>手崎_針原_243-5</t>
  </si>
  <si>
    <t>手崎_針原_243-7</t>
  </si>
  <si>
    <t>手崎_針原_243-8</t>
  </si>
  <si>
    <t>手崎_針原_243-10</t>
  </si>
  <si>
    <t>手崎_針原_243-11</t>
  </si>
  <si>
    <t>立町__1345-4</t>
  </si>
  <si>
    <t>手崎_針原_243-12</t>
  </si>
  <si>
    <t>手崎_針原_294-6</t>
  </si>
  <si>
    <t>手崎_針原_294-7</t>
  </si>
  <si>
    <t>手崎_針原_294-8</t>
  </si>
  <si>
    <t>手崎_針原_295-2</t>
  </si>
  <si>
    <t>手崎_針原_363-4</t>
  </si>
  <si>
    <t>手崎_針原_364-6</t>
  </si>
  <si>
    <t>手崎_払堂_369-3</t>
  </si>
  <si>
    <t>手崎_払堂_378-3</t>
  </si>
  <si>
    <t>手崎_払堂_382-1</t>
  </si>
  <si>
    <t>庄西町二丁目__229-4</t>
  </si>
  <si>
    <t>立町__1345-6</t>
  </si>
  <si>
    <t>手崎_払堂_382-33</t>
  </si>
  <si>
    <t>手崎_払堂_396-3</t>
  </si>
  <si>
    <t>手崎_払堂_396-4</t>
  </si>
  <si>
    <t>手崎_払堂_401-2</t>
  </si>
  <si>
    <t>手崎_払堂_405-2</t>
  </si>
  <si>
    <t>手崎_払堂_408-2</t>
  </si>
  <si>
    <t>手崎_払堂_409-2</t>
  </si>
  <si>
    <t>手崎_払堂_414-2</t>
  </si>
  <si>
    <t>手崎_払堂_415-3</t>
  </si>
  <si>
    <t>手崎_払堂_419-1</t>
  </si>
  <si>
    <t>立町__1346-4</t>
  </si>
  <si>
    <t>手崎_払堂_435-2</t>
  </si>
  <si>
    <t>手崎_払堂_436-1</t>
  </si>
  <si>
    <t>手崎_払堂_441-1</t>
  </si>
  <si>
    <t>手崎_払堂_443-1</t>
  </si>
  <si>
    <t>手崎_払堂_445-9</t>
  </si>
  <si>
    <t>手崎_払堂_445-10</t>
  </si>
  <si>
    <t>手崎_払堂_447-4</t>
  </si>
  <si>
    <t>手崎_払堂_447-5</t>
  </si>
  <si>
    <t>手崎_払堂_448-3</t>
  </si>
  <si>
    <t>手崎_払堂_451-3</t>
  </si>
  <si>
    <t>立町__1347-3</t>
  </si>
  <si>
    <t>手崎_払堂_465-2</t>
  </si>
  <si>
    <t>手崎_払堂_466-3</t>
  </si>
  <si>
    <t>手崎_払堂_467-3</t>
  </si>
  <si>
    <t>手崎_払堂_468-3</t>
  </si>
  <si>
    <t>手崎_払堂_469-3</t>
  </si>
  <si>
    <t>手崎_払堂_470-3</t>
  </si>
  <si>
    <t>手崎_払堂_471-2</t>
  </si>
  <si>
    <t>手崎_払堂_472-2</t>
  </si>
  <si>
    <t>手崎_払堂_473-2</t>
  </si>
  <si>
    <t>手崎_払堂_474-2</t>
  </si>
  <si>
    <t>立町__1348-5</t>
  </si>
  <si>
    <t>手崎_払堂_475-2</t>
  </si>
  <si>
    <t>手崎_払堂_476-2</t>
  </si>
  <si>
    <t>手崎_払堂_477-2</t>
  </si>
  <si>
    <t>手崎_払堂_477-3</t>
  </si>
  <si>
    <t>手崎_払堂_478-2</t>
  </si>
  <si>
    <t>手崎_払堂_478-3</t>
  </si>
  <si>
    <t>手崎_払堂_479-2</t>
  </si>
  <si>
    <t>手崎_払堂_479-4</t>
  </si>
  <si>
    <t>手崎_払堂_479-9</t>
  </si>
  <si>
    <t>手崎_払堂_480-2</t>
  </si>
  <si>
    <t>立町__1351-3</t>
  </si>
  <si>
    <t>手崎_払堂_481-2</t>
  </si>
  <si>
    <t>手崎_払堂_481-3</t>
  </si>
  <si>
    <t>手崎_払堂_494-2</t>
  </si>
  <si>
    <t>手崎_払堂_494-3</t>
  </si>
  <si>
    <t>手崎_中島_497-6</t>
  </si>
  <si>
    <t>手崎_中島_497-7</t>
  </si>
  <si>
    <t>手崎_中島_498-1</t>
  </si>
  <si>
    <t>手崎_石太郎_597-2</t>
  </si>
  <si>
    <t>手崎_石太郎_598-5</t>
  </si>
  <si>
    <t>手崎_石太郎_599-2</t>
  </si>
  <si>
    <t>立町__1352-3</t>
  </si>
  <si>
    <t>手崎_石太郎_882-3</t>
  </si>
  <si>
    <t>手崎_石太郎_884-2</t>
  </si>
  <si>
    <t>手崎_石太郎_898-2</t>
  </si>
  <si>
    <t>手崎_石太郎_899-2</t>
  </si>
  <si>
    <t>手崎_石太郎_900-2</t>
  </si>
  <si>
    <t>手崎_石太郎_901-2</t>
  </si>
  <si>
    <t>手崎_石太郎_902-2</t>
  </si>
  <si>
    <t>手崎_石太郎_903-2</t>
  </si>
  <si>
    <t>手崎_石太郎_904-2</t>
  </si>
  <si>
    <t>手崎_石太郎_906</t>
  </si>
  <si>
    <t>立町__1360-1</t>
  </si>
  <si>
    <t>手崎_石太郎_908-2</t>
  </si>
  <si>
    <t>手崎_石太郎_909-3</t>
  </si>
  <si>
    <t>手崎_石太郎_909-4</t>
  </si>
  <si>
    <t>手崎_石太郎_913-2</t>
  </si>
  <si>
    <t>手崎_石太郎_914-2</t>
  </si>
  <si>
    <t>手崎_石太郎_915-3</t>
  </si>
  <si>
    <t>手崎_石太郎_915-4</t>
  </si>
  <si>
    <t>手崎_石太郎_916-2</t>
  </si>
  <si>
    <t>手崎_石太郎_918-2</t>
  </si>
  <si>
    <t>手崎_石太郎_951-2</t>
  </si>
  <si>
    <t>立町__1360-2</t>
  </si>
  <si>
    <t>手崎_石太郎_952-7</t>
  </si>
  <si>
    <t>手崎_石太郎_953-2</t>
  </si>
  <si>
    <t>手崎_石太郎_953-3</t>
  </si>
  <si>
    <t>手崎_石太郎_954-2</t>
  </si>
  <si>
    <t>手崎_石太郎_955-2</t>
  </si>
  <si>
    <t>手崎_石太郎_957-2</t>
  </si>
  <si>
    <t>手崎_石太郎_1002-6</t>
  </si>
  <si>
    <t>手崎_石太郎_1002-9</t>
  </si>
  <si>
    <t>手崎_石太郎_1002-36</t>
  </si>
  <si>
    <t>手崎_石太郎_1004-2</t>
  </si>
  <si>
    <t>立町__1463</t>
  </si>
  <si>
    <t>手崎_石太郎_1005-5</t>
  </si>
  <si>
    <t>手崎_石太郎_1006-2</t>
  </si>
  <si>
    <t>手崎_石太郎_1007-3</t>
  </si>
  <si>
    <t>手崎_石太郎_1007-5</t>
  </si>
  <si>
    <t>手崎_石太郎_1007-6</t>
  </si>
  <si>
    <t>手崎_石太郎_1007-7</t>
  </si>
  <si>
    <t>手崎_石太郎_1014-2</t>
  </si>
  <si>
    <t>手崎_石太郎_1015-2</t>
  </si>
  <si>
    <t>手崎_石太郎_1041-1</t>
  </si>
  <si>
    <t>手崎_石太郎_1086-1</t>
  </si>
  <si>
    <t>立町__1473</t>
  </si>
  <si>
    <t>手崎_石太郎_1102-2</t>
  </si>
  <si>
    <t>手崎_石太郎_1118-2</t>
  </si>
  <si>
    <t>手崎_石太郎_1119-3</t>
  </si>
  <si>
    <t>手崎_石太郎_1122-3</t>
  </si>
  <si>
    <t>手崎_石太郎_1123-3</t>
  </si>
  <si>
    <t>手崎_石太郎_1125-1</t>
  </si>
  <si>
    <t>手崎_石太郎_1125-4</t>
  </si>
  <si>
    <t>手崎_石太郎_1125-5</t>
  </si>
  <si>
    <t>手崎_石太郎_1127-2</t>
  </si>
  <si>
    <t>手崎_石太郎_1128-2</t>
  </si>
  <si>
    <t>庄西町二丁目__229-6</t>
  </si>
  <si>
    <t>立町__1474-5</t>
  </si>
  <si>
    <t>手崎_石太郎_1158-2</t>
  </si>
  <si>
    <t>手崎_石太郎_1158-3</t>
  </si>
  <si>
    <t>手崎_石太郎_1169-2</t>
  </si>
  <si>
    <t>手崎_石太郎_1213-3</t>
  </si>
  <si>
    <t>手崎_石太郎_1214-2</t>
  </si>
  <si>
    <t>手崎_石太郎_1225-2</t>
  </si>
  <si>
    <t>手崎_石太郎_1232-2</t>
  </si>
  <si>
    <t>手崎_石太郎_1233-2</t>
  </si>
  <si>
    <t>手崎_八枚田_1357-1</t>
  </si>
  <si>
    <t>手崎_八枚田_1357-19</t>
  </si>
  <si>
    <t>立町__1474-6</t>
  </si>
  <si>
    <t>手崎_田数_1359-1</t>
  </si>
  <si>
    <t>手崎_田数_1359-10</t>
  </si>
  <si>
    <t>手崎_田数_1366-4</t>
  </si>
  <si>
    <t>手崎_田数_1474-1</t>
  </si>
  <si>
    <t>手崎_田数_1475-1</t>
  </si>
  <si>
    <t>手崎_田数_1591-4</t>
  </si>
  <si>
    <t>手崎_田数_1591-5</t>
  </si>
  <si>
    <t>手崎_若宮_1381-5</t>
  </si>
  <si>
    <t>橋下条__76-3</t>
  </si>
  <si>
    <t>橋下条__105-3</t>
  </si>
  <si>
    <t>立町__1474-7</t>
  </si>
  <si>
    <t>橋下条__107-3</t>
  </si>
  <si>
    <t>橋下条__107-4</t>
  </si>
  <si>
    <t>橋下条__109-2</t>
  </si>
  <si>
    <t>橋下条__117-2</t>
  </si>
  <si>
    <t>橋下条__118-2</t>
  </si>
  <si>
    <t>橋下条__120-2</t>
  </si>
  <si>
    <t>橋下条__121-2</t>
  </si>
  <si>
    <t>橋下条__212-3</t>
  </si>
  <si>
    <t>橋下条__213-2</t>
  </si>
  <si>
    <t>橋下条__222-5</t>
  </si>
  <si>
    <t>立町__1475-1</t>
  </si>
  <si>
    <t>橋下条__232-2</t>
  </si>
  <si>
    <t>橋下条__246-2</t>
  </si>
  <si>
    <t>橋下条__246-3</t>
  </si>
  <si>
    <t>橋下条__269-3</t>
  </si>
  <si>
    <t>橋下条__269-5</t>
  </si>
  <si>
    <t>橋下条__270-1</t>
  </si>
  <si>
    <t>橋下条__271-1</t>
  </si>
  <si>
    <t>橋下条__272-3</t>
  </si>
  <si>
    <t>橋下条__272-4</t>
  </si>
  <si>
    <t>橋下条__273-3</t>
  </si>
  <si>
    <t>立町__1476-1</t>
  </si>
  <si>
    <t>橋下条__273-4</t>
  </si>
  <si>
    <t>橋下条__274-3</t>
  </si>
  <si>
    <t>橋下条__274-4</t>
  </si>
  <si>
    <t>橋下条__515-2</t>
  </si>
  <si>
    <t>橋下条__516-2</t>
  </si>
  <si>
    <t>橋下条__633-2</t>
  </si>
  <si>
    <t>橋下条__670-2</t>
  </si>
  <si>
    <t>橋下条__674-2</t>
  </si>
  <si>
    <t>橋下条__674-3</t>
  </si>
  <si>
    <t>橋下条__675-2</t>
  </si>
  <si>
    <t>立町__1477-3</t>
  </si>
  <si>
    <t>橋下条__675-4</t>
  </si>
  <si>
    <t>橋下条__758-2</t>
  </si>
  <si>
    <t>橋下条__759-2</t>
  </si>
  <si>
    <t>橋下条__760-2</t>
  </si>
  <si>
    <t>橋下条__761-2</t>
  </si>
  <si>
    <t>橋下条__762-2</t>
  </si>
  <si>
    <t>橋下条__763-2</t>
  </si>
  <si>
    <t>橋下条__764-2</t>
  </si>
  <si>
    <t>橋下条__765-2</t>
  </si>
  <si>
    <t>橋下条__766-2</t>
  </si>
  <si>
    <t>立町__1478-3</t>
  </si>
  <si>
    <t>橋下条__816-4</t>
  </si>
  <si>
    <t>橋下条__816-5</t>
  </si>
  <si>
    <t>橋下条__817-3</t>
  </si>
  <si>
    <t>橋下条__817-4</t>
  </si>
  <si>
    <t>橋下条__818-3</t>
  </si>
  <si>
    <t>橋下条__818-4</t>
  </si>
  <si>
    <t>橋下条__821-3</t>
  </si>
  <si>
    <t>橋下条__849-2</t>
  </si>
  <si>
    <t>橋下条__850-3</t>
  </si>
  <si>
    <t>橋下条__855-2</t>
  </si>
  <si>
    <t>立町__1479-3</t>
  </si>
  <si>
    <t>橋下条__856-2</t>
  </si>
  <si>
    <t>橋下条__857-2</t>
  </si>
  <si>
    <t>橋下条__890-2</t>
  </si>
  <si>
    <t>橋下条__891-2</t>
  </si>
  <si>
    <t>橋下条__892-2</t>
  </si>
  <si>
    <t>橋下条__893-2</t>
  </si>
  <si>
    <t>橋下条__894-2</t>
  </si>
  <si>
    <t>橋下条__895-2</t>
  </si>
  <si>
    <t>橋下条__896-2</t>
  </si>
  <si>
    <t>橋下条__897-2</t>
  </si>
  <si>
    <t>立町__1480-6</t>
  </si>
  <si>
    <t>橋下条__954-2</t>
  </si>
  <si>
    <t>橋下条__955-2</t>
  </si>
  <si>
    <t>橋下条__956-2</t>
  </si>
  <si>
    <t>橋下条__957-2</t>
  </si>
  <si>
    <t>橋下条__958-2</t>
  </si>
  <si>
    <t>橋下条__959-2</t>
  </si>
  <si>
    <t>橋下条__960-2</t>
  </si>
  <si>
    <t>橋下条__961-2</t>
  </si>
  <si>
    <t>橋下条__962-2</t>
  </si>
  <si>
    <t>橋下条__963-2</t>
  </si>
  <si>
    <t>立町__1481-3</t>
  </si>
  <si>
    <t>橋下条__996-2</t>
  </si>
  <si>
    <t>橋下条__998-4</t>
  </si>
  <si>
    <t>橋下条__999-2</t>
  </si>
  <si>
    <t>橋下条__1000-2</t>
  </si>
  <si>
    <t>橋下条__1001-2</t>
  </si>
  <si>
    <t>橋下条__1002-2</t>
  </si>
  <si>
    <t>橋下条__1003-2</t>
  </si>
  <si>
    <t>橋下条__1004-2</t>
  </si>
  <si>
    <t>橋下条__1005-2</t>
  </si>
  <si>
    <t>橋下条__1037-2</t>
  </si>
  <si>
    <t>庄西町二丁目__230-2</t>
  </si>
  <si>
    <t>立町__1484-1</t>
  </si>
  <si>
    <t>橋下条__1040-2</t>
  </si>
  <si>
    <t>橋下条__1041-2</t>
  </si>
  <si>
    <t>橋下条__1048-2</t>
  </si>
  <si>
    <t>橋下条__1066-2</t>
  </si>
  <si>
    <t>橋下条__1068-2</t>
  </si>
  <si>
    <t>橋下条__1090-2</t>
  </si>
  <si>
    <t>橋下条__1091-2</t>
  </si>
  <si>
    <t>立町__1485-1</t>
  </si>
  <si>
    <t>橋下条__1138-3</t>
  </si>
  <si>
    <t>橋下条__1155-2</t>
  </si>
  <si>
    <t>橋下条__1156-2</t>
  </si>
  <si>
    <t>橋下条__1157-2</t>
  </si>
  <si>
    <t>立町__1517-1</t>
  </si>
  <si>
    <t>橋下条__1167-1</t>
  </si>
  <si>
    <t>橋下条__1175-2</t>
  </si>
  <si>
    <t>橋下条__1176-2</t>
  </si>
  <si>
    <t>橋下条__1182-2</t>
  </si>
  <si>
    <t>橋下条__1182-4</t>
  </si>
  <si>
    <t>橋下条__1182-5</t>
  </si>
  <si>
    <t>橋下条__1182-6</t>
  </si>
  <si>
    <t>橋下条__1183-2</t>
  </si>
  <si>
    <t>橋下条__1183-4</t>
  </si>
  <si>
    <t>橋下条__1184-2</t>
  </si>
  <si>
    <t>立町__1517-3</t>
  </si>
  <si>
    <t>橋下条__1185-2</t>
  </si>
  <si>
    <t>橋下条__1189-2</t>
  </si>
  <si>
    <t>橋下条__1190-2</t>
  </si>
  <si>
    <t>橋下条__1193-2</t>
  </si>
  <si>
    <t>橋下条__1195-2</t>
  </si>
  <si>
    <t>橋下条__1196-2</t>
  </si>
  <si>
    <t>橋下条__1197-2</t>
  </si>
  <si>
    <t>橋下条__1198</t>
  </si>
  <si>
    <t>橋下条__1200-2</t>
  </si>
  <si>
    <t>橋下条__1201-2</t>
  </si>
  <si>
    <t>立町__1523-2</t>
  </si>
  <si>
    <t>橋下条__1202-2</t>
  </si>
  <si>
    <t>橋下条__1204-7</t>
  </si>
  <si>
    <t>橋下条__1227-1</t>
  </si>
  <si>
    <t>橋下条__1227-16</t>
  </si>
  <si>
    <t>橋下条__1266-2</t>
  </si>
  <si>
    <t>橋下条__1300-2</t>
  </si>
  <si>
    <t>橋下条__1301-3</t>
  </si>
  <si>
    <t>橋下条__1302-2</t>
  </si>
  <si>
    <t>橋下条__1303-3</t>
  </si>
  <si>
    <t>橋下条__1304-2</t>
  </si>
  <si>
    <t>立町__1523-7</t>
  </si>
  <si>
    <t>橋下条__1344-2</t>
  </si>
  <si>
    <t>橋下条__1345-3</t>
  </si>
  <si>
    <t>橋下条__1346-2</t>
  </si>
  <si>
    <t>橋下条__1347-3</t>
  </si>
  <si>
    <t>橋下条__1351-2</t>
  </si>
  <si>
    <t>橋下条__1352-2</t>
  </si>
  <si>
    <t>橋下条__1359-3</t>
  </si>
  <si>
    <t>橋下条__1369-2</t>
  </si>
  <si>
    <t>橋下条__1369-3</t>
  </si>
  <si>
    <t>橋下条__1370-2</t>
  </si>
  <si>
    <t>立町__1523-11</t>
  </si>
  <si>
    <t>橋下条__1370-4</t>
  </si>
  <si>
    <t>橋下条__1371-2</t>
  </si>
  <si>
    <t>橋下条__1372-2</t>
  </si>
  <si>
    <t>橋下条__1381-2</t>
  </si>
  <si>
    <t>橋下条__1383-4</t>
  </si>
  <si>
    <t>橋下条__1383-5</t>
  </si>
  <si>
    <t>橋下条__1445-3</t>
  </si>
  <si>
    <t>橋下条__1446-2</t>
  </si>
  <si>
    <t>橋下条__1447-2</t>
  </si>
  <si>
    <t>橋下条__1448-2</t>
  </si>
  <si>
    <t>立町__1523-12</t>
  </si>
  <si>
    <t>橋下条__1449-3</t>
  </si>
  <si>
    <t>橋下条__1449-4</t>
  </si>
  <si>
    <t>橋下条__1453-3</t>
  </si>
  <si>
    <t>橋下条__1480-2</t>
  </si>
  <si>
    <t>橋下条__1481-2</t>
  </si>
  <si>
    <t>橋下条__1484-2</t>
  </si>
  <si>
    <t>橋下条__1485-2</t>
  </si>
  <si>
    <t>橋下条__1488-2</t>
  </si>
  <si>
    <t>橋下条__1489-2</t>
  </si>
  <si>
    <t>橋下条__1491-2</t>
  </si>
  <si>
    <t>立町__1523-17</t>
  </si>
  <si>
    <t>橋下条__1492-2</t>
  </si>
  <si>
    <t>橋下条__1505-2</t>
  </si>
  <si>
    <t>橋下条__1506-1</t>
  </si>
  <si>
    <t>橋下条__1506-3</t>
  </si>
  <si>
    <t>橋下条__1507-4</t>
  </si>
  <si>
    <t>橋下条__1508-3</t>
  </si>
  <si>
    <t>橋下条__1509-3</t>
  </si>
  <si>
    <t>橋下条__1510-3</t>
  </si>
  <si>
    <t>橋下条__1511-3</t>
  </si>
  <si>
    <t>橋下条__1512-3</t>
  </si>
  <si>
    <t>立町__1539-11</t>
  </si>
  <si>
    <t>橋下条__1513-3</t>
  </si>
  <si>
    <t>橋下条__1513-4</t>
  </si>
  <si>
    <t>橋下条__1514-2</t>
  </si>
  <si>
    <t>橋下条__1514-4</t>
  </si>
  <si>
    <t>橋下条__1515-4</t>
  </si>
  <si>
    <t>橋下条__1516-3</t>
  </si>
  <si>
    <t>橋下条__1517-3</t>
  </si>
  <si>
    <t>橋下条__1524-2</t>
  </si>
  <si>
    <t>橋下条__1526-2</t>
  </si>
  <si>
    <t>橋下条__1531-3</t>
  </si>
  <si>
    <t>庄西町二丁目__231</t>
  </si>
  <si>
    <t>立町__1539-12</t>
  </si>
  <si>
    <t>橋下条__1533-2</t>
  </si>
  <si>
    <t>橋下条__1543-2</t>
  </si>
  <si>
    <t>橋下条__1544-2</t>
  </si>
  <si>
    <t>橋下条__1545-2</t>
  </si>
  <si>
    <t>橋下条__1545-3</t>
  </si>
  <si>
    <t>橋下条__1546-2</t>
  </si>
  <si>
    <t>橋下条__1547-2</t>
  </si>
  <si>
    <t>橋下条__1548-2</t>
  </si>
  <si>
    <t>橋下条__1553-2</t>
  </si>
  <si>
    <t>橋下条__1573-2</t>
  </si>
  <si>
    <t>立町__1539-13</t>
  </si>
  <si>
    <t>橋下条__1576-2</t>
  </si>
  <si>
    <t>橋下条__1580-3</t>
  </si>
  <si>
    <t>橋下条__1584-2</t>
  </si>
  <si>
    <t>橋下条__1584-3</t>
  </si>
  <si>
    <t>橋下条__1585-2</t>
  </si>
  <si>
    <t>橋下条__1592-3</t>
  </si>
  <si>
    <t>橋下条__1601-2</t>
  </si>
  <si>
    <t>橋下条__1615-2</t>
  </si>
  <si>
    <t>橋下条__1615-3</t>
  </si>
  <si>
    <t>橋下条__1912-2</t>
  </si>
  <si>
    <t>立町__1539-14</t>
  </si>
  <si>
    <t>橋下条__2072-2</t>
  </si>
  <si>
    <t>橋下条__2163-4</t>
  </si>
  <si>
    <t>橋下条__2166-3</t>
  </si>
  <si>
    <t>橋下条__2166-4</t>
  </si>
  <si>
    <t>橋下条__2166-6</t>
  </si>
  <si>
    <t>橋下条__2170-3</t>
  </si>
  <si>
    <t>橋下条__2171-2</t>
  </si>
  <si>
    <t>橋下条__2172-3</t>
  </si>
  <si>
    <t>橋下条__2174-2</t>
  </si>
  <si>
    <t>橋下条__2175-2</t>
  </si>
  <si>
    <t>立町__1541-5</t>
  </si>
  <si>
    <t>橋下条__2176-3</t>
  </si>
  <si>
    <t>橋下条__2176-4</t>
  </si>
  <si>
    <t>橋下条__2177-6</t>
  </si>
  <si>
    <t>橋下条__2177-7</t>
  </si>
  <si>
    <t>橋下条__2178-3</t>
  </si>
  <si>
    <t>橋下条__2178-4</t>
  </si>
  <si>
    <t>橋下条__2179-2</t>
  </si>
  <si>
    <t>橋下条__2186-2</t>
  </si>
  <si>
    <t>橋下条__2186-3</t>
  </si>
  <si>
    <t>橋下条__2187-2</t>
  </si>
  <si>
    <t>立町__1542-2</t>
  </si>
  <si>
    <t>橋下条__2187-3</t>
  </si>
  <si>
    <t>橋下条__2188-3</t>
  </si>
  <si>
    <t>橋下条__2188-4</t>
  </si>
  <si>
    <t>橋下条__2189-2</t>
  </si>
  <si>
    <t>橋下条__2189-3</t>
  </si>
  <si>
    <t>橋下条__2190-2</t>
  </si>
  <si>
    <t>橋下条__2254-2</t>
  </si>
  <si>
    <t>橋下条__2256-2</t>
  </si>
  <si>
    <t>橋下条__2257-2</t>
  </si>
  <si>
    <t>橋下条__2258-2</t>
  </si>
  <si>
    <t>立町__1544-5</t>
  </si>
  <si>
    <t>橋下条__2259-2</t>
  </si>
  <si>
    <t>橋下条__2260-2</t>
  </si>
  <si>
    <t>橋下条__2261-2</t>
  </si>
  <si>
    <t>橋下条__2276-2</t>
  </si>
  <si>
    <t>橋下条__2277-3</t>
  </si>
  <si>
    <t>橋下条__2290-2</t>
  </si>
  <si>
    <t>橋下条__2291-2</t>
  </si>
  <si>
    <t>橋下条_笹山_536-4</t>
  </si>
  <si>
    <t>橋下条_笹山_536-5</t>
  </si>
  <si>
    <t>橋下条_笹山_572-4</t>
  </si>
  <si>
    <t>立町__1558-1</t>
  </si>
  <si>
    <t>橋下条_囲山_86-36</t>
  </si>
  <si>
    <t>青井谷__12-3</t>
  </si>
  <si>
    <t>青井谷__15-3</t>
  </si>
  <si>
    <t>青井谷__16-2</t>
  </si>
  <si>
    <t>青井谷__16-4</t>
  </si>
  <si>
    <t>青井谷__16-5</t>
  </si>
  <si>
    <t>青井谷__17-2</t>
  </si>
  <si>
    <t>青井谷__17-4</t>
  </si>
  <si>
    <t>青井谷__41-6</t>
  </si>
  <si>
    <t>青井谷__42-3</t>
  </si>
  <si>
    <t>立町__1573-2</t>
  </si>
  <si>
    <t>青井谷__42-4</t>
  </si>
  <si>
    <t>青井谷__43-1</t>
  </si>
  <si>
    <t>青井谷__44-3</t>
  </si>
  <si>
    <t>青井谷__44-5</t>
  </si>
  <si>
    <t>青井谷__44-6</t>
  </si>
  <si>
    <t>青井谷__45-4</t>
  </si>
  <si>
    <t>青井谷__45-5</t>
  </si>
  <si>
    <t>青井谷__47-4</t>
  </si>
  <si>
    <t>青井谷__48-5</t>
  </si>
  <si>
    <t>青井谷__48-4</t>
  </si>
  <si>
    <t>立町__1573-3</t>
  </si>
  <si>
    <t>青井谷__49-2</t>
  </si>
  <si>
    <t>青井谷__49-5</t>
  </si>
  <si>
    <t>青井谷__66-4</t>
  </si>
  <si>
    <t>青井谷__67-5</t>
  </si>
  <si>
    <t>青井谷__68-4</t>
  </si>
  <si>
    <t>青井谷__70-4</t>
  </si>
  <si>
    <t>青井谷__71-5</t>
  </si>
  <si>
    <t>青井谷__71-6</t>
  </si>
  <si>
    <t>青井谷__72-7</t>
  </si>
  <si>
    <t>青井谷__73-6</t>
  </si>
  <si>
    <t>立町__1574-4</t>
  </si>
  <si>
    <t>青井谷__74-6</t>
  </si>
  <si>
    <t>青井谷__76-3</t>
  </si>
  <si>
    <t>青井谷__87</t>
  </si>
  <si>
    <t>青井谷__110</t>
  </si>
  <si>
    <t>青井谷__120-2</t>
  </si>
  <si>
    <t>青井谷__121-3</t>
  </si>
  <si>
    <t>青井谷__142-2</t>
  </si>
  <si>
    <t>青井谷__143-2</t>
  </si>
  <si>
    <t>青井谷__150-2</t>
  </si>
  <si>
    <t>青井谷__150-3</t>
  </si>
  <si>
    <t>庄西町二丁目__243-1</t>
  </si>
  <si>
    <t>立町__1586</t>
  </si>
  <si>
    <t>青井谷__151-2</t>
  </si>
  <si>
    <t>青井谷__151-3</t>
  </si>
  <si>
    <t>青井谷__151-4</t>
  </si>
  <si>
    <t>青井谷__152-3</t>
  </si>
  <si>
    <t>青井谷__152-4</t>
  </si>
  <si>
    <t>青井谷__153-2</t>
  </si>
  <si>
    <t>青井谷__154-3</t>
  </si>
  <si>
    <t>青井谷__155-3</t>
  </si>
  <si>
    <t>青井谷__156-2</t>
  </si>
  <si>
    <t>青井谷__157-2</t>
  </si>
  <si>
    <t>立町__1587-1</t>
  </si>
  <si>
    <t>青井谷__159-2</t>
  </si>
  <si>
    <t>青井谷__160-2</t>
  </si>
  <si>
    <t>青井谷__161-2</t>
  </si>
  <si>
    <t>青井谷__162-2</t>
  </si>
  <si>
    <t>青井谷__163-2</t>
  </si>
  <si>
    <t>青井谷__164</t>
  </si>
  <si>
    <t>青井谷__165</t>
  </si>
  <si>
    <t>青井谷__255-3</t>
  </si>
  <si>
    <t>青井谷__255-4</t>
  </si>
  <si>
    <t>青井谷__256-2</t>
  </si>
  <si>
    <t>立町__1651-1</t>
  </si>
  <si>
    <t>青井谷__261-6</t>
  </si>
  <si>
    <t>青井谷__261-8</t>
  </si>
  <si>
    <t>青井谷__262-3</t>
  </si>
  <si>
    <t>青井谷__267-4</t>
  </si>
  <si>
    <t>青井谷__269-3</t>
  </si>
  <si>
    <t>青井谷__270-3</t>
  </si>
  <si>
    <t>青井谷__271-4</t>
  </si>
  <si>
    <t>青井谷__272-2</t>
  </si>
  <si>
    <t>青井谷__551-2</t>
  </si>
  <si>
    <t>青井谷__983</t>
  </si>
  <si>
    <t>立町__1652-1</t>
  </si>
  <si>
    <t>青井谷__1063</t>
  </si>
  <si>
    <t>青井谷_丸山_520-4</t>
  </si>
  <si>
    <t>青井谷_丸山_521-3</t>
  </si>
  <si>
    <t>青井谷_丸山_522-3</t>
  </si>
  <si>
    <t>青井谷_丸山_526-4</t>
  </si>
  <si>
    <t>青井谷_丸山_527-5</t>
  </si>
  <si>
    <t>青井谷_丸山_527-6</t>
  </si>
  <si>
    <t>青井谷_丸山_527-7</t>
  </si>
  <si>
    <t>青井谷_丸山_528-3</t>
  </si>
  <si>
    <t>青井谷_丸山_528-4</t>
  </si>
  <si>
    <t>立町__1652-3</t>
  </si>
  <si>
    <t>青井谷_丸山_529-3</t>
  </si>
  <si>
    <t>青井谷_丸山_539-2</t>
  </si>
  <si>
    <t>青井谷_丸山_541-3</t>
  </si>
  <si>
    <t>青井谷_丸山_542-2</t>
  </si>
  <si>
    <t>青井谷_丸山_543-2</t>
  </si>
  <si>
    <t>青井谷_丸山_546-2</t>
  </si>
  <si>
    <t>青井谷_丸山_547-2</t>
  </si>
  <si>
    <t>青井谷_丸山_548-2</t>
  </si>
  <si>
    <t>青井谷_丸山_549-2</t>
  </si>
  <si>
    <t>青井谷_丸山_550-3</t>
  </si>
  <si>
    <t>立町__1652-4</t>
  </si>
  <si>
    <t>青井谷_丸山_550-4</t>
  </si>
  <si>
    <t>青井谷_丸山_553-2</t>
  </si>
  <si>
    <t>青井谷_丸山_554-2</t>
  </si>
  <si>
    <t>青井谷_丸山_566-3</t>
  </si>
  <si>
    <t>青井谷_丸山_566-4</t>
  </si>
  <si>
    <t>青井谷_丸山_567-3</t>
  </si>
  <si>
    <t>青井谷_丸山_567-5</t>
  </si>
  <si>
    <t>青井谷_丸山_578-3</t>
  </si>
  <si>
    <t>青井谷_丸山_578-4</t>
  </si>
  <si>
    <t>青井谷_丸山_578-5</t>
  </si>
  <si>
    <t>立町__1652-5</t>
  </si>
  <si>
    <t>青井谷_丸山_578-6</t>
  </si>
  <si>
    <t>青井谷_丸山_584-3</t>
  </si>
  <si>
    <t>青井谷_丸山_586-3</t>
  </si>
  <si>
    <t>青井谷_丸山_586-4</t>
  </si>
  <si>
    <t>青井谷_丸山_587-3</t>
  </si>
  <si>
    <t>青井谷_丸山_589-3</t>
  </si>
  <si>
    <t>青井谷_丸山_590-2</t>
  </si>
  <si>
    <t>青井谷_丸山_591-2</t>
  </si>
  <si>
    <t>青井谷_丸山_592-2</t>
  </si>
  <si>
    <t>青井谷_丸山_606-2</t>
  </si>
  <si>
    <t>立町__1653-3</t>
  </si>
  <si>
    <t>青井谷_丸山_609-4</t>
  </si>
  <si>
    <t>青井谷_丸山_609-5</t>
  </si>
  <si>
    <t>青井谷_丸山_610-2</t>
  </si>
  <si>
    <t>青井谷_丸山_611</t>
  </si>
  <si>
    <t>青井谷_丸山_615-2</t>
  </si>
  <si>
    <t>青井谷_丸山_617-2</t>
  </si>
  <si>
    <t>青井谷_丸山_618-2</t>
  </si>
  <si>
    <t>青井谷_丸山_619-4</t>
  </si>
  <si>
    <t>青井谷_丸山_619-5</t>
  </si>
  <si>
    <t>青井谷_丸山_619-6</t>
  </si>
  <si>
    <t>立町__1653-5</t>
  </si>
  <si>
    <t>青井谷_丸山_619-7</t>
  </si>
  <si>
    <t>青井谷_丸山_619-8</t>
  </si>
  <si>
    <t>青井谷_丸山_619-9</t>
  </si>
  <si>
    <t>青井谷_丸山_622-2</t>
  </si>
  <si>
    <t>青井谷_丸山_623-2</t>
  </si>
  <si>
    <t>青井谷_丸山_628-2</t>
  </si>
  <si>
    <t>青井谷_丸山_628-4</t>
  </si>
  <si>
    <t>青井谷_丸山_628-6</t>
  </si>
  <si>
    <t>青井谷_丸山_631-2</t>
  </si>
  <si>
    <t>青井谷_丸山_631-4</t>
  </si>
  <si>
    <t>立町__1654-3</t>
  </si>
  <si>
    <t>青井谷_丸山_632-3</t>
  </si>
  <si>
    <t>青井谷_丸山_633-3</t>
  </si>
  <si>
    <t>青井谷_丸山_634-2</t>
  </si>
  <si>
    <t>青井谷_丸山_704-2</t>
  </si>
  <si>
    <t>青井谷_丸山_705-2</t>
  </si>
  <si>
    <t>青井谷_丸山_711</t>
  </si>
  <si>
    <t>青井谷_丸山_712-4</t>
  </si>
  <si>
    <t>青井谷_丸山_712-5</t>
  </si>
  <si>
    <t>青井谷_丸山_719-3</t>
  </si>
  <si>
    <t>青井谷_丸山_726-2</t>
  </si>
  <si>
    <t>庄西町二丁目__245-4</t>
  </si>
  <si>
    <t>立町__1654-5</t>
  </si>
  <si>
    <t>青井谷_丸山_728-2</t>
  </si>
  <si>
    <t>青井谷_丸山_729-4</t>
  </si>
  <si>
    <t>青井谷_丸山_729-5</t>
  </si>
  <si>
    <t>青井谷_丸山_732-4</t>
  </si>
  <si>
    <t>青井谷_丸山_732-5</t>
  </si>
  <si>
    <t>青井谷_丸山_732-6</t>
  </si>
  <si>
    <t>青井谷_丸山_733-3</t>
  </si>
  <si>
    <t>青井谷_丸山_733-4</t>
  </si>
  <si>
    <t>青井谷_丸山_733-5</t>
  </si>
  <si>
    <t>青井谷_丸山_734-2</t>
  </si>
  <si>
    <t>立町__1655-1</t>
  </si>
  <si>
    <t>青井谷_丸山_735-2</t>
  </si>
  <si>
    <t>青井谷_丸山_736-3</t>
  </si>
  <si>
    <t>青井谷_丸山_736-4</t>
  </si>
  <si>
    <t>青井谷_丸山_744-2</t>
  </si>
  <si>
    <t>青井谷_丸山_754-2</t>
  </si>
  <si>
    <t>青井谷_丸山_755-3</t>
  </si>
  <si>
    <t>青井谷_丸山_755-4</t>
  </si>
  <si>
    <t>青井谷_丸山_757-5</t>
  </si>
  <si>
    <t>青井谷_丸山_757-6</t>
  </si>
  <si>
    <t>青井谷_丸山_1014-2</t>
  </si>
  <si>
    <t>立町__1656-1</t>
  </si>
  <si>
    <t>青井谷_丸山_1015-2</t>
  </si>
  <si>
    <t>青井谷_丸山_1018-2</t>
  </si>
  <si>
    <t>青井谷_丸山_1026-2</t>
  </si>
  <si>
    <t>青井谷_丸山_1040-2</t>
  </si>
  <si>
    <t>青井谷_丸山_1042-2</t>
  </si>
  <si>
    <t>青井谷_丸山_1044-2</t>
  </si>
  <si>
    <t>青井谷_丸山_1047-3</t>
  </si>
  <si>
    <t>青井谷_丸山_1052-3</t>
  </si>
  <si>
    <t>青井谷_丸山_1053-3</t>
  </si>
  <si>
    <t>青井谷_丸山_1076-3</t>
  </si>
  <si>
    <t>立町__1657-8</t>
  </si>
  <si>
    <t>青井谷_丸山_1077-2</t>
  </si>
  <si>
    <t>青井谷_丸山_1090-2</t>
  </si>
  <si>
    <t>青井谷_丸山_1093-2</t>
  </si>
  <si>
    <t>青井谷_丸山_1094-4</t>
  </si>
  <si>
    <t>青井谷_丸山_1096-4</t>
  </si>
  <si>
    <t>青井谷_丸山_1096-5</t>
  </si>
  <si>
    <t>青井谷_丸山_1098-2</t>
  </si>
  <si>
    <t>青井谷_丸山_1099</t>
  </si>
  <si>
    <t>青井谷_丸山_1100-3</t>
  </si>
  <si>
    <t>青井谷_丸山_1100-4</t>
  </si>
  <si>
    <t>立町__1657-10</t>
  </si>
  <si>
    <t>青井谷_丸山_1100-5</t>
  </si>
  <si>
    <t>青井谷_丸山_1113-3</t>
  </si>
  <si>
    <t>青井谷_丸山_1113-5</t>
  </si>
  <si>
    <t>青井谷_丸山_1113-7</t>
  </si>
  <si>
    <t>青井谷_丸山_1113-8</t>
  </si>
  <si>
    <t>青井谷_丸山_1115-2</t>
  </si>
  <si>
    <t>青井谷_丸山_1116-3</t>
  </si>
  <si>
    <t>青井谷_丸山_1120-3</t>
  </si>
  <si>
    <t>青井谷_丸山_1121-2</t>
  </si>
  <si>
    <t>青井谷_丸山_1125-2</t>
  </si>
  <si>
    <t>立町__1657-12</t>
  </si>
  <si>
    <t>青井谷_丸山_1126-2</t>
  </si>
  <si>
    <t>青井谷_干田_1224-2</t>
  </si>
  <si>
    <t>青井谷_干田_1225-2</t>
  </si>
  <si>
    <t>青井谷_干田_1226-2</t>
  </si>
  <si>
    <t>青井谷_干田_1293-2</t>
  </si>
  <si>
    <t>青井谷_干田_1295-3</t>
  </si>
  <si>
    <t>青井谷_干田_1303-3</t>
  </si>
  <si>
    <t>青井谷_干田_1306-1</t>
  </si>
  <si>
    <t>青井谷_干田_1317-2</t>
  </si>
  <si>
    <t>青井谷_干田_1318-2</t>
  </si>
  <si>
    <t>立町__1657-13</t>
  </si>
  <si>
    <t>青井谷_干田_1319-2</t>
  </si>
  <si>
    <t>青井谷_干田_1363-2</t>
  </si>
  <si>
    <t>青井谷_干田_1365-3</t>
  </si>
  <si>
    <t>青井谷_干田_1366-3</t>
  </si>
  <si>
    <t>青井谷_干田_1368-3</t>
  </si>
  <si>
    <t>青井谷_干田_1389-2</t>
  </si>
  <si>
    <t>青井谷_干田_1405-2</t>
  </si>
  <si>
    <t>青井谷_干田_1406-2</t>
  </si>
  <si>
    <t>青井谷_干田_1407</t>
  </si>
  <si>
    <t>青井谷_干田_1412-3</t>
  </si>
  <si>
    <t>立町__1657-14</t>
  </si>
  <si>
    <t>青井谷_干田_1413-3</t>
  </si>
  <si>
    <t>青井谷_干田_1414-3</t>
  </si>
  <si>
    <t>青井谷_干田_1416-3</t>
  </si>
  <si>
    <t>青井谷_干田_1417-3</t>
  </si>
  <si>
    <t>青井谷_干田_1419-3</t>
  </si>
  <si>
    <t>青井谷_干田_1420-3</t>
  </si>
  <si>
    <t>青井谷_干田_1421-3</t>
  </si>
  <si>
    <t>青井谷_干田_1423-2</t>
  </si>
  <si>
    <t>青井谷_干田_1457-4</t>
  </si>
  <si>
    <t>青井谷_干田_1461-3</t>
  </si>
  <si>
    <t>立町__1658-4</t>
  </si>
  <si>
    <t>青井谷_干田_1466-3</t>
  </si>
  <si>
    <t>青井谷_干田_1469-3</t>
  </si>
  <si>
    <t>青井谷_干田_1470-3</t>
  </si>
  <si>
    <t>青井谷_干田_1493-3</t>
  </si>
  <si>
    <t>青井谷_干田_1498-3</t>
  </si>
  <si>
    <t>青井谷_干田_1498-4</t>
  </si>
  <si>
    <t>青井谷_干田_1499-3</t>
  </si>
  <si>
    <t>青井谷_干田_1500-3</t>
  </si>
  <si>
    <t>青井谷_干田_1503-3</t>
  </si>
  <si>
    <t>青井谷_干田_1506-3</t>
  </si>
  <si>
    <t>立町__1658-6</t>
  </si>
  <si>
    <t>青井谷_干田_1513-3</t>
  </si>
  <si>
    <t>青井谷_干田_1514-3</t>
  </si>
  <si>
    <t>青井谷_干田_1516-3</t>
  </si>
  <si>
    <t>青井谷_干田_1517-3</t>
  </si>
  <si>
    <t>青井谷_干田_1518-3</t>
  </si>
  <si>
    <t>青井谷_干田_1519-3</t>
  </si>
  <si>
    <t>青井谷_干田_1520-3</t>
  </si>
  <si>
    <t>青井谷_干田_1521-3</t>
  </si>
  <si>
    <t>青井谷_干田_1523-3</t>
  </si>
  <si>
    <t>青井谷_干田_1532-2</t>
  </si>
  <si>
    <t>庄西町一丁目__601-20</t>
  </si>
  <si>
    <t>庄西町二丁目__246-4</t>
  </si>
  <si>
    <t>立町__1659-12</t>
  </si>
  <si>
    <t>青井谷_干田_1533</t>
  </si>
  <si>
    <t>青井谷_干田_1601-3</t>
  </si>
  <si>
    <t>青井谷_干田_1602-2</t>
  </si>
  <si>
    <t>青井谷_干田_1603-2</t>
  </si>
  <si>
    <t>青井谷_干田_1659-2</t>
  </si>
  <si>
    <t>青井谷_干田_1662-2</t>
  </si>
  <si>
    <t>青井谷_干田_1663-2</t>
  </si>
  <si>
    <t>青井谷_干田_1664-2</t>
  </si>
  <si>
    <t>青井谷_干田_1678-3</t>
  </si>
  <si>
    <t>青井谷_干田_1680-3</t>
  </si>
  <si>
    <t>立町__1659-15</t>
  </si>
  <si>
    <t>青井谷_干田_1681-3</t>
  </si>
  <si>
    <t>青井谷_干田_1694-3</t>
  </si>
  <si>
    <t>青井谷_干田_1694-4</t>
  </si>
  <si>
    <t>青井谷_干田_1697-2</t>
  </si>
  <si>
    <t>青井谷_干田_1697-3</t>
  </si>
  <si>
    <t>青井谷_干田_1697-4</t>
  </si>
  <si>
    <t>青井谷_干田_1701-4</t>
  </si>
  <si>
    <t>青井谷_干田_1702-2</t>
  </si>
  <si>
    <t>青井谷_干田_1703-3</t>
  </si>
  <si>
    <t>青井谷_干田_1703-4</t>
  </si>
  <si>
    <t>立町__1659-18</t>
  </si>
  <si>
    <t>青井谷_干田_1704-2</t>
  </si>
  <si>
    <t>青井谷_干田_1704-3</t>
  </si>
  <si>
    <t>青井谷_干田_1705-2</t>
  </si>
  <si>
    <t>青井谷_干田_1707-6</t>
  </si>
  <si>
    <t>青井谷_干田_1707-7</t>
  </si>
  <si>
    <t>青井谷_干田_1707-8</t>
  </si>
  <si>
    <t>青井谷_干田_1707-9</t>
  </si>
  <si>
    <t>青井谷_干田_1707-10</t>
  </si>
  <si>
    <t>青井谷_干田_1707-11</t>
  </si>
  <si>
    <t>青井谷_干田_1709-3</t>
  </si>
  <si>
    <t>立町__1659-19</t>
  </si>
  <si>
    <t>青井谷_干田_1710-4</t>
  </si>
  <si>
    <t>青井谷_干田_1713-2</t>
  </si>
  <si>
    <t>青井谷_干田_1716-5</t>
  </si>
  <si>
    <t>青井谷_干田_1716-6</t>
  </si>
  <si>
    <t>青井谷_干田_1716-7</t>
  </si>
  <si>
    <t>青井谷_干田_1716-8</t>
  </si>
  <si>
    <t>青井谷_干田_1718-2</t>
  </si>
  <si>
    <t>青井谷_干田_1719-2</t>
  </si>
  <si>
    <t>青井谷_干田_1720-2</t>
  </si>
  <si>
    <t>青井谷_干田_1736-2</t>
  </si>
  <si>
    <t>立町__1660-4</t>
  </si>
  <si>
    <t>青井谷_干田_1738-2</t>
  </si>
  <si>
    <t>青井谷_干田_1739-2</t>
  </si>
  <si>
    <t>青井谷_干田_1753-2</t>
  </si>
  <si>
    <t>青井谷_干田_1754-3</t>
  </si>
  <si>
    <t>青井谷_干田_1754-4</t>
  </si>
  <si>
    <t>青井谷_干田_1759-3</t>
  </si>
  <si>
    <t>青井谷_干田_1760-2</t>
  </si>
  <si>
    <t>青井谷_干田_1771-2</t>
  </si>
  <si>
    <t>青井谷_干田_1772-3</t>
  </si>
  <si>
    <t>青井谷_干田_1774-3</t>
  </si>
  <si>
    <t>立町__1662-5</t>
  </si>
  <si>
    <t>青井谷_干田_1777-4</t>
  </si>
  <si>
    <t>青井谷_干田_1781-2</t>
  </si>
  <si>
    <t>青井谷_干田_1782-2</t>
  </si>
  <si>
    <t>青井谷_干田_1783-2</t>
  </si>
  <si>
    <t>青井谷_干田_1787-2</t>
  </si>
  <si>
    <t>青井谷_干田_1789</t>
  </si>
  <si>
    <t>青井谷_干田_1802-1</t>
  </si>
  <si>
    <t>青井谷_干田_1804-1</t>
  </si>
  <si>
    <t>青井谷_干田_1808-1</t>
  </si>
  <si>
    <t>青井谷_干田_1809</t>
  </si>
  <si>
    <t>立町__1662-6</t>
  </si>
  <si>
    <t>青井谷_干田_1811-2</t>
  </si>
  <si>
    <t>青井谷_干田_1814-6</t>
  </si>
  <si>
    <t>青井谷_干田_1814-7</t>
  </si>
  <si>
    <t>青井谷_干田_1814-8</t>
  </si>
  <si>
    <t>青井谷_干田_1814-9</t>
  </si>
  <si>
    <t>青井谷_干田_1815-2</t>
  </si>
  <si>
    <t>青井谷_干田_1816-2</t>
  </si>
  <si>
    <t>青井谷_干田_1816-3</t>
  </si>
  <si>
    <t>青井谷_干田_1818-2</t>
  </si>
  <si>
    <t>青井谷_干田_1818-4</t>
  </si>
  <si>
    <t>立町__1663-2</t>
  </si>
  <si>
    <t>青井谷_干田_1820-6</t>
  </si>
  <si>
    <t>青井谷_干田_1820-7</t>
  </si>
  <si>
    <t>青井谷_干田_1820-8</t>
  </si>
  <si>
    <t>青井谷_干田_1820-12</t>
  </si>
  <si>
    <t>青井谷_干田_1823-2</t>
  </si>
  <si>
    <t>青井谷_干田_1824-2</t>
  </si>
  <si>
    <t>青井谷_干田_1825-2</t>
  </si>
  <si>
    <t>青井谷_干田_1826-2</t>
  </si>
  <si>
    <t>青井谷_干田_1827-9</t>
  </si>
  <si>
    <t>青井谷_干田_1827-11</t>
  </si>
  <si>
    <t>立町__1663-3</t>
  </si>
  <si>
    <t>青井谷_干田_1828-4</t>
  </si>
  <si>
    <t>青井谷_干田_1830-2</t>
  </si>
  <si>
    <t>青井谷_干田_1832-3</t>
  </si>
  <si>
    <t>青井谷_干田_1833-3</t>
  </si>
  <si>
    <t>青井谷_干田_1834-3</t>
  </si>
  <si>
    <t>青井谷_干田_1834-4</t>
  </si>
  <si>
    <t>青井谷_干田_1835-4</t>
  </si>
  <si>
    <t>青井谷_干田_1836-2</t>
  </si>
  <si>
    <t>青井谷_干田_1836-3</t>
  </si>
  <si>
    <t>青井谷_干田_1836-4</t>
  </si>
  <si>
    <t>立町__1664-5</t>
  </si>
  <si>
    <t>青井谷_干田_1837-2</t>
  </si>
  <si>
    <t>青井谷_干田_1837-3</t>
  </si>
  <si>
    <t>青井谷_干田_1838-2</t>
  </si>
  <si>
    <t>青井谷_干田_1839-2</t>
  </si>
  <si>
    <t>青井谷_干田_1841-3</t>
  </si>
  <si>
    <t>青井谷_干田_1849-4</t>
  </si>
  <si>
    <t>青井谷_干田_1850-2</t>
  </si>
  <si>
    <t>青井谷_干田_1851-3</t>
  </si>
  <si>
    <t>青井谷_干田_1851-4</t>
  </si>
  <si>
    <t>青井谷_干田_1853-3</t>
  </si>
  <si>
    <t>庄西町二丁目__246-6</t>
  </si>
  <si>
    <t>立町__1664-6</t>
  </si>
  <si>
    <t>青井谷_干田_1853-4</t>
  </si>
  <si>
    <t>青井谷_干田_1854-2</t>
  </si>
  <si>
    <t>青井谷_干田_1856-3</t>
  </si>
  <si>
    <t>青井谷_干田_1862-2</t>
  </si>
  <si>
    <t>青井谷_干田_1864-2</t>
  </si>
  <si>
    <t>青井谷_干田_1865-2</t>
  </si>
  <si>
    <t>青井谷_干田_1865-3</t>
  </si>
  <si>
    <t>青井谷_干田_1865-4</t>
  </si>
  <si>
    <t>青井谷_干田_1866-2</t>
  </si>
  <si>
    <t>青井谷_干田_1867-2</t>
  </si>
  <si>
    <t>立町__1664-7</t>
  </si>
  <si>
    <t>青井谷_干田_1868-2</t>
  </si>
  <si>
    <t>青井谷_干田_1869-2</t>
  </si>
  <si>
    <t>青井谷_干田_1870-2</t>
  </si>
  <si>
    <t>青井谷_干田_1882-3</t>
  </si>
  <si>
    <t>青井谷_干田_1891-2</t>
  </si>
  <si>
    <t>青井谷_干田_1897-2</t>
  </si>
  <si>
    <t>青井谷_干田_1898-3</t>
  </si>
  <si>
    <t>青井谷_干田_1898-4</t>
  </si>
  <si>
    <t>青井谷_干田_1899-2</t>
  </si>
  <si>
    <t>青井谷_干田_1900-2</t>
  </si>
  <si>
    <t>立町__1664-8</t>
  </si>
  <si>
    <t>青井谷_干田_1901-2</t>
  </si>
  <si>
    <t>青井谷_干田_1902-3</t>
  </si>
  <si>
    <t>青井谷_干田_1904-5</t>
  </si>
  <si>
    <t>青井谷_干田_1904-6</t>
  </si>
  <si>
    <t>青井谷_干田_1904-3</t>
  </si>
  <si>
    <t>青井谷_干田_1907-8</t>
  </si>
  <si>
    <t>青井谷_干田_1907-3</t>
  </si>
  <si>
    <t>青井谷_干田_1908-12</t>
  </si>
  <si>
    <t>青井谷_干田_1908-3</t>
  </si>
  <si>
    <t>青井谷_干田_1912-2</t>
  </si>
  <si>
    <t>立町__1664-9</t>
  </si>
  <si>
    <t>青井谷_干田_1913-2</t>
  </si>
  <si>
    <t>青井谷_干田_1918-2</t>
  </si>
  <si>
    <t>青井谷_干田_1924-2</t>
  </si>
  <si>
    <t>青井谷_干田_1925-2</t>
  </si>
  <si>
    <t>青井谷_干田_1926-3</t>
  </si>
  <si>
    <t>青井谷_干田_1927-3</t>
  </si>
  <si>
    <t>青井谷_干田_1928-3</t>
  </si>
  <si>
    <t>青井谷_干田_1929-3</t>
  </si>
  <si>
    <t>青井谷_干田_1930-3</t>
  </si>
  <si>
    <t>青井谷_干田_1931-3</t>
  </si>
  <si>
    <t>立町__1664-10</t>
  </si>
  <si>
    <t>青井谷_干田_1942-3</t>
  </si>
  <si>
    <t>青井谷_干田_1951-1</t>
  </si>
  <si>
    <t>青井谷_干田_1951-5</t>
  </si>
  <si>
    <t>青井谷_干田_1952-3</t>
  </si>
  <si>
    <t>青井谷_干田_1954-3</t>
  </si>
  <si>
    <t>青井谷_干田_1954-4</t>
  </si>
  <si>
    <t>青井谷_干田_1954-5</t>
  </si>
  <si>
    <t>青井谷_干田_1958-2</t>
  </si>
  <si>
    <t>青井谷_干田_1959-2</t>
  </si>
  <si>
    <t>青井谷_干田_1961-2</t>
  </si>
  <si>
    <t>立町__1664-11</t>
  </si>
  <si>
    <t>青井谷_干田_1977-3</t>
  </si>
  <si>
    <t>青井谷_干田_1993-3</t>
  </si>
  <si>
    <t>青井谷_干田_1994-3</t>
  </si>
  <si>
    <t>青井谷_干田_1995-3</t>
  </si>
  <si>
    <t>青井谷_干田_1997-3</t>
  </si>
  <si>
    <t>青井谷_干田_2010-3</t>
  </si>
  <si>
    <t>青井谷_干田_2011-3</t>
  </si>
  <si>
    <t>青井谷_干田_2012-3</t>
  </si>
  <si>
    <t>青井谷_干田_2015-3</t>
  </si>
  <si>
    <t>青井谷_干田_2021-2</t>
  </si>
  <si>
    <t>立町__1665-2</t>
  </si>
  <si>
    <t>青井谷_立神_2687-2</t>
  </si>
  <si>
    <t>青井谷_立神_2688-2</t>
  </si>
  <si>
    <t>青井谷_立神_2689-2</t>
  </si>
  <si>
    <t>青井谷_立神_2690-2</t>
  </si>
  <si>
    <t>青井谷_立神_2691-2</t>
  </si>
  <si>
    <t>青井谷_立神_2692-2</t>
  </si>
  <si>
    <t>青井谷_立神_2693-2</t>
  </si>
  <si>
    <t>青井谷_立神_2693-3</t>
  </si>
  <si>
    <t>青井谷_立神_2694-2</t>
  </si>
  <si>
    <t>青井谷_立神_2695-2</t>
  </si>
  <si>
    <t>立町__1665-3</t>
  </si>
  <si>
    <t>青井谷_立神_2696-2</t>
  </si>
  <si>
    <t>青井谷_立神_2697-4</t>
  </si>
  <si>
    <t>青井谷_立神_2697-5</t>
  </si>
  <si>
    <t>青井谷_立神_2702-2</t>
  </si>
  <si>
    <t>青井谷_立神_2703-2</t>
  </si>
  <si>
    <t>青井谷_立神_2704-2</t>
  </si>
  <si>
    <t>青井谷_立神_2705-2</t>
  </si>
  <si>
    <t>青井谷_立神_2706-2</t>
  </si>
  <si>
    <t>青井谷_立神_2707-2</t>
  </si>
  <si>
    <t>青井谷_立神_2712-2</t>
  </si>
  <si>
    <t>立町__1666-3</t>
  </si>
  <si>
    <t>青井谷_立神_2715-2</t>
  </si>
  <si>
    <t>青井谷_立神_2716-2</t>
  </si>
  <si>
    <t>青井谷_立神_2718-2</t>
  </si>
  <si>
    <t>青井谷_立神_2719-2</t>
  </si>
  <si>
    <t>青井谷_西俣_3658-4</t>
  </si>
  <si>
    <t>青井谷_西俣_3658-5</t>
  </si>
  <si>
    <t>青井谷_西俣_3663-3</t>
  </si>
  <si>
    <t>青井谷_西俣_3685-4</t>
  </si>
  <si>
    <t>青井谷_西俣_3686-3</t>
  </si>
  <si>
    <t>青井谷_西俣_3686-4</t>
  </si>
  <si>
    <t>立町__1666-4</t>
  </si>
  <si>
    <t>青井谷_西俣_3837-2</t>
  </si>
  <si>
    <t>青井谷_西俣_3839-2</t>
  </si>
  <si>
    <t>青井谷_西俣_3840-2</t>
  </si>
  <si>
    <t>青井谷_西俣_3843-4</t>
  </si>
  <si>
    <t>青井谷_西俣_3843-5</t>
  </si>
  <si>
    <t>青井谷_西俣_4471-13</t>
  </si>
  <si>
    <t>青井谷_西俣_4471-14</t>
  </si>
  <si>
    <t>青井谷_西俣_4471-7</t>
  </si>
  <si>
    <t>青井谷_西俣_4471-8</t>
  </si>
  <si>
    <t>青井谷_西俣_4473-2</t>
  </si>
  <si>
    <t>庄西町二丁目__246-7</t>
  </si>
  <si>
    <t>立町__1666-5</t>
  </si>
  <si>
    <t>青井谷_西俣_4473-3</t>
  </si>
  <si>
    <t>青井谷_西俣_4474-2</t>
  </si>
  <si>
    <t>青井谷_西俣_4474-3</t>
  </si>
  <si>
    <t>青井谷_西俣_4475-2</t>
  </si>
  <si>
    <t>青井谷_西俣_4475-3</t>
  </si>
  <si>
    <t>青井谷_西俣_4476-4</t>
  </si>
  <si>
    <t>青井谷_西俣_4476-5</t>
  </si>
  <si>
    <t>青井谷_西俣_4476-6</t>
  </si>
  <si>
    <t>青井谷_西俣_4485-3</t>
  </si>
  <si>
    <t>青井谷_西俣_4537-3</t>
  </si>
  <si>
    <t>立町__1666-6</t>
  </si>
  <si>
    <t>青井谷_西俣_4537-4</t>
  </si>
  <si>
    <t>青井谷_西俣_4538-4</t>
  </si>
  <si>
    <t>青井谷_西俣_4538-5</t>
  </si>
  <si>
    <t>青井谷_西俣_4544-3</t>
  </si>
  <si>
    <t>青井谷_西俣_4544-4</t>
  </si>
  <si>
    <t>青井谷_西俣_4544-5</t>
  </si>
  <si>
    <t>青井谷_西俣_4544-6</t>
  </si>
  <si>
    <t>青井谷_西俣_4545-3</t>
  </si>
  <si>
    <t>青井谷_西俣_4547-10</t>
  </si>
  <si>
    <t>青井谷_西俣_4547-11</t>
  </si>
  <si>
    <t>立町__1667-2</t>
  </si>
  <si>
    <t>青井谷_西俣_4548-5</t>
  </si>
  <si>
    <t>青井谷_西俣_4548-6</t>
  </si>
  <si>
    <t>青井谷_西俣_4548-8</t>
  </si>
  <si>
    <t>青井谷_西俣_4548-9</t>
  </si>
  <si>
    <t>青井谷_西俣_4548-11</t>
  </si>
  <si>
    <t>青井谷_西俣_4548-12</t>
  </si>
  <si>
    <t>青井谷_西俣_4549-3</t>
  </si>
  <si>
    <t>青井谷_西俣_4549-4</t>
  </si>
  <si>
    <t>青井谷_西俣_4550-3</t>
  </si>
  <si>
    <t>青井谷_西俣_4550-4</t>
  </si>
  <si>
    <t>立町__1667-3</t>
  </si>
  <si>
    <t>青井谷_西俣_4551-3</t>
  </si>
  <si>
    <t>青井谷_西俣_4551-4</t>
  </si>
  <si>
    <t>青井谷_西俣_4554-2</t>
  </si>
  <si>
    <t>青井谷_西俣_4554-3</t>
  </si>
  <si>
    <t>青井谷_西俣_4556-2</t>
  </si>
  <si>
    <t>青井谷_西俣_4556-3</t>
  </si>
  <si>
    <t>青井谷_西俣_4557-2</t>
  </si>
  <si>
    <t>青井谷_西俣_4557-3</t>
  </si>
  <si>
    <t>青井谷_西俣_4558-2</t>
  </si>
  <si>
    <t>青井谷_西俣_4558-3</t>
  </si>
  <si>
    <t>立町__1668-6</t>
  </si>
  <si>
    <t>青井谷_西俣_4559-2</t>
  </si>
  <si>
    <t>青井谷_西俣_4559-3</t>
  </si>
  <si>
    <t>青井谷_西俣_4560-2</t>
  </si>
  <si>
    <t>青井谷_西俣_4560-3</t>
  </si>
  <si>
    <t>青井谷_西俣_4587-3</t>
  </si>
  <si>
    <t>青井谷_西俣_4605-2</t>
  </si>
  <si>
    <t>青井谷_西俣_4605-3</t>
  </si>
  <si>
    <t>青井谷_鳥越_4969</t>
  </si>
  <si>
    <t>青井谷_鳥越_4975-2</t>
  </si>
  <si>
    <t>青井谷_鳥越_4986-2</t>
  </si>
  <si>
    <t>立町__1668-7</t>
  </si>
  <si>
    <t>青井谷_鳥越_4992-2</t>
  </si>
  <si>
    <t>青井谷_鳥越_4994</t>
  </si>
  <si>
    <t>青井谷_鳥越_4996-2</t>
  </si>
  <si>
    <t>青井谷_鳥越_5004-2</t>
  </si>
  <si>
    <t>青井谷_鳥越_5036-2</t>
  </si>
  <si>
    <t>青井谷_鳥越_5037-2</t>
  </si>
  <si>
    <t>青井谷_鳥越_5038-2</t>
  </si>
  <si>
    <t>青井谷_鳥越_5043-2</t>
  </si>
  <si>
    <t>青井谷_鳥越_5052-2</t>
  </si>
  <si>
    <t>青井谷_鳥越_5053-2</t>
  </si>
  <si>
    <t>立町__1668-8</t>
  </si>
  <si>
    <t>青井谷_鳥越_5057-1</t>
  </si>
  <si>
    <t>青井谷_鳥越_5057-8</t>
  </si>
  <si>
    <t>青井谷_鳥越_5057-9</t>
  </si>
  <si>
    <t>青井谷_鳥越_5057-10</t>
  </si>
  <si>
    <t>青井谷_鳥越_5340-2</t>
  </si>
  <si>
    <t>青井谷_鳥越_5341-2</t>
  </si>
  <si>
    <t>青井谷_鳥越_5342-3</t>
  </si>
  <si>
    <t>青井谷_鳥越_5343-3</t>
  </si>
  <si>
    <t>青井谷_鳥越_5344-2</t>
  </si>
  <si>
    <t>青井谷_鳥越_5412-4</t>
  </si>
  <si>
    <t>立町__1668-9</t>
  </si>
  <si>
    <t>青井谷_鳥越_5416-2</t>
  </si>
  <si>
    <t>青井谷_鳥越_5417-3</t>
  </si>
  <si>
    <t>青井谷_鳥越_5418-2</t>
  </si>
  <si>
    <t>青井谷_鳥越_5419-2</t>
  </si>
  <si>
    <t>青井谷_鳥越_5420-2</t>
  </si>
  <si>
    <t>青井谷_鳥越_5421-2</t>
  </si>
  <si>
    <t>青井谷_鳥越_5422</t>
  </si>
  <si>
    <t>青井谷_鳥越_5423</t>
  </si>
  <si>
    <t>青井谷_鳥越_5428-2</t>
  </si>
  <si>
    <t>青井谷_鳥越_5430-2</t>
  </si>
  <si>
    <t>立町__1668-10</t>
  </si>
  <si>
    <t>青井谷_鳥越_5431-2</t>
  </si>
  <si>
    <t>青井谷_鳥越_5492-2</t>
  </si>
  <si>
    <t>青井谷_鳥越_5493-2</t>
  </si>
  <si>
    <t>青井谷_鳥越_5494-3</t>
  </si>
  <si>
    <t>青井谷_鳥越_5495-2</t>
  </si>
  <si>
    <t>青井谷_鳥越_5501-2</t>
  </si>
  <si>
    <t>青井谷_鳥越_5506-2</t>
  </si>
  <si>
    <t>青井谷_鳥越_5507-2</t>
  </si>
  <si>
    <t>青井谷_鳥越_5508-2</t>
  </si>
  <si>
    <t>青井谷_鳥越_5509-2</t>
  </si>
  <si>
    <t>立町__1668-11</t>
  </si>
  <si>
    <t>青井谷_西谷_6115-3</t>
  </si>
  <si>
    <t>青井谷_西谷_6127-13</t>
  </si>
  <si>
    <t>青井谷_西谷_6127-7</t>
  </si>
  <si>
    <t>青井谷_西谷_6127-8</t>
  </si>
  <si>
    <t>青井谷_西谷_6127-9</t>
  </si>
  <si>
    <t>青井谷_西谷_6127-10</t>
  </si>
  <si>
    <t>青井谷_西谷_6127-11</t>
  </si>
  <si>
    <t>青井谷_西谷_6127-12</t>
  </si>
  <si>
    <t>青井谷_西谷_6128-2</t>
  </si>
  <si>
    <t>青井谷_西谷_6171-2</t>
  </si>
  <si>
    <t>庄西町二丁目__247-4</t>
  </si>
  <si>
    <t>立町__1668-12</t>
  </si>
  <si>
    <t>青井谷_西谷_6172-2</t>
  </si>
  <si>
    <t>宿屋__18-3</t>
  </si>
  <si>
    <t>宿屋__19-2</t>
  </si>
  <si>
    <t>宿屋__20-2</t>
  </si>
  <si>
    <t>宿屋__21-2</t>
  </si>
  <si>
    <t>宿屋__22-2</t>
  </si>
  <si>
    <t>宿屋__23-2</t>
  </si>
  <si>
    <t>宿屋__24-2</t>
  </si>
  <si>
    <t>宿屋__25-2</t>
  </si>
  <si>
    <t>宿屋__26-2</t>
  </si>
  <si>
    <t>立町__1668-13</t>
  </si>
  <si>
    <t>宿屋__27-2</t>
  </si>
  <si>
    <t>宿屋__28-2</t>
  </si>
  <si>
    <t>宿屋__29-2</t>
  </si>
  <si>
    <t>宿屋__31-2</t>
  </si>
  <si>
    <t>宿屋__59-2</t>
  </si>
  <si>
    <t>宿屋__97-3</t>
  </si>
  <si>
    <t>宿屋__124-2</t>
  </si>
  <si>
    <t>宿屋__155</t>
  </si>
  <si>
    <t>宿屋__159-2</t>
  </si>
  <si>
    <t>宿屋__160-2</t>
  </si>
  <si>
    <t>立町__1669-2</t>
  </si>
  <si>
    <t>野手__145-2</t>
  </si>
  <si>
    <t>野手__146-2</t>
  </si>
  <si>
    <t>野手__146-4</t>
  </si>
  <si>
    <t>野手__147-2</t>
  </si>
  <si>
    <t>野手__148-2</t>
  </si>
  <si>
    <t>野手__149-2</t>
  </si>
  <si>
    <t>野手__198-2</t>
  </si>
  <si>
    <t>野手__265-2</t>
  </si>
  <si>
    <t>野手__342-2</t>
  </si>
  <si>
    <t>野手__635</t>
  </si>
  <si>
    <t>立町__1669-3</t>
  </si>
  <si>
    <t>野手__636</t>
  </si>
  <si>
    <t>浄土寺__40-2</t>
  </si>
  <si>
    <t>浄土寺__41-2</t>
  </si>
  <si>
    <t>浄土寺__42-2</t>
  </si>
  <si>
    <t>浄土寺__43-2</t>
  </si>
  <si>
    <t>浄土寺__43-3</t>
  </si>
  <si>
    <t>浄土寺__44-2</t>
  </si>
  <si>
    <t>浄土寺__45-2</t>
  </si>
  <si>
    <t>浄土寺__46-2</t>
  </si>
  <si>
    <t>浄土寺__59-2</t>
  </si>
  <si>
    <t>立町__1670-2</t>
  </si>
  <si>
    <t>浄土寺__61-2</t>
  </si>
  <si>
    <t>浄土寺__62-2</t>
  </si>
  <si>
    <t>浄土寺__63-2</t>
  </si>
  <si>
    <t>浄土寺__63-3</t>
  </si>
  <si>
    <t>浄土寺__64-2</t>
  </si>
  <si>
    <t>浄土寺__65-2</t>
  </si>
  <si>
    <t>浄土寺__66-2</t>
  </si>
  <si>
    <t>浄土寺__67-2</t>
  </si>
  <si>
    <t>浄土寺__68-2</t>
  </si>
  <si>
    <t>浄土寺__69-2</t>
  </si>
  <si>
    <t>立町__1671-2</t>
  </si>
  <si>
    <t>浄土寺__70-2</t>
  </si>
  <si>
    <t>浄土寺__71-2</t>
  </si>
  <si>
    <t>浄土寺__72-2</t>
  </si>
  <si>
    <t>浄土寺__73-2</t>
  </si>
  <si>
    <t>浄土寺__73-4</t>
  </si>
  <si>
    <t>浄土寺__74-2</t>
  </si>
  <si>
    <t>浄土寺__75-2</t>
  </si>
  <si>
    <t>浄土寺__76-2</t>
  </si>
  <si>
    <t>浄土寺__78-2</t>
  </si>
  <si>
    <t>浄土寺__79-2</t>
  </si>
  <si>
    <t>立町__1672-2</t>
  </si>
  <si>
    <t>浄土寺__80-2</t>
  </si>
  <si>
    <t>浄土寺__80-3</t>
  </si>
  <si>
    <t>浄土寺__81-2</t>
  </si>
  <si>
    <t>浄土寺__86-2</t>
  </si>
  <si>
    <t>浄土寺__87-2</t>
  </si>
  <si>
    <t>浄土寺__96-2</t>
  </si>
  <si>
    <t>浄土寺__158-3</t>
  </si>
  <si>
    <t>浄土寺__158-4</t>
  </si>
  <si>
    <t>浄土寺__186-2</t>
  </si>
  <si>
    <t>浄土寺__187-2</t>
  </si>
  <si>
    <t>立町__1673-5</t>
  </si>
  <si>
    <t>浄土寺__188-2</t>
  </si>
  <si>
    <t>浄土寺__189-2</t>
  </si>
  <si>
    <t>浄土寺__190-2</t>
  </si>
  <si>
    <t>浄土寺__191-2</t>
  </si>
  <si>
    <t>浄土寺__192-2</t>
  </si>
  <si>
    <t>浄土寺__193-2</t>
  </si>
  <si>
    <t>浄土寺__194-2</t>
  </si>
  <si>
    <t>浄土寺__195-2</t>
  </si>
  <si>
    <t>浄土寺__196-2</t>
  </si>
  <si>
    <t>浄土寺__197-2</t>
  </si>
  <si>
    <t>立町__1673-6</t>
  </si>
  <si>
    <t>浄土寺__198-3</t>
  </si>
  <si>
    <t>浄土寺__199-3</t>
  </si>
  <si>
    <t>浄土寺__200-2</t>
  </si>
  <si>
    <t>浄土寺__201-3</t>
  </si>
  <si>
    <t>浄土寺__201-4</t>
  </si>
  <si>
    <t>浄土寺__203-2</t>
  </si>
  <si>
    <t>浄土寺__204-2</t>
  </si>
  <si>
    <t>浄土寺__205-2</t>
  </si>
  <si>
    <t>浄土寺__206-2</t>
  </si>
  <si>
    <t>浄土寺__207-2</t>
  </si>
  <si>
    <t>立町__1673-7</t>
  </si>
  <si>
    <t>浄土寺__218-2</t>
  </si>
  <si>
    <t>浄土寺__219-2</t>
  </si>
  <si>
    <t>浄土寺__220-2</t>
  </si>
  <si>
    <t>浄土寺__221-2</t>
  </si>
  <si>
    <t>浄土寺__222-2</t>
  </si>
  <si>
    <t>浄土寺__225-2</t>
  </si>
  <si>
    <t>浄土寺__226-2</t>
  </si>
  <si>
    <t>浄土寺__227-2</t>
  </si>
  <si>
    <t>浄土寺__228-2</t>
  </si>
  <si>
    <t>浄土寺__229-2</t>
  </si>
  <si>
    <t>庄西町二丁目__248-2</t>
  </si>
  <si>
    <t>立町__1673-8</t>
  </si>
  <si>
    <t>浄土寺__230-2</t>
  </si>
  <si>
    <t>浄土寺__231-2</t>
  </si>
  <si>
    <t>浄土寺__232-2</t>
  </si>
  <si>
    <t>浄土寺__242-2</t>
  </si>
  <si>
    <t>浄土寺__243-2</t>
  </si>
  <si>
    <t>浄土寺__244-2</t>
  </si>
  <si>
    <t>浄土寺__245-2</t>
  </si>
  <si>
    <t>浄土寺__246-2</t>
  </si>
  <si>
    <t>浄土寺__247-2</t>
  </si>
  <si>
    <t>浄土寺__248-2</t>
  </si>
  <si>
    <t>立町__1675-2</t>
  </si>
  <si>
    <t>浄土寺__249-2</t>
  </si>
  <si>
    <t>浄土寺__250-2</t>
  </si>
  <si>
    <t>浄土寺__257-2</t>
  </si>
  <si>
    <t>浄土寺__258-2</t>
  </si>
  <si>
    <t>浄土寺__260-3</t>
  </si>
  <si>
    <t>浄土寺__260-5</t>
  </si>
  <si>
    <t>浄土寺_酢川_108-4</t>
  </si>
  <si>
    <t>浄土寺_酢川_131-3</t>
  </si>
  <si>
    <t>浄土寺_酢川_136-2</t>
  </si>
  <si>
    <t>浄土寺_酢川_137-2</t>
  </si>
  <si>
    <t>立町__1676-2</t>
  </si>
  <si>
    <t>浄土寺_酢川_138-1</t>
  </si>
  <si>
    <t>浄土寺_酢川_138-4</t>
  </si>
  <si>
    <t>浄土寺_酢川_152-3</t>
  </si>
  <si>
    <t>浄土寺_四方五郎_464-3</t>
  </si>
  <si>
    <t>浄土寺_四方五郎_466-3</t>
  </si>
  <si>
    <t>浄土寺_後山_1120-3</t>
  </si>
  <si>
    <t>浄土寺_後山_1260-2</t>
  </si>
  <si>
    <t>浄土寺_後山_1264-2</t>
  </si>
  <si>
    <t>浄土寺_後山_1266-2</t>
  </si>
  <si>
    <t>浄土寺_後山_1291-2</t>
  </si>
  <si>
    <t>立町__1677-3</t>
  </si>
  <si>
    <t>浄土寺_後山_1297-3</t>
  </si>
  <si>
    <t>浄土寺_後山_1297-8</t>
  </si>
  <si>
    <t>浄土寺_後山_1301-2</t>
  </si>
  <si>
    <t>浄土寺_後山_1301-4</t>
  </si>
  <si>
    <t>浄土寺_古屋敷_1302-2</t>
  </si>
  <si>
    <t>浄土寺_古屋敷_1302-3</t>
  </si>
  <si>
    <t>浄土寺_古屋敷_1302-4</t>
  </si>
  <si>
    <t>浄土寺_古屋敷_1308-2</t>
  </si>
  <si>
    <t>浄土寺_古屋敷_1311-2</t>
  </si>
  <si>
    <t>浄土寺_古屋敷_1312-2</t>
  </si>
  <si>
    <t>立町__1677-4</t>
  </si>
  <si>
    <t>浄土寺_古屋敷_1313-2</t>
  </si>
  <si>
    <t>浄土寺_古屋敷_1314-2</t>
  </si>
  <si>
    <t>浄土寺_古屋敷_1318-2</t>
  </si>
  <si>
    <t>浄土寺_古屋敷_1340-2</t>
  </si>
  <si>
    <t>浄土寺_八田_1348-2</t>
  </si>
  <si>
    <t>浄土寺_八田_1349-3</t>
  </si>
  <si>
    <t>浄土寺_八田_1402-3</t>
  </si>
  <si>
    <t>浄土寺_八田_1413-3</t>
  </si>
  <si>
    <t>浄土寺_柴谷_2185-3</t>
  </si>
  <si>
    <t>浄土寺_林寺_1633-2</t>
  </si>
  <si>
    <t>立町__1678-2</t>
  </si>
  <si>
    <t>浄土寺_林寺_1633-3</t>
  </si>
  <si>
    <t>浄土寺_林寺_1633-4</t>
  </si>
  <si>
    <t>浄土寺_林寺_1633-5</t>
  </si>
  <si>
    <t>浄土寺_林寺_1634-2</t>
  </si>
  <si>
    <t>浄土寺_林寺_1634-4</t>
  </si>
  <si>
    <t>浄土寺_林寺_1634-5</t>
  </si>
  <si>
    <t>浄土寺_林寺_1635-2</t>
  </si>
  <si>
    <t>浄土寺_林寺_1636-2</t>
  </si>
  <si>
    <t>浄土寺_林寺_1636-3</t>
  </si>
  <si>
    <t>浄土寺_林寺_1637-2</t>
  </si>
  <si>
    <t>立町__1679-6</t>
  </si>
  <si>
    <t>浄土寺_林寺_1637-3</t>
  </si>
  <si>
    <t>浄土寺_林寺_1639-2</t>
  </si>
  <si>
    <t>浄土寺_林寺_1639-4</t>
  </si>
  <si>
    <t>浄土寺_林寺_1652-2</t>
  </si>
  <si>
    <t>浄土寺_林寺_1653-3</t>
  </si>
  <si>
    <t>浄土寺_林寺_1655-3</t>
  </si>
  <si>
    <t>浄土寺_林寺_1655-4</t>
  </si>
  <si>
    <t>浄土寺_林寺_1657-2</t>
  </si>
  <si>
    <t>浄土寺_林寺_1658-4</t>
  </si>
  <si>
    <t>浄土寺_林寺_1674-2</t>
  </si>
  <si>
    <t>立町__1679-7</t>
  </si>
  <si>
    <t>浄土寺_林寺_1674-3</t>
  </si>
  <si>
    <t>浄土寺_林寺_1674-5</t>
  </si>
  <si>
    <t>浄土寺_林寺_1674-6</t>
  </si>
  <si>
    <t>浄土寺_林寺_1675-2</t>
  </si>
  <si>
    <t>浄土寺_林寺_1675-3</t>
  </si>
  <si>
    <t>浄土寺_林寺_1676-2</t>
  </si>
  <si>
    <t>上野__29-2</t>
  </si>
  <si>
    <t>上野__30-2</t>
  </si>
  <si>
    <t>上野__30-3</t>
  </si>
  <si>
    <t>上野__31-2</t>
  </si>
  <si>
    <t>立町__1680-3</t>
  </si>
  <si>
    <t>上野__32-2</t>
  </si>
  <si>
    <t>上野__33-2</t>
  </si>
  <si>
    <t>上野__34-2</t>
  </si>
  <si>
    <t>上野__35-2</t>
  </si>
  <si>
    <t>上野__36-2</t>
  </si>
  <si>
    <t>上野__36-3</t>
  </si>
  <si>
    <t>上野__37-2</t>
  </si>
  <si>
    <t>上野__37-3</t>
  </si>
  <si>
    <t>上野__38-2</t>
  </si>
  <si>
    <t>上野__38-3</t>
  </si>
  <si>
    <t>立町__1683-2</t>
  </si>
  <si>
    <t>上野__39-2</t>
  </si>
  <si>
    <t>上野__39-3</t>
  </si>
  <si>
    <t>上野__40-2</t>
  </si>
  <si>
    <t>上野__40-3</t>
  </si>
  <si>
    <t>上野__41-2</t>
  </si>
  <si>
    <t>上野__41-3</t>
  </si>
  <si>
    <t>上野__42-2</t>
  </si>
  <si>
    <t>上野__42-3</t>
  </si>
  <si>
    <t>上野__43-2</t>
  </si>
  <si>
    <t>上野__45-2</t>
  </si>
  <si>
    <t>庄西町二丁目__248-5</t>
  </si>
  <si>
    <t>立町__1684-2</t>
  </si>
  <si>
    <t>上野__46-2</t>
  </si>
  <si>
    <t>上野__47-2</t>
  </si>
  <si>
    <t>上野__48-2</t>
  </si>
  <si>
    <t>上野__49-2</t>
  </si>
  <si>
    <t>上野__60-2</t>
  </si>
  <si>
    <t>上野__79-2</t>
  </si>
  <si>
    <t>上野__96-2</t>
  </si>
  <si>
    <t>上野__112-2</t>
  </si>
  <si>
    <t>上野__113-2</t>
  </si>
  <si>
    <t>上野__130-2</t>
  </si>
  <si>
    <t>立町__1685-2</t>
  </si>
  <si>
    <t>上野__236-2</t>
  </si>
  <si>
    <t>上野__237</t>
  </si>
  <si>
    <t>上野__265-2</t>
  </si>
  <si>
    <t>上野__289-4</t>
  </si>
  <si>
    <t>上野__289-5</t>
  </si>
  <si>
    <t>上野__289-6</t>
  </si>
  <si>
    <t>上野__294-3</t>
  </si>
  <si>
    <t>上野__295-3</t>
  </si>
  <si>
    <t>上野__295-4</t>
  </si>
  <si>
    <t>上野__295-5</t>
  </si>
  <si>
    <t>立町__1686-2</t>
  </si>
  <si>
    <t>上野__296-4</t>
  </si>
  <si>
    <t>上野__297-8</t>
  </si>
  <si>
    <t>上野__326-3</t>
  </si>
  <si>
    <t>上野__443-3</t>
  </si>
  <si>
    <t>上野__444-2</t>
  </si>
  <si>
    <t>上野__445-2</t>
  </si>
  <si>
    <t>上野__446-2</t>
  </si>
  <si>
    <t>上野__453-2</t>
  </si>
  <si>
    <t>上野__454-2</t>
  </si>
  <si>
    <t>上野__454-3</t>
  </si>
  <si>
    <t>立町__1687-6</t>
  </si>
  <si>
    <t>上野__454-4</t>
  </si>
  <si>
    <t>上野__455-2</t>
  </si>
  <si>
    <t>上野__458-2</t>
  </si>
  <si>
    <t>上野__459-2</t>
  </si>
  <si>
    <t>上野__460-2</t>
  </si>
  <si>
    <t>上野__461-3</t>
  </si>
  <si>
    <t>上野__461-4</t>
  </si>
  <si>
    <t>上野__462-2</t>
  </si>
  <si>
    <t>上野__462-3</t>
  </si>
  <si>
    <t>上野__463-2</t>
  </si>
  <si>
    <t>立町__1688-2</t>
  </si>
  <si>
    <t>上野__464-2</t>
  </si>
  <si>
    <t>上野__465-2</t>
  </si>
  <si>
    <t>上野__466-2</t>
  </si>
  <si>
    <t>上野__467-2</t>
  </si>
  <si>
    <t>上野__468-2</t>
  </si>
  <si>
    <t>上野__469-2</t>
  </si>
  <si>
    <t>上野__470-2</t>
  </si>
  <si>
    <t>上野__471-2</t>
  </si>
  <si>
    <t>上野__472-2</t>
  </si>
  <si>
    <t>上野__473-1</t>
  </si>
  <si>
    <t>立町__1689-4</t>
  </si>
  <si>
    <t>上野__473-2</t>
  </si>
  <si>
    <t>上野__474-2</t>
  </si>
  <si>
    <t>上野__474-3</t>
  </si>
  <si>
    <t>上野__475-2</t>
  </si>
  <si>
    <t>上野__503</t>
  </si>
  <si>
    <t>上野__505</t>
  </si>
  <si>
    <t>上野__509</t>
  </si>
  <si>
    <t>上野__511</t>
  </si>
  <si>
    <t>上野__525</t>
  </si>
  <si>
    <t>上野__533-1</t>
  </si>
  <si>
    <t>立町__1689-5</t>
  </si>
  <si>
    <t>上野__534</t>
  </si>
  <si>
    <t>上野__557-3</t>
  </si>
  <si>
    <t>上野__691-2</t>
  </si>
  <si>
    <t>上野__710-2</t>
  </si>
  <si>
    <t>上野__712-3</t>
  </si>
  <si>
    <t>上野__713-2</t>
  </si>
  <si>
    <t>上野__715-2</t>
  </si>
  <si>
    <t>上野__716-2</t>
  </si>
  <si>
    <t>上野__717-2</t>
  </si>
  <si>
    <t>上野__721-2</t>
  </si>
  <si>
    <t>立町__1690-7</t>
  </si>
  <si>
    <t>上野__722-2</t>
  </si>
  <si>
    <t>上野__723-2</t>
  </si>
  <si>
    <t>上野__724-2</t>
  </si>
  <si>
    <t>上野__725-2</t>
  </si>
  <si>
    <t>上野__757-2</t>
  </si>
  <si>
    <t>上野__758-2</t>
  </si>
  <si>
    <t>上野__759-2</t>
  </si>
  <si>
    <t>上野_天池_10-3</t>
  </si>
  <si>
    <t>上野_赤坂_141-7</t>
  </si>
  <si>
    <t>上野_赤坂_141-8</t>
  </si>
  <si>
    <t>立町__1691-2</t>
  </si>
  <si>
    <t>上野_東反坊_824-3</t>
  </si>
  <si>
    <t>上野_東反坊_826-3</t>
  </si>
  <si>
    <t>上野_東反坊_826-4</t>
  </si>
  <si>
    <t>上野_東反坊_870-3</t>
  </si>
  <si>
    <t>上野_東反坊_871-4</t>
  </si>
  <si>
    <t>上野_東反坊_883-4</t>
  </si>
  <si>
    <t>上野_向野_660-3</t>
  </si>
  <si>
    <t>上野_穴田_750-5</t>
  </si>
  <si>
    <t>上野_穴田_751-3</t>
  </si>
  <si>
    <t>上野_穴田_956-3</t>
  </si>
  <si>
    <t>立町__1694-3</t>
  </si>
  <si>
    <t>上野_竹腰_1042-3</t>
  </si>
  <si>
    <t>上野_竹腰_1365-2</t>
  </si>
  <si>
    <t>上野_竹腰_1366-2</t>
  </si>
  <si>
    <t>上野_竹腰_1366-3</t>
  </si>
  <si>
    <t>上野_滝谷_1121-4</t>
  </si>
  <si>
    <t>上野_滝谷_1122-2</t>
  </si>
  <si>
    <t>上野_滝谷_1122-3</t>
  </si>
  <si>
    <t>上野_滝谷_1130-2</t>
  </si>
  <si>
    <t>上野_滝谷_1131-2</t>
  </si>
  <si>
    <t>上野_滝谷_1131-4</t>
  </si>
  <si>
    <t>庄西町二丁目__249-2</t>
  </si>
  <si>
    <t>立町__1695-5</t>
  </si>
  <si>
    <t>上野_滝谷_1132-3</t>
  </si>
  <si>
    <t>上野_滝谷_1132-5</t>
  </si>
  <si>
    <t>上野_滝谷_1132-7</t>
  </si>
  <si>
    <t>上野_滝谷_1132-8</t>
  </si>
  <si>
    <t>上野_滝谷_1132-9</t>
  </si>
  <si>
    <t>上野_滝谷_1133-3</t>
  </si>
  <si>
    <t>上野_滝谷_1133-5</t>
  </si>
  <si>
    <t>上野_滝谷_1133-7</t>
  </si>
  <si>
    <t>上野_滝谷_1133-8</t>
  </si>
  <si>
    <t>上野_滝谷_1133-9</t>
  </si>
  <si>
    <t>立町__1695-6</t>
  </si>
  <si>
    <t>上野_滝谷_1134-3</t>
  </si>
  <si>
    <t>上野_滝谷_1134-5</t>
  </si>
  <si>
    <t>上野_滝谷_1146-4</t>
  </si>
  <si>
    <t>上野_滝谷_1146-5</t>
  </si>
  <si>
    <t>上野_滝谷_1146-7</t>
  </si>
  <si>
    <t>上野_滝谷_1146-8</t>
  </si>
  <si>
    <t>上野_滝谷_1147-3</t>
  </si>
  <si>
    <t>上野_滝谷_1147-5</t>
  </si>
  <si>
    <t>上野_滝谷_1156-2</t>
  </si>
  <si>
    <t>上野_滝谷_1188</t>
  </si>
  <si>
    <t>立町__1695-7</t>
  </si>
  <si>
    <t>上野_滝谷_1191-2</t>
  </si>
  <si>
    <t>上野_滝谷_1193-4</t>
  </si>
  <si>
    <t>上野_滝谷_1200-2</t>
  </si>
  <si>
    <t>上野_滝谷_1201-2</t>
  </si>
  <si>
    <t>上野_滝谷_1203-1</t>
  </si>
  <si>
    <t>上野_滝谷_1270-4</t>
  </si>
  <si>
    <t>上野_滝谷_1303-5</t>
  </si>
  <si>
    <t>上野_滝谷_1303-6</t>
  </si>
  <si>
    <t>上野_滝谷_1313-4</t>
  </si>
  <si>
    <t>上野_滝谷_1316-4</t>
  </si>
  <si>
    <t>立町__1695-8</t>
  </si>
  <si>
    <t>上野_滝谷_1319-2</t>
  </si>
  <si>
    <t>上野_滝谷_1320-3</t>
  </si>
  <si>
    <t>上野_滝谷_1320-6</t>
  </si>
  <si>
    <t>上野_滝谷_1321-5</t>
  </si>
  <si>
    <t>上野_高畠_1442-2</t>
  </si>
  <si>
    <t>上野_高畠_1443-2</t>
  </si>
  <si>
    <t>上野_高畠_1445-2</t>
  </si>
  <si>
    <t>上野_高畠_1446-2</t>
  </si>
  <si>
    <t>上野_高畠_1457-3</t>
  </si>
  <si>
    <t>上野_高畠_1468-3</t>
  </si>
  <si>
    <t>立町__1696-2</t>
  </si>
  <si>
    <t>上野_高畠_1483-2</t>
  </si>
  <si>
    <t>上野_高畠_1483-4</t>
  </si>
  <si>
    <t>上野_高畠_1483-5</t>
  </si>
  <si>
    <t>上野_高畠_1484-2</t>
  </si>
  <si>
    <t>上野_高畠_1486-2</t>
  </si>
  <si>
    <t>上野_高畠_1487-2</t>
  </si>
  <si>
    <t>上野_高畠_1501-2</t>
  </si>
  <si>
    <t>上野_高畠_1501-4</t>
  </si>
  <si>
    <t>上野_高畠_1597-10</t>
  </si>
  <si>
    <t>上野_高畠_1597-36</t>
  </si>
  <si>
    <t>立町__1696-3</t>
  </si>
  <si>
    <t>上野_高畠_1597-37</t>
  </si>
  <si>
    <t>上野_高畠_1597-39</t>
  </si>
  <si>
    <t>上野_高畠_1597-40</t>
  </si>
  <si>
    <t>上野_高畠_1597-44</t>
  </si>
  <si>
    <t>上野_高畠_1613-3</t>
  </si>
  <si>
    <t>上野_高畠_1613-4</t>
  </si>
  <si>
    <t>上野_高畠_1613-9</t>
  </si>
  <si>
    <t>上野_高畠_1629-2</t>
  </si>
  <si>
    <t>上野_高畠_1629-3</t>
  </si>
  <si>
    <t>上野_袋口_1691-5</t>
  </si>
  <si>
    <t>立町__1697-2</t>
  </si>
  <si>
    <t>上野_袋口_1693-2</t>
  </si>
  <si>
    <t>上野_袋口_1694-2</t>
  </si>
  <si>
    <t>上野_袋口_1703-1</t>
  </si>
  <si>
    <t>上野_袋口_1704-3</t>
  </si>
  <si>
    <t>上野_袋口_1704-4</t>
  </si>
  <si>
    <t>上野_袋口_1704-6</t>
  </si>
  <si>
    <t>上野_袋口_1704-7</t>
  </si>
  <si>
    <t>上野_袋口_1705-3</t>
  </si>
  <si>
    <t>上野_袋口_1705-4</t>
  </si>
  <si>
    <t>上野_袋口_1710-3</t>
  </si>
  <si>
    <t>立町__1697-3</t>
  </si>
  <si>
    <t>上野_地久_1742-2</t>
  </si>
  <si>
    <t>上野_地久_1743-3</t>
  </si>
  <si>
    <t>上野_地久_1744-3</t>
  </si>
  <si>
    <t>上野_地久_1745-3</t>
  </si>
  <si>
    <t>上野_地久_1745-4</t>
  </si>
  <si>
    <t>上野_地久_1746-3</t>
  </si>
  <si>
    <t>上野_地久_1771-3</t>
  </si>
  <si>
    <t>上野_地久_1776-3</t>
  </si>
  <si>
    <t>上野_地久_1778-3</t>
  </si>
  <si>
    <t>上野_地久_1779-3</t>
  </si>
  <si>
    <t>立町__1698-2</t>
  </si>
  <si>
    <t>上野_地久_1780-3</t>
  </si>
  <si>
    <t>上野_地久_1781-3</t>
  </si>
  <si>
    <t>上野_地久_1787-3</t>
  </si>
  <si>
    <t>上野_地久_1792-3</t>
  </si>
  <si>
    <t>上野_地久_1794-3</t>
  </si>
  <si>
    <t>上野_地久_1795-3</t>
  </si>
  <si>
    <t>上野_地久_1796-3</t>
  </si>
  <si>
    <t>上野_地久_1797-3</t>
  </si>
  <si>
    <t>上野_地久_1798-2</t>
  </si>
  <si>
    <t>上野_地久_1799-2</t>
  </si>
  <si>
    <t>立町__1698-3</t>
  </si>
  <si>
    <t>上野_地久_1831-2</t>
  </si>
  <si>
    <t>上野_前田_2105-2</t>
  </si>
  <si>
    <t>上野_前田_2106-2</t>
  </si>
  <si>
    <t>上野_前田_2107-2</t>
  </si>
  <si>
    <t>上野_前田_2107-3</t>
  </si>
  <si>
    <t>上野_前田_2115-2</t>
  </si>
  <si>
    <t>上野_前田_2194-2</t>
  </si>
  <si>
    <t>上野_前田_2195-2</t>
  </si>
  <si>
    <t>上野_前田_2196-3</t>
  </si>
  <si>
    <t>上野_前田_2197-3</t>
  </si>
  <si>
    <t>庄西町二丁目__250-2</t>
  </si>
  <si>
    <t>立町__1699-2</t>
  </si>
  <si>
    <t>上野_前田_2197-4</t>
  </si>
  <si>
    <t>上野_前田_2202-2</t>
  </si>
  <si>
    <t>上野_前田_2203-2</t>
  </si>
  <si>
    <t>上野_前田_2204-2</t>
  </si>
  <si>
    <t>上野_前田_2210-2</t>
  </si>
  <si>
    <t>上野_前田_2210-4</t>
  </si>
  <si>
    <t>上野_前田_2211-2</t>
  </si>
  <si>
    <t>上野_前田_2211-3</t>
  </si>
  <si>
    <t>上野_前田_2211-4</t>
  </si>
  <si>
    <t>上野_前田_2211-5</t>
  </si>
  <si>
    <t>立町__1699-4</t>
  </si>
  <si>
    <t>上野_前田_2212-2</t>
  </si>
  <si>
    <t>上野_前田_2212-3</t>
  </si>
  <si>
    <t>上野_前田_2213-2</t>
  </si>
  <si>
    <t>上野_前田_2213-3</t>
  </si>
  <si>
    <t>上野_前田_2213-4</t>
  </si>
  <si>
    <t>上野_前田_2215-2</t>
  </si>
  <si>
    <t>上野_前田_2217-3</t>
  </si>
  <si>
    <t>上野_前田_2217-4</t>
  </si>
  <si>
    <t>上野_前田_2217-6</t>
  </si>
  <si>
    <t>上野_前田_2218-2</t>
  </si>
  <si>
    <t>立町__1699-5</t>
  </si>
  <si>
    <t>上野_前田_2218-3</t>
  </si>
  <si>
    <t>上野_前田_2219-2</t>
  </si>
  <si>
    <t>上野_前田_2219-3</t>
  </si>
  <si>
    <t>上野_前田_2221-3</t>
  </si>
  <si>
    <t>上野_前田_2221-4</t>
  </si>
  <si>
    <t>上野_前田_2223-2</t>
  </si>
  <si>
    <t>上野_前田_2223-3</t>
  </si>
  <si>
    <t>上野_前田_2224-2</t>
  </si>
  <si>
    <t>上野_前田_2226-2</t>
  </si>
  <si>
    <t>上野_前田_2227-2</t>
  </si>
  <si>
    <t>立町__1699-6</t>
  </si>
  <si>
    <t>上野_前田_2228-1</t>
  </si>
  <si>
    <t>上野_前田_2229-2</t>
  </si>
  <si>
    <t>上野_前田_2232-2</t>
  </si>
  <si>
    <t>上野_前田_2233-5</t>
  </si>
  <si>
    <t>上野_前田_2233-6</t>
  </si>
  <si>
    <t>上野_前田_2233-7</t>
  </si>
  <si>
    <t>上野_前田_2233-8</t>
  </si>
  <si>
    <t>上野_前田_2234-2</t>
  </si>
  <si>
    <t>上野_前田_2234-3</t>
  </si>
  <si>
    <t>上野_前田_2239-2</t>
  </si>
  <si>
    <t>立町__1699-7</t>
  </si>
  <si>
    <t>上野_前田_2240-6</t>
  </si>
  <si>
    <t>上野_前田_2240-7</t>
  </si>
  <si>
    <t>上野_前田_2251-2</t>
  </si>
  <si>
    <t>上野_上野山_4293-2</t>
  </si>
  <si>
    <t>平野__38-2</t>
  </si>
  <si>
    <t>平野__46-2</t>
  </si>
  <si>
    <t>平野__71-2</t>
  </si>
  <si>
    <t>平野__73-2</t>
  </si>
  <si>
    <t>平野__75-2</t>
  </si>
  <si>
    <t>平野__108-2</t>
  </si>
  <si>
    <t>立町__1706-2</t>
  </si>
  <si>
    <t>平野__109-2</t>
  </si>
  <si>
    <t>平野__110-2</t>
  </si>
  <si>
    <t>平野__111-2</t>
  </si>
  <si>
    <t>平野__112-2</t>
  </si>
  <si>
    <t>平野__113-2</t>
  </si>
  <si>
    <t>平野__121-2</t>
  </si>
  <si>
    <t>平野__204-2</t>
  </si>
  <si>
    <t>平野__206</t>
  </si>
  <si>
    <t>平野__209-2</t>
  </si>
  <si>
    <t>平野__214</t>
  </si>
  <si>
    <t>立町__1706-3</t>
  </si>
  <si>
    <t>平野__252-2</t>
  </si>
  <si>
    <t>平野__253-2</t>
  </si>
  <si>
    <t>平野__255-2</t>
  </si>
  <si>
    <t>平野__263-2</t>
  </si>
  <si>
    <t>平野__268-2</t>
  </si>
  <si>
    <t>平野__308-2</t>
  </si>
  <si>
    <t>平野__310-2</t>
  </si>
  <si>
    <t>平野__313-2</t>
  </si>
  <si>
    <t>平野__331</t>
  </si>
  <si>
    <t>平野_木合川_413-2</t>
  </si>
  <si>
    <t>立町__1707-3</t>
  </si>
  <si>
    <t>平野_木合川_441-3</t>
  </si>
  <si>
    <t>平野_木合川_454-3</t>
  </si>
  <si>
    <t>平野_木合川_456-3</t>
  </si>
  <si>
    <t>平野_木合川_457-2</t>
  </si>
  <si>
    <t>平野_木合川_458-3</t>
  </si>
  <si>
    <t>平野_木合川_459-2</t>
  </si>
  <si>
    <t>平野_木合川_489-2</t>
  </si>
  <si>
    <t>平野_木合川_491-4</t>
  </si>
  <si>
    <t>平野_木合川_491-6</t>
  </si>
  <si>
    <t>平野_木合川_492-5</t>
  </si>
  <si>
    <t>立町__1707-4</t>
  </si>
  <si>
    <t>平野_木合川_497-2</t>
  </si>
  <si>
    <t>平野_木合川_500-2</t>
  </si>
  <si>
    <t>平野_木合川_501-2</t>
  </si>
  <si>
    <t>平野_木合川_502-2</t>
  </si>
  <si>
    <t>平野_木合川_536-2</t>
  </si>
  <si>
    <t>平野_木合川_546-2</t>
  </si>
  <si>
    <t>平野_木合川_554-2</t>
  </si>
  <si>
    <t>平野_木合川_554-3</t>
  </si>
  <si>
    <t>平野_木合川_555-2</t>
  </si>
  <si>
    <t>平野_木合川_555-3</t>
  </si>
  <si>
    <t>立町__1708-2</t>
  </si>
  <si>
    <t>平野_木合川_565-2</t>
  </si>
  <si>
    <t>平野_木合川_566-2</t>
  </si>
  <si>
    <t>平野_木合川_568-3</t>
  </si>
  <si>
    <t>平野_木合川_572-2</t>
  </si>
  <si>
    <t>平野_木合川_574-2</t>
  </si>
  <si>
    <t>平野_木合川_575-3</t>
  </si>
  <si>
    <t>平野_木合川_576-3</t>
  </si>
  <si>
    <t>平野_木合川_576-5</t>
  </si>
  <si>
    <t>平野_木合川_577-2</t>
  </si>
  <si>
    <t>平野_木合川_578-3</t>
  </si>
  <si>
    <t>庄西町二丁目__250-4</t>
  </si>
  <si>
    <t>立町__1708-3</t>
  </si>
  <si>
    <t>平野_木合川_578-4</t>
  </si>
  <si>
    <t>平野_木合川_580</t>
  </si>
  <si>
    <t>平野_木合川_581-2</t>
  </si>
  <si>
    <t>平野_木合川_582-2</t>
  </si>
  <si>
    <t>平野_木合川_583-2</t>
  </si>
  <si>
    <t>平野_木合川_588-3</t>
  </si>
  <si>
    <t>平野_木合川_588-4</t>
  </si>
  <si>
    <t>平野_木合川_588-5</t>
  </si>
  <si>
    <t>平野_木合川_589-2</t>
  </si>
  <si>
    <t>平野_向谷_505-4</t>
  </si>
  <si>
    <t>立町__1709-6</t>
  </si>
  <si>
    <t>平野_平野_4421-3</t>
  </si>
  <si>
    <t>入会地_天池_8-5</t>
  </si>
  <si>
    <t>入会地_天池_8-6</t>
  </si>
  <si>
    <t>入会地_天池_8-2</t>
  </si>
  <si>
    <t>入会地_天池_21-2</t>
  </si>
  <si>
    <t>入会地_天池_21-3</t>
  </si>
  <si>
    <t>入会地_天池_29-2</t>
  </si>
  <si>
    <t>入会地_天池_54-5</t>
  </si>
  <si>
    <t>入会地_天池_54-6</t>
  </si>
  <si>
    <t>立町__1709-7</t>
  </si>
  <si>
    <t>入会地_天池_54-8</t>
  </si>
  <si>
    <t>入会地_天池_55-2</t>
  </si>
  <si>
    <t>入会地_水蔵場_4-6</t>
  </si>
  <si>
    <t>入会地_水蔵場_4-3</t>
  </si>
  <si>
    <t>入会地_水蔵場_5-6</t>
  </si>
  <si>
    <t>入会地_水蔵場_5-11</t>
  </si>
  <si>
    <t>入会地_水蔵場_5-13</t>
  </si>
  <si>
    <t>入会地_水蔵場_5-16</t>
  </si>
  <si>
    <t>入会地_水蔵場_5-17</t>
  </si>
  <si>
    <t>入会地_水蔵場_5-22</t>
  </si>
  <si>
    <t>立町__1709-8</t>
  </si>
  <si>
    <t>入会地_水蔵場_5-23</t>
  </si>
  <si>
    <t>入会地_水蔵場_7-4</t>
  </si>
  <si>
    <t>入会地_水蔵場_9-5</t>
  </si>
  <si>
    <t>入会地_水蔵場_16-3</t>
  </si>
  <si>
    <t>入会地_水蔵場_124-14</t>
  </si>
  <si>
    <t>入会地_水蔵場_124-15</t>
  </si>
  <si>
    <t>入会地_水蔵場_124-19</t>
  </si>
  <si>
    <t>入会地_水蔵場_125-2</t>
  </si>
  <si>
    <t>入会地_水蔵場_126-8</t>
  </si>
  <si>
    <t>入会地_水蔵場_126-10</t>
  </si>
  <si>
    <t>立町__1709-9</t>
  </si>
  <si>
    <t>入会地_水蔵場_131-3</t>
  </si>
  <si>
    <t>入会地_水蔵場_138-2</t>
  </si>
  <si>
    <t>入会地_水蔵場_138-7</t>
  </si>
  <si>
    <t>入会地_水蔵場_143-5</t>
  </si>
  <si>
    <t>入会地_水蔵場_144-5</t>
  </si>
  <si>
    <t>入会地_水蔵場_150-5</t>
  </si>
  <si>
    <t>入会地_水蔵場_155-6</t>
  </si>
  <si>
    <t>入会地_数後谷_42-5</t>
  </si>
  <si>
    <t>入会地_数後谷_43-8</t>
  </si>
  <si>
    <t>立町__1710-3</t>
  </si>
  <si>
    <t>入会地_東笹鎌野_21-11</t>
  </si>
  <si>
    <t>入会地_東笹鎌野_25-2</t>
  </si>
  <si>
    <t>入会地_東笹鎌野_29-2</t>
  </si>
  <si>
    <t>入会地_東笹鎌野_30-4</t>
  </si>
  <si>
    <t>入会地_行福_103-4</t>
  </si>
  <si>
    <t>入会地_行福_104-5</t>
  </si>
  <si>
    <t>入会地_行福_104-6</t>
  </si>
  <si>
    <t>入会地_行福_104-7</t>
  </si>
  <si>
    <t>入会地_行福_109-8</t>
  </si>
  <si>
    <t>大江__23-3</t>
  </si>
  <si>
    <t>立町__1711-2</t>
  </si>
  <si>
    <t>大江__73-1</t>
  </si>
  <si>
    <t>大江__74-3</t>
  </si>
  <si>
    <t>大江__126-3</t>
  </si>
  <si>
    <t>大江__127-3</t>
  </si>
  <si>
    <t>大江__128-3</t>
  </si>
  <si>
    <t>大江__129-3</t>
  </si>
  <si>
    <t>大江__130-3</t>
  </si>
  <si>
    <t>大江__131-3</t>
  </si>
  <si>
    <t>大江__132-4</t>
  </si>
  <si>
    <t>大江__133-3</t>
  </si>
  <si>
    <t>立町__1712-2</t>
  </si>
  <si>
    <t>大江__134-3</t>
  </si>
  <si>
    <t>大江__135-3</t>
  </si>
  <si>
    <t>大江__136-2</t>
  </si>
  <si>
    <t>大江__137-2</t>
  </si>
  <si>
    <t>大江__151-2</t>
  </si>
  <si>
    <t>大江__151-6</t>
  </si>
  <si>
    <t>大江__151-7</t>
  </si>
  <si>
    <t>大江__166-2</t>
  </si>
  <si>
    <t>大江__216-3</t>
  </si>
  <si>
    <t>大江__217-2</t>
  </si>
  <si>
    <t>立町__1712-3</t>
  </si>
  <si>
    <t>大江__218-3</t>
  </si>
  <si>
    <t>大江__222-2</t>
  </si>
  <si>
    <t>大江__222-3</t>
  </si>
  <si>
    <t>大江__226-2</t>
  </si>
  <si>
    <t>大江__227-2</t>
  </si>
  <si>
    <t>大江__227-3</t>
  </si>
  <si>
    <t>大江__228-2</t>
  </si>
  <si>
    <t>大江__229-2</t>
  </si>
  <si>
    <t>大江__230-2</t>
  </si>
  <si>
    <t>大江__231-2</t>
  </si>
  <si>
    <t>立町__1713-1</t>
  </si>
  <si>
    <t>大江__232-3</t>
  </si>
  <si>
    <t>大江__232-4</t>
  </si>
  <si>
    <t>大江__233-2</t>
  </si>
  <si>
    <t>大江__234-3</t>
  </si>
  <si>
    <t>大江__234-4</t>
  </si>
  <si>
    <t>大江__235-2</t>
  </si>
  <si>
    <t>大江__238-2</t>
  </si>
  <si>
    <t>大江__239-3</t>
  </si>
  <si>
    <t>大江__251-2</t>
  </si>
  <si>
    <t>大江__252-2</t>
  </si>
  <si>
    <t>庄西町二丁目__251-2</t>
  </si>
  <si>
    <t>立町__1713-2</t>
  </si>
  <si>
    <t>大江__255-2</t>
  </si>
  <si>
    <t>大江__256-2</t>
  </si>
  <si>
    <t>大江__259-2</t>
  </si>
  <si>
    <t>大江__268-2</t>
  </si>
  <si>
    <t>大江__271-2</t>
  </si>
  <si>
    <t>大江__275-2</t>
  </si>
  <si>
    <t>大江__286</t>
  </si>
  <si>
    <t>大江__290-2</t>
  </si>
  <si>
    <t>大江__304-2</t>
  </si>
  <si>
    <t>大江__310-2</t>
  </si>
  <si>
    <t>立町__1713-3</t>
  </si>
  <si>
    <t>大江__313-2</t>
  </si>
  <si>
    <t>大江__319-2</t>
  </si>
  <si>
    <t>大江__323-10</t>
  </si>
  <si>
    <t>大江__323-18</t>
  </si>
  <si>
    <t>大江__323-19</t>
  </si>
  <si>
    <t>大江__323-20</t>
  </si>
  <si>
    <t>大江__323-21</t>
  </si>
  <si>
    <t>大江__324-2</t>
  </si>
  <si>
    <t>大江__330-2</t>
  </si>
  <si>
    <t>大江__330-3</t>
  </si>
  <si>
    <t>立町__1714-3</t>
  </si>
  <si>
    <t>大江__332-3</t>
  </si>
  <si>
    <t>大江__332-4</t>
  </si>
  <si>
    <t>大江__350-2</t>
  </si>
  <si>
    <t>大江__351-2</t>
  </si>
  <si>
    <t>大江__351-3</t>
  </si>
  <si>
    <t>大江__359-3</t>
  </si>
  <si>
    <t>大江__360-1</t>
  </si>
  <si>
    <t>大江__364-2</t>
  </si>
  <si>
    <t>大江__365-3</t>
  </si>
  <si>
    <t>大江__366-3</t>
  </si>
  <si>
    <t>立町__1714-4</t>
  </si>
  <si>
    <t>大江__367-3</t>
  </si>
  <si>
    <t>大江__368-3</t>
  </si>
  <si>
    <t>大江__369-3</t>
  </si>
  <si>
    <t>大江__370-3</t>
  </si>
  <si>
    <t>大江__376-2</t>
  </si>
  <si>
    <t>大江__377-3</t>
  </si>
  <si>
    <t>大江__378-2</t>
  </si>
  <si>
    <t>大江__378-3</t>
  </si>
  <si>
    <t>大江__379-2</t>
  </si>
  <si>
    <t>大江__379-3</t>
  </si>
  <si>
    <t>立町__1714-5</t>
  </si>
  <si>
    <t>大江__380-3</t>
  </si>
  <si>
    <t>大江__380-4</t>
  </si>
  <si>
    <t>大江__380-5</t>
  </si>
  <si>
    <t>大江__419-3</t>
  </si>
  <si>
    <t>大江__420-3</t>
  </si>
  <si>
    <t>大江__421-2</t>
  </si>
  <si>
    <t>大江__434-2</t>
  </si>
  <si>
    <t>大江__436-3</t>
  </si>
  <si>
    <t>大江__437-4</t>
  </si>
  <si>
    <t>立町__1714-6</t>
  </si>
  <si>
    <t>大江__438-3</t>
  </si>
  <si>
    <t>大江__439-2</t>
  </si>
  <si>
    <t>大江__440-3</t>
  </si>
  <si>
    <t>大江__440-4</t>
  </si>
  <si>
    <t>大江__441-2</t>
  </si>
  <si>
    <t>大江__442-2</t>
  </si>
  <si>
    <t>大江__443-3</t>
  </si>
  <si>
    <t>大江__443-4</t>
  </si>
  <si>
    <t>大江__444-3</t>
  </si>
  <si>
    <t>大江__445-2</t>
  </si>
  <si>
    <t>立町__1715-2</t>
  </si>
  <si>
    <t>大江__446-2</t>
  </si>
  <si>
    <t>大江__447-2</t>
  </si>
  <si>
    <t>大江__448-2</t>
  </si>
  <si>
    <t>大江__449-2</t>
  </si>
  <si>
    <t>大江__450-2</t>
  </si>
  <si>
    <t>大江__451-2</t>
  </si>
  <si>
    <t>大江__452-2</t>
  </si>
  <si>
    <t>大江__453-2</t>
  </si>
  <si>
    <t>大江__454-3</t>
  </si>
  <si>
    <t>大江__463-4</t>
  </si>
  <si>
    <t>立町__1716-2</t>
  </si>
  <si>
    <t>大江__463-5</t>
  </si>
  <si>
    <t>大江__468-2</t>
  </si>
  <si>
    <t>大江__469-2</t>
  </si>
  <si>
    <t>大江__471-2</t>
  </si>
  <si>
    <t>大江__471-3</t>
  </si>
  <si>
    <t>大江__472-2</t>
  </si>
  <si>
    <t>大江__472-3</t>
  </si>
  <si>
    <t>大江__472-4</t>
  </si>
  <si>
    <t>大江__473-2</t>
  </si>
  <si>
    <t>大江__473-4</t>
  </si>
  <si>
    <t>立町__1717-2</t>
  </si>
  <si>
    <t>大江__473-5</t>
  </si>
  <si>
    <t>大江__474-3</t>
  </si>
  <si>
    <t>大江__474-4</t>
  </si>
  <si>
    <t>大江__474-5</t>
  </si>
  <si>
    <t>大江__477-2</t>
  </si>
  <si>
    <t>大江__478-2</t>
  </si>
  <si>
    <t>大江__479-3</t>
  </si>
  <si>
    <t>大江__480-2</t>
  </si>
  <si>
    <t>大江__481-2</t>
  </si>
  <si>
    <t>大江__482-2</t>
  </si>
  <si>
    <t>立町__1718-2</t>
  </si>
  <si>
    <t>大江__483-2</t>
  </si>
  <si>
    <t>大江__484-2</t>
  </si>
  <si>
    <t>大江__485-2</t>
  </si>
  <si>
    <t>大江__486-2</t>
  </si>
  <si>
    <t>大江__487-2</t>
  </si>
  <si>
    <t>大江__488-1</t>
  </si>
  <si>
    <t>大江__488-2</t>
  </si>
  <si>
    <t>大江__489-1</t>
  </si>
  <si>
    <t>大江__489-2</t>
  </si>
  <si>
    <t>大江__490</t>
  </si>
  <si>
    <t>庄西町一丁目__601-21</t>
  </si>
  <si>
    <t>庄西町二丁目__252-2</t>
  </si>
  <si>
    <t>立町__1718-3</t>
  </si>
  <si>
    <t>大江__502-2</t>
  </si>
  <si>
    <t>大江__502-3</t>
  </si>
  <si>
    <t>大江__519-4</t>
  </si>
  <si>
    <t>大江__520-2</t>
  </si>
  <si>
    <t>大江__520-3</t>
  </si>
  <si>
    <t>大江__521-4</t>
  </si>
  <si>
    <t>大江__531-2</t>
  </si>
  <si>
    <t>大江__534-2</t>
  </si>
  <si>
    <t>大江__541-2</t>
  </si>
  <si>
    <t>大江__550-2</t>
  </si>
  <si>
    <t>立町__1719-3</t>
  </si>
  <si>
    <t>大江__553-2</t>
  </si>
  <si>
    <t>大江__566-3</t>
  </si>
  <si>
    <t>大江__579-2</t>
  </si>
  <si>
    <t>大江__580-3</t>
  </si>
  <si>
    <t>大江__603-2</t>
  </si>
  <si>
    <t>大江__618-2</t>
  </si>
  <si>
    <t>大江__619-2</t>
  </si>
  <si>
    <t>大江__625-2</t>
  </si>
  <si>
    <t>大江__626-2</t>
  </si>
  <si>
    <t>大江__630-2</t>
  </si>
  <si>
    <t>立町__1720-3</t>
  </si>
  <si>
    <t>大江__636-2</t>
  </si>
  <si>
    <t>大江__646-2</t>
  </si>
  <si>
    <t>大江__647-2</t>
  </si>
  <si>
    <t>大江__648-2</t>
  </si>
  <si>
    <t>大江__648-3</t>
  </si>
  <si>
    <t>大江__649-2</t>
  </si>
  <si>
    <t>大江__649-3</t>
  </si>
  <si>
    <t>大江__650-2</t>
  </si>
  <si>
    <t>大江__651-2</t>
  </si>
  <si>
    <t>大江__652-2</t>
  </si>
  <si>
    <t>立町__1720-4</t>
  </si>
  <si>
    <t>大江__653-2</t>
  </si>
  <si>
    <t>大江__655-2</t>
  </si>
  <si>
    <t>大江__666-2</t>
  </si>
  <si>
    <t>大江__666-3</t>
  </si>
  <si>
    <t>大江__668-2</t>
  </si>
  <si>
    <t>大江__679-3</t>
  </si>
  <si>
    <t>大江__679-4</t>
  </si>
  <si>
    <t>大江__682-2</t>
  </si>
  <si>
    <t>大江__687-2</t>
  </si>
  <si>
    <t>大江__688-2</t>
  </si>
  <si>
    <t>立町__1721-2</t>
  </si>
  <si>
    <t>大江__692-2</t>
  </si>
  <si>
    <t>大江__694-2</t>
  </si>
  <si>
    <t>大江__696-2</t>
  </si>
  <si>
    <t>大江__697-2</t>
  </si>
  <si>
    <t>大江__699-2</t>
  </si>
  <si>
    <t>大江__700-3</t>
  </si>
  <si>
    <t>大江__700-4</t>
  </si>
  <si>
    <t>大江__701-2</t>
  </si>
  <si>
    <t>大江__701-3</t>
  </si>
  <si>
    <t>大江__705-2</t>
  </si>
  <si>
    <t>立町__1722-4</t>
  </si>
  <si>
    <t>大江__712-2</t>
  </si>
  <si>
    <t>大江__712-3</t>
  </si>
  <si>
    <t>大江__712-4</t>
  </si>
  <si>
    <t>大江__739-4</t>
  </si>
  <si>
    <t>大江__740-3</t>
  </si>
  <si>
    <t>大江__795-1</t>
  </si>
  <si>
    <t>大江__797</t>
  </si>
  <si>
    <t>大江__961-2</t>
  </si>
  <si>
    <t>大江__962-2</t>
  </si>
  <si>
    <t>大江__963-2</t>
  </si>
  <si>
    <t>立町__1723-3</t>
  </si>
  <si>
    <t>大江__964-2</t>
  </si>
  <si>
    <t>大江__965-2</t>
  </si>
  <si>
    <t>大江__966-2</t>
  </si>
  <si>
    <t>大江__967-2</t>
  </si>
  <si>
    <t>大江__968-2</t>
  </si>
  <si>
    <t>大江__969-2</t>
  </si>
  <si>
    <t>大江__970-2</t>
  </si>
  <si>
    <t>大江__971-2</t>
  </si>
  <si>
    <t>大江__972-2</t>
  </si>
  <si>
    <t>大江__973-2</t>
  </si>
  <si>
    <t>立町__1723-4</t>
  </si>
  <si>
    <t>大江__974-2</t>
  </si>
  <si>
    <t>大江__975-2</t>
  </si>
  <si>
    <t>大江__976-2</t>
  </si>
  <si>
    <t>大江__977-2</t>
  </si>
  <si>
    <t>大江__978-2</t>
  </si>
  <si>
    <t>大江__979-2</t>
  </si>
  <si>
    <t>大江__980-2</t>
  </si>
  <si>
    <t>大江__981-2</t>
  </si>
  <si>
    <t>大江__982-2</t>
  </si>
  <si>
    <t>大江__983-2</t>
  </si>
  <si>
    <t>立町__1724-3</t>
  </si>
  <si>
    <t>大江__984-2</t>
  </si>
  <si>
    <t>大江__985-2</t>
  </si>
  <si>
    <t>大江__1001-4</t>
  </si>
  <si>
    <t>大江__1058-2</t>
  </si>
  <si>
    <t>大江__1095-2</t>
  </si>
  <si>
    <t>大江__1097-2</t>
  </si>
  <si>
    <t>大江__1098-2</t>
  </si>
  <si>
    <t>大江__1099-2</t>
  </si>
  <si>
    <t>大江__1100-3</t>
  </si>
  <si>
    <t>大江__1100-4</t>
  </si>
  <si>
    <t>八幡町二丁目__446-3</t>
  </si>
  <si>
    <t>大江__1101-2</t>
  </si>
  <si>
    <t>大江__1101-3</t>
  </si>
  <si>
    <t>大江__1102-2</t>
  </si>
  <si>
    <t>大江__1102-3</t>
  </si>
  <si>
    <t>大江__1103-2</t>
  </si>
  <si>
    <t>大江__1103-3</t>
  </si>
  <si>
    <t>大江__1104-2</t>
  </si>
  <si>
    <t>大江__1104-3</t>
  </si>
  <si>
    <t>大江__1105-2</t>
  </si>
  <si>
    <t>大江__1105-3</t>
  </si>
  <si>
    <t>庄西町二丁目__252-3</t>
  </si>
  <si>
    <t>八幡町二丁目__446-4</t>
  </si>
  <si>
    <t>大江__1106-2</t>
  </si>
  <si>
    <t>大江__1106-3</t>
  </si>
  <si>
    <t>大江__1107-2</t>
  </si>
  <si>
    <t>大江__1107-3</t>
  </si>
  <si>
    <t>大江__1108-2</t>
  </si>
  <si>
    <t>大江__1109-2</t>
  </si>
  <si>
    <t>大江__1110-2</t>
  </si>
  <si>
    <t>大江__1111-2</t>
  </si>
  <si>
    <t>大江__1112-2</t>
  </si>
  <si>
    <t>大江__1113-2</t>
  </si>
  <si>
    <t>八幡町二丁目__447-4</t>
  </si>
  <si>
    <t>大江__1114-2</t>
  </si>
  <si>
    <t>大江__1115-2</t>
  </si>
  <si>
    <t>大江__1116-2</t>
  </si>
  <si>
    <t>大江__1117-2</t>
  </si>
  <si>
    <t>大江__1118-2</t>
  </si>
  <si>
    <t>大江__1119-2</t>
  </si>
  <si>
    <t>大江__1120-2</t>
  </si>
  <si>
    <t>大江__1121-2</t>
  </si>
  <si>
    <t>大江__1122-2</t>
  </si>
  <si>
    <t>大江__1195-4</t>
  </si>
  <si>
    <t>八幡町二丁目__447-5</t>
  </si>
  <si>
    <t>大江__1303-2</t>
  </si>
  <si>
    <t>大江__1303-3</t>
  </si>
  <si>
    <t>大江__1485-3</t>
  </si>
  <si>
    <t>鷲塚__57-6</t>
  </si>
  <si>
    <t>鷲塚__67-3</t>
  </si>
  <si>
    <t>鷲塚__68-2</t>
  </si>
  <si>
    <t>鷲塚__86-1</t>
  </si>
  <si>
    <t>鷲塚__88-2</t>
  </si>
  <si>
    <t>鷲塚__89-3</t>
  </si>
  <si>
    <t>鷲塚__90-3</t>
  </si>
  <si>
    <t>八幡町二丁目__447-6</t>
  </si>
  <si>
    <t>鷲塚__93-1</t>
  </si>
  <si>
    <t>鷲塚__106-3</t>
  </si>
  <si>
    <t>鷲塚__107-1</t>
  </si>
  <si>
    <t>鷲塚__107-2</t>
  </si>
  <si>
    <t>鷲塚__108-1</t>
  </si>
  <si>
    <t>鷲塚__108-3</t>
  </si>
  <si>
    <t>鷲塚__109-2</t>
  </si>
  <si>
    <t>鷲塚__113-10</t>
  </si>
  <si>
    <t>鷲塚__113-25</t>
  </si>
  <si>
    <t>鷲塚__113-30</t>
  </si>
  <si>
    <t>八幡町二丁目__448-4</t>
  </si>
  <si>
    <t>鷲塚__129-3</t>
  </si>
  <si>
    <t>鷲塚__131-2</t>
  </si>
  <si>
    <t>鷲塚__141-2</t>
  </si>
  <si>
    <t>鷲塚__142-1</t>
  </si>
  <si>
    <t>鷲塚__149-2</t>
  </si>
  <si>
    <t>鷲塚__150-3</t>
  </si>
  <si>
    <t>鷲塚__151-2</t>
  </si>
  <si>
    <t>鷲塚__166-2</t>
  </si>
  <si>
    <t>鷲塚__167-3</t>
  </si>
  <si>
    <t>鷲塚__168-2</t>
  </si>
  <si>
    <t>八幡町二丁目__448-5</t>
  </si>
  <si>
    <t>鷲塚__174-1</t>
  </si>
  <si>
    <t>鷲塚__174-27</t>
  </si>
  <si>
    <t>鷲塚__181-3</t>
  </si>
  <si>
    <t>鷲塚__181-9</t>
  </si>
  <si>
    <t>鷲塚__188-3</t>
  </si>
  <si>
    <t>鷲塚__200-2</t>
  </si>
  <si>
    <t>鷲塚__215-3</t>
  </si>
  <si>
    <t>鷲塚__215-4</t>
  </si>
  <si>
    <t>鷲塚__216-3</t>
  </si>
  <si>
    <t>鷲塚__217-4</t>
  </si>
  <si>
    <t>八幡町二丁目__448-6</t>
  </si>
  <si>
    <t>鷲塚__217-5</t>
  </si>
  <si>
    <t>鷲塚__254-3</t>
  </si>
  <si>
    <t>鷲塚__256</t>
  </si>
  <si>
    <t>鷲塚__257-2</t>
  </si>
  <si>
    <t>鷲塚__474-2</t>
  </si>
  <si>
    <t>鷲塚__495-2</t>
  </si>
  <si>
    <t>鷲塚__497-2</t>
  </si>
  <si>
    <t>鷲塚__497-3</t>
  </si>
  <si>
    <t>鷲塚__501-2</t>
  </si>
  <si>
    <t>鷲塚__507-3</t>
  </si>
  <si>
    <t>八幡町二丁目__449-4</t>
  </si>
  <si>
    <t>鷲塚__531-2</t>
  </si>
  <si>
    <t>鷲塚__535-2</t>
  </si>
  <si>
    <t>鷲塚__537-2</t>
  </si>
  <si>
    <t>鷲塚__540-2</t>
  </si>
  <si>
    <t>鷲塚__558-2</t>
  </si>
  <si>
    <t>鷲塚__559-2</t>
  </si>
  <si>
    <t>鷲塚__560-2</t>
  </si>
  <si>
    <t>鷲塚__565-2</t>
  </si>
  <si>
    <t>鷲塚__565-3</t>
  </si>
  <si>
    <t>鷲塚__566-3</t>
  </si>
  <si>
    <t>八幡町二丁目__449-5</t>
  </si>
  <si>
    <t>鷲塚__589-2</t>
  </si>
  <si>
    <t>鷲塚__589-3</t>
  </si>
  <si>
    <t>鷲塚__593-2</t>
  </si>
  <si>
    <t>鷲塚__596-2</t>
  </si>
  <si>
    <t>鷲塚__597-3</t>
  </si>
  <si>
    <t>鷲塚__598-2</t>
  </si>
  <si>
    <t>鷲塚__599-2</t>
  </si>
  <si>
    <t>鷲塚__600-2</t>
  </si>
  <si>
    <t>鷲塚__601-2</t>
  </si>
  <si>
    <t>鷲塚__602-2</t>
  </si>
  <si>
    <t>八幡町二丁目__449-6</t>
  </si>
  <si>
    <t>鷲塚__603-2</t>
  </si>
  <si>
    <t>鷲塚__604-2</t>
  </si>
  <si>
    <t>鷲塚__606-2</t>
  </si>
  <si>
    <t>鷲塚__611-2</t>
  </si>
  <si>
    <t>鷲塚__639-2</t>
  </si>
  <si>
    <t>鷲塚__646-2</t>
  </si>
  <si>
    <t>鷲塚__654-2</t>
  </si>
  <si>
    <t>鷲塚__670-2</t>
  </si>
  <si>
    <t>鷲塚__671-2</t>
  </si>
  <si>
    <t>鷲塚__676-2</t>
  </si>
  <si>
    <t>庄西町二丁目__253-2</t>
  </si>
  <si>
    <t>八幡町二丁目__450-4</t>
  </si>
  <si>
    <t>鷲塚__684-2</t>
  </si>
  <si>
    <t>鷲塚__684-3</t>
  </si>
  <si>
    <t>鷲塚__685-2</t>
  </si>
  <si>
    <t>鷲塚__708-3</t>
  </si>
  <si>
    <t>鷲塚__710-3</t>
  </si>
  <si>
    <t>鷲塚__755-3</t>
  </si>
  <si>
    <t>鷲塚__756-3</t>
  </si>
  <si>
    <t>鷲塚__757-4</t>
  </si>
  <si>
    <t>鷲塚__770-3</t>
  </si>
  <si>
    <t>鷲塚__771-3</t>
  </si>
  <si>
    <t>八幡町二丁目__450-5</t>
  </si>
  <si>
    <t>鷲塚__772-2</t>
  </si>
  <si>
    <t>鷲塚__783-3</t>
  </si>
  <si>
    <t>鷲塚__813-1</t>
  </si>
  <si>
    <t>鷲塚__844-2</t>
  </si>
  <si>
    <t>鷲塚__846-2</t>
  </si>
  <si>
    <t>鷲塚__848-3</t>
  </si>
  <si>
    <t>鷲塚__853-2</t>
  </si>
  <si>
    <t>鷲塚__853-3</t>
  </si>
  <si>
    <t>鷲塚__916-4</t>
  </si>
  <si>
    <t>鷲塚__916-5</t>
  </si>
  <si>
    <t>八幡町二丁目__450-6</t>
  </si>
  <si>
    <t>鷲塚__917-2</t>
  </si>
  <si>
    <t>鷲塚__937-3</t>
  </si>
  <si>
    <t>鷲塚__938-3</t>
  </si>
  <si>
    <t>鷲塚__944-2</t>
  </si>
  <si>
    <t>鷲塚__958-3</t>
  </si>
  <si>
    <t>鷲塚__965-3</t>
  </si>
  <si>
    <t>鷲塚__966-4</t>
  </si>
  <si>
    <t>鷲塚__967-3</t>
  </si>
  <si>
    <t>鷲塚__1011-2</t>
  </si>
  <si>
    <t>鷲塚__1014-2</t>
  </si>
  <si>
    <t>八幡町二丁目__451-3</t>
  </si>
  <si>
    <t>鷲塚__1015-2</t>
  </si>
  <si>
    <t>鷲塚__1016-2</t>
  </si>
  <si>
    <t>西高木__92-3</t>
  </si>
  <si>
    <t>西高木__94-2</t>
  </si>
  <si>
    <t>西高木__95-2</t>
  </si>
  <si>
    <t>西高木__97-5</t>
  </si>
  <si>
    <t>西高木__148-2</t>
  </si>
  <si>
    <t>西高木__149-2</t>
  </si>
  <si>
    <t>西高木__185-3</t>
  </si>
  <si>
    <t>西高木__186-4</t>
  </si>
  <si>
    <t>八幡町二丁目__451-4</t>
  </si>
  <si>
    <t>西高木__186-5</t>
  </si>
  <si>
    <t>西高木__187-2</t>
  </si>
  <si>
    <t>西高木__310-3</t>
  </si>
  <si>
    <t>西高木__310-4</t>
  </si>
  <si>
    <t>西高木__506-2</t>
  </si>
  <si>
    <t>西高木__523-2</t>
  </si>
  <si>
    <t>西高木__528-2</t>
  </si>
  <si>
    <t>西高木__559-2</t>
  </si>
  <si>
    <t>西高木__559-3</t>
  </si>
  <si>
    <t>西高木__560-2</t>
  </si>
  <si>
    <t>八幡町二丁目__483-2</t>
  </si>
  <si>
    <t>西高木__560-3</t>
  </si>
  <si>
    <t>西高木__561-2</t>
  </si>
  <si>
    <t>西高木__561-3</t>
  </si>
  <si>
    <t>西高木__562-2</t>
  </si>
  <si>
    <t>西高木__563-3</t>
  </si>
  <si>
    <t>西高木__565-2</t>
  </si>
  <si>
    <t>西高木__566-3</t>
  </si>
  <si>
    <t>西高木__567-2</t>
  </si>
  <si>
    <t>西高木__570-2</t>
  </si>
  <si>
    <t>西高木__574-2</t>
  </si>
  <si>
    <t>八幡町二丁目__484-2</t>
  </si>
  <si>
    <t>西高木__575-2</t>
  </si>
  <si>
    <t>西高木__577-3</t>
  </si>
  <si>
    <t>西高木__577-4</t>
  </si>
  <si>
    <t>西高木__580-2</t>
  </si>
  <si>
    <t>西高木__580-3</t>
  </si>
  <si>
    <t>西高木__585-3</t>
  </si>
  <si>
    <t>西高木__604-3</t>
  </si>
  <si>
    <t>西高木__604-4</t>
  </si>
  <si>
    <t>西高木__625-2</t>
  </si>
  <si>
    <t>西高木__625-3</t>
  </si>
  <si>
    <t>八幡町二丁目__485-2</t>
  </si>
  <si>
    <t>西高木__634-2</t>
  </si>
  <si>
    <t>西高木__635-7</t>
  </si>
  <si>
    <t>西高木__668-2</t>
  </si>
  <si>
    <t>西高木__669-2</t>
  </si>
  <si>
    <t>西高木__671-2</t>
  </si>
  <si>
    <t>西高木__674-2</t>
  </si>
  <si>
    <t>西高木__676-2</t>
  </si>
  <si>
    <t>西高木__680-2</t>
  </si>
  <si>
    <t>西高木__680-3</t>
  </si>
  <si>
    <t>西高木__681-2</t>
  </si>
  <si>
    <t>八幡町二丁目__486-2</t>
  </si>
  <si>
    <t>西高木__681-3</t>
  </si>
  <si>
    <t>西高木__684-2</t>
  </si>
  <si>
    <t>西高木__690-2</t>
  </si>
  <si>
    <t>西高木__690-3</t>
  </si>
  <si>
    <t>西高木__691-2</t>
  </si>
  <si>
    <t>西高木__692-2</t>
  </si>
  <si>
    <t>西高木__693-2</t>
  </si>
  <si>
    <t>西高木__694-2</t>
  </si>
  <si>
    <t>西高木__694-4</t>
  </si>
  <si>
    <t>西高木__696-2</t>
  </si>
  <si>
    <t>八幡町二丁目__487-2</t>
  </si>
  <si>
    <t>西高木__704-2</t>
  </si>
  <si>
    <t>西高木__706-2</t>
  </si>
  <si>
    <t>西高木__706-3</t>
  </si>
  <si>
    <t>西高木__719-2</t>
  </si>
  <si>
    <t>西高木__720-2</t>
  </si>
  <si>
    <t>西高木__720-3</t>
  </si>
  <si>
    <t>西高木__721-2</t>
  </si>
  <si>
    <t>西高木__722-2</t>
  </si>
  <si>
    <t>西高木__723-2</t>
  </si>
  <si>
    <t>西高木__724-2</t>
  </si>
  <si>
    <t>庄西町二丁目__253-3</t>
  </si>
  <si>
    <t>八幡町二丁目__488-2</t>
  </si>
  <si>
    <t>西高木__783-3</t>
  </si>
  <si>
    <t>西高木__784-2</t>
  </si>
  <si>
    <t>西高木__785-2</t>
  </si>
  <si>
    <t>西高木__786-2</t>
  </si>
  <si>
    <t>西高木__787-2</t>
  </si>
  <si>
    <t>西高木__788-2</t>
  </si>
  <si>
    <t>西高木__788-3</t>
  </si>
  <si>
    <t>西高木__788-4</t>
  </si>
  <si>
    <t>西高木__789-2</t>
  </si>
  <si>
    <t>西高木__789-3</t>
  </si>
  <si>
    <t>八幡町二丁目__489-2</t>
  </si>
  <si>
    <t>西高木__790-1</t>
  </si>
  <si>
    <t>西高木__790-4</t>
  </si>
  <si>
    <t>西高木__790-5</t>
  </si>
  <si>
    <t>西高木__790-6</t>
  </si>
  <si>
    <t>西高木__790-7</t>
  </si>
  <si>
    <t>西高木__835-2</t>
  </si>
  <si>
    <t>西高木__835-3</t>
  </si>
  <si>
    <t>西高木__837-2</t>
  </si>
  <si>
    <t>西高木__837-3</t>
  </si>
  <si>
    <t>西高木__837-4</t>
  </si>
  <si>
    <t>八幡町二丁目__490-2</t>
  </si>
  <si>
    <t>西高木__838-2</t>
  </si>
  <si>
    <t>西高木__838-3</t>
  </si>
  <si>
    <t>西高木__867-2</t>
  </si>
  <si>
    <t>西高木__867-3</t>
  </si>
  <si>
    <t>西高木__868-5</t>
  </si>
  <si>
    <t>西高木__868-6</t>
  </si>
  <si>
    <t>西高木__868-9</t>
  </si>
  <si>
    <t>西高木__868-10</t>
  </si>
  <si>
    <t>西高木__868-11</t>
  </si>
  <si>
    <t>西高木__868-12</t>
  </si>
  <si>
    <t>八幡町二丁目__491-2</t>
  </si>
  <si>
    <t>西高木__870-2</t>
  </si>
  <si>
    <t>西高木__870-3</t>
  </si>
  <si>
    <t>西高木__871-2</t>
  </si>
  <si>
    <t>西高木__871-3</t>
  </si>
  <si>
    <t>西高木__872-2</t>
  </si>
  <si>
    <t>西高木__872-3</t>
  </si>
  <si>
    <t>西高木__873-2</t>
  </si>
  <si>
    <t>西高木__873-3</t>
  </si>
  <si>
    <t>西高木__874-2</t>
  </si>
  <si>
    <t>西高木__874-3</t>
  </si>
  <si>
    <t>八幡町二丁目__492-2</t>
  </si>
  <si>
    <t>西高木__876-2</t>
  </si>
  <si>
    <t>西高木__876-3</t>
  </si>
  <si>
    <t>西高木__877-2</t>
  </si>
  <si>
    <t>西高木__877-3</t>
  </si>
  <si>
    <t>西高木__881-2</t>
  </si>
  <si>
    <t>西高木__881-3</t>
  </si>
  <si>
    <t>西高木__882-2</t>
  </si>
  <si>
    <t>西高木__882-3</t>
  </si>
  <si>
    <t>西高木__886-2</t>
  </si>
  <si>
    <t>西高木__886-3</t>
  </si>
  <si>
    <t>八幡町二丁目__493-2</t>
  </si>
  <si>
    <t>西高木__888-2</t>
  </si>
  <si>
    <t>西高木__888-3</t>
  </si>
  <si>
    <t>西高木__1039-2</t>
  </si>
  <si>
    <t>西高木__1039-3</t>
  </si>
  <si>
    <t>西高木__1040-2</t>
  </si>
  <si>
    <t>西高木__1040-3</t>
  </si>
  <si>
    <t>西高木__1041-2</t>
  </si>
  <si>
    <t>西高木__1041-3</t>
  </si>
  <si>
    <t>西高木__1042-2</t>
  </si>
  <si>
    <t>西高木__1042-3</t>
  </si>
  <si>
    <t>八幡町二丁目__521-25</t>
  </si>
  <si>
    <t>西高木__1043-2</t>
  </si>
  <si>
    <t>西高木__1043-3</t>
  </si>
  <si>
    <t>西高木__1044-2</t>
  </si>
  <si>
    <t>西高木__1044-3</t>
  </si>
  <si>
    <t>西高木__1045-2</t>
  </si>
  <si>
    <t>西高木__1045-3</t>
  </si>
  <si>
    <t>西高木__1046-2</t>
  </si>
  <si>
    <t>西高木__1046-3</t>
  </si>
  <si>
    <t>西高木__1047-2</t>
  </si>
  <si>
    <t>西高木__1047-3</t>
  </si>
  <si>
    <t>八幡町二丁目__528-1</t>
  </si>
  <si>
    <t>西高木__1048-2</t>
  </si>
  <si>
    <t>西高木__1048-4</t>
  </si>
  <si>
    <t>西高木__1049-2</t>
  </si>
  <si>
    <t>西高木__1049-4</t>
  </si>
  <si>
    <t>西高木__1050-2</t>
  </si>
  <si>
    <t>西高木__1050-3</t>
  </si>
  <si>
    <t>西高木__1051-2</t>
  </si>
  <si>
    <t>西高木__1051-3</t>
  </si>
  <si>
    <t>西高木__1052-2</t>
  </si>
  <si>
    <t>西高木__1052-3</t>
  </si>
  <si>
    <t>八幡町二丁目__528-6</t>
  </si>
  <si>
    <t>西高木__1053-2</t>
  </si>
  <si>
    <t>西高木__1053-3</t>
  </si>
  <si>
    <t>西高木__1054-2</t>
  </si>
  <si>
    <t>西高木__1054-3</t>
  </si>
  <si>
    <t>西高木__1055-2</t>
  </si>
  <si>
    <t>西高木__1055-3</t>
  </si>
  <si>
    <t>西高木__1056-2</t>
  </si>
  <si>
    <t>西高木__1056-3</t>
  </si>
  <si>
    <t>西高木__1057-2</t>
  </si>
  <si>
    <t>西高木__1057-3</t>
  </si>
  <si>
    <t>八幡町二丁目__530-6</t>
  </si>
  <si>
    <t>西高木__1093-2</t>
  </si>
  <si>
    <t>西高木__1094-2</t>
  </si>
  <si>
    <t>西高木__1095-2</t>
  </si>
  <si>
    <t>西高木__1097-2</t>
  </si>
  <si>
    <t>西高木__1098-2</t>
  </si>
  <si>
    <t>西高木__1099-2</t>
  </si>
  <si>
    <t>西高木__1100-2</t>
  </si>
  <si>
    <t>西高木__1101-2</t>
  </si>
  <si>
    <t>西高木__1102-2</t>
  </si>
  <si>
    <t>西高木__1103-2</t>
  </si>
  <si>
    <t>庄西町二丁目__254-2</t>
  </si>
  <si>
    <t>八幡町二丁目__530-14</t>
  </si>
  <si>
    <t>西高木__1104-2</t>
  </si>
  <si>
    <t>西高木__1105-2</t>
  </si>
  <si>
    <t>西高木__1106-2</t>
  </si>
  <si>
    <t>西高木__1108-2</t>
  </si>
  <si>
    <t>西高木__1109-4</t>
  </si>
  <si>
    <t>西高木__1109-5</t>
  </si>
  <si>
    <t>西高木__1151-2</t>
  </si>
  <si>
    <t>西高木__1152-2</t>
  </si>
  <si>
    <t>西高木__1153-2</t>
  </si>
  <si>
    <t>西高木__1154-2</t>
  </si>
  <si>
    <t>八幡町二丁目__551-9</t>
  </si>
  <si>
    <t>西高木__1155-2</t>
  </si>
  <si>
    <t>西高木__1156-2</t>
  </si>
  <si>
    <t>西高木__1157-2</t>
  </si>
  <si>
    <t>西高木__1158-2</t>
  </si>
  <si>
    <t>西高木__1159-2</t>
  </si>
  <si>
    <t>西高木__1160-2</t>
  </si>
  <si>
    <t>西高木__1160-3</t>
  </si>
  <si>
    <t>西高木__1161-2</t>
  </si>
  <si>
    <t>西高木__1161-3</t>
  </si>
  <si>
    <t>西高木__1162-3</t>
  </si>
  <si>
    <t>八幡町二丁目__676</t>
  </si>
  <si>
    <t>西高木__1162-4</t>
  </si>
  <si>
    <t>西高木__1162-6</t>
  </si>
  <si>
    <t>西高木__1162-7</t>
  </si>
  <si>
    <t>西高木__1162-8</t>
  </si>
  <si>
    <t>西高木__1163-2</t>
  </si>
  <si>
    <t>西高木__1163-3</t>
  </si>
  <si>
    <t>西高木__1164-2</t>
  </si>
  <si>
    <t>西高木__1164-3</t>
  </si>
  <si>
    <t>西高木__1165-2</t>
  </si>
  <si>
    <t>西高木__1165-3</t>
  </si>
  <si>
    <t>八幡町二丁目__718-3</t>
  </si>
  <si>
    <t>西高木__1166-2</t>
  </si>
  <si>
    <t>西高木__1166-3</t>
  </si>
  <si>
    <t>西高木__1167-2</t>
  </si>
  <si>
    <t>西高木__1167-3</t>
  </si>
  <si>
    <t>西高木__1168-2</t>
  </si>
  <si>
    <t>西高木__1168-3</t>
  </si>
  <si>
    <t>西高木__1169-2</t>
  </si>
  <si>
    <t>西高木__1169-3</t>
  </si>
  <si>
    <t>西高木__1170-2</t>
  </si>
  <si>
    <t>西高木__1170-4</t>
  </si>
  <si>
    <t>八幡町二丁目__2586-2</t>
  </si>
  <si>
    <t>西高木__1171-2</t>
  </si>
  <si>
    <t>西高木__1171-4</t>
  </si>
  <si>
    <t>西高木__1172-2</t>
  </si>
  <si>
    <t>西高木__1172-4</t>
  </si>
  <si>
    <t>西高木__1180-5</t>
  </si>
  <si>
    <t>西高木__1181-8</t>
  </si>
  <si>
    <t>西高木__1500</t>
  </si>
  <si>
    <t>西高木__1506</t>
  </si>
  <si>
    <t>稲積__6-2</t>
  </si>
  <si>
    <t>稲積__13-3</t>
  </si>
  <si>
    <t>八幡町三丁目__61-3</t>
  </si>
  <si>
    <t>稲積__14-3</t>
  </si>
  <si>
    <t>稲積__17-2</t>
  </si>
  <si>
    <t>稲積__18-2</t>
  </si>
  <si>
    <t>稲積__19-3</t>
  </si>
  <si>
    <t>稲積__19-4</t>
  </si>
  <si>
    <t>稲積__52-16</t>
  </si>
  <si>
    <t>稲積__52-17</t>
  </si>
  <si>
    <t>稲積__52-19</t>
  </si>
  <si>
    <t>稲積__52-20</t>
  </si>
  <si>
    <t>稲積__52-21</t>
  </si>
  <si>
    <t>八幡町三丁目__382-2</t>
  </si>
  <si>
    <t>稲積__52-22</t>
  </si>
  <si>
    <t>稲積__52-23</t>
  </si>
  <si>
    <t>稲積__52-24</t>
  </si>
  <si>
    <t>稲積__52-25</t>
  </si>
  <si>
    <t>稲積__128-3</t>
  </si>
  <si>
    <t>稲積__129-2</t>
  </si>
  <si>
    <t>稲積__137-3</t>
  </si>
  <si>
    <t>稲積__138-10</t>
  </si>
  <si>
    <t>稲積__138-11</t>
  </si>
  <si>
    <t>稲積__272-4</t>
  </si>
  <si>
    <t>八幡町三丁目__385-2</t>
  </si>
  <si>
    <t>稲積__348-2</t>
  </si>
  <si>
    <t>稲積__349-2</t>
  </si>
  <si>
    <t>稲積__355-4</t>
  </si>
  <si>
    <t>稲積__357-3</t>
  </si>
  <si>
    <t>稲積__373-3</t>
  </si>
  <si>
    <t>稲積__374-2</t>
  </si>
  <si>
    <t>稲積__390-5</t>
  </si>
  <si>
    <t>稲積__390-6</t>
  </si>
  <si>
    <t>稲積__390-7</t>
  </si>
  <si>
    <t>稲積__399-3</t>
  </si>
  <si>
    <t>八幡町三丁目__413-2</t>
  </si>
  <si>
    <t>稲積__400-2</t>
  </si>
  <si>
    <t>稲積__401-2</t>
  </si>
  <si>
    <t>稲積__404-2</t>
  </si>
  <si>
    <t>稲積__404-3</t>
  </si>
  <si>
    <t>稲積__411-2</t>
  </si>
  <si>
    <t>稲積__412-2</t>
  </si>
  <si>
    <t>稲積__413-2</t>
  </si>
  <si>
    <t>稲積__420-3</t>
  </si>
  <si>
    <t>稲積__421-2</t>
  </si>
  <si>
    <t>稲積__422-2</t>
  </si>
  <si>
    <t>八幡町三丁目__414-2</t>
  </si>
  <si>
    <t>稲積__500-2</t>
  </si>
  <si>
    <t>稲積__501-2</t>
  </si>
  <si>
    <t>稲積__502-2</t>
  </si>
  <si>
    <t>稲積__505-3</t>
  </si>
  <si>
    <t>稲積__508-2</t>
  </si>
  <si>
    <t>稲積__509-2</t>
  </si>
  <si>
    <t>稲積__518-2</t>
  </si>
  <si>
    <t>稲積__519-2</t>
  </si>
  <si>
    <t>稲積__524-3</t>
  </si>
  <si>
    <t>稲積__525-2</t>
  </si>
  <si>
    <t>庄西町二丁目__255-2</t>
  </si>
  <si>
    <t>八幡町三丁目__480-3</t>
  </si>
  <si>
    <t>稲積__526-2</t>
  </si>
  <si>
    <t>稲積__527-2</t>
  </si>
  <si>
    <t>稲積__538-2</t>
  </si>
  <si>
    <t>稲積__539-2</t>
  </si>
  <si>
    <t>稲積__540-2</t>
  </si>
  <si>
    <t>稲積__541-2</t>
  </si>
  <si>
    <t>稲積__548-3</t>
  </si>
  <si>
    <t>稲積__559-3</t>
  </si>
  <si>
    <t>稲積__560-3</t>
  </si>
  <si>
    <t>稲積__561-3</t>
  </si>
  <si>
    <t>八幡町三丁目__490-1</t>
  </si>
  <si>
    <t>稲積__562-2</t>
  </si>
  <si>
    <t>稲積__562-3</t>
  </si>
  <si>
    <t>稲積__565-2</t>
  </si>
  <si>
    <t>稲積__566-3</t>
  </si>
  <si>
    <t>稲積__581-2</t>
  </si>
  <si>
    <t>稲積__582-2</t>
  </si>
  <si>
    <t>稲積__583-2</t>
  </si>
  <si>
    <t>稲積__584-2</t>
  </si>
  <si>
    <t>稲積__585-2</t>
  </si>
  <si>
    <t>稲積__586-2</t>
  </si>
  <si>
    <t>八幡町三丁目__491-1</t>
  </si>
  <si>
    <t>稲積__587-2</t>
  </si>
  <si>
    <t>稲積__594-4</t>
  </si>
  <si>
    <t>稲積__594-5</t>
  </si>
  <si>
    <t>稲積__594-6</t>
  </si>
  <si>
    <t>稲積__595-2</t>
  </si>
  <si>
    <t>稲積__596-2</t>
  </si>
  <si>
    <t>稲積__605-5</t>
  </si>
  <si>
    <t>稲積__607-7</t>
  </si>
  <si>
    <t>稲積__607-8</t>
  </si>
  <si>
    <t>稲積__621-2</t>
  </si>
  <si>
    <t>八幡町三丁目__492-1</t>
  </si>
  <si>
    <t>稲積__622-3</t>
  </si>
  <si>
    <t>稲積__623-3</t>
  </si>
  <si>
    <t>稲積__624-3</t>
  </si>
  <si>
    <t>稲積__655-6</t>
  </si>
  <si>
    <t>稲積__668-2</t>
  </si>
  <si>
    <t>稲積__669-2</t>
  </si>
  <si>
    <t>稲積__670-3</t>
  </si>
  <si>
    <t>稲積__673-4</t>
  </si>
  <si>
    <t>稲積__674-3</t>
  </si>
  <si>
    <t>稲積__675-2</t>
  </si>
  <si>
    <t>八幡町三丁目__493-1</t>
  </si>
  <si>
    <t>稲積__677-2</t>
  </si>
  <si>
    <t>稲積__706-3</t>
  </si>
  <si>
    <t>稲積__719-2</t>
  </si>
  <si>
    <t>稲積__719-3</t>
  </si>
  <si>
    <t>稲積__725-3</t>
  </si>
  <si>
    <t>稲積__725-4</t>
  </si>
  <si>
    <t>稲積__726-2</t>
  </si>
  <si>
    <t>稲積__726-3</t>
  </si>
  <si>
    <t>稲積__727-2</t>
  </si>
  <si>
    <t>稲積__728-2</t>
  </si>
  <si>
    <t>八幡町三丁目__498-3</t>
  </si>
  <si>
    <t>稲積__729-2</t>
  </si>
  <si>
    <t>稲積__730-2</t>
  </si>
  <si>
    <t>稲積__937-2</t>
  </si>
  <si>
    <t>稲積__937-3</t>
  </si>
  <si>
    <t>稲積__938-2</t>
  </si>
  <si>
    <t>稲積__938-3</t>
  </si>
  <si>
    <t>稲積__939-2</t>
  </si>
  <si>
    <t>稲積__939-3</t>
  </si>
  <si>
    <t>稲積__940-2</t>
  </si>
  <si>
    <t>稲積__940-3</t>
  </si>
  <si>
    <t>八幡町三丁目__499-3</t>
  </si>
  <si>
    <t>稲積__941-2</t>
  </si>
  <si>
    <t>稲積__941-3</t>
  </si>
  <si>
    <t>稲積__942-2</t>
  </si>
  <si>
    <t>稲積__942-3</t>
  </si>
  <si>
    <t>稲積__943-2</t>
  </si>
  <si>
    <t>稲積__943-3</t>
  </si>
  <si>
    <t>稲積__944-2</t>
  </si>
  <si>
    <t>稲積__944-3</t>
  </si>
  <si>
    <t>稲積__945-2</t>
  </si>
  <si>
    <t>稲積__945-3</t>
  </si>
  <si>
    <t>八幡町三丁目__500-4</t>
  </si>
  <si>
    <t>稲積__946-2</t>
  </si>
  <si>
    <t>稲積__946-3</t>
  </si>
  <si>
    <t>稲積__947-2</t>
  </si>
  <si>
    <t>稲積__947-3</t>
  </si>
  <si>
    <t>稲積__948-2</t>
  </si>
  <si>
    <t>稲積__948-3</t>
  </si>
  <si>
    <t>稲積__949-2</t>
  </si>
  <si>
    <t>稲積__949-3</t>
  </si>
  <si>
    <t>稲積__950-2</t>
  </si>
  <si>
    <t>稲積__950-3</t>
  </si>
  <si>
    <t>八幡町三丁目__502-4</t>
  </si>
  <si>
    <t>稲積__951-4</t>
  </si>
  <si>
    <t>稲積__952-2</t>
  </si>
  <si>
    <t>稲積__953-2</t>
  </si>
  <si>
    <t>稲積__954-2</t>
  </si>
  <si>
    <t>稲積__955-2</t>
  </si>
  <si>
    <t>稲積__956-2</t>
  </si>
  <si>
    <t>稲積__957-2</t>
  </si>
  <si>
    <t>稲積__958-2</t>
  </si>
  <si>
    <t>稲積__959-2</t>
  </si>
  <si>
    <t>稲積__960-2</t>
  </si>
  <si>
    <t>八幡町三丁目__507-1</t>
  </si>
  <si>
    <t>稲積__961-2</t>
  </si>
  <si>
    <t>稲積__962-2</t>
  </si>
  <si>
    <t>稲積__963-2</t>
  </si>
  <si>
    <t>稲積__964-2</t>
  </si>
  <si>
    <t>稲積__965-2</t>
  </si>
  <si>
    <t>稲積__966-2</t>
  </si>
  <si>
    <t>稲積__967-2</t>
  </si>
  <si>
    <t>稲積__968-3</t>
  </si>
  <si>
    <t>稲積__969-3</t>
  </si>
  <si>
    <t>稲積__970-2</t>
  </si>
  <si>
    <t>庄西町二丁目__256-2</t>
  </si>
  <si>
    <t>八幡町三丁目__720</t>
  </si>
  <si>
    <t>稲積__971-2</t>
  </si>
  <si>
    <t>稲積__972-2</t>
  </si>
  <si>
    <t>稲積__973-2</t>
  </si>
  <si>
    <t>稲積__974-2</t>
  </si>
  <si>
    <t>稲積__975-2</t>
  </si>
  <si>
    <t>稲積__976-2</t>
  </si>
  <si>
    <t>稲積__977-2</t>
  </si>
  <si>
    <t>稲積__978-2</t>
  </si>
  <si>
    <t>稲積__979-2</t>
  </si>
  <si>
    <t>稲積__980-2</t>
  </si>
  <si>
    <t>八幡町三丁目__721</t>
  </si>
  <si>
    <t>稲積__981-2</t>
  </si>
  <si>
    <t>稲積__982-3</t>
  </si>
  <si>
    <t>稲積__982-4</t>
  </si>
  <si>
    <t>稲積__983-2</t>
  </si>
  <si>
    <t>稲積__984-2</t>
  </si>
  <si>
    <t>稲積__985-2</t>
  </si>
  <si>
    <t>稲積__986-2</t>
  </si>
  <si>
    <t>稲積__987-2</t>
  </si>
  <si>
    <t>稲積__988-2</t>
  </si>
  <si>
    <t>稲積__989-2</t>
  </si>
  <si>
    <t>八幡町三丁目__722</t>
  </si>
  <si>
    <t>稲積__990-2</t>
  </si>
  <si>
    <t>稲積__991-2</t>
  </si>
  <si>
    <t>稲積__992-2</t>
  </si>
  <si>
    <t>稲積__993-2</t>
  </si>
  <si>
    <t>稲積__994-2</t>
  </si>
  <si>
    <t>稲積__995-2</t>
  </si>
  <si>
    <t>稲積__996-3</t>
  </si>
  <si>
    <t>稲積__1005-3</t>
  </si>
  <si>
    <t>稲積__1006-4</t>
  </si>
  <si>
    <t>稲積__1007-2</t>
  </si>
  <si>
    <t>八幡町三丁目__723</t>
  </si>
  <si>
    <t>稲積__1008-2</t>
  </si>
  <si>
    <t>稲積__1009-2</t>
  </si>
  <si>
    <t>稲積__1010-3</t>
  </si>
  <si>
    <t>稲積__1010-4</t>
  </si>
  <si>
    <t>稲積__1011-2</t>
  </si>
  <si>
    <t>稲積__1012-2</t>
  </si>
  <si>
    <t>稲積__1013-3</t>
  </si>
  <si>
    <t>稲積__1013-4</t>
  </si>
  <si>
    <t>稲積__1014-2</t>
  </si>
  <si>
    <t>稲積__1015-2</t>
  </si>
  <si>
    <t>八幡町三丁目__724</t>
  </si>
  <si>
    <t>稲積__1016-2</t>
  </si>
  <si>
    <t>稲積__1017-2</t>
  </si>
  <si>
    <t>稲積__1018-2</t>
  </si>
  <si>
    <t>稲積__1019-2</t>
  </si>
  <si>
    <t>稲積__1020-2</t>
  </si>
  <si>
    <t>稲積__1021-2</t>
  </si>
  <si>
    <t>稲積__1022-2</t>
  </si>
  <si>
    <t>稲積__1023-2</t>
  </si>
  <si>
    <t>稲積__1024-3</t>
  </si>
  <si>
    <t>稲積__1024-4</t>
  </si>
  <si>
    <t>八幡町三丁目__725</t>
  </si>
  <si>
    <t>稲積__1025-2</t>
  </si>
  <si>
    <t>稲積__1026-2</t>
  </si>
  <si>
    <t>稲積__1027-2</t>
  </si>
  <si>
    <t>稲積__1028-2</t>
  </si>
  <si>
    <t>稲積__1029-2</t>
  </si>
  <si>
    <t>稲積__1030-2</t>
  </si>
  <si>
    <t>稲積__1031-2</t>
  </si>
  <si>
    <t>稲積__1032-3</t>
  </si>
  <si>
    <t>稲積__1033-3</t>
  </si>
  <si>
    <t>稲積__1034-2</t>
  </si>
  <si>
    <t>八幡町三丁目__733-2</t>
  </si>
  <si>
    <t>稲積__1035-2</t>
  </si>
  <si>
    <t>稲積__1036-2</t>
  </si>
  <si>
    <t>稲積__1037-2</t>
  </si>
  <si>
    <t>稲積__1038-2</t>
  </si>
  <si>
    <t>稲積__1039-2</t>
  </si>
  <si>
    <t>稲積__1040-2</t>
  </si>
  <si>
    <t>稲積__1041-2</t>
  </si>
  <si>
    <t>稲積__1042-2</t>
  </si>
  <si>
    <t>稲積__1043-2</t>
  </si>
  <si>
    <t>稲積__1044-2</t>
  </si>
  <si>
    <t>八幡町三丁目__734-2</t>
  </si>
  <si>
    <t>稲積__1045-2</t>
  </si>
  <si>
    <t>稲積__1046-2</t>
  </si>
  <si>
    <t>稲積__1047-2</t>
  </si>
  <si>
    <t>稲積__1048-2</t>
  </si>
  <si>
    <t>稲積__1049-2</t>
  </si>
  <si>
    <t>稲積__1050-2</t>
  </si>
  <si>
    <t>稲積__1051-4</t>
  </si>
  <si>
    <t>稲積__1052-2</t>
  </si>
  <si>
    <t>稲積__1052-3</t>
  </si>
  <si>
    <t>稲積__1053-2</t>
  </si>
  <si>
    <t>八幡町三丁目__736-2</t>
  </si>
  <si>
    <t>稲積__1053-3</t>
  </si>
  <si>
    <t>稲積__1054-2</t>
  </si>
  <si>
    <t>稲積__1054-3</t>
  </si>
  <si>
    <t>稲積__1055-2</t>
  </si>
  <si>
    <t>稲積__1055-3</t>
  </si>
  <si>
    <t>稲積__1056-2</t>
  </si>
  <si>
    <t>稲積__1056-3</t>
  </si>
  <si>
    <t>稲積__1057-2</t>
  </si>
  <si>
    <t>稲積__1057-3</t>
  </si>
  <si>
    <t>稲積__1058-2</t>
  </si>
  <si>
    <t>八幡町三丁目__737-3</t>
  </si>
  <si>
    <t>稲積__1058-3</t>
  </si>
  <si>
    <t>稲積__1059-3</t>
  </si>
  <si>
    <t>稲積__1059-4</t>
  </si>
  <si>
    <t>稲積__1060-2</t>
  </si>
  <si>
    <t>稲積__1060-3</t>
  </si>
  <si>
    <t>稲積__1061-2</t>
  </si>
  <si>
    <t>稲積__1061-3</t>
  </si>
  <si>
    <t>稲積__1062-2</t>
  </si>
  <si>
    <t>稲積__1062-3</t>
  </si>
  <si>
    <t>稲積__1063-2</t>
  </si>
  <si>
    <t>庄西町二丁目__257-2</t>
  </si>
  <si>
    <t>八幡町三丁目__776</t>
  </si>
  <si>
    <t>稲積__1063-3</t>
  </si>
  <si>
    <t>稲積__1064-2</t>
  </si>
  <si>
    <t>稲積__1064-3</t>
  </si>
  <si>
    <t>稲積__1065-2</t>
  </si>
  <si>
    <t>稲積__1065-3</t>
  </si>
  <si>
    <t>稲積__1066-2</t>
  </si>
  <si>
    <t>稲積__1066-3</t>
  </si>
  <si>
    <t>稲積__1067-2</t>
  </si>
  <si>
    <t>稲積__1067-3</t>
  </si>
  <si>
    <t>稲積_小立_1728-3</t>
  </si>
  <si>
    <t>八幡町三丁目__777</t>
  </si>
  <si>
    <t>稲積_小立_1728-4</t>
  </si>
  <si>
    <t>小杉白石__8-2</t>
  </si>
  <si>
    <t>小杉白石__13-2</t>
  </si>
  <si>
    <t>小杉白石__20-2</t>
  </si>
  <si>
    <t>小杉白石__21-2</t>
  </si>
  <si>
    <t>小杉白石__23-2</t>
  </si>
  <si>
    <t>小杉白石__24-2</t>
  </si>
  <si>
    <t>小杉白石__43-2</t>
  </si>
  <si>
    <t>小杉白石__43-3</t>
  </si>
  <si>
    <t>小杉白石__50-2</t>
  </si>
  <si>
    <t>八幡町三丁目__778</t>
  </si>
  <si>
    <t>小杉白石__51-2</t>
  </si>
  <si>
    <t>小杉白石__53-2</t>
  </si>
  <si>
    <t>小杉白石__57-2</t>
  </si>
  <si>
    <t>小杉白石__77-2</t>
  </si>
  <si>
    <t>小杉白石__77-3</t>
  </si>
  <si>
    <t>小杉白石__78-6</t>
  </si>
  <si>
    <t>小杉白石__83-2</t>
  </si>
  <si>
    <t>小杉白石__86-2</t>
  </si>
  <si>
    <t>小杉白石__93-2</t>
  </si>
  <si>
    <t>小杉白石__94-3</t>
  </si>
  <si>
    <t>八幡町三丁目__779</t>
  </si>
  <si>
    <t>小杉白石__164-2</t>
  </si>
  <si>
    <t>小杉白石__165-2</t>
  </si>
  <si>
    <t>小杉白石__174-2</t>
  </si>
  <si>
    <t>小杉白石__174-3</t>
  </si>
  <si>
    <t>小杉白石__174-5</t>
  </si>
  <si>
    <t>小杉白石__175-2</t>
  </si>
  <si>
    <t>小杉白石__178-2</t>
  </si>
  <si>
    <t>小杉白石__179-2</t>
  </si>
  <si>
    <t>小杉白石__181-2</t>
  </si>
  <si>
    <t>小杉白石__200-2</t>
  </si>
  <si>
    <t>八幡町三丁目__780</t>
  </si>
  <si>
    <t>小杉白石__246-2</t>
  </si>
  <si>
    <t>小杉白石__250-2</t>
  </si>
  <si>
    <t>小杉白石__251-2</t>
  </si>
  <si>
    <t>小杉白石__531-4</t>
  </si>
  <si>
    <t>小杉白石__532-2</t>
  </si>
  <si>
    <t>小杉白石__535-2</t>
  </si>
  <si>
    <t>小杉白石__535-3</t>
  </si>
  <si>
    <t>小杉白石__536-2</t>
  </si>
  <si>
    <t>小杉白石__536-3</t>
  </si>
  <si>
    <t>小杉白石__537-2</t>
  </si>
  <si>
    <t>八幡町三丁目__781</t>
  </si>
  <si>
    <t>小杉白石__537-3</t>
  </si>
  <si>
    <t>小杉白石__538-2</t>
  </si>
  <si>
    <t>小杉白石__538-3</t>
  </si>
  <si>
    <t>小杉白石__539-2</t>
  </si>
  <si>
    <t>小杉白石__539-3</t>
  </si>
  <si>
    <t>小杉白石__540-2</t>
  </si>
  <si>
    <t>小杉白石__540-3</t>
  </si>
  <si>
    <t>小杉白石__541-2</t>
  </si>
  <si>
    <t>小杉白石__541-4</t>
  </si>
  <si>
    <t>小杉白石__542-2</t>
  </si>
  <si>
    <t>八幡町三丁目__782</t>
  </si>
  <si>
    <t>小杉白石__543-2</t>
  </si>
  <si>
    <t>小杉白石__544-2</t>
  </si>
  <si>
    <t>小杉白石__545-2</t>
  </si>
  <si>
    <t>小杉白石__546-2</t>
  </si>
  <si>
    <t>小杉白石__547-2</t>
  </si>
  <si>
    <t>小杉白石__733-2</t>
  </si>
  <si>
    <t>小杉白石__734-2</t>
  </si>
  <si>
    <t>小杉白石__735-2</t>
  </si>
  <si>
    <t>小杉白石__736-2</t>
  </si>
  <si>
    <t>小杉白石__737-2</t>
  </si>
  <si>
    <t>八幡町三丁目__783</t>
  </si>
  <si>
    <t>小杉白石__738-2</t>
  </si>
  <si>
    <t>小杉白石__739-2</t>
  </si>
  <si>
    <t>小杉白石__740-2</t>
  </si>
  <si>
    <t>小杉白石__741-2</t>
  </si>
  <si>
    <t>小杉白石__742-2</t>
  </si>
  <si>
    <t>小杉白石__743-2</t>
  </si>
  <si>
    <t>小杉白石__744-2</t>
  </si>
  <si>
    <t>小杉白石__745-2</t>
  </si>
  <si>
    <t>小杉白石__746-2</t>
  </si>
  <si>
    <t>小杉白石__840-3</t>
  </si>
  <si>
    <t>八幡町三丁目__784</t>
  </si>
  <si>
    <t>小杉白石__868-3</t>
  </si>
  <si>
    <t>小杉白石__884-3</t>
  </si>
  <si>
    <t>小杉白石__907-4</t>
  </si>
  <si>
    <t>小杉白石__924-3</t>
  </si>
  <si>
    <t>小杉白石__942-2</t>
  </si>
  <si>
    <t>小杉白石__942-3</t>
  </si>
  <si>
    <t>小杉白石__943-5</t>
  </si>
  <si>
    <t>小杉白石__947-3</t>
  </si>
  <si>
    <t>小杉白石__948-2</t>
  </si>
  <si>
    <t>小杉白石__989</t>
  </si>
  <si>
    <t>八幡町三丁目__785</t>
  </si>
  <si>
    <t>小杉白石__991-1</t>
  </si>
  <si>
    <t>黒河__1-2</t>
  </si>
  <si>
    <t>黒河__1-3</t>
  </si>
  <si>
    <t>黒河__19-2</t>
  </si>
  <si>
    <t>黒河__21-3</t>
  </si>
  <si>
    <t>黒河__21-4</t>
  </si>
  <si>
    <t>黒河__22-2</t>
  </si>
  <si>
    <t>黒河__26-2</t>
  </si>
  <si>
    <t>黒河__27-1</t>
  </si>
  <si>
    <t>黒河__29-4</t>
  </si>
  <si>
    <t>庄西町二丁目__258-2</t>
  </si>
  <si>
    <t>八幡町三丁目__786</t>
  </si>
  <si>
    <t>黒河__66-2</t>
  </si>
  <si>
    <t>黒河__67-2</t>
  </si>
  <si>
    <t>黒河__74-3</t>
  </si>
  <si>
    <t>黒河__75-3</t>
  </si>
  <si>
    <t>黒河__80-3</t>
  </si>
  <si>
    <t>黒河__81-3</t>
  </si>
  <si>
    <t>黒河__107-2</t>
  </si>
  <si>
    <t>黒河__108-2</t>
  </si>
  <si>
    <t>黒河__226-2</t>
  </si>
  <si>
    <t>黒河__227-2</t>
  </si>
  <si>
    <t>八幡町三丁目__789</t>
  </si>
  <si>
    <t>黒河__230-2</t>
  </si>
  <si>
    <t>黒河__231-2</t>
  </si>
  <si>
    <t>黒河__238-2</t>
  </si>
  <si>
    <t>黒河__239-2</t>
  </si>
  <si>
    <t>黒河__261-2</t>
  </si>
  <si>
    <t>黒河__262-2</t>
  </si>
  <si>
    <t>黒河__270-2</t>
  </si>
  <si>
    <t>黒河__271-2</t>
  </si>
  <si>
    <t>黒河__276-2</t>
  </si>
  <si>
    <t>黒河__277-2</t>
  </si>
  <si>
    <t>八幡町三丁目__790</t>
  </si>
  <si>
    <t>黒河__393-3</t>
  </si>
  <si>
    <t>黒河__394-2</t>
  </si>
  <si>
    <t>黒河__395-2</t>
  </si>
  <si>
    <t>黒河__398-2</t>
  </si>
  <si>
    <t>黒河__424-2</t>
  </si>
  <si>
    <t>黒河__425-4</t>
  </si>
  <si>
    <t>黒河__425-5</t>
  </si>
  <si>
    <t>黒河__426-2</t>
  </si>
  <si>
    <t>黒河__427-2</t>
  </si>
  <si>
    <t>黒河__427-3</t>
  </si>
  <si>
    <t>八幡町三丁目__791</t>
  </si>
  <si>
    <t>黒河__430-2</t>
  </si>
  <si>
    <t>黒河__449-2</t>
  </si>
  <si>
    <t>黒河__450-2</t>
  </si>
  <si>
    <t>黒河__451-2</t>
  </si>
  <si>
    <t>黒河__471-2</t>
  </si>
  <si>
    <t>黒河__473-2</t>
  </si>
  <si>
    <t>黒河__474-2</t>
  </si>
  <si>
    <t>黒河__475-2</t>
  </si>
  <si>
    <t>黒河__489-2</t>
  </si>
  <si>
    <t>黒河__490-2</t>
  </si>
  <si>
    <t>八幡町三丁目__792</t>
  </si>
  <si>
    <t>黒河__514-2</t>
  </si>
  <si>
    <t>黒河__515-2</t>
  </si>
  <si>
    <t>黒河__516-2</t>
  </si>
  <si>
    <t>黒河__517-2</t>
  </si>
  <si>
    <t>黒河__521-4</t>
  </si>
  <si>
    <t>黒河__522-3</t>
  </si>
  <si>
    <t>黒河__523-3</t>
  </si>
  <si>
    <t>黒河__524-3</t>
  </si>
  <si>
    <t>黒河__530-3</t>
  </si>
  <si>
    <t>黒河__558-2</t>
  </si>
  <si>
    <t>八幡町三丁目__793</t>
  </si>
  <si>
    <t>黒河__559-2</t>
  </si>
  <si>
    <t>黒河__580-3</t>
  </si>
  <si>
    <t>黒河__595-2</t>
  </si>
  <si>
    <t>黒河__596-2</t>
  </si>
  <si>
    <t>黒河__597-2</t>
  </si>
  <si>
    <t>黒河__598-2</t>
  </si>
  <si>
    <t>黒河__599-2</t>
  </si>
  <si>
    <t>黒河__600-3</t>
  </si>
  <si>
    <t>黒河__600-4</t>
  </si>
  <si>
    <t>黒河__601-2</t>
  </si>
  <si>
    <t>八幡町三丁目__794</t>
  </si>
  <si>
    <t>黒河__605-2</t>
  </si>
  <si>
    <t>黒河__606-2</t>
  </si>
  <si>
    <t>黒河__607-2</t>
  </si>
  <si>
    <t>黒河__608-2</t>
  </si>
  <si>
    <t>黒河__611-2</t>
  </si>
  <si>
    <t>黒河__612-2</t>
  </si>
  <si>
    <t>黒河__614-2</t>
  </si>
  <si>
    <t>黒河__615-2</t>
  </si>
  <si>
    <t>黒河__615-3</t>
  </si>
  <si>
    <t>黒河__640-3</t>
  </si>
  <si>
    <t>八幡町三丁目__795</t>
  </si>
  <si>
    <t>黒河__641-3</t>
  </si>
  <si>
    <t>黒河__642-3</t>
  </si>
  <si>
    <t>黒河__643-3</t>
  </si>
  <si>
    <t>黒河__644-3</t>
  </si>
  <si>
    <t>黒河__645-3</t>
  </si>
  <si>
    <t>黒河__672-3</t>
  </si>
  <si>
    <t>黒河__673-3</t>
  </si>
  <si>
    <t>黒河__674-3</t>
  </si>
  <si>
    <t>黒河__711-3</t>
  </si>
  <si>
    <t>黒河__712-3</t>
  </si>
  <si>
    <t>八幡町三丁目__796</t>
  </si>
  <si>
    <t>黒河__713-3</t>
  </si>
  <si>
    <t>黒河__779-2</t>
  </si>
  <si>
    <t>黒河__816-2</t>
  </si>
  <si>
    <t>黒河__817-2</t>
  </si>
  <si>
    <t>黒河__817-3</t>
  </si>
  <si>
    <t>黒河__828-2</t>
  </si>
  <si>
    <t>黒河__829-2</t>
  </si>
  <si>
    <t>黒河__830-2</t>
  </si>
  <si>
    <t>黒河__831-2</t>
  </si>
  <si>
    <t>黒河__834-2</t>
  </si>
  <si>
    <t>八幡町三丁目__797</t>
  </si>
  <si>
    <t>黒河__835-2</t>
  </si>
  <si>
    <t>黒河__836-2</t>
  </si>
  <si>
    <t>黒河__837-2</t>
  </si>
  <si>
    <t>黒河__862-2</t>
  </si>
  <si>
    <t>黒河__1003</t>
  </si>
  <si>
    <t>黒河__1006</t>
  </si>
  <si>
    <t>黒河__1009</t>
  </si>
  <si>
    <t>黒河__1013</t>
  </si>
  <si>
    <t>黒河__1014-1</t>
  </si>
  <si>
    <t>黒河__1014-3</t>
  </si>
  <si>
    <t>庄西町二丁目__259-2</t>
  </si>
  <si>
    <t>八幡町三丁目__798</t>
  </si>
  <si>
    <t>黒河__1024</t>
  </si>
  <si>
    <t>黒河__1025</t>
  </si>
  <si>
    <t>黒河__1028</t>
  </si>
  <si>
    <t>黒河__1030</t>
  </si>
  <si>
    <t>黒河__1031</t>
  </si>
  <si>
    <t>黒河__1032</t>
  </si>
  <si>
    <t>黒河__1034</t>
  </si>
  <si>
    <t>黒河__1036</t>
  </si>
  <si>
    <t>黒河__1037</t>
  </si>
  <si>
    <t>黒河__1038</t>
  </si>
  <si>
    <t>八幡町三丁目__799</t>
  </si>
  <si>
    <t>黒河__1043</t>
  </si>
  <si>
    <t>黒河__1047</t>
  </si>
  <si>
    <t>黒河__1049</t>
  </si>
  <si>
    <t>黒河__1051</t>
  </si>
  <si>
    <t>黒河__1054</t>
  </si>
  <si>
    <t>黒河__1064</t>
  </si>
  <si>
    <t>黒河__1065</t>
  </si>
  <si>
    <t>黒河__1066</t>
  </si>
  <si>
    <t>黒河__1070</t>
  </si>
  <si>
    <t>黒河__1071</t>
  </si>
  <si>
    <t>八幡町三丁目__800</t>
  </si>
  <si>
    <t>黒河__1078</t>
  </si>
  <si>
    <t>黒河__1080</t>
  </si>
  <si>
    <t>黒河__1084</t>
  </si>
  <si>
    <t>黒河__1085</t>
  </si>
  <si>
    <t>黒河__1086</t>
  </si>
  <si>
    <t>黒河__1089</t>
  </si>
  <si>
    <t>黒河__1090</t>
  </si>
  <si>
    <t>黒河__1093</t>
  </si>
  <si>
    <t>黒河__1219-1</t>
  </si>
  <si>
    <t>黒河__1219-2</t>
  </si>
  <si>
    <t>八幡町三丁目__801</t>
  </si>
  <si>
    <t>黒河__1220-1</t>
  </si>
  <si>
    <t>黒河__1220-3</t>
  </si>
  <si>
    <t>黒河__1221-1</t>
  </si>
  <si>
    <t>黒河__1221-2</t>
  </si>
  <si>
    <t>黒河__1269</t>
  </si>
  <si>
    <t>黒河__1281</t>
  </si>
  <si>
    <t>黒河__1317</t>
  </si>
  <si>
    <t>黒河__1323</t>
  </si>
  <si>
    <t>黒河__1325-2</t>
  </si>
  <si>
    <t>黒河__1340</t>
  </si>
  <si>
    <t>八幡町三丁目__802</t>
  </si>
  <si>
    <t>黒河__1341</t>
  </si>
  <si>
    <t>黒河__1360-1</t>
  </si>
  <si>
    <t>黒河__1361-1</t>
  </si>
  <si>
    <t>黒河__1362-1</t>
  </si>
  <si>
    <t>黒河__1363-1</t>
  </si>
  <si>
    <t>黒河__1365-1</t>
  </si>
  <si>
    <t>黒河__1366-1</t>
  </si>
  <si>
    <t>黒河_前田_1436-3</t>
  </si>
  <si>
    <t>黒河_前田_1437-3</t>
  </si>
  <si>
    <t>黒河_前田_1441-2</t>
  </si>
  <si>
    <t>八幡町三丁目__803</t>
  </si>
  <si>
    <t>黒河_前田_1442-2</t>
  </si>
  <si>
    <t>黒河_前田_1443-2</t>
  </si>
  <si>
    <t>黒河_前田_1444-3</t>
  </si>
  <si>
    <t>黒河_前田_1671-3</t>
  </si>
  <si>
    <t>黒河_前田_1671-4</t>
  </si>
  <si>
    <t>黒河_前田_1672-2</t>
  </si>
  <si>
    <t>黒河_前田_1674-2</t>
  </si>
  <si>
    <t>黒河_前田_1698-2</t>
  </si>
  <si>
    <t>黒河_前田_1701-2</t>
  </si>
  <si>
    <t>黒河_前田_1702-2</t>
  </si>
  <si>
    <t>八幡町三丁目__804</t>
  </si>
  <si>
    <t>黒河_前田_1703-2</t>
  </si>
  <si>
    <t>黒河_前田_1703-3</t>
  </si>
  <si>
    <t>黒河_前田_1703-4</t>
  </si>
  <si>
    <t>黒河_前田_1704-2</t>
  </si>
  <si>
    <t>黒河_前田_1705</t>
  </si>
  <si>
    <t>黒河_前田_1706-3</t>
  </si>
  <si>
    <t>黒河_前田_1706-4</t>
  </si>
  <si>
    <t>黒河_前田_1712-3</t>
  </si>
  <si>
    <t>黒河_前田_1713-3</t>
  </si>
  <si>
    <t>黒河_前田_1713-4</t>
  </si>
  <si>
    <t>八幡町三丁目__807</t>
  </si>
  <si>
    <t>黒河_前田_1713-5</t>
  </si>
  <si>
    <t>黒河_前田_1714-2</t>
  </si>
  <si>
    <t>黒河_前田_1715-2</t>
  </si>
  <si>
    <t>黒河_前田_1791-2</t>
  </si>
  <si>
    <t>黒河_前田_1794-2</t>
  </si>
  <si>
    <t>黒河_前田_1795-4</t>
  </si>
  <si>
    <t>黒河_前田_1795-5</t>
  </si>
  <si>
    <t>黒河_前田_1796-2</t>
  </si>
  <si>
    <t>黒河_前田_1797-2</t>
  </si>
  <si>
    <t>黒河_前田_1798-2</t>
  </si>
  <si>
    <t>八幡町三丁目__808</t>
  </si>
  <si>
    <t>黒河_前田_1799-2</t>
  </si>
  <si>
    <t>黒河_前田_1800-2</t>
  </si>
  <si>
    <t>黒河_前田_1800-3</t>
  </si>
  <si>
    <t>黒河_前田_1801-2</t>
  </si>
  <si>
    <t>黒河_前田_1801-3</t>
  </si>
  <si>
    <t>黒河_前田_1802-2</t>
  </si>
  <si>
    <t>黒河_前田_1803-2</t>
  </si>
  <si>
    <t>黒河_前田_1808-2</t>
  </si>
  <si>
    <t>黒河_前田_1880-2</t>
  </si>
  <si>
    <t>黒河_前田_1881-2</t>
  </si>
  <si>
    <t>八幡町三丁目__809</t>
  </si>
  <si>
    <t>黒河_前田_1888-2</t>
  </si>
  <si>
    <t>黒河_前田_1889-2</t>
  </si>
  <si>
    <t>黒河_前田_1890-2</t>
  </si>
  <si>
    <t>黒河_前田_1890-3</t>
  </si>
  <si>
    <t>黒河_前田_1891-3</t>
  </si>
  <si>
    <t>黒河_前田_1891-4</t>
  </si>
  <si>
    <t>黒河_前田_1895-6</t>
  </si>
  <si>
    <t>黒河_前田_1895-7</t>
  </si>
  <si>
    <t>黒河_前田_1895-8</t>
  </si>
  <si>
    <t>黒河_前田_1895-9</t>
  </si>
  <si>
    <t>庄西町一丁目__601-22</t>
  </si>
  <si>
    <t>庄西町二丁目__259-3</t>
  </si>
  <si>
    <t>八幡町三丁目__810</t>
  </si>
  <si>
    <t>黒河_前田_1896-2</t>
  </si>
  <si>
    <t>黒河_前田_1897-3</t>
  </si>
  <si>
    <t>黒河_前田_1897-4</t>
  </si>
  <si>
    <t>黒河_前田_1907-2</t>
  </si>
  <si>
    <t>黒河_前田_1911-2</t>
  </si>
  <si>
    <t>黒河_前田_1911-4</t>
  </si>
  <si>
    <t>黒河_前田_1911-5</t>
  </si>
  <si>
    <t>黒河_前田_1911-6</t>
  </si>
  <si>
    <t>黒河_前田_1922-2</t>
  </si>
  <si>
    <t>黒河_前田_1923-2</t>
  </si>
  <si>
    <t>八幡町三丁目__811</t>
  </si>
  <si>
    <t>黒河_前田_1924</t>
  </si>
  <si>
    <t>黒河_前田_1925</t>
  </si>
  <si>
    <t>黒河_前田_1926-2</t>
  </si>
  <si>
    <t>黒河_尺目_1934-3</t>
  </si>
  <si>
    <t>黒河_尺目_1935-3</t>
  </si>
  <si>
    <t>黒河_尺目_1936-2</t>
  </si>
  <si>
    <t>黒河_尺目_1937-2</t>
  </si>
  <si>
    <t>黒河_尺目_1941-2</t>
  </si>
  <si>
    <t>黒河_尺目_1942-2</t>
  </si>
  <si>
    <t>黒河_尺目_1942-3</t>
  </si>
  <si>
    <t>八幡町三丁目__812</t>
  </si>
  <si>
    <t>黒河_尺目_1961-3</t>
  </si>
  <si>
    <t>黒河_尺目_2381-2</t>
  </si>
  <si>
    <t>黒河_尺目_2382-2</t>
  </si>
  <si>
    <t>黒河_尺目_2384-2</t>
  </si>
  <si>
    <t>黒河_尺目_2421-2</t>
  </si>
  <si>
    <t>黒河_尺目_2423-2</t>
  </si>
  <si>
    <t>黒河_尺目_2423-3</t>
  </si>
  <si>
    <t>黒河_尺目_2431-2</t>
  </si>
  <si>
    <t>黒河_尺目_2431-3</t>
  </si>
  <si>
    <t>黒河_尺目_2432-2</t>
  </si>
  <si>
    <t>八幡町三丁目__813</t>
  </si>
  <si>
    <t>黒河_尺目_2432-3</t>
  </si>
  <si>
    <t>黒河_尺目_2436-2</t>
  </si>
  <si>
    <t>黒河_尺目_2438-3</t>
  </si>
  <si>
    <t>黒河_尺目_2460-4</t>
  </si>
  <si>
    <t>黒河_尺目_2485-3</t>
  </si>
  <si>
    <t>黒河_尺目_2488-2</t>
  </si>
  <si>
    <t>黒河_尺目_2489-3</t>
  </si>
  <si>
    <t>黒河_尺目_2489-4</t>
  </si>
  <si>
    <t>黒河_尺目_2490-2</t>
  </si>
  <si>
    <t>黒河_尺目_2495-3</t>
  </si>
  <si>
    <t>八幡町三丁目__814</t>
  </si>
  <si>
    <t>黒河_尺目_2496-2</t>
  </si>
  <si>
    <t>黒河_尺目_2497-2</t>
  </si>
  <si>
    <t>黒河_尺目_2503-2</t>
  </si>
  <si>
    <t>黒河_尺目_2503-3</t>
  </si>
  <si>
    <t>黒河_尺目_2504-3</t>
  </si>
  <si>
    <t>黒河_尺目_2504-4</t>
  </si>
  <si>
    <t>黒河_尺目_2505-3</t>
  </si>
  <si>
    <t>黒河_尺目_2505-4</t>
  </si>
  <si>
    <t>黒河_尺目_2505-5</t>
  </si>
  <si>
    <t>黒河_尺目_2505-6</t>
  </si>
  <si>
    <t>八幡町三丁目__815</t>
  </si>
  <si>
    <t>黒河_尺目_2506-3</t>
  </si>
  <si>
    <t>黒河_尺目_2506-4</t>
  </si>
  <si>
    <t>黒河_尺目_2507-3</t>
  </si>
  <si>
    <t>黒河_尺目_2507-4</t>
  </si>
  <si>
    <t>黒河_尺目_2508-2</t>
  </si>
  <si>
    <t>黒河_尺目_2508-3</t>
  </si>
  <si>
    <t>黒河_尺目_2510-2</t>
  </si>
  <si>
    <t>黒河_尺目_2510-3</t>
  </si>
  <si>
    <t>黒河_尺目_2511-2</t>
  </si>
  <si>
    <t>黒河_尺目_2514-2</t>
  </si>
  <si>
    <t>八幡町三丁目__816</t>
  </si>
  <si>
    <t>黒河_尺目_2515-2</t>
  </si>
  <si>
    <t>黒河_尺目_2516-4</t>
  </si>
  <si>
    <t>黒河_尺目_2516-5</t>
  </si>
  <si>
    <t>黒河_尺目_2520-3</t>
  </si>
  <si>
    <t>黒河_尺目_2528-3</t>
  </si>
  <si>
    <t>黒河_尺目_2529-2</t>
  </si>
  <si>
    <t>黒河_尺目_2530-2</t>
  </si>
  <si>
    <t>黒河_尺目_2531-3</t>
  </si>
  <si>
    <t>黒河_尺目_2532-2</t>
  </si>
  <si>
    <t>黒河_尺目_2534-2</t>
  </si>
  <si>
    <t>八幡町三丁目__817</t>
  </si>
  <si>
    <t>黒河_尺目_2535-2</t>
  </si>
  <si>
    <t>黒河_尺目_2539-2</t>
  </si>
  <si>
    <t>黒河_尺目_2540-3</t>
  </si>
  <si>
    <t>黒河_尺目_2540-4</t>
  </si>
  <si>
    <t>黒河_尺目_2542-2</t>
  </si>
  <si>
    <t>黒河_尺目_2543-3</t>
  </si>
  <si>
    <t>黒河_尺目_2544-3</t>
  </si>
  <si>
    <t>黒河_尺目_2545-3</t>
  </si>
  <si>
    <t>黒河_尺目_2546-3</t>
  </si>
  <si>
    <t>黒河_尺目_2546-4</t>
  </si>
  <si>
    <t>八幡町三丁目__818</t>
  </si>
  <si>
    <t>黒河_尺目_2549-2</t>
  </si>
  <si>
    <t>黒河_尺目_2550-2</t>
  </si>
  <si>
    <t>黒河_尺目_2551-2</t>
  </si>
  <si>
    <t>黒河_尺目_2551-6</t>
  </si>
  <si>
    <t>黒河_尺目_2551-7</t>
  </si>
  <si>
    <t>黒河_尺目_2551-8</t>
  </si>
  <si>
    <t>黒河_尺目_2551-9</t>
  </si>
  <si>
    <t>黒河_尺目_2551-10</t>
  </si>
  <si>
    <t>黒河_尺目_2552-2</t>
  </si>
  <si>
    <t>黒河_尺目_2552-3</t>
  </si>
  <si>
    <t>八幡町三丁目__821</t>
  </si>
  <si>
    <t>黒河_尺目_2553-2</t>
  </si>
  <si>
    <t>黒河_尺目_2558-2</t>
  </si>
  <si>
    <t>黒河_尺目_2559-2</t>
  </si>
  <si>
    <t>黒河_尺目_2560-2</t>
  </si>
  <si>
    <t>黒河_尺目_2563-2</t>
  </si>
  <si>
    <t>黒河_尺目_2564-2</t>
  </si>
  <si>
    <t>黒河_尺目_2571-2</t>
  </si>
  <si>
    <t>黒河_尺目_2573-3</t>
  </si>
  <si>
    <t>黒河_尺目_2573-4</t>
  </si>
  <si>
    <t>黒河_尺目_2574-3</t>
  </si>
  <si>
    <t>庄西町二丁目__261-2</t>
  </si>
  <si>
    <t>八幡町三丁目__824</t>
  </si>
  <si>
    <t>黒河_尺目_2574-4</t>
  </si>
  <si>
    <t>黒河_尺目_2574-5</t>
  </si>
  <si>
    <t>黒河_尺目_2574-6</t>
  </si>
  <si>
    <t>黒河_尺目_2575-2</t>
  </si>
  <si>
    <t>黒河_尺目_2575-3</t>
  </si>
  <si>
    <t>黒河_尺目_2576-2</t>
  </si>
  <si>
    <t>黒河_尺目_2576-3</t>
  </si>
  <si>
    <t>黒河_尺目_2577-5</t>
  </si>
  <si>
    <t>黒河_尺目_2577-6</t>
  </si>
  <si>
    <t>黒河_尺目_2577-7</t>
  </si>
  <si>
    <t>八幡町三丁目__826</t>
  </si>
  <si>
    <t>黒河_尺目_2577-8</t>
  </si>
  <si>
    <t>黒河_尺目_2577-9</t>
  </si>
  <si>
    <t>黒河_尺目_2577-10</t>
  </si>
  <si>
    <t>黒河_尺目_2610-3</t>
  </si>
  <si>
    <t>黒河_尺目_2610-4</t>
  </si>
  <si>
    <t>黒河_尺目_2611-3</t>
  </si>
  <si>
    <t>黒河_尺目_2614-2</t>
  </si>
  <si>
    <t>黒河_尺目_2668-2</t>
  </si>
  <si>
    <t>黒河_尺目_2669-4</t>
  </si>
  <si>
    <t>黒河_尺目_2669-5</t>
  </si>
  <si>
    <t>八幡町三丁目__828</t>
  </si>
  <si>
    <t>黒河_尺目_2671-3</t>
  </si>
  <si>
    <t>黒河_尺目_2671-4</t>
  </si>
  <si>
    <t>黒河_尺目_2675-2</t>
  </si>
  <si>
    <t>黒河_尺目_2676-3</t>
  </si>
  <si>
    <t>黒河_尺目_2676-4</t>
  </si>
  <si>
    <t>黒河_尺目_2677-5</t>
  </si>
  <si>
    <t>黒河_尺目_2684-2</t>
  </si>
  <si>
    <t>黒河_尺目_2686</t>
  </si>
  <si>
    <t>黒河_尺目_2693-3</t>
  </si>
  <si>
    <t>黒河_尺目_2693-4</t>
  </si>
  <si>
    <t>八幡町三丁目__829</t>
  </si>
  <si>
    <t>黒河_尺目_2694-1</t>
  </si>
  <si>
    <t>黒河_尺目_2694-4</t>
  </si>
  <si>
    <t>黒河_尺目_2695-1</t>
  </si>
  <si>
    <t>黒河_尺目_2695-2</t>
  </si>
  <si>
    <t>黒河_尺目_2941-2</t>
  </si>
  <si>
    <t>黒河_尺目_2942-2</t>
  </si>
  <si>
    <t>黒河_尺目_2943-2</t>
  </si>
  <si>
    <t>黒河_尺目_2943-3</t>
  </si>
  <si>
    <t>黒河_尺目_2944-2</t>
  </si>
  <si>
    <t>黒河_尺目_2945-2</t>
  </si>
  <si>
    <t>八幡町三丁目__830</t>
  </si>
  <si>
    <t>黒河_尺目_2946-2</t>
  </si>
  <si>
    <t>黒河_尺目_2951-2</t>
  </si>
  <si>
    <t>黒河_尺目_2958-2</t>
  </si>
  <si>
    <t>黒河_尺目_2959-2</t>
  </si>
  <si>
    <t>黒河_尺目_2960</t>
  </si>
  <si>
    <t>黒河_尺目_2961-2</t>
  </si>
  <si>
    <t>黒河_尺目_2962-3</t>
  </si>
  <si>
    <t>黒河_尺目_2962-4</t>
  </si>
  <si>
    <t>黒河_尺目_2972-2</t>
  </si>
  <si>
    <t>黒河_尺目_2973-2</t>
  </si>
  <si>
    <t>八幡町三丁目__831</t>
  </si>
  <si>
    <t>黒河_尺目_2978-3</t>
  </si>
  <si>
    <t>黒河_尺目_2978-5</t>
  </si>
  <si>
    <t>黒河_尺目_2987-4</t>
  </si>
  <si>
    <t>黒河_尺目_2987-5</t>
  </si>
  <si>
    <t>黒河_尺目_2987-6</t>
  </si>
  <si>
    <t>黒河_尺目_2987-7</t>
  </si>
  <si>
    <t>黒河_尺目_2989-1</t>
  </si>
  <si>
    <t>黒河_尺目_2989-3</t>
  </si>
  <si>
    <t>黒河_尺目_2989-4</t>
  </si>
  <si>
    <t>黒河_尺目_2989-5</t>
  </si>
  <si>
    <t>八幡町三丁目__832</t>
  </si>
  <si>
    <t>黒河_尺目_2993-2</t>
  </si>
  <si>
    <t>黒河_尺目_2996-3</t>
  </si>
  <si>
    <t>黒河_尺目_2996-4</t>
  </si>
  <si>
    <t>黒河_尺目_2997-3</t>
  </si>
  <si>
    <t>黒河_尺目_3004-3</t>
  </si>
  <si>
    <t>黒河_尺目_3004-5</t>
  </si>
  <si>
    <t>黒河_尺目_3004-6</t>
  </si>
  <si>
    <t>黒河_尺目_3005-2</t>
  </si>
  <si>
    <t>黒河_尺目_3006-3</t>
  </si>
  <si>
    <t>黒河_尺目_3012-3</t>
  </si>
  <si>
    <t>八幡町三丁目__833</t>
  </si>
  <si>
    <t>黒河_尺目_3016-2</t>
  </si>
  <si>
    <t>黒河_尺目_3020-2</t>
  </si>
  <si>
    <t>黒河_尺目_3021-2</t>
  </si>
  <si>
    <t>黒河_尺目_3022-1</t>
  </si>
  <si>
    <t>黒河_尺目_3023-2</t>
  </si>
  <si>
    <t>黒河_尺目_3024-2</t>
  </si>
  <si>
    <t>黒河_尺目_3026-2</t>
  </si>
  <si>
    <t>黒河_尺目_3027-2</t>
  </si>
  <si>
    <t>黒河_尺目_3028-2</t>
  </si>
  <si>
    <t>黒河_尺目_3028-3</t>
  </si>
  <si>
    <t>八幡町三丁目__834</t>
  </si>
  <si>
    <t>黒河_尺目_3029-2</t>
  </si>
  <si>
    <t>黒河_尺目_3066-2</t>
  </si>
  <si>
    <t>黒河_尺目_3067-2</t>
  </si>
  <si>
    <t>黒河_尺目_3071-3</t>
  </si>
  <si>
    <t>黒河_尺目_3080-5</t>
  </si>
  <si>
    <t>黒河_尺目_3080-6</t>
  </si>
  <si>
    <t>黒河_尺目_3080-7</t>
  </si>
  <si>
    <t>黒河_尺目_3080-8</t>
  </si>
  <si>
    <t>黒河_尺目_3081-4</t>
  </si>
  <si>
    <t>黒河_尺目_3081-5</t>
  </si>
  <si>
    <t>八幡町三丁目__837</t>
  </si>
  <si>
    <t>黒河_尺目_3093-4</t>
  </si>
  <si>
    <t>黒河_尺目_3093-5</t>
  </si>
  <si>
    <t>黒河_竹山_3104-1</t>
  </si>
  <si>
    <t>黒河_竹山_3104-6</t>
  </si>
  <si>
    <t>黒河_竹山_3107-4</t>
  </si>
  <si>
    <t>黒河_竹山_3107-5</t>
  </si>
  <si>
    <t>黒河_竹山_3134-3</t>
  </si>
  <si>
    <t>黒河_竹山_3134-4</t>
  </si>
  <si>
    <t>黒河_竹山_3135-3</t>
  </si>
  <si>
    <t>黒河_竹山_3135-4</t>
  </si>
  <si>
    <t>庄西町二丁目__262-2</t>
  </si>
  <si>
    <t>八幡町三丁目__838</t>
  </si>
  <si>
    <t>黒河_竹山_3135-5</t>
  </si>
  <si>
    <t>黒河_竹山_3137-2</t>
  </si>
  <si>
    <t>黒河_竹山_3138-2</t>
  </si>
  <si>
    <t>黒河_竹山_3140-4</t>
  </si>
  <si>
    <t>黒河_竹山_3142-2</t>
  </si>
  <si>
    <t>黒河_竹山_3143-2</t>
  </si>
  <si>
    <t>黒河_竹山_3158-4</t>
  </si>
  <si>
    <t>黒河_竹山_3548-4</t>
  </si>
  <si>
    <t>黒河_竹山_3597-2</t>
  </si>
  <si>
    <t>黒河_竹山_3598-2</t>
  </si>
  <si>
    <t>八幡町三丁目__839</t>
  </si>
  <si>
    <t>黒河_竹山_3600-3</t>
  </si>
  <si>
    <t>黒河_竹山_3606-2</t>
  </si>
  <si>
    <t>黒河_竹山_3610-2</t>
  </si>
  <si>
    <t>黒河_竹山_3611-2</t>
  </si>
  <si>
    <t>黒河_竹山_3710-2</t>
  </si>
  <si>
    <t>黒河_竹山_3711-2</t>
  </si>
  <si>
    <t>黒河_竹山_3714-2</t>
  </si>
  <si>
    <t>黒河_竹山_3715-2</t>
  </si>
  <si>
    <t>黒河_竹山_3715-3</t>
  </si>
  <si>
    <t>黒河_竹山_3717-2</t>
  </si>
  <si>
    <t>八幡町三丁目__840</t>
  </si>
  <si>
    <t>黒河_竹山_3720-2</t>
  </si>
  <si>
    <t>黒河_三百野_3749-3</t>
  </si>
  <si>
    <t>黒河_三百野_3752-4</t>
  </si>
  <si>
    <t>黒河_三百野_3752-5</t>
  </si>
  <si>
    <t>黒河_三百野_3769-3</t>
  </si>
  <si>
    <t>黒河_三百野_3770</t>
  </si>
  <si>
    <t>黒河_三百野_3771-2</t>
  </si>
  <si>
    <t>黒河_三百野_3778-2</t>
  </si>
  <si>
    <t>黒河_三百野_3779-2</t>
  </si>
  <si>
    <t>黒河_三百野_3779-3</t>
  </si>
  <si>
    <t>八幡町三丁目__841</t>
  </si>
  <si>
    <t>黒河_三百野_3779-4</t>
  </si>
  <si>
    <t>黒河_三百野_3779-5</t>
  </si>
  <si>
    <t>黒河_三百野_3780-2</t>
  </si>
  <si>
    <t>黒河_三百野_3780-3</t>
  </si>
  <si>
    <t>黒河_三百野_3781-2</t>
  </si>
  <si>
    <t>黒河_三百野_3782-2</t>
  </si>
  <si>
    <t>黒河_三百野_3782-3</t>
  </si>
  <si>
    <t>黒河_三百野_3786-2</t>
  </si>
  <si>
    <t>黒河_三百野_3786-3</t>
  </si>
  <si>
    <t>黒河_三百野_3787-4</t>
  </si>
  <si>
    <t>八幡町三丁目__842</t>
  </si>
  <si>
    <t>黒河_三百野_3861-3</t>
  </si>
  <si>
    <t>黒河_三百野_3861-4</t>
  </si>
  <si>
    <t>黒河_三百野_3871-3</t>
  </si>
  <si>
    <t>黒河_三百野_3871-8</t>
  </si>
  <si>
    <t>黒河_三百野_3871-9</t>
  </si>
  <si>
    <t>黒河_三百野_3871-10</t>
  </si>
  <si>
    <t>黒河_三百野_3871-11</t>
  </si>
  <si>
    <t>黒河_三百野_3871-12</t>
  </si>
  <si>
    <t>黒河_三百野_3872-2</t>
  </si>
  <si>
    <t>黒河_三百野_3885-2</t>
  </si>
  <si>
    <t>八幡町三丁目__843</t>
  </si>
  <si>
    <t>黒河_三百野_3886-2</t>
  </si>
  <si>
    <t>黒河_三百野_3887-2</t>
  </si>
  <si>
    <t>黒河_三百野_3887-3</t>
  </si>
  <si>
    <t>黒河_三百野_3888-3</t>
  </si>
  <si>
    <t>黒河_三百野_3888-4</t>
  </si>
  <si>
    <t>黒河_三百野_3888-5</t>
  </si>
  <si>
    <t>黒河_三百野_3890-2</t>
  </si>
  <si>
    <t>黒河_三百野_3891-3</t>
  </si>
  <si>
    <t>黒河_三百野_4032-2</t>
  </si>
  <si>
    <t>黒河_三百野_4048-5</t>
  </si>
  <si>
    <t>八幡町三丁目__844</t>
  </si>
  <si>
    <t>黒河_三百野_4096-2</t>
  </si>
  <si>
    <t>黒河_三百野_4097-2</t>
  </si>
  <si>
    <t>黒河_三百野_4098-3</t>
  </si>
  <si>
    <t>黒河_三谷_4588-1</t>
  </si>
  <si>
    <t>黒河_三谷_4588-2</t>
  </si>
  <si>
    <t>黒河_三谷_4588-3</t>
  </si>
  <si>
    <t>黒河_三谷_4588-4</t>
  </si>
  <si>
    <t>黒河_三谷_4589-1</t>
  </si>
  <si>
    <t>黒河_三谷_4589-2</t>
  </si>
  <si>
    <t>黒河_三谷_4590-8</t>
  </si>
  <si>
    <t>八幡町三丁目__845</t>
  </si>
  <si>
    <t>黒河_三谷_4591-1</t>
  </si>
  <si>
    <t>黒河_三谷_4591-3</t>
  </si>
  <si>
    <t>黒河_小谷_4615-5</t>
  </si>
  <si>
    <t>黒河_小谷_4615-6</t>
  </si>
  <si>
    <t>黒河_小谷_4615-7</t>
  </si>
  <si>
    <t>黒河_小谷_4616-2</t>
  </si>
  <si>
    <t>黒河_小谷_4617-3</t>
  </si>
  <si>
    <t>黒河_小谷_4619-2</t>
  </si>
  <si>
    <t>黒河_小谷_4623-3</t>
  </si>
  <si>
    <t>黒河_小谷_4623-4</t>
  </si>
  <si>
    <t>八幡町三丁目__846</t>
  </si>
  <si>
    <t>黒河_小谷_4624-2</t>
  </si>
  <si>
    <t>黒河_小谷_4629-2</t>
  </si>
  <si>
    <t>黒河_小谷_4630-2</t>
  </si>
  <si>
    <t>黒河_小谷_4634-2</t>
  </si>
  <si>
    <t>黒河_小谷_4634-3</t>
  </si>
  <si>
    <t>黒河_小谷_4636-2</t>
  </si>
  <si>
    <t>黒河_小谷_4639-2</t>
  </si>
  <si>
    <t>黒河_小谷_4640-2</t>
  </si>
  <si>
    <t>黒河_小谷_4641</t>
  </si>
  <si>
    <t>黒河_小谷_4642</t>
  </si>
  <si>
    <t>八幡町三丁目__847</t>
  </si>
  <si>
    <t>黒河_小谷_4644</t>
  </si>
  <si>
    <t>黒河_小谷_4645-2</t>
  </si>
  <si>
    <t>黒河_小谷_4646-2</t>
  </si>
  <si>
    <t>黒河_小谷_4647-2</t>
  </si>
  <si>
    <t>黒河_小谷_4648-2</t>
  </si>
  <si>
    <t>黒河_小谷_4649-2</t>
  </si>
  <si>
    <t>黒河_小谷_4650-2</t>
  </si>
  <si>
    <t>黒河_小谷_4651-2</t>
  </si>
  <si>
    <t>黒河_小谷_4651-3</t>
  </si>
  <si>
    <t>黒河_小谷_4651-4</t>
  </si>
  <si>
    <t>庄西町二丁目__263-2</t>
  </si>
  <si>
    <t>八幡町三丁目__848</t>
  </si>
  <si>
    <t>黒河_小谷_4652-2</t>
  </si>
  <si>
    <t>黒河_小谷_4660-1</t>
  </si>
  <si>
    <t>黒河_小谷_4661-1</t>
  </si>
  <si>
    <t>黒河_小谷_4666-3</t>
  </si>
  <si>
    <t>黒河_金屎_4782-13</t>
  </si>
  <si>
    <t>黒河_金屎_4782-14</t>
  </si>
  <si>
    <t>黒河_金屎_4782-15</t>
  </si>
  <si>
    <t>黒河_金屎_4914-3</t>
  </si>
  <si>
    <t>黒河_金屎_4920-26</t>
  </si>
  <si>
    <t>黒河_金屎_4920-27</t>
  </si>
  <si>
    <t>八幡町三丁目__849</t>
  </si>
  <si>
    <t>黒河_金屎_4920-28</t>
  </si>
  <si>
    <t>黒河_金屎_4920-29</t>
  </si>
  <si>
    <t>黒河_金屎_4921-5</t>
  </si>
  <si>
    <t>黒河_金屎_4931-6</t>
  </si>
  <si>
    <t>黒河_金屎_4932-3</t>
  </si>
  <si>
    <t>黒河_金屎_4933-8</t>
  </si>
  <si>
    <t>黒河_金屎_4933-9</t>
  </si>
  <si>
    <t>黒河_金屎_4933-10</t>
  </si>
  <si>
    <t>黒河_金屎_4933-11</t>
  </si>
  <si>
    <t>黒河_笹山_5030-6</t>
  </si>
  <si>
    <t>八幡町三丁目__866</t>
  </si>
  <si>
    <t>黒河_笹山_5031-4</t>
  </si>
  <si>
    <t>黒河_笹山_5050-4</t>
  </si>
  <si>
    <t>黒河_中山割_5185-3</t>
  </si>
  <si>
    <t>黒河_中山割_5185-4</t>
  </si>
  <si>
    <t>黒河_中山割_5186-2</t>
  </si>
  <si>
    <t>黒河_中山割_5186-3</t>
  </si>
  <si>
    <t>黒河_中山割_5188-3</t>
  </si>
  <si>
    <t>黒河_中山割_5188-4</t>
  </si>
  <si>
    <t>黒河_中山割_5188-6</t>
  </si>
  <si>
    <t>黒河_中山割_5188-7</t>
  </si>
  <si>
    <t>八幡町三丁目__953</t>
  </si>
  <si>
    <t>黒河_中山割_5188-8</t>
  </si>
  <si>
    <t>黒河_中山割_5188-9</t>
  </si>
  <si>
    <t>黒河_中山割_5189-2</t>
  </si>
  <si>
    <t>黒河_中山割_5189-3</t>
  </si>
  <si>
    <t>黒河_中山割_5190-2</t>
  </si>
  <si>
    <t>黒河_中山割_5190-3</t>
  </si>
  <si>
    <t>黒河_中山割_5191-3</t>
  </si>
  <si>
    <t>黒河_中山割_5191-4</t>
  </si>
  <si>
    <t>黒河_中山割_5191-5</t>
  </si>
  <si>
    <t>黒河_中山割_5191-6</t>
  </si>
  <si>
    <t>八幡町三丁目__955</t>
  </si>
  <si>
    <t>黒河_中山割_5220-2</t>
  </si>
  <si>
    <t>黒河_中山割_5220-3</t>
  </si>
  <si>
    <t>黒河_中山割_5221-2</t>
  </si>
  <si>
    <t>黒河_中山割_5221-3</t>
  </si>
  <si>
    <t>黒河_中山割_5222-2</t>
  </si>
  <si>
    <t>黒河_中山割_5222-3</t>
  </si>
  <si>
    <t>黒河_中山割_5357-63</t>
  </si>
  <si>
    <t>黒河_中山割_5357-2</t>
  </si>
  <si>
    <t>黒河_中山割_5357-8</t>
  </si>
  <si>
    <t>黒河_二十石_5425-1</t>
  </si>
  <si>
    <t>八幡町三丁目__957</t>
  </si>
  <si>
    <t>黒河_二十石_5426-1</t>
  </si>
  <si>
    <t>黒河_二十石_5428</t>
  </si>
  <si>
    <t>黒河_二十石_5429</t>
  </si>
  <si>
    <t>黒河_二十石_5430-1</t>
  </si>
  <si>
    <t>黒河_二十石_5448-2</t>
  </si>
  <si>
    <t>黒河_二十石_5449-1</t>
  </si>
  <si>
    <t>黒河_二十石_5449-2</t>
  </si>
  <si>
    <t>黒河_二十石_5453-4</t>
  </si>
  <si>
    <t>黒河_二十石_5454-1</t>
  </si>
  <si>
    <t>黒河_二十石_5455-2</t>
  </si>
  <si>
    <t>八幡町三丁目__959</t>
  </si>
  <si>
    <t>黒河_二十石_5455-3</t>
  </si>
  <si>
    <t>黒河_二十石_5456-2</t>
  </si>
  <si>
    <t>黒河_二十石_5458-2</t>
  </si>
  <si>
    <t>黒河_二十石_5459-2</t>
  </si>
  <si>
    <t>黒河_二十石_5465-2</t>
  </si>
  <si>
    <t>黒河_一ツ山_5061-33</t>
  </si>
  <si>
    <t>黒河_一ツ山_5061-38</t>
  </si>
  <si>
    <t>黒河_一ツ山_5061-53</t>
  </si>
  <si>
    <t>黒河_一ツ山_5061-57</t>
  </si>
  <si>
    <t>黒河_一ツ山_5061-1</t>
  </si>
  <si>
    <t>八幡町三丁目__961</t>
  </si>
  <si>
    <t>黒河_一ツ山_5066-1</t>
  </si>
  <si>
    <t>黒河_一ツ山_5066-7</t>
  </si>
  <si>
    <t>黒河_一ツ山_5071-7</t>
  </si>
  <si>
    <t>黒河_一ツ山_5089-1</t>
  </si>
  <si>
    <t>黒河新_江下_39-3</t>
  </si>
  <si>
    <t>黒河新_江下_40-4</t>
  </si>
  <si>
    <t>黒河新_江下_59-1</t>
  </si>
  <si>
    <t>黒河新_江下_62-1</t>
  </si>
  <si>
    <t>黒河新_江下_62-8</t>
  </si>
  <si>
    <t>黒河新_浦野_1785-2</t>
  </si>
  <si>
    <t>八幡町三丁目__962</t>
  </si>
  <si>
    <t>黒河新_浦野_1786-2</t>
  </si>
  <si>
    <t>黒河新_浦野_1787-2</t>
  </si>
  <si>
    <t>黒河新_浦野_1787-4</t>
  </si>
  <si>
    <t>黒河新_浦野_1788</t>
  </si>
  <si>
    <t>黒河新_浦野_1796-2</t>
  </si>
  <si>
    <t>黒河新_浦野_1796-3</t>
  </si>
  <si>
    <t>黒河新_浦野_1832-2</t>
  </si>
  <si>
    <t>黒河新_浦野_1843-2</t>
  </si>
  <si>
    <t>黒河新_浦野_1844-2</t>
  </si>
  <si>
    <t>黒河新_浦野_1846-3</t>
  </si>
  <si>
    <t>八幡町三丁目__963</t>
  </si>
  <si>
    <t>黒河新_浦野_1846-4</t>
  </si>
  <si>
    <t>黒河新_浦野_1847-2</t>
  </si>
  <si>
    <t>黒河新_浦野_1850-2</t>
  </si>
  <si>
    <t>黒河新_浦野_1851-4</t>
  </si>
  <si>
    <t>黒河新_表野_114-2</t>
  </si>
  <si>
    <t>黒河新_表野_115-3</t>
  </si>
  <si>
    <t>黒河新_表野_115-4</t>
  </si>
  <si>
    <t>黒河新_表野_116-3</t>
  </si>
  <si>
    <t>黒河新_表野_116-4</t>
  </si>
  <si>
    <t>黒河新_表野_117-3</t>
  </si>
  <si>
    <t>庄西町二丁目__263-3</t>
  </si>
  <si>
    <t>八幡町三丁目__964</t>
  </si>
  <si>
    <t>黒河新_表野_117-4</t>
  </si>
  <si>
    <t>黒河新_表野_118-2</t>
  </si>
  <si>
    <t>黒河新_表野_120-2</t>
  </si>
  <si>
    <t>黒河新_表野_121-3</t>
  </si>
  <si>
    <t>黒河新_表野_121-4</t>
  </si>
  <si>
    <t>黒河新_表野_122-2</t>
  </si>
  <si>
    <t>黒河新_表野_122-3</t>
  </si>
  <si>
    <t>黒河新_表野_123-2</t>
  </si>
  <si>
    <t>黒河新_表野_124-2</t>
  </si>
  <si>
    <t>黒河新_表野_125-4</t>
  </si>
  <si>
    <t>八幡町三丁目__966</t>
  </si>
  <si>
    <t>黒河新_表野_129-4</t>
  </si>
  <si>
    <t>黒河新_表野_129-5</t>
  </si>
  <si>
    <t>黒河新_表野_130-5</t>
  </si>
  <si>
    <t>黒河新_表野_130-6</t>
  </si>
  <si>
    <t>黒河新_表野_131-3</t>
  </si>
  <si>
    <t>黒河新_表野_131-4</t>
  </si>
  <si>
    <t>黒河新_表野_133-4</t>
  </si>
  <si>
    <t>八幡町三丁目__969</t>
  </si>
  <si>
    <t>黒河新_表野_134-2</t>
  </si>
  <si>
    <t>黒河新_表野_135-2</t>
  </si>
  <si>
    <t>黒河新_表野_136-2</t>
  </si>
  <si>
    <t>黒河新_表野_138-2</t>
  </si>
  <si>
    <t>黒河新_表野_140-2</t>
  </si>
  <si>
    <t>黒河新_表野_141-2</t>
  </si>
  <si>
    <t>黒河新_表野_1550-2</t>
  </si>
  <si>
    <t>黒河新_表野_1551-2</t>
  </si>
  <si>
    <t>黒河新_表野_1552-3</t>
  </si>
  <si>
    <t>黒河新_表野_1555-4</t>
  </si>
  <si>
    <t>八幡町三丁目__970</t>
  </si>
  <si>
    <t>黒河新_表野_1560-3</t>
  </si>
  <si>
    <t>黒河新_表野_1561-8</t>
  </si>
  <si>
    <t>黒河新_表野_1561-9</t>
  </si>
  <si>
    <t>黒河新_表野_1561-10</t>
  </si>
  <si>
    <t>黒河新_表野_1561-11</t>
  </si>
  <si>
    <t>黒河新_表野_1561-12</t>
  </si>
  <si>
    <t>黒河新_表野_1562-2</t>
  </si>
  <si>
    <t>黒河新_表野_1564-3</t>
  </si>
  <si>
    <t>黒河新_表野_1565-2</t>
  </si>
  <si>
    <t>黒河新_表野_1566-2</t>
  </si>
  <si>
    <t>八幡町三丁目__971</t>
  </si>
  <si>
    <t>黒河新_表野_1567-2</t>
  </si>
  <si>
    <t>黒河新_表野_1568-4</t>
  </si>
  <si>
    <t>黒河新_表野_1568-5</t>
  </si>
  <si>
    <t>黒河新_表野_1569-2</t>
  </si>
  <si>
    <t>黒河新_表野_1570-2</t>
  </si>
  <si>
    <t>黒河新_表野_1571-2</t>
  </si>
  <si>
    <t>黒河新_表野_1572-2</t>
  </si>
  <si>
    <t>黒河新_表野_1573-2</t>
  </si>
  <si>
    <t>黒河新_表野_1574-2</t>
  </si>
  <si>
    <t>黒河新_表野_1575-2</t>
  </si>
  <si>
    <t>八幡町三丁目__972</t>
  </si>
  <si>
    <t>黒河新_表野_1576-3</t>
  </si>
  <si>
    <t>黒河新_三百野_208-4</t>
  </si>
  <si>
    <t>黒河新_三百野_208-5</t>
  </si>
  <si>
    <t>黒河新_三百野_208-6</t>
  </si>
  <si>
    <t>黒河新_三百野_208-7</t>
  </si>
  <si>
    <t>黒河新_三百野_208-8</t>
  </si>
  <si>
    <t>黒河新_三百野_208-9</t>
  </si>
  <si>
    <t>黒河新_三百野_211-2</t>
  </si>
  <si>
    <t>黒河新_三百野_212-2</t>
  </si>
  <si>
    <t>黒河新_三百野_212-3</t>
  </si>
  <si>
    <t>八幡町三丁目__973</t>
  </si>
  <si>
    <t>黒河新_三百野_214-2</t>
  </si>
  <si>
    <t>黒河新_三百野_219-7</t>
  </si>
  <si>
    <t>黒河新_三百野_219-8</t>
  </si>
  <si>
    <t>黒河新_三百野_219-9</t>
  </si>
  <si>
    <t>黒河新_三百野_219-10</t>
  </si>
  <si>
    <t>黒河新_三百野_219-11</t>
  </si>
  <si>
    <t>黒河新_三百野_219-12</t>
  </si>
  <si>
    <t>黒河新_三百野_220-2</t>
  </si>
  <si>
    <t>黒河新_三百野_220-3</t>
  </si>
  <si>
    <t>黒河新_三百野_220-4</t>
  </si>
  <si>
    <t>八幡町三丁目__976</t>
  </si>
  <si>
    <t>黒河新_三百野_221</t>
  </si>
  <si>
    <t>黒河新_三百野_224-2</t>
  </si>
  <si>
    <t>黒河新_三百野_226-2</t>
  </si>
  <si>
    <t>黒河新_三百野_226-3</t>
  </si>
  <si>
    <t>黒河新_三百野_227-2</t>
  </si>
  <si>
    <t>黒河新_三百野_228-2</t>
  </si>
  <si>
    <t>黒河新_三百野_230-3</t>
  </si>
  <si>
    <t>黒河新_三百野_231-7</t>
  </si>
  <si>
    <t>黒河新_三百野_231-8</t>
  </si>
  <si>
    <t>黒河新_三百野_232-2</t>
  </si>
  <si>
    <t>八幡町三丁目__977</t>
  </si>
  <si>
    <t>黒河新_土代尻_1265-2</t>
  </si>
  <si>
    <t>黒河新_土代尻_1266-2</t>
  </si>
  <si>
    <t>黒河新_土代尻_1267-2</t>
  </si>
  <si>
    <t>黒河新_土代尻_1270-2</t>
  </si>
  <si>
    <t>黒河新_土代尻_1271-2</t>
  </si>
  <si>
    <t>黒河新_土代尻_1274-2</t>
  </si>
  <si>
    <t>黒河新_土代尻_1275-2</t>
  </si>
  <si>
    <t>黒河新_土代尻_1276-2</t>
  </si>
  <si>
    <t>黒河新_土代尻_1281-2</t>
  </si>
  <si>
    <t>黒河新_土代尻_1282-2</t>
  </si>
  <si>
    <t>八幡町三丁目__978</t>
  </si>
  <si>
    <t>黒河新_土代尻_1283-2</t>
  </si>
  <si>
    <t>黒河新_土代尻_1285-2</t>
  </si>
  <si>
    <t>黒河新_土代尻_1286-3</t>
  </si>
  <si>
    <t>黒河新_土代尻_1287-3</t>
  </si>
  <si>
    <t>黒河新_土代尻_1288-3</t>
  </si>
  <si>
    <t>黒河新_土代尻_1290-2</t>
  </si>
  <si>
    <t>黒河新_土代尻_1291-2</t>
  </si>
  <si>
    <t>黒河新_土代尻_1292-2</t>
  </si>
  <si>
    <t>黒河新_土代尻_1295-2</t>
  </si>
  <si>
    <t>黒河新_土代尻_1298-3</t>
  </si>
  <si>
    <t>庄西町二丁目__264-3</t>
  </si>
  <si>
    <t>八幡町三丁目__980</t>
  </si>
  <si>
    <t>黒河新_土代尻_1299-2</t>
  </si>
  <si>
    <t>黒河新_土代尻_1486-2</t>
  </si>
  <si>
    <t>黒河新_土代尻_1490-2</t>
  </si>
  <si>
    <t>黒河新_土代尻_1491-2</t>
  </si>
  <si>
    <t>黒河新_土代尻_1492-3</t>
  </si>
  <si>
    <t>黒河新_土代尻_1493-2</t>
  </si>
  <si>
    <t>黒河新_土代尻_1494-2</t>
  </si>
  <si>
    <t>黒河新_土代尻_1495-4</t>
  </si>
  <si>
    <t>黒河新_土代尻_1496-3</t>
  </si>
  <si>
    <t>黒河新_土代尻_1497-2</t>
  </si>
  <si>
    <t>八幡町三丁目__981</t>
  </si>
  <si>
    <t>黒河新_土代尻_1498-2</t>
  </si>
  <si>
    <t>黒河新_土代尻_1499-1</t>
  </si>
  <si>
    <t>黒河新_坂前_2601-2</t>
  </si>
  <si>
    <t>黒河新_坂前_2602-3</t>
  </si>
  <si>
    <t>黒河新_坂前_2602-4</t>
  </si>
  <si>
    <t>黒河新_坂前_2603-4</t>
  </si>
  <si>
    <t>黒河新_坂前_2603-5</t>
  </si>
  <si>
    <t>黒河新_坂前_2604-5</t>
  </si>
  <si>
    <t>黒河新_坂前_2604-6</t>
  </si>
  <si>
    <t>八幡町三丁目__985</t>
  </si>
  <si>
    <t>黒河新_滝_2776-3</t>
  </si>
  <si>
    <t>黒河新_滝_2776-4</t>
  </si>
  <si>
    <t>黒河新_滝_2782-2</t>
  </si>
  <si>
    <t>黒河新_滝_2784-2</t>
  </si>
  <si>
    <t>黒河新_滝_2787-2</t>
  </si>
  <si>
    <t>黒河新_滝_2787-3</t>
  </si>
  <si>
    <t>黒河新_滝_2787-4</t>
  </si>
  <si>
    <t>黒河新_滝_2795-2</t>
  </si>
  <si>
    <t>黒河新_滝_2795-3</t>
  </si>
  <si>
    <t>黒河新_滝_2796-6</t>
  </si>
  <si>
    <t>八幡町三丁目__986</t>
  </si>
  <si>
    <t>黒河新_滝_2796-2</t>
  </si>
  <si>
    <t>黒河新_滝_2799-2</t>
  </si>
  <si>
    <t>黒河新_滝_2799-4</t>
  </si>
  <si>
    <t>黒河新_滝_2803-2</t>
  </si>
  <si>
    <t>黒河新_滝_2804-2</t>
  </si>
  <si>
    <t>黒河新_滝_2804-4</t>
  </si>
  <si>
    <t>黒河新_滝_2827-2</t>
  </si>
  <si>
    <t>黒河新_滝_2830-2</t>
  </si>
  <si>
    <t>黒河新_滝_2832-2</t>
  </si>
  <si>
    <t>黒河新_滝_2833-2</t>
  </si>
  <si>
    <t>八幡町三丁目__987</t>
  </si>
  <si>
    <t>黒河新_滝_2834-3</t>
  </si>
  <si>
    <t>黒河新_滝_2839-2</t>
  </si>
  <si>
    <t>黒河新_滝_2840-3</t>
  </si>
  <si>
    <t>黒河新_滝_2841-2</t>
  </si>
  <si>
    <t>黒河新_石坂_3296-2</t>
  </si>
  <si>
    <t>黒河新_石坂_3297-5</t>
  </si>
  <si>
    <t>黒河新_石坂_3297-6</t>
  </si>
  <si>
    <t>黒河新_石坂_3297-7</t>
  </si>
  <si>
    <t>黒河新_石坂_3297-8</t>
  </si>
  <si>
    <t>黒河新_石坂_3298-2</t>
  </si>
  <si>
    <t>八幡町三丁目__988</t>
  </si>
  <si>
    <t>黒河新_石坂_3298-4</t>
  </si>
  <si>
    <t>黒河新_石坂_3298-5</t>
  </si>
  <si>
    <t>黒河新_日ノ宮_3335-3</t>
  </si>
  <si>
    <t>黒河新_日ノ宮_3335-4</t>
  </si>
  <si>
    <t>黒河新_日ノ宮_3335-5</t>
  </si>
  <si>
    <t>黒河新_西山_4792-4</t>
  </si>
  <si>
    <t>黒河新_西山_4792-5</t>
  </si>
  <si>
    <t>黒河新_西山_4792-6</t>
  </si>
  <si>
    <t>黒河新_西山_4797-3</t>
  </si>
  <si>
    <t>黒河新_西山_4798-3</t>
  </si>
  <si>
    <t>八幡町三丁目__989</t>
  </si>
  <si>
    <t>黒河新_西山_4799-4</t>
  </si>
  <si>
    <t>黒河新_長尾_4850-2</t>
  </si>
  <si>
    <t>黒河新_長尾_4850-7</t>
  </si>
  <si>
    <t>黒河新_長尾_4851-2</t>
  </si>
  <si>
    <t>黒河新_長尾_4854-3</t>
  </si>
  <si>
    <t>黒河新_長尾_4855-2</t>
  </si>
  <si>
    <t>黒河新_長尾_4856-2</t>
  </si>
  <si>
    <t>黒河新_長尾_4857-5</t>
  </si>
  <si>
    <t>黒河新_長尾_4916-1</t>
  </si>
  <si>
    <t>黒河新_長尾_4917-13</t>
  </si>
  <si>
    <t>八幡町三丁目__991</t>
  </si>
  <si>
    <t>黒河新_長尾_4917-14</t>
  </si>
  <si>
    <t>黒河新_長尾_4917-1</t>
  </si>
  <si>
    <t>黒河新_長尾_4917-12</t>
  </si>
  <si>
    <t>黒河新_長尾_4923-4</t>
  </si>
  <si>
    <t>黒河新_長尾_4925-4</t>
  </si>
  <si>
    <t>黒河新_長尾_4925-5</t>
  </si>
  <si>
    <t>黒河新_長尾_4926-2</t>
  </si>
  <si>
    <t>黒河新_長尾_4926-3</t>
  </si>
  <si>
    <t>黒河新_長尾_4926-4</t>
  </si>
  <si>
    <t>黒河新_長尾_4926-5</t>
  </si>
  <si>
    <t>八幡町三丁目__992</t>
  </si>
  <si>
    <t>黒河新_長尾_4927-2</t>
  </si>
  <si>
    <t>黒河新_長尾_4927-3</t>
  </si>
  <si>
    <t>黒河新_長尾_4928-2</t>
  </si>
  <si>
    <t>黒河新_長尾_4928-3</t>
  </si>
  <si>
    <t>黒河新_長尾_4932-2</t>
  </si>
  <si>
    <t>黒河新_長尾_4933-2</t>
  </si>
  <si>
    <t>黒河新_長尾_4934-2</t>
  </si>
  <si>
    <t>黒河新_長尾_4935-3</t>
  </si>
  <si>
    <t>黒河新_長尾_4945-1</t>
  </si>
  <si>
    <t>黒河新_長尾_4945-7</t>
  </si>
  <si>
    <t>八幡町三丁目__993</t>
  </si>
  <si>
    <t>黒河新_大開_4948-6</t>
  </si>
  <si>
    <t>黒河新_大開_4948-7</t>
  </si>
  <si>
    <t>黒河新_大開_4950-6</t>
  </si>
  <si>
    <t>黒河新_大開_4950-8</t>
  </si>
  <si>
    <t>黒河新_大開_4951-4</t>
  </si>
  <si>
    <t>黒河新_大開_4955-9</t>
  </si>
  <si>
    <t>塚越__1301</t>
  </si>
  <si>
    <t>塚越__1373-2</t>
  </si>
  <si>
    <t>塚越__1374-2</t>
  </si>
  <si>
    <t>塚越__1383-2</t>
  </si>
  <si>
    <t>庄西町二丁目__264-4</t>
  </si>
  <si>
    <t>八幡町三丁目__994</t>
  </si>
  <si>
    <t>塚越__1384-2</t>
  </si>
  <si>
    <t>塚越__1386-2</t>
  </si>
  <si>
    <t>塚越__1387-2</t>
  </si>
  <si>
    <t>塚越__1388-2</t>
  </si>
  <si>
    <t>塚越__1389-2</t>
  </si>
  <si>
    <t>塚越__1390-2</t>
  </si>
  <si>
    <t>塚越__1391-2</t>
  </si>
  <si>
    <t>塚越__1981</t>
  </si>
  <si>
    <t>塚越__1991</t>
  </si>
  <si>
    <t>塚越__2006</t>
  </si>
  <si>
    <t>八幡町三丁目__996</t>
  </si>
  <si>
    <t>塚越__2009</t>
  </si>
  <si>
    <t>塚越__2011</t>
  </si>
  <si>
    <t>塚越__2012</t>
  </si>
  <si>
    <t>塚越__2016</t>
  </si>
  <si>
    <t>塚越__2027</t>
  </si>
  <si>
    <t>塚越__2043</t>
  </si>
  <si>
    <t>塚越__2068</t>
  </si>
  <si>
    <t>塚越__2072</t>
  </si>
  <si>
    <t>塚越__2078</t>
  </si>
  <si>
    <t>塚越__2090</t>
  </si>
  <si>
    <t>八幡町三丁目__997</t>
  </si>
  <si>
    <t>塚越__2103</t>
  </si>
  <si>
    <t>塚越__2104</t>
  </si>
  <si>
    <t>塚越__2113</t>
  </si>
  <si>
    <t>塚越__2117</t>
  </si>
  <si>
    <t>塚越__2122</t>
  </si>
  <si>
    <t>塚越__2135</t>
  </si>
  <si>
    <t>塚越__2142</t>
  </si>
  <si>
    <t>塚越_大沢_883-2</t>
  </si>
  <si>
    <t>塚越_立沢_760-2</t>
  </si>
  <si>
    <t>塚越_立沢_761-3</t>
  </si>
  <si>
    <t>八幡町三丁目__998</t>
  </si>
  <si>
    <t>塚越_立沢_774-2</t>
  </si>
  <si>
    <t>塚越_立沢_777-2</t>
  </si>
  <si>
    <t>塚越_立沢_779-2</t>
  </si>
  <si>
    <t>塚越_立沢_794-1</t>
  </si>
  <si>
    <t>塚越_立沢_805-1</t>
  </si>
  <si>
    <t>塚越_立沢_812-2</t>
  </si>
  <si>
    <t>塚越_立沢_813-2</t>
  </si>
  <si>
    <t>塚越_立沢_814-2</t>
  </si>
  <si>
    <t>塚越_立沢_815-2</t>
  </si>
  <si>
    <t>塚越_立沢_816-2</t>
  </si>
  <si>
    <t>八幡町三丁目__999</t>
  </si>
  <si>
    <t>塚越_立沢_817-2</t>
  </si>
  <si>
    <t>塚越_立沢_818-1</t>
  </si>
  <si>
    <t>塚越_立沢_823-1</t>
  </si>
  <si>
    <t>塚越_立沢_828-1</t>
  </si>
  <si>
    <t>中老田新_星丸_487-2</t>
  </si>
  <si>
    <t>中老田新_星丸_488-2</t>
  </si>
  <si>
    <t>中老田新_星丸_541-1</t>
  </si>
  <si>
    <t>中老田新_星丸_541-3</t>
  </si>
  <si>
    <t>中老田新_星丸_550-1</t>
  </si>
  <si>
    <t>中老田新_星丸_550-35</t>
  </si>
  <si>
    <t>八幡町三丁目__1000</t>
  </si>
  <si>
    <t>中老田新_星丸_550-36</t>
  </si>
  <si>
    <t>中老田新_星丸_554-1</t>
  </si>
  <si>
    <t>中老田新_星丸_568-1</t>
  </si>
  <si>
    <t>中老田新_星丸_593-1</t>
  </si>
  <si>
    <t>中老田新_星丸_594-5</t>
  </si>
  <si>
    <t>中老田新_星丸_601-3</t>
  </si>
  <si>
    <t>中老田新_星丸_604-5</t>
  </si>
  <si>
    <t>中老田新_星丸_604-6</t>
  </si>
  <si>
    <t>中老田新_星丸_605-2</t>
  </si>
  <si>
    <t>中老田新_星丸_606-2</t>
  </si>
  <si>
    <t>八幡町三丁目__1002</t>
  </si>
  <si>
    <t>中老田新_星丸_607-2</t>
  </si>
  <si>
    <t>中老田新_星丸_610-2</t>
  </si>
  <si>
    <t>中老田新_星丸_612-2</t>
  </si>
  <si>
    <t>中老田新_星丸_613-2</t>
  </si>
  <si>
    <t>中老田新_星丸_614-2</t>
  </si>
  <si>
    <t>中老田新_星丸_615-2</t>
  </si>
  <si>
    <t>中老田新_星丸_642-2</t>
  </si>
  <si>
    <t>中老田新_星丸_643-2</t>
  </si>
  <si>
    <t>中老田新_星丸_644-2</t>
  </si>
  <si>
    <t>中老田新_星丸_645-2</t>
  </si>
  <si>
    <t>八幡町三丁目__1004</t>
  </si>
  <si>
    <t>中老田新_星丸_646-2</t>
  </si>
  <si>
    <t>中老田新_星丸_647-2</t>
  </si>
  <si>
    <t>中老田新_星丸_648-2</t>
  </si>
  <si>
    <t>中老田新_星丸_649-3</t>
  </si>
  <si>
    <t>中老田新_星丸_652-2</t>
  </si>
  <si>
    <t>中老田新_星丸_653-2</t>
  </si>
  <si>
    <t>中老田新_星丸_654-2</t>
  </si>
  <si>
    <t>中老田新_星丸_655-2</t>
  </si>
  <si>
    <t>中老田新_星丸_656-2</t>
  </si>
  <si>
    <t>中老田新_星丸_657-2</t>
  </si>
  <si>
    <t>八幡町三丁目__1005</t>
  </si>
  <si>
    <t>中老田新_星丸_658-4</t>
  </si>
  <si>
    <t>中老田新_星丸_658-5</t>
  </si>
  <si>
    <t>中老田新_星丸_659-4</t>
  </si>
  <si>
    <t>中老田新_星丸_660-3</t>
  </si>
  <si>
    <t>中老田新_星丸_661-2</t>
  </si>
  <si>
    <t>中老田新_星丸_662-2</t>
  </si>
  <si>
    <t>中老田新_星丸_663-3</t>
  </si>
  <si>
    <t>中老田新_星丸_664-4</t>
  </si>
  <si>
    <t>中老田新_星丸_666-4</t>
  </si>
  <si>
    <t>中老田新_星丸_667-2</t>
  </si>
  <si>
    <t>八幡町三丁目__1006</t>
  </si>
  <si>
    <t>中老田新_星丸_668-2</t>
  </si>
  <si>
    <t>中老田新_星丸_690-4</t>
  </si>
  <si>
    <t>中老田新_星丸_691-15</t>
  </si>
  <si>
    <t>中老田新_星丸_691-16</t>
  </si>
  <si>
    <t>中老田新_星丸_715-2</t>
  </si>
  <si>
    <t>太閤町__1-1</t>
  </si>
  <si>
    <t>太閤町__130</t>
  </si>
  <si>
    <t>太閤町__133</t>
  </si>
  <si>
    <t>太閤町__136</t>
  </si>
  <si>
    <t>太閤町__138</t>
  </si>
  <si>
    <t>庄西町二丁目__266-2</t>
  </si>
  <si>
    <t>八幡町三丁目__1007</t>
  </si>
  <si>
    <t>太閤町__139</t>
  </si>
  <si>
    <t>太閤町__140</t>
  </si>
  <si>
    <t>太閤町__141</t>
  </si>
  <si>
    <t>太閤町__145</t>
  </si>
  <si>
    <t>太閤町__146</t>
  </si>
  <si>
    <t>太閤町__149</t>
  </si>
  <si>
    <t>太閤町__150</t>
  </si>
  <si>
    <t>太閤町__153</t>
  </si>
  <si>
    <t>太閤町__154</t>
  </si>
  <si>
    <t>太閤町__158</t>
  </si>
  <si>
    <t>中新湊__150-8</t>
  </si>
  <si>
    <t>太閤町__159</t>
  </si>
  <si>
    <t>太閤町__160</t>
  </si>
  <si>
    <t>太閤町__163</t>
  </si>
  <si>
    <t>太閤町__166</t>
  </si>
  <si>
    <t>太閤町__167</t>
  </si>
  <si>
    <t>太閤町__169</t>
  </si>
  <si>
    <t>太閤町__171</t>
  </si>
  <si>
    <t>太閤町__173</t>
  </si>
  <si>
    <t>太閤町__175</t>
  </si>
  <si>
    <t>土代_三度山_821-4</t>
  </si>
  <si>
    <t>中新湊__150-11</t>
  </si>
  <si>
    <t>土代_三度山_873-9</t>
  </si>
  <si>
    <t>土代_三度山_891-4</t>
  </si>
  <si>
    <t>土代_三度山_891-5</t>
  </si>
  <si>
    <t>土代_三度山_891-6</t>
  </si>
  <si>
    <t>土代_三度山_898-3</t>
  </si>
  <si>
    <t>土代_三度山_898-4</t>
  </si>
  <si>
    <t>土代_三度山_919-2</t>
  </si>
  <si>
    <t>土代_三度山_922-3</t>
  </si>
  <si>
    <t>土代_三度山_923-2</t>
  </si>
  <si>
    <t>土代_三度山_925-2</t>
  </si>
  <si>
    <t>中新湊__151-8</t>
  </si>
  <si>
    <t>土代_三度山_926-2</t>
  </si>
  <si>
    <t>土代_三度山_930-2</t>
  </si>
  <si>
    <t>土代_三度山_935-2</t>
  </si>
  <si>
    <t>土代_三度山_936-2</t>
  </si>
  <si>
    <t>土代_三度山_937-2</t>
  </si>
  <si>
    <t>土代_三度山_939-2</t>
  </si>
  <si>
    <t>土代_三度山_945-2</t>
  </si>
  <si>
    <t>土代_三度山_946-2</t>
  </si>
  <si>
    <t>土代_三度山_947-2</t>
  </si>
  <si>
    <t>土代_三度山_955-2</t>
  </si>
  <si>
    <t>中新湊__151-9</t>
  </si>
  <si>
    <t>土代_三度山_955-3</t>
  </si>
  <si>
    <t>土代_三度山_958-4</t>
  </si>
  <si>
    <t>土代_三度山_964-3</t>
  </si>
  <si>
    <t>土代_三度山_965-2</t>
  </si>
  <si>
    <t>土代_三度山_968-3</t>
  </si>
  <si>
    <t>土代_三度山_970-2</t>
  </si>
  <si>
    <t>土代_三度山_971-2</t>
  </si>
  <si>
    <t>土代_三度山_972-2</t>
  </si>
  <si>
    <t>土代_三度山_973-2</t>
  </si>
  <si>
    <t>土代_三度山_974-2</t>
  </si>
  <si>
    <t>中新湊__151-10</t>
  </si>
  <si>
    <t>土代_三度山_979-2</t>
  </si>
  <si>
    <t>土代_三度山_984-3</t>
  </si>
  <si>
    <t>土代_三度山_984-4</t>
  </si>
  <si>
    <t>土代_三度山_985-3</t>
  </si>
  <si>
    <t>土代_三度山_985-4</t>
  </si>
  <si>
    <t>土代_三度山_988-4</t>
  </si>
  <si>
    <t>土代_三度山_989-6</t>
  </si>
  <si>
    <t>土代_三度山_989-7</t>
  </si>
  <si>
    <t>土代_三度山_994-3</t>
  </si>
  <si>
    <t>土代_三度山_1000-2</t>
  </si>
  <si>
    <t>中新湊__151-11</t>
  </si>
  <si>
    <t>土代_三度山_1001-2</t>
  </si>
  <si>
    <t>土代_三度山_1011-2</t>
  </si>
  <si>
    <t>土代_三度山_1012-3</t>
  </si>
  <si>
    <t>土代_三度山_1012-4</t>
  </si>
  <si>
    <t>土代_三度山_1013-2</t>
  </si>
  <si>
    <t>土代_三度山_1015-2</t>
  </si>
  <si>
    <t>土代_三度山_1034-5</t>
  </si>
  <si>
    <t>土代_三度山_1034-6</t>
  </si>
  <si>
    <t>土代_三度山_1035-6</t>
  </si>
  <si>
    <t>土代_三度山_1035-7</t>
  </si>
  <si>
    <t>中新湊__151-12</t>
  </si>
  <si>
    <t>土代_三度山_1035-8</t>
  </si>
  <si>
    <t>土代_三度山_1035-9</t>
  </si>
  <si>
    <t>土代_三度山_1037-7</t>
  </si>
  <si>
    <t>土代_三度山_1037-8</t>
  </si>
  <si>
    <t>土代_三度山_1038-3</t>
  </si>
  <si>
    <t>土代_三度山_1041-2</t>
  </si>
  <si>
    <t>土代_三度山_1042-2</t>
  </si>
  <si>
    <t>土代_三度山_1043-14</t>
  </si>
  <si>
    <t>土代_三度山_1043-15</t>
  </si>
  <si>
    <t>土代_三度山_1043-16</t>
  </si>
  <si>
    <t>中新湊__155-1</t>
  </si>
  <si>
    <t>土代_三度山_1043-17</t>
  </si>
  <si>
    <t>土代_三度山_1043-18</t>
  </si>
  <si>
    <t>土代_三度山_1043-19</t>
  </si>
  <si>
    <t>土代_三度山_1309-3</t>
  </si>
  <si>
    <t>土代_三度山_1309-4</t>
  </si>
  <si>
    <t>土代_三度山_1309-5</t>
  </si>
  <si>
    <t>土代_三度山_1311</t>
  </si>
  <si>
    <t>土代_三度山_1312</t>
  </si>
  <si>
    <t>土代_三度山_1317-2</t>
  </si>
  <si>
    <t>土代_三度山_1317-3</t>
  </si>
  <si>
    <t>中新湊__170-3</t>
  </si>
  <si>
    <t>土代_三度山_1318-2</t>
  </si>
  <si>
    <t>土代_三度山_1318-3</t>
  </si>
  <si>
    <t>土代_三度山_1321</t>
  </si>
  <si>
    <t>土代_三度山_1322-2</t>
  </si>
  <si>
    <t>土代_三度山_1327-2</t>
  </si>
  <si>
    <t>土代_三度山_1346-2</t>
  </si>
  <si>
    <t>土代_三度山_1347-2</t>
  </si>
  <si>
    <t>土代_三度山_1349-3</t>
  </si>
  <si>
    <t>土代_宮ノ前_1706-2</t>
  </si>
  <si>
    <t>土代_宮ノ前_1707-2</t>
  </si>
  <si>
    <t>庄西町二丁目__286-2</t>
  </si>
  <si>
    <t>中新湊__174-48</t>
  </si>
  <si>
    <t>土代_宮ノ前_1708-2</t>
  </si>
  <si>
    <t>土代_宮ノ前_1709</t>
  </si>
  <si>
    <t>土代_宮ノ前_1710-2</t>
  </si>
  <si>
    <t>土代_宮ノ前_1717-14</t>
  </si>
  <si>
    <t>土代_宮ノ前_1719-2</t>
  </si>
  <si>
    <t>土代_宮ノ前_1721-2</t>
  </si>
  <si>
    <t>土代_宮ノ前_1723-2</t>
  </si>
  <si>
    <t>土代_宮ノ前_1796-3</t>
  </si>
  <si>
    <t>土代_宮ノ前_1796-4</t>
  </si>
  <si>
    <t>土代_宮ノ前_1796-5</t>
  </si>
  <si>
    <t>中新湊__179-12</t>
  </si>
  <si>
    <t>土代_堀田ノ高_2659-3</t>
  </si>
  <si>
    <t>土代_堀田ノ高_2659-4</t>
  </si>
  <si>
    <t>土代_堀田ノ高_2668-3</t>
  </si>
  <si>
    <t>椎土__177</t>
  </si>
  <si>
    <t>椎土__181</t>
  </si>
  <si>
    <t>椎土__184</t>
  </si>
  <si>
    <t>椎土__187</t>
  </si>
  <si>
    <t>椎土_八百歩_48-4</t>
  </si>
  <si>
    <t>椎土_八百歩_48-5</t>
  </si>
  <si>
    <t>椎土_村上_583-4</t>
  </si>
  <si>
    <t>中新湊__179-13</t>
  </si>
  <si>
    <t>椎土_村上_583-5</t>
  </si>
  <si>
    <t>椎土_村上_585-2</t>
  </si>
  <si>
    <t>椎土_村上_586</t>
  </si>
  <si>
    <t>椎土_村上_589-2</t>
  </si>
  <si>
    <t>椎土_村上_609-5</t>
  </si>
  <si>
    <t>椎土_村上_609-6</t>
  </si>
  <si>
    <t>椎土_村上_610-3</t>
  </si>
  <si>
    <t>椎土_村上_610-4</t>
  </si>
  <si>
    <t>椎土_村上_635-2</t>
  </si>
  <si>
    <t>椎土_村上_636-2</t>
  </si>
  <si>
    <t>中新湊__179-14</t>
  </si>
  <si>
    <t>椎土_村上_640-2</t>
  </si>
  <si>
    <t>椎土_村上_641-2</t>
  </si>
  <si>
    <t>椎土_三百歩_1031-2</t>
  </si>
  <si>
    <t>椎土_三百歩_1032-2</t>
  </si>
  <si>
    <t>椎土_三百歩_1033-2</t>
  </si>
  <si>
    <t>椎土_三百歩_1034-6</t>
  </si>
  <si>
    <t>椎土_三百歩_1034-7</t>
  </si>
  <si>
    <t>椎土_三百歩_1034-8</t>
  </si>
  <si>
    <t>椎土_三百歩_1034-9</t>
  </si>
  <si>
    <t>椎土_三百歩_1036-2</t>
  </si>
  <si>
    <t>中新湊__179-15</t>
  </si>
  <si>
    <t>椎土_三百歩_1042-2</t>
  </si>
  <si>
    <t>椎土_三百歩_1043-4</t>
  </si>
  <si>
    <t>椎土_三百歩_1043-5</t>
  </si>
  <si>
    <t>椎土_三百歩_1043-6</t>
  </si>
  <si>
    <t>椎土_三百歩_1047-3</t>
  </si>
  <si>
    <t>椎土_三百歩_1047-4</t>
  </si>
  <si>
    <t>椎土_三百歩_1054-2</t>
  </si>
  <si>
    <t>椎土_三百歩_1057-2</t>
  </si>
  <si>
    <t>椎土_三百歩_1058-2</t>
  </si>
  <si>
    <t>椎土_三百歩_1059-2</t>
  </si>
  <si>
    <t>中新湊__180-9</t>
  </si>
  <si>
    <t>椎土_三百歩_1060-3</t>
  </si>
  <si>
    <t>椎土_南畑田_1277-2</t>
  </si>
  <si>
    <t>椎土_南畑田_1278-3</t>
  </si>
  <si>
    <t>椎土_南畑田_1281-2</t>
  </si>
  <si>
    <t>椎土_南畑田_1283-2</t>
  </si>
  <si>
    <t>椎土_南畑田_1284-4</t>
  </si>
  <si>
    <t>椎土_南畑田_1284-5</t>
  </si>
  <si>
    <t>椎土_南畑田_1284-7</t>
  </si>
  <si>
    <t>椎土_南畑田_1321-3</t>
  </si>
  <si>
    <t>椎土_南畑田_1322-3</t>
  </si>
  <si>
    <t>中新湊__180-10</t>
  </si>
  <si>
    <t>椎土_下向_1557-2</t>
  </si>
  <si>
    <t>椎土_下向_1558-2</t>
  </si>
  <si>
    <t>椎土_下向_1559-2</t>
  </si>
  <si>
    <t>椎土_下向_1560-2</t>
  </si>
  <si>
    <t>山本新__101</t>
  </si>
  <si>
    <t>山本新_向野_54-2</t>
  </si>
  <si>
    <t>山本新_向野_55-2</t>
  </si>
  <si>
    <t>山本新_向野_55-3</t>
  </si>
  <si>
    <t>山本新_向野_56-2</t>
  </si>
  <si>
    <t>山本新_向野_56-3</t>
  </si>
  <si>
    <t>中新湊__180-11</t>
  </si>
  <si>
    <t>山本新_向野_57-2</t>
  </si>
  <si>
    <t>山本新_向野_153-2</t>
  </si>
  <si>
    <t>山本新_向野_155-2</t>
  </si>
  <si>
    <t>山本新_向野_157-2</t>
  </si>
  <si>
    <t>山本新_向野_158-2</t>
  </si>
  <si>
    <t>山本新_向野_159-2</t>
  </si>
  <si>
    <t>山本新_向野_160-3</t>
  </si>
  <si>
    <t>山本新_向野_160-4</t>
  </si>
  <si>
    <t>山本新_向野_160-5</t>
  </si>
  <si>
    <t>山本新_前向_391-1</t>
  </si>
  <si>
    <t>中新湊__180-12</t>
  </si>
  <si>
    <t>山本新_背戸_447-3</t>
  </si>
  <si>
    <t>山本新_背戸_470</t>
  </si>
  <si>
    <t>山本新_背戸_475-2</t>
  </si>
  <si>
    <t>山本新_背戸_479-3</t>
  </si>
  <si>
    <t>山本新_背戸_481</t>
  </si>
  <si>
    <t>山本新_背戸_488-2</t>
  </si>
  <si>
    <t>山本新_背戸_523</t>
  </si>
  <si>
    <t>山本新_上野田_1261-4</t>
  </si>
  <si>
    <t>小杉北野_背戸_55-2</t>
  </si>
  <si>
    <t>小杉北野_背戸_66-2</t>
  </si>
  <si>
    <t>中新湊__195-9</t>
  </si>
  <si>
    <t>小杉北野_背戸_67-3</t>
  </si>
  <si>
    <t>小杉北野_背戸_94-2</t>
  </si>
  <si>
    <t>小杉北野_背戸_94-3</t>
  </si>
  <si>
    <t>小杉北野_背戸_95-2</t>
  </si>
  <si>
    <t>小杉北野_背戸_121-2</t>
  </si>
  <si>
    <t>小杉北野_背戸_126-3</t>
  </si>
  <si>
    <t>小杉北野_背戸_126-4</t>
  </si>
  <si>
    <t>小杉北野_背戸_127-2</t>
  </si>
  <si>
    <t>小杉北野_背戸_128</t>
  </si>
  <si>
    <t>小杉北野_背戸_129</t>
  </si>
  <si>
    <t>庄西町二丁目__287-3</t>
  </si>
  <si>
    <t>中新湊__209-3</t>
  </si>
  <si>
    <t>小杉北野_背戸_132-2</t>
  </si>
  <si>
    <t>小杉北野_背戸_133-2</t>
  </si>
  <si>
    <t>小杉北野_背戸_133-3</t>
  </si>
  <si>
    <t>山本_野田_7-46</t>
  </si>
  <si>
    <t>山本_野田_7-47</t>
  </si>
  <si>
    <t>山本_野田_7-48</t>
  </si>
  <si>
    <t>山本_野田_7-66</t>
  </si>
  <si>
    <t>山本_野田_7-25</t>
  </si>
  <si>
    <t>山本_二枚田_1-9</t>
  </si>
  <si>
    <t>山本_二枚田_1-10</t>
  </si>
  <si>
    <t>中新湊__209-4</t>
  </si>
  <si>
    <t>山本_二枚田_1-11</t>
  </si>
  <si>
    <t>山本_二枚田_38-16</t>
  </si>
  <si>
    <t>山本_二枚田_38-17</t>
  </si>
  <si>
    <t>山本_二枚田_38-9</t>
  </si>
  <si>
    <t>山本_二枚田_38-10</t>
  </si>
  <si>
    <t>山本_二枚田_39-6</t>
  </si>
  <si>
    <t>山本_二枚田_3684-3</t>
  </si>
  <si>
    <t>山本_二枚田_3685-3</t>
  </si>
  <si>
    <t>山本_草山_3468</t>
  </si>
  <si>
    <t>山本_草山_3469-2</t>
  </si>
  <si>
    <t>中新湊__242-2</t>
  </si>
  <si>
    <t>山本_草山_3469-3</t>
  </si>
  <si>
    <t>山本_草山_3470-7</t>
  </si>
  <si>
    <t>山本_草山_3489-3</t>
  </si>
  <si>
    <t>山本_草山_3490-2</t>
  </si>
  <si>
    <t>山本_草山_3490-3</t>
  </si>
  <si>
    <t>山本_草山_3490-4</t>
  </si>
  <si>
    <t>山本_草山_3496-4</t>
  </si>
  <si>
    <t>日宮_寺山_74</t>
  </si>
  <si>
    <t>日宮_寺山_127</t>
  </si>
  <si>
    <t>日宮_寺山_133-2</t>
  </si>
  <si>
    <t>中新湊__264-1</t>
  </si>
  <si>
    <t>日宮_寺山_135-2</t>
  </si>
  <si>
    <t>日宮_寺山_136-2</t>
  </si>
  <si>
    <t>日宮_寺山_137-2</t>
  </si>
  <si>
    <t>日宮_寺山_142-2</t>
  </si>
  <si>
    <t>日宮_寺山_143-3</t>
  </si>
  <si>
    <t>日宮_寺山_145-2</t>
  </si>
  <si>
    <t>日宮_寺山_148-2</t>
  </si>
  <si>
    <t>池多__110</t>
  </si>
  <si>
    <t>池多__122</t>
  </si>
  <si>
    <t>池多__228-2</t>
  </si>
  <si>
    <t>中新湊__278-1</t>
  </si>
  <si>
    <t>池多__309-1</t>
  </si>
  <si>
    <t>池多__342</t>
  </si>
  <si>
    <t>池多__356</t>
  </si>
  <si>
    <t>池多__357</t>
  </si>
  <si>
    <t>池多__372</t>
  </si>
  <si>
    <t>池多__425</t>
  </si>
  <si>
    <t>池多__432-2</t>
  </si>
  <si>
    <t>池多__432-3</t>
  </si>
  <si>
    <t>池多__442-2</t>
  </si>
  <si>
    <t>池多__443-2</t>
  </si>
  <si>
    <t>中新湊__302-3</t>
  </si>
  <si>
    <t>池多__444-2</t>
  </si>
  <si>
    <t>池多__449</t>
  </si>
  <si>
    <t>池多__450-2</t>
  </si>
  <si>
    <t>池多__451-2</t>
  </si>
  <si>
    <t>池多__452-2</t>
  </si>
  <si>
    <t>池多__453-2</t>
  </si>
  <si>
    <t>池多__464</t>
  </si>
  <si>
    <t>池多__465</t>
  </si>
  <si>
    <t>池多__466-2</t>
  </si>
  <si>
    <t>池多__466-3</t>
  </si>
  <si>
    <t>中新湊__302-4</t>
  </si>
  <si>
    <t>池多__468-2</t>
  </si>
  <si>
    <t>池多__469-3</t>
  </si>
  <si>
    <t>池多__484</t>
  </si>
  <si>
    <t>池多__548-2</t>
  </si>
  <si>
    <t>池多__551-2</t>
  </si>
  <si>
    <t>池多__553-2</t>
  </si>
  <si>
    <t>池多__636-2</t>
  </si>
  <si>
    <t>池多__657-2</t>
  </si>
  <si>
    <t>池多__660-2</t>
  </si>
  <si>
    <t>池多__818</t>
  </si>
  <si>
    <t>中新湊__307-7</t>
  </si>
  <si>
    <t>池多__869-2</t>
  </si>
  <si>
    <t>池多__870-1</t>
  </si>
  <si>
    <t>池多__885-2</t>
  </si>
  <si>
    <t>池多__887-2</t>
  </si>
  <si>
    <t>池多__889-2</t>
  </si>
  <si>
    <t>池多__890-2</t>
  </si>
  <si>
    <t>池多__893-2</t>
  </si>
  <si>
    <t>池多__894-2</t>
  </si>
  <si>
    <t>池多__895-3</t>
  </si>
  <si>
    <t>池多__896-2</t>
  </si>
  <si>
    <t>中新湊__310-1</t>
  </si>
  <si>
    <t>池多__900-2</t>
  </si>
  <si>
    <t>池多__902-3</t>
  </si>
  <si>
    <t>池多__903</t>
  </si>
  <si>
    <t>池多__988</t>
  </si>
  <si>
    <t>池多__998</t>
  </si>
  <si>
    <t>池多__1052-2</t>
  </si>
  <si>
    <t>太閤山１丁目__17</t>
  </si>
  <si>
    <t>太閤山１丁目__32-2</t>
  </si>
  <si>
    <t>太閤山１丁目__42</t>
  </si>
  <si>
    <t>太閤山１丁目__43-2</t>
  </si>
  <si>
    <t>中新湊__310-5</t>
  </si>
  <si>
    <t>太閤山１丁目__76-4</t>
  </si>
  <si>
    <t>太閤山１丁目__77-4</t>
  </si>
  <si>
    <t>太閤山１丁目__79-1</t>
  </si>
  <si>
    <t>太閤山１丁目__79-2</t>
  </si>
  <si>
    <t>太閤山１丁目__79-3</t>
  </si>
  <si>
    <t>太閤山１丁目__84-1</t>
  </si>
  <si>
    <t>太閤山１丁目__92-15</t>
  </si>
  <si>
    <t>太閤山１丁目__92-3</t>
  </si>
  <si>
    <t>太閤山１丁目__93-2</t>
  </si>
  <si>
    <t>太閤山１丁目__101-1</t>
  </si>
  <si>
    <t>庄西町一丁目__621-3</t>
  </si>
  <si>
    <t>庄西町二丁目__288-2</t>
  </si>
  <si>
    <t>中新湊__413-10</t>
  </si>
  <si>
    <t>太閤山１丁目__101-2</t>
  </si>
  <si>
    <t>太閤山１丁目__102</t>
  </si>
  <si>
    <t>太閤山１丁目__103</t>
  </si>
  <si>
    <t>太閤山１丁目__104</t>
  </si>
  <si>
    <t>太閤山１丁目__105</t>
  </si>
  <si>
    <t>太閤山１丁目__106</t>
  </si>
  <si>
    <t>太閤山１丁目__108</t>
  </si>
  <si>
    <t>太閤山１丁目__112</t>
  </si>
  <si>
    <t>太閤山１丁目__115</t>
  </si>
  <si>
    <t>中新湊__413-24</t>
  </si>
  <si>
    <t>太閤山１丁目__120</t>
  </si>
  <si>
    <t>太閤山１丁目__122</t>
  </si>
  <si>
    <t>太閤山１丁目__123</t>
  </si>
  <si>
    <t>太閤山１丁目__124-1</t>
  </si>
  <si>
    <t>太閤山１丁目__124-6</t>
  </si>
  <si>
    <t>太閤山１丁目__125-1</t>
  </si>
  <si>
    <t>太閤山１丁目__125-3</t>
  </si>
  <si>
    <t>太閤山２丁目__2-38</t>
  </si>
  <si>
    <t>太閤山２丁目__2-39</t>
  </si>
  <si>
    <t>太閤山２丁目__2-40</t>
  </si>
  <si>
    <t>中新湊__420-59</t>
  </si>
  <si>
    <t>太閤山２丁目__2-13</t>
  </si>
  <si>
    <t>太閤山２丁目__2-16</t>
  </si>
  <si>
    <t>太閤山２丁目__2-23</t>
  </si>
  <si>
    <t>太閤山２丁目__3-12</t>
  </si>
  <si>
    <t>太閤山２丁目__4-2</t>
  </si>
  <si>
    <t>太閤山２丁目__4-27</t>
  </si>
  <si>
    <t>太閤山２丁目__4-28</t>
  </si>
  <si>
    <t>太閤山２丁目__4-29</t>
  </si>
  <si>
    <t>太閤山２丁目__6-1</t>
  </si>
  <si>
    <t>太閤山２丁目__7</t>
  </si>
  <si>
    <t>中新湊__420-64</t>
  </si>
  <si>
    <t>太閤山３丁目__201</t>
  </si>
  <si>
    <t>太閤山３丁目__202</t>
  </si>
  <si>
    <t>太閤山３丁目__203</t>
  </si>
  <si>
    <t>太閤山３丁目__204</t>
  </si>
  <si>
    <t>太閤山３丁目__205</t>
  </si>
  <si>
    <t>太閤山３丁目__206</t>
  </si>
  <si>
    <t>太閤山３丁目__207</t>
  </si>
  <si>
    <t>太閤山３丁目__208</t>
  </si>
  <si>
    <t>太閤山３丁目__209</t>
  </si>
  <si>
    <t>太閤山４丁目__2-13</t>
  </si>
  <si>
    <t>中新湊__420-65</t>
  </si>
  <si>
    <t>太閤山４丁目__2-15</t>
  </si>
  <si>
    <t>太閤山４丁目__101</t>
  </si>
  <si>
    <t>太閤山４丁目__102</t>
  </si>
  <si>
    <t>太閤山４丁目__104</t>
  </si>
  <si>
    <t>太閤山４丁目__105</t>
  </si>
  <si>
    <t>太閤山４丁目__106</t>
  </si>
  <si>
    <t>太閤山４丁目__107</t>
  </si>
  <si>
    <t>太閤山４丁目__108</t>
  </si>
  <si>
    <t>太閤山４丁目__109</t>
  </si>
  <si>
    <t>太閤山４丁目__110</t>
  </si>
  <si>
    <t>中新湊__423-15</t>
  </si>
  <si>
    <t>太閤山４丁目__111</t>
  </si>
  <si>
    <t>太閤山４丁目__112</t>
  </si>
  <si>
    <t>太閤山４丁目__113</t>
  </si>
  <si>
    <t>太閤山４丁目__116</t>
  </si>
  <si>
    <t>太閤山５丁目__201</t>
  </si>
  <si>
    <t>太閤山５丁目__202</t>
  </si>
  <si>
    <t>太閤山５丁目__203</t>
  </si>
  <si>
    <t>太閤山５丁目__204</t>
  </si>
  <si>
    <t>太閤山５丁目__205</t>
  </si>
  <si>
    <t>太閤山５丁目__206</t>
  </si>
  <si>
    <t>中新湊__434-4</t>
  </si>
  <si>
    <t>太閤山５丁目__207</t>
  </si>
  <si>
    <t>太閤山５丁目__208</t>
  </si>
  <si>
    <t>太閤山６丁目__72-2</t>
  </si>
  <si>
    <t>太閤山６丁目__145</t>
  </si>
  <si>
    <t>太閤山６丁目__146</t>
  </si>
  <si>
    <t>太閤山６丁目__147</t>
  </si>
  <si>
    <t>太閤山６丁目__148</t>
  </si>
  <si>
    <t>太閤山６丁目__149</t>
  </si>
  <si>
    <t>太閤山６丁目__150</t>
  </si>
  <si>
    <t>太閤山６丁目__151</t>
  </si>
  <si>
    <t>中新湊__435-5</t>
  </si>
  <si>
    <t>太閤山６丁目__152</t>
  </si>
  <si>
    <t>太閤山６丁目__153</t>
  </si>
  <si>
    <t>太閤山６丁目__154</t>
  </si>
  <si>
    <t>太閤山６丁目__155</t>
  </si>
  <si>
    <t>太閤山６丁目__156</t>
  </si>
  <si>
    <t>太閤山６丁目__157</t>
  </si>
  <si>
    <t>太閤山６丁目__158</t>
  </si>
  <si>
    <t>太閤山６丁目__210</t>
  </si>
  <si>
    <t>太閤山７丁目__109</t>
  </si>
  <si>
    <t>太閤山７丁目__201</t>
  </si>
  <si>
    <t>中新湊__435-6</t>
  </si>
  <si>
    <t>太閤山７丁目__202</t>
  </si>
  <si>
    <t>太閤山７丁目__203</t>
  </si>
  <si>
    <t>太閤山７丁目__204</t>
  </si>
  <si>
    <t>太閤山７丁目__205</t>
  </si>
  <si>
    <t>太閤山７丁目__206</t>
  </si>
  <si>
    <t>太閤山７丁目__207</t>
  </si>
  <si>
    <t>太閤山７丁目__208</t>
  </si>
  <si>
    <t>太閤山７丁目__209</t>
  </si>
  <si>
    <t>太閤山７丁目__210</t>
  </si>
  <si>
    <t>太閤山７丁目__211</t>
  </si>
  <si>
    <t>中新湊__452-2</t>
  </si>
  <si>
    <t>太閤山７丁目__216</t>
  </si>
  <si>
    <t>太閤山７丁目__217</t>
  </si>
  <si>
    <t>太閤山７丁目__218</t>
  </si>
  <si>
    <t>太閤山７丁目__219</t>
  </si>
  <si>
    <t>太閤山８丁目__4-4</t>
  </si>
  <si>
    <t>太閤山８丁目__201</t>
  </si>
  <si>
    <t>太閤山８丁目__202</t>
  </si>
  <si>
    <t>太閤山８丁目__203</t>
  </si>
  <si>
    <t>太閤山８丁目__204</t>
  </si>
  <si>
    <t>太閤山９丁目__201</t>
  </si>
  <si>
    <t>庄西町二丁目__290-2</t>
  </si>
  <si>
    <t>二の丸町__4-2</t>
  </si>
  <si>
    <t>太閤山１０丁目__201</t>
  </si>
  <si>
    <t>太閤山１０丁目__202</t>
  </si>
  <si>
    <t>太閤山１０丁目__203</t>
  </si>
  <si>
    <t>太閤山１０丁目__204</t>
  </si>
  <si>
    <t>太閤山１０丁目__205</t>
  </si>
  <si>
    <t>太閤山１０丁目__206</t>
  </si>
  <si>
    <t>太閤山１１丁目__2-2</t>
  </si>
  <si>
    <t>中太閤山１丁目__1-8</t>
  </si>
  <si>
    <t>中太閤山１丁目__1-11</t>
  </si>
  <si>
    <t>中太閤山１丁目__1-12</t>
  </si>
  <si>
    <t>二の丸町__5-4</t>
  </si>
  <si>
    <t>中太閤山１丁目__1-13</t>
  </si>
  <si>
    <t>中太閤山１丁目__201</t>
  </si>
  <si>
    <t>中太閤山１丁目__202</t>
  </si>
  <si>
    <t>中太閤山１丁目__203</t>
  </si>
  <si>
    <t>中太閤山２丁目__201</t>
  </si>
  <si>
    <t>中太閤山２丁目__202</t>
  </si>
  <si>
    <t>中太閤山２丁目__203</t>
  </si>
  <si>
    <t>中太閤山２丁目__204</t>
  </si>
  <si>
    <t>中太閤山２丁目__205</t>
  </si>
  <si>
    <t>中太閤山２丁目__206</t>
  </si>
  <si>
    <t>二の丸町__6-2</t>
  </si>
  <si>
    <t>中太閤山３丁目__201</t>
  </si>
  <si>
    <t>中太閤山３丁目__202</t>
  </si>
  <si>
    <t>中太閤山３丁目__203</t>
  </si>
  <si>
    <t>中太閤山３丁目__204</t>
  </si>
  <si>
    <t>中太閤山３丁目__205</t>
  </si>
  <si>
    <t>中太閤山３丁目__206</t>
  </si>
  <si>
    <t>中太閤山３丁目__207</t>
  </si>
  <si>
    <t>中太閤山３丁目__208</t>
  </si>
  <si>
    <t>中太閤山３丁目__209</t>
  </si>
  <si>
    <t>中太閤山３丁目__210</t>
  </si>
  <si>
    <t>二の丸町__6-11</t>
  </si>
  <si>
    <t>中太閤山３丁目__211</t>
  </si>
  <si>
    <t>中太閤山３丁目__212</t>
  </si>
  <si>
    <t>中太閤山３丁目__213</t>
  </si>
  <si>
    <t>中太閤山４丁目__31-2</t>
  </si>
  <si>
    <t>中太閤山４丁目__45-15</t>
  </si>
  <si>
    <t>中太閤山４丁目__45-17</t>
  </si>
  <si>
    <t>中太閤山４丁目__201</t>
  </si>
  <si>
    <t>中太閤山４丁目__202</t>
  </si>
  <si>
    <t>中太閤山４丁目__203</t>
  </si>
  <si>
    <t>中太閤山４丁目__204</t>
  </si>
  <si>
    <t>二の丸町__9-1</t>
  </si>
  <si>
    <t>中太閤山４丁目__205</t>
  </si>
  <si>
    <t>中太閤山４丁目__206</t>
  </si>
  <si>
    <t>中太閤山４丁目__207</t>
  </si>
  <si>
    <t>中太閤山４丁目__208</t>
  </si>
  <si>
    <t>中太閤山４丁目__209</t>
  </si>
  <si>
    <t>中太閤山４丁目__210</t>
  </si>
  <si>
    <t>中太閤山４丁目__211</t>
  </si>
  <si>
    <t>中太閤山４丁目__212</t>
  </si>
  <si>
    <t>中太閤山５丁目__201</t>
  </si>
  <si>
    <t>中太閤山５丁目__202</t>
  </si>
  <si>
    <t>二の丸町__10-2</t>
  </si>
  <si>
    <t>中太閤山５丁目__203</t>
  </si>
  <si>
    <t>中太閤山５丁目__204</t>
  </si>
  <si>
    <t>中太閤山５丁目__205</t>
  </si>
  <si>
    <t>中太閤山５丁目__206</t>
  </si>
  <si>
    <t>中太閤山５丁目__207</t>
  </si>
  <si>
    <t>中太閤山５丁目__208</t>
  </si>
  <si>
    <t>中太閤山５丁目__209</t>
  </si>
  <si>
    <t>中太閤山６丁目__201</t>
  </si>
  <si>
    <t>中太閤山６丁目__202</t>
  </si>
  <si>
    <t>中太閤山６丁目__203</t>
  </si>
  <si>
    <t>二の丸町__10-4</t>
  </si>
  <si>
    <t>中太閤山６丁目__204</t>
  </si>
  <si>
    <t>中太閤山６丁目__205</t>
  </si>
  <si>
    <t>中太閤山６丁目__206</t>
  </si>
  <si>
    <t>中太閤山６丁目__207</t>
  </si>
  <si>
    <t>中太閤山６丁目__208</t>
  </si>
  <si>
    <t>中太閤山６丁目__209</t>
  </si>
  <si>
    <t>中太閤山６丁目__210-1</t>
  </si>
  <si>
    <t>中太閤山６丁目__212</t>
  </si>
  <si>
    <t>中太閤山７丁目__200</t>
  </si>
  <si>
    <t>中太閤山７丁目__201</t>
  </si>
  <si>
    <t>二の丸町__39-1</t>
  </si>
  <si>
    <t>中太閤山７丁目__202</t>
  </si>
  <si>
    <t>中太閤山７丁目__203</t>
  </si>
  <si>
    <t>中太閤山７丁目__204</t>
  </si>
  <si>
    <t>中太閤山７丁目__205</t>
  </si>
  <si>
    <t>中太閤山７丁目__206</t>
  </si>
  <si>
    <t>中太閤山７丁目__207</t>
  </si>
  <si>
    <t>中太閤山７丁目__208</t>
  </si>
  <si>
    <t>中太閤山８丁目__200</t>
  </si>
  <si>
    <t>中太閤山８丁目__201</t>
  </si>
  <si>
    <t>中太閤山８丁目__202</t>
  </si>
  <si>
    <t>二の丸町__40-4</t>
  </si>
  <si>
    <t>中太閤山８丁目__203</t>
  </si>
  <si>
    <t>中太閤山８丁目__204</t>
  </si>
  <si>
    <t>中太閤山８丁目__205</t>
  </si>
  <si>
    <t>中太閤山９丁目__200</t>
  </si>
  <si>
    <t>中太閤山９丁目__201</t>
  </si>
  <si>
    <t>中太閤山９丁目__202</t>
  </si>
  <si>
    <t>中太閤山９丁目__203</t>
  </si>
  <si>
    <t>中太閤山９丁目__204</t>
  </si>
  <si>
    <t>中太閤山１０丁目__201</t>
  </si>
  <si>
    <t>中太閤山１０丁目__202</t>
  </si>
  <si>
    <t>二の丸町__42-1</t>
  </si>
  <si>
    <t>中太閤山１０丁目__203</t>
  </si>
  <si>
    <t>中太閤山１０丁目__204</t>
  </si>
  <si>
    <t>中太閤山１０丁目__205</t>
  </si>
  <si>
    <t>中太閤山１０丁目__206</t>
  </si>
  <si>
    <t>中太閤山１０丁目__207</t>
  </si>
  <si>
    <t>中太閤山１０丁目__208</t>
  </si>
  <si>
    <t>中太閤山１１丁目__201</t>
  </si>
  <si>
    <t>中太閤山１１丁目__202</t>
  </si>
  <si>
    <t>中太閤山１１丁目__203</t>
  </si>
  <si>
    <t>中太閤山１２丁目__200</t>
  </si>
  <si>
    <t>庄西町二丁目__292-2</t>
  </si>
  <si>
    <t>二の丸町__43-1</t>
  </si>
  <si>
    <t>中太閤山１２丁目__201</t>
  </si>
  <si>
    <t>中太閤山１３丁目__2-1</t>
  </si>
  <si>
    <t>中太閤山１３丁目__2-17</t>
  </si>
  <si>
    <t>中太閤山１３丁目__200</t>
  </si>
  <si>
    <t>中太閤山１４丁目__200</t>
  </si>
  <si>
    <t>中太閤山１４丁目__201</t>
  </si>
  <si>
    <t>中太閤山１５丁目__9</t>
  </si>
  <si>
    <t>中太閤山１５丁目__48-1</t>
  </si>
  <si>
    <t>中太閤山１５丁目__53</t>
  </si>
  <si>
    <t>中太閤山１５丁目__54</t>
  </si>
  <si>
    <t>二の丸町__43-2</t>
  </si>
  <si>
    <t>中太閤山１５丁目__55</t>
  </si>
  <si>
    <t>中太閤山１５丁目__56</t>
  </si>
  <si>
    <t>中太閤山１５丁目__57</t>
  </si>
  <si>
    <t>中太閤山１５丁目__58-1</t>
  </si>
  <si>
    <t>中太閤山１５丁目__59-1</t>
  </si>
  <si>
    <t>中太閤山１５丁目__59-3</t>
  </si>
  <si>
    <t>中太閤山１５丁目__59-4</t>
  </si>
  <si>
    <t>中太閤山１５丁目__59-5</t>
  </si>
  <si>
    <t>中太閤山１５丁目__59-6</t>
  </si>
  <si>
    <t>中太閤山１５丁目__61</t>
  </si>
  <si>
    <t>二の丸町__44-1</t>
  </si>
  <si>
    <t>中太閤山１５丁目__63-1</t>
  </si>
  <si>
    <t>中太閤山１５丁目__64</t>
  </si>
  <si>
    <t>中太閤山１６丁目__90-1</t>
  </si>
  <si>
    <t>中太閤山１６丁目__106</t>
  </si>
  <si>
    <t>中太閤山１６丁目__107</t>
  </si>
  <si>
    <t>中太閤山１６丁目__108</t>
  </si>
  <si>
    <t>中太閤山１６丁目__109</t>
  </si>
  <si>
    <t>中太閤山１６丁目__110</t>
  </si>
  <si>
    <t>中太閤山１６丁目__111</t>
  </si>
  <si>
    <t>中太閤山１６丁目__112</t>
  </si>
  <si>
    <t>二の丸町__44-3</t>
  </si>
  <si>
    <t>中太閤山１６丁目__113-1</t>
  </si>
  <si>
    <t>中太閤山１６丁目__113-2</t>
  </si>
  <si>
    <t>中太閤山１６丁目__115</t>
  </si>
  <si>
    <t>中太閤山１６丁目__116</t>
  </si>
  <si>
    <t>中太閤山１６丁目__117</t>
  </si>
  <si>
    <t>中太閤山１６丁目__118</t>
  </si>
  <si>
    <t>中太閤山１６丁目__119-1</t>
  </si>
  <si>
    <t>中太閤山１６丁目__119-2</t>
  </si>
  <si>
    <t>中太閤山１６丁目__120</t>
  </si>
  <si>
    <t>中太閤山１７丁目__1-36</t>
  </si>
  <si>
    <t>二の丸町__52-3</t>
  </si>
  <si>
    <t>中太閤山１７丁目__1-37</t>
  </si>
  <si>
    <t>中太閤山１７丁目__1-38</t>
  </si>
  <si>
    <t>中太閤山１７丁目__1-2</t>
  </si>
  <si>
    <t>南太閤山１丁目__4</t>
  </si>
  <si>
    <t>南太閤山１丁目__5</t>
  </si>
  <si>
    <t>南太閤山２丁目__1-1</t>
  </si>
  <si>
    <t>南太閤山２丁目__2-1</t>
  </si>
  <si>
    <t>南太閤山２丁目__5-1</t>
  </si>
  <si>
    <t>南太閤山２丁目__6</t>
  </si>
  <si>
    <t>南太閤山２丁目__54</t>
  </si>
  <si>
    <t>二の丸町__52-5</t>
  </si>
  <si>
    <t>南太閤山２丁目__55</t>
  </si>
  <si>
    <t>南太閤山２丁目__67</t>
  </si>
  <si>
    <t>南太閤山３丁目__1-2</t>
  </si>
  <si>
    <t>南太閤山３丁目__1-18</t>
  </si>
  <si>
    <t>南太閤山３丁目__8</t>
  </si>
  <si>
    <t>南太閤山４丁目__200</t>
  </si>
  <si>
    <t>南太閤山４丁目__201</t>
  </si>
  <si>
    <t>南太閤山４丁目__202</t>
  </si>
  <si>
    <t>南太閤山４丁目__203</t>
  </si>
  <si>
    <t>南太閤山４丁目__204</t>
  </si>
  <si>
    <t>二の丸町__52-7</t>
  </si>
  <si>
    <t>南太閤山４丁目__205</t>
  </si>
  <si>
    <t>南太閤山４丁目__206</t>
  </si>
  <si>
    <t>南太閤山４丁目__207</t>
  </si>
  <si>
    <t>南太閤山４丁目__208</t>
  </si>
  <si>
    <t>南太閤山４丁目__209</t>
  </si>
  <si>
    <t>南太閤山４丁目__210</t>
  </si>
  <si>
    <t>南太閤山４丁目__211</t>
  </si>
  <si>
    <t>南太閤山４丁目__212</t>
  </si>
  <si>
    <t>南太閤山４丁目__213</t>
  </si>
  <si>
    <t>南太閤山４丁目__214</t>
  </si>
  <si>
    <t>二の丸町__52-9</t>
  </si>
  <si>
    <t>南太閤山４丁目__215</t>
  </si>
  <si>
    <t>南太閤山５丁目__200</t>
  </si>
  <si>
    <t>南太閤山５丁目__201</t>
  </si>
  <si>
    <t>南太閤山５丁目__202</t>
  </si>
  <si>
    <t>南太閤山５丁目__203</t>
  </si>
  <si>
    <t>南太閤山５丁目__204</t>
  </si>
  <si>
    <t>南太閤山５丁目__205</t>
  </si>
  <si>
    <t>南太閤山５丁目__206</t>
  </si>
  <si>
    <t>南太閤山５丁目__207</t>
  </si>
  <si>
    <t>南太閤山５丁目__208</t>
  </si>
  <si>
    <t>二の丸町__53-11</t>
  </si>
  <si>
    <t>南太閤山５丁目__209</t>
  </si>
  <si>
    <t>南太閤山５丁目__210</t>
  </si>
  <si>
    <t>南太閤山５丁目__211</t>
  </si>
  <si>
    <t>南太閤山６丁目__200</t>
  </si>
  <si>
    <t>南太閤山６丁目__201</t>
  </si>
  <si>
    <t>南太閤山６丁目__202</t>
  </si>
  <si>
    <t>南太閤山６丁目__203</t>
  </si>
  <si>
    <t>南太閤山６丁目__204</t>
  </si>
  <si>
    <t>南太閤山６丁目__205</t>
  </si>
  <si>
    <t>南太閤山６丁目__206</t>
  </si>
  <si>
    <t>二の丸町__129-2</t>
  </si>
  <si>
    <t>南太閤山６丁目__207</t>
  </si>
  <si>
    <t>南太閤山６丁目__208</t>
  </si>
  <si>
    <t>南太閤山６丁目__209</t>
  </si>
  <si>
    <t>南太閤山７丁目__64-12</t>
  </si>
  <si>
    <t>南太閤山７丁目__200</t>
  </si>
  <si>
    <t>南太閤山７丁目__201</t>
  </si>
  <si>
    <t>南太閤山７丁目__202</t>
  </si>
  <si>
    <t>南太閤山７丁目__203</t>
  </si>
  <si>
    <t>南太閤山７丁目__204</t>
  </si>
  <si>
    <t>南太閤山７丁目__205</t>
  </si>
  <si>
    <t>庄西町二丁目__293-5</t>
  </si>
  <si>
    <t>二の丸町__131-1</t>
  </si>
  <si>
    <t>南太閤山７丁目__206</t>
  </si>
  <si>
    <t>南太閤山７丁目__207</t>
  </si>
  <si>
    <t>南太閤山８丁目__44-2</t>
  </si>
  <si>
    <t>南太閤山８丁目__50</t>
  </si>
  <si>
    <t>南太閤山８丁目__51</t>
  </si>
  <si>
    <t>南太閤山８丁目__52</t>
  </si>
  <si>
    <t>南太閤山８丁目__53</t>
  </si>
  <si>
    <t>南太閤山８丁目__54</t>
  </si>
  <si>
    <t>南太閤山９丁目__100</t>
  </si>
  <si>
    <t>南太閤山９丁目__101</t>
  </si>
  <si>
    <t>二の丸町__131-2</t>
  </si>
  <si>
    <t>南太閤山９丁目__102</t>
  </si>
  <si>
    <t>南太閤山９丁目__103</t>
  </si>
  <si>
    <t>南太閤山９丁目__104</t>
  </si>
  <si>
    <t>南太閤山９丁目__105</t>
  </si>
  <si>
    <t>南太閤山９丁目__106</t>
  </si>
  <si>
    <t>南太閤山９丁目__107</t>
  </si>
  <si>
    <t>南太閤山９丁目__108</t>
  </si>
  <si>
    <t>南太閤山９丁目__109</t>
  </si>
  <si>
    <t>南太閤山１０丁目__90</t>
  </si>
  <si>
    <t>南太閤山１０丁目__92</t>
  </si>
  <si>
    <t>二の丸町__132-1</t>
  </si>
  <si>
    <t>南太閤山１０丁目__93</t>
  </si>
  <si>
    <t>南太閤山１０丁目__94</t>
  </si>
  <si>
    <t>南太閤山１０丁目__95</t>
  </si>
  <si>
    <t>南太閤山１０丁目__96</t>
  </si>
  <si>
    <t>南太閤山１０丁目__97</t>
  </si>
  <si>
    <t>南太閤山１０丁目__98</t>
  </si>
  <si>
    <t>南太閤山１０丁目__99</t>
  </si>
  <si>
    <t>南太閤山１０丁目__100</t>
  </si>
  <si>
    <t>南太閤山１０丁目__101</t>
  </si>
  <si>
    <t>南太閤山１０丁目__102</t>
  </si>
  <si>
    <t>二の丸町__132-2</t>
  </si>
  <si>
    <t>南太閤山１０丁目__103</t>
  </si>
  <si>
    <t>南太閤山１０丁目__104</t>
  </si>
  <si>
    <t>南太閤山１０丁目__105</t>
  </si>
  <si>
    <t>南太閤山１１丁目__111</t>
  </si>
  <si>
    <t>南太閤山１１丁目__112</t>
  </si>
  <si>
    <t>南太閤山１１丁目__113</t>
  </si>
  <si>
    <t>南太閤山１１丁目__114</t>
  </si>
  <si>
    <t>南太閤山１１丁目__115</t>
  </si>
  <si>
    <t>南太閤山１１丁目__116</t>
  </si>
  <si>
    <t>南太閤山１１丁目__117</t>
  </si>
  <si>
    <t>二の丸町__133-2</t>
  </si>
  <si>
    <t>南太閤山１１丁目__118</t>
  </si>
  <si>
    <t>南太閤山１１丁目__119</t>
  </si>
  <si>
    <t>南太閤山１１丁目__120</t>
  </si>
  <si>
    <t>南太閤山１１丁目__121</t>
  </si>
  <si>
    <t>南太閤山１１丁目__122</t>
  </si>
  <si>
    <t>南太閤山１１丁目__123</t>
  </si>
  <si>
    <t>南太閤山１１丁目__124</t>
  </si>
  <si>
    <t>南太閤山１１丁目__125</t>
  </si>
  <si>
    <t>南太閤山１１丁目__126</t>
  </si>
  <si>
    <t>南太閤山１１丁目__127</t>
  </si>
  <si>
    <t>二の丸町__133-3</t>
  </si>
  <si>
    <t>南太閤山１１丁目__128</t>
  </si>
  <si>
    <t>南太閤山１１丁目__129</t>
  </si>
  <si>
    <t>南太閤山１１丁目__130</t>
  </si>
  <si>
    <t>南太閤山１１丁目__131</t>
  </si>
  <si>
    <t>南太閤山１２丁目__101</t>
  </si>
  <si>
    <t>南太閤山１２丁目__102</t>
  </si>
  <si>
    <t>南太閤山１２丁目__103</t>
  </si>
  <si>
    <t>南太閤山１２丁目__104</t>
  </si>
  <si>
    <t>南太閤山１２丁目__105</t>
  </si>
  <si>
    <t>南太閤山１２丁目__106</t>
  </si>
  <si>
    <t>二の丸町__134-1</t>
  </si>
  <si>
    <t>南太閤山１２丁目__107</t>
  </si>
  <si>
    <t>南太閤山１２丁目__109</t>
  </si>
  <si>
    <t>南太閤山１２丁目__110</t>
  </si>
  <si>
    <t>南太閤山１２丁目__111</t>
  </si>
  <si>
    <t>南太閤山１２丁目__112</t>
  </si>
  <si>
    <t>南太閤山１２丁目__113</t>
  </si>
  <si>
    <t>南太閤山１２丁目__114</t>
  </si>
  <si>
    <t>南太閤山１２丁目__115</t>
  </si>
  <si>
    <t>南太閤山１２丁目__116</t>
  </si>
  <si>
    <t>南太閤山１２丁目__117</t>
  </si>
  <si>
    <t>二の丸町__134-2</t>
  </si>
  <si>
    <t>南太閤山１２丁目__118</t>
  </si>
  <si>
    <t>南太閤山１２丁目__119</t>
  </si>
  <si>
    <t>南太閤山１２丁目__120</t>
  </si>
  <si>
    <t>南太閤山１２丁目__121</t>
  </si>
  <si>
    <t>南太閤山１２丁目__122</t>
  </si>
  <si>
    <t>南太閤山１３丁目__64</t>
  </si>
  <si>
    <t>南太閤山１３丁目__65</t>
  </si>
  <si>
    <t>南太閤山１３丁目__66</t>
  </si>
  <si>
    <t>南太閤山１３丁目__67</t>
  </si>
  <si>
    <t>南太閤山１３丁目__68</t>
  </si>
  <si>
    <t>二の丸町__135-2</t>
  </si>
  <si>
    <t>南太閤山１３丁目__69</t>
  </si>
  <si>
    <t>南太閤山１３丁目__70</t>
  </si>
  <si>
    <t>南太閤山１３丁目__71</t>
  </si>
  <si>
    <t>南太閤山１３丁目__72</t>
  </si>
  <si>
    <t>南太閤山１３丁目__73</t>
  </si>
  <si>
    <t>南太閤山１４丁目__112</t>
  </si>
  <si>
    <t>南太閤山１４丁目__114</t>
  </si>
  <si>
    <t>南太閤山１４丁目__115</t>
  </si>
  <si>
    <t>南太閤山１４丁目__116</t>
  </si>
  <si>
    <t>南太閤山１４丁目__117</t>
  </si>
  <si>
    <t>二の丸町__136-4</t>
  </si>
  <si>
    <t>南太閤山１４丁目__118</t>
  </si>
  <si>
    <t>南太閤山１４丁目__119</t>
  </si>
  <si>
    <t>南太閤山１４丁目__120</t>
  </si>
  <si>
    <t>南太閤山１４丁目__121</t>
  </si>
  <si>
    <t>南太閤山１４丁目__122</t>
  </si>
  <si>
    <t>南太閤山１４丁目__123</t>
  </si>
  <si>
    <t>南太閤山１４丁目__124</t>
  </si>
  <si>
    <t>南太閤山１４丁目__125</t>
  </si>
  <si>
    <t>南太閤山１４丁目__126</t>
  </si>
  <si>
    <t>南太閤山１４丁目__127</t>
  </si>
  <si>
    <t>庄西町二丁目__293-6</t>
  </si>
  <si>
    <t>二の丸町__160-5</t>
  </si>
  <si>
    <t>南太閤山１４丁目__128</t>
  </si>
  <si>
    <t>南太閤山１４丁目__129</t>
  </si>
  <si>
    <t>南太閤山１４丁目__130</t>
  </si>
  <si>
    <t>南太閤山１４丁目__131</t>
  </si>
  <si>
    <t>南太閤山１４丁目__132</t>
  </si>
  <si>
    <t>南太閤山１４丁目__133</t>
  </si>
  <si>
    <t>南太閤山１４丁目__134</t>
  </si>
  <si>
    <t>南太閤山１４丁目__135</t>
  </si>
  <si>
    <t>南太閤山１４丁目__136</t>
  </si>
  <si>
    <t>南太閤山１５丁目__83</t>
  </si>
  <si>
    <t>二の丸町__161-1</t>
  </si>
  <si>
    <t>南太閤山１５丁目__84</t>
  </si>
  <si>
    <t>南太閤山１５丁目__85</t>
  </si>
  <si>
    <t>南太閤山１５丁目__86</t>
  </si>
  <si>
    <t>南太閤山１５丁目__87</t>
  </si>
  <si>
    <t>南太閤山１５丁目__88</t>
  </si>
  <si>
    <t>南太閤山１５丁目__89</t>
  </si>
  <si>
    <t>南太閤山１５丁目__90</t>
  </si>
  <si>
    <t>南太閤山１５丁目__91</t>
  </si>
  <si>
    <t>南太閤山１５丁目__92</t>
  </si>
  <si>
    <t>南太閤山１５丁目__93</t>
  </si>
  <si>
    <t>二の丸町__164-18</t>
  </si>
  <si>
    <t>南太閤山１５丁目__94</t>
  </si>
  <si>
    <t>南太閤山１５丁目__95</t>
  </si>
  <si>
    <t>南太閤山１５丁目__96</t>
  </si>
  <si>
    <t>南太閤山１５丁目__97</t>
  </si>
  <si>
    <t>南太閤山１７丁目__1-3</t>
  </si>
  <si>
    <t>南太閤山１７丁目__50</t>
  </si>
  <si>
    <t>南太閤山１７丁目__51</t>
  </si>
  <si>
    <t>南太閤山１８丁目__3</t>
  </si>
  <si>
    <t>流通センター_青井谷２丁目_22</t>
  </si>
  <si>
    <t>東太閤山１丁目__9</t>
  </si>
  <si>
    <t>二の丸町__171-2</t>
  </si>
  <si>
    <t>東太閤山１丁目__14</t>
  </si>
  <si>
    <t>東太閤山１丁目__19</t>
  </si>
  <si>
    <t>東太閤山１丁目__24</t>
  </si>
  <si>
    <t>東太閤山１丁目__44</t>
  </si>
  <si>
    <t>東太閤山１丁目__49</t>
  </si>
  <si>
    <t>東太閤山１丁目__94</t>
  </si>
  <si>
    <t>東太閤山２丁目__9</t>
  </si>
  <si>
    <t>東太閤山２丁目__24</t>
  </si>
  <si>
    <t>東太閤山２丁目__34</t>
  </si>
  <si>
    <t>東太閤山２丁目__49</t>
  </si>
  <si>
    <t>二の丸町__178-9</t>
  </si>
  <si>
    <t>東太閤山２丁目__54</t>
  </si>
  <si>
    <t>東太閤山２丁目__69</t>
  </si>
  <si>
    <t>東太閤山３丁目__4</t>
  </si>
  <si>
    <t>東太閤山３丁目__34</t>
  </si>
  <si>
    <t>東太閤山３丁目__94</t>
  </si>
  <si>
    <t>東太閤山４丁目__4</t>
  </si>
  <si>
    <t>東太閤山４丁目__9</t>
  </si>
  <si>
    <t>東太閤山４丁目__14</t>
  </si>
  <si>
    <t>東太閤山４丁目__24</t>
  </si>
  <si>
    <t>東太閤山４丁目__44</t>
  </si>
  <si>
    <t>二の丸町__179-3</t>
  </si>
  <si>
    <t>一条__32</t>
  </si>
  <si>
    <t>一条__33</t>
  </si>
  <si>
    <t>一条__34</t>
  </si>
  <si>
    <t>一条__35</t>
  </si>
  <si>
    <t>一条__36</t>
  </si>
  <si>
    <t>一条__37</t>
  </si>
  <si>
    <t>一条__38</t>
  </si>
  <si>
    <t>一条__39</t>
  </si>
  <si>
    <t>一条__40</t>
  </si>
  <si>
    <t>一条__41</t>
  </si>
  <si>
    <t>二の丸町__180-3</t>
  </si>
  <si>
    <t>一条__42</t>
  </si>
  <si>
    <t>一条__43</t>
  </si>
  <si>
    <t>一条__44</t>
  </si>
  <si>
    <t>一条__45</t>
  </si>
  <si>
    <t>一条__46</t>
  </si>
  <si>
    <t>一条__48</t>
  </si>
  <si>
    <t>一条__49</t>
  </si>
  <si>
    <t>一条__50</t>
  </si>
  <si>
    <t>一条__51</t>
  </si>
  <si>
    <t>一条__52</t>
  </si>
  <si>
    <t>二の丸町__181-3</t>
  </si>
  <si>
    <t>一条__53</t>
  </si>
  <si>
    <t>一条__54</t>
  </si>
  <si>
    <t>一条__55</t>
  </si>
  <si>
    <t>一条__56</t>
  </si>
  <si>
    <t>一条__57</t>
  </si>
  <si>
    <t>一条__58</t>
  </si>
  <si>
    <t>一条__59</t>
  </si>
  <si>
    <t>一条__60</t>
  </si>
  <si>
    <t>一条__61</t>
  </si>
  <si>
    <t>一条__62</t>
  </si>
  <si>
    <t>二の丸町__182-2</t>
  </si>
  <si>
    <t>一条__63</t>
  </si>
  <si>
    <t>一条__64</t>
  </si>
  <si>
    <t>一条__66</t>
  </si>
  <si>
    <t>西広上__24-2</t>
  </si>
  <si>
    <t>西広上__29-2</t>
  </si>
  <si>
    <t>西広上__29-3</t>
  </si>
  <si>
    <t>西広上__29-4</t>
  </si>
  <si>
    <t>西広上__30-3</t>
  </si>
  <si>
    <t>西広上__32-2</t>
  </si>
  <si>
    <t>西広上__33-2</t>
  </si>
  <si>
    <t>二の丸町__183-2</t>
  </si>
  <si>
    <t>西広上__34-2</t>
  </si>
  <si>
    <t>西広上__34-3</t>
  </si>
  <si>
    <t>西広上__34-5</t>
  </si>
  <si>
    <t>西広上__42-2</t>
  </si>
  <si>
    <t>西広上__43-2</t>
  </si>
  <si>
    <t>西広上__44-2</t>
  </si>
  <si>
    <t>西広上__45-2</t>
  </si>
  <si>
    <t>西広上__45-3</t>
  </si>
  <si>
    <t>西広上__73-2</t>
  </si>
  <si>
    <t>西広上__74-2</t>
  </si>
  <si>
    <t>庄西町二丁目__293-7</t>
  </si>
  <si>
    <t>二の丸町__184-5</t>
  </si>
  <si>
    <t>西広上__74-3</t>
  </si>
  <si>
    <t>西広上__75-2</t>
  </si>
  <si>
    <t>西広上__76-2</t>
  </si>
  <si>
    <t>西広上__77-2</t>
  </si>
  <si>
    <t>西広上__78-2</t>
  </si>
  <si>
    <t>西広上__79-2</t>
  </si>
  <si>
    <t>西広上__80-2</t>
  </si>
  <si>
    <t>西広上__81-2</t>
  </si>
  <si>
    <t>西広上__82-2</t>
  </si>
  <si>
    <t>西広上__83-2</t>
  </si>
  <si>
    <t>二の丸町__184-6</t>
  </si>
  <si>
    <t>西広上__84-2</t>
  </si>
  <si>
    <t>西広上__85-2</t>
  </si>
  <si>
    <t>西広上__86-2</t>
  </si>
  <si>
    <t>西広上__87-2</t>
  </si>
  <si>
    <t>西広上__87-3</t>
  </si>
  <si>
    <t>西広上__88-2</t>
  </si>
  <si>
    <t>西広上__98-3</t>
  </si>
  <si>
    <t>西広上__99-2</t>
  </si>
  <si>
    <t>西広上__100-2</t>
  </si>
  <si>
    <t>西広上__101-2</t>
  </si>
  <si>
    <t>二の丸町__188-1</t>
  </si>
  <si>
    <t>西広上__102-2</t>
  </si>
  <si>
    <t>西広上__103-2</t>
  </si>
  <si>
    <t>西広上__104-2</t>
  </si>
  <si>
    <t>西広上__105-2</t>
  </si>
  <si>
    <t>西広上__106-2</t>
  </si>
  <si>
    <t>西広上__107-2</t>
  </si>
  <si>
    <t>西広上__108-3</t>
  </si>
  <si>
    <t>広上__58-3</t>
  </si>
  <si>
    <t>広上__58-4</t>
  </si>
  <si>
    <t>広上__59-2</t>
  </si>
  <si>
    <t>二の丸町__188-13</t>
  </si>
  <si>
    <t>広上__60-4</t>
  </si>
  <si>
    <t>広上__60-5</t>
  </si>
  <si>
    <t>広上__61-2</t>
  </si>
  <si>
    <t>広上__67-2</t>
  </si>
  <si>
    <t>広上__68-2</t>
  </si>
  <si>
    <t>広上__79-2</t>
  </si>
  <si>
    <t>広上__80-2</t>
  </si>
  <si>
    <t>広上__88-3</t>
  </si>
  <si>
    <t>広上__88-5</t>
  </si>
  <si>
    <t>広上__89-2</t>
  </si>
  <si>
    <t>二の丸町__243-3</t>
  </si>
  <si>
    <t>広上__131-2</t>
  </si>
  <si>
    <t>広上__151</t>
  </si>
  <si>
    <t>広上__214</t>
  </si>
  <si>
    <t>広上__272</t>
  </si>
  <si>
    <t>広上__301</t>
  </si>
  <si>
    <t>広上__303</t>
  </si>
  <si>
    <t>広上__304</t>
  </si>
  <si>
    <t>広上__305</t>
  </si>
  <si>
    <t>広上__306</t>
  </si>
  <si>
    <t>広上__307</t>
  </si>
  <si>
    <t>二の丸町__326-2</t>
  </si>
  <si>
    <t>広上__308</t>
  </si>
  <si>
    <t>広上__309</t>
  </si>
  <si>
    <t>広上__310</t>
  </si>
  <si>
    <t>広上__311</t>
  </si>
  <si>
    <t>広上__312</t>
  </si>
  <si>
    <t>広上__313</t>
  </si>
  <si>
    <t>広上__314</t>
  </si>
  <si>
    <t>広上__315</t>
  </si>
  <si>
    <t>広上__316</t>
  </si>
  <si>
    <t>広上__317</t>
  </si>
  <si>
    <t>二の丸町__339</t>
  </si>
  <si>
    <t>広上__318</t>
  </si>
  <si>
    <t>広上__319</t>
  </si>
  <si>
    <t>広上__320-1</t>
  </si>
  <si>
    <t>広上__320-3</t>
  </si>
  <si>
    <t>広上__320-75</t>
  </si>
  <si>
    <t>広上__320-76</t>
  </si>
  <si>
    <t>広上__320-77</t>
  </si>
  <si>
    <t>広上__320-78</t>
  </si>
  <si>
    <t>広上__320-79</t>
  </si>
  <si>
    <t>広上__320-80</t>
  </si>
  <si>
    <t>越の潟町__521-27</t>
  </si>
  <si>
    <t>広上__320-81</t>
  </si>
  <si>
    <t>広上__320-82</t>
  </si>
  <si>
    <t>広上__320</t>
  </si>
  <si>
    <t>広上__321</t>
  </si>
  <si>
    <t>広上__322</t>
  </si>
  <si>
    <t>広上__324-2</t>
  </si>
  <si>
    <t>広上__332-3</t>
  </si>
  <si>
    <t>広上__333-2</t>
  </si>
  <si>
    <t>広上__334-3</t>
  </si>
  <si>
    <t>広上__334-6</t>
  </si>
  <si>
    <t>越の潟町__808-1</t>
  </si>
  <si>
    <t>広上__342-1</t>
  </si>
  <si>
    <t>広上__342-4</t>
  </si>
  <si>
    <t>広上__344-1</t>
  </si>
  <si>
    <t>広上__361-1</t>
  </si>
  <si>
    <t>広上__361-2</t>
  </si>
  <si>
    <t>広上__361-4</t>
  </si>
  <si>
    <t>広上__361-41</t>
  </si>
  <si>
    <t>広上__361-42</t>
  </si>
  <si>
    <t>広上__361-44</t>
  </si>
  <si>
    <t>広上__361-45</t>
  </si>
  <si>
    <t>越の潟町__809-1</t>
  </si>
  <si>
    <t>広上__361-46</t>
  </si>
  <si>
    <t>広上__710-3</t>
  </si>
  <si>
    <t>広上__710-4</t>
  </si>
  <si>
    <t>広上__711-2</t>
  </si>
  <si>
    <t>広上__712-2</t>
  </si>
  <si>
    <t>広上__713-2</t>
  </si>
  <si>
    <t>広上__714-3</t>
  </si>
  <si>
    <t>広上__714-4</t>
  </si>
  <si>
    <t>広上__749-2</t>
  </si>
  <si>
    <t>広上__749-4</t>
  </si>
  <si>
    <t>庄西町二丁目__294-2</t>
  </si>
  <si>
    <t>越の潟町__810-1</t>
  </si>
  <si>
    <t>広上__749-5</t>
  </si>
  <si>
    <t>広上__750-2</t>
  </si>
  <si>
    <t>広上__750-3</t>
  </si>
  <si>
    <t>広上__750-4</t>
  </si>
  <si>
    <t>広上__751-2</t>
  </si>
  <si>
    <t>広上__751-3</t>
  </si>
  <si>
    <t>広上__752-2</t>
  </si>
  <si>
    <t>広上__752-3</t>
  </si>
  <si>
    <t>広上__753-2</t>
  </si>
  <si>
    <t>広上__753-3</t>
  </si>
  <si>
    <t>越の潟町__811-3</t>
  </si>
  <si>
    <t>広上__754-3</t>
  </si>
  <si>
    <t>広上__755-3</t>
  </si>
  <si>
    <t>広上__756-3</t>
  </si>
  <si>
    <t>広上__757-3</t>
  </si>
  <si>
    <t>広上__758-3</t>
  </si>
  <si>
    <t>広上__759-3</t>
  </si>
  <si>
    <t>広上__760-3</t>
  </si>
  <si>
    <t>広上__761-3</t>
  </si>
  <si>
    <t>広上__762-3</t>
  </si>
  <si>
    <t>広上__763-4</t>
  </si>
  <si>
    <t>越の潟町__820-3</t>
  </si>
  <si>
    <t>広上__764-3</t>
  </si>
  <si>
    <t>広上__765-3</t>
  </si>
  <si>
    <t>広上__766-3</t>
  </si>
  <si>
    <t>広上__767-3</t>
  </si>
  <si>
    <t>広上__768-3</t>
  </si>
  <si>
    <t>広上__769-3</t>
  </si>
  <si>
    <t>広上__770-1</t>
  </si>
  <si>
    <t>広上__770-2</t>
  </si>
  <si>
    <t>広上__770-3</t>
  </si>
  <si>
    <t>広上__771-2</t>
  </si>
  <si>
    <t>越の潟町__831-17</t>
  </si>
  <si>
    <t>広上__772-2</t>
  </si>
  <si>
    <t>広上__773-2</t>
  </si>
  <si>
    <t>広上__774-1</t>
  </si>
  <si>
    <t>広上__774-2</t>
  </si>
  <si>
    <t>広上__774-4</t>
  </si>
  <si>
    <t>広上__774-6</t>
  </si>
  <si>
    <t>広上__774-8</t>
  </si>
  <si>
    <t>広上__775-2</t>
  </si>
  <si>
    <t>広上__776-2</t>
  </si>
  <si>
    <t>広上__777-2</t>
  </si>
  <si>
    <t>越の潟町__831-19</t>
  </si>
  <si>
    <t>広上__778-2</t>
  </si>
  <si>
    <t>広上__779-2</t>
  </si>
  <si>
    <t>広上__779-6</t>
  </si>
  <si>
    <t>広上__780-2</t>
  </si>
  <si>
    <t>広上__780-3</t>
  </si>
  <si>
    <t>広上__781-2</t>
  </si>
  <si>
    <t>広上__781-3</t>
  </si>
  <si>
    <t>広上__782-2</t>
  </si>
  <si>
    <t>広上__782-3</t>
  </si>
  <si>
    <t>広上__782-4</t>
  </si>
  <si>
    <t>越の潟町__831-23</t>
  </si>
  <si>
    <t>広上__783-2</t>
  </si>
  <si>
    <t>広上__783-3</t>
  </si>
  <si>
    <t>広上__783-4</t>
  </si>
  <si>
    <t>広上__784-2</t>
  </si>
  <si>
    <t>広上__784-3</t>
  </si>
  <si>
    <t>広上__784-4</t>
  </si>
  <si>
    <t>広上__785-4</t>
  </si>
  <si>
    <t>広上__786-2</t>
  </si>
  <si>
    <t>広上__786-3</t>
  </si>
  <si>
    <t>広上__786-4</t>
  </si>
  <si>
    <t>越の潟町__840-3</t>
  </si>
  <si>
    <t>広上__787-2</t>
  </si>
  <si>
    <t>広上__787-4</t>
  </si>
  <si>
    <t>広上__790-2</t>
  </si>
  <si>
    <t>広上__790-3</t>
  </si>
  <si>
    <t>広上__790-4</t>
  </si>
  <si>
    <t>広上__791-2</t>
  </si>
  <si>
    <t>広上__791-3</t>
  </si>
  <si>
    <t>広上__792-2</t>
  </si>
  <si>
    <t>広上__792-4</t>
  </si>
  <si>
    <t>広上__792-5</t>
  </si>
  <si>
    <t>越の潟町__840-25</t>
  </si>
  <si>
    <t>広上__793-2</t>
  </si>
  <si>
    <t>広上__793-3</t>
  </si>
  <si>
    <t>広上__793-4</t>
  </si>
  <si>
    <t>広上__794-2</t>
  </si>
  <si>
    <t>広上__794-3</t>
  </si>
  <si>
    <t>広上__795-2</t>
  </si>
  <si>
    <t>広上__795-3</t>
  </si>
  <si>
    <t>広上__796-2</t>
  </si>
  <si>
    <t>広上__797-2</t>
  </si>
  <si>
    <t>広上__797-4</t>
  </si>
  <si>
    <t>西新湊__11-15</t>
  </si>
  <si>
    <t>広上__798-2</t>
  </si>
  <si>
    <t>広上__799-2</t>
  </si>
  <si>
    <t>広上__800-2</t>
  </si>
  <si>
    <t>広上__802-2</t>
  </si>
  <si>
    <t>広上__802-3</t>
  </si>
  <si>
    <t>広上__802-4</t>
  </si>
  <si>
    <t>広上__803-2</t>
  </si>
  <si>
    <t>広上__803-4</t>
  </si>
  <si>
    <t>広上__803-9</t>
  </si>
  <si>
    <t>広上__804-2</t>
  </si>
  <si>
    <t>西新湊__31-1</t>
  </si>
  <si>
    <t>広上__805-2</t>
  </si>
  <si>
    <t>広上__805-3</t>
  </si>
  <si>
    <t>広上__806-1</t>
  </si>
  <si>
    <t>広上__806-2</t>
  </si>
  <si>
    <t>広上__806-3</t>
  </si>
  <si>
    <t>広上__806-27</t>
  </si>
  <si>
    <t>広上__807-2</t>
  </si>
  <si>
    <t>広上__807-3</t>
  </si>
  <si>
    <t>広上__808-2</t>
  </si>
  <si>
    <t>広上__808-3</t>
  </si>
  <si>
    <t>庄西町二丁目__295-2</t>
  </si>
  <si>
    <t>西新湊__32-2</t>
  </si>
  <si>
    <t>広上__809-2</t>
  </si>
  <si>
    <t>広上__809-3</t>
  </si>
  <si>
    <t>広上__810-2</t>
  </si>
  <si>
    <t>広上__810-3</t>
  </si>
  <si>
    <t>広上__811-2</t>
  </si>
  <si>
    <t>広上__812-2</t>
  </si>
  <si>
    <t>広上__813-2</t>
  </si>
  <si>
    <t>広上__889-1</t>
  </si>
  <si>
    <t>広上__899-2</t>
  </si>
  <si>
    <t>広上__900-3</t>
  </si>
  <si>
    <t>西新湊__32-4</t>
  </si>
  <si>
    <t>広上__901-2</t>
  </si>
  <si>
    <t>広上__943-2</t>
  </si>
  <si>
    <t>広上__944-2</t>
  </si>
  <si>
    <t>広上__945-2</t>
  </si>
  <si>
    <t>広上__946-2</t>
  </si>
  <si>
    <t>広上__947-2</t>
  </si>
  <si>
    <t>広上__948-4</t>
  </si>
  <si>
    <t>広上__950-2</t>
  </si>
  <si>
    <t>広上__951-2</t>
  </si>
  <si>
    <t>広上__952-2</t>
  </si>
  <si>
    <t>西新湊__33-2</t>
  </si>
  <si>
    <t>広上__953-2</t>
  </si>
  <si>
    <t>広上__954-2</t>
  </si>
  <si>
    <t>広上__955-2</t>
  </si>
  <si>
    <t>広上__956-2</t>
  </si>
  <si>
    <t>広上__957-2</t>
  </si>
  <si>
    <t>広上__958-2</t>
  </si>
  <si>
    <t>広上__959-2</t>
  </si>
  <si>
    <t>広上__960-2</t>
  </si>
  <si>
    <t>広上__961-2</t>
  </si>
  <si>
    <t>広上__962-2</t>
  </si>
  <si>
    <t>西新湊__33-3</t>
  </si>
  <si>
    <t>広上__1000-1</t>
  </si>
  <si>
    <t>広上__1005-2</t>
  </si>
  <si>
    <t>広上__1005-3</t>
  </si>
  <si>
    <t>広上__1006-2</t>
  </si>
  <si>
    <t>広上__1007-2</t>
  </si>
  <si>
    <t>広上__1011-2</t>
  </si>
  <si>
    <t>広上__1012-2</t>
  </si>
  <si>
    <t>広上__1012-3</t>
  </si>
  <si>
    <t>広上__1013-2</t>
  </si>
  <si>
    <t>広上__1014-2</t>
  </si>
  <si>
    <t>西新湊__34-2</t>
  </si>
  <si>
    <t>広上__1015-2</t>
  </si>
  <si>
    <t>広上__1016-2</t>
  </si>
  <si>
    <t>広上__1017-2</t>
  </si>
  <si>
    <t>広上__1018-2</t>
  </si>
  <si>
    <t>広上__1019-2</t>
  </si>
  <si>
    <t>広上__1020-2</t>
  </si>
  <si>
    <t>広上__1021-2</t>
  </si>
  <si>
    <t>広上__1022-2</t>
  </si>
  <si>
    <t>広上__1022-3</t>
  </si>
  <si>
    <t>広上__1023-2</t>
  </si>
  <si>
    <t>西新湊__34-3</t>
  </si>
  <si>
    <t>広上__1023-3</t>
  </si>
  <si>
    <t>広上__1024-2</t>
  </si>
  <si>
    <t>広上__1024-3</t>
  </si>
  <si>
    <t>広上__1025-1</t>
  </si>
  <si>
    <t>広上__1025-2</t>
  </si>
  <si>
    <t>広上__1041-2</t>
  </si>
  <si>
    <t>広上__1062-2</t>
  </si>
  <si>
    <t>広上__1065-4</t>
  </si>
  <si>
    <t>広上__1066-3</t>
  </si>
  <si>
    <t>広上__1067-4</t>
  </si>
  <si>
    <t>西新湊__35-1</t>
  </si>
  <si>
    <t>広上__1067-6</t>
  </si>
  <si>
    <t>広上__1087-3</t>
  </si>
  <si>
    <t>広上__1088-2</t>
  </si>
  <si>
    <t>広上__1089-2</t>
  </si>
  <si>
    <t>広上__1107-2</t>
  </si>
  <si>
    <t>広上__1108-4</t>
  </si>
  <si>
    <t>広上__1128-2</t>
  </si>
  <si>
    <t>広上__1131</t>
  </si>
  <si>
    <t>広上__1134-2</t>
  </si>
  <si>
    <t>広上__1135-2</t>
  </si>
  <si>
    <t>西新湊__35-2</t>
  </si>
  <si>
    <t>広上__1156-2</t>
  </si>
  <si>
    <t>広上__1157-2</t>
  </si>
  <si>
    <t>広上__1176-6</t>
  </si>
  <si>
    <t>広上__1179-2</t>
  </si>
  <si>
    <t>広上__1200-2</t>
  </si>
  <si>
    <t>広上__1218-2</t>
  </si>
  <si>
    <t>広上__1219-2</t>
  </si>
  <si>
    <t>広上__1220-2</t>
  </si>
  <si>
    <t>広上__1239-2</t>
  </si>
  <si>
    <t>広上__1239-3</t>
  </si>
  <si>
    <t>西新湊__36-14</t>
  </si>
  <si>
    <t>広上__1250-2</t>
  </si>
  <si>
    <t>広上__1251-2</t>
  </si>
  <si>
    <t>広上__1252-2</t>
  </si>
  <si>
    <t>広上__1253-2</t>
  </si>
  <si>
    <t>広上__1263-2</t>
  </si>
  <si>
    <t>広上__1263-3</t>
  </si>
  <si>
    <t>広上__1264-2</t>
  </si>
  <si>
    <t>広上__1264-3</t>
  </si>
  <si>
    <t>広上__1274-2</t>
  </si>
  <si>
    <t>広上__1275-2</t>
  </si>
  <si>
    <t>西新湊__36-15</t>
  </si>
  <si>
    <t>広上__1281-3</t>
  </si>
  <si>
    <t>広上__1281-4</t>
  </si>
  <si>
    <t>広上__1283-2</t>
  </si>
  <si>
    <t>広上__1283-3</t>
  </si>
  <si>
    <t>広上__1283-4</t>
  </si>
  <si>
    <t>広上__1284-2</t>
  </si>
  <si>
    <t>広上__1348-2</t>
  </si>
  <si>
    <t>広上__1349-2</t>
  </si>
  <si>
    <t>広上__1406-2</t>
  </si>
  <si>
    <t>広上__1417-2</t>
  </si>
  <si>
    <t>庄西町二丁目__296-2</t>
  </si>
  <si>
    <t>西新湊__36-16</t>
  </si>
  <si>
    <t>広上__1418-2</t>
  </si>
  <si>
    <t>広上__1419-2</t>
  </si>
  <si>
    <t>広上__1420-2</t>
  </si>
  <si>
    <t>広上__1468-2</t>
  </si>
  <si>
    <t>広上__1469-2</t>
  </si>
  <si>
    <t>広上__1469-3</t>
  </si>
  <si>
    <t>広上__1470-2</t>
  </si>
  <si>
    <t>広上__1471-2</t>
  </si>
  <si>
    <t>広上__1472-2</t>
  </si>
  <si>
    <t>広上__1473-2</t>
  </si>
  <si>
    <t>西新湊__36-6</t>
  </si>
  <si>
    <t>広上__1474-2</t>
  </si>
  <si>
    <t>広上__1475-2</t>
  </si>
  <si>
    <t>広上__1476-2</t>
  </si>
  <si>
    <t>広上__1477-2</t>
  </si>
  <si>
    <t>広上__1478-2</t>
  </si>
  <si>
    <t>広上__1479-2</t>
  </si>
  <si>
    <t>広上__1480-2</t>
  </si>
  <si>
    <t>広上__1509-2</t>
  </si>
  <si>
    <t>広上__1510-2</t>
  </si>
  <si>
    <t>広上__1511-2</t>
  </si>
  <si>
    <t>西新湊__37-19</t>
  </si>
  <si>
    <t>広上__1512-2</t>
  </si>
  <si>
    <t>広上__1513-2</t>
  </si>
  <si>
    <t>広上__1514-2</t>
  </si>
  <si>
    <t>広上__1515-2</t>
  </si>
  <si>
    <t>広上__1516-2</t>
  </si>
  <si>
    <t>広上__1517-2</t>
  </si>
  <si>
    <t>広上__1518-2</t>
  </si>
  <si>
    <t>広上__1519-2</t>
  </si>
  <si>
    <t>広上__1520-2</t>
  </si>
  <si>
    <t>広上__1521-2</t>
  </si>
  <si>
    <t>西新湊__37-2</t>
  </si>
  <si>
    <t>広上__1521-3</t>
  </si>
  <si>
    <t>広上__1522-2</t>
  </si>
  <si>
    <t>広上__1563-2</t>
  </si>
  <si>
    <t>広上__1564-2</t>
  </si>
  <si>
    <t>広上__1573-2</t>
  </si>
  <si>
    <t>広上__1621-2</t>
  </si>
  <si>
    <t>広上__1630-3</t>
  </si>
  <si>
    <t>広上__1630-4</t>
  </si>
  <si>
    <t>広上__1631-2</t>
  </si>
  <si>
    <t>広上__1631-3</t>
  </si>
  <si>
    <t>西新湊__37-3</t>
  </si>
  <si>
    <t>広上__1632-2</t>
  </si>
  <si>
    <t>広上__1633-2</t>
  </si>
  <si>
    <t>広上__1634-2</t>
  </si>
  <si>
    <t>広上__1635-2</t>
  </si>
  <si>
    <t>広上__1636-2</t>
  </si>
  <si>
    <t>広上__1637-2</t>
  </si>
  <si>
    <t>広上__1638-2</t>
  </si>
  <si>
    <t>広上__1639-2</t>
  </si>
  <si>
    <t>広上__1640-2</t>
  </si>
  <si>
    <t>広上__1640-3</t>
  </si>
  <si>
    <t>西新湊__39-1</t>
  </si>
  <si>
    <t>広上__1641-2</t>
  </si>
  <si>
    <t>広上__1642-2</t>
  </si>
  <si>
    <t>広上__1643-2</t>
  </si>
  <si>
    <t>広上__1644-2</t>
  </si>
  <si>
    <t>広上__1645-2</t>
  </si>
  <si>
    <t>広上__1646-2</t>
  </si>
  <si>
    <t>広上__1647-2</t>
  </si>
  <si>
    <t>広上__1648-2</t>
  </si>
  <si>
    <t>広上__1649-2</t>
  </si>
  <si>
    <t>広上__1650-2</t>
  </si>
  <si>
    <t>西新湊__40-1</t>
  </si>
  <si>
    <t>広上__1651-2</t>
  </si>
  <si>
    <t>広上__1653-2</t>
  </si>
  <si>
    <t>広上__1654-2</t>
  </si>
  <si>
    <t>広上__1655-2</t>
  </si>
  <si>
    <t>広上__1656-2</t>
  </si>
  <si>
    <t>広上__1657-2</t>
  </si>
  <si>
    <t>広上__1658-2</t>
  </si>
  <si>
    <t>広上__1659-2</t>
  </si>
  <si>
    <t>広上__1660-2</t>
  </si>
  <si>
    <t>広上__1661-2</t>
  </si>
  <si>
    <t>西新湊__40-2</t>
  </si>
  <si>
    <t>広上__1662-2</t>
  </si>
  <si>
    <t>広上__1663-2</t>
  </si>
  <si>
    <t>広上__1664-2</t>
  </si>
  <si>
    <t>広上__1665-2</t>
  </si>
  <si>
    <t>広上__1666-2</t>
  </si>
  <si>
    <t>広上__1667-2</t>
  </si>
  <si>
    <t>広上__1667-3</t>
  </si>
  <si>
    <t>広上__1667-4</t>
  </si>
  <si>
    <t>広上__1668-2</t>
  </si>
  <si>
    <t>広上__1668-3</t>
  </si>
  <si>
    <t>西新湊__40-3</t>
  </si>
  <si>
    <t>広上__1669-2</t>
  </si>
  <si>
    <t>広上__1670-2</t>
  </si>
  <si>
    <t>広上__1671-2</t>
  </si>
  <si>
    <t>広上__1672-2</t>
  </si>
  <si>
    <t>広上__1673-2</t>
  </si>
  <si>
    <t>広上__1674-2</t>
  </si>
  <si>
    <t>広上__1675-2</t>
  </si>
  <si>
    <t>広上__1676-2</t>
  </si>
  <si>
    <t>広上__1677-2</t>
  </si>
  <si>
    <t>広上__1678-2</t>
  </si>
  <si>
    <t>西新湊__40-11</t>
  </si>
  <si>
    <t>広上__1679-2</t>
  </si>
  <si>
    <t>広上__1680-2</t>
  </si>
  <si>
    <t>広上__1681-2</t>
  </si>
  <si>
    <t>広上__1687-2</t>
  </si>
  <si>
    <t>広上__1688-2</t>
  </si>
  <si>
    <t>広上__1689-2</t>
  </si>
  <si>
    <t>広上__1690-2</t>
  </si>
  <si>
    <t>広上__1690-3</t>
  </si>
  <si>
    <t>広上__1691-2</t>
  </si>
  <si>
    <t>広上__1692-2</t>
  </si>
  <si>
    <t>庄西町二丁目__297-2</t>
  </si>
  <si>
    <t>西新湊__50</t>
  </si>
  <si>
    <t>広上__1696-2</t>
  </si>
  <si>
    <t>広上__1700-2</t>
  </si>
  <si>
    <t>広上__1701-2</t>
  </si>
  <si>
    <t>広上__1702-2</t>
  </si>
  <si>
    <t>広上__1703-2</t>
  </si>
  <si>
    <t>広上__1704-2</t>
  </si>
  <si>
    <t>広上__1705-2</t>
  </si>
  <si>
    <t>広上__1705-3</t>
  </si>
  <si>
    <t>広上__1706-2</t>
  </si>
  <si>
    <t>広上__1719-2</t>
  </si>
  <si>
    <t>西新湊__51</t>
  </si>
  <si>
    <t>広上__1751-2</t>
  </si>
  <si>
    <t>広上__1771-2</t>
  </si>
  <si>
    <t>広上__1786-2</t>
  </si>
  <si>
    <t>広上__1788-2</t>
  </si>
  <si>
    <t>広上__1789-2</t>
  </si>
  <si>
    <t>広上__1874-2</t>
  </si>
  <si>
    <t>広上__1877-2</t>
  </si>
  <si>
    <t>広上__1903-2</t>
  </si>
  <si>
    <t>広上__1904-2</t>
  </si>
  <si>
    <t>広上__1929-2</t>
  </si>
  <si>
    <t>西新湊__52</t>
  </si>
  <si>
    <t>広上__1930-2</t>
  </si>
  <si>
    <t>広上__1937-2</t>
  </si>
  <si>
    <t>広上__1938-2</t>
  </si>
  <si>
    <t>広上__1951-2</t>
  </si>
  <si>
    <t>広上__1954-2</t>
  </si>
  <si>
    <t>広上__1955-2</t>
  </si>
  <si>
    <t>広上__1958-2</t>
  </si>
  <si>
    <t>広上__1959-2</t>
  </si>
  <si>
    <t>広上__1962-2</t>
  </si>
  <si>
    <t>広上__1963-2</t>
  </si>
  <si>
    <t>西新湊__55</t>
  </si>
  <si>
    <t>広上__1965-2</t>
  </si>
  <si>
    <t>広上__1966-3</t>
  </si>
  <si>
    <t>広上__1967-3</t>
  </si>
  <si>
    <t>広上__1968-3</t>
  </si>
  <si>
    <t>広上__1969-3</t>
  </si>
  <si>
    <t>広上__1970-3</t>
  </si>
  <si>
    <t>広上__1971-3</t>
  </si>
  <si>
    <t>広上__2000-16</t>
  </si>
  <si>
    <t>広上__2000-38</t>
  </si>
  <si>
    <t>西新湊__59</t>
  </si>
  <si>
    <t>広上__2000-12</t>
  </si>
  <si>
    <t>上条__1-1</t>
  </si>
  <si>
    <t>上条__2-1</t>
  </si>
  <si>
    <t>上条__2-4</t>
  </si>
  <si>
    <t>上条__2-28</t>
  </si>
  <si>
    <t>上条__3-1</t>
  </si>
  <si>
    <t>上条__3-4</t>
  </si>
  <si>
    <t>上条__3-5</t>
  </si>
  <si>
    <t>上条__3-6</t>
  </si>
  <si>
    <t>上条__9-1</t>
  </si>
  <si>
    <t>西新湊__60</t>
  </si>
  <si>
    <t>上条__57-4</t>
  </si>
  <si>
    <t>上条__61-4</t>
  </si>
  <si>
    <t>上条__66-3</t>
  </si>
  <si>
    <t>上条__66-9</t>
  </si>
  <si>
    <t>上条__90-3</t>
  </si>
  <si>
    <t>上条__98-4</t>
  </si>
  <si>
    <t>上条__98-6</t>
  </si>
  <si>
    <t>上条__104-2</t>
  </si>
  <si>
    <t>上条__104-4</t>
  </si>
  <si>
    <t>上条__105-2</t>
  </si>
  <si>
    <t>西新湊__61</t>
  </si>
  <si>
    <t>上条__105-3</t>
  </si>
  <si>
    <t>上条__105-5</t>
  </si>
  <si>
    <t>上条__106-2</t>
  </si>
  <si>
    <t>上条__107-2</t>
  </si>
  <si>
    <t>上条__108-1</t>
  </si>
  <si>
    <t>上条__108-3</t>
  </si>
  <si>
    <t>上条__108-5</t>
  </si>
  <si>
    <t>上条__109-1</t>
  </si>
  <si>
    <t>上条__109-2</t>
  </si>
  <si>
    <t>上条__110-1</t>
  </si>
  <si>
    <t>西新湊__62</t>
  </si>
  <si>
    <t>上条__110-3</t>
  </si>
  <si>
    <t>上条__115-2</t>
  </si>
  <si>
    <t>上条__121-2</t>
  </si>
  <si>
    <t>上条__122-2</t>
  </si>
  <si>
    <t>上条__124-2</t>
  </si>
  <si>
    <t>上条__125-3</t>
  </si>
  <si>
    <t>上条__129-2</t>
  </si>
  <si>
    <t>上条__173-2</t>
  </si>
  <si>
    <t>上条__176-2</t>
  </si>
  <si>
    <t>上条__194-2</t>
  </si>
  <si>
    <t>西新湊__63</t>
  </si>
  <si>
    <t>上条__194-3</t>
  </si>
  <si>
    <t>上条__198-2</t>
  </si>
  <si>
    <t>上条__199-2</t>
  </si>
  <si>
    <t>上条__200-2</t>
  </si>
  <si>
    <t>上条__203-2</t>
  </si>
  <si>
    <t>上条__203-3</t>
  </si>
  <si>
    <t>上条__205-2</t>
  </si>
  <si>
    <t>上条__206-2</t>
  </si>
  <si>
    <t>上条__207-2</t>
  </si>
  <si>
    <t>上条__208-2</t>
  </si>
  <si>
    <t>西新湊__64</t>
  </si>
  <si>
    <t>上条__209-2</t>
  </si>
  <si>
    <t>上条__218-2</t>
  </si>
  <si>
    <t>上条__219-2</t>
  </si>
  <si>
    <t>上条__220-2</t>
  </si>
  <si>
    <t>上条__221-2</t>
  </si>
  <si>
    <t>上条__222-2</t>
  </si>
  <si>
    <t>上条__223-2</t>
  </si>
  <si>
    <t>上条__224-3</t>
  </si>
  <si>
    <t>上条__225-3</t>
  </si>
  <si>
    <t>上条__236-2</t>
  </si>
  <si>
    <t>道路用地（国道）_管財課</t>
  </si>
  <si>
    <t>庄川本町__88-3</t>
  </si>
  <si>
    <t>本町一丁目__276-3</t>
  </si>
  <si>
    <t>本町一丁目__277-3</t>
  </si>
  <si>
    <t>本町一丁目__307-4</t>
  </si>
  <si>
    <t>本町一丁目__348-4</t>
  </si>
  <si>
    <t>本町一丁目__378-3</t>
  </si>
  <si>
    <t>本町一丁目__472-3</t>
  </si>
  <si>
    <t>本町一丁目__473-3</t>
  </si>
  <si>
    <t>本町一丁目__474-3</t>
  </si>
  <si>
    <t>本町一丁目__475-3</t>
  </si>
  <si>
    <t>本町一丁目__1001</t>
  </si>
  <si>
    <t>庄川本町__106-3</t>
  </si>
  <si>
    <t>本町二丁目__111-3</t>
  </si>
  <si>
    <t>本町二丁目__1007</t>
  </si>
  <si>
    <t>本町二丁目__1103-3</t>
  </si>
  <si>
    <t>本町二丁目__1103-4</t>
  </si>
  <si>
    <t>本町二丁目__1120-5</t>
  </si>
  <si>
    <t>本町二丁目__1121-2</t>
  </si>
  <si>
    <t>本町二丁目__1121-3</t>
  </si>
  <si>
    <t>中央町__1621-3</t>
  </si>
  <si>
    <t>海老江_寺野_1459-6</t>
  </si>
  <si>
    <t>海老江練合_香海里_639</t>
  </si>
  <si>
    <t>庄川本町__120-3</t>
  </si>
  <si>
    <t>堀岡古明神_浜田_105-2</t>
  </si>
  <si>
    <t>本江_足洗_2924-25</t>
  </si>
  <si>
    <t>本江_足洗_2924-26</t>
  </si>
  <si>
    <t>本江_足洗_2924-27</t>
  </si>
  <si>
    <t>本江_足洗_2924-28</t>
  </si>
  <si>
    <t>本江_足洗_2924-73</t>
  </si>
  <si>
    <t>本江_足洗_2924-78</t>
  </si>
  <si>
    <t>本江_足洗_2924-80</t>
  </si>
  <si>
    <t>本江_足洗_2924-111</t>
  </si>
  <si>
    <t>本江_足洗_2924-113</t>
  </si>
  <si>
    <t>庄川本町__278</t>
  </si>
  <si>
    <t>本江_足洗_2924-2</t>
  </si>
  <si>
    <t>本江針山開_中開_68-6</t>
  </si>
  <si>
    <t>鏡宮__328-2</t>
  </si>
  <si>
    <t>鏡宮__328-3</t>
  </si>
  <si>
    <t>野村__869</t>
  </si>
  <si>
    <t>橋下条__1479-3</t>
  </si>
  <si>
    <t>橋下条__1866-3</t>
  </si>
  <si>
    <t>橋下条__1893-3</t>
  </si>
  <si>
    <t>青井谷__41-5</t>
  </si>
  <si>
    <t>青井谷__62</t>
  </si>
  <si>
    <t>庄川本町__279</t>
  </si>
  <si>
    <t>青井谷__69</t>
  </si>
  <si>
    <t>青井谷__75</t>
  </si>
  <si>
    <t>青井谷__94</t>
  </si>
  <si>
    <t>青井谷_干田_1659-5</t>
  </si>
  <si>
    <t>浄土寺__168-2</t>
  </si>
  <si>
    <t>浄土寺__168-3</t>
  </si>
  <si>
    <t>浄土寺__198-2</t>
  </si>
  <si>
    <t>浄土寺__199-2</t>
  </si>
  <si>
    <t>浄土寺__450</t>
  </si>
  <si>
    <t>浄土寺__454-1</t>
  </si>
  <si>
    <t>庄川本町__378</t>
  </si>
  <si>
    <t>浄土寺__455</t>
  </si>
  <si>
    <t>浄土寺_酢川_108-6</t>
  </si>
  <si>
    <t>浄土寺_酢川_109-2</t>
  </si>
  <si>
    <t>浄土寺_酢川_132-4</t>
  </si>
  <si>
    <t>浄土寺_酢川_136-3</t>
  </si>
  <si>
    <t>浄土寺_酢川_138-5</t>
  </si>
  <si>
    <t>浄土寺_酢川_184-4</t>
  </si>
  <si>
    <t>浄土寺_竹中_1593-6</t>
  </si>
  <si>
    <t>浄土寺_竹中_1593-7</t>
  </si>
  <si>
    <t>上野_地久_1800-2</t>
  </si>
  <si>
    <t>庄川本町__379</t>
  </si>
  <si>
    <t>上野_地久_1801-2</t>
  </si>
  <si>
    <t>上野_地久_1828-6</t>
  </si>
  <si>
    <t>上野_地久_1829-3</t>
  </si>
  <si>
    <t>上野_地久_1830-2</t>
  </si>
  <si>
    <t>大江__1490-2</t>
  </si>
  <si>
    <t>本江三箇_潟開_13-4</t>
  </si>
  <si>
    <t>本町一丁目__43-2</t>
  </si>
  <si>
    <t>本町一丁目__44-1</t>
  </si>
  <si>
    <t>道路用地（県道）_管財課</t>
  </si>
  <si>
    <t>庄西町二丁目__81-2</t>
  </si>
  <si>
    <t>庄西町二丁目__948</t>
  </si>
  <si>
    <t>海老江練合_汐除_118-3</t>
  </si>
  <si>
    <t>堀岡古明神_村下_313-5</t>
  </si>
  <si>
    <t>堀岡古明神_村下_332-4</t>
  </si>
  <si>
    <t>堀岡古明神_村下_332-5</t>
  </si>
  <si>
    <t>堀岡明神新_茂三郎坪_88-10</t>
  </si>
  <si>
    <t>堀岡堀江_浜田_111-1</t>
  </si>
  <si>
    <t>堀岡堀江_浜田_112-1</t>
  </si>
  <si>
    <t>堀岡堀江_浜田_113-3</t>
  </si>
  <si>
    <t>堀岡堀江_浜田_114-6</t>
  </si>
  <si>
    <t>堀岡堀江_浜田_114-7</t>
  </si>
  <si>
    <t>堀岡堀江_浜田_115-5</t>
  </si>
  <si>
    <t>海老江練合_汐除_119-3</t>
  </si>
  <si>
    <t>堀岡堀江_浜田_115-6</t>
  </si>
  <si>
    <t>堀岡堀江_浜田_116-3</t>
  </si>
  <si>
    <t>本江針山_茅場_41-2</t>
  </si>
  <si>
    <t>本江針山_茅場_42-2</t>
  </si>
  <si>
    <t>本江針山_茅場_43-2</t>
  </si>
  <si>
    <t>本江針山_茅場_44-2</t>
  </si>
  <si>
    <t>本江針山_茅場_103-2</t>
  </si>
  <si>
    <t>本江針山_前田_51-2</t>
  </si>
  <si>
    <t>本江針山_浦中_104-2</t>
  </si>
  <si>
    <t>本江針山_浦中_170-2</t>
  </si>
  <si>
    <t>海老江練合_汐除_120-3</t>
  </si>
  <si>
    <t>本江針山_中江万_181</t>
  </si>
  <si>
    <t>本江針山_中江万_287-2</t>
  </si>
  <si>
    <t>本江針山_中江万_288-2</t>
  </si>
  <si>
    <t>本江針山_中江万_289-2</t>
  </si>
  <si>
    <t>本江針山_中江万_290-2</t>
  </si>
  <si>
    <t>本江針山_中江万_291-2</t>
  </si>
  <si>
    <t>本江針山_中江万_292-2</t>
  </si>
  <si>
    <t>本江針山_中江万_293-2</t>
  </si>
  <si>
    <t>本江針山_中江万_294-2</t>
  </si>
  <si>
    <t>本江針山_中江万_295-2</t>
  </si>
  <si>
    <t>海老江練合_汐除_121-3</t>
  </si>
  <si>
    <t>本江針山_中江万_297-2</t>
  </si>
  <si>
    <t>本江針山_中江万_301-2</t>
  </si>
  <si>
    <t>本江針山_中道_189</t>
  </si>
  <si>
    <t>本江針山_中道_195-2</t>
  </si>
  <si>
    <t>本江針山_中道_196-2</t>
  </si>
  <si>
    <t>本江針山_中道_197-2</t>
  </si>
  <si>
    <t>本江針山_中道_199-3</t>
  </si>
  <si>
    <t>本江針山_中道_201-3</t>
  </si>
  <si>
    <t>本江針山_西江万_319-2</t>
  </si>
  <si>
    <t>本江針山新_北割_77-3</t>
  </si>
  <si>
    <t>海老江練合_汐除_122-3</t>
  </si>
  <si>
    <t>本江針山新_北割_78-2</t>
  </si>
  <si>
    <t>本江針山新_北割_84-2</t>
  </si>
  <si>
    <t>本江針山新_北割_86-2</t>
  </si>
  <si>
    <t>本江針山新_北割_87-2</t>
  </si>
  <si>
    <t>本江針山新_北割_88-2</t>
  </si>
  <si>
    <t>本江針山新_北割_88-7</t>
  </si>
  <si>
    <t>本江針山新_北割_98-2</t>
  </si>
  <si>
    <t>本江針山新_北割_99-2</t>
  </si>
  <si>
    <t>本江針山新_北割_100-2</t>
  </si>
  <si>
    <t>本江針山新_北割_119-3</t>
  </si>
  <si>
    <t>海老江練合_汐除_123-3</t>
  </si>
  <si>
    <t>本江針山新_北割_121-3</t>
  </si>
  <si>
    <t>本江針山新_北割_123-2</t>
  </si>
  <si>
    <t>本江針山新_北割_124-2</t>
  </si>
  <si>
    <t>本江後新_地蔵田_79-2</t>
  </si>
  <si>
    <t>本江後新_地蔵田_80-2</t>
  </si>
  <si>
    <t>本江後新_前田_111-3</t>
  </si>
  <si>
    <t>本江後新_前田_114-2</t>
  </si>
  <si>
    <t>本江後新_前田_115-2</t>
  </si>
  <si>
    <t>青井谷_立神_2375-1</t>
  </si>
  <si>
    <t>堀岡古明神_村下_317-2</t>
  </si>
  <si>
    <t>海老江練合_汐除_124-3</t>
  </si>
  <si>
    <t>戸破_神田_4550-2</t>
  </si>
  <si>
    <t>海老江練合_汐除_125-3</t>
  </si>
  <si>
    <t>海老江練合_汐除_126-3</t>
  </si>
  <si>
    <t>海老江練合_汐除_127-3</t>
  </si>
  <si>
    <t>庄西町二丁目__991</t>
  </si>
  <si>
    <t>海老江練合_汐除_128-3</t>
  </si>
  <si>
    <t>海老江練合_汐除_129-3</t>
  </si>
  <si>
    <t>海老江練合_汐除_130-2</t>
  </si>
  <si>
    <t>海老江練合_汐除_131-2</t>
  </si>
  <si>
    <t>海老江練合_池田_174-3</t>
  </si>
  <si>
    <t>海老江練合_池田_174-4</t>
  </si>
  <si>
    <t>海老江練合_池田_174-6</t>
  </si>
  <si>
    <t>海老江練合_池田_174-7</t>
  </si>
  <si>
    <t>海老江練合_池田_175-4</t>
  </si>
  <si>
    <t>海老江練合_池田_176-4</t>
  </si>
  <si>
    <t>庄西町二丁目__999</t>
  </si>
  <si>
    <t>海老江練合_池田_177-4</t>
  </si>
  <si>
    <t>海老江練合_池田_182-4</t>
  </si>
  <si>
    <t>海老江練合_池田_183-4</t>
  </si>
  <si>
    <t>海老江練合_池田_184-3</t>
  </si>
  <si>
    <t>海老江練合_池田_184-4</t>
  </si>
  <si>
    <t>海老江練合_池田_184-5</t>
  </si>
  <si>
    <t>海老江練合_池田_187-3</t>
  </si>
  <si>
    <t>海老江練合_池田_187-4</t>
  </si>
  <si>
    <t>海老江練合_池田_188-3</t>
  </si>
  <si>
    <t>海老江練合_池田_188-4</t>
  </si>
  <si>
    <t>庄西町二丁目__1004</t>
  </si>
  <si>
    <t>海老江練合_池田_192-3</t>
  </si>
  <si>
    <t>海老江練合_池田_192-4</t>
  </si>
  <si>
    <t>海老江練合_池田_202-3</t>
  </si>
  <si>
    <t>海老江練合_池田_202-4</t>
  </si>
  <si>
    <t>海老江練合_池田_203-3</t>
  </si>
  <si>
    <t>海老江練合_池田_203-4</t>
  </si>
  <si>
    <t>海老江練合_池田_204-3</t>
  </si>
  <si>
    <t>海老江練合_池田_204-4</t>
  </si>
  <si>
    <t>海老江練合_池田_205-3</t>
  </si>
  <si>
    <t>海老江練合_池田_205-4</t>
  </si>
  <si>
    <t>庄西町二丁目__1012</t>
  </si>
  <si>
    <t>海老江練合_池田_206-3</t>
  </si>
  <si>
    <t>海老江練合_池田_206-4</t>
  </si>
  <si>
    <t>海老江練合_池田_207-3</t>
  </si>
  <si>
    <t>海老江練合_池田_207-4</t>
  </si>
  <si>
    <t>海老江練合_池田_208-3</t>
  </si>
  <si>
    <t>海老江練合_池田_208-4</t>
  </si>
  <si>
    <t>海老江練合_池田_236-3</t>
  </si>
  <si>
    <t>海老江練合_池田_237-3</t>
  </si>
  <si>
    <t>海老江練合_池田_238-3</t>
  </si>
  <si>
    <t>海老江練合_池田_239-3</t>
  </si>
  <si>
    <t>庄西町二丁目__1014</t>
  </si>
  <si>
    <t>海老江練合_池田_240-3</t>
  </si>
  <si>
    <t>海老江練合_池田_241-3</t>
  </si>
  <si>
    <t>海老江練合_池田_242-3</t>
  </si>
  <si>
    <t>海老江練合_池田_243-3</t>
  </si>
  <si>
    <t>海老江練合_細池_269-2</t>
  </si>
  <si>
    <t>海老江練合_細池_280-3</t>
  </si>
  <si>
    <t>海老江練合_細池_280-4</t>
  </si>
  <si>
    <t>海老江練合_細池_281-2</t>
  </si>
  <si>
    <t>海老江練合_細池_286-2</t>
  </si>
  <si>
    <t>海老江練合_細池_287-2</t>
  </si>
  <si>
    <t>庄西町二丁目__1022</t>
  </si>
  <si>
    <t>海老江練合_細池_288-2</t>
  </si>
  <si>
    <t>海老江練合_細池_289-2</t>
  </si>
  <si>
    <t>海老江練合_細池_290-3</t>
  </si>
  <si>
    <t>海老江練合_細池_291-3</t>
  </si>
  <si>
    <t>海老江練合_細池_292-4</t>
  </si>
  <si>
    <t>海老江練合_細池_293-3</t>
  </si>
  <si>
    <t>海老江練合_細池_294-4</t>
  </si>
  <si>
    <t>海老江練合_細池_294-6</t>
  </si>
  <si>
    <t>海老江練合_細池_295-3</t>
  </si>
  <si>
    <t>海老江練合_細池_304-2</t>
  </si>
  <si>
    <t>庄西町二丁目__1025</t>
  </si>
  <si>
    <t>海老江練合_細池_307-2</t>
  </si>
  <si>
    <t>海老江練合_細池_308-2</t>
  </si>
  <si>
    <t>海老江練合_細池_310-2</t>
  </si>
  <si>
    <t>海老江練合_細池_311-2</t>
  </si>
  <si>
    <t>海老江練合_細池_313-2</t>
  </si>
  <si>
    <t>海老江練合_細池_314-2</t>
  </si>
  <si>
    <t>海老江練合_細池_317-2</t>
  </si>
  <si>
    <t>海老江練合_細池_318-2</t>
  </si>
  <si>
    <t>海老江練合_細池_319-2</t>
  </si>
  <si>
    <t>海老江練合_細池_320-2</t>
  </si>
  <si>
    <t>庄西町二丁目__1034</t>
  </si>
  <si>
    <t>海老江練合_細池_321-2</t>
  </si>
  <si>
    <t>海老江練合_細池_322-2</t>
  </si>
  <si>
    <t>海老江練合_細池_323-3</t>
  </si>
  <si>
    <t>海老江練合_細池_324-3</t>
  </si>
  <si>
    <t>海老江練合_細池_325-2</t>
  </si>
  <si>
    <t>海老江練合_丹貝_425-2</t>
  </si>
  <si>
    <t>海老江練合_丹貝_425-4</t>
  </si>
  <si>
    <t>海老江練合_丹貝_437-2</t>
  </si>
  <si>
    <t>海老江練合_丹貝_437-4</t>
  </si>
  <si>
    <t>海老江七軒_中官_1297</t>
  </si>
  <si>
    <t>港町__78</t>
  </si>
  <si>
    <t>海老江七軒_内細_1430-2</t>
  </si>
  <si>
    <t>海老江七軒_内細_1431</t>
  </si>
  <si>
    <t>海老江七軒_内細_1432-2</t>
  </si>
  <si>
    <t>海老江七軒_内細_1433-2</t>
  </si>
  <si>
    <t>海老江七軒_内細_1434-2</t>
  </si>
  <si>
    <t>海老江七軒_内細_1436-5</t>
  </si>
  <si>
    <t>海老江七軒_内細_1467-2</t>
  </si>
  <si>
    <t>海老江七軒_内細_1468</t>
  </si>
  <si>
    <t>海老江七軒_内細_1469-2</t>
  </si>
  <si>
    <t>海老江七軒_内細_1485-2</t>
  </si>
  <si>
    <t>庄西町二丁目__88</t>
  </si>
  <si>
    <t>港町__79</t>
  </si>
  <si>
    <t>海老江七軒_内細_1485-4</t>
  </si>
  <si>
    <t>海老江浜開_野寺_47-4</t>
  </si>
  <si>
    <t>海老江浜開_野寺_47-5</t>
  </si>
  <si>
    <t>海老江浜開_箕手_51-2</t>
  </si>
  <si>
    <t>海老江浜開_箕手_51-3</t>
  </si>
  <si>
    <t>海老江浜開_浜田_154-2</t>
  </si>
  <si>
    <t>海老江浜開_浜田_154-4</t>
  </si>
  <si>
    <t>海老江浜開_浜田_162-3</t>
  </si>
  <si>
    <t>海老江浜開_浜田_162-4</t>
  </si>
  <si>
    <t>海老江浜開_浜田_166-3</t>
  </si>
  <si>
    <t>港町__657-2</t>
  </si>
  <si>
    <t>海老江浜開_浜田_166-6</t>
  </si>
  <si>
    <t>海老江浜開_浜田_174-3</t>
  </si>
  <si>
    <t>海老江浜開_浜田_174-5</t>
  </si>
  <si>
    <t>海老江浜開_潟割_151-2</t>
  </si>
  <si>
    <t>海老江浜開_潟割_151-3</t>
  </si>
  <si>
    <t>堀岡_引地_289-4</t>
  </si>
  <si>
    <t>堀岡_引地_309-3</t>
  </si>
  <si>
    <t>堀岡_引地_310-5</t>
  </si>
  <si>
    <t>堀岡_引地_310-10</t>
  </si>
  <si>
    <t>堀岡_引地_316-10</t>
  </si>
  <si>
    <t>庄川本町__113-1</t>
  </si>
  <si>
    <t>堀岡_引地_331-2</t>
  </si>
  <si>
    <t>堀岡_引地_331-5</t>
  </si>
  <si>
    <t>堀岡_引地_342-2</t>
  </si>
  <si>
    <t>堀岡_引地_342-12</t>
  </si>
  <si>
    <t>堀岡_川開向坪_348-5</t>
  </si>
  <si>
    <t>堀岡新明神_竹内_3-7</t>
  </si>
  <si>
    <t>堀岡新明神_竹内_3-22</t>
  </si>
  <si>
    <t>堀岡新明神_大川_34-4</t>
  </si>
  <si>
    <t>堀岡新明神_大川_34-10</t>
  </si>
  <si>
    <t>堀岡新明神_大川_36-6</t>
  </si>
  <si>
    <t>庄川本町__323-2</t>
  </si>
  <si>
    <t>堀岡新明神_大川_36-8</t>
  </si>
  <si>
    <t>堀岡新明神_大川_62-1</t>
  </si>
  <si>
    <t>堀岡新明神_大川_72-5</t>
  </si>
  <si>
    <t>堀岡新明神_大川_72-7</t>
  </si>
  <si>
    <t>堀岡古明神_浜田_105-5</t>
  </si>
  <si>
    <t>堀岡古明神_浜田_112-11</t>
  </si>
  <si>
    <t>堀岡古明神_村下_305-3</t>
  </si>
  <si>
    <t>堀岡古明神_村下_306-2</t>
  </si>
  <si>
    <t>堀岡古明神_村下_306-7</t>
  </si>
  <si>
    <t>堀岡古明神_村下_310-3</t>
  </si>
  <si>
    <t>本町二丁目__1124-4</t>
  </si>
  <si>
    <t>堀岡古明神_村下_310-5</t>
  </si>
  <si>
    <t>堀岡古明神_村下_313-2</t>
  </si>
  <si>
    <t>堀岡古明神_村下_314-4</t>
  </si>
  <si>
    <t>堀岡古明神_村下_338-3</t>
  </si>
  <si>
    <t>堀岡古明神_村下_338-8</t>
  </si>
  <si>
    <t>堀岡明神新_西ノ開_40-9</t>
  </si>
  <si>
    <t>堀岡明神新_西ノ開_50-7</t>
  </si>
  <si>
    <t>堀岡明神新_西ノ開_51-3</t>
  </si>
  <si>
    <t>堀岡明神新_西ノ開_52-4</t>
  </si>
  <si>
    <t>堀岡明神新_西ノ開_53-7</t>
  </si>
  <si>
    <t>本町二丁目__1124-6</t>
  </si>
  <si>
    <t>堀岡明神新_西ノ開_54-3</t>
  </si>
  <si>
    <t>堀岡明神新_西ノ開_55-3</t>
  </si>
  <si>
    <t>堀岡明神新_西ノ開_57-4</t>
  </si>
  <si>
    <t>堀岡明神新_西ノ開_57-5</t>
  </si>
  <si>
    <t>堀岡明神新_西ノ開_58</t>
  </si>
  <si>
    <t>堀岡明神新_御法野坪_48-4</t>
  </si>
  <si>
    <t>堀岡明神新_茂三郎坪_62-2</t>
  </si>
  <si>
    <t>堀岡明神新_茂三郎坪_87-2</t>
  </si>
  <si>
    <t>堀岡堀江_浜田_106-2</t>
  </si>
  <si>
    <t>本江_一割_2036-6</t>
  </si>
  <si>
    <t>本町二丁目__1125-3</t>
  </si>
  <si>
    <t>本江_一割_2036-7</t>
  </si>
  <si>
    <t>本江_一割_2139-8</t>
  </si>
  <si>
    <t>本江_村中_1878-2</t>
  </si>
  <si>
    <t>本江_村中_1888-3</t>
  </si>
  <si>
    <t>本江_村中_1890-3</t>
  </si>
  <si>
    <t>本江_村中_1891-3</t>
  </si>
  <si>
    <t>本江_墓筒_2105-7</t>
  </si>
  <si>
    <t>本江_祭田_2112-10</t>
  </si>
  <si>
    <t>本江_祭田_2134-5</t>
  </si>
  <si>
    <t>本江_六石_2320-7</t>
  </si>
  <si>
    <t>本江_六石_2740-4</t>
  </si>
  <si>
    <t>本江_六石_2740-6</t>
  </si>
  <si>
    <t>本江_六石_2791-4</t>
  </si>
  <si>
    <t>本江_六石_2791-6</t>
  </si>
  <si>
    <t>本江_六石_2814-5</t>
  </si>
  <si>
    <t>本江_六石_2890-2</t>
  </si>
  <si>
    <t>本江_八ケ尻_2700-2</t>
  </si>
  <si>
    <t>本江_八ケ尻_2700-4</t>
  </si>
  <si>
    <t>本江_八ケ尻_2702-2</t>
  </si>
  <si>
    <t>本江_八ケ尻_2702-6</t>
  </si>
  <si>
    <t>本江_八ケ尻_2715-3</t>
  </si>
  <si>
    <t>本江_八ケ尻_2715-7</t>
  </si>
  <si>
    <t>本江_八ケ尻_2737-6</t>
  </si>
  <si>
    <t>本江_八ケ尻_2737-8</t>
  </si>
  <si>
    <t>本江針山_茅場_6-2</t>
  </si>
  <si>
    <t>本江針山_茅場_6-5</t>
  </si>
  <si>
    <t>本江針山_茅場_8-2</t>
  </si>
  <si>
    <t>本江針山_浦中_145-2</t>
  </si>
  <si>
    <t>本江針山_浦中_145-5</t>
  </si>
  <si>
    <t>本江針山_浦中_156-2</t>
  </si>
  <si>
    <t>本江針山_浦中_156-8</t>
  </si>
  <si>
    <t>本江針山_中道_197-4</t>
  </si>
  <si>
    <t>本江針山_中道_199-5</t>
  </si>
  <si>
    <t>本江針山_中道_199-8</t>
  </si>
  <si>
    <t>本江針山_西江万_317-2</t>
  </si>
  <si>
    <t>本江針山_西江万_318-1</t>
  </si>
  <si>
    <t>本江針山_西江万_318-2</t>
  </si>
  <si>
    <t>本江針山_西江万_319-5</t>
  </si>
  <si>
    <t>本江針山_西江万_320-2</t>
  </si>
  <si>
    <t>本江針山新_北割_77-5</t>
  </si>
  <si>
    <t>庄西町二丁目__90-2</t>
  </si>
  <si>
    <t>本江針山新_北割_78-4</t>
  </si>
  <si>
    <t>本江針山新_北割_79-2</t>
  </si>
  <si>
    <t>本江針山新_北割_80-2</t>
  </si>
  <si>
    <t>本江針山新_北割_84-7</t>
  </si>
  <si>
    <t>本江針山新_北割_85-4</t>
  </si>
  <si>
    <t>本江針山新_北割_86-1</t>
  </si>
  <si>
    <t>本江針山新_北割_87-3</t>
  </si>
  <si>
    <t>本江針山新_北割_98-3</t>
  </si>
  <si>
    <t>本江針山新_北割_99-3</t>
  </si>
  <si>
    <t>本江針山新_北割_100-4</t>
  </si>
  <si>
    <t>立町__1346-6</t>
  </si>
  <si>
    <t>本江針山新_前田_15-2</t>
  </si>
  <si>
    <t>本江針山新_前田_16-2</t>
  </si>
  <si>
    <t>本江針山新_前田_17-2</t>
  </si>
  <si>
    <t>本江中新_主助_177-2</t>
  </si>
  <si>
    <t>本江中新_主助_177-6</t>
  </si>
  <si>
    <t>本江中新_主助_178-2</t>
  </si>
  <si>
    <t>本江中新_主助_178-4</t>
  </si>
  <si>
    <t>本江中新_主助_180-3</t>
  </si>
  <si>
    <t>本江中新_主助_180-7</t>
  </si>
  <si>
    <t>本江中新_主助_183-3</t>
  </si>
  <si>
    <t>八幡町一丁目__729-2</t>
  </si>
  <si>
    <t>本江中新_主助_183-7</t>
  </si>
  <si>
    <t>本江中新_汐除_190-2</t>
  </si>
  <si>
    <t>本江中新_汐除_190-5</t>
  </si>
  <si>
    <t>本江中新_汐除_204-3</t>
  </si>
  <si>
    <t>本江中新_汐除_204-7</t>
  </si>
  <si>
    <t>本江中新_汐除_207-2</t>
  </si>
  <si>
    <t>本江中新_汐除_207-5</t>
  </si>
  <si>
    <t>本江三箇_柴越_34-2</t>
  </si>
  <si>
    <t>本江針山開_野開_92-2</t>
  </si>
  <si>
    <t>本江針山開_西開_116-3</t>
  </si>
  <si>
    <t>八幡町一丁目__730-2</t>
  </si>
  <si>
    <t>本江針山開_西開_116-6</t>
  </si>
  <si>
    <t>本江針山開_海老江開_134-2</t>
  </si>
  <si>
    <t>本江針山開_海老江開_134-4</t>
  </si>
  <si>
    <t>寺塚原__194-3</t>
  </si>
  <si>
    <t>寺塚原__194-4</t>
  </si>
  <si>
    <t>寺塚原__195-2</t>
  </si>
  <si>
    <t>寺塚原__197-2</t>
  </si>
  <si>
    <t>沖塚原__1201</t>
  </si>
  <si>
    <t>松木__1155</t>
  </si>
  <si>
    <t>松木__1156</t>
  </si>
  <si>
    <t>八幡町一丁目__731-2</t>
  </si>
  <si>
    <t>鏡宮__500-2</t>
  </si>
  <si>
    <t>鏡宮__565-2</t>
  </si>
  <si>
    <t>鏡宮__576-2</t>
  </si>
  <si>
    <t>鏡宮__577-2</t>
  </si>
  <si>
    <t>鏡宮__578-2</t>
  </si>
  <si>
    <t>鏡宮__579-2</t>
  </si>
  <si>
    <t>鏡宮__580-2</t>
  </si>
  <si>
    <t>鏡宮__620-4</t>
  </si>
  <si>
    <t>沖__223-2</t>
  </si>
  <si>
    <t>沖__276-2</t>
  </si>
  <si>
    <t>八幡町一丁目__732-2</t>
  </si>
  <si>
    <t>沖__276-3</t>
  </si>
  <si>
    <t>沖__277-2</t>
  </si>
  <si>
    <t>津幡江__352-2</t>
  </si>
  <si>
    <t>津幡江__1023</t>
  </si>
  <si>
    <t>津幡江__1024</t>
  </si>
  <si>
    <t>今井__270-2</t>
  </si>
  <si>
    <t>布目__59</t>
  </si>
  <si>
    <t>布目__252</t>
  </si>
  <si>
    <t>片口__67-5</t>
  </si>
  <si>
    <t>東明七軒__151-2</t>
  </si>
  <si>
    <t>八幡町一丁目__733-2</t>
  </si>
  <si>
    <t>本江西__198</t>
  </si>
  <si>
    <t>本江北__126</t>
  </si>
  <si>
    <t>本江北__131-1</t>
  </si>
  <si>
    <t>本江北__132-1</t>
  </si>
  <si>
    <t>本江北__148</t>
  </si>
  <si>
    <t>本江北__152</t>
  </si>
  <si>
    <t>本江北__282</t>
  </si>
  <si>
    <t>本江中__58</t>
  </si>
  <si>
    <t>本江東__13-1</t>
  </si>
  <si>
    <t>本江東__13-3</t>
  </si>
  <si>
    <t>八幡町一丁目__734-2</t>
  </si>
  <si>
    <t>足洗新町一丁目__83</t>
  </si>
  <si>
    <t>三ケ__849-2</t>
  </si>
  <si>
    <t>三ケ__1611-2</t>
  </si>
  <si>
    <t>三ケ__1642-2</t>
  </si>
  <si>
    <t>三ケ__1694-2</t>
  </si>
  <si>
    <t>三ケ__1694</t>
  </si>
  <si>
    <t>三ケ__1781-4</t>
  </si>
  <si>
    <t>三ケ__1824-2</t>
  </si>
  <si>
    <t>三ケ_茶ノ木_453-6</t>
  </si>
  <si>
    <t>三ケ_茶ノ木_977-3</t>
  </si>
  <si>
    <t>八幡町一丁目__1061-2</t>
  </si>
  <si>
    <t>三ケ_茶ノ木_977-4</t>
  </si>
  <si>
    <t>三ケ_茶ノ木_981-2</t>
  </si>
  <si>
    <t>三ケ_茶ノ木_982-2</t>
  </si>
  <si>
    <t>三ケ_茶ノ木_985-2</t>
  </si>
  <si>
    <t>三ケ_茶ノ木_986-6</t>
  </si>
  <si>
    <t>三ケ_茶ノ木_987-2</t>
  </si>
  <si>
    <t>三ケ_茶ノ木_987-3</t>
  </si>
  <si>
    <t>三ケ_茶ノ木_988-3</t>
  </si>
  <si>
    <t>三ケ_茶ノ木_988-4</t>
  </si>
  <si>
    <t>三ケ_茶ノ木_992-2</t>
  </si>
  <si>
    <t>八幡町一丁目__1062-2</t>
  </si>
  <si>
    <t>三ケ_茶ノ木_993-2</t>
  </si>
  <si>
    <t>三ケ_茶ノ木_1561-3</t>
  </si>
  <si>
    <t>三ケ_茶ノ木_1581-2</t>
  </si>
  <si>
    <t>三ケ_茶ノ木_1582-4</t>
  </si>
  <si>
    <t>三ケ_茶ノ木_1582-5</t>
  </si>
  <si>
    <t>三ケ_茶ノ木_1583-3</t>
  </si>
  <si>
    <t>三ケ_茶ノ木_1583-4</t>
  </si>
  <si>
    <t>三ケ_茶ノ木_1584-2</t>
  </si>
  <si>
    <t>三ケ_茶ノ木_1585-2</t>
  </si>
  <si>
    <t>三ケ_茶ノ木_1586-2</t>
  </si>
  <si>
    <t>庄西町二丁目__781</t>
  </si>
  <si>
    <t>八幡町一丁目__1063-2</t>
  </si>
  <si>
    <t>三ケ_茶ノ木_1587-2</t>
  </si>
  <si>
    <t>三ケ_中原_3313-4</t>
  </si>
  <si>
    <t>三ケ_中原_3409-2</t>
  </si>
  <si>
    <t>三ケ_中原_3447-3</t>
  </si>
  <si>
    <t>三ケ_中原_3449-3</t>
  </si>
  <si>
    <t>三ケ_中原_3453-2</t>
  </si>
  <si>
    <t>三ケ_中原_3454-3</t>
  </si>
  <si>
    <t>三ケ_中原_3455-3</t>
  </si>
  <si>
    <t>三ケ_中原_3457-3</t>
  </si>
  <si>
    <t>三ケ_中原_4016-6</t>
  </si>
  <si>
    <t>八幡町一丁目__1064-2</t>
  </si>
  <si>
    <t>三ケ_中原_4019-1</t>
  </si>
  <si>
    <t>三ケ_中原_4019-3</t>
  </si>
  <si>
    <t>戸破_神明_665-2</t>
  </si>
  <si>
    <t>戸破_神明_666-2</t>
  </si>
  <si>
    <t>戸破_神明_667-2</t>
  </si>
  <si>
    <t>戸破_神明_668-2</t>
  </si>
  <si>
    <t>戸破_加茂_1665-2</t>
  </si>
  <si>
    <t>戸破_加茂_1666-2</t>
  </si>
  <si>
    <t>戸破_加茂_1667-2</t>
  </si>
  <si>
    <t>戸破_加茂_1668-2</t>
  </si>
  <si>
    <t>八幡町一丁目__1065-3</t>
  </si>
  <si>
    <t>戸破_加茂_1669-2</t>
  </si>
  <si>
    <t>戸破_加茂_1670-2</t>
  </si>
  <si>
    <t>戸破_加茂_1671-2</t>
  </si>
  <si>
    <t>戸破_加茂_1672-2</t>
  </si>
  <si>
    <t>戸破_加茂_1674-2</t>
  </si>
  <si>
    <t>戸破_加茂_1675-2</t>
  </si>
  <si>
    <t>戸破_加茂_1676-2</t>
  </si>
  <si>
    <t>戸破_加茂_1677-2</t>
  </si>
  <si>
    <t>戸破_加茂_1678-2</t>
  </si>
  <si>
    <t>戸破_加茂_1679-2</t>
  </si>
  <si>
    <t>八幡町一丁目__1065-4</t>
  </si>
  <si>
    <t>戸破_加茂_1680-2</t>
  </si>
  <si>
    <t>戸破_加茂_1681-2</t>
  </si>
  <si>
    <t>戸破_加茂_1682-2</t>
  </si>
  <si>
    <t>戸破_加茂_1687-3</t>
  </si>
  <si>
    <t>戸破_加茂_1687-4</t>
  </si>
  <si>
    <t>戸破_加茂_1688-2</t>
  </si>
  <si>
    <t>戸破_加茂_1757-2</t>
  </si>
  <si>
    <t>戸破_加茂_1758-2</t>
  </si>
  <si>
    <t>戸破_加茂_1759-2</t>
  </si>
  <si>
    <t>戸破_加茂_1760-2</t>
  </si>
  <si>
    <t>八幡町一丁目__1066-3</t>
  </si>
  <si>
    <t>戸破_加茂_1761-2</t>
  </si>
  <si>
    <t>戸破_加茂_1810-2</t>
  </si>
  <si>
    <t>戸破_加茂_1811-2</t>
  </si>
  <si>
    <t>戸破_加茂_1871-2</t>
  </si>
  <si>
    <t>戸破_加茂_1871-3</t>
  </si>
  <si>
    <t>戸破_加茂_1900-2</t>
  </si>
  <si>
    <t>戸破_加茂_1901-2</t>
  </si>
  <si>
    <t>戸破_加茂_1901-4</t>
  </si>
  <si>
    <t>戸破_加茂_1902-7</t>
  </si>
  <si>
    <t>戸破_加茂_1904-4</t>
  </si>
  <si>
    <t>八幡町一丁目__1066-4</t>
  </si>
  <si>
    <t>戸破_加茂_1979-2</t>
  </si>
  <si>
    <t>戸破_加茂_1980-2</t>
  </si>
  <si>
    <t>戸破_加茂_2013-3</t>
  </si>
  <si>
    <t>戸破_神川_2273-2</t>
  </si>
  <si>
    <t>戸破_神川_2276-2</t>
  </si>
  <si>
    <t>戸破_神川_2276-3</t>
  </si>
  <si>
    <t>戸破_神川_2527-2</t>
  </si>
  <si>
    <t>戸破_神川_2529-2</t>
  </si>
  <si>
    <t>戸破_神川_2533-2</t>
  </si>
  <si>
    <t>戸破_神川_2540-2</t>
  </si>
  <si>
    <t>八幡町一丁目__1067-2</t>
  </si>
  <si>
    <t>戸破_神川_2541-2</t>
  </si>
  <si>
    <t>戸破_神川_2541-3</t>
  </si>
  <si>
    <t>戸破_神川_2568-2</t>
  </si>
  <si>
    <t>戸破_神川_2569-2</t>
  </si>
  <si>
    <t>戸破_神川_2569-4</t>
  </si>
  <si>
    <t>戸破_神川_2570-2</t>
  </si>
  <si>
    <t>戸破_神川_2579-2</t>
  </si>
  <si>
    <t>戸破_神川_2580-2</t>
  </si>
  <si>
    <t>戸破_神川_2581-2</t>
  </si>
  <si>
    <t>戸破_神川_2582-2</t>
  </si>
  <si>
    <t>八幡町一丁目__1068-3</t>
  </si>
  <si>
    <t>戸破_神川_2583-2</t>
  </si>
  <si>
    <t>戸破_神川_2584-2</t>
  </si>
  <si>
    <t>戸破_神川_2584-5</t>
  </si>
  <si>
    <t>戸破_神川_2646-1</t>
  </si>
  <si>
    <t>戸破_神川_2719-1</t>
  </si>
  <si>
    <t>戸破_神川_2729-3</t>
  </si>
  <si>
    <t>戸破_神川_2729-5</t>
  </si>
  <si>
    <t>戸破_神川_2864-2</t>
  </si>
  <si>
    <t>戸破_神川_2864-5</t>
  </si>
  <si>
    <t>戸破_神川_2882-2</t>
  </si>
  <si>
    <t>八幡町一丁目__1069-2</t>
  </si>
  <si>
    <t>戸破_神川_2883-2</t>
  </si>
  <si>
    <t>戸破_神川_2884-2</t>
  </si>
  <si>
    <t>戸破_神川_2885-2</t>
  </si>
  <si>
    <t>戸破_神川_2886-2</t>
  </si>
  <si>
    <t>戸破_神川_2887-2</t>
  </si>
  <si>
    <t>戸破_神川_2888-2</t>
  </si>
  <si>
    <t>戸破_神川_2904-2</t>
  </si>
  <si>
    <t>戸破_神川_2905-2</t>
  </si>
  <si>
    <t>戸破_神川_2906-2</t>
  </si>
  <si>
    <t>戸破_神川_2918-2</t>
  </si>
  <si>
    <t>八幡町一丁目__1070-3</t>
  </si>
  <si>
    <t>戸破_神川_2919-2</t>
  </si>
  <si>
    <t>戸破_神川_2920-2</t>
  </si>
  <si>
    <t>戸破_神川_2937-2</t>
  </si>
  <si>
    <t>戸破_神川_3826-6</t>
  </si>
  <si>
    <t>戸破_神川_3910-1</t>
  </si>
  <si>
    <t>戸破_神川_3915-4</t>
  </si>
  <si>
    <t>戸破_神川_3917-4</t>
  </si>
  <si>
    <t>戸破_神川_3918-3</t>
  </si>
  <si>
    <t>戸破_神川_3918-4</t>
  </si>
  <si>
    <t>戸破_神川_3929</t>
  </si>
  <si>
    <t>庄西町二丁目__783</t>
  </si>
  <si>
    <t>八幡町一丁目__1071-2</t>
  </si>
  <si>
    <t>戸破_神川_3930-2</t>
  </si>
  <si>
    <t>戸破_神川_3931-4</t>
  </si>
  <si>
    <t>戸破_神川_4130-1</t>
  </si>
  <si>
    <t>戸破_神川_4131-1</t>
  </si>
  <si>
    <t>戸破_神川_4132-1</t>
  </si>
  <si>
    <t>戸破_神川_4200-4</t>
  </si>
  <si>
    <t>戸破_神川_4238-7</t>
  </si>
  <si>
    <t>戸破_神川_4300-2</t>
  </si>
  <si>
    <t>戸破_神川_4301-5</t>
  </si>
  <si>
    <t>戸破_神川_4301-6</t>
  </si>
  <si>
    <t>八幡町一丁目__1072-2</t>
  </si>
  <si>
    <t>戸破_神川_4301-7</t>
  </si>
  <si>
    <t>戸破_神川_4303-7</t>
  </si>
  <si>
    <t>戸破_神川_4303-8</t>
  </si>
  <si>
    <t>戸破_神川_4303-9</t>
  </si>
  <si>
    <t>戸破_神川_4304-3</t>
  </si>
  <si>
    <t>戸破_神川_4308-4</t>
  </si>
  <si>
    <t>戸破_神川_4308-5</t>
  </si>
  <si>
    <t>戸破_神川_4308-6</t>
  </si>
  <si>
    <t>戸破_若宮_2795-3</t>
  </si>
  <si>
    <t>戸破_若宮_3262-2</t>
  </si>
  <si>
    <t>八幡町二丁目__625-2</t>
  </si>
  <si>
    <t>戸破_若宮_3672-2</t>
  </si>
  <si>
    <t>戸破_若宮_3673-2</t>
  </si>
  <si>
    <t>戸破_若宮_3674-2</t>
  </si>
  <si>
    <t>戸破_若宮_3675-2</t>
  </si>
  <si>
    <t>戸破_若宮_3676-2</t>
  </si>
  <si>
    <t>戸破_若宮_3677-2</t>
  </si>
  <si>
    <t>戸破_若宮_3678-2</t>
  </si>
  <si>
    <t>戸破_若宮_3679-2</t>
  </si>
  <si>
    <t>戸破_若宮_3680-2</t>
  </si>
  <si>
    <t>戸破_若宮_3681-2</t>
  </si>
  <si>
    <t>八幡町三丁目__739-2</t>
  </si>
  <si>
    <t>戸破_若宮_3683-2</t>
  </si>
  <si>
    <t>戸破_若宮_3684-2</t>
  </si>
  <si>
    <t>戸破_若宮_3685-2</t>
  </si>
  <si>
    <t>戸破_若宮_3691-3</t>
  </si>
  <si>
    <t>戸破_神田_4507-3</t>
  </si>
  <si>
    <t>手崎_払堂_448-2</t>
  </si>
  <si>
    <t>手崎_払堂_449-2</t>
  </si>
  <si>
    <t>手崎_払堂_450-2</t>
  </si>
  <si>
    <t>手崎_払堂_451-2</t>
  </si>
  <si>
    <t>手崎_払堂_452-2</t>
  </si>
  <si>
    <t>八幡町三丁目__740-2</t>
  </si>
  <si>
    <t>手崎_払堂_453-2</t>
  </si>
  <si>
    <t>手崎_払堂_454-2</t>
  </si>
  <si>
    <t>手崎_石太郎_1115-3</t>
  </si>
  <si>
    <t>手崎_田数_1584-1</t>
  </si>
  <si>
    <t>手崎_田数_1586-1</t>
  </si>
  <si>
    <t>青井谷_干田_1368-4</t>
  </si>
  <si>
    <t>青井谷_干田_1914-5</t>
  </si>
  <si>
    <t>青井谷_立神_3142-4</t>
  </si>
  <si>
    <t>青井谷_立神_3195</t>
  </si>
  <si>
    <t>青井谷_立神_3241-4</t>
  </si>
  <si>
    <t>八幡町三丁目__741-2</t>
  </si>
  <si>
    <t>青井谷_西俣_3643-4</t>
  </si>
  <si>
    <t>青井谷_西俣_3644-5</t>
  </si>
  <si>
    <t>青井谷_西俣_4102-3</t>
  </si>
  <si>
    <t>青井谷_西俣_4471-3</t>
  </si>
  <si>
    <t>青井谷_西俣_4471-6</t>
  </si>
  <si>
    <t>青井谷_鳥越_5057-2</t>
  </si>
  <si>
    <t>青井谷_鳥越_5643-5</t>
  </si>
  <si>
    <t>青井谷_鳥越_5644-5</t>
  </si>
  <si>
    <t>野手__230-1</t>
  </si>
  <si>
    <t>大江__207-2</t>
  </si>
  <si>
    <t>八幡町三丁目__742-2</t>
  </si>
  <si>
    <t>大江__208-4</t>
  </si>
  <si>
    <t>大江__210-2</t>
  </si>
  <si>
    <t>大江__211-2</t>
  </si>
  <si>
    <t>大江__212-2</t>
  </si>
  <si>
    <t>大江__213-2</t>
  </si>
  <si>
    <t>大江__214-2</t>
  </si>
  <si>
    <t>大江__215-4</t>
  </si>
  <si>
    <t>大江__248-2</t>
  </si>
  <si>
    <t>大江__285</t>
  </si>
  <si>
    <t>大江__333-8</t>
  </si>
  <si>
    <t>八幡町三丁目__744-2</t>
  </si>
  <si>
    <t>大江__334-2</t>
  </si>
  <si>
    <t>大江__521-2</t>
  </si>
  <si>
    <t>大江__522-2</t>
  </si>
  <si>
    <t>大江__523-2</t>
  </si>
  <si>
    <t>大江__524-2</t>
  </si>
  <si>
    <t>大江__525-2</t>
  </si>
  <si>
    <t>大江__526-2</t>
  </si>
  <si>
    <t>大江__527-2</t>
  </si>
  <si>
    <t>大江__528-2</t>
  </si>
  <si>
    <t>大江__529-2</t>
  </si>
  <si>
    <t>八幡町三丁目__745-2</t>
  </si>
  <si>
    <t>大江__530-2</t>
  </si>
  <si>
    <t>大江__531-3</t>
  </si>
  <si>
    <t>大江__563-2</t>
  </si>
  <si>
    <t>大江__565-2</t>
  </si>
  <si>
    <t>大江__566-2</t>
  </si>
  <si>
    <t>大江__580-2</t>
  </si>
  <si>
    <t>大江__583-2</t>
  </si>
  <si>
    <t>大江__590-2</t>
  </si>
  <si>
    <t>大江__596-2</t>
  </si>
  <si>
    <t>大江__597-2</t>
  </si>
  <si>
    <t>八幡町三丁目__746-2</t>
  </si>
  <si>
    <t>大江__1466-2</t>
  </si>
  <si>
    <t>大江__1467-2</t>
  </si>
  <si>
    <t>大江__1468-2</t>
  </si>
  <si>
    <t>大江__1469-2</t>
  </si>
  <si>
    <t>大江__1470-2</t>
  </si>
  <si>
    <t>大江__1471-2</t>
  </si>
  <si>
    <t>大江__1472-2</t>
  </si>
  <si>
    <t>大江__1473-2</t>
  </si>
  <si>
    <t>大江__1474-2</t>
  </si>
  <si>
    <t>大江__1475-3</t>
  </si>
  <si>
    <t>庄西町二丁目__785</t>
  </si>
  <si>
    <t>八幡町三丁目__747-3</t>
  </si>
  <si>
    <t>大江__1476-2</t>
  </si>
  <si>
    <t>大江__1477-2</t>
  </si>
  <si>
    <t>大江__1478-2</t>
  </si>
  <si>
    <t>大江__1479-2</t>
  </si>
  <si>
    <t>大江__1480-2</t>
  </si>
  <si>
    <t>大江__1481-2</t>
  </si>
  <si>
    <t>大江__1482-2</t>
  </si>
  <si>
    <t>大江__1483-2</t>
  </si>
  <si>
    <t>大江__1484-2</t>
  </si>
  <si>
    <t>大江__1485-2</t>
  </si>
  <si>
    <t>海老江_大坪_365-3</t>
  </si>
  <si>
    <t>大江__1486-2</t>
  </si>
  <si>
    <t>大江__1487-2</t>
  </si>
  <si>
    <t>大江__1489-2</t>
  </si>
  <si>
    <t>大江__1491-6</t>
  </si>
  <si>
    <t>大江__1497-2</t>
  </si>
  <si>
    <t>大江__1498-2</t>
  </si>
  <si>
    <t>大江__1499-2</t>
  </si>
  <si>
    <t>大江__1500-2</t>
  </si>
  <si>
    <t>大江__1501-2</t>
  </si>
  <si>
    <t>大江__1503-2</t>
  </si>
  <si>
    <t>海老江_大坪_365-4</t>
  </si>
  <si>
    <t>大江__1504-2</t>
  </si>
  <si>
    <t>大江__1505-2</t>
  </si>
  <si>
    <t>大江__1506-2</t>
  </si>
  <si>
    <t>大江__1507-2</t>
  </si>
  <si>
    <t>大江__1508-2</t>
  </si>
  <si>
    <t>大江__1509-2</t>
  </si>
  <si>
    <t>大江__1510-2</t>
  </si>
  <si>
    <t>大江__1511-2</t>
  </si>
  <si>
    <t>大江__1512-2</t>
  </si>
  <si>
    <t>大江__1513-2</t>
  </si>
  <si>
    <t>海老江_大坪_382-3</t>
  </si>
  <si>
    <t>大江__1514-2</t>
  </si>
  <si>
    <t>大江__1515-2</t>
  </si>
  <si>
    <t>大江__1517-2</t>
  </si>
  <si>
    <t>大江__1518-2</t>
  </si>
  <si>
    <t>大江__1519-2</t>
  </si>
  <si>
    <t>大江__1520-2</t>
  </si>
  <si>
    <t>大江__1521-2</t>
  </si>
  <si>
    <t>大江__1522-2</t>
  </si>
  <si>
    <t>大江__1523-2</t>
  </si>
  <si>
    <t>大江__1524-2</t>
  </si>
  <si>
    <t>海老江_大坪_382-6</t>
  </si>
  <si>
    <t>大江__1525-2</t>
  </si>
  <si>
    <t>鷲塚__553-2</t>
  </si>
  <si>
    <t>鷲塚__556-2</t>
  </si>
  <si>
    <t>鷲塚__655-2</t>
  </si>
  <si>
    <t>鷲塚__1009-2</t>
  </si>
  <si>
    <t>西高木__20-2</t>
  </si>
  <si>
    <t>西高木__21-2</t>
  </si>
  <si>
    <t>西高木__68-2</t>
  </si>
  <si>
    <t>西高木__69-2</t>
  </si>
  <si>
    <t>西高木__87-2</t>
  </si>
  <si>
    <t>海老江_大坪_384-4</t>
  </si>
  <si>
    <t>西高木__88-2</t>
  </si>
  <si>
    <t>西高木__89-3</t>
  </si>
  <si>
    <t>西高木__89-4</t>
  </si>
  <si>
    <t>西高木__90-2</t>
  </si>
  <si>
    <t>西高木__642-10</t>
  </si>
  <si>
    <t>西高木__643-3</t>
  </si>
  <si>
    <t>西高木__643-4</t>
  </si>
  <si>
    <t>西高木__644-12</t>
  </si>
  <si>
    <t>西高木__644-13</t>
  </si>
  <si>
    <t>西高木__644-14</t>
  </si>
  <si>
    <t>海老江_大坪_385-3</t>
  </si>
  <si>
    <t>西高木__670-2</t>
  </si>
  <si>
    <t>西高木__703-4</t>
  </si>
  <si>
    <t>西高木__703-5</t>
  </si>
  <si>
    <t>西高木__703-6</t>
  </si>
  <si>
    <t>稲積__549-3</t>
  </si>
  <si>
    <t>稲積_小立_1760-3</t>
  </si>
  <si>
    <t>稲積_小立_1761-3</t>
  </si>
  <si>
    <t>稲積_小立_1761-4</t>
  </si>
  <si>
    <t>稲積_小立_1761-5</t>
  </si>
  <si>
    <t>黒河__1007</t>
  </si>
  <si>
    <t>海老江_大坪_387-2</t>
  </si>
  <si>
    <t>黒河__1057-1</t>
  </si>
  <si>
    <t>黒河_尺目_1943-2</t>
  </si>
  <si>
    <t>黒河_尺目_1945-2</t>
  </si>
  <si>
    <t>黒河_尺目_2996-6</t>
  </si>
  <si>
    <t>黒河_笹山_5049-5</t>
  </si>
  <si>
    <t>黒河_笹山_5049-6</t>
  </si>
  <si>
    <t>黒河_笹山_5049-7</t>
  </si>
  <si>
    <t>黒河_中山割_5237-3</t>
  </si>
  <si>
    <t>黒河_中山割_5237-4</t>
  </si>
  <si>
    <t>黒河_中山割_5237-5</t>
  </si>
  <si>
    <t>海老江_大坪_388-3</t>
  </si>
  <si>
    <t>黒河_中山割_5237-6</t>
  </si>
  <si>
    <t>黒河_中山割_5238-2</t>
  </si>
  <si>
    <t>黒河_二十石_5616-2</t>
  </si>
  <si>
    <t>黒河新_表野_142-3</t>
  </si>
  <si>
    <t>黒河新_土代尻_1468-9</t>
  </si>
  <si>
    <t>中老田新_星丸_540-1</t>
  </si>
  <si>
    <t>中老田新_星丸_540-2/1</t>
  </si>
  <si>
    <t>太閤山４丁目__118</t>
  </si>
  <si>
    <t>中太閤山６丁目__211</t>
  </si>
  <si>
    <t>広上__150</t>
  </si>
  <si>
    <t>海老江_大坪_396-2</t>
  </si>
  <si>
    <t>広上__302</t>
  </si>
  <si>
    <t>広上__906-2</t>
  </si>
  <si>
    <t>広上__907-2</t>
  </si>
  <si>
    <t>広上__908-2</t>
  </si>
  <si>
    <t>広上__909-2</t>
  </si>
  <si>
    <t>広上__910-2</t>
  </si>
  <si>
    <t>広上__911-2</t>
  </si>
  <si>
    <t>広上__949-3</t>
  </si>
  <si>
    <t>広上__949-4</t>
  </si>
  <si>
    <t>広上__949-5</t>
  </si>
  <si>
    <t>庄西町二丁目__787</t>
  </si>
  <si>
    <t>海老江_大坪_396-3</t>
  </si>
  <si>
    <t>広上__987-3</t>
  </si>
  <si>
    <t>上条__110-2</t>
  </si>
  <si>
    <t>上条__244-2</t>
  </si>
  <si>
    <t>上条__245-2</t>
  </si>
  <si>
    <t>上条__258-2</t>
  </si>
  <si>
    <t>上条__261-2</t>
  </si>
  <si>
    <t>上条__262-2</t>
  </si>
  <si>
    <t>上条__265-2</t>
  </si>
  <si>
    <t>上条__266-2</t>
  </si>
  <si>
    <t>上条__269-2</t>
  </si>
  <si>
    <t>海老江_大坪_403-3</t>
  </si>
  <si>
    <t>上条__270-2</t>
  </si>
  <si>
    <t>上条__271-2</t>
  </si>
  <si>
    <t>上条__272-2</t>
  </si>
  <si>
    <t>上条__318-2</t>
  </si>
  <si>
    <t>上条__328-2</t>
  </si>
  <si>
    <t>上条__329-2</t>
  </si>
  <si>
    <t>上条__356-2</t>
  </si>
  <si>
    <t>上条__357-2</t>
  </si>
  <si>
    <t>上条__358-2</t>
  </si>
  <si>
    <t>上条__363-2</t>
  </si>
  <si>
    <t>海老江_大坪_403-7</t>
  </si>
  <si>
    <t>上条__365-2</t>
  </si>
  <si>
    <t>上条__367-2</t>
  </si>
  <si>
    <t>上条__368-2</t>
  </si>
  <si>
    <t>上条__369-2</t>
  </si>
  <si>
    <t>上条__370-2</t>
  </si>
  <si>
    <t>上条__370-3</t>
  </si>
  <si>
    <t>上条__371-2</t>
  </si>
  <si>
    <t>上条__372-2</t>
  </si>
  <si>
    <t>上条__373-2</t>
  </si>
  <si>
    <t>上条__374-2</t>
  </si>
  <si>
    <t>海老江_大坪_722-3</t>
  </si>
  <si>
    <t>堀内__347-2</t>
  </si>
  <si>
    <t>土合__445-2</t>
  </si>
  <si>
    <t>土合__486-2</t>
  </si>
  <si>
    <t>土合__487-2</t>
  </si>
  <si>
    <t>土合__488-2</t>
  </si>
  <si>
    <t>土合__489-2</t>
  </si>
  <si>
    <t>土合__493-2</t>
  </si>
  <si>
    <t>土合__494-2</t>
  </si>
  <si>
    <t>土合__495-2</t>
  </si>
  <si>
    <t>海老江_大坪_722-5</t>
  </si>
  <si>
    <t>土合__500-2</t>
  </si>
  <si>
    <t>土合__502-2</t>
  </si>
  <si>
    <t>土合__505-4</t>
  </si>
  <si>
    <t>土合__505-5</t>
  </si>
  <si>
    <t>土合__506-2</t>
  </si>
  <si>
    <t>土合__508-2</t>
  </si>
  <si>
    <t>土合__510-2</t>
  </si>
  <si>
    <t>土合__511-2</t>
  </si>
  <si>
    <t>土合__513-2</t>
  </si>
  <si>
    <t>土合__517-2</t>
  </si>
  <si>
    <t>海老江_大坪_722-6</t>
  </si>
  <si>
    <t>土合__518-2</t>
  </si>
  <si>
    <t>土合__523-2</t>
  </si>
  <si>
    <t>土合__554-2</t>
  </si>
  <si>
    <t>土合__555-2</t>
  </si>
  <si>
    <t>土合__827-2</t>
  </si>
  <si>
    <t>土合__830-3</t>
  </si>
  <si>
    <t>土合__831-3</t>
  </si>
  <si>
    <t>土合__831-4</t>
  </si>
  <si>
    <t>土合__832-2</t>
  </si>
  <si>
    <t>土合__833-2</t>
  </si>
  <si>
    <t>海老江_大坪_722-7</t>
  </si>
  <si>
    <t>土合__836-2</t>
  </si>
  <si>
    <t>土合__837-2</t>
  </si>
  <si>
    <t>土合__842-2</t>
  </si>
  <si>
    <t>土合__843-2</t>
  </si>
  <si>
    <t>土合__845-2</t>
  </si>
  <si>
    <t>土合__846-2</t>
  </si>
  <si>
    <t>土合__847-2</t>
  </si>
  <si>
    <t>土合__854-2</t>
  </si>
  <si>
    <t>土合__855-2</t>
  </si>
  <si>
    <t>土合__1256-2</t>
  </si>
  <si>
    <t>海老江_大坪_722-8</t>
  </si>
  <si>
    <t>土合__1257-6</t>
  </si>
  <si>
    <t>土合__1257-7</t>
  </si>
  <si>
    <t>土合__1257-8</t>
  </si>
  <si>
    <t>土合__1258-2</t>
  </si>
  <si>
    <t>土合__1259-2</t>
  </si>
  <si>
    <t>土合__1260-2</t>
  </si>
  <si>
    <t>土合__1261-2</t>
  </si>
  <si>
    <t>土合__1262-2</t>
  </si>
  <si>
    <t>土合__1263-2</t>
  </si>
  <si>
    <t>土合__1264-2</t>
  </si>
  <si>
    <t>海老江_大坪_722-9</t>
  </si>
  <si>
    <t>土合__1265-5</t>
  </si>
  <si>
    <t>土合__1265-6</t>
  </si>
  <si>
    <t>土合__1268-2</t>
  </si>
  <si>
    <t>土合__1269-2</t>
  </si>
  <si>
    <t>土合__1270-2</t>
  </si>
  <si>
    <t>土合__1271-2</t>
  </si>
  <si>
    <t>土合__1272-2</t>
  </si>
  <si>
    <t>土合__1273-2</t>
  </si>
  <si>
    <t>土合__1276-2</t>
  </si>
  <si>
    <t>土合__1277-2</t>
  </si>
  <si>
    <t>海老江_大坪_761-3</t>
  </si>
  <si>
    <t>土合__1278-2</t>
  </si>
  <si>
    <t>土合__1280-3</t>
  </si>
  <si>
    <t>土合__1280-4</t>
  </si>
  <si>
    <t>土合__1281-2</t>
  </si>
  <si>
    <t>土合__1283-2</t>
  </si>
  <si>
    <t>土合__1284-2</t>
  </si>
  <si>
    <t>土合__1285-2</t>
  </si>
  <si>
    <t>土合__1286-2</t>
  </si>
  <si>
    <t>土合__1287-2</t>
  </si>
  <si>
    <t>土合__1290-2</t>
  </si>
  <si>
    <t>庄西町二丁目__797</t>
  </si>
  <si>
    <t>海老江_大坪_761-5</t>
  </si>
  <si>
    <t>土合__1291-2</t>
  </si>
  <si>
    <t>土合__1292-2</t>
  </si>
  <si>
    <t>土合__1295-3</t>
  </si>
  <si>
    <t>土合__1296-3</t>
  </si>
  <si>
    <t>土合__1309-3</t>
  </si>
  <si>
    <t>土合__1310-2</t>
  </si>
  <si>
    <t>土合__1311-2</t>
  </si>
  <si>
    <t>土合__1312-2</t>
  </si>
  <si>
    <t>土合__1313-2</t>
  </si>
  <si>
    <t>土合__1315-49</t>
  </si>
  <si>
    <t>海老江_大坪_828-2</t>
  </si>
  <si>
    <t>土合__1316-2</t>
  </si>
  <si>
    <t>土合__1317-2</t>
  </si>
  <si>
    <t>土合__1318-3</t>
  </si>
  <si>
    <t>土合__1321-4</t>
  </si>
  <si>
    <t>土合__1321-5</t>
  </si>
  <si>
    <t>土合__1322-2</t>
  </si>
  <si>
    <t>土合__1323-2</t>
  </si>
  <si>
    <t>土合__1479-4</t>
  </si>
  <si>
    <t>土合__1479-5</t>
  </si>
  <si>
    <t>土合__1482-3</t>
  </si>
  <si>
    <t>海老江_大坪_862-6</t>
  </si>
  <si>
    <t>土合__1497-1</t>
  </si>
  <si>
    <t>土合__1497-3</t>
  </si>
  <si>
    <t>土合__1507-1</t>
  </si>
  <si>
    <t>土合__1507-9</t>
  </si>
  <si>
    <t>土合__1508-2</t>
  </si>
  <si>
    <t>土合__1509-2</t>
  </si>
  <si>
    <t>土合__1510-2</t>
  </si>
  <si>
    <t>土合__1513-2</t>
  </si>
  <si>
    <t>土合__1518-2</t>
  </si>
  <si>
    <t>串田__3087</t>
  </si>
  <si>
    <t>海老江_小坪_1068-2</t>
  </si>
  <si>
    <t>串田__3091</t>
  </si>
  <si>
    <t>串田__3094</t>
  </si>
  <si>
    <t>串田_村中_4794-3</t>
  </si>
  <si>
    <t>串田_村中_4795-3</t>
  </si>
  <si>
    <t>串田_村中_4805-4</t>
  </si>
  <si>
    <t>串田_村中_4806-3</t>
  </si>
  <si>
    <t>串田_村中_4838-2</t>
  </si>
  <si>
    <t>串田_村中_4838-3</t>
  </si>
  <si>
    <t>串田_村中_4841-3</t>
  </si>
  <si>
    <t>串田_村中_4862-2</t>
  </si>
  <si>
    <t>海老江_小坪_1068-4</t>
  </si>
  <si>
    <t>串田_村中_4863-2</t>
  </si>
  <si>
    <t>串田_村中_4864-2</t>
  </si>
  <si>
    <t>串田_村中_4865-2</t>
  </si>
  <si>
    <t>串田_村中_4866-2</t>
  </si>
  <si>
    <t>串田_村中_4867-2</t>
  </si>
  <si>
    <t>串田_村中_4868-2</t>
  </si>
  <si>
    <t>串田_村中_4870-2</t>
  </si>
  <si>
    <t>串田_村中_4871-3</t>
  </si>
  <si>
    <t>串田_村中_4871-4</t>
  </si>
  <si>
    <t>串田_村中_4874-2</t>
  </si>
  <si>
    <t>海老江_小坪_1201-3</t>
  </si>
  <si>
    <t>串田_村中_4875-2</t>
  </si>
  <si>
    <t>串田_村中_4878-2</t>
  </si>
  <si>
    <t>串田_村中_4883-7</t>
  </si>
  <si>
    <t>串田_村中_4884-4</t>
  </si>
  <si>
    <t>串田_村中_4885-3</t>
  </si>
  <si>
    <t>串田_村中_4891-3</t>
  </si>
  <si>
    <t>串田_村中_4896-1</t>
  </si>
  <si>
    <t>串田_松原_6444-1</t>
  </si>
  <si>
    <t>串田_明地_8582-7</t>
  </si>
  <si>
    <t>串田_明地_8582-8</t>
  </si>
  <si>
    <t>海老江_小坪_1201-5</t>
  </si>
  <si>
    <t>串田_明地_8583-5</t>
  </si>
  <si>
    <t>串田_明地_8583-6</t>
  </si>
  <si>
    <t>串田_明地_8584-3</t>
  </si>
  <si>
    <t>串田_明地_8584-4</t>
  </si>
  <si>
    <t>串田_明地_8588-2</t>
  </si>
  <si>
    <t>串田新__1022</t>
  </si>
  <si>
    <t>串田新__1028</t>
  </si>
  <si>
    <t>串田新_大窪_286-3</t>
  </si>
  <si>
    <t>串田新_大窪_293-3</t>
  </si>
  <si>
    <t>串田新_大窪_306-2</t>
  </si>
  <si>
    <t>海老江_小坪_1226-2</t>
  </si>
  <si>
    <t>串田新_大窪_307-4</t>
  </si>
  <si>
    <t>串田新_上野_1166-2</t>
  </si>
  <si>
    <t>串田新_松原_1313-3</t>
  </si>
  <si>
    <t>串田新_才六_1648-3</t>
  </si>
  <si>
    <t>荒町_御坊島_1297</t>
  </si>
  <si>
    <t>荒町_平野_1971-4</t>
  </si>
  <si>
    <t>荒町_平野_1971-5</t>
  </si>
  <si>
    <t>荒町_平野_1972-2</t>
  </si>
  <si>
    <t>荒町_平野_1972-4</t>
  </si>
  <si>
    <t>荒町_平野_1973-3</t>
  </si>
  <si>
    <t>海老江_小坪_1226-4</t>
  </si>
  <si>
    <t>荒町_平野_1974-3</t>
  </si>
  <si>
    <t>荒町_平野_1974-4</t>
  </si>
  <si>
    <t>円池又新_髙野_694-3</t>
  </si>
  <si>
    <t>串田新出_才六_165-3</t>
  </si>
  <si>
    <t>串田新出_才六_166-6</t>
  </si>
  <si>
    <t>串田新出_才六_169-4</t>
  </si>
  <si>
    <t>串田新出_才六_169-6</t>
  </si>
  <si>
    <t>串田新出_才六_170-5</t>
  </si>
  <si>
    <t>串田新出_才六_170-7</t>
  </si>
  <si>
    <t>串田新出_才六_171-5</t>
  </si>
  <si>
    <t>海老江_小坪_1263-3</t>
  </si>
  <si>
    <t>生源寺新_梅ノ木_1963-3</t>
  </si>
  <si>
    <t>生源寺新_梅ノ木_1963-4</t>
  </si>
  <si>
    <t>生源寺新_梅ノ木_1968-2</t>
  </si>
  <si>
    <t>生源寺新_梅ノ木_1969-2</t>
  </si>
  <si>
    <t>生源寺新_梅ノ木_1969-3</t>
  </si>
  <si>
    <t>生源寺新_梅ノ木_1973-5</t>
  </si>
  <si>
    <t>生源寺新_梅ノ木_1973-7</t>
  </si>
  <si>
    <t>生源寺新_梅ノ木_1976-5</t>
  </si>
  <si>
    <t>生源寺__1073</t>
  </si>
  <si>
    <t>生源寺_木戸口_1283-2</t>
  </si>
  <si>
    <t>庄西町二丁目__800</t>
  </si>
  <si>
    <t>海老江_小坪_1263-5</t>
  </si>
  <si>
    <t>生源寺_木戸口_1284</t>
  </si>
  <si>
    <t>生源寺_木戸口_1390-1</t>
  </si>
  <si>
    <t>生源寺_木戸口_1392</t>
  </si>
  <si>
    <t>市井__330</t>
  </si>
  <si>
    <t>市井__365</t>
  </si>
  <si>
    <t>市井__370</t>
  </si>
  <si>
    <t>市井_屋敷田_171-2</t>
  </si>
  <si>
    <t>若林__349-2</t>
  </si>
  <si>
    <t>竹鼻__96</t>
  </si>
  <si>
    <t>竹鼻__97</t>
  </si>
  <si>
    <t>海老江_小坪_1265-2</t>
  </si>
  <si>
    <t>二口_馬渡_869-2</t>
  </si>
  <si>
    <t>中村__137-3</t>
  </si>
  <si>
    <t>大門本江_中島_648-3</t>
  </si>
  <si>
    <t>大門本江_中島_649-3</t>
  </si>
  <si>
    <t>本田_杉田_431-5</t>
  </si>
  <si>
    <t>本田_杉田_432-4</t>
  </si>
  <si>
    <t>本田_杉田_443-4</t>
  </si>
  <si>
    <t>本田_杉田_445-4</t>
  </si>
  <si>
    <t>本田_杉田_452-4</t>
  </si>
  <si>
    <t>本田_杉田_452-5</t>
  </si>
  <si>
    <t>海老江_小坪_1265-4</t>
  </si>
  <si>
    <t>本田_杉田_453-6</t>
  </si>
  <si>
    <t>大門_長割_143-4</t>
  </si>
  <si>
    <t>大門_長割_143-6</t>
  </si>
  <si>
    <t>大門_長割_160-11</t>
  </si>
  <si>
    <t>大門_長割_160-12</t>
  </si>
  <si>
    <t>大門_長割_161-5</t>
  </si>
  <si>
    <t>大門_長割_161-10</t>
  </si>
  <si>
    <t>大門_長割_161-11</t>
  </si>
  <si>
    <t>大門_長割_174</t>
  </si>
  <si>
    <t>大門_長割_175-1</t>
  </si>
  <si>
    <t>海老江練合__46-3</t>
  </si>
  <si>
    <t>大門_前_267-2</t>
  </si>
  <si>
    <t>枇杷首_番留_84-1</t>
  </si>
  <si>
    <t>二口_米山_2253-2</t>
  </si>
  <si>
    <t>二口_北野割_2545-2</t>
  </si>
  <si>
    <t>二口_北野割_2546-2</t>
  </si>
  <si>
    <t>二口_北野割_2547-4</t>
  </si>
  <si>
    <t>二口_北野割_2552-4</t>
  </si>
  <si>
    <t>二口_北野割_2553-2</t>
  </si>
  <si>
    <t>海老江練合_汐除_115-5</t>
  </si>
  <si>
    <t>二口_北野割_2553-4</t>
  </si>
  <si>
    <t>二口_北野割_2554-2</t>
  </si>
  <si>
    <t>二口_北野割_2554-4</t>
  </si>
  <si>
    <t>二口_北野割_2555-2</t>
  </si>
  <si>
    <t>二口_北野割_2555-4</t>
  </si>
  <si>
    <t>二口_北野割_2556-2</t>
  </si>
  <si>
    <t>二口_北野割_2557-4</t>
  </si>
  <si>
    <t>二口_北野割_2557-5</t>
  </si>
  <si>
    <t>二口_北野割_2557-6</t>
  </si>
  <si>
    <t>二口_道山島_2590-2</t>
  </si>
  <si>
    <t>海老江練合_汐除_115-7</t>
  </si>
  <si>
    <t>二口_道山島_2591-2</t>
  </si>
  <si>
    <t>二口_道山島_2591-4</t>
  </si>
  <si>
    <t>二口_道山島_2592-3</t>
  </si>
  <si>
    <t>二口_道山島_2592-4</t>
  </si>
  <si>
    <t>二口_道山島_2592-7</t>
  </si>
  <si>
    <t>二口_道山島_2592-8</t>
  </si>
  <si>
    <t>二口_道山島_2593-2</t>
  </si>
  <si>
    <t>二口_道山島_2593-4</t>
  </si>
  <si>
    <t>二口_道山島_2594-2</t>
  </si>
  <si>
    <t>二口_道山島_2600-13</t>
  </si>
  <si>
    <t>海老江練合_汐除_115-9</t>
  </si>
  <si>
    <t>二口_道山島_2600-11</t>
  </si>
  <si>
    <t>二口_道山島_2610-13</t>
  </si>
  <si>
    <t>二口_道山島_2610-14</t>
  </si>
  <si>
    <t>二口_道山島_2610-15</t>
  </si>
  <si>
    <t>二口_光明寺_2949-3</t>
  </si>
  <si>
    <t>加茂中部__3007</t>
  </si>
  <si>
    <t>白石__1013</t>
  </si>
  <si>
    <t>本開発_代官免_468-2</t>
  </si>
  <si>
    <t>北高木__456</t>
  </si>
  <si>
    <t>北高木__653-4</t>
  </si>
  <si>
    <t>海老江練合_汐除_115-10</t>
  </si>
  <si>
    <t>小島__451-1</t>
  </si>
  <si>
    <t>小島__457-1</t>
  </si>
  <si>
    <t>小島__458-3</t>
  </si>
  <si>
    <t>小島__500-2</t>
  </si>
  <si>
    <t>小島__500-3</t>
  </si>
  <si>
    <t>小島__508-6</t>
  </si>
  <si>
    <t>小島__870-3</t>
  </si>
  <si>
    <t>北野_大島_1437-2</t>
  </si>
  <si>
    <t>北野_大島_1437-4</t>
  </si>
  <si>
    <t>北野_中尾佐_560-2</t>
  </si>
  <si>
    <t>海老江練合_汐除_116-3</t>
  </si>
  <si>
    <t>北野_中尾佐_560-9</t>
  </si>
  <si>
    <t>本町二丁目__1120-7</t>
  </si>
  <si>
    <t>海老江_小坪_1091-6</t>
  </si>
  <si>
    <t>海老江_小坪_1091-7</t>
  </si>
  <si>
    <t>海老江_小坪_1091-8</t>
  </si>
  <si>
    <t>海老江七軒_内細_1490-5</t>
  </si>
  <si>
    <t>海老江浜開_浜田_161-4</t>
  </si>
  <si>
    <t>海老江浜開_浜田_161-5</t>
  </si>
  <si>
    <t>堀岡_地子_278-2</t>
  </si>
  <si>
    <t>堀岡古明神_浜田_97-3</t>
  </si>
  <si>
    <t>海老江練合_汐除_117-3</t>
  </si>
  <si>
    <t>堀岡古明神_浜田_112-4</t>
  </si>
  <si>
    <t>堀岡古明神_浜田_132-2</t>
  </si>
  <si>
    <t>堀岡古明神_村下_293-3</t>
  </si>
  <si>
    <t>堀岡古明神_村下_294-3</t>
  </si>
  <si>
    <t>堀岡古明神_村下_295-3</t>
  </si>
  <si>
    <t>堀岡古明神_村下_296-2</t>
  </si>
  <si>
    <t>堀岡古明神_村下_298-3</t>
  </si>
  <si>
    <t>堀岡古明神_村下_306-4</t>
  </si>
  <si>
    <t>堀岡古明神_村下_308-3</t>
  </si>
  <si>
    <t>堀岡古明神_村下_310-7</t>
  </si>
  <si>
    <t>道路用地（高速道路）_管財課</t>
  </si>
  <si>
    <t>青井谷_丸山_1126-6</t>
  </si>
  <si>
    <t>青井谷_鳥越_5491-7</t>
  </si>
  <si>
    <t>上野_穴田_795-3</t>
  </si>
  <si>
    <t>上野_穴田_797-4</t>
  </si>
  <si>
    <t>上野_穴田_957-3</t>
  </si>
  <si>
    <t>上野_竹腰_958-5</t>
  </si>
  <si>
    <t>上野_竹腰_958-6</t>
  </si>
  <si>
    <t>上野_竹腰_958-7</t>
  </si>
  <si>
    <t>上野_竹腰_960-4</t>
  </si>
  <si>
    <t>上野_竹腰_961-4</t>
  </si>
  <si>
    <t>上野_竹腰_962-4</t>
  </si>
  <si>
    <t>上野_竹腰_964-4</t>
  </si>
  <si>
    <t>青井谷_鳥越_5492-6</t>
  </si>
  <si>
    <t>上野_竹腰_969-2</t>
  </si>
  <si>
    <t>上野_竹腰_970-3</t>
  </si>
  <si>
    <t>上野_竹腰_971-3</t>
  </si>
  <si>
    <t>上野_竹腰_972-3</t>
  </si>
  <si>
    <t>上野_竹腰_973-3</t>
  </si>
  <si>
    <t>上野_竹腰_974-3</t>
  </si>
  <si>
    <t>上野_竹腰_978-2</t>
  </si>
  <si>
    <t>上野_竹腰_979-3</t>
  </si>
  <si>
    <t>上野_竹腰_986-2</t>
  </si>
  <si>
    <t>上野_竹腰_987-3</t>
  </si>
  <si>
    <t>青井谷_鳥越_5493-4</t>
  </si>
  <si>
    <t>上野_竹腰_988-3</t>
  </si>
  <si>
    <t>上野_竹腰_991-3</t>
  </si>
  <si>
    <t>上野_竹腰_993-3</t>
  </si>
  <si>
    <t>上野_竹腰_997-3</t>
  </si>
  <si>
    <t>上野_竹腰_999-4</t>
  </si>
  <si>
    <t>上野_竹腰_1010-3</t>
  </si>
  <si>
    <t>上野_竹腰_1011-4</t>
  </si>
  <si>
    <t>上野_竹腰_1013-3</t>
  </si>
  <si>
    <t>上野_竹腰_1014-3</t>
  </si>
  <si>
    <t>上野_竹腰_1045-5</t>
  </si>
  <si>
    <t>青井谷_鳥越_5494-6</t>
  </si>
  <si>
    <t>上野_竹腰_1047-3</t>
  </si>
  <si>
    <t>上野_竹腰_1327-2</t>
  </si>
  <si>
    <t>上野_高畠_1456-2</t>
  </si>
  <si>
    <t>上野_高畠_1458-4</t>
  </si>
  <si>
    <t>上野_高畠_1458-5</t>
  </si>
  <si>
    <t>上野_高畠_1458-6</t>
  </si>
  <si>
    <t>上野_高畠_1458-8</t>
  </si>
  <si>
    <t>上野_高畠_1459-3</t>
  </si>
  <si>
    <t>上野_高畠_1459-4</t>
  </si>
  <si>
    <t>上野_高畠_1459-5</t>
  </si>
  <si>
    <t>青井谷_鳥越_5498-4</t>
  </si>
  <si>
    <t>上野_高畠_1460-5</t>
  </si>
  <si>
    <t>上野_高畠_1503-5</t>
  </si>
  <si>
    <t>上野_高畠_1503-6</t>
  </si>
  <si>
    <t>上野_高畠_1503-7</t>
  </si>
  <si>
    <t>上野_高畠_1506-3</t>
  </si>
  <si>
    <t>上野_高畠_1506-4</t>
  </si>
  <si>
    <t>上野_高畠_1507-3</t>
  </si>
  <si>
    <t>上野_高畠_1507-4</t>
  </si>
  <si>
    <t>上野_高畠_1510-8</t>
  </si>
  <si>
    <t>上野_高畠_1510-9</t>
  </si>
  <si>
    <t>青井谷_鳥越_5498-5</t>
  </si>
  <si>
    <t>上野_高畠_1511-5</t>
  </si>
  <si>
    <t>上野_高畠_1512-6</t>
  </si>
  <si>
    <t>上野_高畠_1512-7</t>
  </si>
  <si>
    <t>上野_高畠_1513-10</t>
  </si>
  <si>
    <t>上野_高畠_1513-11</t>
  </si>
  <si>
    <t>上野_高畠_1513-12</t>
  </si>
  <si>
    <t>上野_高畠_1513-13</t>
  </si>
  <si>
    <t>上野_高畠_1514-3</t>
  </si>
  <si>
    <t>上野_高畠_1586-2</t>
  </si>
  <si>
    <t>上野_地久_1748-2</t>
  </si>
  <si>
    <t>青井谷_鳥越_5499-3</t>
  </si>
  <si>
    <t>平野_黒坂_95-2</t>
  </si>
  <si>
    <t>平野_黒坂_96-3</t>
  </si>
  <si>
    <t>平野_黒坂_97-2</t>
  </si>
  <si>
    <t>平野_下野_116-3</t>
  </si>
  <si>
    <t>平野_下野_117-3</t>
  </si>
  <si>
    <t>平野_下野_118-3</t>
  </si>
  <si>
    <t>平野_下野_122-4</t>
  </si>
  <si>
    <t>平野_下野_137-3</t>
  </si>
  <si>
    <t>平野_宮前_377-3</t>
  </si>
  <si>
    <t>平野_宮前_379-3</t>
  </si>
  <si>
    <t>青井谷_鳥越_5500-6</t>
  </si>
  <si>
    <t>平野_宮前_388-3</t>
  </si>
  <si>
    <t>平野_宮前_389-5</t>
  </si>
  <si>
    <t>平野_宮前_390-3</t>
  </si>
  <si>
    <t>平野_木合川_394-3</t>
  </si>
  <si>
    <t>平野_木合川_395-3</t>
  </si>
  <si>
    <t>平野_木合川_396-3</t>
  </si>
  <si>
    <t>平野_木合川_397-3</t>
  </si>
  <si>
    <t>平野_木合川_399-3</t>
  </si>
  <si>
    <t>平野_向谷_504-5</t>
  </si>
  <si>
    <t>平野_大柳谷_672-2</t>
  </si>
  <si>
    <t>青井谷_鳥越_5502-4</t>
  </si>
  <si>
    <t>平野_大柳谷_771-3</t>
  </si>
  <si>
    <t>平野_大柳谷_771-4</t>
  </si>
  <si>
    <t>平野_大柳谷_772-2</t>
  </si>
  <si>
    <t>平野_大柳谷_772-4</t>
  </si>
  <si>
    <t>平野_大柳谷_772-5</t>
  </si>
  <si>
    <t>平野_大柳谷_772-6</t>
  </si>
  <si>
    <t>平野_大柳谷_772-7</t>
  </si>
  <si>
    <t>平野_平野_4370-3</t>
  </si>
  <si>
    <t>入会地_天池_42-7</t>
  </si>
  <si>
    <t>入会地_天池_42-8</t>
  </si>
  <si>
    <t>青井谷_鳥越_5505-3</t>
  </si>
  <si>
    <t>入会地_天池_42-9</t>
  </si>
  <si>
    <t>入会地_天池_43-3</t>
  </si>
  <si>
    <t>入会地_天池_49-4</t>
  </si>
  <si>
    <t>入会地_天池_49-6</t>
  </si>
  <si>
    <t>入会地_天池_49-7</t>
  </si>
  <si>
    <t>入会地_赤坂_9-3</t>
  </si>
  <si>
    <t>入会地_赤坂_11-31</t>
  </si>
  <si>
    <t>入会地_赤坂_11-32</t>
  </si>
  <si>
    <t>入会地_赤坂_11-33</t>
  </si>
  <si>
    <t>入会地_赤坂_11-34</t>
  </si>
  <si>
    <t>青井谷_干田_1943-1</t>
  </si>
  <si>
    <t>青井谷_鳥越_5509-8</t>
  </si>
  <si>
    <t>入会地_赤坂_11-35</t>
  </si>
  <si>
    <t>入会地_赤坂_11-36</t>
  </si>
  <si>
    <t>入会地_赤坂_11-37</t>
  </si>
  <si>
    <t>入会地_赤坂_11-28</t>
  </si>
  <si>
    <t>入会地_赤坂_11-30</t>
  </si>
  <si>
    <t>入会地_赤坂_13-5</t>
  </si>
  <si>
    <t>入会地_赤坂_14-7</t>
  </si>
  <si>
    <t>入会地_水蔵場_5-18</t>
  </si>
  <si>
    <t>入会地_水蔵場_5-19</t>
  </si>
  <si>
    <t>入会地_水蔵場_150-6</t>
  </si>
  <si>
    <t>青井谷_鳥越_5509-9</t>
  </si>
  <si>
    <t>入会地_水蔵場_155-5</t>
  </si>
  <si>
    <t>入会地_水蔵場_156-6</t>
  </si>
  <si>
    <t>入会地_水蔵場_156-7</t>
  </si>
  <si>
    <t>入会地_流清水_10-4</t>
  </si>
  <si>
    <t>山林</t>
  </si>
  <si>
    <t>入会地_行福_41-3</t>
  </si>
  <si>
    <t>入会地_行福_44-5</t>
  </si>
  <si>
    <t>入会地_行福_50-3</t>
  </si>
  <si>
    <t>山本新_上野田_1308-2</t>
  </si>
  <si>
    <t>山本__1</t>
  </si>
  <si>
    <t>山本_野田_7-41</t>
  </si>
  <si>
    <t>青井谷_鳥越_5509-10</t>
  </si>
  <si>
    <t>山本_野田_7-59</t>
  </si>
  <si>
    <t>山本_野田_7-60</t>
  </si>
  <si>
    <t>山本_野田_7-61</t>
  </si>
  <si>
    <t>山本_野田_7-67</t>
  </si>
  <si>
    <t>山本_野田_16-60</t>
  </si>
  <si>
    <t>山本_野田_16-61</t>
  </si>
  <si>
    <t>山本_野田_16-62</t>
  </si>
  <si>
    <t>山本_二枚田_35-45</t>
  </si>
  <si>
    <t>山本_二枚田_35-46</t>
  </si>
  <si>
    <t>山本_二枚田_35-47</t>
  </si>
  <si>
    <t>青井谷_鳥越_5510-2</t>
  </si>
  <si>
    <t>山本_二枚田_35-48</t>
  </si>
  <si>
    <t>山本_二枚田_35-49</t>
  </si>
  <si>
    <t>山本_二枚田_35-58</t>
  </si>
  <si>
    <t>山本_二枚田_35-59</t>
  </si>
  <si>
    <t>山本_二枚田_35-60</t>
  </si>
  <si>
    <t>山本_二枚田_35-61</t>
  </si>
  <si>
    <t>山本_二枚田_37-15</t>
  </si>
  <si>
    <t>山本_二枚田_37-17</t>
  </si>
  <si>
    <t>山本_二枚田_37-12</t>
  </si>
  <si>
    <t>山本_二枚田_38-22</t>
  </si>
  <si>
    <t>青井谷_鳥越_5512-4</t>
  </si>
  <si>
    <t>山本_二枚田_38-23</t>
  </si>
  <si>
    <t>山本_二枚田_38-24</t>
  </si>
  <si>
    <t>山本_二枚田_3679-3</t>
  </si>
  <si>
    <t>山本_二枚田_3713-2</t>
  </si>
  <si>
    <t>山本_二枚田_3714-2</t>
  </si>
  <si>
    <t>山本_二枚田_3714-3</t>
  </si>
  <si>
    <t>山本_二枚田_3715-2</t>
  </si>
  <si>
    <t>山本_二枚田_3717-5</t>
  </si>
  <si>
    <t>山本_二枚田_3717-6</t>
  </si>
  <si>
    <t>山本_二枚田_3723-2</t>
  </si>
  <si>
    <t>青井谷_鳥越_5562-6</t>
  </si>
  <si>
    <t>山本_二枚田_3723-4</t>
  </si>
  <si>
    <t>山本_二枚田_3724-2</t>
  </si>
  <si>
    <t>山本_二枚田_3724-3</t>
  </si>
  <si>
    <t>山本_二枚田_3730-2</t>
  </si>
  <si>
    <t>池多__870-2</t>
  </si>
  <si>
    <t>串田_明地_8585-2</t>
  </si>
  <si>
    <t>串田_明地_8589-9</t>
  </si>
  <si>
    <t>串田_明地_8589-11</t>
  </si>
  <si>
    <t>串田_明地_8589-12</t>
  </si>
  <si>
    <t>串田_明地_8610-14</t>
  </si>
  <si>
    <t>青井谷_鳥越_5563-3</t>
  </si>
  <si>
    <t>串田新_大窪_54-5</t>
  </si>
  <si>
    <t>串田新_大窪_54-6</t>
  </si>
  <si>
    <t>串田新_大窪_56-4</t>
  </si>
  <si>
    <t>串田新_大窪_57-2</t>
  </si>
  <si>
    <t>串田新_大窪_58-3</t>
  </si>
  <si>
    <t>串田新_大窪_121-4</t>
  </si>
  <si>
    <t>串田新_大窪_121-5</t>
  </si>
  <si>
    <t>串田新_大窪_129-2</t>
  </si>
  <si>
    <t>串田新_大窪_130-3</t>
  </si>
  <si>
    <t>串田新_大窪_191-3</t>
  </si>
  <si>
    <t>青井谷_鳥越_5629-7</t>
  </si>
  <si>
    <t>串田新_大窪_197-4</t>
  </si>
  <si>
    <t>串田新_大窪_198-3</t>
  </si>
  <si>
    <t>串田新_大窪_200-3</t>
  </si>
  <si>
    <t>串田新_大窪_201-3</t>
  </si>
  <si>
    <t>串田新_大窪_242-4</t>
  </si>
  <si>
    <t>串田新_大窪_255-2</t>
  </si>
  <si>
    <t>串田新_大窪_256-3</t>
  </si>
  <si>
    <t>串田新_大窪_257-3</t>
  </si>
  <si>
    <t>串田新_大窪_259-3</t>
  </si>
  <si>
    <t>串田新_大窪_260-2</t>
  </si>
  <si>
    <t>青井谷_鳥越_5629-8</t>
  </si>
  <si>
    <t>串田新_大窪_260-3</t>
  </si>
  <si>
    <t>串田新_大窪_261-4</t>
  </si>
  <si>
    <t>串田新_大窪_265-2</t>
  </si>
  <si>
    <t>串田新_大窪_266-2</t>
  </si>
  <si>
    <t>串田新_大窪_266-3</t>
  </si>
  <si>
    <t>串田新_大窪_267-3</t>
  </si>
  <si>
    <t>串田新_大窪_269-3</t>
  </si>
  <si>
    <t>串田新_大窪_270-3</t>
  </si>
  <si>
    <t>串田新_大窪_270-4</t>
  </si>
  <si>
    <t>串田新_大窪_271-2</t>
  </si>
  <si>
    <t>青井谷_鳥越_5629-11</t>
  </si>
  <si>
    <t>串田新_大窪_272-3</t>
  </si>
  <si>
    <t>串田新_大窪_275-2</t>
  </si>
  <si>
    <t>串田新_大窪_276-2</t>
  </si>
  <si>
    <t>串田新_大窪_277-2</t>
  </si>
  <si>
    <t>串田新_大窪_278-3</t>
  </si>
  <si>
    <t>串田新_大窪_279-3</t>
  </si>
  <si>
    <t>串田新_大窪_280-2</t>
  </si>
  <si>
    <t>串田新_大窪_282-2</t>
  </si>
  <si>
    <t>串田新_大窪_289-2</t>
  </si>
  <si>
    <t>串田新_大窪_302-3</t>
  </si>
  <si>
    <t>青井谷_干田_1945-2</t>
  </si>
  <si>
    <t>青井谷_鳥越_5629-12</t>
  </si>
  <si>
    <t>串田新_大窪_305-3</t>
  </si>
  <si>
    <t>串田新_大窪_305-4</t>
  </si>
  <si>
    <t>荒町_平野_1970-2</t>
  </si>
  <si>
    <t>荒町_平野_1973-4</t>
  </si>
  <si>
    <t>荒町_平野_1974-2</t>
  </si>
  <si>
    <t>円池又新_上野_641-2</t>
  </si>
  <si>
    <t>円池又新_上野_642-2</t>
  </si>
  <si>
    <t>円池又新_上野_643-2</t>
  </si>
  <si>
    <t>円池又新_上野_644-3</t>
  </si>
  <si>
    <t>円池又新_上野_646-3</t>
  </si>
  <si>
    <t>青井谷_鳥越_5638-2</t>
  </si>
  <si>
    <t>円池又新_上野_649-3</t>
  </si>
  <si>
    <t>円池又新_上野_650-3</t>
  </si>
  <si>
    <t>串田新出_三ケ_76-3</t>
  </si>
  <si>
    <t>串田新出_三ケ_76-5</t>
  </si>
  <si>
    <t>串田新出_三ケ_83-3</t>
  </si>
  <si>
    <t>串田新出_三ケ_84-2</t>
  </si>
  <si>
    <t>串田新出_三ケ_86-3</t>
  </si>
  <si>
    <t>串田新出_才六_120-3</t>
  </si>
  <si>
    <t>串田新出_才六_130-3</t>
  </si>
  <si>
    <t>串田新出_才六_131-3</t>
  </si>
  <si>
    <t>青井谷_鳥越_5645-5</t>
  </si>
  <si>
    <t>串田新出_才六_133-3</t>
  </si>
  <si>
    <t>串田新出_才六_141-3</t>
  </si>
  <si>
    <t>串田新出_才六_142-3</t>
  </si>
  <si>
    <t>串田新出_才六_144-3</t>
  </si>
  <si>
    <t>串田新出_才六_145-3</t>
  </si>
  <si>
    <t>串田新出_才六_155-3</t>
  </si>
  <si>
    <t>串田新出_才六_156-2</t>
  </si>
  <si>
    <t>串田新出_才六_157-2</t>
  </si>
  <si>
    <t>串田新出_才六_158-3</t>
  </si>
  <si>
    <t>串田新出_才六_160-2</t>
  </si>
  <si>
    <t>青井谷_鳥越_5658-2</t>
  </si>
  <si>
    <t>串田新出_才六_161-3</t>
  </si>
  <si>
    <t>串田新出_才六_162-3</t>
  </si>
  <si>
    <t>串田新出_才六_164-3</t>
  </si>
  <si>
    <t>串田新出_才六_165-4</t>
  </si>
  <si>
    <t>串田新出_才六_166-5</t>
  </si>
  <si>
    <t>串田新出_才六_167-3</t>
  </si>
  <si>
    <t>串田新出_才六_167-4</t>
  </si>
  <si>
    <t>串田新出_才六_167-6</t>
  </si>
  <si>
    <t>串田新出_才六_167-7</t>
  </si>
  <si>
    <t>串田新出_才六_168-4</t>
  </si>
  <si>
    <t>青井谷_鳥越_5877-3</t>
  </si>
  <si>
    <t>串田新出_才六_168-7</t>
  </si>
  <si>
    <t>串田新出_才六_170-4</t>
  </si>
  <si>
    <t>串田新出_才六_171-4</t>
  </si>
  <si>
    <t>青井谷_鳥越_5877-4</t>
  </si>
  <si>
    <t>青井谷_鳥越_5878-3</t>
  </si>
  <si>
    <t>青井谷_鳥越_5879-3</t>
  </si>
  <si>
    <t>青井谷_鳥越_5881-3</t>
  </si>
  <si>
    <t>青井谷_鳥越_5885-3</t>
  </si>
  <si>
    <t>青井谷_鳥越_5412-2</t>
  </si>
  <si>
    <t>青井谷_鳥越_5886-3</t>
  </si>
  <si>
    <t>上野_東反坊_272-5</t>
  </si>
  <si>
    <t>上野_東反坊_272-8</t>
  </si>
  <si>
    <t>上野_東反坊_272-9</t>
  </si>
  <si>
    <t>上野_東反坊_274-4</t>
  </si>
  <si>
    <t>上野_東反坊_274-5</t>
  </si>
  <si>
    <t>上野_東反坊_276-3</t>
  </si>
  <si>
    <t>上野_東反坊_277-5</t>
  </si>
  <si>
    <t>上野_東反坊_277-7</t>
  </si>
  <si>
    <t>上野_東反坊_278-10</t>
  </si>
  <si>
    <t>青井谷_鳥越_5433-3</t>
  </si>
  <si>
    <t>上野_東反坊_278-12</t>
  </si>
  <si>
    <t>上野_東反坊_278-14</t>
  </si>
  <si>
    <t>上野_東反坊_278-16</t>
  </si>
  <si>
    <t>上野_東反坊_279-12</t>
  </si>
  <si>
    <t>上野_東反坊_279-14</t>
  </si>
  <si>
    <t>上野_東反坊_279-16</t>
  </si>
  <si>
    <t>上野_東反坊_799-3</t>
  </si>
  <si>
    <t>上野_東反坊_800-3</t>
  </si>
  <si>
    <t>上野_東反坊_801-4</t>
  </si>
  <si>
    <t>上野_東反坊_803-3</t>
  </si>
  <si>
    <t>青井谷_鳥越_5436-3</t>
  </si>
  <si>
    <t>上野_東反坊_804-3</t>
  </si>
  <si>
    <t>上野_東反坊_808-3</t>
  </si>
  <si>
    <t>上野_東反坊_810-3</t>
  </si>
  <si>
    <t>上野_東反坊_811-4</t>
  </si>
  <si>
    <t>上野_東反坊_824-2</t>
  </si>
  <si>
    <t>上野_東反坊_825-3</t>
  </si>
  <si>
    <t>上野_東反坊_827-3</t>
  </si>
  <si>
    <t>上野_東反坊_828-2</t>
  </si>
  <si>
    <t>上野_東反坊_829-4</t>
  </si>
  <si>
    <t>上野_東反坊_831-4</t>
  </si>
  <si>
    <t>青井谷_鳥越_5438-2</t>
  </si>
  <si>
    <t>上野_東反坊_833-2</t>
  </si>
  <si>
    <t>上野_東反坊_834-3</t>
  </si>
  <si>
    <t>上野_東反坊_835-3</t>
  </si>
  <si>
    <t>上野_東反坊_847-3</t>
  </si>
  <si>
    <t>上野_東反坊_848-3</t>
  </si>
  <si>
    <t>上野_東反坊_849-3</t>
  </si>
  <si>
    <t>上野_東反坊_850-3</t>
  </si>
  <si>
    <t>上野_東反坊_855-2</t>
  </si>
  <si>
    <t>上野_東反坊_869-3</t>
  </si>
  <si>
    <t>上野_東反坊_879-2</t>
  </si>
  <si>
    <t>青井谷_鳥越_5443-3</t>
  </si>
  <si>
    <t>上野_東反坊_954-3</t>
  </si>
  <si>
    <t>上野_赤田_280-3</t>
  </si>
  <si>
    <t>上野_赤田_284-2</t>
  </si>
  <si>
    <t>上野_赤田_285-2</t>
  </si>
  <si>
    <t>上野_赤田_303-3</t>
  </si>
  <si>
    <t>上野_穴田_725-3</t>
  </si>
  <si>
    <t>上野_穴田_749-2</t>
  </si>
  <si>
    <t>上野_穴田_749-4</t>
  </si>
  <si>
    <t>上野_穴田_750-4</t>
  </si>
  <si>
    <t>上野_穴田_753-3</t>
  </si>
  <si>
    <t>青井谷_鳥越_5490-4</t>
  </si>
  <si>
    <t>上野_穴田_755-3</t>
  </si>
  <si>
    <t>上野_穴田_758-3</t>
  </si>
  <si>
    <t>上野_穴田_760-3</t>
  </si>
  <si>
    <t>上野_穴田_776-3</t>
  </si>
  <si>
    <t>上野_穴田_784-5</t>
  </si>
  <si>
    <t>上野_穴田_785-4</t>
  </si>
  <si>
    <t>上野_穴田_786-3</t>
  </si>
  <si>
    <t>上野_穴田_787-3</t>
  </si>
  <si>
    <t>上野_穴田_788-4</t>
  </si>
  <si>
    <t>上野_穴田_791-3</t>
  </si>
  <si>
    <t>道路用地（農道）_農林水産課</t>
  </si>
  <si>
    <t>沖塚原__680-2</t>
  </si>
  <si>
    <t>布目__93-2</t>
  </si>
  <si>
    <t>加茂中部__432-2</t>
  </si>
  <si>
    <t>加茂中部__579-2</t>
  </si>
  <si>
    <t>加茂中部__579-3</t>
  </si>
  <si>
    <t>加茂中部__579-4</t>
  </si>
  <si>
    <t>加茂中部__581-2</t>
  </si>
  <si>
    <t>加茂中部__613-2</t>
  </si>
  <si>
    <t>加茂中部__615-2</t>
  </si>
  <si>
    <t>加茂中部__615-3</t>
  </si>
  <si>
    <t>加茂西部__19-3</t>
  </si>
  <si>
    <t>加茂西部__23-2</t>
  </si>
  <si>
    <t>布目__94-2</t>
  </si>
  <si>
    <t>加茂西部__49-2</t>
  </si>
  <si>
    <t>加茂西部__50-2</t>
  </si>
  <si>
    <t>加茂西部__51-2</t>
  </si>
  <si>
    <t>加茂西部__52-2</t>
  </si>
  <si>
    <t>加茂西部__53-2</t>
  </si>
  <si>
    <t>加茂西部__56-2</t>
  </si>
  <si>
    <t>加茂西部__57-2</t>
  </si>
  <si>
    <t>加茂西部__60-3</t>
  </si>
  <si>
    <t>山屋__12-2</t>
  </si>
  <si>
    <t>山屋__14-2</t>
  </si>
  <si>
    <t>布目__95-2</t>
  </si>
  <si>
    <t>山屋__46-2</t>
  </si>
  <si>
    <t>白石__884-2</t>
  </si>
  <si>
    <t>白石__923-2</t>
  </si>
  <si>
    <t>白石__928-2</t>
  </si>
  <si>
    <t>白石__948-2</t>
  </si>
  <si>
    <t>新開発__257-7</t>
  </si>
  <si>
    <t>布目__172-2</t>
  </si>
  <si>
    <t>南高木__180-3</t>
  </si>
  <si>
    <t>小林__6-4</t>
  </si>
  <si>
    <t>小林__75-3</t>
  </si>
  <si>
    <t>小林__77-3</t>
  </si>
  <si>
    <t>小林__80-3</t>
  </si>
  <si>
    <t>小林__81-3</t>
  </si>
  <si>
    <t>小林__83-2</t>
  </si>
  <si>
    <t>布目__173-2</t>
  </si>
  <si>
    <t>小林__149-13</t>
  </si>
  <si>
    <t>小林__152-3</t>
  </si>
  <si>
    <t>小林__154-3</t>
  </si>
  <si>
    <t>小林__459-2</t>
  </si>
  <si>
    <t>若杉__422</t>
  </si>
  <si>
    <t>布目__174-2</t>
  </si>
  <si>
    <t>布目__175-2</t>
  </si>
  <si>
    <t>布目__176-2</t>
  </si>
  <si>
    <t>布目__177-2</t>
  </si>
  <si>
    <t>布目__178-2</t>
  </si>
  <si>
    <t>鏡宮__711</t>
  </si>
  <si>
    <t>布目__179-2</t>
  </si>
  <si>
    <t>布目__180-2</t>
  </si>
  <si>
    <t>布目__182-2</t>
  </si>
  <si>
    <t>布目__183-2</t>
  </si>
  <si>
    <t>布目__184-2</t>
  </si>
  <si>
    <t>布目__185-2</t>
  </si>
  <si>
    <t>布目__186-2</t>
  </si>
  <si>
    <t>布目__186-3</t>
  </si>
  <si>
    <t>布目__187-2</t>
  </si>
  <si>
    <t>布目__198-2</t>
  </si>
  <si>
    <t>野村__62</t>
  </si>
  <si>
    <t>布目__205-2</t>
  </si>
  <si>
    <t>布目__257</t>
  </si>
  <si>
    <t>池多__597</t>
  </si>
  <si>
    <t>島__174-2</t>
  </si>
  <si>
    <t>島__273-2</t>
  </si>
  <si>
    <t>島__501</t>
  </si>
  <si>
    <t>島__502</t>
  </si>
  <si>
    <t>島__503</t>
  </si>
  <si>
    <t>島__504</t>
  </si>
  <si>
    <t>島__505</t>
  </si>
  <si>
    <t>野村__63</t>
  </si>
  <si>
    <t>島__506</t>
  </si>
  <si>
    <t>島__507</t>
  </si>
  <si>
    <t>島__508</t>
  </si>
  <si>
    <t>島__1293-2</t>
  </si>
  <si>
    <t>島_宮西_1421-2</t>
  </si>
  <si>
    <t>島_宮西_1423-2</t>
  </si>
  <si>
    <t>島_宮西_1435-3</t>
  </si>
  <si>
    <t>串田新_大窪_114-3</t>
  </si>
  <si>
    <t>荒町__10-3</t>
  </si>
  <si>
    <t>荒町__1037</t>
  </si>
  <si>
    <t>高木__118-2</t>
  </si>
  <si>
    <t>円池__140-2</t>
  </si>
  <si>
    <t>生源寺__336-2</t>
  </si>
  <si>
    <t>生源寺__839</t>
  </si>
  <si>
    <t>本田_畑田_322-2</t>
  </si>
  <si>
    <t>本田_畑田_326-2</t>
  </si>
  <si>
    <t>本田_畑田_350-2</t>
  </si>
  <si>
    <t>本田_畑田_386-2</t>
  </si>
  <si>
    <t>本田_畑田_386-5</t>
  </si>
  <si>
    <t>加茂東部__50-2</t>
  </si>
  <si>
    <t>加茂東部__377-2</t>
  </si>
  <si>
    <t>高木__119-2</t>
  </si>
  <si>
    <t>加茂東部__378-2</t>
  </si>
  <si>
    <t>加茂東部__381-2</t>
  </si>
  <si>
    <t>加茂東部__389-2</t>
  </si>
  <si>
    <t>加茂東部__392-2</t>
  </si>
  <si>
    <t>加茂東部__393-2</t>
  </si>
  <si>
    <t>加茂東部__394-2</t>
  </si>
  <si>
    <t>加茂東部__395-2</t>
  </si>
  <si>
    <t>加茂東部__396-2</t>
  </si>
  <si>
    <t>加茂東部__397-2</t>
  </si>
  <si>
    <t>加茂東部__450-2</t>
  </si>
  <si>
    <t>高木__120-2</t>
  </si>
  <si>
    <t>加茂東部__452-2</t>
  </si>
  <si>
    <t>加茂東部__455-2</t>
  </si>
  <si>
    <t>加茂東部__476-2</t>
  </si>
  <si>
    <t>加茂東部__479-2</t>
  </si>
  <si>
    <t>加茂東部__500-3</t>
  </si>
  <si>
    <t>加茂東部__503-2</t>
  </si>
  <si>
    <t>加茂東部__504-2</t>
  </si>
  <si>
    <t>加茂東部__505-2</t>
  </si>
  <si>
    <t>加茂東部__506-2</t>
  </si>
  <si>
    <t>加茂東部__508-2</t>
  </si>
  <si>
    <t>高木__348-2</t>
  </si>
  <si>
    <t>加茂東部__509-2</t>
  </si>
  <si>
    <t>加茂東部__510-2</t>
  </si>
  <si>
    <t>加茂東部__512-2</t>
  </si>
  <si>
    <t>加茂東部__513-2</t>
  </si>
  <si>
    <t>加茂東部__514-2</t>
  </si>
  <si>
    <t>加茂東部__539-2</t>
  </si>
  <si>
    <t>加茂東部__541-2</t>
  </si>
  <si>
    <t>加茂東部__542-2</t>
  </si>
  <si>
    <t>加茂東部__543-2</t>
  </si>
  <si>
    <t>加茂東部__544-2</t>
  </si>
  <si>
    <t>布目__91-2</t>
  </si>
  <si>
    <t>加茂東部__582-2</t>
  </si>
  <si>
    <t>加茂中部__146-2</t>
  </si>
  <si>
    <t>加茂中部__147-2</t>
  </si>
  <si>
    <t>加茂中部__155-2</t>
  </si>
  <si>
    <t>加茂中部__156-2</t>
  </si>
  <si>
    <t>加茂中部__298-2</t>
  </si>
  <si>
    <t>加茂中部__300-2</t>
  </si>
  <si>
    <t>加茂中部__320-2</t>
  </si>
  <si>
    <t>加茂中部__322-2</t>
  </si>
  <si>
    <t>加茂中部__404-2</t>
  </si>
  <si>
    <t>道路用地（林道）_農林水産課</t>
  </si>
  <si>
    <t>青井谷_鳥越_5437-3</t>
  </si>
  <si>
    <t>入会地_水蔵場_124-12</t>
  </si>
  <si>
    <t>道路用地（その他）_用地・河川管理課</t>
  </si>
  <si>
    <t>串田_丸山_114-39</t>
  </si>
  <si>
    <t>串田_丸山_114-40</t>
  </si>
  <si>
    <t>富山県高岡市姫野_字狭間_906-3</t>
  </si>
  <si>
    <t>富山県高岡市姫野_字狭間_907-1</t>
  </si>
  <si>
    <t>富山県富山市中老田__1868-4</t>
  </si>
  <si>
    <t>富山県富山市中老田__1868-5</t>
  </si>
  <si>
    <t>富山県富山市中老田__1870-4</t>
  </si>
  <si>
    <t>道路用地（その他）_管財課</t>
  </si>
  <si>
    <t>庄西町一丁目__634-3</t>
  </si>
  <si>
    <t>庄西町二丁目__1062</t>
  </si>
  <si>
    <t>海老江_大坪_409-4</t>
  </si>
  <si>
    <t>串田_明地_8611-5</t>
  </si>
  <si>
    <t>串田_明地_8611-6</t>
  </si>
  <si>
    <t>串田_明地_8612-4</t>
  </si>
  <si>
    <t>串田_明地_8612-5</t>
  </si>
  <si>
    <t>串田_鳥越_9786-1</t>
  </si>
  <si>
    <t>串田_鳥越_9786-3</t>
  </si>
  <si>
    <t>串田_鳥越_9788-1</t>
  </si>
  <si>
    <t>串田_鳥越_9788-2</t>
  </si>
  <si>
    <t>串田_丸山_114-22</t>
  </si>
  <si>
    <t>串田新__266-2</t>
  </si>
  <si>
    <t>海老江_大坪_410-2</t>
  </si>
  <si>
    <t>串田新_大窪_44-2</t>
  </si>
  <si>
    <t>串田新_大窪_45-4</t>
  </si>
  <si>
    <t>串田新_大窪_47-4</t>
  </si>
  <si>
    <t>串田新_大窪_47-5</t>
  </si>
  <si>
    <t>串田新_大窪_49-3</t>
  </si>
  <si>
    <t>串田新_大窪_52-3</t>
  </si>
  <si>
    <t>串田新_大窪_53-4</t>
  </si>
  <si>
    <t>串田新_大窪_59-5</t>
  </si>
  <si>
    <t>串田新_大窪_59-6</t>
  </si>
  <si>
    <t>串田新_大窪_60-2</t>
  </si>
  <si>
    <t>海老江_寺野_1456-2</t>
  </si>
  <si>
    <t>串田新_大窪_61-3</t>
  </si>
  <si>
    <t>串田新_大窪_62-2</t>
  </si>
  <si>
    <t>串田新_大窪_63-2</t>
  </si>
  <si>
    <t>串田新_大窪_66-3</t>
  </si>
  <si>
    <t>串田新_大窪_67-3</t>
  </si>
  <si>
    <t>串田新_大窪_73-3</t>
  </si>
  <si>
    <t>串田新_大窪_74-3</t>
  </si>
  <si>
    <t>串田新_大窪_273-3</t>
  </si>
  <si>
    <t>串田新_松原_1297-3</t>
  </si>
  <si>
    <t>串田新_松原_1300-2</t>
  </si>
  <si>
    <t>海老江_浜_1467-10</t>
  </si>
  <si>
    <t>串田新_松原_1302-2</t>
  </si>
  <si>
    <t>串田新_松原_1305-2</t>
  </si>
  <si>
    <t>串田新_松原_1312-2</t>
  </si>
  <si>
    <t>串田新_松原_1313-2</t>
  </si>
  <si>
    <t>串田新_松原_1314-3</t>
  </si>
  <si>
    <t>串田新_松原_1317-2</t>
  </si>
  <si>
    <t>串田新_松原_1317-4</t>
  </si>
  <si>
    <t>串田新_松原_1505-2</t>
  </si>
  <si>
    <t>串田新_松原_1506-3</t>
  </si>
  <si>
    <t>串田新_松原_1507-2</t>
  </si>
  <si>
    <t>海老江_浜_1467-15</t>
  </si>
  <si>
    <t>串田新_松原_1508-3</t>
  </si>
  <si>
    <t>串田新_松原_1509-3</t>
  </si>
  <si>
    <t>荒町__1581-4</t>
  </si>
  <si>
    <t>荒町_松原_1-3</t>
  </si>
  <si>
    <t>荒町_御坊島_1299</t>
  </si>
  <si>
    <t>荒町_平野_1962-5</t>
  </si>
  <si>
    <t>荒町_平野_1963-6</t>
  </si>
  <si>
    <t>荒町_平野_1964-4</t>
  </si>
  <si>
    <t>円池__144-3</t>
  </si>
  <si>
    <t>円池_向畑_243-5</t>
  </si>
  <si>
    <t>海老江_浜_1482</t>
  </si>
  <si>
    <t>円池_向畑_243-6</t>
  </si>
  <si>
    <t>串田新出_才六_163-3</t>
  </si>
  <si>
    <t>串田新出_才六_163-4</t>
  </si>
  <si>
    <t>串田新出_才六_163-5</t>
  </si>
  <si>
    <t>布目沢__31-2</t>
  </si>
  <si>
    <t>布目沢__31-3</t>
  </si>
  <si>
    <t>布目沢__1366</t>
  </si>
  <si>
    <t>布目沢_荒牧_303-2</t>
  </si>
  <si>
    <t>布目沢_苗島_545-4</t>
  </si>
  <si>
    <t>布目沢_苗島_545-5</t>
  </si>
  <si>
    <t>海老江_浜_1483</t>
  </si>
  <si>
    <t>布目沢_苗島_545-6</t>
  </si>
  <si>
    <t>布目沢_苗島_547-2</t>
  </si>
  <si>
    <t>布目沢_苗島_548-2</t>
  </si>
  <si>
    <t>布目沢_苗島_549-3</t>
  </si>
  <si>
    <t>布目沢_苗島_550-2</t>
  </si>
  <si>
    <t>布目沢_苗島_552-3</t>
  </si>
  <si>
    <t>布目沢_苗島_784-2</t>
  </si>
  <si>
    <t>小泉__58-3</t>
  </si>
  <si>
    <t>小泉__67-3</t>
  </si>
  <si>
    <t>小泉__70-3</t>
  </si>
  <si>
    <t>海老江_浜_1484</t>
  </si>
  <si>
    <t>小泉__256-2</t>
  </si>
  <si>
    <t>小泉__271-2</t>
  </si>
  <si>
    <t>小泉__272-2</t>
  </si>
  <si>
    <t>小泉__313-2</t>
  </si>
  <si>
    <t>小泉__316</t>
  </si>
  <si>
    <t>梅木__35-2</t>
  </si>
  <si>
    <t>梅木__56-3</t>
  </si>
  <si>
    <t>梅木__215</t>
  </si>
  <si>
    <t>梅木__216</t>
  </si>
  <si>
    <t>梅木__217</t>
  </si>
  <si>
    <t>海老江_浜_1485</t>
  </si>
  <si>
    <t>水戸田__401-2</t>
  </si>
  <si>
    <t>水戸田__472-2</t>
  </si>
  <si>
    <t>水戸田__946-2</t>
  </si>
  <si>
    <t>水戸田__1155</t>
  </si>
  <si>
    <t>水戸田__1156</t>
  </si>
  <si>
    <t>水戸田__1160</t>
  </si>
  <si>
    <t>水戸田__1162</t>
  </si>
  <si>
    <t>水戸田__1318</t>
  </si>
  <si>
    <t>水戸田_熊野_2932-6</t>
  </si>
  <si>
    <t>水戸田_熊野_2936-2</t>
  </si>
  <si>
    <t>海老江_浜_1486</t>
  </si>
  <si>
    <t>水戸田_熊野_3299-1</t>
  </si>
  <si>
    <t>水戸田_熊野_3299-2</t>
  </si>
  <si>
    <t>水戸田_熊野_3299-3</t>
  </si>
  <si>
    <t>水戸田_熊野_3320</t>
  </si>
  <si>
    <t>水戸田_熊野_3327-2</t>
  </si>
  <si>
    <t>水戸田_熊野_3497-4</t>
  </si>
  <si>
    <t>水戸田_熊野_3497-5</t>
  </si>
  <si>
    <t>水戸田_熊野_3499</t>
  </si>
  <si>
    <t>水戸田_熊野_3500</t>
  </si>
  <si>
    <t>水戸田_熊野_4013</t>
  </si>
  <si>
    <t>庄川本町__23-1</t>
  </si>
  <si>
    <t>海老江_浜_1493</t>
  </si>
  <si>
    <t>水戸田_石名山_59-4</t>
  </si>
  <si>
    <t>水戸田_石名山_60-2</t>
  </si>
  <si>
    <t>水戸田_石名山_60-3</t>
  </si>
  <si>
    <t>水戸田_石名山_153-3</t>
  </si>
  <si>
    <t>水戸田_石名山_169-6</t>
  </si>
  <si>
    <t>生源寺__249-2</t>
  </si>
  <si>
    <t>生源寺__913</t>
  </si>
  <si>
    <t>生源寺__941</t>
  </si>
  <si>
    <t>生源寺__944</t>
  </si>
  <si>
    <t>生源寺__945</t>
  </si>
  <si>
    <t>海老江_浜_1494</t>
  </si>
  <si>
    <t>生源寺__954</t>
  </si>
  <si>
    <t>生源寺__956</t>
  </si>
  <si>
    <t>生源寺__968</t>
  </si>
  <si>
    <t>生源寺__981</t>
  </si>
  <si>
    <t>生源寺__1000</t>
  </si>
  <si>
    <t>生源寺__1005</t>
  </si>
  <si>
    <t>生源寺__1031</t>
  </si>
  <si>
    <t>生源寺__1044</t>
  </si>
  <si>
    <t>生源寺__1051</t>
  </si>
  <si>
    <t>生源寺__1068</t>
  </si>
  <si>
    <t>海老江_浜_1495</t>
  </si>
  <si>
    <t>生源寺__1081</t>
  </si>
  <si>
    <t>生源寺__1094</t>
  </si>
  <si>
    <t>生源寺__1109</t>
  </si>
  <si>
    <t>生源寺__1119</t>
  </si>
  <si>
    <t>生源寺__1137</t>
  </si>
  <si>
    <t>生源寺__1149</t>
  </si>
  <si>
    <t>生源寺_山下野_316</t>
  </si>
  <si>
    <t>生源寺_一里塚_544-8</t>
  </si>
  <si>
    <t>生源寺_一里塚_544-9</t>
  </si>
  <si>
    <t>生源寺_木戸口_1405-2</t>
  </si>
  <si>
    <t>海老江_浜_1496</t>
  </si>
  <si>
    <t>市井__135-2</t>
  </si>
  <si>
    <t>市井__136-2</t>
  </si>
  <si>
    <t>市井__456-2</t>
  </si>
  <si>
    <t>市井__457-2</t>
  </si>
  <si>
    <t>市井__609</t>
  </si>
  <si>
    <t>市井__611</t>
  </si>
  <si>
    <t>市井__613</t>
  </si>
  <si>
    <t>市井_屋敷田_111-5</t>
  </si>
  <si>
    <t>市井_屋敷田_156-5</t>
  </si>
  <si>
    <t>市井_屋敷田_158-2</t>
  </si>
  <si>
    <t>海老江練合_香海里_497</t>
  </si>
  <si>
    <t>若林__213-4</t>
  </si>
  <si>
    <t>若林__227-2</t>
  </si>
  <si>
    <t>若林__228-2</t>
  </si>
  <si>
    <t>若林__231-2</t>
  </si>
  <si>
    <t>若林__235-3</t>
  </si>
  <si>
    <t>若林__402</t>
  </si>
  <si>
    <t>開口__92-3</t>
  </si>
  <si>
    <t>二口_五反田_214-4</t>
  </si>
  <si>
    <t>二口_五反田_214-5</t>
  </si>
  <si>
    <t>二口_五反田_224-2</t>
  </si>
  <si>
    <t>海老江練合_香海里_498</t>
  </si>
  <si>
    <t>二口_五反田_224-4</t>
  </si>
  <si>
    <t>二口_馬渡_835-3</t>
  </si>
  <si>
    <t>二口_馬渡_836-3</t>
  </si>
  <si>
    <t>二口_轟_922-3</t>
  </si>
  <si>
    <t>二口_轟_922-4</t>
  </si>
  <si>
    <t>二口_轟_922-8</t>
  </si>
  <si>
    <t>二口_轟_926-2</t>
  </si>
  <si>
    <t>二口_轟_1115-8</t>
  </si>
  <si>
    <t>二口_轟_1115-9</t>
  </si>
  <si>
    <t>二口_轟_1116-4</t>
  </si>
  <si>
    <t>海老江練合_香海里_506-1</t>
  </si>
  <si>
    <t>二口_轟_1116-7</t>
  </si>
  <si>
    <t>二口_轟_1116-8</t>
  </si>
  <si>
    <t>二口_轟_1116-9</t>
  </si>
  <si>
    <t>二口_轟_1117-7</t>
  </si>
  <si>
    <t>二口_轟_1117-8</t>
  </si>
  <si>
    <t>二口_轟_1118-8</t>
  </si>
  <si>
    <t>二口_轟_1118-9</t>
  </si>
  <si>
    <t>二口_轟_1118-10</t>
  </si>
  <si>
    <t>二口_轟_1174-4</t>
  </si>
  <si>
    <t>二口_轟_1200-9</t>
  </si>
  <si>
    <t>海老江練合_香海里_599-1</t>
  </si>
  <si>
    <t>二口_轟_1287-3</t>
  </si>
  <si>
    <t>中村__21-3</t>
  </si>
  <si>
    <t>中村__24-3</t>
  </si>
  <si>
    <t>中村__29-19</t>
  </si>
  <si>
    <t>中村__29-29</t>
  </si>
  <si>
    <t>中村__29-8</t>
  </si>
  <si>
    <t>中村__29-12</t>
  </si>
  <si>
    <t>中村__138-2</t>
  </si>
  <si>
    <t>中村__142-2</t>
  </si>
  <si>
    <t>中村__142-3</t>
  </si>
  <si>
    <t>海老江練合_香海里_600-3</t>
  </si>
  <si>
    <t>中村__143-2</t>
  </si>
  <si>
    <t>中村__146-2</t>
  </si>
  <si>
    <t>中村__147-2</t>
  </si>
  <si>
    <t>中村__148-2</t>
  </si>
  <si>
    <t>中村__217-3</t>
  </si>
  <si>
    <t>中村__225-2</t>
  </si>
  <si>
    <t>大門本江_中島_653-2</t>
  </si>
  <si>
    <t>大門本江_中島_655-3</t>
  </si>
  <si>
    <t>大門本江_中島_660-7</t>
  </si>
  <si>
    <t>棚田__191-3</t>
  </si>
  <si>
    <t>海老江練合_香海里_600-4</t>
  </si>
  <si>
    <t>棚田__243-2</t>
  </si>
  <si>
    <t>棚田__262-2</t>
  </si>
  <si>
    <t>棚田__1015-3</t>
  </si>
  <si>
    <t>安吉_明治_26-5</t>
  </si>
  <si>
    <t>本田_宮田_49-2</t>
  </si>
  <si>
    <t>本田_天水_196-2</t>
  </si>
  <si>
    <t>本田_天水_276-2</t>
  </si>
  <si>
    <t>本田_天水_295-2</t>
  </si>
  <si>
    <t>本田_天水_297-2</t>
  </si>
  <si>
    <t>本田_天水_297-4</t>
  </si>
  <si>
    <t>庄川本町__95-2</t>
  </si>
  <si>
    <t>海老江練合_香海里_635-5</t>
  </si>
  <si>
    <t>本田_畑田_317-2</t>
  </si>
  <si>
    <t>本田_畑田_417-2</t>
  </si>
  <si>
    <t>本田_杉田_464-2</t>
  </si>
  <si>
    <t>下若_前田_18-4</t>
  </si>
  <si>
    <t>大門_道山_105-3</t>
  </si>
  <si>
    <t>大門_前_287-3</t>
  </si>
  <si>
    <t>大門_前田_312-4</t>
  </si>
  <si>
    <t>大門_前田_368-2</t>
  </si>
  <si>
    <t>大門新_西町_69-2</t>
  </si>
  <si>
    <t>枇杷首_番留_84-2</t>
  </si>
  <si>
    <t>海老江七軒__29-2</t>
  </si>
  <si>
    <t>二口_野割_2886-8</t>
  </si>
  <si>
    <t>二口_野割_2891-3</t>
  </si>
  <si>
    <t>二口_野割_2891-4</t>
  </si>
  <si>
    <t>二口_野割_2899-2</t>
  </si>
  <si>
    <t>二口_南野割_2392-3</t>
  </si>
  <si>
    <t>二口_北野割_2490-3</t>
  </si>
  <si>
    <t>二口_北野割_2490-4</t>
  </si>
  <si>
    <t>二口_北野割_2516-2</t>
  </si>
  <si>
    <t>二口_北野割_2552-3</t>
  </si>
  <si>
    <t>二口_道山島_2610-19</t>
  </si>
  <si>
    <t>海老江七軒_東官_946-2</t>
  </si>
  <si>
    <t>二口_道山島_2610-4</t>
  </si>
  <si>
    <t>二口_光明寺_2935-42</t>
  </si>
  <si>
    <t>二口_光明寺_2939-3</t>
  </si>
  <si>
    <t>二口_光明寺_2944-19</t>
  </si>
  <si>
    <t>二口_光明寺_2950-1</t>
  </si>
  <si>
    <t>二口_光明寺_2950-5</t>
  </si>
  <si>
    <t>二口_光明寺_2975-32</t>
  </si>
  <si>
    <t>海老江七軒_東官_948-2</t>
  </si>
  <si>
    <t>二口_光明寺_2975-1</t>
  </si>
  <si>
    <t>二口_光明寺_2975-3</t>
  </si>
  <si>
    <t>加茂中部__205-33</t>
  </si>
  <si>
    <t>加茂中部__205-36</t>
  </si>
  <si>
    <t>加茂中部__598-2</t>
  </si>
  <si>
    <t>加茂中部__640</t>
  </si>
  <si>
    <t>加茂中部__815</t>
  </si>
  <si>
    <t>加茂中部__3014</t>
  </si>
  <si>
    <t>加茂中部__3029</t>
  </si>
  <si>
    <t>加茂中部__3030</t>
  </si>
  <si>
    <t>海老江七軒_東官_949-2</t>
  </si>
  <si>
    <t>加茂中部__3034</t>
  </si>
  <si>
    <t>加茂中部__3038</t>
  </si>
  <si>
    <t>下村三箇__369</t>
  </si>
  <si>
    <t>下村三箇__1030</t>
  </si>
  <si>
    <t>白石__426-1</t>
  </si>
  <si>
    <t>白石__426-2</t>
  </si>
  <si>
    <t>白石__426-5</t>
  </si>
  <si>
    <t>白石__426-12</t>
  </si>
  <si>
    <t>白石__426-16</t>
  </si>
  <si>
    <t>白石__478-2</t>
  </si>
  <si>
    <t>海老江七軒_東官_950-2</t>
  </si>
  <si>
    <t>白石__673-86</t>
  </si>
  <si>
    <t>白石__673-89</t>
  </si>
  <si>
    <t>白石__673-90</t>
  </si>
  <si>
    <t>白石__673-92</t>
  </si>
  <si>
    <t>白石__673-94</t>
  </si>
  <si>
    <t>白石__673-96</t>
  </si>
  <si>
    <t>白石__673-97</t>
  </si>
  <si>
    <t>本開発_石田_897</t>
  </si>
  <si>
    <t>本開発_石田_1054-2</t>
  </si>
  <si>
    <t>本開発_前田_644-2</t>
  </si>
  <si>
    <t>海老江七軒_東官_951-2</t>
  </si>
  <si>
    <t>本開発_前田_743-17</t>
  </si>
  <si>
    <t>本開発_代官免_252-2</t>
  </si>
  <si>
    <t>本開発_代官免_272-4</t>
  </si>
  <si>
    <t>本開発_代官免_292-4</t>
  </si>
  <si>
    <t>本開発_代官免_299-3</t>
  </si>
  <si>
    <t>本開発_代官免_302-3</t>
  </si>
  <si>
    <t>本開発_代官免_406-4</t>
  </si>
  <si>
    <t>本開発_代官免_448-5</t>
  </si>
  <si>
    <t>本開発_孝心_496-6</t>
  </si>
  <si>
    <t>新開発__245-4</t>
  </si>
  <si>
    <t>海老江七軒_東官_952-4</t>
  </si>
  <si>
    <t>新開発__246-3</t>
  </si>
  <si>
    <t>新開発__247-32</t>
  </si>
  <si>
    <t>新開発__247-36</t>
  </si>
  <si>
    <t>新開発__263-3</t>
  </si>
  <si>
    <t>新開発__269-6</t>
  </si>
  <si>
    <t>新開発__269-7</t>
  </si>
  <si>
    <t>新開発__269-8</t>
  </si>
  <si>
    <t>海老江七軒_東官_952-5</t>
  </si>
  <si>
    <t>新開発__269-9</t>
  </si>
  <si>
    <t>新開発__428-6</t>
  </si>
  <si>
    <t>新開発__559-2</t>
  </si>
  <si>
    <t>新開発__564-4</t>
  </si>
  <si>
    <t>新開発__620-2</t>
  </si>
  <si>
    <t>新開発__621-2</t>
  </si>
  <si>
    <t>新開発__816-2</t>
  </si>
  <si>
    <t>新開発__825-2</t>
  </si>
  <si>
    <t>新開発__830-3</t>
  </si>
  <si>
    <t>新開発__856-2</t>
  </si>
  <si>
    <t>海老江七軒_東官_1348-13</t>
  </si>
  <si>
    <t>新開発__858-2</t>
  </si>
  <si>
    <t>赤井_下間掛_102-4</t>
  </si>
  <si>
    <t>赤井_拾田_479-5</t>
  </si>
  <si>
    <t>赤井_拾田_480-5</t>
  </si>
  <si>
    <t>赤井_拾田_481-3</t>
  </si>
  <si>
    <t>赤井_拾田_482-3</t>
  </si>
  <si>
    <t>赤井_拾田_483-3</t>
  </si>
  <si>
    <t>赤井_拾田_484-3</t>
  </si>
  <si>
    <t>赤井_拾田_486-3</t>
  </si>
  <si>
    <t>赤井_拾田_490-3</t>
  </si>
  <si>
    <t>庄川本町__101-15</t>
  </si>
  <si>
    <t>堀岡_地子_171-3</t>
  </si>
  <si>
    <t>赤井_拾田_491-3</t>
  </si>
  <si>
    <t>赤井_拾田_492-3</t>
  </si>
  <si>
    <t>赤井_大坪_103-3</t>
  </si>
  <si>
    <t>赤井_大坪_104-3</t>
  </si>
  <si>
    <t>赤井_大坪_105-4</t>
  </si>
  <si>
    <t>鳥取__45-1</t>
  </si>
  <si>
    <t>鳥取__108-2</t>
  </si>
  <si>
    <t>鳥取__114-2</t>
  </si>
  <si>
    <t>北高木__513-1</t>
  </si>
  <si>
    <t>小林__1-4</t>
  </si>
  <si>
    <t>堀岡_引地_316-3</t>
  </si>
  <si>
    <t>小林__71-6</t>
  </si>
  <si>
    <t>小林__73-5</t>
  </si>
  <si>
    <t>小林__74-4</t>
  </si>
  <si>
    <t>小林__146-3</t>
  </si>
  <si>
    <t>小林__189-2</t>
  </si>
  <si>
    <t>堀岡新明神_大川_82-2</t>
  </si>
  <si>
    <t>小林__191-8</t>
  </si>
  <si>
    <t>八塚__1119</t>
  </si>
  <si>
    <t>八塚_土田_40-23</t>
  </si>
  <si>
    <t>八塚_土田_40-30</t>
  </si>
  <si>
    <t>八塚_土田_40-31</t>
  </si>
  <si>
    <t>八塚_土田_40-2</t>
  </si>
  <si>
    <t>八塚_土田_91-31</t>
  </si>
  <si>
    <t>八塚_土田_91-37</t>
  </si>
  <si>
    <t>八塚_土田_91-9</t>
  </si>
  <si>
    <t>八塚_土田_155-3</t>
  </si>
  <si>
    <t>堀岡新明神_西浜_180-13</t>
  </si>
  <si>
    <t>八塚_川田_281-2</t>
  </si>
  <si>
    <t>八塚_川田_410-3</t>
  </si>
  <si>
    <t>八塚_西田_489-3</t>
  </si>
  <si>
    <t>小島__523-2</t>
  </si>
  <si>
    <t>小島__937-3</t>
  </si>
  <si>
    <t>小島__1147-1</t>
  </si>
  <si>
    <t>小島__1148-1</t>
  </si>
  <si>
    <t>北野_南野_1624-8</t>
  </si>
  <si>
    <t>北野_南野_1631-2</t>
  </si>
  <si>
    <t>北野_南野_1673-3</t>
  </si>
  <si>
    <t>堀岡新明神_西浜_180-23</t>
  </si>
  <si>
    <t>北野_大島_1517-5</t>
  </si>
  <si>
    <t>北野_大島_1519-5</t>
  </si>
  <si>
    <t>北野_八切_1551-15</t>
  </si>
  <si>
    <t>大島北野__49-12</t>
  </si>
  <si>
    <t>大島北野__330-1</t>
  </si>
  <si>
    <t>海老江_小坪_1065-2</t>
  </si>
  <si>
    <t>海老江_小坪_1065-3</t>
  </si>
  <si>
    <t>海老江_小坪_1084-2</t>
  </si>
  <si>
    <t>海老江_小坪_1084-3</t>
  </si>
  <si>
    <t>海老江_小坪_1089-2</t>
  </si>
  <si>
    <t>堀岡古明神_鷹泊_32-2</t>
  </si>
  <si>
    <t>海老江_小坪_1089-3</t>
  </si>
  <si>
    <t>海老江_小坪_1090-2</t>
  </si>
  <si>
    <t>海老江_小坪_1090-3</t>
  </si>
  <si>
    <t>海老江_小坪_1241-3</t>
  </si>
  <si>
    <t>海老江_小坪_1241-4</t>
  </si>
  <si>
    <t>海老江_小坪_1244-3</t>
  </si>
  <si>
    <t>海老江_小坪_1246-2</t>
  </si>
  <si>
    <t>海老江_小坪_1247-2</t>
  </si>
  <si>
    <t>海老江_小坪_1248-2</t>
  </si>
  <si>
    <t>海老江_小坪_1251-2</t>
  </si>
  <si>
    <t>堀岡古明神_鷹泊_32-3</t>
  </si>
  <si>
    <t>海老江_小坪_1254-2</t>
  </si>
  <si>
    <t>作道_上野田_1823-3</t>
  </si>
  <si>
    <t>作道_上野田_1824-3</t>
  </si>
  <si>
    <t>作道_上野田_1825-4</t>
  </si>
  <si>
    <t>作道_上野田_1827-2</t>
  </si>
  <si>
    <t>作道_上野田_1828-2</t>
  </si>
  <si>
    <t>作道_上野田_1832-4</t>
  </si>
  <si>
    <t>作道_上野田_1833-3</t>
  </si>
  <si>
    <t>戸破_針原_28-2</t>
  </si>
  <si>
    <t>戸破_針原_31-2</t>
  </si>
  <si>
    <t>堀岡古明神_鷹泊_33-1</t>
  </si>
  <si>
    <t>戸破_針原_68-2</t>
  </si>
  <si>
    <t>戸破_針原_106-2</t>
  </si>
  <si>
    <t>戸破_針原_143-2</t>
  </si>
  <si>
    <t>戸破_針原_199-2</t>
  </si>
  <si>
    <t>戸破_針原_199-3</t>
  </si>
  <si>
    <t>戸破_神田_4420-3</t>
  </si>
  <si>
    <t>二口_轟_1127-4</t>
  </si>
  <si>
    <t>串田_村中_4823-2</t>
  </si>
  <si>
    <t>串田_村中_4824-3</t>
  </si>
  <si>
    <t>串田_村中_4889-5</t>
  </si>
  <si>
    <t>堀岡古明神_鷹泊_84-2</t>
  </si>
  <si>
    <t>大門_長割_206-4</t>
  </si>
  <si>
    <t>手崎_針原_245-1</t>
  </si>
  <si>
    <t>富山県高岡市吉久二丁目__707-156</t>
  </si>
  <si>
    <t>棚田__368-4</t>
  </si>
  <si>
    <t>棚田__437-5</t>
  </si>
  <si>
    <t>棚田__437-6</t>
  </si>
  <si>
    <t>大門本江_大坪_406-6</t>
  </si>
  <si>
    <t>土合__738-5</t>
  </si>
  <si>
    <t>土合__958-6</t>
  </si>
  <si>
    <t>堀岡古明神_鷹泊_84-5</t>
  </si>
  <si>
    <t>中村__6-4</t>
  </si>
  <si>
    <t>中村__139-6</t>
  </si>
  <si>
    <t>中村__143-6</t>
  </si>
  <si>
    <t>中村__166-5</t>
  </si>
  <si>
    <t>中村__167-4</t>
  </si>
  <si>
    <t>安吉_昭和_289-7</t>
  </si>
  <si>
    <t>安吉_昭和_314-5</t>
  </si>
  <si>
    <t>安吉_昭和_316-5</t>
  </si>
  <si>
    <t>安吉_大正_121-6</t>
  </si>
  <si>
    <t>安吉_明治_67-9</t>
  </si>
  <si>
    <t>庄川本町__107-68</t>
  </si>
  <si>
    <t>堀岡明神新_茂三郎坪_62-20</t>
  </si>
  <si>
    <t>土合__903-3</t>
  </si>
  <si>
    <t>土合__923-2</t>
  </si>
  <si>
    <t>黒河_尺目_2702-35</t>
  </si>
  <si>
    <t>黒河_尺目_3017-21</t>
  </si>
  <si>
    <t>戸破__7026</t>
  </si>
  <si>
    <t>大江__333-6</t>
  </si>
  <si>
    <t>土合__869-2</t>
  </si>
  <si>
    <t>堀岡明神新_茂三郎坪_63-2</t>
  </si>
  <si>
    <t>串田__1386-8</t>
  </si>
  <si>
    <t>串田_村中_4883-6</t>
  </si>
  <si>
    <t>串田_村中_4889-3</t>
  </si>
  <si>
    <t>串田_村中_4889-4</t>
  </si>
  <si>
    <t>串田_村中_4891-4</t>
  </si>
  <si>
    <t>串田_村中_4892-2</t>
  </si>
  <si>
    <t>串田_村中_4893-3</t>
  </si>
  <si>
    <t>串田_村中_4896-2</t>
  </si>
  <si>
    <t>串田_村中_4908-3</t>
  </si>
  <si>
    <t>水戸田__1195</t>
  </si>
  <si>
    <t>本江_六石_2867-2</t>
  </si>
  <si>
    <t>生源寺_北島_304-10</t>
  </si>
  <si>
    <t>生源寺_北島_305-4</t>
  </si>
  <si>
    <t>生源寺_北島_305-5</t>
  </si>
  <si>
    <t>中村__4-2</t>
  </si>
  <si>
    <t>中村__5-2</t>
  </si>
  <si>
    <t>大門本江_浦川_829-1</t>
  </si>
  <si>
    <t>新開発__185-3</t>
  </si>
  <si>
    <t>小林__463-2</t>
  </si>
  <si>
    <t>小林__467-2</t>
  </si>
  <si>
    <t>小林__468-2</t>
  </si>
  <si>
    <t>本江_八ケ尻_2841-3</t>
  </si>
  <si>
    <t>棚田__396-4</t>
  </si>
  <si>
    <t>中村__146-4</t>
  </si>
  <si>
    <t>二口_轟_1193-8</t>
  </si>
  <si>
    <t>小杉白石_峯田_61-5</t>
  </si>
  <si>
    <t>枇杷首_番留_44-7</t>
  </si>
  <si>
    <t>枇杷首_番留_44-8</t>
  </si>
  <si>
    <t>太閤山１丁目__110</t>
  </si>
  <si>
    <t>太閤山１丁目__111</t>
  </si>
  <si>
    <t>本江針山_前田_93-2</t>
  </si>
  <si>
    <t>太閤山１丁目__127</t>
  </si>
  <si>
    <t>太閤山１丁目__118</t>
  </si>
  <si>
    <t>太閤山１丁目__119</t>
  </si>
  <si>
    <t>太閤山１丁目__126</t>
  </si>
  <si>
    <t>中村__104-5</t>
  </si>
  <si>
    <t>中村__110-4</t>
  </si>
  <si>
    <t>島__1328-3</t>
  </si>
  <si>
    <t>小島__649-3</t>
  </si>
  <si>
    <t>本江針山_前田_94-2</t>
  </si>
  <si>
    <t>椎土_三百歩_1092-9</t>
  </si>
  <si>
    <t>沖塚原__1094-1</t>
  </si>
  <si>
    <t>本江針山_前田_95-2</t>
  </si>
  <si>
    <t>本江針山_前田_96-2</t>
  </si>
  <si>
    <t>本江針山_前田_97-2</t>
  </si>
  <si>
    <t>本江針山_前田_98-2</t>
  </si>
  <si>
    <t>庄川本町__121-3</t>
  </si>
  <si>
    <t>本江針山_前田_99-2</t>
  </si>
  <si>
    <t>本江針山_前田_100-3</t>
  </si>
  <si>
    <t>本江針山新_北割_88-6</t>
  </si>
  <si>
    <t>寺塚原__318-2</t>
  </si>
  <si>
    <t>寺塚原__724-2</t>
  </si>
  <si>
    <t>沖塚原__301-2</t>
  </si>
  <si>
    <t>朴木__88-4</t>
  </si>
  <si>
    <t>朴木__206-2</t>
  </si>
  <si>
    <t>川口宮袋入会地_川口_730-2</t>
  </si>
  <si>
    <t>川口宮袋入会地_川口_732-2</t>
  </si>
  <si>
    <t>庄川本町__128-1</t>
  </si>
  <si>
    <t>川口宮袋入会地_宮袋_189-2</t>
  </si>
  <si>
    <t>川口宮袋入会地_宮袋_189-3</t>
  </si>
  <si>
    <t>川口宮袋入会地_大法寺_6631-1</t>
  </si>
  <si>
    <t>松木__315-4</t>
  </si>
  <si>
    <t>松木__316-2</t>
  </si>
  <si>
    <t>作道__7-1</t>
  </si>
  <si>
    <t>作道__17-6</t>
  </si>
  <si>
    <t>作道__18-4</t>
  </si>
  <si>
    <t>作道__22-7</t>
  </si>
  <si>
    <t>作道__25-2</t>
  </si>
  <si>
    <t>庄川本町__131-4</t>
  </si>
  <si>
    <t>作道__26-3</t>
  </si>
  <si>
    <t>作道__27-3</t>
  </si>
  <si>
    <t>作道__28-1</t>
  </si>
  <si>
    <t>作道__33-24</t>
  </si>
  <si>
    <t>作道__59-2</t>
  </si>
  <si>
    <t>作道__288-6</t>
  </si>
  <si>
    <t>作道__329-2</t>
  </si>
  <si>
    <t>作道__624</t>
  </si>
  <si>
    <t>作道__685-1</t>
  </si>
  <si>
    <t>作道__794</t>
  </si>
  <si>
    <t>庄川本町__132-2</t>
  </si>
  <si>
    <t>鏡宮__56-1</t>
  </si>
  <si>
    <t>鏡宮__326-2</t>
  </si>
  <si>
    <t>鏡宮__327-2</t>
  </si>
  <si>
    <t>鏡宮__329-2</t>
  </si>
  <si>
    <t>鏡宮__330-2</t>
  </si>
  <si>
    <t>野村__84</t>
  </si>
  <si>
    <t>野村__197</t>
  </si>
  <si>
    <t>野村__247</t>
  </si>
  <si>
    <t>野村__299</t>
  </si>
  <si>
    <t>野村__319</t>
  </si>
  <si>
    <t>庄川本町__133-3</t>
  </si>
  <si>
    <t>野村__344</t>
  </si>
  <si>
    <t>野村__354</t>
  </si>
  <si>
    <t>野村__389</t>
  </si>
  <si>
    <t>野村__424</t>
  </si>
  <si>
    <t>野村__429</t>
  </si>
  <si>
    <t>野村__450</t>
  </si>
  <si>
    <t>野村__455</t>
  </si>
  <si>
    <t>野村__483</t>
  </si>
  <si>
    <t>野村__494</t>
  </si>
  <si>
    <t>野村__512</t>
  </si>
  <si>
    <t>庄西町一丁目__634-4</t>
  </si>
  <si>
    <t>庄川本町__172-2</t>
  </si>
  <si>
    <t>野村__522</t>
  </si>
  <si>
    <t>野村__535</t>
  </si>
  <si>
    <t>野村__540</t>
  </si>
  <si>
    <t>野村__591</t>
  </si>
  <si>
    <t>野村__606</t>
  </si>
  <si>
    <t>野村__608</t>
  </si>
  <si>
    <t>野村__611</t>
  </si>
  <si>
    <t>野村__634</t>
  </si>
  <si>
    <t>野村__669</t>
  </si>
  <si>
    <t>野村__684</t>
  </si>
  <si>
    <t>庄川本町__175-2</t>
  </si>
  <si>
    <t>野村__771</t>
  </si>
  <si>
    <t>野村__776</t>
  </si>
  <si>
    <t>野村__917</t>
  </si>
  <si>
    <t>沖__215-3</t>
  </si>
  <si>
    <t>津幡江__262-4</t>
  </si>
  <si>
    <t>津幡江__263-4</t>
  </si>
  <si>
    <t>殿村__1032</t>
  </si>
  <si>
    <t>殿村__1037</t>
  </si>
  <si>
    <t>殿村__1047</t>
  </si>
  <si>
    <t>殿村__1051</t>
  </si>
  <si>
    <t>庄川本町__183-3</t>
  </si>
  <si>
    <t>今井__567-2</t>
  </si>
  <si>
    <t>今井__1015</t>
  </si>
  <si>
    <t>高木__431</t>
  </si>
  <si>
    <t>片口__175-2</t>
  </si>
  <si>
    <t>片口高場__114-10</t>
  </si>
  <si>
    <t>片口高場__115-1</t>
  </si>
  <si>
    <t>片口高場__351-2</t>
  </si>
  <si>
    <t>片口高場__354-2</t>
  </si>
  <si>
    <t>片口高場__816-2</t>
  </si>
  <si>
    <t>奈呉の江__9-1</t>
  </si>
  <si>
    <t>庄川本町__254</t>
  </si>
  <si>
    <t>奈呉の江__9-11</t>
  </si>
  <si>
    <t>七美__636-2</t>
  </si>
  <si>
    <t>七美__638-2</t>
  </si>
  <si>
    <t>七美__746-2</t>
  </si>
  <si>
    <t>七美__758</t>
  </si>
  <si>
    <t>七美__1243</t>
  </si>
  <si>
    <t>本江南__83</t>
  </si>
  <si>
    <t>本江南__152</t>
  </si>
  <si>
    <t>本江東__27-2</t>
  </si>
  <si>
    <t>本江東__28-2</t>
  </si>
  <si>
    <t>本町一丁目__342-1</t>
  </si>
  <si>
    <t>本江東__29-2</t>
  </si>
  <si>
    <t>本江東__30-2</t>
  </si>
  <si>
    <t>足洗新町一丁目__166</t>
  </si>
  <si>
    <t>足洗新町一丁目__167</t>
  </si>
  <si>
    <t>海王町__21-13</t>
  </si>
  <si>
    <t>かもめ台__114</t>
  </si>
  <si>
    <t>かもめ台__138</t>
  </si>
  <si>
    <t>かもめ台__155</t>
  </si>
  <si>
    <t>かもめ台__164</t>
  </si>
  <si>
    <t>三ケ__153-3</t>
  </si>
  <si>
    <t>本町一丁目__383-1</t>
  </si>
  <si>
    <t>三ケ__838-2</t>
  </si>
  <si>
    <t>三ケ__1213-9</t>
  </si>
  <si>
    <t>三ケ__1216-4</t>
  </si>
  <si>
    <t>三ケ__1216-21</t>
  </si>
  <si>
    <t>三ケ__1224-4</t>
  </si>
  <si>
    <t>三ケ__1457-24</t>
  </si>
  <si>
    <t>三ケ__1523-2</t>
  </si>
  <si>
    <t>三ケ__1523-3</t>
  </si>
  <si>
    <t>三ケ__1523-6</t>
  </si>
  <si>
    <t>三ケ__1525-1</t>
  </si>
  <si>
    <t>本町三丁目__215</t>
  </si>
  <si>
    <t>三ケ__1525-6</t>
  </si>
  <si>
    <t>三ケ__1533-16</t>
  </si>
  <si>
    <t>三ケ__1533-24</t>
  </si>
  <si>
    <t>三ケ__1538-3</t>
  </si>
  <si>
    <t>三ケ__1539-2</t>
  </si>
  <si>
    <t>三ケ__1550-20</t>
  </si>
  <si>
    <t>三ケ__1556-1</t>
  </si>
  <si>
    <t>三ケ__1583-1</t>
  </si>
  <si>
    <t>三ケ__1602-17</t>
  </si>
  <si>
    <t>三ケ__1610-1</t>
  </si>
  <si>
    <t>中央町__23-2</t>
  </si>
  <si>
    <t>三ケ__1631-4</t>
  </si>
  <si>
    <t>三ケ__1635-4</t>
  </si>
  <si>
    <t>三ケ__1640-4</t>
  </si>
  <si>
    <t>三ケ__1646-4</t>
  </si>
  <si>
    <t>三ケ__1649-3</t>
  </si>
  <si>
    <t>三ケ__1707-2</t>
  </si>
  <si>
    <t>三ケ__2155-3</t>
  </si>
  <si>
    <t>三ケ__2162-3</t>
  </si>
  <si>
    <t>三ケ__2168-3</t>
  </si>
  <si>
    <t>三ケ__2179-3</t>
  </si>
  <si>
    <t>中央町__23-7</t>
  </si>
  <si>
    <t>三ケ__2269-6</t>
  </si>
  <si>
    <t>三ケ__2464-3</t>
  </si>
  <si>
    <t>三ケ__2491-9</t>
  </si>
  <si>
    <t>三ケ__2520-2</t>
  </si>
  <si>
    <t>三ケ__2521-2</t>
  </si>
  <si>
    <t>三ケ__2572-2</t>
  </si>
  <si>
    <t>三ケ_茶ノ木_2240-17</t>
  </si>
  <si>
    <t>三ケ_茶ノ木_2240-26</t>
  </si>
  <si>
    <t>三ケ_茶ノ木_2243-1</t>
  </si>
  <si>
    <t>三ケ_中原_3313-21</t>
  </si>
  <si>
    <t>中央町__23-8</t>
  </si>
  <si>
    <t>三ケ_中原_3313-12</t>
  </si>
  <si>
    <t>三ケ_中原_3316-9</t>
  </si>
  <si>
    <t>三ケ_中原_4044-3</t>
  </si>
  <si>
    <t>三ケ_中原_4045-4</t>
  </si>
  <si>
    <t>三ケ_中原_4045-5</t>
  </si>
  <si>
    <t>三ケ_中原_4045-6</t>
  </si>
  <si>
    <t>三ケ_中原_4137-9</t>
  </si>
  <si>
    <t>三ケ_中原_4155-4</t>
  </si>
  <si>
    <t>三ケ_中田_5100-3</t>
  </si>
  <si>
    <t>戸破__4848</t>
  </si>
  <si>
    <t>庄西町二丁目__1029</t>
  </si>
  <si>
    <t>中央町__23-9</t>
  </si>
  <si>
    <t>戸破__4850</t>
  </si>
  <si>
    <t>戸破__4851</t>
  </si>
  <si>
    <t>戸破__7002</t>
  </si>
  <si>
    <t>戸破__7006</t>
  </si>
  <si>
    <t>戸破_神明_595-12</t>
  </si>
  <si>
    <t>戸破_神明_595-13</t>
  </si>
  <si>
    <t>戸破_神明_729-3</t>
  </si>
  <si>
    <t>戸破_四反田_724-2</t>
  </si>
  <si>
    <t>戸破_四反田_754-2/1</t>
  </si>
  <si>
    <t>戸破_四反田_755-3/1</t>
  </si>
  <si>
    <t>中央町__23-10</t>
  </si>
  <si>
    <t>戸破_四反田_756-2/1</t>
  </si>
  <si>
    <t>戸破_四反田_757-2</t>
  </si>
  <si>
    <t>戸破_四反田_758-2</t>
  </si>
  <si>
    <t>戸破_四反田_759-2</t>
  </si>
  <si>
    <t>戸破_四反田_766-12</t>
  </si>
  <si>
    <t>戸破_後宝_1121-1</t>
  </si>
  <si>
    <t>戸破_後宝_1124-1</t>
  </si>
  <si>
    <t>戸破_後宝_1124-2</t>
  </si>
  <si>
    <t>戸破_後宝_1124-4</t>
  </si>
  <si>
    <t>戸破_後宝_1145-6</t>
  </si>
  <si>
    <t>中央町__23-11</t>
  </si>
  <si>
    <t>戸破_後宝_1147-5</t>
  </si>
  <si>
    <t>戸破_後宝_1263-3</t>
  </si>
  <si>
    <t>戸破_後宝_1361-1</t>
  </si>
  <si>
    <t>戸破_後宝_1361-4</t>
  </si>
  <si>
    <t>戸破_加茂_1536-6</t>
  </si>
  <si>
    <t>戸破_加茂_1541-2</t>
  </si>
  <si>
    <t>戸破_加茂_1542-2</t>
  </si>
  <si>
    <t>戸破_加茂_1543-2</t>
  </si>
  <si>
    <t>戸破_加茂_1917-10</t>
  </si>
  <si>
    <t>戸破_加茂_1917-11</t>
  </si>
  <si>
    <t>中央町__24-4</t>
  </si>
  <si>
    <t>戸破_加茂_1917-12</t>
  </si>
  <si>
    <t>戸破_加茂_2000-6</t>
  </si>
  <si>
    <t>戸破_加茂_2000-7</t>
  </si>
  <si>
    <t>戸破_加茂_2000-8</t>
  </si>
  <si>
    <t>戸破_加茂_2000-9</t>
  </si>
  <si>
    <t>戸破_加茂_2001-2</t>
  </si>
  <si>
    <t>戸破_加茂_2001-3</t>
  </si>
  <si>
    <t>戸破_神川_2220-2</t>
  </si>
  <si>
    <t>戸破_神川_2289-3</t>
  </si>
  <si>
    <t>戸破_神川_2290-2</t>
  </si>
  <si>
    <t>中央町__24-5</t>
  </si>
  <si>
    <t>戸破_神川_2713-1</t>
  </si>
  <si>
    <t>戸破_神川_2713-4</t>
  </si>
  <si>
    <t>戸破_神川_2909-5</t>
  </si>
  <si>
    <t>戸破_神川_2909-8</t>
  </si>
  <si>
    <t>戸破_神川_2916</t>
  </si>
  <si>
    <t>戸破_神川_3220-12</t>
  </si>
  <si>
    <t>戸破_神川_4200-10</t>
  </si>
  <si>
    <t>戸破_神川_4203-4</t>
  </si>
  <si>
    <t>戸破_神川_4204-1</t>
  </si>
  <si>
    <t>戸破_神川_4211-3</t>
  </si>
  <si>
    <t>中央町__24-6</t>
  </si>
  <si>
    <t>戸破_若宮_3111-4</t>
  </si>
  <si>
    <t>戸破_若宮_3111-5</t>
  </si>
  <si>
    <t>戸破_若宮_3223-1</t>
  </si>
  <si>
    <t>戸破_若宮_5147-2</t>
  </si>
  <si>
    <t>戸破_若宮_5233-2</t>
  </si>
  <si>
    <t>戸破_神田_3768-3</t>
  </si>
  <si>
    <t>戸破_神田_4599-3</t>
  </si>
  <si>
    <t>手崎__1652</t>
  </si>
  <si>
    <t>手崎__1659</t>
  </si>
  <si>
    <t>手崎__1668</t>
  </si>
  <si>
    <t>中央町__241-8</t>
  </si>
  <si>
    <t>手崎__1703</t>
  </si>
  <si>
    <t>手崎__1711</t>
  </si>
  <si>
    <t>手崎__1719</t>
  </si>
  <si>
    <t>手崎__1721</t>
  </si>
  <si>
    <t>手崎_常久_1-4</t>
  </si>
  <si>
    <t>手崎_常久_53-2</t>
  </si>
  <si>
    <t>手崎_常久_115-2</t>
  </si>
  <si>
    <t>手崎_常久_115-4</t>
  </si>
  <si>
    <t>手崎_常久_116-2</t>
  </si>
  <si>
    <t>手崎_常久_116-5</t>
  </si>
  <si>
    <t>中央町__245-1</t>
  </si>
  <si>
    <t>手崎_前田_224-6</t>
  </si>
  <si>
    <t>手崎_前田_320-6</t>
  </si>
  <si>
    <t>手崎_針原_243-3</t>
  </si>
  <si>
    <t>手崎_針原_245-11</t>
  </si>
  <si>
    <t>手崎_針原_245-12</t>
  </si>
  <si>
    <t>手崎_針原_266-11</t>
  </si>
  <si>
    <t>手崎_針原_274-3</t>
  </si>
  <si>
    <t>手崎_針原_274-5</t>
  </si>
  <si>
    <t>中央町__245-4</t>
  </si>
  <si>
    <t>手崎_針原_275-11</t>
  </si>
  <si>
    <t>手崎_針原_275-12</t>
  </si>
  <si>
    <t>手崎_払堂_382-34</t>
  </si>
  <si>
    <t>手崎_払堂_417-1</t>
  </si>
  <si>
    <t>手崎_払堂_417-4</t>
  </si>
  <si>
    <t>手崎_払堂_418-1</t>
  </si>
  <si>
    <t>手崎_中島_547-2</t>
  </si>
  <si>
    <t>手崎_石太郎_1007-8</t>
  </si>
  <si>
    <t>手崎_石太郎_1035-4</t>
  </si>
  <si>
    <t>橋下条__1453-4</t>
  </si>
  <si>
    <t>中央町__246-1</t>
  </si>
  <si>
    <t>橋下条__1454-4</t>
  </si>
  <si>
    <t>橋下条__1517-4</t>
  </si>
  <si>
    <t>青井谷__119-3</t>
  </si>
  <si>
    <t>青井谷__122-2</t>
  </si>
  <si>
    <t>青井谷__175-4</t>
  </si>
  <si>
    <t>青井谷__193-2</t>
  </si>
  <si>
    <t>青井谷__223-3</t>
  </si>
  <si>
    <t>青井谷__255-5</t>
  </si>
  <si>
    <t>青井谷__259-4</t>
  </si>
  <si>
    <t>青井谷__260-4</t>
  </si>
  <si>
    <t>庄西町二丁目__1035</t>
  </si>
  <si>
    <t>中央町__247-1</t>
  </si>
  <si>
    <t>青井谷__261-5</t>
  </si>
  <si>
    <t>青井谷__261-7</t>
  </si>
  <si>
    <t>青井谷__273-4</t>
  </si>
  <si>
    <t>青井谷__274-4</t>
  </si>
  <si>
    <t>青井谷__275-3</t>
  </si>
  <si>
    <t>青井谷__276-3</t>
  </si>
  <si>
    <t>青井谷__277-3</t>
  </si>
  <si>
    <t>青井谷__278-3</t>
  </si>
  <si>
    <t>青井谷__294-4</t>
  </si>
  <si>
    <t>青井谷__294-5</t>
  </si>
  <si>
    <t>中央町__1008</t>
  </si>
  <si>
    <t>青井谷__295-3</t>
  </si>
  <si>
    <t>青井谷__299-3</t>
  </si>
  <si>
    <t>青井谷__300-1</t>
  </si>
  <si>
    <t>青井谷__301-3</t>
  </si>
  <si>
    <t>青井谷__301-4</t>
  </si>
  <si>
    <t>青井谷__302-4</t>
  </si>
  <si>
    <t>青井谷__302-5</t>
  </si>
  <si>
    <t>青井谷__302-6</t>
  </si>
  <si>
    <t>青井谷__342-2</t>
  </si>
  <si>
    <t>青井谷__343-3</t>
  </si>
  <si>
    <t>桜町__8-19</t>
  </si>
  <si>
    <t>青井谷__343-4</t>
  </si>
  <si>
    <t>青井谷__344-3</t>
  </si>
  <si>
    <t>青井谷__462-5</t>
  </si>
  <si>
    <t>青井谷__462-6</t>
  </si>
  <si>
    <t>青井谷__462-7</t>
  </si>
  <si>
    <t>青井谷__466-4</t>
  </si>
  <si>
    <t>青井谷__466-6</t>
  </si>
  <si>
    <t>青井谷__476-4</t>
  </si>
  <si>
    <t>青井谷__477-3</t>
  </si>
  <si>
    <t>青井谷__477-4</t>
  </si>
  <si>
    <t>桜町__52</t>
  </si>
  <si>
    <t>青井谷__1060-2</t>
  </si>
  <si>
    <t>青井谷_干田_1684-2</t>
  </si>
  <si>
    <t>青井谷_干田_1685-2</t>
  </si>
  <si>
    <t>青井谷_干田_1783-3</t>
  </si>
  <si>
    <t>青井谷_干田_1784-3</t>
  </si>
  <si>
    <t>青井谷_干田_1952-2</t>
  </si>
  <si>
    <t>青井谷_西俣_4183-2</t>
  </si>
  <si>
    <t>青井谷_西俣_4332-3</t>
  </si>
  <si>
    <t>青井谷_西俣_4333-4</t>
  </si>
  <si>
    <t>青井谷_西俣_4334-3</t>
  </si>
  <si>
    <t>桜町__80</t>
  </si>
  <si>
    <t>青井谷_西俣_4339-7</t>
  </si>
  <si>
    <t>青井谷_西俣_4339-8</t>
  </si>
  <si>
    <t>青井谷_鳥越_5431-3</t>
  </si>
  <si>
    <t>青井谷_鳥越_5432-3</t>
  </si>
  <si>
    <t>青井谷_鳥越_5433-6</t>
  </si>
  <si>
    <t>青井谷_鳥越_5435-2</t>
  </si>
  <si>
    <t>青井谷_鳥越_5435-3</t>
  </si>
  <si>
    <t>青井谷_鳥越_5436-2</t>
  </si>
  <si>
    <t>青井谷_鳥越_5439-2</t>
  </si>
  <si>
    <t>青井谷_鳥越_5511-6</t>
  </si>
  <si>
    <t>立町__1680-2</t>
  </si>
  <si>
    <t>青井谷_鳥越_5517-5</t>
  </si>
  <si>
    <t>青井谷_鳥越_5522-2</t>
  </si>
  <si>
    <t>青井谷_鳥越_5523-4</t>
  </si>
  <si>
    <t>青井谷_鳥越_5524-4</t>
  </si>
  <si>
    <t>青井谷_鳥越_5524-5</t>
  </si>
  <si>
    <t>青井谷_鳥越_5525-3</t>
  </si>
  <si>
    <t>青井谷_鳥越_5526-4</t>
  </si>
  <si>
    <t>青井谷_鳥越_5550-3</t>
  </si>
  <si>
    <t>青井谷_鳥越_5550-4</t>
  </si>
  <si>
    <t>青井谷_鳥越_5550-5</t>
  </si>
  <si>
    <t>立町__1691-1</t>
  </si>
  <si>
    <t>青井谷_鳥越_5552-2</t>
  </si>
  <si>
    <t>青井谷_鳥越_5553-7</t>
  </si>
  <si>
    <t>青井谷_鳥越_5553-9</t>
  </si>
  <si>
    <t>青井谷_鳥越_5553-10</t>
  </si>
  <si>
    <t>青井谷_鳥越_5555-3</t>
  </si>
  <si>
    <t>青井谷_鳥越_5556-3</t>
  </si>
  <si>
    <t>青井谷_鳥越_5557-5</t>
  </si>
  <si>
    <t>青井谷_鳥越_5558-4</t>
  </si>
  <si>
    <t>青井谷_鳥越_5558-5</t>
  </si>
  <si>
    <t>青井谷_鳥越_5562-4</t>
  </si>
  <si>
    <t>立町__1694-2</t>
  </si>
  <si>
    <t>青井谷_鳥越_5562-5</t>
  </si>
  <si>
    <t>青井谷_鳥越_5562-7</t>
  </si>
  <si>
    <t>青井谷_鳥越_5568-4</t>
  </si>
  <si>
    <t>青井谷_鳥越_5575-4</t>
  </si>
  <si>
    <t>青井谷_鳥越_5576-4</t>
  </si>
  <si>
    <t>青井谷_鳥越_5577-4</t>
  </si>
  <si>
    <t>青井谷_鳥越_5577-5</t>
  </si>
  <si>
    <t>青井谷_鳥越_5581-2</t>
  </si>
  <si>
    <t>青井谷_鳥越_5581-4</t>
  </si>
  <si>
    <t>青井谷_鳥越_5582-4</t>
  </si>
  <si>
    <t>立町__1708-4</t>
  </si>
  <si>
    <t>青井谷_鳥越_5584-3</t>
  </si>
  <si>
    <t>青井谷_鳥越_5624-3</t>
  </si>
  <si>
    <t>青井谷_鳥越_5625-3</t>
  </si>
  <si>
    <t>青井谷_鳥越_5628-5</t>
  </si>
  <si>
    <t>青井谷_鳥越_5628-6</t>
  </si>
  <si>
    <t>青井谷_鳥越_5629-9</t>
  </si>
  <si>
    <t>青井谷_鳥越_5629-10</t>
  </si>
  <si>
    <t>青井谷_鳥越_5636-4</t>
  </si>
  <si>
    <t>青井谷_鳥越_5637-2</t>
  </si>
  <si>
    <t>青井谷_鳥越_5661-2</t>
  </si>
  <si>
    <t>立町__1709-12</t>
  </si>
  <si>
    <t>青井谷_鳥越_5662-3</t>
  </si>
  <si>
    <t>青井谷_鳥越_5663-3</t>
  </si>
  <si>
    <t>青井谷_鳥越_5664-3</t>
  </si>
  <si>
    <t>青井谷_鳥越_5665-2</t>
  </si>
  <si>
    <t>青井谷_鳥越_5666-25</t>
  </si>
  <si>
    <t>青井谷_鳥越_5666-26</t>
  </si>
  <si>
    <t>青井谷_鳥越_5666-29</t>
  </si>
  <si>
    <t>青井谷_鳥越_5666-30</t>
  </si>
  <si>
    <t>青井谷_鳥越_5667-6</t>
  </si>
  <si>
    <t>青井谷_鳥越_5667-7</t>
  </si>
  <si>
    <t>庄西町二丁目__1039</t>
  </si>
  <si>
    <t>立町__1709-13</t>
  </si>
  <si>
    <t>青井谷_鳥越_5668-3</t>
  </si>
  <si>
    <t>青井谷_鳥越_5669-3</t>
  </si>
  <si>
    <t>青井谷_鳥越_5678-2</t>
  </si>
  <si>
    <t>青井谷_鳥越_5679-3</t>
  </si>
  <si>
    <t>青井谷_鳥越_5681-2</t>
  </si>
  <si>
    <t>青井谷_鳥越_5683-3</t>
  </si>
  <si>
    <t>青井谷_鳥越_5684-2</t>
  </si>
  <si>
    <t>青井谷_鳥越_5685-3</t>
  </si>
  <si>
    <t>青井谷_鳥越_5875-5</t>
  </si>
  <si>
    <t>青井谷_鳥越_5875-7</t>
  </si>
  <si>
    <t>八幡町一丁目__1068-2</t>
  </si>
  <si>
    <t>青井谷_鳥越_5884-3</t>
  </si>
  <si>
    <t>青井谷_鳥越_5895-3</t>
  </si>
  <si>
    <t>青井谷_鳥越_5896-5</t>
  </si>
  <si>
    <t>青井谷_鳥越_5896-6</t>
  </si>
  <si>
    <t>野手__345-2</t>
  </si>
  <si>
    <t>野手__346-2</t>
  </si>
  <si>
    <t>野手__368-2</t>
  </si>
  <si>
    <t>野手__651</t>
  </si>
  <si>
    <t>浄土寺_神田_2330-2</t>
  </si>
  <si>
    <t>浄土寺_神田_2331-3</t>
  </si>
  <si>
    <t>八幡町一丁目__1086-2</t>
  </si>
  <si>
    <t>浄土寺_神田_2332-2</t>
  </si>
  <si>
    <t>浄土寺_神田_2337-2</t>
  </si>
  <si>
    <t>浄土寺_林寺_1634-6</t>
  </si>
  <si>
    <t>浄土寺_林寺_1634-7</t>
  </si>
  <si>
    <t>上野__238-2</t>
  </si>
  <si>
    <t>上野__507</t>
  </si>
  <si>
    <t>上野__510-2</t>
  </si>
  <si>
    <t>上野__559-1</t>
  </si>
  <si>
    <t>上野__559-2</t>
  </si>
  <si>
    <t>上野__559-3</t>
  </si>
  <si>
    <t>八幡町二丁目__551-5</t>
  </si>
  <si>
    <t>上野_赤坂_148-10</t>
  </si>
  <si>
    <t>上野_赤坂_148-13</t>
  </si>
  <si>
    <t>上野_赤坂_149-8</t>
  </si>
  <si>
    <t>上野_赤坂_149-9</t>
  </si>
  <si>
    <t>上野_赤坂_149-10</t>
  </si>
  <si>
    <t>上野_東反坊_262-2</t>
  </si>
  <si>
    <t>上野_東反坊_262-3</t>
  </si>
  <si>
    <t>上野_東反坊_269-2</t>
  </si>
  <si>
    <t>上野_東反坊_270-4</t>
  </si>
  <si>
    <t>上野_東反坊_270-8</t>
  </si>
  <si>
    <t>八幡町二丁目__2586-19</t>
  </si>
  <si>
    <t>上野_東反坊_270-9</t>
  </si>
  <si>
    <t>上野_東反坊_856-3</t>
  </si>
  <si>
    <t>上野_東反坊_858-3</t>
  </si>
  <si>
    <t>上野_東反坊_859-2</t>
  </si>
  <si>
    <t>上野_東反坊_860-2</t>
  </si>
  <si>
    <t>上野_東反坊_863-2</t>
  </si>
  <si>
    <t>上野_東反坊_864-3</t>
  </si>
  <si>
    <t>上野_東反坊_865-2</t>
  </si>
  <si>
    <t>上野_東反坊_866-2</t>
  </si>
  <si>
    <t>上野_東反坊_870-4</t>
  </si>
  <si>
    <t>八幡町三丁目__64-1</t>
  </si>
  <si>
    <t>上野_東反坊_871-3</t>
  </si>
  <si>
    <t>上野_東反坊_878-3</t>
  </si>
  <si>
    <t>上野_東反坊_881-2</t>
  </si>
  <si>
    <t>上野_東反坊_882-4</t>
  </si>
  <si>
    <t>上野_東反坊_882-5</t>
  </si>
  <si>
    <t>上野_東反坊_883-5</t>
  </si>
  <si>
    <t>上野_東反坊_921-3</t>
  </si>
  <si>
    <t>上野_東反坊_923-3</t>
  </si>
  <si>
    <t>上野_東反坊_924-3</t>
  </si>
  <si>
    <t>上野_東反坊_926-2</t>
  </si>
  <si>
    <t>八幡町三丁目__64-2</t>
  </si>
  <si>
    <t>上野_東反坊_927-3</t>
  </si>
  <si>
    <t>上野_東反坊_928-2</t>
  </si>
  <si>
    <t>上野_東反坊_930-2</t>
  </si>
  <si>
    <t>上野_東反坊_933-2</t>
  </si>
  <si>
    <t>上野_東反坊_935-3</t>
  </si>
  <si>
    <t>上野_東反坊_938-3</t>
  </si>
  <si>
    <t>上野_東反坊_941-2</t>
  </si>
  <si>
    <t>上野_東反坊_942-2</t>
  </si>
  <si>
    <t>上野_東反坊_945-3</t>
  </si>
  <si>
    <t>上野_東反坊_946-3</t>
  </si>
  <si>
    <t>八幡町三丁目__142-2</t>
  </si>
  <si>
    <t>上野_東反坊_948-3</t>
  </si>
  <si>
    <t>上野_東反坊_950-3</t>
  </si>
  <si>
    <t>上野_東反坊_951-4</t>
  </si>
  <si>
    <t>上野_東反坊_951-5</t>
  </si>
  <si>
    <t>上野_東反坊_952-3</t>
  </si>
  <si>
    <t>上野_東反坊_955-3</t>
  </si>
  <si>
    <t>上野_穴田_703-2</t>
  </si>
  <si>
    <t>上野_穴田_704-4</t>
  </si>
  <si>
    <t>上野_穴田_704-5</t>
  </si>
  <si>
    <t>上野_穴田_705-4</t>
  </si>
  <si>
    <t>八幡町三丁目__143-2</t>
  </si>
  <si>
    <t>上野_穴田_706-4</t>
  </si>
  <si>
    <t>上野_穴田_709-4</t>
  </si>
  <si>
    <t>上野_穴田_710-2</t>
  </si>
  <si>
    <t>上野_穴田_713-4</t>
  </si>
  <si>
    <t>上野_竹腰_1000-4</t>
  </si>
  <si>
    <t>上野_竹腰_1005-4</t>
  </si>
  <si>
    <t>上野_竹腰_1008-4</t>
  </si>
  <si>
    <t>上野_竹腰_1042-4</t>
  </si>
  <si>
    <t>上野_竹腰_1044-4</t>
  </si>
  <si>
    <t>上野_竹腰_1104-3</t>
  </si>
  <si>
    <t>八幡町三丁目__144-2</t>
  </si>
  <si>
    <t>上野_竹腰_1105-2</t>
  </si>
  <si>
    <t>上野_竹腰_1106-4</t>
  </si>
  <si>
    <t>上野_竹腰_1111-8</t>
  </si>
  <si>
    <t>上野_滝谷_1303-3</t>
  </si>
  <si>
    <t>上野_滝谷_1303-4</t>
  </si>
  <si>
    <t>上野_滝谷_1304-2</t>
  </si>
  <si>
    <t>上野_滝谷_1313-2</t>
  </si>
  <si>
    <t>上野_高畠_1506-5</t>
  </si>
  <si>
    <t>上野_高畠_1510-7</t>
  </si>
  <si>
    <t>上野_高畠_1568-3</t>
  </si>
  <si>
    <t>庄西町二丁目__1041</t>
  </si>
  <si>
    <t>八幡町三丁目__145-2</t>
  </si>
  <si>
    <t>上野_高畠_1576-2</t>
  </si>
  <si>
    <t>上野_高畠_1577-3</t>
  </si>
  <si>
    <t>上野_高畠_1583-3</t>
  </si>
  <si>
    <t>上野_高畠_1584-3</t>
  </si>
  <si>
    <t>上野_高畠_1585-3</t>
  </si>
  <si>
    <t>上野_高畠_1587-2</t>
  </si>
  <si>
    <t>上野_高畠_1588-3</t>
  </si>
  <si>
    <t>上野_高畠_1590-3</t>
  </si>
  <si>
    <t>上野_高畠_1593-3</t>
  </si>
  <si>
    <t>上野_高畠_1617-2</t>
  </si>
  <si>
    <t>八幡町三丁目__835</t>
  </si>
  <si>
    <t>上野_高畠_1619-2</t>
  </si>
  <si>
    <t>上野_高畠_1620-3</t>
  </si>
  <si>
    <t>上野_高畠_1622-3</t>
  </si>
  <si>
    <t>上野_高畠_1622-6</t>
  </si>
  <si>
    <t>上野_高畠_1622-7</t>
  </si>
  <si>
    <t>上野_高畠_1622-8</t>
  </si>
  <si>
    <t>上野_高畠_1622-9</t>
  </si>
  <si>
    <t>上野_高畠_1626-12</t>
  </si>
  <si>
    <t>上野_高畠_1627-6</t>
  </si>
  <si>
    <t>平野_宮前_391-4</t>
  </si>
  <si>
    <t>八幡町三丁目__836</t>
  </si>
  <si>
    <t>平野_宮前_391-5</t>
  </si>
  <si>
    <t>平野_木合川_448-5</t>
  </si>
  <si>
    <t>平野_木合川_449-5</t>
  </si>
  <si>
    <t>平野_木合川_449-7</t>
  </si>
  <si>
    <t>平野_木合川_449-9</t>
  </si>
  <si>
    <t>平野_木合川_476-3</t>
  </si>
  <si>
    <t>平野_木合川_476-5</t>
  </si>
  <si>
    <t>平野_木合川_476-7</t>
  </si>
  <si>
    <t>平野_木合川_477-3</t>
  </si>
  <si>
    <t>平野_木合川_478-2</t>
  </si>
  <si>
    <t>中新湊__216-17</t>
  </si>
  <si>
    <t>平野_木合川_479-2</t>
  </si>
  <si>
    <t>平野_木合川_483-3</t>
  </si>
  <si>
    <t>平野_木合川_484-2</t>
  </si>
  <si>
    <t>平野_木合川_495-2</t>
  </si>
  <si>
    <t>平野_木合川_537-2</t>
  </si>
  <si>
    <t>平野_向谷_506-2</t>
  </si>
  <si>
    <t>平野_大柳谷_655-2</t>
  </si>
  <si>
    <t>平野_大柳谷_658-4</t>
  </si>
  <si>
    <t>平野_大柳谷_771-2</t>
  </si>
  <si>
    <t>平野_平野_4432-2</t>
  </si>
  <si>
    <t>中新湊__216-18</t>
  </si>
  <si>
    <t>平野_平野_4432-3</t>
  </si>
  <si>
    <t>平野_平野_4433-4</t>
  </si>
  <si>
    <t>平野_平野_4438-2</t>
  </si>
  <si>
    <t>平野_平野_4439-3</t>
  </si>
  <si>
    <t>入会地_赤坂_11-29</t>
  </si>
  <si>
    <t>入会地_水蔵場_156-5</t>
  </si>
  <si>
    <t>入会地_東笹鎌野_2-21</t>
  </si>
  <si>
    <t>入会地_東笹鎌野_3-17</t>
  </si>
  <si>
    <t>入会地_東笹鎌野_3-19</t>
  </si>
  <si>
    <t>入会地_東笹鎌野_3-20</t>
  </si>
  <si>
    <t>中新湊__412-25</t>
  </si>
  <si>
    <t>入会地_東笹鎌野_4-11</t>
  </si>
  <si>
    <t>入会地_東笹鎌野_4-12</t>
  </si>
  <si>
    <t>入会地_行福_44-3</t>
  </si>
  <si>
    <t>入会地_行福_45-3</t>
  </si>
  <si>
    <t>入会地_行福_45-4</t>
  </si>
  <si>
    <t>入会地_行福_45-2</t>
  </si>
  <si>
    <t>入会地_行福_46-4</t>
  </si>
  <si>
    <t>入会地_行福_46-5</t>
  </si>
  <si>
    <t>大江__202-2</t>
  </si>
  <si>
    <t>大江__215-3</t>
  </si>
  <si>
    <t>中新湊__412-27</t>
  </si>
  <si>
    <t>大江__234-2</t>
  </si>
  <si>
    <t>大江__332-2</t>
  </si>
  <si>
    <t>大江__671-2</t>
  </si>
  <si>
    <t>大江__677-3</t>
  </si>
  <si>
    <t>大江__679-2</t>
  </si>
  <si>
    <t>大江__681-2</t>
  </si>
  <si>
    <t>大江__1190-2</t>
  </si>
  <si>
    <t>大江__1198-2</t>
  </si>
  <si>
    <t>大江__1381-2</t>
  </si>
  <si>
    <t>大江__1390-2</t>
  </si>
  <si>
    <t>中新湊__412-28</t>
  </si>
  <si>
    <t>大江__1475-2</t>
  </si>
  <si>
    <t>鷲塚__79-1</t>
  </si>
  <si>
    <t>鷲塚__255-2</t>
  </si>
  <si>
    <t>鷲塚__681-2</t>
  </si>
  <si>
    <t>西高木__242-1</t>
  </si>
  <si>
    <t>西高木__242-3</t>
  </si>
  <si>
    <t>西高木__872-4</t>
  </si>
  <si>
    <t>西高木__1502</t>
  </si>
  <si>
    <t>西高木__1503</t>
  </si>
  <si>
    <t>西高木__1504</t>
  </si>
  <si>
    <t>二の丸町__38-1</t>
  </si>
  <si>
    <t>西高木__1505</t>
  </si>
  <si>
    <t>西高木__1601</t>
  </si>
  <si>
    <t>西高木__1605</t>
  </si>
  <si>
    <t>稲積__52-18</t>
  </si>
  <si>
    <t>稲積__271-2</t>
  </si>
  <si>
    <t>稲積__272-2</t>
  </si>
  <si>
    <t>稲積__382-2</t>
  </si>
  <si>
    <t>稲積__463-6</t>
  </si>
  <si>
    <t>稲積__620-2</t>
  </si>
  <si>
    <t>稲積__628-3</t>
  </si>
  <si>
    <t>二の丸町__40-7</t>
  </si>
  <si>
    <t>稲積__639-3</t>
  </si>
  <si>
    <t>稲積__642-1</t>
  </si>
  <si>
    <t>稲積__642-3</t>
  </si>
  <si>
    <t>小杉白石__800-6</t>
  </si>
  <si>
    <t>小杉白石__815-4</t>
  </si>
  <si>
    <t>小杉白石__1004</t>
  </si>
  <si>
    <t>小杉白石__1009</t>
  </si>
  <si>
    <t>小杉白石__1016</t>
  </si>
  <si>
    <t>小杉白石_小寺_247-3</t>
  </si>
  <si>
    <t>黒河__912</t>
  </si>
  <si>
    <t>庄西町二丁目__1044</t>
  </si>
  <si>
    <t>二の丸町__162-4</t>
  </si>
  <si>
    <t>黒河__1001</t>
  </si>
  <si>
    <t>黒河__1002</t>
  </si>
  <si>
    <t>黒河__1008</t>
  </si>
  <si>
    <t>黒河__1010</t>
  </si>
  <si>
    <t>黒河__1011</t>
  </si>
  <si>
    <t>黒河__1012</t>
  </si>
  <si>
    <t>黒河__1015</t>
  </si>
  <si>
    <t>黒河__1016</t>
  </si>
  <si>
    <t>黒河__1017</t>
  </si>
  <si>
    <t>黒河__1018</t>
  </si>
  <si>
    <t>二の丸町__173-4</t>
  </si>
  <si>
    <t>黒河__1019</t>
  </si>
  <si>
    <t>黒河__1020</t>
  </si>
  <si>
    <t>黒河__1021</t>
  </si>
  <si>
    <t>黒河__1022</t>
  </si>
  <si>
    <t>黒河__1023</t>
  </si>
  <si>
    <t>黒河__1026</t>
  </si>
  <si>
    <t>黒河__1027</t>
  </si>
  <si>
    <t>黒河__1029</t>
  </si>
  <si>
    <t>黒河__1033</t>
  </si>
  <si>
    <t>黒河__1035</t>
  </si>
  <si>
    <t>二の丸町__174-3</t>
  </si>
  <si>
    <t>黒河__1040</t>
  </si>
  <si>
    <t>黒河__1041</t>
  </si>
  <si>
    <t>黒河__1042</t>
  </si>
  <si>
    <t>黒河__1044</t>
  </si>
  <si>
    <t>黒河__1045</t>
  </si>
  <si>
    <t>黒河__1046</t>
  </si>
  <si>
    <t>黒河__1048</t>
  </si>
  <si>
    <t>黒河__1050</t>
  </si>
  <si>
    <t>黒河__1052</t>
  </si>
  <si>
    <t>黒河__1053</t>
  </si>
  <si>
    <t>越の潟町__1-8</t>
  </si>
  <si>
    <t>黒河__1055</t>
  </si>
  <si>
    <t>黒河__1058</t>
  </si>
  <si>
    <t>黒河__1059</t>
  </si>
  <si>
    <t>黒河__1060</t>
  </si>
  <si>
    <t>黒河__1061</t>
  </si>
  <si>
    <t>黒河__1074-2</t>
  </si>
  <si>
    <t>黒河__1076</t>
  </si>
  <si>
    <t>黒河__1077</t>
  </si>
  <si>
    <t>黒河__1079</t>
  </si>
  <si>
    <t>黒河__1081</t>
  </si>
  <si>
    <t>越の潟町__807-6</t>
  </si>
  <si>
    <t>黒河__1082</t>
  </si>
  <si>
    <t>黒河__1083</t>
  </si>
  <si>
    <t>黒河__1087</t>
  </si>
  <si>
    <t>黒河__1213</t>
  </si>
  <si>
    <t>黒河_前田_1436-2</t>
  </si>
  <si>
    <t>黒河_前田_1727-2</t>
  </si>
  <si>
    <t>黒河_尺目_2398-2</t>
  </si>
  <si>
    <t>黒河_尺目_2674-3</t>
  </si>
  <si>
    <t>黒河_竹山_3099-1</t>
  </si>
  <si>
    <t>黒河_竹山_3100</t>
  </si>
  <si>
    <t>西新湊__56</t>
  </si>
  <si>
    <t>黒河_竹山_3101-1</t>
  </si>
  <si>
    <t>黒河_竹山_3102-2</t>
  </si>
  <si>
    <t>黒河_竹山_3102-4</t>
  </si>
  <si>
    <t>黒河_中山割_5349-4</t>
  </si>
  <si>
    <t>黒河新_江下_49-5</t>
  </si>
  <si>
    <t>黒河新_坂前_2603-2</t>
  </si>
  <si>
    <t>黒河新_滝_2801-2</t>
  </si>
  <si>
    <t>黒河新_滝_2801-3</t>
  </si>
  <si>
    <t>黒河新_長尾_4906-1</t>
  </si>
  <si>
    <t>塚越__11-2</t>
  </si>
  <si>
    <t>西新湊__66</t>
  </si>
  <si>
    <t>塚越__12-2</t>
  </si>
  <si>
    <t>塚越__1976</t>
  </si>
  <si>
    <t>塚越__1977</t>
  </si>
  <si>
    <t>塚越__1985</t>
  </si>
  <si>
    <t>塚越__1986</t>
  </si>
  <si>
    <t>塚越__1992</t>
  </si>
  <si>
    <t>塚越__1995</t>
  </si>
  <si>
    <t>塚越__1998</t>
  </si>
  <si>
    <t>塚越__2003</t>
  </si>
  <si>
    <t>塚越__2022</t>
  </si>
  <si>
    <t>三日曽根__19-20</t>
  </si>
  <si>
    <t>塚越__2024</t>
  </si>
  <si>
    <t>塚越__2026</t>
  </si>
  <si>
    <t>塚越__2030</t>
  </si>
  <si>
    <t>塚越__2036</t>
  </si>
  <si>
    <t>塚越__2045</t>
  </si>
  <si>
    <t>塚越__2052</t>
  </si>
  <si>
    <t>塚越__2055</t>
  </si>
  <si>
    <t>塚越__2056</t>
  </si>
  <si>
    <t>塚越__2057</t>
  </si>
  <si>
    <t>塚越__2065</t>
  </si>
  <si>
    <t>三日曽根__53</t>
  </si>
  <si>
    <t>塚越__2081</t>
  </si>
  <si>
    <t>塚越__2097</t>
  </si>
  <si>
    <t>塚越__2106</t>
  </si>
  <si>
    <t>塚越__2124</t>
  </si>
  <si>
    <t>塚越__2141</t>
  </si>
  <si>
    <t>塚越__2143</t>
  </si>
  <si>
    <t>塚越__2154</t>
  </si>
  <si>
    <t>中老田新_星丸_526-3/1</t>
  </si>
  <si>
    <t>中老田新_星丸_550-11</t>
  </si>
  <si>
    <t>中老田新_星丸_554-10</t>
  </si>
  <si>
    <t>三日曽根__69</t>
  </si>
  <si>
    <t>中老田新_星丸_568-29</t>
  </si>
  <si>
    <t>太閤町__131</t>
  </si>
  <si>
    <t>太閤町__132</t>
  </si>
  <si>
    <t>太閤町__134</t>
  </si>
  <si>
    <t>太閤町__135</t>
  </si>
  <si>
    <t>太閤町__142</t>
  </si>
  <si>
    <t>太閤町__143</t>
  </si>
  <si>
    <t>太閤町__144</t>
  </si>
  <si>
    <t>太閤町__147</t>
  </si>
  <si>
    <t>太閤町__148</t>
  </si>
  <si>
    <t>庄西町二丁目__1049</t>
  </si>
  <si>
    <t>善光寺__33-4</t>
  </si>
  <si>
    <t>太閤町__151</t>
  </si>
  <si>
    <t>太閤町__152</t>
  </si>
  <si>
    <t>太閤町__155</t>
  </si>
  <si>
    <t>太閤町__156</t>
  </si>
  <si>
    <t>太閤町__157</t>
  </si>
  <si>
    <t>太閤町__161</t>
  </si>
  <si>
    <t>太閤町__162</t>
  </si>
  <si>
    <t>太閤町__168</t>
  </si>
  <si>
    <t>太閤町__170</t>
  </si>
  <si>
    <t>太閤町__172</t>
  </si>
  <si>
    <t>善光寺__59</t>
  </si>
  <si>
    <t>太閤町__174</t>
  </si>
  <si>
    <t>土代_三度山_1353-2</t>
  </si>
  <si>
    <t>土代_宮ノ前_1718</t>
  </si>
  <si>
    <t>椎土__182</t>
  </si>
  <si>
    <t>山本新_上野田_1261-3</t>
  </si>
  <si>
    <t>山本新_上野田_1293-3</t>
  </si>
  <si>
    <t>山本新_上野田_1293-4</t>
  </si>
  <si>
    <t>山本新_上野田_1304-3</t>
  </si>
  <si>
    <t>山本新_上野田_1317-3</t>
  </si>
  <si>
    <t>山本新_上野田_1319-2</t>
  </si>
  <si>
    <t>善光寺__70</t>
  </si>
  <si>
    <t>山本新_上野田_1322-3</t>
  </si>
  <si>
    <t>山本新_上野田_1325-2</t>
  </si>
  <si>
    <t>山本新_上野田_1325-3</t>
  </si>
  <si>
    <t>山本新_上野田_1336-1</t>
  </si>
  <si>
    <t>山本新_上野田_1336-2</t>
  </si>
  <si>
    <t>山本新_上野田_1337-2</t>
  </si>
  <si>
    <t>山本新_上野田_1337-3</t>
  </si>
  <si>
    <t>山本新_平木野田_1461-2</t>
  </si>
  <si>
    <t>小杉北野__59</t>
  </si>
  <si>
    <t>山本_野田_7-42</t>
  </si>
  <si>
    <t>善光寺__89</t>
  </si>
  <si>
    <t>山本_野田_15-16</t>
  </si>
  <si>
    <t>山本_野田_16-53</t>
  </si>
  <si>
    <t>山本_二枚田_38-18</t>
  </si>
  <si>
    <t>山本_二枚田_38-20</t>
  </si>
  <si>
    <t>山本_二枚田_38-21</t>
  </si>
  <si>
    <t>黒河又新_水上_886</t>
  </si>
  <si>
    <t>黒河又新_水上_887</t>
  </si>
  <si>
    <t>黒河又新_水上_888</t>
  </si>
  <si>
    <t>黒河又新_水上_889</t>
  </si>
  <si>
    <t>池多__348</t>
  </si>
  <si>
    <t>緑町__57</t>
  </si>
  <si>
    <t>池多__370</t>
  </si>
  <si>
    <t>池多__410</t>
  </si>
  <si>
    <t>池多__423</t>
  </si>
  <si>
    <t>池多__440</t>
  </si>
  <si>
    <t>池多__964</t>
  </si>
  <si>
    <t>池多__1056</t>
  </si>
  <si>
    <t>太閤山１丁目__113</t>
  </si>
  <si>
    <t>太閤山６丁目__201-2</t>
  </si>
  <si>
    <t>太閤山７丁目__212</t>
  </si>
  <si>
    <t>太閤山７丁目__213</t>
  </si>
  <si>
    <t>海老江_東町_91-2</t>
  </si>
  <si>
    <t>太閤山７丁目__215</t>
  </si>
  <si>
    <t>南太閤山９丁目__91</t>
  </si>
  <si>
    <t>南太閤山１０丁目__71</t>
  </si>
  <si>
    <t>西広上__32-4</t>
  </si>
  <si>
    <t>広上__300</t>
  </si>
  <si>
    <t>広上__334-1</t>
  </si>
  <si>
    <t>広上__334-5</t>
  </si>
  <si>
    <t>広上__814-2</t>
  </si>
  <si>
    <t>広上__835-2</t>
  </si>
  <si>
    <t>広上__840-2</t>
  </si>
  <si>
    <t>海老江_西町_289-3</t>
  </si>
  <si>
    <t>広上__841-3</t>
  </si>
  <si>
    <t>広上__842-4</t>
  </si>
  <si>
    <t>広上__843-2</t>
  </si>
  <si>
    <t>広上__844-2</t>
  </si>
  <si>
    <t>広上__1146-2</t>
  </si>
  <si>
    <t>広上__1147-3</t>
  </si>
  <si>
    <t>広上__1148-4</t>
  </si>
  <si>
    <t>広上__1149-2</t>
  </si>
  <si>
    <t>広上__1156-3</t>
  </si>
  <si>
    <t>広上__1160-2</t>
  </si>
  <si>
    <t>海老江_西町_290-2</t>
  </si>
  <si>
    <t>広上__1164-2</t>
  </si>
  <si>
    <t>広上__1165-2</t>
  </si>
  <si>
    <t>広上__1253-3</t>
  </si>
  <si>
    <t>広上__1254-2</t>
  </si>
  <si>
    <t>広上__1255-2</t>
  </si>
  <si>
    <t>広上__1256-2</t>
  </si>
  <si>
    <t>広上__1271-4</t>
  </si>
  <si>
    <t>広上__1272-2</t>
  </si>
  <si>
    <t>広上__1273-2</t>
  </si>
  <si>
    <t>広上__1277-2</t>
  </si>
  <si>
    <t>海老江_大坪_388-4</t>
  </si>
  <si>
    <t>広上__1278-2</t>
  </si>
  <si>
    <t>広上__1814-3</t>
  </si>
  <si>
    <t>広上__1970-4</t>
  </si>
  <si>
    <t>上条__66-5</t>
  </si>
  <si>
    <t>上条__98-2</t>
  </si>
  <si>
    <t>上条__111-4</t>
  </si>
  <si>
    <t>上条__125-4</t>
  </si>
  <si>
    <t>上条__174-2</t>
  </si>
  <si>
    <t>上条__175-3</t>
  </si>
  <si>
    <t>上条__315-3</t>
  </si>
  <si>
    <t>海老江_大坪_389-1</t>
  </si>
  <si>
    <t>上条__324-2</t>
  </si>
  <si>
    <t>上条__326-2</t>
  </si>
  <si>
    <t>上条__334-2</t>
  </si>
  <si>
    <t>上条__337-2</t>
  </si>
  <si>
    <t>上条__344-2</t>
  </si>
  <si>
    <t>島__170-2</t>
  </si>
  <si>
    <t>島__171-2</t>
  </si>
  <si>
    <t>島__172-2</t>
  </si>
  <si>
    <t>島__173-2</t>
  </si>
  <si>
    <t>島__511</t>
  </si>
  <si>
    <t>庄西町二丁目__1055</t>
  </si>
  <si>
    <t>海老江_大坪_390-3</t>
  </si>
  <si>
    <t>島__512</t>
  </si>
  <si>
    <t>島__515</t>
  </si>
  <si>
    <t>島__516</t>
  </si>
  <si>
    <t>島__517</t>
  </si>
  <si>
    <t>島__529-1</t>
  </si>
  <si>
    <t>島__529-2</t>
  </si>
  <si>
    <t>島__534-1</t>
  </si>
  <si>
    <t>島__534-2</t>
  </si>
  <si>
    <t>島__536-2</t>
  </si>
  <si>
    <t>島__536-3</t>
  </si>
  <si>
    <t>海老江_大坪_390-4</t>
  </si>
  <si>
    <t>島__537</t>
  </si>
  <si>
    <t>島__538</t>
  </si>
  <si>
    <t>島__542</t>
  </si>
  <si>
    <t>島__543</t>
  </si>
  <si>
    <t>島__544</t>
  </si>
  <si>
    <t>島__551</t>
  </si>
  <si>
    <t>島__558</t>
  </si>
  <si>
    <t>島__559</t>
  </si>
  <si>
    <t>島__560</t>
  </si>
  <si>
    <t>島__561</t>
  </si>
  <si>
    <t>海老江_大坪_403-4</t>
  </si>
  <si>
    <t>島__562</t>
  </si>
  <si>
    <t>島__563</t>
  </si>
  <si>
    <t>島__564</t>
  </si>
  <si>
    <t>島__565</t>
  </si>
  <si>
    <t>島__568</t>
  </si>
  <si>
    <t>島__569</t>
  </si>
  <si>
    <t>島__1365-4</t>
  </si>
  <si>
    <t>島__1519</t>
  </si>
  <si>
    <t>島__1607-4</t>
  </si>
  <si>
    <t>島__1609-2</t>
  </si>
  <si>
    <t>海老江_大坪_404-4</t>
  </si>
  <si>
    <t>島__1616-2</t>
  </si>
  <si>
    <t>島__1617-2</t>
  </si>
  <si>
    <t>島__1618-2</t>
  </si>
  <si>
    <t>島__1619-2</t>
  </si>
  <si>
    <t>島__2501</t>
  </si>
  <si>
    <t>島_立田_1056-4</t>
  </si>
  <si>
    <t>堀内__1-1</t>
  </si>
  <si>
    <t>堀内__387-4</t>
  </si>
  <si>
    <t>堀内__412-2</t>
  </si>
  <si>
    <t>堀内__413-3</t>
  </si>
  <si>
    <t>海老江_大坪_405</t>
  </si>
  <si>
    <t>下条__166-6</t>
  </si>
  <si>
    <t>下条__166-7</t>
  </si>
  <si>
    <t>下条__166-8</t>
  </si>
  <si>
    <t>下条__255-4</t>
  </si>
  <si>
    <t>下条__257-3</t>
  </si>
  <si>
    <t>下条__266-2</t>
  </si>
  <si>
    <t>下条_中田_635-2</t>
  </si>
  <si>
    <t>下条_中田_702-3</t>
  </si>
  <si>
    <t>下条_中田_704-3</t>
  </si>
  <si>
    <t>下条_中田_706-4</t>
  </si>
  <si>
    <t>海老江_大坪_406-4</t>
  </si>
  <si>
    <t>下条_中田_842-2</t>
  </si>
  <si>
    <t>土合__752-2</t>
  </si>
  <si>
    <t>土合__753-3</t>
  </si>
  <si>
    <t>土合__753-4</t>
  </si>
  <si>
    <t>土合__840-2</t>
  </si>
  <si>
    <t>土合__841-2</t>
  </si>
  <si>
    <t>土合__841-3</t>
  </si>
  <si>
    <t>土合__843-3</t>
  </si>
  <si>
    <t>海老江_大坪_407-4</t>
  </si>
  <si>
    <t>土合__845-3</t>
  </si>
  <si>
    <t>土合__848-2</t>
  </si>
  <si>
    <t>土合__849-2</t>
  </si>
  <si>
    <t>土合__1395-4</t>
  </si>
  <si>
    <t>土合__1495-3</t>
  </si>
  <si>
    <t>土合__1495-7</t>
  </si>
  <si>
    <t>海老江_大坪_407-5</t>
  </si>
  <si>
    <t>土合__1495-8</t>
  </si>
  <si>
    <t>土合__1495-9</t>
  </si>
  <si>
    <t>土合__1496-6</t>
  </si>
  <si>
    <t>土合__1496-7</t>
  </si>
  <si>
    <t>土合__1496-8</t>
  </si>
  <si>
    <t>土合__1496-9</t>
  </si>
  <si>
    <t>土合__1497-2</t>
  </si>
  <si>
    <t>土合__1506-1</t>
  </si>
  <si>
    <t>土合__1507-3</t>
  </si>
  <si>
    <t>土合__1543-3</t>
  </si>
  <si>
    <t>海老江_大坪_408-1</t>
  </si>
  <si>
    <t>土合__1544-1</t>
  </si>
  <si>
    <t>串田__841-3</t>
  </si>
  <si>
    <t>串田__3079</t>
  </si>
  <si>
    <t>串田__3080</t>
  </si>
  <si>
    <t>串田__3081</t>
  </si>
  <si>
    <t>串田_村中_4830-2</t>
  </si>
  <si>
    <t>串田_村中_4830-3</t>
  </si>
  <si>
    <t>串田_松原_6506-6</t>
  </si>
  <si>
    <t>串田_松原_6533-3</t>
  </si>
  <si>
    <t>串田_松原_6533-4</t>
  </si>
  <si>
    <t>海老江_大坪_408-2</t>
  </si>
  <si>
    <t>串田_松原_6534-2</t>
  </si>
  <si>
    <t>串田_明地_8600-2</t>
  </si>
  <si>
    <t>串田_明地_8601-3</t>
  </si>
  <si>
    <t>串田_明地_8602-4</t>
  </si>
  <si>
    <t>串田_明地_8602-5</t>
  </si>
  <si>
    <t>串田_明地_8603-3</t>
  </si>
  <si>
    <t>串田_明地_8608-4</t>
  </si>
  <si>
    <t>串田_明地_8610-15</t>
  </si>
  <si>
    <t>串田_明地_8610-16</t>
  </si>
  <si>
    <t>串田_明地_8611-4</t>
  </si>
  <si>
    <t>河川用地_用地・河川管理課</t>
  </si>
  <si>
    <t>庄西町一丁目__759-1</t>
  </si>
  <si>
    <t>川口宮袋入会地_大法寺_6764-3</t>
  </si>
  <si>
    <t>戸破_針原_1-3</t>
  </si>
  <si>
    <t>戸破_神川_3891-2</t>
  </si>
  <si>
    <t>戸破_神田_4426-1</t>
  </si>
  <si>
    <t>戸破_神田_4426-3</t>
  </si>
  <si>
    <t>戸破_神田_4427-1</t>
  </si>
  <si>
    <t>戸破_神田_4427-3</t>
  </si>
  <si>
    <t>戸破_神田_4428-1</t>
  </si>
  <si>
    <t>戸破_神田_4428-3</t>
  </si>
  <si>
    <t>戸破_神田_4429-1</t>
  </si>
  <si>
    <t>川口宮袋入会地_大法寺_6564-2</t>
  </si>
  <si>
    <t>戸破_神田_4429-3</t>
  </si>
  <si>
    <t>戸破_神田_4430-1</t>
  </si>
  <si>
    <t>戸破_神田_4431-1</t>
  </si>
  <si>
    <t>戸破_神田_4431-2</t>
  </si>
  <si>
    <t>戸破_神田_4431-5</t>
  </si>
  <si>
    <t>戸破_神田_4432-1</t>
  </si>
  <si>
    <t>戸破_神田_4432-3</t>
  </si>
  <si>
    <t>戸破_神田_4433-1</t>
  </si>
  <si>
    <t>戸破_神田_4433-3</t>
  </si>
  <si>
    <t>戸破_神田_4434-1</t>
  </si>
  <si>
    <t>川口宮袋入会地_大法寺_6565-2</t>
  </si>
  <si>
    <t>戸破_神田_4434-3</t>
  </si>
  <si>
    <t>戸破_神田_4435-3</t>
  </si>
  <si>
    <t>戸破_神田_4747-3</t>
  </si>
  <si>
    <t>戸破_神田_4748-3</t>
  </si>
  <si>
    <t>戸破_神田_4749-3</t>
  </si>
  <si>
    <t>戸破_神田_4751-3</t>
  </si>
  <si>
    <t>戸破_神田_4800-3</t>
  </si>
  <si>
    <t>橋下条__1516-4</t>
  </si>
  <si>
    <t>橋下条__1521-4</t>
  </si>
  <si>
    <t>川口宮袋入会地_大法寺_6630</t>
  </si>
  <si>
    <t>橋下条__2170-4</t>
  </si>
  <si>
    <t>橋下条_大白_4747-7</t>
  </si>
  <si>
    <t>青井谷_丸山_1112-1</t>
  </si>
  <si>
    <t>青井谷_丸山_1112-3</t>
  </si>
  <si>
    <t>青井谷_丸山_1112-8</t>
  </si>
  <si>
    <t>青井谷_丸山_1112-9</t>
  </si>
  <si>
    <t>青井谷_丸山_1112-11</t>
  </si>
  <si>
    <t>青井谷_丸山_1113-4</t>
  </si>
  <si>
    <t>青井谷_丸山_1113-16</t>
  </si>
  <si>
    <t>青井谷_丸山_1116-7</t>
  </si>
  <si>
    <t>川口宮袋入会地_大法寺_6632</t>
  </si>
  <si>
    <t>青井谷_丸山_1116-8</t>
  </si>
  <si>
    <t>青井谷_丸山_1120-2</t>
  </si>
  <si>
    <t>青井谷_丸山_1121-7</t>
  </si>
  <si>
    <t>青井谷_丸山_1121-8</t>
  </si>
  <si>
    <t>青井谷_丸山_1121-10</t>
  </si>
  <si>
    <t>青井谷_丸山_1121-12</t>
  </si>
  <si>
    <t>青井谷_丸山_1121-13</t>
  </si>
  <si>
    <t>青井谷_丸山_1122-4</t>
  </si>
  <si>
    <t>青井谷_丸山_1122-5</t>
  </si>
  <si>
    <t>青井谷_丸山_1123-6</t>
  </si>
  <si>
    <t>川口宮袋入会地_大法寺_6633-1</t>
  </si>
  <si>
    <t>青井谷_丸山_1126-5</t>
  </si>
  <si>
    <t>青井谷_丸山_1127-4</t>
  </si>
  <si>
    <t>青井谷_丸山_1127-5</t>
  </si>
  <si>
    <t>青井谷_干田_1601-2</t>
  </si>
  <si>
    <t>青井谷_干田_1609-4</t>
  </si>
  <si>
    <t>青井谷_干田_1956-3</t>
  </si>
  <si>
    <t>青井谷_立神_2376-5</t>
  </si>
  <si>
    <t>青井谷_西俣_4469-1</t>
  </si>
  <si>
    <t>上野__320-1</t>
  </si>
  <si>
    <t>上野__321-1</t>
  </si>
  <si>
    <t>川口宮袋入会地_大法寺_6634-1</t>
  </si>
  <si>
    <t>上野__322-1</t>
  </si>
  <si>
    <t>上野__323-3</t>
  </si>
  <si>
    <t>上野_袋口_1691-6</t>
  </si>
  <si>
    <t>上野_袋口_1692-3</t>
  </si>
  <si>
    <t>上野_袋口_1693-1</t>
  </si>
  <si>
    <t>上野_袋口_1704-5</t>
  </si>
  <si>
    <t>上野_袋口_1705-5</t>
  </si>
  <si>
    <t>上野_袋口_1709-1</t>
  </si>
  <si>
    <t>上野_袋口_1709-4</t>
  </si>
  <si>
    <t>上野_袋口_1710-4</t>
  </si>
  <si>
    <t>川口宮袋入会地_大法寺_6635-1</t>
  </si>
  <si>
    <t>上野_地久_1818-1</t>
  </si>
  <si>
    <t>上野_地久_1818-4</t>
  </si>
  <si>
    <t>平野_大柳谷_771-1</t>
  </si>
  <si>
    <t>広上__1873-2</t>
  </si>
  <si>
    <t>広上__1878-2</t>
  </si>
  <si>
    <t>藤巻__221-2</t>
  </si>
  <si>
    <t>二口_中石田_2322-3</t>
  </si>
  <si>
    <t>二口_中石田_2322-5</t>
  </si>
  <si>
    <t>二口_中石田_2326-4</t>
  </si>
  <si>
    <t>戸破_神田_4435-1</t>
  </si>
  <si>
    <t>川口宮袋入会地_大法寺_6754-2</t>
  </si>
  <si>
    <t>広上宅地1</t>
  </si>
  <si>
    <t>広上__320-73</t>
  </si>
  <si>
    <t>普通財産</t>
  </si>
  <si>
    <t>河川用地_農林水産課</t>
  </si>
  <si>
    <t>青井谷_西俣_4469-3</t>
  </si>
  <si>
    <t>水戸田_熊野_3302-2</t>
  </si>
  <si>
    <t>水戸田_熊野_3302-4</t>
  </si>
  <si>
    <t>水戸田_熊野_3302-5</t>
  </si>
  <si>
    <t>水戸田_熊野_3303-4</t>
  </si>
  <si>
    <t>水戸田_熊野_3303-5</t>
  </si>
  <si>
    <t>水戸田_熊野_3303-7</t>
  </si>
  <si>
    <t>水戸田_熊野_3304-1</t>
  </si>
  <si>
    <t>水戸田_熊野_3304-2</t>
  </si>
  <si>
    <t>水戸田_熊野_3305-3</t>
  </si>
  <si>
    <t>水戸田_熊野_3305-4</t>
  </si>
  <si>
    <t>青井谷_鳥越_5993</t>
  </si>
  <si>
    <t>水戸田_熊野_3311-2</t>
  </si>
  <si>
    <t>水戸田_熊野_3311-3</t>
  </si>
  <si>
    <t>水戸田_熊野_3311-4</t>
  </si>
  <si>
    <t>水戸田_熊野_3311-1</t>
  </si>
  <si>
    <t>水戸田_神明堂_22-2</t>
  </si>
  <si>
    <t>水戸田_神明堂_22-3</t>
  </si>
  <si>
    <t>水戸田_神明堂_23-1</t>
  </si>
  <si>
    <t>水戸田_神明堂_23-2</t>
  </si>
  <si>
    <t>本開発_孝心_505-6</t>
  </si>
  <si>
    <t>平野_大柳谷_772-1</t>
  </si>
  <si>
    <t>入会地_赤坂_11-6</t>
  </si>
  <si>
    <t>入会地_赤坂_11-18</t>
  </si>
  <si>
    <t>土代_女池_2946</t>
  </si>
  <si>
    <t>土代_女池_2947</t>
  </si>
  <si>
    <t>荒町_山ノ谷_2706</t>
  </si>
  <si>
    <t>水戸田_熊野_3302-1</t>
  </si>
  <si>
    <t>庄西町一丁目__638-3</t>
  </si>
  <si>
    <t>庄西町二丁目__96-5</t>
  </si>
  <si>
    <t>本町三丁目__272</t>
  </si>
  <si>
    <t>三ケ__1703-2</t>
  </si>
  <si>
    <t>三ケ__1713-2</t>
  </si>
  <si>
    <t>三ケ__1714-2</t>
  </si>
  <si>
    <t>三ケ__1715-2</t>
  </si>
  <si>
    <t>三ケ__1717-2</t>
  </si>
  <si>
    <t>三ケ__1718-2</t>
  </si>
  <si>
    <t>三ケ__1719-3</t>
  </si>
  <si>
    <t>三ケ__1721-2</t>
  </si>
  <si>
    <t>三ケ__1943-3</t>
  </si>
  <si>
    <t>三ケ__1944-3</t>
  </si>
  <si>
    <t>本町三丁目__275</t>
  </si>
  <si>
    <t>三ケ__1945-3</t>
  </si>
  <si>
    <t>三ケ__1946-3</t>
  </si>
  <si>
    <t>三ケ__1948-3</t>
  </si>
  <si>
    <t>三ケ__1949-3</t>
  </si>
  <si>
    <t>三ケ__1950-3</t>
  </si>
  <si>
    <t>三ケ__1951-3</t>
  </si>
  <si>
    <t>三ケ__1952-3</t>
  </si>
  <si>
    <t>三ケ__1953-3</t>
  </si>
  <si>
    <t>三ケ__1954-3</t>
  </si>
  <si>
    <t>三ケ__1955-2</t>
  </si>
  <si>
    <t>本町三丁目__280</t>
  </si>
  <si>
    <t>三ケ__1957-3</t>
  </si>
  <si>
    <t>三ケ__1957-4</t>
  </si>
  <si>
    <t>三ケ__1994-2</t>
  </si>
  <si>
    <t>三ケ__1995-3</t>
  </si>
  <si>
    <t>三ケ__2155-2</t>
  </si>
  <si>
    <t>三ケ__2162-2</t>
  </si>
  <si>
    <t>三ケ__2168-2</t>
  </si>
  <si>
    <t>三ケ__2179-2</t>
  </si>
  <si>
    <t>三ケ__2217-2</t>
  </si>
  <si>
    <t>三ケ__2218-2</t>
  </si>
  <si>
    <t>本町三丁目__285</t>
  </si>
  <si>
    <t>三ケ__2219-3</t>
  </si>
  <si>
    <t>三ケ__2219-4</t>
  </si>
  <si>
    <t>三ケ__2220-2</t>
  </si>
  <si>
    <t>三ケ__2221-2</t>
  </si>
  <si>
    <t>三ケ__2222-2</t>
  </si>
  <si>
    <t>三ケ__2223-2</t>
  </si>
  <si>
    <t>三ケ__2224-2</t>
  </si>
  <si>
    <t>三ケ__2225-2</t>
  </si>
  <si>
    <t>三ケ__2226-2</t>
  </si>
  <si>
    <t>三ケ__2235-4</t>
  </si>
  <si>
    <t>中央町__1006</t>
  </si>
  <si>
    <t>三ケ__2235-5</t>
  </si>
  <si>
    <t>三ケ__2235-6</t>
  </si>
  <si>
    <t>三ケ__2241-1</t>
  </si>
  <si>
    <t>三ケ__2246-2</t>
  </si>
  <si>
    <t>三ケ__2251-1</t>
  </si>
  <si>
    <t>三ケ__2251-6</t>
  </si>
  <si>
    <t>三ケ__2252-1</t>
  </si>
  <si>
    <t>三ケ__2253-1</t>
  </si>
  <si>
    <t>三ケ__2254-1</t>
  </si>
  <si>
    <t>三ケ__2254-2</t>
  </si>
  <si>
    <t>中央町__1706</t>
  </si>
  <si>
    <t>三ケ__2257-1</t>
  </si>
  <si>
    <t>三ケ__2258-1</t>
  </si>
  <si>
    <t>三ケ__2259-1</t>
  </si>
  <si>
    <t>三ケ__2263-1</t>
  </si>
  <si>
    <t>三ケ__2264-1</t>
  </si>
  <si>
    <t>三ケ__2265-1</t>
  </si>
  <si>
    <t>三ケ__2265-3</t>
  </si>
  <si>
    <t>三ケ__2269-18</t>
  </si>
  <si>
    <t>三ケ__2269-1</t>
  </si>
  <si>
    <t>三ケ__2273-1</t>
  </si>
  <si>
    <t>桜町__100</t>
  </si>
  <si>
    <t>三ケ__2276-2</t>
  </si>
  <si>
    <t>三ケ__2283-2</t>
  </si>
  <si>
    <t>三ケ__2297-1</t>
  </si>
  <si>
    <t>三ケ__2304-7</t>
  </si>
  <si>
    <t>三ケ__2304-8</t>
  </si>
  <si>
    <t>三ケ__2304-9</t>
  </si>
  <si>
    <t>三ケ__2304-10</t>
  </si>
  <si>
    <t>三ケ__2305-2</t>
  </si>
  <si>
    <t>三ケ__2306-2</t>
  </si>
  <si>
    <t>三ケ__2307-2</t>
  </si>
  <si>
    <t>桜町__101</t>
  </si>
  <si>
    <t>三ケ__2308-2</t>
  </si>
  <si>
    <t>三ケ__2308-3</t>
  </si>
  <si>
    <t>三ケ__2309-2</t>
  </si>
  <si>
    <t>三ケ__2310-3</t>
  </si>
  <si>
    <t>三ケ__2312-2</t>
  </si>
  <si>
    <t>三ケ__2317-2</t>
  </si>
  <si>
    <t>三ケ__2318-2</t>
  </si>
  <si>
    <t>三ケ__2319-2</t>
  </si>
  <si>
    <t>三ケ__2364-2</t>
  </si>
  <si>
    <t>三ケ__2440-7</t>
  </si>
  <si>
    <t>桜町__102</t>
  </si>
  <si>
    <t>三ケ__2442-2</t>
  </si>
  <si>
    <t>三ケ__2442-3</t>
  </si>
  <si>
    <t>三ケ__2442-4</t>
  </si>
  <si>
    <t>三ケ__2443-2</t>
  </si>
  <si>
    <t>三ケ__2444-2</t>
  </si>
  <si>
    <t>三ケ__2445-2</t>
  </si>
  <si>
    <t>三ケ__2446-2</t>
  </si>
  <si>
    <t>三ケ__2447-5</t>
  </si>
  <si>
    <t>三ケ__2449-3</t>
  </si>
  <si>
    <t>三ケ__2450-3</t>
  </si>
  <si>
    <t>桜町__103</t>
  </si>
  <si>
    <t>三ケ__2453-3</t>
  </si>
  <si>
    <t>三ケ__2454-2</t>
  </si>
  <si>
    <t>三ケ__2455-4</t>
  </si>
  <si>
    <t>三ケ__2456-5</t>
  </si>
  <si>
    <t>三ケ__2457-2</t>
  </si>
  <si>
    <t>三ケ__2457-4</t>
  </si>
  <si>
    <t>三ケ__2461-8</t>
  </si>
  <si>
    <t>三ケ__2462-3</t>
  </si>
  <si>
    <t>三ケ__2463-4</t>
  </si>
  <si>
    <t>三ケ__2467-2</t>
  </si>
  <si>
    <t>庄西町二丁目__258-3</t>
  </si>
  <si>
    <t>桜町__104</t>
  </si>
  <si>
    <t>三ケ__2468-3</t>
  </si>
  <si>
    <t>三ケ__2468-4</t>
  </si>
  <si>
    <t>三ケ__2469-3</t>
  </si>
  <si>
    <t>三ケ__2473-3</t>
  </si>
  <si>
    <t>三ケ__2474-3</t>
  </si>
  <si>
    <t>三ケ__2474-4</t>
  </si>
  <si>
    <t>三ケ__2475-2</t>
  </si>
  <si>
    <t>三ケ__2475-3</t>
  </si>
  <si>
    <t>三ケ__2476-3</t>
  </si>
  <si>
    <t>三ケ__2476-4</t>
  </si>
  <si>
    <t>桜町__106</t>
  </si>
  <si>
    <t>三ケ__2477-3</t>
  </si>
  <si>
    <t>三ケ__2477-4</t>
  </si>
  <si>
    <t>三ケ__2478-2</t>
  </si>
  <si>
    <t>三ケ__2478-3</t>
  </si>
  <si>
    <t>三ケ__2479-2</t>
  </si>
  <si>
    <t>三ケ__2479-3</t>
  </si>
  <si>
    <t>三ケ__2480-2</t>
  </si>
  <si>
    <t>三ケ__2480-3</t>
  </si>
  <si>
    <t>三ケ__2481-2</t>
  </si>
  <si>
    <t>三ケ__2481-3</t>
  </si>
  <si>
    <t>桜町__108</t>
  </si>
  <si>
    <t>三ケ__2482-2</t>
  </si>
  <si>
    <t>三ケ__2482-3</t>
  </si>
  <si>
    <t>三ケ__2482-4</t>
  </si>
  <si>
    <t>三ケ__2483-2</t>
  </si>
  <si>
    <t>三ケ__2483-3</t>
  </si>
  <si>
    <t>三ケ__2483-4</t>
  </si>
  <si>
    <t>三ケ__2484-2</t>
  </si>
  <si>
    <t>三ケ__2484-3</t>
  </si>
  <si>
    <t>三ケ__2485-2</t>
  </si>
  <si>
    <t>三ケ__2485-3</t>
  </si>
  <si>
    <t>桜町__109</t>
  </si>
  <si>
    <t>三ケ__2486-4</t>
  </si>
  <si>
    <t>三ケ__2486-5</t>
  </si>
  <si>
    <t>三ケ__2486-6</t>
  </si>
  <si>
    <t>三ケ__2487-2</t>
  </si>
  <si>
    <t>三ケ__2487-3</t>
  </si>
  <si>
    <t>三ケ__2488-5</t>
  </si>
  <si>
    <t>三ケ__2488-6</t>
  </si>
  <si>
    <t>三ケ__2488-7</t>
  </si>
  <si>
    <t>三ケ__2488-8</t>
  </si>
  <si>
    <t>三ケ__2489-2</t>
  </si>
  <si>
    <t>立町__1303-9</t>
  </si>
  <si>
    <t>三ケ__2489-4</t>
  </si>
  <si>
    <t>三ケ__2490-2</t>
  </si>
  <si>
    <t>三ケ__2490-3</t>
  </si>
  <si>
    <t>三ケ__2491-2</t>
  </si>
  <si>
    <t>三ケ__2491-3</t>
  </si>
  <si>
    <t>三ケ__2492-2</t>
  </si>
  <si>
    <t>三ケ__2492-5</t>
  </si>
  <si>
    <t>三ケ__2492-6</t>
  </si>
  <si>
    <t>三ケ__2492-7</t>
  </si>
  <si>
    <t>三ケ__2493-2</t>
  </si>
  <si>
    <t>立町__1323-3</t>
  </si>
  <si>
    <t>三ケ__2495-2</t>
  </si>
  <si>
    <t>三ケ__2497-2</t>
  </si>
  <si>
    <t>三ケ__2500-4</t>
  </si>
  <si>
    <t>三ケ__2500-5</t>
  </si>
  <si>
    <t>三ケ__2501-2</t>
  </si>
  <si>
    <t>三ケ__2502-2</t>
  </si>
  <si>
    <t>三ケ__2503-2</t>
  </si>
  <si>
    <t>三ケ__2504-2</t>
  </si>
  <si>
    <t>三ケ__2505-3</t>
  </si>
  <si>
    <t>三ケ__2505-4</t>
  </si>
  <si>
    <t>立町__1324-4</t>
  </si>
  <si>
    <t>三ケ__2506-3</t>
  </si>
  <si>
    <t>三ケ__2507-4</t>
  </si>
  <si>
    <t>三ケ__2508-2</t>
  </si>
  <si>
    <t>三ケ__2509-4</t>
  </si>
  <si>
    <t>三ケ__2509-5</t>
  </si>
  <si>
    <t>三ケ__2510-2</t>
  </si>
  <si>
    <t>三ケ__2511-2</t>
  </si>
  <si>
    <t>三ケ__2512-2</t>
  </si>
  <si>
    <t>三ケ__2513-2</t>
  </si>
  <si>
    <t>三ケ__2514-2</t>
  </si>
  <si>
    <t>立町__1325-2</t>
  </si>
  <si>
    <t>三ケ__2515-2</t>
  </si>
  <si>
    <t>三ケ__2516-2</t>
  </si>
  <si>
    <t>三ケ__2517-2</t>
  </si>
  <si>
    <t>三ケ__2518-2</t>
  </si>
  <si>
    <t>三ケ__2519-2</t>
  </si>
  <si>
    <t>三ケ__2520-3</t>
  </si>
  <si>
    <t>三ケ__2547-2</t>
  </si>
  <si>
    <t>三ケ__2558-3</t>
  </si>
  <si>
    <t>三ケ__2559-5</t>
  </si>
  <si>
    <t>三ケ__2559-6</t>
  </si>
  <si>
    <t>立町__1326-4</t>
  </si>
  <si>
    <t>三ケ__2560-6</t>
  </si>
  <si>
    <t>三ケ__2560-8</t>
  </si>
  <si>
    <t>三ケ__2560-9</t>
  </si>
  <si>
    <t>三ケ__2560-10</t>
  </si>
  <si>
    <t>三ケ__2560-11</t>
  </si>
  <si>
    <t>三ケ__2560-12</t>
  </si>
  <si>
    <t>三ケ__2561-2</t>
  </si>
  <si>
    <t>三ケ__2562-2</t>
  </si>
  <si>
    <t>三ケ__2584-2</t>
  </si>
  <si>
    <t>三ケ__2585-2</t>
  </si>
  <si>
    <t>立町__1327-2</t>
  </si>
  <si>
    <t>三ケ__2586-2</t>
  </si>
  <si>
    <t>三ケ__2587-2</t>
  </si>
  <si>
    <t>三ケ__2588-2</t>
  </si>
  <si>
    <t>三ケ__2589-2</t>
  </si>
  <si>
    <t>三ケ__2668-1</t>
  </si>
  <si>
    <t>三ケ__2673-3</t>
  </si>
  <si>
    <t>三ケ__2673-4</t>
  </si>
  <si>
    <t>三ケ__2674-3</t>
  </si>
  <si>
    <t>三ケ__2689-3</t>
  </si>
  <si>
    <t>三ケ__2701-4</t>
  </si>
  <si>
    <t>庄西町二丁目__708</t>
  </si>
  <si>
    <t>立町__1328-2</t>
  </si>
  <si>
    <t>三ケ__2701-5</t>
  </si>
  <si>
    <t>三ケ__2726-3</t>
  </si>
  <si>
    <t>三ケ__2727-2</t>
  </si>
  <si>
    <t>三ケ__2728-3</t>
  </si>
  <si>
    <t>三ケ__2728-4</t>
  </si>
  <si>
    <t>三ケ__2728-5</t>
  </si>
  <si>
    <t>三ケ__2729-3</t>
  </si>
  <si>
    <t>三ケ__2729-5</t>
  </si>
  <si>
    <t>三ケ__2729-6</t>
  </si>
  <si>
    <t>三ケ__2729-7</t>
  </si>
  <si>
    <t>立町__1329-2</t>
  </si>
  <si>
    <t>三ケ__2730-2</t>
  </si>
  <si>
    <t>三ケ__2731-2</t>
  </si>
  <si>
    <t>三ケ__2732-2</t>
  </si>
  <si>
    <t>三ケ__2733-3</t>
  </si>
  <si>
    <t>三ケ__2733-4</t>
  </si>
  <si>
    <t>三ケ__2734-2</t>
  </si>
  <si>
    <t>三ケ__2735-2</t>
  </si>
  <si>
    <t>三ケ__2736-2</t>
  </si>
  <si>
    <t>三ケ__2737-2</t>
  </si>
  <si>
    <t>三ケ__2738-2</t>
  </si>
  <si>
    <t>立町__1330-2</t>
  </si>
  <si>
    <t>三ケ__2739-5</t>
  </si>
  <si>
    <t>三ケ__2739-6</t>
  </si>
  <si>
    <t>三ケ__2740-5</t>
  </si>
  <si>
    <t>三ケ__2740-6</t>
  </si>
  <si>
    <t>三ケ__2741-6</t>
  </si>
  <si>
    <t>三ケ__2742-3</t>
  </si>
  <si>
    <t>三ケ__2743-4</t>
  </si>
  <si>
    <t>三ケ__2745-3</t>
  </si>
  <si>
    <t>三ケ__2746-4</t>
  </si>
  <si>
    <t>三ケ_茶ノ木_244-4</t>
  </si>
  <si>
    <t>立町__1331-3</t>
  </si>
  <si>
    <t>三ケ_茶ノ木_244-5</t>
  </si>
  <si>
    <t>三ケ_茶ノ木_244-6</t>
  </si>
  <si>
    <t>三ケ_茶ノ木_1992-3</t>
  </si>
  <si>
    <t>三ケ_茶ノ木_1993-2</t>
  </si>
  <si>
    <t>三ケ_茶ノ木_1996-2</t>
  </si>
  <si>
    <t>三ケ_茶ノ木_1997-2</t>
  </si>
  <si>
    <t>三ケ_茶ノ木_1998-2</t>
  </si>
  <si>
    <t>三ケ_茶ノ木_1999-2</t>
  </si>
  <si>
    <t>三ケ_茶ノ木_2145-7</t>
  </si>
  <si>
    <t>三ケ_茶ノ木_2145-8</t>
  </si>
  <si>
    <t>立町__1331-4</t>
  </si>
  <si>
    <t>三ケ_茶ノ木_2145-9</t>
  </si>
  <si>
    <t>三ケ_茶ノ木_2215-2</t>
  </si>
  <si>
    <t>三ケ_茶ノ木_2240-6</t>
  </si>
  <si>
    <t>三ケ_茶ノ木_2242-4</t>
  </si>
  <si>
    <t>三ケ_茶ノ木_2245-2</t>
  </si>
  <si>
    <t>三ケ_茶ノ木_2246-5</t>
  </si>
  <si>
    <t>三ケ_茶ノ木_2246-6</t>
  </si>
  <si>
    <t>三ケ_茶ノ木_2246-7</t>
  </si>
  <si>
    <t>三ケ_茶ノ木_2246-8</t>
  </si>
  <si>
    <t>三ケ_茶ノ木_2247-2</t>
  </si>
  <si>
    <t>立町__1332-3</t>
  </si>
  <si>
    <t>三ケ_茶ノ木_2248-2</t>
  </si>
  <si>
    <t>三ケ_茶ノ木_3229-2</t>
  </si>
  <si>
    <t>三ケ_茶ノ木_3230-2</t>
  </si>
  <si>
    <t>三ケ_茶ノ木_3231-2</t>
  </si>
  <si>
    <t>三ケ_茶ノ木_3232-2</t>
  </si>
  <si>
    <t>三ケ_茶ノ木_3233-2</t>
  </si>
  <si>
    <t>三ケ_茶ノ木_3294-11</t>
  </si>
  <si>
    <t>三ケ_中原_3313-19</t>
  </si>
  <si>
    <t>三ケ_中原_3313-22</t>
  </si>
  <si>
    <t>三ケ_中原_3313-24</t>
  </si>
  <si>
    <t>立町__1333-4</t>
  </si>
  <si>
    <t>三ケ_中原_3451-3</t>
  </si>
  <si>
    <t>三ケ_中原_3740-5</t>
  </si>
  <si>
    <t>三ケ_中原_3745-5</t>
  </si>
  <si>
    <t>三ケ_中原_3933-4</t>
  </si>
  <si>
    <t>三ケ_中原_3967-5</t>
  </si>
  <si>
    <t>三ケ_中原_3973-5</t>
  </si>
  <si>
    <t>三ケ_中原_4790-6</t>
  </si>
  <si>
    <t>三ケ_中原_4790-7</t>
  </si>
  <si>
    <t>戸破__7001</t>
  </si>
  <si>
    <t>戸破__7003</t>
  </si>
  <si>
    <t>立町__1336-5</t>
  </si>
  <si>
    <t>戸破__7005</t>
  </si>
  <si>
    <t>戸破__7007</t>
  </si>
  <si>
    <t>戸破__7022</t>
  </si>
  <si>
    <t>戸破_針原_2-4</t>
  </si>
  <si>
    <t>戸破_針原_3-4</t>
  </si>
  <si>
    <t>戸破_針原_3-5</t>
  </si>
  <si>
    <t>戸破_針原_8-21</t>
  </si>
  <si>
    <t>戸破_針原_8-22</t>
  </si>
  <si>
    <t>戸破_針原_8-23</t>
  </si>
  <si>
    <t>立町__1337-6</t>
  </si>
  <si>
    <t>戸破_針原_8-24</t>
  </si>
  <si>
    <t>戸破_針原_8-25</t>
  </si>
  <si>
    <t>戸破_針原_8-28</t>
  </si>
  <si>
    <t>戸破_針原_167-8</t>
  </si>
  <si>
    <t>戸破_神明_562-2</t>
  </si>
  <si>
    <t>戸破_四反田_738-2</t>
  </si>
  <si>
    <t>戸破_四反田_747-2</t>
  </si>
  <si>
    <t>戸破_四反田_766-8</t>
  </si>
  <si>
    <t>戸破_四反田_766-9</t>
  </si>
  <si>
    <t>戸破_四反田_766-10</t>
  </si>
  <si>
    <t>立町__1337-8</t>
  </si>
  <si>
    <t>戸破_四反田_766-11</t>
  </si>
  <si>
    <t>戸破_四反田_768-4</t>
  </si>
  <si>
    <t>戸破_四反田_788-2</t>
  </si>
  <si>
    <t>戸破_四反田_795-2</t>
  </si>
  <si>
    <t>戸破_四反田_796-2</t>
  </si>
  <si>
    <t>戸破_四反田_851-2</t>
  </si>
  <si>
    <t>戸破_四反田_852-2</t>
  </si>
  <si>
    <t>戸破_四反田_853-2</t>
  </si>
  <si>
    <t>戸破_四反田_873-4</t>
  </si>
  <si>
    <t>戸破_四反田_884-3</t>
  </si>
  <si>
    <t>庄西町二丁目__712</t>
  </si>
  <si>
    <t>立町__1338-2</t>
  </si>
  <si>
    <t>戸破_四反田_884-19</t>
  </si>
  <si>
    <t>戸破_四反田_884-25</t>
  </si>
  <si>
    <t>戸破_四反田_1030-6</t>
  </si>
  <si>
    <t>戸破_四反田_1030-14</t>
  </si>
  <si>
    <t>戸破_四反田_1030-19</t>
  </si>
  <si>
    <t>戸破_後宝_1107-5</t>
  </si>
  <si>
    <t>戸破_後宝_1163-1</t>
  </si>
  <si>
    <t>戸破_後宝_1163-4</t>
  </si>
  <si>
    <t>戸破_後宝_1176-2</t>
  </si>
  <si>
    <t>戸破_後宝_1176-4</t>
  </si>
  <si>
    <t>立町__1339-2</t>
  </si>
  <si>
    <t>戸破_後宝_1176-5</t>
  </si>
  <si>
    <t>戸破_後宝_1176-10</t>
  </si>
  <si>
    <t>戸破_後宝_1176-11</t>
  </si>
  <si>
    <t>戸破_後宝_1176-12</t>
  </si>
  <si>
    <t>戸破_後宝_1197-3</t>
  </si>
  <si>
    <t>戸破_後宝_1198-3</t>
  </si>
  <si>
    <t>戸破_後宝_1237-3</t>
  </si>
  <si>
    <t>戸破_後宝_1273-4</t>
  </si>
  <si>
    <t>戸破_後宝_1273-7</t>
  </si>
  <si>
    <t>戸破_後宝_1322-2</t>
  </si>
  <si>
    <t>立町__1340-2</t>
  </si>
  <si>
    <t>戸破_後宝_1323-2</t>
  </si>
  <si>
    <t>戸破_後宝_1324-2</t>
  </si>
  <si>
    <t>戸破_後宝_1325-2</t>
  </si>
  <si>
    <t>戸破_後宝_1326-2</t>
  </si>
  <si>
    <t>戸破_後宝_1327-4</t>
  </si>
  <si>
    <t>戸破_加茂_1548-2</t>
  </si>
  <si>
    <t>戸破_加茂_1549-2</t>
  </si>
  <si>
    <t>戸破_加茂_1550-2</t>
  </si>
  <si>
    <t>戸破_加茂_1551-2</t>
  </si>
  <si>
    <t>戸破_加茂_1552-2</t>
  </si>
  <si>
    <t>立町__1341-2</t>
  </si>
  <si>
    <t>戸破_加茂_1553-2</t>
  </si>
  <si>
    <t>戸破_加茂_1554-2</t>
  </si>
  <si>
    <t>戸破_加茂_1555-3</t>
  </si>
  <si>
    <t>戸破_加茂_1557-2</t>
  </si>
  <si>
    <t>戸破_加茂_1558-2</t>
  </si>
  <si>
    <t>戸破_加茂_1559-2</t>
  </si>
  <si>
    <t>戸破_加茂_1560-2</t>
  </si>
  <si>
    <t>戸破_加茂_1561-2</t>
  </si>
  <si>
    <t>戸破_加茂_1562-2</t>
  </si>
  <si>
    <t>戸破_加茂_1563-2</t>
  </si>
  <si>
    <t>立町__1342-2</t>
  </si>
  <si>
    <t>戸破_加茂_1564-2</t>
  </si>
  <si>
    <t>戸破_加茂_1565-2</t>
  </si>
  <si>
    <t>戸破_加茂_1566-2</t>
  </si>
  <si>
    <t>戸破_加茂_1567-2</t>
  </si>
  <si>
    <t>戸破_加茂_1568-2</t>
  </si>
  <si>
    <t>戸破_加茂_1617-2</t>
  </si>
  <si>
    <t>戸破_加茂_1692-1</t>
  </si>
  <si>
    <t>戸破_加茂_1693-1</t>
  </si>
  <si>
    <t>戸破_加茂_1698-2</t>
  </si>
  <si>
    <t>戸破_加茂_1699-5</t>
  </si>
  <si>
    <t>立町__1344-3</t>
  </si>
  <si>
    <t>戸破_加茂_1699-6</t>
  </si>
  <si>
    <t>戸破_加茂_1699-7</t>
  </si>
  <si>
    <t>戸破_加茂_1700-3</t>
  </si>
  <si>
    <t>戸破_加茂_1701-8</t>
  </si>
  <si>
    <t>戸破_加茂_1728-5</t>
  </si>
  <si>
    <t>戸破_加茂_1730-9</t>
  </si>
  <si>
    <t>戸破_加茂_1730-20</t>
  </si>
  <si>
    <t>戸破_加茂_1731-11</t>
  </si>
  <si>
    <t>戸破_加茂_1731-13</t>
  </si>
  <si>
    <t>戸破_加茂_1731-14</t>
  </si>
  <si>
    <t>立町__1345-3</t>
  </si>
  <si>
    <t>戸破_加茂_1731-15</t>
  </si>
  <si>
    <t>戸破_加茂_1731-16</t>
  </si>
  <si>
    <t>戸破_加茂_1731-17</t>
  </si>
  <si>
    <t>戸破_加茂_1731-18</t>
  </si>
  <si>
    <t>戸破_加茂_1731-19</t>
  </si>
  <si>
    <t>戸破_加茂_1732-2</t>
  </si>
  <si>
    <t>戸破_加茂_1733-3</t>
  </si>
  <si>
    <t>戸破_加茂_1733-4</t>
  </si>
  <si>
    <t>戸破_加茂_1734-2</t>
  </si>
  <si>
    <t>戸破_加茂_1735-15</t>
  </si>
  <si>
    <t>立町__1345-5</t>
  </si>
  <si>
    <t>戸破_加茂_1735-16</t>
  </si>
  <si>
    <t>戸破_加茂_1735-17</t>
  </si>
  <si>
    <t>戸破_加茂_1735-18</t>
  </si>
  <si>
    <t>戸破_加茂_1735-19</t>
  </si>
  <si>
    <t>戸破_加茂_1735-20</t>
  </si>
  <si>
    <t>戸破_加茂_1735-21</t>
  </si>
  <si>
    <t>戸破_加茂_1735-22</t>
  </si>
  <si>
    <t>戸破_加茂_1736-2</t>
  </si>
  <si>
    <t>戸破_加茂_1768-4</t>
  </si>
  <si>
    <t>戸破_加茂_1768-5</t>
  </si>
  <si>
    <t>立町__1346-3</t>
  </si>
  <si>
    <t>戸破_加茂_1789-1</t>
  </si>
  <si>
    <t>戸破_加茂_1799-2</t>
  </si>
  <si>
    <t>戸破_加茂_1820-2</t>
  </si>
  <si>
    <t>戸破_加茂_1875-3</t>
  </si>
  <si>
    <t>戸破_加茂_1915-2</t>
  </si>
  <si>
    <t>戸破_加茂_1915-7</t>
  </si>
  <si>
    <t>戸破_加茂_1915-8</t>
  </si>
  <si>
    <t>戸破_加茂_1915-9</t>
  </si>
  <si>
    <t>戸破_加茂_1940-3</t>
  </si>
  <si>
    <t>戸破_加茂_1940-1</t>
  </si>
  <si>
    <t>立町__1346-5</t>
  </si>
  <si>
    <t>戸破_加茂_1941-4</t>
  </si>
  <si>
    <t>戸破_加茂_1942-4</t>
  </si>
  <si>
    <t>戸破_加茂_1943-3</t>
  </si>
  <si>
    <t>戸破_加茂_1944-4</t>
  </si>
  <si>
    <t>戸破_加茂_1948-3</t>
  </si>
  <si>
    <t>戸破_加茂_1949-4</t>
  </si>
  <si>
    <t>戸破_加茂_1950-5</t>
  </si>
  <si>
    <t>戸破_加茂_1950-8</t>
  </si>
  <si>
    <t>戸破_加茂_1951-8</t>
  </si>
  <si>
    <t>戸破_加茂_1951-11</t>
  </si>
  <si>
    <t>庄西町二丁目__714</t>
  </si>
  <si>
    <t>立町__1347-2</t>
  </si>
  <si>
    <t>戸破_神川_2075-2</t>
  </si>
  <si>
    <t>戸破_神川_2075-3</t>
  </si>
  <si>
    <t>戸破_神川_2079-2</t>
  </si>
  <si>
    <t>戸破_神川_2079-3</t>
  </si>
  <si>
    <t>戸破_神川_2099-3</t>
  </si>
  <si>
    <t>戸破_神川_2199-4</t>
  </si>
  <si>
    <t>戸破_神川_2199-5</t>
  </si>
  <si>
    <t>戸破_神川_2254-2</t>
  </si>
  <si>
    <t>戸破_神川_2255-3</t>
  </si>
  <si>
    <t>戸破_神川_2255-4</t>
  </si>
  <si>
    <t>立町__1348-4</t>
  </si>
  <si>
    <t>戸破_神川_2256-2</t>
  </si>
  <si>
    <t>戸破_神川_2257-2</t>
  </si>
  <si>
    <t>戸破_神川_2258-2</t>
  </si>
  <si>
    <t>戸破_神川_2262-7</t>
  </si>
  <si>
    <t>戸破_神川_2410-3</t>
  </si>
  <si>
    <t>戸破_神川_2411-3</t>
  </si>
  <si>
    <t>戸破_神川_2460-8</t>
  </si>
  <si>
    <t>戸破_神川_2505-3</t>
  </si>
  <si>
    <t>戸破_神川_2511-2</t>
  </si>
  <si>
    <t>戸破_神川_2574-2</t>
  </si>
  <si>
    <t>立町__1351-2</t>
  </si>
  <si>
    <t>戸破_神川_2575-2</t>
  </si>
  <si>
    <t>戸破_神川_2576-2</t>
  </si>
  <si>
    <t>戸破_神川_2611-2</t>
  </si>
  <si>
    <t>戸破_神川_2612-2</t>
  </si>
  <si>
    <t>戸破_神川_2614-2</t>
  </si>
  <si>
    <t>戸破_神川_2615-2</t>
  </si>
  <si>
    <t>戸破_神川_2619-2</t>
  </si>
  <si>
    <t>戸破_神川_2620-2</t>
  </si>
  <si>
    <t>戸破_神川_2621-2</t>
  </si>
  <si>
    <t>戸破_神川_2622-2</t>
  </si>
  <si>
    <t>立町__1352-4</t>
  </si>
  <si>
    <t>戸破_神川_2626-4</t>
  </si>
  <si>
    <t>戸破_神川_2631-2</t>
  </si>
  <si>
    <t>戸破_神川_2632-2</t>
  </si>
  <si>
    <t>戸破_神川_2644-3</t>
  </si>
  <si>
    <t>戸破_神川_2644-6</t>
  </si>
  <si>
    <t>戸破_神川_2644-8</t>
  </si>
  <si>
    <t>戸破_神川_2645-4</t>
  </si>
  <si>
    <t>戸破_神川_2649-8</t>
  </si>
  <si>
    <t>戸破_神川_2649-9</t>
  </si>
  <si>
    <t>戸破_神川_2650-3</t>
  </si>
  <si>
    <t>立町__1353-2</t>
  </si>
  <si>
    <t>戸破_神川_2655-5</t>
  </si>
  <si>
    <t>戸破_神川_2656-6</t>
  </si>
  <si>
    <t>戸破_神川_2729-4</t>
  </si>
  <si>
    <t>戸破_神川_2831-8</t>
  </si>
  <si>
    <t>戸破_神川_3304-2</t>
  </si>
  <si>
    <t>戸破_神川_3315-10</t>
  </si>
  <si>
    <t>戸破_神川_3324-3</t>
  </si>
  <si>
    <t>戸破_神川_3523-3</t>
  </si>
  <si>
    <t>戸破_神川_3524-2</t>
  </si>
  <si>
    <t>戸破_神川_3525-2</t>
  </si>
  <si>
    <t>立町__1354-2</t>
  </si>
  <si>
    <t>戸破_神川_3822-3</t>
  </si>
  <si>
    <t>戸破_神川_4200-14</t>
  </si>
  <si>
    <t>戸破_神川_4200-18</t>
  </si>
  <si>
    <t>戸破_神川_4200-20</t>
  </si>
  <si>
    <t>戸破_神川_4200-21</t>
  </si>
  <si>
    <t>戸破_若宮_2772-3</t>
  </si>
  <si>
    <t>戸破_若宮_2773-3</t>
  </si>
  <si>
    <t>戸破_若宮_2774-3</t>
  </si>
  <si>
    <t>戸破_若宮_2775-3</t>
  </si>
  <si>
    <t>戸破_若宮_2776-3</t>
  </si>
  <si>
    <t>立町__1355-3</t>
  </si>
  <si>
    <t>戸破_若宮_2777-3</t>
  </si>
  <si>
    <t>戸破_若宮_2781-3</t>
  </si>
  <si>
    <t>戸破_若宮_2816-2</t>
  </si>
  <si>
    <t>戸破_若宮_3041-19</t>
  </si>
  <si>
    <t>戸破_若宮_3093-31</t>
  </si>
  <si>
    <t>戸破_若宮_3111-3</t>
  </si>
  <si>
    <t>戸破_若宮_3121-2</t>
  </si>
  <si>
    <t>戸破_若宮_3122-2</t>
  </si>
  <si>
    <t>戸破_若宮_3124-2</t>
  </si>
  <si>
    <t>戸破_若宮_3125-2</t>
  </si>
  <si>
    <t>立町__1356-2</t>
  </si>
  <si>
    <t>戸破_若宮_3126-2</t>
  </si>
  <si>
    <t>戸破_若宮_3127-2</t>
  </si>
  <si>
    <t>戸破_若宮_3128-2</t>
  </si>
  <si>
    <t>戸破_若宮_3129-2</t>
  </si>
  <si>
    <t>戸破_若宮_3130-2</t>
  </si>
  <si>
    <t>戸破_若宮_3131-2</t>
  </si>
  <si>
    <t>戸破_若宮_3132-2</t>
  </si>
  <si>
    <t>戸破_若宮_3133-2</t>
  </si>
  <si>
    <t>戸破_若宮_3134-2</t>
  </si>
  <si>
    <t>戸破_若宮_3135-2</t>
  </si>
  <si>
    <t>立町__1472-3</t>
  </si>
  <si>
    <t>戸破_若宮_3136-2</t>
  </si>
  <si>
    <t>戸破_若宮_3137-2</t>
  </si>
  <si>
    <t>戸破_若宮_3138-2</t>
  </si>
  <si>
    <t>戸破_若宮_3139-2</t>
  </si>
  <si>
    <t>戸破_若宮_3140-2</t>
  </si>
  <si>
    <t>戸破_若宮_3141-3</t>
  </si>
  <si>
    <t>戸破_若宮_3141-5</t>
  </si>
  <si>
    <t>戸破_若宮_3142-2</t>
  </si>
  <si>
    <t>戸破_若宮_3143-2</t>
  </si>
  <si>
    <t>戸破_若宮_3144-2</t>
  </si>
  <si>
    <t>立町__1477-2</t>
  </si>
  <si>
    <t>戸破_若宮_3145-2</t>
  </si>
  <si>
    <t>戸破_若宮_3146-2</t>
  </si>
  <si>
    <t>戸破_若宮_3147-6</t>
  </si>
  <si>
    <t>戸破_若宮_3148-3</t>
  </si>
  <si>
    <t>戸破_若宮_3149-1</t>
  </si>
  <si>
    <t>戸破_若宮_3160-3</t>
  </si>
  <si>
    <t>戸破_若宮_3161-2</t>
  </si>
  <si>
    <t>戸破_若宮_3162-2</t>
  </si>
  <si>
    <t>戸破_若宮_3163-2</t>
  </si>
  <si>
    <t>戸破_若宮_3164-2</t>
  </si>
  <si>
    <t>庄西町二丁目__718</t>
  </si>
  <si>
    <t>立町__1478-2</t>
  </si>
  <si>
    <t>戸破_若宮_3165-2</t>
  </si>
  <si>
    <t>戸破_若宮_3166-2</t>
  </si>
  <si>
    <t>戸破_若宮_3167-2</t>
  </si>
  <si>
    <t>戸破_若宮_3168-2</t>
  </si>
  <si>
    <t>戸破_若宮_3169-2</t>
  </si>
  <si>
    <t>戸破_若宮_3170-2</t>
  </si>
  <si>
    <t>戸破_若宮_3171-2</t>
  </si>
  <si>
    <t>戸破_若宮_3173-2</t>
  </si>
  <si>
    <t>戸破_若宮_3174-2</t>
  </si>
  <si>
    <t>戸破_若宮_3175-2</t>
  </si>
  <si>
    <t>立町__1479-2</t>
  </si>
  <si>
    <t>戸破_若宮_3176-2</t>
  </si>
  <si>
    <t>戸破_若宮_3182-2</t>
  </si>
  <si>
    <t>戸破_若宮_3186-2</t>
  </si>
  <si>
    <t>戸破_若宮_3187-2</t>
  </si>
  <si>
    <t>戸破_若宮_3188-2</t>
  </si>
  <si>
    <t>戸破_若宮_3189-2</t>
  </si>
  <si>
    <t>戸破_若宮_3190-2</t>
  </si>
  <si>
    <t>戸破_若宮_3191-2</t>
  </si>
  <si>
    <t>戸破_若宮_3192-2</t>
  </si>
  <si>
    <t>戸破_若宮_3193-2</t>
  </si>
  <si>
    <t>立町__1480-5</t>
  </si>
  <si>
    <t>戸破_若宮_3206-2</t>
  </si>
  <si>
    <t>戸破_若宮_3207-2</t>
  </si>
  <si>
    <t>戸破_若宮_3208-2</t>
  </si>
  <si>
    <t>戸破_若宮_3209-2</t>
  </si>
  <si>
    <t>戸破_若宮_3210-2</t>
  </si>
  <si>
    <t>戸破_若宮_3211-2</t>
  </si>
  <si>
    <t>戸破_若宮_3212-2</t>
  </si>
  <si>
    <t>戸破_若宮_3213-2</t>
  </si>
  <si>
    <t>戸破_若宮_3214-2</t>
  </si>
  <si>
    <t>戸破_若宮_3215-2</t>
  </si>
  <si>
    <t>立町__1520-2</t>
  </si>
  <si>
    <t>戸破_若宮_3223-2</t>
  </si>
  <si>
    <t>戸破_若宮_3224-2</t>
  </si>
  <si>
    <t>戸破_若宮_3225-2</t>
  </si>
  <si>
    <t>戸破_若宮_3226-3</t>
  </si>
  <si>
    <t>戸破_若宮_3226-4</t>
  </si>
  <si>
    <t>戸破_若宮_3227-2</t>
  </si>
  <si>
    <t>戸破_若宮_3228-2</t>
  </si>
  <si>
    <t>戸破_若宮_3229-2</t>
  </si>
  <si>
    <t>戸破_若宮_3230-1</t>
  </si>
  <si>
    <t>戸破_若宮_3231-1</t>
  </si>
  <si>
    <t>立町__1521-2</t>
  </si>
  <si>
    <t>戸破_若宮_3231-2</t>
  </si>
  <si>
    <t>戸破_若宮_3261-5</t>
  </si>
  <si>
    <t>戸破_若宮_3262-3</t>
  </si>
  <si>
    <t>戸破_若宮_3380-3</t>
  </si>
  <si>
    <t>戸破_若宮_3390-2</t>
  </si>
  <si>
    <t>戸破_若宮_3391-2</t>
  </si>
  <si>
    <t>戸破_若宮_3392-2</t>
  </si>
  <si>
    <t>戸破_若宮_3394-2</t>
  </si>
  <si>
    <t>戸破_若宮_3395-2</t>
  </si>
  <si>
    <t>戸破_若宮_3396-4</t>
  </si>
  <si>
    <t>立町__1522-2</t>
  </si>
  <si>
    <t>戸破_若宮_3396-5</t>
  </si>
  <si>
    <t>戸破_若宮_3397-3</t>
  </si>
  <si>
    <t>戸破_若宮_3397-4</t>
  </si>
  <si>
    <t>戸破_若宮_3398-2</t>
  </si>
  <si>
    <t>戸破_若宮_3399-3</t>
  </si>
  <si>
    <t>戸破_若宮_3399-4</t>
  </si>
  <si>
    <t>戸破_若宮_3400-3</t>
  </si>
  <si>
    <t>戸破_若宮_3401-2</t>
  </si>
  <si>
    <t>戸破_若宮_3402-1</t>
  </si>
  <si>
    <t>戸破_若宮_3403-2</t>
  </si>
  <si>
    <t>立町__1523-6</t>
  </si>
  <si>
    <t>戸破_若宮_3404-1</t>
  </si>
  <si>
    <t>戸破_若宮_3446-4</t>
  </si>
  <si>
    <t>戸破_若宮_3446-5</t>
  </si>
  <si>
    <t>戸破_若宮_3446-9</t>
  </si>
  <si>
    <t>戸破_若宮_3447-2</t>
  </si>
  <si>
    <t>戸破_若宮_3448-3</t>
  </si>
  <si>
    <t>戸破_若宮_3449-2</t>
  </si>
  <si>
    <t>戸破_若宮_3450-2</t>
  </si>
  <si>
    <t>戸破_若宮_3451-2</t>
  </si>
  <si>
    <t>戸破_若宮_3461-2</t>
  </si>
  <si>
    <t>立町__1524-2</t>
  </si>
  <si>
    <t>戸破_若宮_3462-2</t>
  </si>
  <si>
    <t>戸破_若宮_3463-2</t>
  </si>
  <si>
    <t>戸破_若宮_3464-2</t>
  </si>
  <si>
    <t>戸破_若宮_3465-3</t>
  </si>
  <si>
    <t>戸破_若宮_3466-3</t>
  </si>
  <si>
    <t>戸破_若宮_3467-2</t>
  </si>
  <si>
    <t>戸破_若宮_3468-2</t>
  </si>
  <si>
    <t>戸破_若宮_3491-2</t>
  </si>
  <si>
    <t>戸破_若宮_3492-2</t>
  </si>
  <si>
    <t>戸破_若宮_3493-2</t>
  </si>
  <si>
    <t>立町__1574-2</t>
  </si>
  <si>
    <t>戸破_若宮_3494-2</t>
  </si>
  <si>
    <t>戸破_若宮_3495-2</t>
  </si>
  <si>
    <t>戸破_若宮_3496-2</t>
  </si>
  <si>
    <t>戸破_若宮_3497-2</t>
  </si>
  <si>
    <t>戸破_若宮_3498-2</t>
  </si>
  <si>
    <t>戸破_若宮_3499-2</t>
  </si>
  <si>
    <t>戸破_若宮_3499-3</t>
  </si>
  <si>
    <t>戸破_若宮_3500-2</t>
  </si>
  <si>
    <t>戸破_若宮_3501-2</t>
  </si>
  <si>
    <t>戸破_若宮_3502-2</t>
  </si>
  <si>
    <t>立町__1576-2</t>
  </si>
  <si>
    <t>戸破_若宮_3503-2</t>
  </si>
  <si>
    <t>戸破_若宮_3508-2</t>
  </si>
  <si>
    <t>戸破_若宮_3509-2</t>
  </si>
  <si>
    <t>戸破_若宮_3510-2</t>
  </si>
  <si>
    <t>戸破_若宮_3511-3</t>
  </si>
  <si>
    <t>戸破_若宮_3512-3</t>
  </si>
  <si>
    <t>戸破_若宮_3514-2</t>
  </si>
  <si>
    <t>戸破_若宮_3515-2</t>
  </si>
  <si>
    <t>戸破_若宮_3516-2</t>
  </si>
  <si>
    <t>戸破_若宮_3517-2</t>
  </si>
  <si>
    <t>港町__654-2</t>
  </si>
  <si>
    <t>立町__1577-2</t>
  </si>
  <si>
    <t>戸破_若宮_3518-2</t>
  </si>
  <si>
    <t>戸破_若宮_3519-2</t>
  </si>
  <si>
    <t>戸破_若宮_3520-2</t>
  </si>
  <si>
    <t>戸破_若宮_3521-2</t>
  </si>
  <si>
    <t>戸破_若宮_3522-3</t>
  </si>
  <si>
    <t>戸破_若宮_3536-3</t>
  </si>
  <si>
    <t>戸破_若宮_3536-4</t>
  </si>
  <si>
    <t>戸破_若宮_3537-2</t>
  </si>
  <si>
    <t>戸破_若宮_3546-1</t>
  </si>
  <si>
    <t>戸破_若宮_3637-1</t>
  </si>
  <si>
    <t>立町__1579-3</t>
  </si>
  <si>
    <t>戸破_若宮_3639-2</t>
  </si>
  <si>
    <t>戸破_若宮_3653-1</t>
  </si>
  <si>
    <t>戸破_若宮_3656-2</t>
  </si>
  <si>
    <t>戸破_若宮_3656-4</t>
  </si>
  <si>
    <t>戸破_若宮_3657-2</t>
  </si>
  <si>
    <t>戸破_若宮_3657-4</t>
  </si>
  <si>
    <t>戸破_若宮_3658-4</t>
  </si>
  <si>
    <t>戸破_若宮_3659-4</t>
  </si>
  <si>
    <t>戸破_若宮_3667-3</t>
  </si>
  <si>
    <t>戸破_若宮_3667-4</t>
  </si>
  <si>
    <t>立町__1579-4</t>
  </si>
  <si>
    <t>戸破_若宮_3668-2</t>
  </si>
  <si>
    <t>戸破_若宮_3669-2</t>
  </si>
  <si>
    <t>戸破_若宮_3670-1</t>
  </si>
  <si>
    <t>戸破_若宮_3671-3</t>
  </si>
  <si>
    <t>戸破_若宮_3672-4</t>
  </si>
  <si>
    <t>戸破_若宮_3674-1</t>
  </si>
  <si>
    <t>戸破_若宮_3675-3</t>
  </si>
  <si>
    <t>戸破_若宮_3676-3</t>
  </si>
  <si>
    <t>戸破_若宮_3695-3</t>
  </si>
  <si>
    <t>戸破_若宮_3705-2</t>
  </si>
  <si>
    <t>立町__1579-6</t>
  </si>
  <si>
    <t>戸破_若宮_3706-3</t>
  </si>
  <si>
    <t>戸破_若宮_3707-2</t>
  </si>
  <si>
    <t>戸破_若宮_3708-2</t>
  </si>
  <si>
    <t>戸破_若宮_3709-3</t>
  </si>
  <si>
    <t>戸破_若宮_3709-4</t>
  </si>
  <si>
    <t>戸破_若宮_3710-3</t>
  </si>
  <si>
    <t>戸破_若宮_4616-3</t>
  </si>
  <si>
    <t>戸破_若宮_4628-2</t>
  </si>
  <si>
    <t>戸破_若宮_4754-3</t>
  </si>
  <si>
    <t>戸破_若宮_4755-3</t>
  </si>
  <si>
    <t>立町__1580-2</t>
  </si>
  <si>
    <t>戸破_若宮_4760-2</t>
  </si>
  <si>
    <t>戸破_若宮_4764-2</t>
  </si>
  <si>
    <t>戸破_若宮_4765-2</t>
  </si>
  <si>
    <t>戸破_若宮_4774-3</t>
  </si>
  <si>
    <t>戸破_若宮_4775-2</t>
  </si>
  <si>
    <t>戸破_若宮_4776-2</t>
  </si>
  <si>
    <t>戸破_若宮_4778-2</t>
  </si>
  <si>
    <t>戸破_若宮_4788-2</t>
  </si>
  <si>
    <t>戸破_若宮_5153-4</t>
  </si>
  <si>
    <t>戸破_神田_3734-3</t>
  </si>
  <si>
    <t>立町__1581-2</t>
  </si>
  <si>
    <t>戸破_神田_3735-3</t>
  </si>
  <si>
    <t>戸破_神田_3736-3</t>
  </si>
  <si>
    <t>戸破_神田_3737-3</t>
  </si>
  <si>
    <t>戸破_神田_3738-3</t>
  </si>
  <si>
    <t>戸破_神田_3739-6</t>
  </si>
  <si>
    <t>戸破_神田_3740-3</t>
  </si>
  <si>
    <t>戸破_神田_3741-5</t>
  </si>
  <si>
    <t>戸破_神田_3741-6</t>
  </si>
  <si>
    <t>戸破_神田_3746-3</t>
  </si>
  <si>
    <t>戸破_神田_3747-3</t>
  </si>
  <si>
    <t>立町__1582-3</t>
  </si>
  <si>
    <t>戸破_神田_3748-4</t>
  </si>
  <si>
    <t>戸破_神田_3749-3</t>
  </si>
  <si>
    <t>戸破_神田_3750-3</t>
  </si>
  <si>
    <t>戸破_神田_3751-3</t>
  </si>
  <si>
    <t>戸破_神田_3752-3</t>
  </si>
  <si>
    <t>戸破_神田_3753-3</t>
  </si>
  <si>
    <t>戸破_神田_3778-3</t>
  </si>
  <si>
    <t>戸破_神田_3779-3</t>
  </si>
  <si>
    <t>戸破_神田_3781-4</t>
  </si>
  <si>
    <t>戸破_神田_3786-3</t>
  </si>
  <si>
    <t>立町__1582-4</t>
  </si>
  <si>
    <t>戸破_神田_3787-3</t>
  </si>
  <si>
    <t>戸破_神田_3788-3</t>
  </si>
  <si>
    <t>戸破_神田_3799-2</t>
  </si>
  <si>
    <t>戸破_神田_3800-2</t>
  </si>
  <si>
    <t>戸破_神田_3806-2</t>
  </si>
  <si>
    <t>戸破_神田_3807-2</t>
  </si>
  <si>
    <t>戸破_神田_3808-4</t>
  </si>
  <si>
    <t>戸破_神田_3808-5</t>
  </si>
  <si>
    <t>戸破_神田_3809-2</t>
  </si>
  <si>
    <t>戸破_神田_3810-2</t>
  </si>
  <si>
    <t>立町__1583-2</t>
  </si>
  <si>
    <t>戸破_神田_3811-2</t>
  </si>
  <si>
    <t>戸破_神田_3814-2</t>
  </si>
  <si>
    <t>戸破_神田_3815-2</t>
  </si>
  <si>
    <t>戸破_神田_3816-2</t>
  </si>
  <si>
    <t>戸破_神田_3817-2</t>
  </si>
  <si>
    <t>戸破_神田_3818-2</t>
  </si>
  <si>
    <t>戸破_神田_3829-4</t>
  </si>
  <si>
    <t>戸破_神田_3830-3</t>
  </si>
  <si>
    <t>戸破_神田_3831-3</t>
  </si>
  <si>
    <t>戸破_神田_3832-3</t>
  </si>
  <si>
    <t>立町__1584-2</t>
  </si>
  <si>
    <t>戸破_神田_3833-3</t>
  </si>
  <si>
    <t>戸破_神田_3834-3</t>
  </si>
  <si>
    <t>戸破_神田_3835-3</t>
  </si>
  <si>
    <t>戸破_神田_3836-3</t>
  </si>
  <si>
    <t>戸破_神田_3934-5</t>
  </si>
  <si>
    <t>戸破_神田_3934-6</t>
  </si>
  <si>
    <t>戸破_神田_3935-3</t>
  </si>
  <si>
    <t>戸破_神田_3936-3</t>
  </si>
  <si>
    <t>戸破_神田_3937-3</t>
  </si>
  <si>
    <t>戸破_神田_3945-3</t>
  </si>
  <si>
    <t>港町__655-2</t>
  </si>
  <si>
    <t>立町__1653-4</t>
  </si>
  <si>
    <t>戸破_神田_3947-2</t>
  </si>
  <si>
    <t>戸破_神田_3947-4</t>
  </si>
  <si>
    <t>戸破_神田_3948-1</t>
  </si>
  <si>
    <t>戸破_神田_3948-2</t>
  </si>
  <si>
    <t>戸破_神田_3949-2</t>
  </si>
  <si>
    <t>戸破_神田_3950-2</t>
  </si>
  <si>
    <t>戸破_神田_3951-2</t>
  </si>
  <si>
    <t>戸破_神田_3955-4</t>
  </si>
  <si>
    <t>戸破_神田_3956-4</t>
  </si>
  <si>
    <t>戸破_神田_3957-4</t>
  </si>
  <si>
    <t>立町__1653-6</t>
  </si>
  <si>
    <t>戸破_神田_3968-3</t>
  </si>
  <si>
    <t>戸破_神田_3977-1</t>
  </si>
  <si>
    <t>戸破_神田_3978-1</t>
  </si>
  <si>
    <t>戸破_神田_3983-3</t>
  </si>
  <si>
    <t>戸破_神田_3985-3</t>
  </si>
  <si>
    <t>戸破_神田_3986-3</t>
  </si>
  <si>
    <t>戸破_神田_3996-3</t>
  </si>
  <si>
    <t>戸破_神田_3997-3</t>
  </si>
  <si>
    <t>戸破_神田_4018-3</t>
  </si>
  <si>
    <t>戸破_神田_4019-3</t>
  </si>
  <si>
    <t>立町__1654-4</t>
  </si>
  <si>
    <t>戸破_神田_4032-3</t>
  </si>
  <si>
    <t>戸破_神田_4087-2</t>
  </si>
  <si>
    <t>戸破_神田_4398-2</t>
  </si>
  <si>
    <t>戸破_神田_4399-2</t>
  </si>
  <si>
    <t>戸破_神田_4400-3</t>
  </si>
  <si>
    <t>戸破_神田_4400-4</t>
  </si>
  <si>
    <t>戸破_神田_4401-3</t>
  </si>
  <si>
    <t>戸破_神田_4402-3</t>
  </si>
  <si>
    <t>戸破_神田_4404-3</t>
  </si>
  <si>
    <t>戸破_神田_4405-3</t>
  </si>
  <si>
    <t>立町__1654-6</t>
  </si>
  <si>
    <t>戸破_神田_4406-3</t>
  </si>
  <si>
    <t>戸破_神田_4407-3</t>
  </si>
  <si>
    <t>戸破_神田_4408-3</t>
  </si>
  <si>
    <t>戸破_神田_4409-3</t>
  </si>
  <si>
    <t>戸破_神田_4410-3</t>
  </si>
  <si>
    <t>戸破_神田_4411-3</t>
  </si>
  <si>
    <t>戸破_神田_4412-3</t>
  </si>
  <si>
    <t>戸破_神田_4413-5</t>
  </si>
  <si>
    <t>戸破_神田_4413-6</t>
  </si>
  <si>
    <t>戸破_神田_4414-3</t>
  </si>
  <si>
    <t>立町__1655-4</t>
  </si>
  <si>
    <t>戸破_神田_4415-3</t>
  </si>
  <si>
    <t>戸破_神田_4416-3</t>
  </si>
  <si>
    <t>戸破_神田_4417-6</t>
  </si>
  <si>
    <t>戸破_神田_4418-8</t>
  </si>
  <si>
    <t>戸破_神田_4419-4</t>
  </si>
  <si>
    <t>戸破_神田_4419-5</t>
  </si>
  <si>
    <t>戸破_神田_4420-6</t>
  </si>
  <si>
    <t>戸破_神田_4420-7</t>
  </si>
  <si>
    <t>戸破_神田_4420-8</t>
  </si>
  <si>
    <t>戸破_神田_4420-9</t>
  </si>
  <si>
    <t>立町__1656-5</t>
  </si>
  <si>
    <t>戸破_神田_4421-3</t>
  </si>
  <si>
    <t>戸破_神田_4421-4</t>
  </si>
  <si>
    <t>戸破_神田_4422-3</t>
  </si>
  <si>
    <t>戸破_神田_4422-5</t>
  </si>
  <si>
    <t>戸破_神田_4423-3</t>
  </si>
  <si>
    <t>戸破_神田_4423-4</t>
  </si>
  <si>
    <t>戸破_神田_4424-3</t>
  </si>
  <si>
    <t>戸破_神田_4424-4</t>
  </si>
  <si>
    <t>戸破_神田_4425-3</t>
  </si>
  <si>
    <t>戸破_神田_4425-4</t>
  </si>
  <si>
    <t>立町__1656-8</t>
  </si>
  <si>
    <t>戸破_神田_4436-2</t>
  </si>
  <si>
    <t>戸破_神田_4437-2</t>
  </si>
  <si>
    <t>戸破_神田_4438-2</t>
  </si>
  <si>
    <t>戸破_神田_4439-2</t>
  </si>
  <si>
    <t>戸破_神田_4440-2</t>
  </si>
  <si>
    <t>戸破_神田_4441-2</t>
  </si>
  <si>
    <t>戸破_神田_4442-2</t>
  </si>
  <si>
    <t>戸破_神田_4443-2</t>
  </si>
  <si>
    <t>戸破_神田_4444-2</t>
  </si>
  <si>
    <t>戸破_神田_4445-2</t>
  </si>
  <si>
    <t>立町__1657-9</t>
  </si>
  <si>
    <t>戸破_神田_4446-2</t>
  </si>
  <si>
    <t>戸破_神田_4447-2</t>
  </si>
  <si>
    <t>戸破_神田_4448-2</t>
  </si>
  <si>
    <t>戸破_神田_4448-3</t>
  </si>
  <si>
    <t>戸破_神田_4449-2</t>
  </si>
  <si>
    <t>戸破_神田_4449-3</t>
  </si>
  <si>
    <t>戸破_神田_4450-2</t>
  </si>
  <si>
    <t>戸破_神田_4450-3</t>
  </si>
  <si>
    <t>戸破_神田_4553-3</t>
  </si>
  <si>
    <t>戸破_神田_4554-2</t>
  </si>
  <si>
    <t>立町__1657-11</t>
  </si>
  <si>
    <t>戸破_神田_4558-2</t>
  </si>
  <si>
    <t>戸破_神田_4559-2</t>
  </si>
  <si>
    <t>戸破_神田_4591-2</t>
  </si>
  <si>
    <t>戸破_神田_4592-2</t>
  </si>
  <si>
    <t>戸破_神田_4593-2</t>
  </si>
  <si>
    <t>戸破_神田_4594-2</t>
  </si>
  <si>
    <t>戸破_神田_4595-2</t>
  </si>
  <si>
    <t>戸破_神田_4596-2</t>
  </si>
  <si>
    <t>戸破_神田_4597-2</t>
  </si>
  <si>
    <t>戸破_神田_4598-2</t>
  </si>
  <si>
    <t>立町__1658-3</t>
  </si>
  <si>
    <t>戸破_神田_4599-4</t>
  </si>
  <si>
    <t>戸破_神田_4600-3</t>
  </si>
  <si>
    <t>戸破_神田_4600-4</t>
  </si>
  <si>
    <t>戸破_神田_4601-3</t>
  </si>
  <si>
    <t>戸破_神田_4601-4</t>
  </si>
  <si>
    <t>戸破_神田_4602-3</t>
  </si>
  <si>
    <t>戸破_神田_4602-4</t>
  </si>
  <si>
    <t>戸破_神田_4603-3</t>
  </si>
  <si>
    <t>戸破_神田_4603-4</t>
  </si>
  <si>
    <t>戸破_神田_4604-3</t>
  </si>
  <si>
    <t>港町__730-2</t>
  </si>
  <si>
    <t>立町__1658-5</t>
  </si>
  <si>
    <t>戸破_神田_4604-4</t>
  </si>
  <si>
    <t>戸破_神田_4605-3</t>
  </si>
  <si>
    <t>戸破_神田_4605-4</t>
  </si>
  <si>
    <t>戸破_神田_4606-3</t>
  </si>
  <si>
    <t>戸破_神田_4606-4</t>
  </si>
  <si>
    <t>戸破_神田_4607-3</t>
  </si>
  <si>
    <t>戸破_神田_4607-4</t>
  </si>
  <si>
    <t>戸破_神田_4608-4</t>
  </si>
  <si>
    <t>戸破_神田_4610-3</t>
  </si>
  <si>
    <t>戸破_神田_4611-3</t>
  </si>
  <si>
    <t>立町__1659-10</t>
  </si>
  <si>
    <t>戸破_神田_4611-4</t>
  </si>
  <si>
    <t>戸破_神田_4612-3</t>
  </si>
  <si>
    <t>戸破_神田_4612-4</t>
  </si>
  <si>
    <t>戸破_神田_4613-3</t>
  </si>
  <si>
    <t>戸破_神田_4613-4</t>
  </si>
  <si>
    <t>戸破_神田_4614-3</t>
  </si>
  <si>
    <t>戸破_神田_4615-3</t>
  </si>
  <si>
    <t>戸破_神田_4620-3</t>
  </si>
  <si>
    <t>戸破_神田_4621-3</t>
  </si>
  <si>
    <t>戸破_神田_4622-3</t>
  </si>
  <si>
    <t>立町__1659-13</t>
  </si>
  <si>
    <t>戸破_神田_4630-3</t>
  </si>
  <si>
    <t>戸破_神田_4631-3</t>
  </si>
  <si>
    <t>戸破_神田_4632-3</t>
  </si>
  <si>
    <t>戸破_神田_4633-3</t>
  </si>
  <si>
    <t>戸破_神田_4634-3</t>
  </si>
  <si>
    <t>戸破_神田_4637-3</t>
  </si>
  <si>
    <t>戸破_神田_4638-4</t>
  </si>
  <si>
    <t>戸破_神田_4665-2</t>
  </si>
  <si>
    <t>戸破_神田_4666-2</t>
  </si>
  <si>
    <t>戸破_神田_4667-2</t>
  </si>
  <si>
    <t>立町__1659-16</t>
  </si>
  <si>
    <t>戸破_神田_4670-2</t>
  </si>
  <si>
    <t>戸破_神田_4671-2</t>
  </si>
  <si>
    <t>戸破_神田_4672-2</t>
  </si>
  <si>
    <t>戸破_神田_4720-3</t>
  </si>
  <si>
    <t>戸破_神田_4721-3</t>
  </si>
  <si>
    <t>戸破_神田_4722-3</t>
  </si>
  <si>
    <t>戸破_神田_4723-3</t>
  </si>
  <si>
    <t>戸破_神田_4724-3</t>
  </si>
  <si>
    <t>戸破_神田_4725-3</t>
  </si>
  <si>
    <t>戸破_神田_4726-3</t>
  </si>
  <si>
    <t>立町__1660-2</t>
  </si>
  <si>
    <t>戸破_神田_4727-3</t>
  </si>
  <si>
    <t>戸破_神田_4728-4</t>
  </si>
  <si>
    <t>戸破_神田_4728-5</t>
  </si>
  <si>
    <t>戸破_神田_4729-3</t>
  </si>
  <si>
    <t>戸破_神田_4730-3</t>
  </si>
  <si>
    <t>戸破_神田_4731-5</t>
  </si>
  <si>
    <t>戸破_神田_4731-6</t>
  </si>
  <si>
    <t>戸破_神田_4732-3</t>
  </si>
  <si>
    <t>戸破_神田_4733-5</t>
  </si>
  <si>
    <t>戸破_神田_4733-6</t>
  </si>
  <si>
    <t>立町__1661-3</t>
  </si>
  <si>
    <t>戸破_神田_4734-3</t>
  </si>
  <si>
    <t>戸破_神田_4735-3</t>
  </si>
  <si>
    <t>戸破_神田_4736-3</t>
  </si>
  <si>
    <t>戸破_神田_4737-3</t>
  </si>
  <si>
    <t>戸破_神田_4738-3</t>
  </si>
  <si>
    <t>戸破_神田_4739-3</t>
  </si>
  <si>
    <t>戸破_神田_4740-3</t>
  </si>
  <si>
    <t>戸破_神田_4741-3</t>
  </si>
  <si>
    <t>戸破_神田_4742-3</t>
  </si>
  <si>
    <t>戸破_神田_4743-3</t>
  </si>
  <si>
    <t>立町__1661-4</t>
  </si>
  <si>
    <t>戸破_神田_4744-3</t>
  </si>
  <si>
    <t>戸破_神田_4745-3</t>
  </si>
  <si>
    <t>戸破_神田_4746-3</t>
  </si>
  <si>
    <t>戸破_神田_4746-4</t>
  </si>
  <si>
    <t>戸破_神田_4747-4</t>
  </si>
  <si>
    <t>戸破_神田_4748-4</t>
  </si>
  <si>
    <t>戸破_神田_4749-4</t>
  </si>
  <si>
    <t>戸破_神田_4751-4</t>
  </si>
  <si>
    <t>戸破_神田_4790-3</t>
  </si>
  <si>
    <t>戸破_神田_4790-4</t>
  </si>
  <si>
    <t>立町__1662-3</t>
  </si>
  <si>
    <t>戸破_神田_4791-3</t>
  </si>
  <si>
    <t>戸破_神田_4792-3</t>
  </si>
  <si>
    <t>戸破_神田_4793-3</t>
  </si>
  <si>
    <t>戸破_神田_4794-3</t>
  </si>
  <si>
    <t>戸破_神田_4795-3</t>
  </si>
  <si>
    <t>戸破_神田_4796-3</t>
  </si>
  <si>
    <t>戸破_神田_4797-3</t>
  </si>
  <si>
    <t>戸破_神田_4798-3</t>
  </si>
  <si>
    <t>戸破_神田_4801-3</t>
  </si>
  <si>
    <t>戸破_神田_4802-3</t>
  </si>
  <si>
    <t>八幡町一丁目__985-3</t>
  </si>
  <si>
    <t>戸破_神田_4803-3</t>
  </si>
  <si>
    <t>戸破_神田_4804-3</t>
  </si>
  <si>
    <t>戸破_神田_4805-3</t>
  </si>
  <si>
    <t>戸破_神田_4806-3</t>
  </si>
  <si>
    <t>戸破_神田_4807-3</t>
  </si>
  <si>
    <t>戸破_神田_4808-3</t>
  </si>
  <si>
    <t>戸破_神田_4809-3</t>
  </si>
  <si>
    <t>戸破_神田_4810-5</t>
  </si>
  <si>
    <t>戸破_神田_4810-6</t>
  </si>
  <si>
    <t>戸破_神田_4811-3</t>
  </si>
  <si>
    <t>八幡町一丁目__987-2</t>
  </si>
  <si>
    <t>戸破_神田_4812-3</t>
  </si>
  <si>
    <t>戸破_神田_4813-3</t>
  </si>
  <si>
    <t>戸破_神田_4814-3</t>
  </si>
  <si>
    <t>戸破_神田_4815-3</t>
  </si>
  <si>
    <t>戸破_神田_4816-3</t>
  </si>
  <si>
    <t>戸破_神田_4817-3</t>
  </si>
  <si>
    <t>戸破_神田_4818-3</t>
  </si>
  <si>
    <t>戸破_神田_4819-3</t>
  </si>
  <si>
    <t>戸破_神田_4820-3</t>
  </si>
  <si>
    <t>戸破_神田_4821-3</t>
  </si>
  <si>
    <t>港町__733-2</t>
  </si>
  <si>
    <t>八幡町一丁目__988-3</t>
  </si>
  <si>
    <t>戸破_神田_4822-3</t>
  </si>
  <si>
    <t>戸破_神田_6240-3</t>
  </si>
  <si>
    <t>戸破_神田_6240-4</t>
  </si>
  <si>
    <t>手崎__1660</t>
  </si>
  <si>
    <t>手崎__1702</t>
  </si>
  <si>
    <t>手崎__1717</t>
  </si>
  <si>
    <t>手崎__1723</t>
  </si>
  <si>
    <t>手崎__1725</t>
  </si>
  <si>
    <t>手崎__1738</t>
  </si>
  <si>
    <t>手崎__1739</t>
  </si>
  <si>
    <t>八幡町一丁目__994-2</t>
  </si>
  <si>
    <t>手崎_常久_1-2</t>
  </si>
  <si>
    <t>手崎_常久_42-3</t>
  </si>
  <si>
    <t>手崎_常久_53-3</t>
  </si>
  <si>
    <t>手崎_常久_55-3</t>
  </si>
  <si>
    <t>手崎_常久_103-2</t>
  </si>
  <si>
    <t>手崎_常久_116-4</t>
  </si>
  <si>
    <t>手崎_前田_224-5</t>
  </si>
  <si>
    <t>手崎_前田_320-7</t>
  </si>
  <si>
    <t>手崎_針原_266-5</t>
  </si>
  <si>
    <t>手崎_針原_275-4</t>
  </si>
  <si>
    <t>八幡町一丁目__995-2</t>
  </si>
  <si>
    <t>手崎_針原_275-8</t>
  </si>
  <si>
    <t>手崎_針原_286-4</t>
  </si>
  <si>
    <t>手崎_針原_294-4</t>
  </si>
  <si>
    <t>手崎_針原_295-3</t>
  </si>
  <si>
    <t>手崎_針原_295-5</t>
  </si>
  <si>
    <t>手崎_針原_353-2</t>
  </si>
  <si>
    <t>手崎_針原_364-4</t>
  </si>
  <si>
    <t>手崎_針原_364-5</t>
  </si>
  <si>
    <t>手崎_針原_365-5</t>
  </si>
  <si>
    <t>手崎_針原_365-6</t>
  </si>
  <si>
    <t>八幡町一丁目__996-2</t>
  </si>
  <si>
    <t>手崎_針原_365-7</t>
  </si>
  <si>
    <t>手崎_針原_365-8</t>
  </si>
  <si>
    <t>手崎_針原_365-9</t>
  </si>
  <si>
    <t>手崎_払堂_377-2</t>
  </si>
  <si>
    <t>手崎_払堂_394-2</t>
  </si>
  <si>
    <t>手崎_払堂_409-1</t>
  </si>
  <si>
    <t>手崎_払堂_421-2</t>
  </si>
  <si>
    <t>手崎_払堂_422-2</t>
  </si>
  <si>
    <t>手崎_払堂_423-2</t>
  </si>
  <si>
    <t>手崎_払堂_424-2</t>
  </si>
  <si>
    <t>八幡町一丁目__997-2</t>
  </si>
  <si>
    <t>手崎_払堂_425-2</t>
  </si>
  <si>
    <t>手崎_払堂_426-2</t>
  </si>
  <si>
    <t>手崎_払堂_427-2</t>
  </si>
  <si>
    <t>手崎_払堂_429-2</t>
  </si>
  <si>
    <t>手崎_払堂_457-4</t>
  </si>
  <si>
    <t>手崎_払堂_457-5</t>
  </si>
  <si>
    <t>手崎_払堂_457-6</t>
  </si>
  <si>
    <t>手崎_払堂_458-8</t>
  </si>
  <si>
    <t>手崎_払堂_458-9</t>
  </si>
  <si>
    <t>手崎_払堂_458-10</t>
  </si>
  <si>
    <t>八幡町三丁目__734-3</t>
  </si>
  <si>
    <t>手崎_払堂_458-11</t>
  </si>
  <si>
    <t>手崎_払堂_458-12</t>
  </si>
  <si>
    <t>手崎_払堂_458-13</t>
  </si>
  <si>
    <t>手崎_払堂_464-5</t>
  </si>
  <si>
    <t>手崎_払堂_464-6</t>
  </si>
  <si>
    <t>手崎_払堂_464-7</t>
  </si>
  <si>
    <t>手崎_払堂_464-8</t>
  </si>
  <si>
    <t>手崎_払堂_465-9</t>
  </si>
  <si>
    <t>手崎_払堂_465-10</t>
  </si>
  <si>
    <t>手崎_払堂_465-11</t>
  </si>
  <si>
    <t>八幡町三丁目__735-2</t>
  </si>
  <si>
    <t>手崎_払堂_465-12</t>
  </si>
  <si>
    <t>手崎_払堂_465-13</t>
  </si>
  <si>
    <t>手崎_払堂_465-14</t>
  </si>
  <si>
    <t>手崎_払堂_465-15</t>
  </si>
  <si>
    <t>手崎_払堂_465-16</t>
  </si>
  <si>
    <t>手崎_払堂_470-4</t>
  </si>
  <si>
    <t>手崎_払堂_471-3</t>
  </si>
  <si>
    <t>手崎_払堂_482-2</t>
  </si>
  <si>
    <t>手崎_払堂_483-2</t>
  </si>
  <si>
    <t>手崎_払堂_493-2</t>
  </si>
  <si>
    <t>八幡町三丁目__735-3</t>
  </si>
  <si>
    <t>手崎_石太郎_598-3</t>
  </si>
  <si>
    <t>手崎_石太郎_598-4</t>
  </si>
  <si>
    <t>手崎_石太郎_600-2</t>
  </si>
  <si>
    <t>手崎_石太郎_609-2</t>
  </si>
  <si>
    <t>手崎_石太郎_610-2</t>
  </si>
  <si>
    <t>手崎_石太郎_611-2</t>
  </si>
  <si>
    <t>手崎_石太郎_612-2</t>
  </si>
  <si>
    <t>手崎_石太郎_613-2</t>
  </si>
  <si>
    <t>手崎_石太郎_614-2</t>
  </si>
  <si>
    <t>手崎_石太郎_615-2</t>
  </si>
  <si>
    <t>八幡町三丁目__995</t>
  </si>
  <si>
    <t>手崎_石太郎_616-2</t>
  </si>
  <si>
    <t>手崎_石太郎_617-2</t>
  </si>
  <si>
    <t>手崎_石太郎_868-2</t>
  </si>
  <si>
    <t>手崎_石太郎_912-2</t>
  </si>
  <si>
    <t>手崎_石太郎_913-3</t>
  </si>
  <si>
    <t>手崎_石太郎_914-3</t>
  </si>
  <si>
    <t>手崎_石太郎_916-3</t>
  </si>
  <si>
    <t>手崎_石太郎_927-2</t>
  </si>
  <si>
    <t>手崎_石太郎_930-2</t>
  </si>
  <si>
    <t>手崎_石太郎_1002-1</t>
  </si>
  <si>
    <t>中新湊__195-8</t>
  </si>
  <si>
    <t>手崎_石太郎_1002-32</t>
  </si>
  <si>
    <t>手崎_石太郎_1005-4</t>
  </si>
  <si>
    <t>手崎_石太郎_1005-10</t>
  </si>
  <si>
    <t>手崎_石太郎_1008-2</t>
  </si>
  <si>
    <t>手崎_石太郎_1091-2</t>
  </si>
  <si>
    <t>手崎_石太郎_1092-2</t>
  </si>
  <si>
    <t>手崎_石太郎_1093-2</t>
  </si>
  <si>
    <t>手崎_石太郎_1102-3</t>
  </si>
  <si>
    <t>手崎_石太郎_1123-2</t>
  </si>
  <si>
    <t>手崎_石太郎_1140-2</t>
  </si>
  <si>
    <t>庄西町一丁目__638-4</t>
  </si>
  <si>
    <t>港町__734-2</t>
  </si>
  <si>
    <t>中新湊__216-16</t>
  </si>
  <si>
    <t>手崎_石太郎_1141-3</t>
  </si>
  <si>
    <t>手崎_石太郎_1147-2</t>
  </si>
  <si>
    <t>手崎_石太郎_1147-4</t>
  </si>
  <si>
    <t>手崎_石太郎_1154-3</t>
  </si>
  <si>
    <t>手崎_石太郎_1154-4</t>
  </si>
  <si>
    <t>手崎_石太郎_1178-2</t>
  </si>
  <si>
    <t>手崎_石太郎_1178-3</t>
  </si>
  <si>
    <t>手崎_石太郎_1262-5</t>
  </si>
  <si>
    <t>手崎_石太郎_1262-6</t>
  </si>
  <si>
    <t>手崎_八枚田_1275-5</t>
  </si>
  <si>
    <t>二の丸町__3-1</t>
  </si>
  <si>
    <t>手崎_八枚田_1275-6</t>
  </si>
  <si>
    <t>手崎_八枚田_1275-7</t>
  </si>
  <si>
    <t>手崎_八枚田_1276-2</t>
  </si>
  <si>
    <t>手崎_八枚田_1355-6</t>
  </si>
  <si>
    <t>手崎_八枚田_1355-7</t>
  </si>
  <si>
    <t>手崎_八枚田_1356-1</t>
  </si>
  <si>
    <t>手崎_八枚田_1357-10</t>
  </si>
  <si>
    <t>手崎_八枚田_1357-23</t>
  </si>
  <si>
    <t>手崎_八枚田_1357-26</t>
  </si>
  <si>
    <t>手崎_八枚田_1357-30</t>
  </si>
  <si>
    <t>二の丸町__47-4</t>
  </si>
  <si>
    <t>手崎_田数_1364-2</t>
  </si>
  <si>
    <t>手崎_田数_1365-2</t>
  </si>
  <si>
    <t>手崎_田数_1372-2</t>
  </si>
  <si>
    <t>手崎_田数_1373-2</t>
  </si>
  <si>
    <t>手崎_田数_1374-2</t>
  </si>
  <si>
    <t>手崎_田数_1477-1</t>
  </si>
  <si>
    <t>手崎_田数_1479-2</t>
  </si>
  <si>
    <t>手崎_田数_1480-2</t>
  </si>
  <si>
    <t>手崎_田数_1483-2</t>
  </si>
  <si>
    <t>手崎_田数_1485-2</t>
  </si>
  <si>
    <t>二の丸町__48-2</t>
  </si>
  <si>
    <t>手崎_田数_1486-2</t>
  </si>
  <si>
    <t>手崎_田数_1487-2</t>
  </si>
  <si>
    <t>手崎_田数_1488-2</t>
  </si>
  <si>
    <t>手崎_田数_1569-2</t>
  </si>
  <si>
    <t>手崎_田数_1571-2</t>
  </si>
  <si>
    <t>手崎_田数_1573-2</t>
  </si>
  <si>
    <t>手崎_田数_1624-3</t>
  </si>
  <si>
    <t>手崎_田数_1624-4</t>
  </si>
  <si>
    <t>手崎_田数_1631-8</t>
  </si>
  <si>
    <t>手崎_田数_1631-9</t>
  </si>
  <si>
    <t>二の丸町__50-4</t>
  </si>
  <si>
    <t>手崎_田数_1632-10</t>
  </si>
  <si>
    <t>手崎_田数_1632-11</t>
  </si>
  <si>
    <t>手崎_田数_1632-12</t>
  </si>
  <si>
    <t>手崎_田数_1632-13</t>
  </si>
  <si>
    <t>手崎_中若宮_252-6</t>
  </si>
  <si>
    <t>手崎_日田_253-5</t>
  </si>
  <si>
    <t>手崎_日田_312-4</t>
  </si>
  <si>
    <t>橋下条__77-3</t>
  </si>
  <si>
    <t>橋下条__104-3</t>
  </si>
  <si>
    <t>橋下条__105-2</t>
  </si>
  <si>
    <t>二の丸町__52-1</t>
  </si>
  <si>
    <t>橋下条__105-4</t>
  </si>
  <si>
    <t>橋下条__113-3</t>
  </si>
  <si>
    <t>橋下条__116-2</t>
  </si>
  <si>
    <t>橋下条__133-2</t>
  </si>
  <si>
    <t>橋下条__134-2</t>
  </si>
  <si>
    <t>橋下条__140-3</t>
  </si>
  <si>
    <t>橋下条__142-3</t>
  </si>
  <si>
    <t>橋下条__231-3</t>
  </si>
  <si>
    <t>橋下条__404-2</t>
  </si>
  <si>
    <t>橋下条__470-2</t>
  </si>
  <si>
    <t>二の丸町__143-1</t>
  </si>
  <si>
    <t>橋下条__481-8</t>
  </si>
  <si>
    <t>橋下条__499-5</t>
  </si>
  <si>
    <t>橋下条__521-4</t>
  </si>
  <si>
    <t>橋下条__528-2</t>
  </si>
  <si>
    <t>橋下条__534-2</t>
  </si>
  <si>
    <t>橋下条__535-2</t>
  </si>
  <si>
    <t>橋下条__541-2</t>
  </si>
  <si>
    <t>橋下条__551-2</t>
  </si>
  <si>
    <t>橋下条__632-2</t>
  </si>
  <si>
    <t>橋下条__658-2</t>
  </si>
  <si>
    <t>二の丸町__164-13</t>
  </si>
  <si>
    <t>橋下条__665-2</t>
  </si>
  <si>
    <t>橋下条__672-2</t>
  </si>
  <si>
    <t>橋下条__673-2</t>
  </si>
  <si>
    <t>橋下条__694-2</t>
  </si>
  <si>
    <t>橋下条__696-2</t>
  </si>
  <si>
    <t>橋下条__756-2</t>
  </si>
  <si>
    <t>橋下条__757-2</t>
  </si>
  <si>
    <t>橋下条__796-2</t>
  </si>
  <si>
    <t>橋下条__797-2</t>
  </si>
  <si>
    <t>橋下条__800-2</t>
  </si>
  <si>
    <t>二の丸町__164-14</t>
  </si>
  <si>
    <t>橋下条__801-2</t>
  </si>
  <si>
    <t>橋下条__802-2</t>
  </si>
  <si>
    <t>橋下条__802-3</t>
  </si>
  <si>
    <t>橋下条__803-2</t>
  </si>
  <si>
    <t>橋下条__804-2</t>
  </si>
  <si>
    <t>橋下条__812-2</t>
  </si>
  <si>
    <t>橋下条__813-2</t>
  </si>
  <si>
    <t>橋下条__814-2</t>
  </si>
  <si>
    <t>橋下条__815-2</t>
  </si>
  <si>
    <t>橋下条__816-2</t>
  </si>
  <si>
    <t>二の丸町__164-15</t>
  </si>
  <si>
    <t>橋下条__816-3</t>
  </si>
  <si>
    <t>橋下条__817-2</t>
  </si>
  <si>
    <t>橋下条__818-2</t>
  </si>
  <si>
    <t>橋下条__819-2</t>
  </si>
  <si>
    <t>橋下条__820-2</t>
  </si>
  <si>
    <t>橋下条__821-2</t>
  </si>
  <si>
    <t>橋下条__825-2</t>
  </si>
  <si>
    <t>橋下条__835-2</t>
  </si>
  <si>
    <t>橋下条__850-2</t>
  </si>
  <si>
    <t>橋下条__851-2</t>
  </si>
  <si>
    <t>港町__737-2</t>
  </si>
  <si>
    <t>二の丸町__164-16</t>
  </si>
  <si>
    <t>橋下条__852-2</t>
  </si>
  <si>
    <t>橋下条__853-2</t>
  </si>
  <si>
    <t>橋下条__854-2</t>
  </si>
  <si>
    <t>橋下条__935-2</t>
  </si>
  <si>
    <t>橋下条__936-2</t>
  </si>
  <si>
    <t>橋下条__998-2</t>
  </si>
  <si>
    <t>橋下条__1069-2</t>
  </si>
  <si>
    <t>橋下条__1074-2</t>
  </si>
  <si>
    <t>橋下条__1075-2</t>
  </si>
  <si>
    <t>橋下条__1076-2</t>
  </si>
  <si>
    <t>二の丸町__164-17</t>
  </si>
  <si>
    <t>橋下条__1183-3</t>
  </si>
  <si>
    <t>橋下条__1191-2</t>
  </si>
  <si>
    <t>橋下条__1192-2</t>
  </si>
  <si>
    <t>橋下条__1194-2</t>
  </si>
  <si>
    <t>橋下条__1358-2</t>
  </si>
  <si>
    <t>橋下条__1370-3</t>
  </si>
  <si>
    <t>橋下条__1411-1</t>
  </si>
  <si>
    <t>橋下条__1411-2</t>
  </si>
  <si>
    <t>橋下条__1535-2</t>
  </si>
  <si>
    <t>橋下条__1537-2</t>
  </si>
  <si>
    <t>二の丸町__183-1</t>
  </si>
  <si>
    <t>橋下条__1537-3</t>
  </si>
  <si>
    <t>橋下条__1537-4</t>
  </si>
  <si>
    <t>橋下条__1538</t>
  </si>
  <si>
    <t>橋下条__1539-2</t>
  </si>
  <si>
    <t>橋下条__1554-2</t>
  </si>
  <si>
    <t>橋下条__1555-2</t>
  </si>
  <si>
    <t>橋下条__1556-2</t>
  </si>
  <si>
    <t>橋下条__1557-2</t>
  </si>
  <si>
    <t>橋下条__1558-2</t>
  </si>
  <si>
    <t>橋下条__1559-2</t>
  </si>
  <si>
    <t>二の丸町__202-2</t>
  </si>
  <si>
    <t>橋下条__1562-2</t>
  </si>
  <si>
    <t>橋下条__1568-2</t>
  </si>
  <si>
    <t>橋下条__1569-2</t>
  </si>
  <si>
    <t>橋下条__1569-3</t>
  </si>
  <si>
    <t>橋下条__1570-3</t>
  </si>
  <si>
    <t>橋下条__1570-4</t>
  </si>
  <si>
    <t>橋下条__1572-2</t>
  </si>
  <si>
    <t>橋下条__1574-2</t>
  </si>
  <si>
    <t>橋下条__1575-2</t>
  </si>
  <si>
    <t>橋下条__1579-2</t>
  </si>
  <si>
    <t>二の丸町__221-7</t>
  </si>
  <si>
    <t>橋下条__1615-5</t>
  </si>
  <si>
    <t>橋下条__1623-2</t>
  </si>
  <si>
    <t>橋下条__1624-2</t>
  </si>
  <si>
    <t>橋下条__1656-2</t>
  </si>
  <si>
    <t>橋下条__1658-2</t>
  </si>
  <si>
    <t>橋下条__1659-2</t>
  </si>
  <si>
    <t>橋下条__1848-2</t>
  </si>
  <si>
    <t>橋下条__1849-2</t>
  </si>
  <si>
    <t>橋下条__1850-2</t>
  </si>
  <si>
    <t>橋下条__1851-2</t>
  </si>
  <si>
    <t>二の丸町__221-8</t>
  </si>
  <si>
    <t>橋下条__1852-2</t>
  </si>
  <si>
    <t>橋下条__1853-2</t>
  </si>
  <si>
    <t>橋下条__1854-2</t>
  </si>
  <si>
    <t>橋下条__1855-2</t>
  </si>
  <si>
    <t>橋下条__1856-2</t>
  </si>
  <si>
    <t>橋下条__1857-2</t>
  </si>
  <si>
    <t>橋下条__1858-2</t>
  </si>
  <si>
    <t>橋下条__1859-2</t>
  </si>
  <si>
    <t>橋下条__1860-2</t>
  </si>
  <si>
    <t>橋下条__1861-2</t>
  </si>
  <si>
    <t>二の丸町__235-2</t>
  </si>
  <si>
    <t>橋下条__1862-2</t>
  </si>
  <si>
    <t>橋下条__1863-2</t>
  </si>
  <si>
    <t>橋下条__1864-2</t>
  </si>
  <si>
    <t>橋下条__1865-2</t>
  </si>
  <si>
    <t>橋下条__1894-2</t>
  </si>
  <si>
    <t>橋下条__1895-2</t>
  </si>
  <si>
    <t>橋下条__1896-2</t>
  </si>
  <si>
    <t>橋下条__1897-2</t>
  </si>
  <si>
    <t>橋下条__1898-2</t>
  </si>
  <si>
    <t>橋下条__1899-2</t>
  </si>
  <si>
    <t>西新湊__32-3</t>
  </si>
  <si>
    <t>橋下条__1900-2</t>
  </si>
  <si>
    <t>橋下条__1901-2</t>
  </si>
  <si>
    <t>橋下条__1902-2</t>
  </si>
  <si>
    <t>橋下条__1903-2</t>
  </si>
  <si>
    <t>橋下条__1904-2</t>
  </si>
  <si>
    <t>橋下条__1905-2</t>
  </si>
  <si>
    <t>橋下条__1906-2</t>
  </si>
  <si>
    <t>橋下条__1907-2</t>
  </si>
  <si>
    <t>橋下条__1908-2</t>
  </si>
  <si>
    <t>橋下条__1909-2</t>
  </si>
  <si>
    <t>西新湊__36-5</t>
  </si>
  <si>
    <t>橋下条__1910-2</t>
  </si>
  <si>
    <t>橋下条__1911-2</t>
  </si>
  <si>
    <t>橋下条__1926-1</t>
  </si>
  <si>
    <t>橋下条__1926-2</t>
  </si>
  <si>
    <t>橋下条__1999-7</t>
  </si>
  <si>
    <t>橋下条__1999-8</t>
  </si>
  <si>
    <t>橋下条__1999-9</t>
  </si>
  <si>
    <t>橋下条__2000-3</t>
  </si>
  <si>
    <t>橋下条__2001-5</t>
  </si>
  <si>
    <t>橋下条__2001-6</t>
  </si>
  <si>
    <t>西新湊__101</t>
  </si>
  <si>
    <t>橋下条__2001-7</t>
  </si>
  <si>
    <t>橋下条__2002-2</t>
  </si>
  <si>
    <t>橋下条__2003-2</t>
  </si>
  <si>
    <t>橋下条__2058-2</t>
  </si>
  <si>
    <t>橋下条__2059-2</t>
  </si>
  <si>
    <t>橋下条__2068-2</t>
  </si>
  <si>
    <t>橋下条__2073-2</t>
  </si>
  <si>
    <t>橋下条__2074-2</t>
  </si>
  <si>
    <t>橋下条__2075-2</t>
  </si>
  <si>
    <t>橋下条__2076-2</t>
  </si>
  <si>
    <t>港町__738-2</t>
  </si>
  <si>
    <t>西新湊__102</t>
  </si>
  <si>
    <t>橋下条__2076-3</t>
  </si>
  <si>
    <t>橋下条__2077-2</t>
  </si>
  <si>
    <t>橋下条__2078-2</t>
  </si>
  <si>
    <t>橋下条__2092-2</t>
  </si>
  <si>
    <t>橋下条__2201-2</t>
  </si>
  <si>
    <t>橋下条__2202-2</t>
  </si>
  <si>
    <t>橋下条__2216-2</t>
  </si>
  <si>
    <t>橋下条__2219-2</t>
  </si>
  <si>
    <t>橋下条__2220-2</t>
  </si>
  <si>
    <t>橋下条__2222-2</t>
  </si>
  <si>
    <t>西新湊__103</t>
  </si>
  <si>
    <t>橋下条__2227-2</t>
  </si>
  <si>
    <t>橋下条__2228-2</t>
  </si>
  <si>
    <t>橋下条__2229-2</t>
  </si>
  <si>
    <t>橋下条__2230-2</t>
  </si>
  <si>
    <t>橋下条__2231-2</t>
  </si>
  <si>
    <t>橋下条__2232-2</t>
  </si>
  <si>
    <t>橋下条__2233-2</t>
  </si>
  <si>
    <t>橋下条__2234-2</t>
  </si>
  <si>
    <t>橋下条__2235-2</t>
  </si>
  <si>
    <t>橋下条__2236-2</t>
  </si>
  <si>
    <t>三日曽根__55</t>
  </si>
  <si>
    <t>橋下条__2237-2</t>
  </si>
  <si>
    <t>橋下条__2237-3</t>
  </si>
  <si>
    <t>橋下条__2262-2</t>
  </si>
  <si>
    <t>橋下条__2268-2</t>
  </si>
  <si>
    <t>橋下条__2269-2</t>
  </si>
  <si>
    <t>橋下条__2274-2</t>
  </si>
  <si>
    <t>橋下条__2275-2</t>
  </si>
  <si>
    <t>橋下条__2278-2</t>
  </si>
  <si>
    <t>橋下条__2279-2</t>
  </si>
  <si>
    <t>橋下条__2280-2</t>
  </si>
  <si>
    <t>三日曽根__100</t>
  </si>
  <si>
    <t>橋下条__2281-2</t>
  </si>
  <si>
    <t>橋下条__2284-2</t>
  </si>
  <si>
    <t>橋下条__2285-2</t>
  </si>
  <si>
    <t>橋下条__2310-2</t>
  </si>
  <si>
    <t>青井谷__8-2</t>
  </si>
  <si>
    <t>青井谷__11-2</t>
  </si>
  <si>
    <t>青井谷__11-3</t>
  </si>
  <si>
    <t>青井谷__12-2</t>
  </si>
  <si>
    <t>青井谷__14-2</t>
  </si>
  <si>
    <t>青井谷__14-3</t>
  </si>
  <si>
    <t>三日曽根__101</t>
  </si>
  <si>
    <t>青井谷__15-2</t>
  </si>
  <si>
    <t>青井谷__16-3</t>
  </si>
  <si>
    <t>青井谷__17-3</t>
  </si>
  <si>
    <t>青井谷__18-3</t>
  </si>
  <si>
    <t>青井谷__19-2</t>
  </si>
  <si>
    <t>青井谷__20-2</t>
  </si>
  <si>
    <t>青井谷__21-3</t>
  </si>
  <si>
    <t>青井谷__25-4</t>
  </si>
  <si>
    <t>青井谷__26-4</t>
  </si>
  <si>
    <t>青井谷__30-2</t>
  </si>
  <si>
    <t>三日曽根__102</t>
  </si>
  <si>
    <t>青井谷__32-4</t>
  </si>
  <si>
    <t>青井谷__33-5</t>
  </si>
  <si>
    <t>青井谷__49-4</t>
  </si>
  <si>
    <t>青井谷__50-2</t>
  </si>
  <si>
    <t>青井谷__72-5</t>
  </si>
  <si>
    <t>青井谷__72-6</t>
  </si>
  <si>
    <t>青井谷__73-5</t>
  </si>
  <si>
    <t>青井谷__79</t>
  </si>
  <si>
    <t>青井谷__86-3</t>
  </si>
  <si>
    <t>青井谷__88-2</t>
  </si>
  <si>
    <t>三日曽根__103</t>
  </si>
  <si>
    <t>青井谷__90-3</t>
  </si>
  <si>
    <t>青井谷__95</t>
  </si>
  <si>
    <t>青井谷__108-2</t>
  </si>
  <si>
    <t>青井谷__109-3</t>
  </si>
  <si>
    <t>青井谷__111-3</t>
  </si>
  <si>
    <t>青井谷__163-4</t>
  </si>
  <si>
    <t>青井谷__166-3</t>
  </si>
  <si>
    <t>青井谷__167-2</t>
  </si>
  <si>
    <t>青井谷__170-2</t>
  </si>
  <si>
    <t>青井谷__171-2</t>
  </si>
  <si>
    <t>三日曽根__104</t>
  </si>
  <si>
    <t>青井谷__172-2</t>
  </si>
  <si>
    <t>青井谷__173-2</t>
  </si>
  <si>
    <t>青井谷__175-3</t>
  </si>
  <si>
    <t>青井谷__299-5</t>
  </si>
  <si>
    <t>青井谷__300-3</t>
  </si>
  <si>
    <t>青井谷__305-2</t>
  </si>
  <si>
    <t>青井谷__306-2</t>
  </si>
  <si>
    <t>青井谷__846-2</t>
  </si>
  <si>
    <t>青井谷__847-2</t>
  </si>
  <si>
    <t>青井谷__848-2</t>
  </si>
  <si>
    <t>三日曽根__105</t>
  </si>
  <si>
    <t>青井谷__849-2</t>
  </si>
  <si>
    <t>青井谷__850-2</t>
  </si>
  <si>
    <t>青井谷__851-2</t>
  </si>
  <si>
    <t>青井谷__852-2</t>
  </si>
  <si>
    <t>青井谷__853-2</t>
  </si>
  <si>
    <t>青井谷__854-2</t>
  </si>
  <si>
    <t>青井谷__1058-2</t>
  </si>
  <si>
    <t>青井谷__1062-2</t>
  </si>
  <si>
    <t>青井谷__1069-2</t>
  </si>
  <si>
    <t>青井谷_干田_1691-2</t>
  </si>
  <si>
    <t>三日曽根__106</t>
  </si>
  <si>
    <t>青井谷_干田_1693-2</t>
  </si>
  <si>
    <t>青井谷_干田_1762-7</t>
  </si>
  <si>
    <t>青井谷_干田_1764-2</t>
  </si>
  <si>
    <t>青井谷_干田_1765-2</t>
  </si>
  <si>
    <t>青井谷_干田_1784-2</t>
  </si>
  <si>
    <t>青井谷_干田_1788-3</t>
  </si>
  <si>
    <t>青井谷_西俣_4174-2</t>
  </si>
  <si>
    <t>青井谷_西俣_4175-2</t>
  </si>
  <si>
    <t>宿屋__100-2</t>
  </si>
  <si>
    <t>宿屋__101-2</t>
  </si>
  <si>
    <t>港町__1095</t>
  </si>
  <si>
    <t>三日曽根__107</t>
  </si>
  <si>
    <t>宿屋__102-2</t>
  </si>
  <si>
    <t>野手__144-2</t>
  </si>
  <si>
    <t>野手__372-2</t>
  </si>
  <si>
    <t>野手__383-2</t>
  </si>
  <si>
    <t>野手__387-2</t>
  </si>
  <si>
    <t>野手__401-2</t>
  </si>
  <si>
    <t>野手__405-2</t>
  </si>
  <si>
    <t>浄土寺__84-2</t>
  </si>
  <si>
    <t>浄土寺__85-2</t>
  </si>
  <si>
    <t>浄土寺__86-4</t>
  </si>
  <si>
    <t>三日曽根__108</t>
  </si>
  <si>
    <t>浄土寺__104-2</t>
  </si>
  <si>
    <t>浄土寺__116-3</t>
  </si>
  <si>
    <t>浄土寺__164-3</t>
  </si>
  <si>
    <t>浄土寺__165-2</t>
  </si>
  <si>
    <t>浄土寺__166-2</t>
  </si>
  <si>
    <t>浄土寺__167-2</t>
  </si>
  <si>
    <t>浄土寺__260-4</t>
  </si>
  <si>
    <t>浄土寺__304-3</t>
  </si>
  <si>
    <t>上野__160-3</t>
  </si>
  <si>
    <t>上野__160-4</t>
  </si>
  <si>
    <t>善光寺__37-4</t>
  </si>
  <si>
    <t>上野__161-2</t>
  </si>
  <si>
    <t>上野__162-2</t>
  </si>
  <si>
    <t>上野__163-2</t>
  </si>
  <si>
    <t>上野__196-2</t>
  </si>
  <si>
    <t>上野__197-3</t>
  </si>
  <si>
    <t>上野__197-4</t>
  </si>
  <si>
    <t>上野__198-2</t>
  </si>
  <si>
    <t>上野__199-2</t>
  </si>
  <si>
    <t>上野__200-2</t>
  </si>
  <si>
    <t>上野__201-2</t>
  </si>
  <si>
    <t>善光寺__37-9</t>
  </si>
  <si>
    <t>上野__202-2</t>
  </si>
  <si>
    <t>上野__290-2</t>
  </si>
  <si>
    <t>上野__291-2</t>
  </si>
  <si>
    <t>上野__292-3</t>
  </si>
  <si>
    <t>上野__292-4</t>
  </si>
  <si>
    <t>上野__294-5</t>
  </si>
  <si>
    <t>上野__327-3</t>
  </si>
  <si>
    <t>上野__338-3</t>
  </si>
  <si>
    <t>上野__339-2</t>
  </si>
  <si>
    <t>上野__340-2</t>
  </si>
  <si>
    <t>善光寺__100</t>
  </si>
  <si>
    <t>上野__341-2</t>
  </si>
  <si>
    <t>上野__345-2</t>
  </si>
  <si>
    <t>上野__346-2</t>
  </si>
  <si>
    <t>上野_赤坂_148-11</t>
  </si>
  <si>
    <t>上野_赤坂_148-12</t>
  </si>
  <si>
    <t>上野_赤坂_148-14</t>
  </si>
  <si>
    <t>上野_竹腰_1120-7</t>
  </si>
  <si>
    <t>上野_滝谷_1121-2</t>
  </si>
  <si>
    <t>上野_袋口_1703-3</t>
  </si>
  <si>
    <t>上野_前田_2215-3</t>
  </si>
  <si>
    <t>善光寺__101</t>
  </si>
  <si>
    <t>上野_前田_2215-4</t>
  </si>
  <si>
    <t>上野_前田_2244-2</t>
  </si>
  <si>
    <t>上野_前田_2245-2</t>
  </si>
  <si>
    <t>上野_前田_2250-2</t>
  </si>
  <si>
    <t>上野_前田_2251-3</t>
  </si>
  <si>
    <t>平野__33-2</t>
  </si>
  <si>
    <t>平野__34-2</t>
  </si>
  <si>
    <t>平野__35-2</t>
  </si>
  <si>
    <t>平野__36-2</t>
  </si>
  <si>
    <t>平野__37-2</t>
  </si>
  <si>
    <t>善光寺__102</t>
  </si>
  <si>
    <t>平野__47-2</t>
  </si>
  <si>
    <t>平野__56-2</t>
  </si>
  <si>
    <t>平野__76-2</t>
  </si>
  <si>
    <t>平野__77-2</t>
  </si>
  <si>
    <t>平野__78-2</t>
  </si>
  <si>
    <t>平野__115-2</t>
  </si>
  <si>
    <t>平野__116-2</t>
  </si>
  <si>
    <t>平野__117-2</t>
  </si>
  <si>
    <t>平野__118-2</t>
  </si>
  <si>
    <t>平野__119-2</t>
  </si>
  <si>
    <t>善光寺__103</t>
  </si>
  <si>
    <t>平野__120-2</t>
  </si>
  <si>
    <t>平野__261-2</t>
  </si>
  <si>
    <t>平野__279-2</t>
  </si>
  <si>
    <t>平野__281-2</t>
  </si>
  <si>
    <t>平野__282-2</t>
  </si>
  <si>
    <t>平野_木合川_455-3</t>
  </si>
  <si>
    <t>平野_木合川_470-3</t>
  </si>
  <si>
    <t>平野_木合川_471-3</t>
  </si>
  <si>
    <t>平野_木合川_473-4</t>
  </si>
  <si>
    <t>平野_木合川_487-2</t>
  </si>
  <si>
    <t>善光寺__104</t>
  </si>
  <si>
    <t>平野_木合川_488-3</t>
  </si>
  <si>
    <t>平野_木合川_488-5</t>
  </si>
  <si>
    <t>平野_木合川_491-3</t>
  </si>
  <si>
    <t>平野_木合川_492-3</t>
  </si>
  <si>
    <t>平野_木合川_569-2</t>
  </si>
  <si>
    <t>平野_木合川_570-2</t>
  </si>
  <si>
    <t>平野_向谷_504-3</t>
  </si>
  <si>
    <t>平野_向谷_504-9</t>
  </si>
  <si>
    <t>平野_向谷_505-2</t>
  </si>
  <si>
    <t>平野_向谷_505-3</t>
  </si>
  <si>
    <t>善光寺__105</t>
  </si>
  <si>
    <t>平野_大柳谷_637-3</t>
  </si>
  <si>
    <t>平野_大柳谷_638-2</t>
  </si>
  <si>
    <t>平野_大柳谷_648-3</t>
  </si>
  <si>
    <t>平野_大柳谷_652-3</t>
  </si>
  <si>
    <t>平野_大柳谷_653-2</t>
  </si>
  <si>
    <t>平野_大柳谷_654-3</t>
  </si>
  <si>
    <t>平野_大柳谷_657-3</t>
  </si>
  <si>
    <t>平野_大柳谷_659-2</t>
  </si>
  <si>
    <t>平野_大柳谷_662-2</t>
  </si>
  <si>
    <t>平野_大柳谷_669-2</t>
  </si>
  <si>
    <t>港町__1273</t>
  </si>
  <si>
    <t>善光寺__106</t>
  </si>
  <si>
    <t>平野_大柳谷_670-2</t>
  </si>
  <si>
    <t>平野_大柳谷_671-2</t>
  </si>
  <si>
    <t>平野_平野_4401-3</t>
  </si>
  <si>
    <t>平野_平野_4403-3</t>
  </si>
  <si>
    <t>平野_平野_4407-2</t>
  </si>
  <si>
    <t>平野_平野_4408-2</t>
  </si>
  <si>
    <t>平野_平野_4409-3</t>
  </si>
  <si>
    <t>平野_平野_4410-5</t>
  </si>
  <si>
    <t>平野_平野_4410-6</t>
  </si>
  <si>
    <t>平野_平野_4411-2</t>
  </si>
  <si>
    <t>善光寺__107</t>
  </si>
  <si>
    <t>平野_平野_4411-3</t>
  </si>
  <si>
    <t>平野_平野_4414-3</t>
  </si>
  <si>
    <t>平野_平野_4415-3</t>
  </si>
  <si>
    <t>平野_平野_4418-3</t>
  </si>
  <si>
    <t>平野_平野_4419-2</t>
  </si>
  <si>
    <t>平野_平野_4420-3</t>
  </si>
  <si>
    <t>平野_平野_4421-4</t>
  </si>
  <si>
    <t>平野_平野_4421-7</t>
  </si>
  <si>
    <t>平野_平野_4433-3</t>
  </si>
  <si>
    <t>平野_平野_4434-3</t>
  </si>
  <si>
    <t>善光寺__108</t>
  </si>
  <si>
    <t>平野_平野_4436-2</t>
  </si>
  <si>
    <t>平野_平野_4437-3</t>
  </si>
  <si>
    <t>平野_平野_4437-4</t>
  </si>
  <si>
    <t>入会地_赤坂_10-6</t>
  </si>
  <si>
    <t>大江__72-2</t>
  </si>
  <si>
    <t>大江__151-5</t>
  </si>
  <si>
    <t>大江__152-3</t>
  </si>
  <si>
    <t>大江__152-4</t>
  </si>
  <si>
    <t>大江__166-3</t>
  </si>
  <si>
    <t>大江__167-3</t>
  </si>
  <si>
    <t>善光寺__109</t>
  </si>
  <si>
    <t>大江__222-4</t>
  </si>
  <si>
    <t>大江__260-3</t>
  </si>
  <si>
    <t>大江__260-4</t>
  </si>
  <si>
    <t>大江__267-2</t>
  </si>
  <si>
    <t>大江__271-4</t>
  </si>
  <si>
    <t>大江__272-2</t>
  </si>
  <si>
    <t>大江__276-2</t>
  </si>
  <si>
    <t>大江__289-2</t>
  </si>
  <si>
    <t>大江__289-3</t>
  </si>
  <si>
    <t>大江__290-3</t>
  </si>
  <si>
    <t>緑町__1-31</t>
  </si>
  <si>
    <t>大江__290-4</t>
  </si>
  <si>
    <t>大江__297-2</t>
  </si>
  <si>
    <t>大江__298-2</t>
  </si>
  <si>
    <t>大江__299-2</t>
  </si>
  <si>
    <t>大江__301-2</t>
  </si>
  <si>
    <t>大江__306-2</t>
  </si>
  <si>
    <t>大江__307-2</t>
  </si>
  <si>
    <t>大江__310-3</t>
  </si>
  <si>
    <t>大江__310-4</t>
  </si>
  <si>
    <t>大江__310-5</t>
  </si>
  <si>
    <t>緑町__9-31</t>
  </si>
  <si>
    <t>大江__313-3</t>
  </si>
  <si>
    <t>大江__314-2</t>
  </si>
  <si>
    <t>大江__314-3</t>
  </si>
  <si>
    <t>大江__315-3</t>
  </si>
  <si>
    <t>大江__315-4</t>
  </si>
  <si>
    <t>大江__316-2</t>
  </si>
  <si>
    <t>大江__316-3</t>
  </si>
  <si>
    <t>大江__317-2</t>
  </si>
  <si>
    <t>大江__317-3</t>
  </si>
  <si>
    <t>大江__319-3</t>
  </si>
  <si>
    <t>緑町__100</t>
  </si>
  <si>
    <t>大江__322-2</t>
  </si>
  <si>
    <t>大江__322-4</t>
  </si>
  <si>
    <t>大江__323-8</t>
  </si>
  <si>
    <t>大江__323-9</t>
  </si>
  <si>
    <t>大江__333-5</t>
  </si>
  <si>
    <t>大江__333-7</t>
  </si>
  <si>
    <t>大江__349-2</t>
  </si>
  <si>
    <t>大江__350-3</t>
  </si>
  <si>
    <t>大江__358-3</t>
  </si>
  <si>
    <t>緑町__101</t>
  </si>
  <si>
    <t>大江__358-4</t>
  </si>
  <si>
    <t>大江__358-5</t>
  </si>
  <si>
    <t>大江__359-2</t>
  </si>
  <si>
    <t>大江__365-2</t>
  </si>
  <si>
    <t>大江__366-2</t>
  </si>
  <si>
    <t>大江__367-2</t>
  </si>
  <si>
    <t>大江__368-2</t>
  </si>
  <si>
    <t>大江__369-2</t>
  </si>
  <si>
    <t>大江__370-2</t>
  </si>
  <si>
    <t>大江__371-2</t>
  </si>
  <si>
    <t>緑町__102</t>
  </si>
  <si>
    <t>大江__377-2</t>
  </si>
  <si>
    <t>大江__382-2</t>
  </si>
  <si>
    <t>大江__394-2</t>
  </si>
  <si>
    <t>大江__395-2</t>
  </si>
  <si>
    <t>大江__398-2</t>
  </si>
  <si>
    <t>大江__399-2</t>
  </si>
  <si>
    <t>大江__400-2</t>
  </si>
  <si>
    <t>大江__404-2</t>
  </si>
  <si>
    <t>大江__406-2</t>
  </si>
  <si>
    <t>大江__407-2</t>
  </si>
  <si>
    <t>緑町__103-2</t>
  </si>
  <si>
    <t>大江__409-3</t>
  </si>
  <si>
    <t>大江__410-2</t>
  </si>
  <si>
    <t>大江__411-2</t>
  </si>
  <si>
    <t>大江__412-3</t>
  </si>
  <si>
    <t>大江__413-3</t>
  </si>
  <si>
    <t>大江__414-2</t>
  </si>
  <si>
    <t>大江__416-2</t>
  </si>
  <si>
    <t>大江__417-2</t>
  </si>
  <si>
    <t>大江__418-2</t>
  </si>
  <si>
    <t>大江__419-2</t>
  </si>
  <si>
    <t>港町__1277</t>
  </si>
  <si>
    <t>緑町__104</t>
  </si>
  <si>
    <t>大江__435-2</t>
  </si>
  <si>
    <t>大江__436-2</t>
  </si>
  <si>
    <t>大江__437-2</t>
  </si>
  <si>
    <t>大江__473-6</t>
  </si>
  <si>
    <t>大江__487-3</t>
  </si>
  <si>
    <t>大江__491-2</t>
  </si>
  <si>
    <t>大江__513-2</t>
  </si>
  <si>
    <t>大江__514-2</t>
  </si>
  <si>
    <t>海老江__100</t>
  </si>
  <si>
    <t>大江__519-3</t>
  </si>
  <si>
    <t>大江__533-2</t>
  </si>
  <si>
    <t>大江__533-3</t>
  </si>
  <si>
    <t>大江__535-2</t>
  </si>
  <si>
    <t>大江__542-2</t>
  </si>
  <si>
    <t>大江__546-4</t>
  </si>
  <si>
    <t>大江__552-2</t>
  </si>
  <si>
    <t>大江__566-4</t>
  </si>
  <si>
    <t>大江__570-2</t>
  </si>
  <si>
    <t>大江__571-2</t>
  </si>
  <si>
    <t>海老江_小坪_1217-10</t>
  </si>
  <si>
    <t>大江__573-3</t>
  </si>
  <si>
    <t>大江__573-4</t>
  </si>
  <si>
    <t>大江__578-2</t>
  </si>
  <si>
    <t>大江__581-2</t>
  </si>
  <si>
    <t>大江__606-2</t>
  </si>
  <si>
    <t>大江__607-2</t>
  </si>
  <si>
    <t>大江__609-2</t>
  </si>
  <si>
    <t>大江__610-3</t>
  </si>
  <si>
    <t>大江__610-4</t>
  </si>
  <si>
    <t>大江__616-2</t>
  </si>
  <si>
    <t>海老江_小坪_1217-11</t>
  </si>
  <si>
    <t>大江__617-2</t>
  </si>
  <si>
    <t>大江__618-3</t>
  </si>
  <si>
    <t>大江__619-3</t>
  </si>
  <si>
    <t>大江__629-2</t>
  </si>
  <si>
    <t>大江__637-2</t>
  </si>
  <si>
    <t>大江__641-6</t>
  </si>
  <si>
    <t>大江__641-7</t>
  </si>
  <si>
    <t>大江__641-8</t>
  </si>
  <si>
    <t>大江__641-9</t>
  </si>
  <si>
    <t>大江__641-10</t>
  </si>
  <si>
    <t>海老江_小坪_1217-12</t>
  </si>
  <si>
    <t>大江__642-5</t>
  </si>
  <si>
    <t>大江__648-4</t>
  </si>
  <si>
    <t>大江__656-3</t>
  </si>
  <si>
    <t>大江__658-3</t>
  </si>
  <si>
    <t>大江__659-2</t>
  </si>
  <si>
    <t>大江__663-2</t>
  </si>
  <si>
    <t>大江__665-2</t>
  </si>
  <si>
    <t>大江__671-3</t>
  </si>
  <si>
    <t>大江__676-2</t>
  </si>
  <si>
    <t>大江__677-2</t>
  </si>
  <si>
    <t>海老江_小坪_1217-13</t>
  </si>
  <si>
    <t>大江__678-2</t>
  </si>
  <si>
    <t>大江__680-2</t>
  </si>
  <si>
    <t>大江__683-2</t>
  </si>
  <si>
    <t>大江__683-3</t>
  </si>
  <si>
    <t>大江__685-2</t>
  </si>
  <si>
    <t>大江__687-3</t>
  </si>
  <si>
    <t>大江__690-2</t>
  </si>
  <si>
    <t>大江__692-3</t>
  </si>
  <si>
    <t>大江__693-2</t>
  </si>
  <si>
    <t>大江__695-2</t>
  </si>
  <si>
    <t>海老江_小坪_1255-2</t>
  </si>
  <si>
    <t>大江__697-3</t>
  </si>
  <si>
    <t>大江__698-2</t>
  </si>
  <si>
    <t>大江__699-3</t>
  </si>
  <si>
    <t>大江__706-2</t>
  </si>
  <si>
    <t>大江__707-2</t>
  </si>
  <si>
    <t>大江__708-2</t>
  </si>
  <si>
    <t>大江__709-2</t>
  </si>
  <si>
    <t>大江__710-3</t>
  </si>
  <si>
    <t>大江__713-2</t>
  </si>
  <si>
    <t>大江__717-2</t>
  </si>
  <si>
    <t>海老江_浜_1467-2</t>
  </si>
  <si>
    <t>大江__718-2</t>
  </si>
  <si>
    <t>大江__719-2</t>
  </si>
  <si>
    <t>大江__720-3</t>
  </si>
  <si>
    <t>大江__737-3</t>
  </si>
  <si>
    <t>大江__777-4</t>
  </si>
  <si>
    <t>大江__778-3</t>
  </si>
  <si>
    <t>大江__779-3</t>
  </si>
  <si>
    <t>大江__780-3</t>
  </si>
  <si>
    <t>大江__781-3</t>
  </si>
  <si>
    <t>大江__782-3</t>
  </si>
  <si>
    <t>海老江_浜_1467-4</t>
  </si>
  <si>
    <t>大江__783-3</t>
  </si>
  <si>
    <t>大江__784-3</t>
  </si>
  <si>
    <t>大江__785-3</t>
  </si>
  <si>
    <t>大江__786-3</t>
  </si>
  <si>
    <t>大江__787-3</t>
  </si>
  <si>
    <t>大江__788-3</t>
  </si>
  <si>
    <t>大江__789-3</t>
  </si>
  <si>
    <t>大江__791-3</t>
  </si>
  <si>
    <t>大江__792-3</t>
  </si>
  <si>
    <t>大江__794-3</t>
  </si>
  <si>
    <t>海老江_浜_1467-6</t>
  </si>
  <si>
    <t>大江__800-3</t>
  </si>
  <si>
    <t>大江__810-3</t>
  </si>
  <si>
    <t>大江__812-7</t>
  </si>
  <si>
    <t>大江__952-2</t>
  </si>
  <si>
    <t>大江__953-2</t>
  </si>
  <si>
    <t>大江__954-3</t>
  </si>
  <si>
    <t>大江__1040-2</t>
  </si>
  <si>
    <t>大江__1041-2</t>
  </si>
  <si>
    <t>大江__1042-2</t>
  </si>
  <si>
    <t>大江__1043-2</t>
  </si>
  <si>
    <t>港町__1320</t>
  </si>
  <si>
    <t>海老江_浜_1467-8</t>
  </si>
  <si>
    <t>大江__1044-2</t>
  </si>
  <si>
    <t>大江__1045-2</t>
  </si>
  <si>
    <t>大江__1046-2</t>
  </si>
  <si>
    <t>大江__1047-2</t>
  </si>
  <si>
    <t>大江__1048-3</t>
  </si>
  <si>
    <t>大江__1055-3</t>
  </si>
  <si>
    <t>大江__1056-2</t>
  </si>
  <si>
    <t>大江__1057-2</t>
  </si>
  <si>
    <t>大江__1124-2</t>
  </si>
  <si>
    <t>大江__1125-2</t>
  </si>
  <si>
    <t>海老江練合__159-2</t>
  </si>
  <si>
    <t>大江__1126-2</t>
  </si>
  <si>
    <t>大江__1127-2</t>
  </si>
  <si>
    <t>大江__1128-2</t>
  </si>
  <si>
    <t>大江__1129-3</t>
  </si>
  <si>
    <t>大江__1148-4</t>
  </si>
  <si>
    <t>大江__1157-4</t>
  </si>
  <si>
    <t>大江__1158-2</t>
  </si>
  <si>
    <t>大江__1159-2</t>
  </si>
  <si>
    <t>大江__1160-2</t>
  </si>
  <si>
    <t>大江__1161-2</t>
  </si>
  <si>
    <t>海老江練合_香海里_600-6</t>
  </si>
  <si>
    <t>大江__1162-2</t>
  </si>
  <si>
    <t>大江__1163-2</t>
  </si>
  <si>
    <t>大江__1164-2</t>
  </si>
  <si>
    <t>大江__1165-2</t>
  </si>
  <si>
    <t>大江__1166-2</t>
  </si>
  <si>
    <t>大江__1167-2</t>
  </si>
  <si>
    <t>大江__1168-2</t>
  </si>
  <si>
    <t>大江__1169-2</t>
  </si>
  <si>
    <t>大江__1170-2</t>
  </si>
  <si>
    <t>大江__1171-2</t>
  </si>
  <si>
    <t>海老江練合_香海里_613-1</t>
  </si>
  <si>
    <t>大江__1172-2</t>
  </si>
  <si>
    <t>大江__1173-2</t>
  </si>
  <si>
    <t>大江__1174-2</t>
  </si>
  <si>
    <t>大江__1175-2</t>
  </si>
  <si>
    <t>大江__1176-2</t>
  </si>
  <si>
    <t>大江__1177-2</t>
  </si>
  <si>
    <t>大江__1177-3</t>
  </si>
  <si>
    <t>大江__1178-2</t>
  </si>
  <si>
    <t>大江__1178-3</t>
  </si>
  <si>
    <t>大江__1179-2</t>
  </si>
  <si>
    <t>海老江練合_香海里_626-1</t>
  </si>
  <si>
    <t>大江__1179-3</t>
  </si>
  <si>
    <t>大江__1180-2</t>
  </si>
  <si>
    <t>大江__1180-3</t>
  </si>
  <si>
    <t>大江__1181-2</t>
  </si>
  <si>
    <t>大江__1181-3</t>
  </si>
  <si>
    <t>大江__1182-2</t>
  </si>
  <si>
    <t>大江__1183-2</t>
  </si>
  <si>
    <t>大江__1184-2</t>
  </si>
  <si>
    <t>大江__1185-2</t>
  </si>
  <si>
    <t>大江__1186-2</t>
  </si>
  <si>
    <t>海老江七軒_中官_1256-2</t>
  </si>
  <si>
    <t>大江__1187-2</t>
  </si>
  <si>
    <t>大江__1188-2</t>
  </si>
  <si>
    <t>大江__1189-2</t>
  </si>
  <si>
    <t>大江__1190-3</t>
  </si>
  <si>
    <t>大江__1191-2</t>
  </si>
  <si>
    <t>大江__1192-2</t>
  </si>
  <si>
    <t>大江__1193-2</t>
  </si>
  <si>
    <t>大江__1194-2</t>
  </si>
  <si>
    <t>大江__1304-2</t>
  </si>
  <si>
    <t>大江__1390-3</t>
  </si>
  <si>
    <t>海老江七軒_中官_1257-2</t>
  </si>
  <si>
    <t>大江__1391-2</t>
  </si>
  <si>
    <t>大江__1465-2</t>
  </si>
  <si>
    <t>大江__1466-4</t>
  </si>
  <si>
    <t>鷲塚__18-2</t>
  </si>
  <si>
    <t>鷲塚__79-29</t>
  </si>
  <si>
    <t>鷲塚__96-2</t>
  </si>
  <si>
    <t>鷲塚__97-2</t>
  </si>
  <si>
    <t>鷲塚__109-3</t>
  </si>
  <si>
    <t>鷲塚__110-2</t>
  </si>
  <si>
    <t>鷲塚__111-3</t>
  </si>
  <si>
    <t>海老江七軒_中官_1258-2</t>
  </si>
  <si>
    <t>鷲塚__112-2</t>
  </si>
  <si>
    <t>鷲塚__113-2</t>
  </si>
  <si>
    <t>鷲塚__114-2</t>
  </si>
  <si>
    <t>鷲塚__115-2</t>
  </si>
  <si>
    <t>鷲塚__116-2</t>
  </si>
  <si>
    <t>鷲塚__117-2</t>
  </si>
  <si>
    <t>鷲塚__118-2</t>
  </si>
  <si>
    <t>鷲塚__119-2</t>
  </si>
  <si>
    <t>鷲塚__120-2</t>
  </si>
  <si>
    <t>鷲塚__121-2</t>
  </si>
  <si>
    <t>海老江七軒_中官_1259-2</t>
  </si>
  <si>
    <t>鷲塚__122-2</t>
  </si>
  <si>
    <t>鷲塚__123-5</t>
  </si>
  <si>
    <t>鷲塚__123-6</t>
  </si>
  <si>
    <t>鷲塚__123-7</t>
  </si>
  <si>
    <t>鷲塚__123-8</t>
  </si>
  <si>
    <t>鷲塚__124-3</t>
  </si>
  <si>
    <t>鷲塚__124-4</t>
  </si>
  <si>
    <t>鷲塚__125-2</t>
  </si>
  <si>
    <t>鷲塚__126-2</t>
  </si>
  <si>
    <t>鷲塚__127-2</t>
  </si>
  <si>
    <t>海老江七軒_中官_1289-2</t>
  </si>
  <si>
    <t>鷲塚__128-3</t>
  </si>
  <si>
    <t>鷲塚__129-4</t>
  </si>
  <si>
    <t>鷲塚__130-3</t>
  </si>
  <si>
    <t>鷲塚__130-4</t>
  </si>
  <si>
    <t>鷲塚__174-26</t>
  </si>
  <si>
    <t>鷲塚__181-2</t>
  </si>
  <si>
    <t>鷲塚__492-2</t>
  </si>
  <si>
    <t>鷲塚__494-2</t>
  </si>
  <si>
    <t>鷲塚__497-5</t>
  </si>
  <si>
    <t>鷲塚__515-2</t>
  </si>
  <si>
    <t>港町__1324</t>
  </si>
  <si>
    <t>海老江七軒_内細_1529-2</t>
  </si>
  <si>
    <t>鷲塚__519-3</t>
  </si>
  <si>
    <t>鷲塚__519-4</t>
  </si>
  <si>
    <t>鷲塚__531-4</t>
  </si>
  <si>
    <t>鷲塚__535-3</t>
  </si>
  <si>
    <t>鷲塚__536-2</t>
  </si>
  <si>
    <t>鷲塚__553-3</t>
  </si>
  <si>
    <t>鷲塚__554-2</t>
  </si>
  <si>
    <t>鷲塚__555-3</t>
  </si>
  <si>
    <t>鷲塚__555-4</t>
  </si>
  <si>
    <t>鷲塚__561-2</t>
  </si>
  <si>
    <t>海老江七軒_内細_1531</t>
  </si>
  <si>
    <t>鷲塚__566-2</t>
  </si>
  <si>
    <t>鷲塚__567-2</t>
  </si>
  <si>
    <t>鷲塚__568-2</t>
  </si>
  <si>
    <t>鷲塚__568-4</t>
  </si>
  <si>
    <t>鷲塚__568-5</t>
  </si>
  <si>
    <t>鷲塚__569-2</t>
  </si>
  <si>
    <t>鷲塚__571-2</t>
  </si>
  <si>
    <t>鷲塚__572-2</t>
  </si>
  <si>
    <t>鷲塚__573-2</t>
  </si>
  <si>
    <t>鷲塚__574-2</t>
  </si>
  <si>
    <t>海老江七軒_内細_1532-3</t>
  </si>
  <si>
    <t>鷲塚__574-3</t>
  </si>
  <si>
    <t>鷲塚__575-2</t>
  </si>
  <si>
    <t>鷲塚__575-3</t>
  </si>
  <si>
    <t>鷲塚__576-2</t>
  </si>
  <si>
    <t>鷲塚__577-2</t>
  </si>
  <si>
    <t>鷲塚__583-2</t>
  </si>
  <si>
    <t>鷲塚__626-2</t>
  </si>
  <si>
    <t>鷲塚__640-2</t>
  </si>
  <si>
    <t>鷲塚__641-2</t>
  </si>
  <si>
    <t>鷲塚__642-2</t>
  </si>
  <si>
    <t>海老江七軒_内細_1533-2</t>
  </si>
  <si>
    <t>鷲塚__643-2</t>
  </si>
  <si>
    <t>鷲塚__647-2</t>
  </si>
  <si>
    <t>鷲塚__656-2</t>
  </si>
  <si>
    <t>鷲塚__677-3</t>
  </si>
  <si>
    <t>鷲塚__677-4</t>
  </si>
  <si>
    <t>鷲塚__680-2</t>
  </si>
  <si>
    <t>鷲塚__680-3</t>
  </si>
  <si>
    <t>鷲塚__683-2</t>
  </si>
  <si>
    <t>鷲塚__685-3</t>
  </si>
  <si>
    <t>鷲塚__826-2</t>
  </si>
  <si>
    <t>海老江七軒_内細_1533-3</t>
  </si>
  <si>
    <t>鷲塚__848-2</t>
  </si>
  <si>
    <t>鷲塚__849-2</t>
  </si>
  <si>
    <t>鷲塚__940-3</t>
  </si>
  <si>
    <t>西高木__130-2</t>
  </si>
  <si>
    <t>西高木__131-2</t>
  </si>
  <si>
    <t>西高木__150-2</t>
  </si>
  <si>
    <t>西高木__151-2</t>
  </si>
  <si>
    <t>西高木__154-15</t>
  </si>
  <si>
    <t>西高木__161-3</t>
  </si>
  <si>
    <t>西高木__161-4</t>
  </si>
  <si>
    <t>海老江七軒_内細_1534-2</t>
  </si>
  <si>
    <t>西高木__188-3</t>
  </si>
  <si>
    <t>西高木__273-1</t>
  </si>
  <si>
    <t>西高木__310-5</t>
  </si>
  <si>
    <t>西高木__311-2</t>
  </si>
  <si>
    <t>西高木__312-2</t>
  </si>
  <si>
    <t>西高木__313-2</t>
  </si>
  <si>
    <t>西高木__314-2</t>
  </si>
  <si>
    <t>西高木__507-2</t>
  </si>
  <si>
    <t>西高木__512-2</t>
  </si>
  <si>
    <t>西高木__513-2</t>
  </si>
  <si>
    <t>海老江浜開_浜田_178-5</t>
  </si>
  <si>
    <t>西高木__519-2</t>
  </si>
  <si>
    <t>西高木__520-2</t>
  </si>
  <si>
    <t>西高木__526-2</t>
  </si>
  <si>
    <t>西高木__562-3</t>
  </si>
  <si>
    <t>西高木__563-2</t>
  </si>
  <si>
    <t>西高木__569-2</t>
  </si>
  <si>
    <t>西高木__570-3</t>
  </si>
  <si>
    <t>西高木__572-2</t>
  </si>
  <si>
    <t>西高木__573-3</t>
  </si>
  <si>
    <t>西高木__583-2</t>
  </si>
  <si>
    <t>堀岡新明神_西浜_177-26</t>
  </si>
  <si>
    <t>西高木__585-2</t>
  </si>
  <si>
    <t>西高木__588-2</t>
  </si>
  <si>
    <t>西高木__589-2</t>
  </si>
  <si>
    <t>西高木__590-2</t>
  </si>
  <si>
    <t>西高木__591-2</t>
  </si>
  <si>
    <t>西高木__592-2</t>
  </si>
  <si>
    <t>西高木__594-2</t>
  </si>
  <si>
    <t>西高木__595-4</t>
  </si>
  <si>
    <t>西高木__599-3</t>
  </si>
  <si>
    <t>西高木__600-3</t>
  </si>
  <si>
    <t>堀岡古明神_浜田_112-12</t>
  </si>
  <si>
    <t>西高木__601-3</t>
  </si>
  <si>
    <t>西高木__601-4</t>
  </si>
  <si>
    <t>西高木__602-2</t>
  </si>
  <si>
    <t>西高木__603-2</t>
  </si>
  <si>
    <t>西高木__603-3</t>
  </si>
  <si>
    <t>西高木__626-2</t>
  </si>
  <si>
    <t>西高木__627-2</t>
  </si>
  <si>
    <t>西高木__629-2</t>
  </si>
  <si>
    <t>西高木__631-2</t>
  </si>
  <si>
    <t>西高木__632-2</t>
  </si>
  <si>
    <t>堀岡明神新_西ノ開_42-7</t>
  </si>
  <si>
    <t>西高木__635-4</t>
  </si>
  <si>
    <t>西高木__635-5</t>
  </si>
  <si>
    <t>西高木__635-6</t>
  </si>
  <si>
    <t>西高木__645-3</t>
  </si>
  <si>
    <t>西高木__647-2</t>
  </si>
  <si>
    <t>西高木__666-3</t>
  </si>
  <si>
    <t>西高木__666-4</t>
  </si>
  <si>
    <t>西高木__667-2</t>
  </si>
  <si>
    <t>西高木__694-3</t>
  </si>
  <si>
    <t>西高木__695-2</t>
  </si>
  <si>
    <t>庄川本町__96-2</t>
  </si>
  <si>
    <t>堀岡明神新_茂三郎坪_90-3</t>
  </si>
  <si>
    <t>西高木__1180-4</t>
  </si>
  <si>
    <t>西高木__1219-2</t>
  </si>
  <si>
    <t>西高木__1234-3</t>
  </si>
  <si>
    <t>西高木__1235-3</t>
  </si>
  <si>
    <t>西高木__1236-2</t>
  </si>
  <si>
    <t>西高木__1501</t>
  </si>
  <si>
    <t>西高木__1600</t>
  </si>
  <si>
    <t>西高木__1602</t>
  </si>
  <si>
    <t>西高木__1603</t>
  </si>
  <si>
    <t>稲積__5-3</t>
  </si>
  <si>
    <t>射水町一丁目__51-6</t>
  </si>
  <si>
    <t>稲積__40-2</t>
  </si>
  <si>
    <t>稲積__41-2</t>
  </si>
  <si>
    <t>稲積__42-2</t>
  </si>
  <si>
    <t>稲積__52-9</t>
  </si>
  <si>
    <t>稲積__52-10</t>
  </si>
  <si>
    <t>稲積__52-11</t>
  </si>
  <si>
    <t>稲積__72-2</t>
  </si>
  <si>
    <t>稲積__73-3</t>
  </si>
  <si>
    <t>稲積__126-2</t>
  </si>
  <si>
    <t>稲積__127-2</t>
  </si>
  <si>
    <t>射水町二丁目__52-1</t>
  </si>
  <si>
    <t>稲積__128-2</t>
  </si>
  <si>
    <t>稲積__129-5</t>
  </si>
  <si>
    <t>稲積__130-4</t>
  </si>
  <si>
    <t>稲積__131-4</t>
  </si>
  <si>
    <t>稲積__132-4</t>
  </si>
  <si>
    <t>稲積__133-4</t>
  </si>
  <si>
    <t>稲積__134-4</t>
  </si>
  <si>
    <t>稲積__135-5</t>
  </si>
  <si>
    <t>稲積__272-3</t>
  </si>
  <si>
    <t>稲積__328-5</t>
  </si>
  <si>
    <t>七美中野__6-2</t>
  </si>
  <si>
    <t>稲積__328-6</t>
  </si>
  <si>
    <t>稲積__346-3</t>
  </si>
  <si>
    <t>稲積__347-2</t>
  </si>
  <si>
    <t>稲積__347-3</t>
  </si>
  <si>
    <t>稲積__347-4</t>
  </si>
  <si>
    <t>稲積__350-2</t>
  </si>
  <si>
    <t>稲積__350-3</t>
  </si>
  <si>
    <t>稲積__355-2</t>
  </si>
  <si>
    <t>稲積__375-2</t>
  </si>
  <si>
    <t>稲積__378-2</t>
  </si>
  <si>
    <t>七美中野__7-2</t>
  </si>
  <si>
    <t>稲積__379-2</t>
  </si>
  <si>
    <t>稲積__380-2</t>
  </si>
  <si>
    <t>稲積__381-2</t>
  </si>
  <si>
    <t>稲積__383-2</t>
  </si>
  <si>
    <t>稲積__384-2</t>
  </si>
  <si>
    <t>稲積__387-6</t>
  </si>
  <si>
    <t>稲積__389-2</t>
  </si>
  <si>
    <t>稲積__390-4</t>
  </si>
  <si>
    <t>稲積__391-2</t>
  </si>
  <si>
    <t>稲積__392-2</t>
  </si>
  <si>
    <t>七美中野__8-2</t>
  </si>
  <si>
    <t>稲積__396-2</t>
  </si>
  <si>
    <t>稲積__397-2</t>
  </si>
  <si>
    <t>稲積__398-2</t>
  </si>
  <si>
    <t>稲積__400-3</t>
  </si>
  <si>
    <t>稲積__414-2</t>
  </si>
  <si>
    <t>稲積__415-2</t>
  </si>
  <si>
    <t>稲積__420-6</t>
  </si>
  <si>
    <t>稲積__421-3</t>
  </si>
  <si>
    <t>稲積__422-3</t>
  </si>
  <si>
    <t>稲積__423-2</t>
  </si>
  <si>
    <t>七美中野__15-2</t>
  </si>
  <si>
    <t>稲積__433-2</t>
  </si>
  <si>
    <t>稲積__434-2</t>
  </si>
  <si>
    <t>稲積__435-3</t>
  </si>
  <si>
    <t>稲積__435-4</t>
  </si>
  <si>
    <t>稲積__437-3</t>
  </si>
  <si>
    <t>稲積__463-5</t>
  </si>
  <si>
    <t>稲積__471-2</t>
  </si>
  <si>
    <t>稲積__472-3</t>
  </si>
  <si>
    <t>稲積__473-2</t>
  </si>
  <si>
    <t>稲積__475-2</t>
  </si>
  <si>
    <t>七美中野__16-2</t>
  </si>
  <si>
    <t>稲積__476-3</t>
  </si>
  <si>
    <t>稲積__477-3</t>
  </si>
  <si>
    <t>稲積__478-4</t>
  </si>
  <si>
    <t>稲積__478-5</t>
  </si>
  <si>
    <t>稲積__507-2</t>
  </si>
  <si>
    <t>稲積__510-4</t>
  </si>
  <si>
    <t>稲積__510-5</t>
  </si>
  <si>
    <t>稲積__512-2</t>
  </si>
  <si>
    <t>稲積__514-2</t>
  </si>
  <si>
    <t>稲積__516-3</t>
  </si>
  <si>
    <t>七美中野__29-2</t>
  </si>
  <si>
    <t>稲積__517-2</t>
  </si>
  <si>
    <t>稲積__603-2</t>
  </si>
  <si>
    <t>稲積__604-2</t>
  </si>
  <si>
    <t>稲積__604-5</t>
  </si>
  <si>
    <t>稲積__605-4</t>
  </si>
  <si>
    <t>稲積__610-3</t>
  </si>
  <si>
    <t>稲積__610-4</t>
  </si>
  <si>
    <t>稲積__611-2</t>
  </si>
  <si>
    <t>稲積__611-3</t>
  </si>
  <si>
    <t>稲積__612-2</t>
  </si>
  <si>
    <t>七美中野__35-2</t>
  </si>
  <si>
    <t>稲積__656-4</t>
  </si>
  <si>
    <t>稲積__656-5</t>
  </si>
  <si>
    <t>稲積__671-3</t>
  </si>
  <si>
    <t>稲積__672-2</t>
  </si>
  <si>
    <t>稲積__707-2</t>
  </si>
  <si>
    <t>稲積__708-2</t>
  </si>
  <si>
    <t>稲積__720-2</t>
  </si>
  <si>
    <t>稲積__721-2</t>
  </si>
  <si>
    <t>稲積__722-2</t>
  </si>
  <si>
    <t>稲積__723-2</t>
  </si>
  <si>
    <t>庄川本町__107-92</t>
  </si>
  <si>
    <t>七美中野__36-2</t>
  </si>
  <si>
    <t>稲積__724-3</t>
  </si>
  <si>
    <t>小杉白石__78-5</t>
  </si>
  <si>
    <t>小杉白石__78-7</t>
  </si>
  <si>
    <t>小杉白石__79-2</t>
  </si>
  <si>
    <t>小杉白石__82-2</t>
  </si>
  <si>
    <t>小杉白石__126-2</t>
  </si>
  <si>
    <t>小杉白石__127-2</t>
  </si>
  <si>
    <t>小杉白石__143-2</t>
  </si>
  <si>
    <t>小杉白石__172-2</t>
  </si>
  <si>
    <t>小杉白石__174-4</t>
  </si>
  <si>
    <t>七美中野__37-2</t>
  </si>
  <si>
    <t>小杉白石__525-2</t>
  </si>
  <si>
    <t>小杉白石__526-2</t>
  </si>
  <si>
    <t>小杉白石__527-2</t>
  </si>
  <si>
    <t>小杉白石__528-2</t>
  </si>
  <si>
    <t>小杉白石__529-2</t>
  </si>
  <si>
    <t>小杉白石__530-2</t>
  </si>
  <si>
    <t>小杉白石__531-2</t>
  </si>
  <si>
    <t>小杉白石__533-3</t>
  </si>
  <si>
    <t>小杉白石__533-4</t>
  </si>
  <si>
    <t>小杉白石__533-5</t>
  </si>
  <si>
    <t>七美中野__38-2</t>
  </si>
  <si>
    <t>小杉白石__534-2</t>
  </si>
  <si>
    <t>小杉白石__534-3</t>
  </si>
  <si>
    <t>小杉白石__535-4</t>
  </si>
  <si>
    <t>小杉白石__542-5</t>
  </si>
  <si>
    <t>小杉白石__543-5</t>
  </si>
  <si>
    <t>小杉白石__543-6</t>
  </si>
  <si>
    <t>小杉白石__544-4</t>
  </si>
  <si>
    <t>小杉白石__545-4</t>
  </si>
  <si>
    <t>小杉白石__545-5</t>
  </si>
  <si>
    <t>小杉白石__546-3</t>
  </si>
  <si>
    <t>七美中野__39-2</t>
  </si>
  <si>
    <t>小杉白石__547-3</t>
  </si>
  <si>
    <t>小杉白石__800-7</t>
  </si>
  <si>
    <t>小杉白石__923-3</t>
  </si>
  <si>
    <t>小杉白石__947-4</t>
  </si>
  <si>
    <t>小杉白石__948-3</t>
  </si>
  <si>
    <t>小杉白石__949-4</t>
  </si>
  <si>
    <t>小杉白石__949-5</t>
  </si>
  <si>
    <t>小杉白石__1013</t>
  </si>
  <si>
    <t>小杉白石__1026</t>
  </si>
  <si>
    <t>小杉白石__1028</t>
  </si>
  <si>
    <t>七美中野__40-2</t>
  </si>
  <si>
    <t>黒河__2-2</t>
  </si>
  <si>
    <t>黒河__91-2</t>
  </si>
  <si>
    <t>黒河__92-2</t>
  </si>
  <si>
    <t>黒河__123-2</t>
  </si>
  <si>
    <t>黒河__124-2</t>
  </si>
  <si>
    <t>黒河__181-2</t>
  </si>
  <si>
    <t>黒河__182-2</t>
  </si>
  <si>
    <t>黒河__197-2</t>
  </si>
  <si>
    <t>黒河__198-2</t>
  </si>
  <si>
    <t>黒河__214-2</t>
  </si>
  <si>
    <t>七美中野__41-2</t>
  </si>
  <si>
    <t>黒河__215-2</t>
  </si>
  <si>
    <t>黒河__289-2</t>
  </si>
  <si>
    <t>黒河__290-2</t>
  </si>
  <si>
    <t>黒河__308-2</t>
  </si>
  <si>
    <t>黒河__309-2</t>
  </si>
  <si>
    <t>黒河__310-2</t>
  </si>
  <si>
    <t>黒河__355-2</t>
  </si>
  <si>
    <t>黒河__356-2</t>
  </si>
  <si>
    <t>黒河__366-2</t>
  </si>
  <si>
    <t>黒河__367-2</t>
  </si>
  <si>
    <t>七美中野__50-2</t>
  </si>
  <si>
    <t>黒河__368-2</t>
  </si>
  <si>
    <t>黒河__369-2</t>
  </si>
  <si>
    <t>黒河__370-2</t>
  </si>
  <si>
    <t>黒河__371-2</t>
  </si>
  <si>
    <t>黒河__393-2</t>
  </si>
  <si>
    <t>黒河__395-3</t>
  </si>
  <si>
    <t>黒河__395-4</t>
  </si>
  <si>
    <t>黒河__396-2</t>
  </si>
  <si>
    <t>黒河__398-3</t>
  </si>
  <si>
    <t>黒河__399-2</t>
  </si>
  <si>
    <t>七美中野__51-2</t>
  </si>
  <si>
    <t>黒河__400-2</t>
  </si>
  <si>
    <t>黒河__410-2</t>
  </si>
  <si>
    <t>黒河__410-3</t>
  </si>
  <si>
    <t>黒河__411-2</t>
  </si>
  <si>
    <t>黒河__429-2</t>
  </si>
  <si>
    <t>黒河__530-4</t>
  </si>
  <si>
    <t>黒河__551-3</t>
  </si>
  <si>
    <t>黒河__558-3</t>
  </si>
  <si>
    <t>黒河__559-3</t>
  </si>
  <si>
    <t>黒河__595-3</t>
  </si>
  <si>
    <t>七美中野__52-2</t>
  </si>
  <si>
    <t>黒河__596-3</t>
  </si>
  <si>
    <t>黒河__597-3</t>
  </si>
  <si>
    <t>黒河__598-3</t>
  </si>
  <si>
    <t>黒河__599-3</t>
  </si>
  <si>
    <t>黒河__599-4</t>
  </si>
  <si>
    <t>黒河__616-2</t>
  </si>
  <si>
    <t>黒河__627-2</t>
  </si>
  <si>
    <t>黒河__628-2</t>
  </si>
  <si>
    <t>黒河__631-2</t>
  </si>
  <si>
    <t>黒河__636-2</t>
  </si>
  <si>
    <t>七美中野__53-2</t>
  </si>
  <si>
    <t>黒河__640-2</t>
  </si>
  <si>
    <t>黒河__641-2</t>
  </si>
  <si>
    <t>黒河__642-2</t>
  </si>
  <si>
    <t>黒河__643-2</t>
  </si>
  <si>
    <t>黒河__644-2</t>
  </si>
  <si>
    <t>黒河__645-2</t>
  </si>
  <si>
    <t>黒河__646-2</t>
  </si>
  <si>
    <t>黒河__647-2</t>
  </si>
  <si>
    <t>黒河__662-2</t>
  </si>
  <si>
    <t>黒河__663-2</t>
  </si>
  <si>
    <t>庄西町一丁目__1372-68</t>
  </si>
  <si>
    <t>庄川本町__113-2</t>
  </si>
  <si>
    <t>七美中野__62-2</t>
  </si>
  <si>
    <t>黒河__663-3</t>
  </si>
  <si>
    <t>黒河__664-2</t>
  </si>
  <si>
    <t>黒河__664-3</t>
  </si>
  <si>
    <t>黒河__665-2</t>
  </si>
  <si>
    <t>黒河__665-3</t>
  </si>
  <si>
    <t>黒河__666-2</t>
  </si>
  <si>
    <t>黒河__666-3</t>
  </si>
  <si>
    <t>黒河__667-2</t>
  </si>
  <si>
    <t>黒河__667-3</t>
  </si>
  <si>
    <t>黒河__668-2</t>
  </si>
  <si>
    <t>七美中野__83-2</t>
  </si>
  <si>
    <t>黒河__668-3</t>
  </si>
  <si>
    <t>黒河__669-2</t>
  </si>
  <si>
    <t>黒河__669-3</t>
  </si>
  <si>
    <t>黒河__670-2</t>
  </si>
  <si>
    <t>黒河__670-3</t>
  </si>
  <si>
    <t>黒河__671-2</t>
  </si>
  <si>
    <t>黒河__671-3</t>
  </si>
  <si>
    <t>黒河__672-2</t>
  </si>
  <si>
    <t>黒河__673-2</t>
  </si>
  <si>
    <t>黒河__674-2</t>
  </si>
  <si>
    <t>七美中野__84-3</t>
  </si>
  <si>
    <t>黒河__686-2</t>
  </si>
  <si>
    <t>黒河__731-2</t>
  </si>
  <si>
    <t>黒河__741-2</t>
  </si>
  <si>
    <t>黒河__742-2</t>
  </si>
  <si>
    <t>黒河__813-3</t>
  </si>
  <si>
    <t>黒河__815-2</t>
  </si>
  <si>
    <t>黒河__914</t>
  </si>
  <si>
    <t>黒河__915</t>
  </si>
  <si>
    <t>黒河__1004</t>
  </si>
  <si>
    <t>黒河__1005-1</t>
  </si>
  <si>
    <t>七美中野__85-18</t>
  </si>
  <si>
    <t>黒河__1039</t>
  </si>
  <si>
    <t>黒河__1075-1</t>
  </si>
  <si>
    <t>黒河__1075-3</t>
  </si>
  <si>
    <t>黒河__1201</t>
  </si>
  <si>
    <t>黒河__1202</t>
  </si>
  <si>
    <t>黒河__1203</t>
  </si>
  <si>
    <t>黒河__1205</t>
  </si>
  <si>
    <t>黒河__1206</t>
  </si>
  <si>
    <t>黒河__1207</t>
  </si>
  <si>
    <t>黒河__1208</t>
  </si>
  <si>
    <t>七美中野__85-6</t>
  </si>
  <si>
    <t>黒河__1209</t>
  </si>
  <si>
    <t>黒河__1210</t>
  </si>
  <si>
    <t>黒河__1211</t>
  </si>
  <si>
    <t>黒河__1212</t>
  </si>
  <si>
    <t>黒河__1214-1</t>
  </si>
  <si>
    <t>黒河__1215</t>
  </si>
  <si>
    <t>黒河__1216</t>
  </si>
  <si>
    <t>黒河__1217</t>
  </si>
  <si>
    <t>黒河__1218</t>
  </si>
  <si>
    <t>黒河__1222</t>
  </si>
  <si>
    <t>七美中野__88-2</t>
  </si>
  <si>
    <t>黒河__1223</t>
  </si>
  <si>
    <t>黒河__1224</t>
  </si>
  <si>
    <t>黒河__1225</t>
  </si>
  <si>
    <t>黒河__1226</t>
  </si>
  <si>
    <t>黒河__1227</t>
  </si>
  <si>
    <t>黒河__1228</t>
  </si>
  <si>
    <t>黒河__1229</t>
  </si>
  <si>
    <t>黒河__1230</t>
  </si>
  <si>
    <t>黒河__1231</t>
  </si>
  <si>
    <t>黒河__1232</t>
  </si>
  <si>
    <t>七美中野__88-3</t>
  </si>
  <si>
    <t>黒河__1233</t>
  </si>
  <si>
    <t>黒河__1234</t>
  </si>
  <si>
    <t>黒河__1235</t>
  </si>
  <si>
    <t>黒河__1236</t>
  </si>
  <si>
    <t>黒河__1237</t>
  </si>
  <si>
    <t>黒河__1238</t>
  </si>
  <si>
    <t>黒河__1239</t>
  </si>
  <si>
    <t>黒河__1240</t>
  </si>
  <si>
    <t>黒河__1241</t>
  </si>
  <si>
    <t>黒河__1242</t>
  </si>
  <si>
    <t>七美中野__89-1</t>
  </si>
  <si>
    <t>黒河__1243</t>
  </si>
  <si>
    <t>黒河__1244</t>
  </si>
  <si>
    <t>黒河__1245</t>
  </si>
  <si>
    <t>黒河__1246</t>
  </si>
  <si>
    <t>黒河__1247</t>
  </si>
  <si>
    <t>黒河__1248</t>
  </si>
  <si>
    <t>黒河__1249</t>
  </si>
  <si>
    <t>黒河__1250</t>
  </si>
  <si>
    <t>黒河__1251</t>
  </si>
  <si>
    <t>黒河__1252</t>
  </si>
  <si>
    <t>七美中野__90-2</t>
  </si>
  <si>
    <t>黒河__1253</t>
  </si>
  <si>
    <t>黒河__1254</t>
  </si>
  <si>
    <t>黒河__1255</t>
  </si>
  <si>
    <t>黒河__1256</t>
  </si>
  <si>
    <t>黒河__1257</t>
  </si>
  <si>
    <t>黒河__1258</t>
  </si>
  <si>
    <t>黒河__1259</t>
  </si>
  <si>
    <t>黒河__1260</t>
  </si>
  <si>
    <t>黒河__1261</t>
  </si>
  <si>
    <t>黒河__1262</t>
  </si>
  <si>
    <t>七美中野__91-2</t>
  </si>
  <si>
    <t>黒河__1263</t>
  </si>
  <si>
    <t>黒河__1264</t>
  </si>
  <si>
    <t>黒河__1265</t>
  </si>
  <si>
    <t>黒河__1266</t>
  </si>
  <si>
    <t>黒河__1267</t>
  </si>
  <si>
    <t>黒河__1268</t>
  </si>
  <si>
    <t>黒河__1270</t>
  </si>
  <si>
    <t>黒河__1271</t>
  </si>
  <si>
    <t>黒河__1272</t>
  </si>
  <si>
    <t>黒河__1273</t>
  </si>
  <si>
    <t>庄川本町__113-3</t>
  </si>
  <si>
    <t>七美中野__92-2</t>
  </si>
  <si>
    <t>黒河__1274</t>
  </si>
  <si>
    <t>黒河__1275</t>
  </si>
  <si>
    <t>黒河__1276</t>
  </si>
  <si>
    <t>黒河__1277</t>
  </si>
  <si>
    <t>黒河__1278</t>
  </si>
  <si>
    <t>黒河__1279</t>
  </si>
  <si>
    <t>黒河__1280-1</t>
  </si>
  <si>
    <t>黒河__1282</t>
  </si>
  <si>
    <t>黒河__1283</t>
  </si>
  <si>
    <t>黒河__1284</t>
  </si>
  <si>
    <t>七美中野__93-2</t>
  </si>
  <si>
    <t>黒河__1285</t>
  </si>
  <si>
    <t>黒河__1286</t>
  </si>
  <si>
    <t>黒河__1287</t>
  </si>
  <si>
    <t>黒河__1288</t>
  </si>
  <si>
    <t>黒河__1289</t>
  </si>
  <si>
    <t>黒河__1290</t>
  </si>
  <si>
    <t>黒河__1291</t>
  </si>
  <si>
    <t>黒河__1292</t>
  </si>
  <si>
    <t>黒河__1293</t>
  </si>
  <si>
    <t>黒河__1294</t>
  </si>
  <si>
    <t>七美中野__95-2</t>
  </si>
  <si>
    <t>黒河__1295</t>
  </si>
  <si>
    <t>黒河__1296</t>
  </si>
  <si>
    <t>黒河__1297</t>
  </si>
  <si>
    <t>黒河__1298</t>
  </si>
  <si>
    <t>黒河__1299</t>
  </si>
  <si>
    <t>黒河__1300</t>
  </si>
  <si>
    <t>黒河__1301</t>
  </si>
  <si>
    <t>黒河__1302</t>
  </si>
  <si>
    <t>黒河__1303</t>
  </si>
  <si>
    <t>黒河__1304</t>
  </si>
  <si>
    <t>七美中野__95-3</t>
  </si>
  <si>
    <t>黒河__1305</t>
  </si>
  <si>
    <t>黒河__1306</t>
  </si>
  <si>
    <t>黒河__1307</t>
  </si>
  <si>
    <t>黒河__1308</t>
  </si>
  <si>
    <t>黒河__1309</t>
  </si>
  <si>
    <t>黒河__1310</t>
  </si>
  <si>
    <t>黒河__1311</t>
  </si>
  <si>
    <t>黒河__1312</t>
  </si>
  <si>
    <t>黒河__1313</t>
  </si>
  <si>
    <t>黒河__1314</t>
  </si>
  <si>
    <t>七美中野__96-2</t>
  </si>
  <si>
    <t>黒河__1315</t>
  </si>
  <si>
    <t>黒河__1316</t>
  </si>
  <si>
    <t>黒河__1318-1</t>
  </si>
  <si>
    <t>黒河__1318-2</t>
  </si>
  <si>
    <t>黒河__1319</t>
  </si>
  <si>
    <t>黒河__1320</t>
  </si>
  <si>
    <t>黒河__1321</t>
  </si>
  <si>
    <t>黒河__1324</t>
  </si>
  <si>
    <t>黒河__1325-1</t>
  </si>
  <si>
    <t>黒河__1327</t>
  </si>
  <si>
    <t>七美中野__97-2</t>
  </si>
  <si>
    <t>黒河__1328</t>
  </si>
  <si>
    <t>黒河__1329</t>
  </si>
  <si>
    <t>黒河__1330</t>
  </si>
  <si>
    <t>黒河__1331</t>
  </si>
  <si>
    <t>黒河__1332</t>
  </si>
  <si>
    <t>黒河__1333</t>
  </si>
  <si>
    <t>黒河__1334</t>
  </si>
  <si>
    <t>黒河__1335</t>
  </si>
  <si>
    <t>黒河__1336</t>
  </si>
  <si>
    <t>黒河__1337</t>
  </si>
  <si>
    <t>七美中野__105-2</t>
  </si>
  <si>
    <t>黒河__1338</t>
  </si>
  <si>
    <t>黒河__1339</t>
  </si>
  <si>
    <t>黒河__1342</t>
  </si>
  <si>
    <t>黒河__1343</t>
  </si>
  <si>
    <t>黒河__1344</t>
  </si>
  <si>
    <t>黒河__1359</t>
  </si>
  <si>
    <t>黒河__1369</t>
  </si>
  <si>
    <t>黒河__1370-1</t>
  </si>
  <si>
    <t>黒河__1370-3</t>
  </si>
  <si>
    <t>黒河__1371-1</t>
  </si>
  <si>
    <t>七美中野__134-4</t>
  </si>
  <si>
    <t>黒河__1372-1</t>
  </si>
  <si>
    <t>黒河__1374</t>
  </si>
  <si>
    <t>黒河__1375</t>
  </si>
  <si>
    <t>黒河__1376</t>
  </si>
  <si>
    <t>黒河__1377</t>
  </si>
  <si>
    <t>黒河__1378</t>
  </si>
  <si>
    <t>黒河__1379</t>
  </si>
  <si>
    <t>黒河__1380</t>
  </si>
  <si>
    <t>黒河__1381</t>
  </si>
  <si>
    <t>黒河__1382</t>
  </si>
  <si>
    <t>七美中野__134-5</t>
  </si>
  <si>
    <t>黒河__1383</t>
  </si>
  <si>
    <t>黒河__1384</t>
  </si>
  <si>
    <t>黒河__1385</t>
  </si>
  <si>
    <t>黒河__1386</t>
  </si>
  <si>
    <t>黒河__1387</t>
  </si>
  <si>
    <t>黒河__1388</t>
  </si>
  <si>
    <t>黒河__1389</t>
  </si>
  <si>
    <t>黒河__1390</t>
  </si>
  <si>
    <t>黒河__1391</t>
  </si>
  <si>
    <t>黒河__1392</t>
  </si>
  <si>
    <t>七美中野__135-2</t>
  </si>
  <si>
    <t>黒河__1393</t>
  </si>
  <si>
    <t>黒河__1394</t>
  </si>
  <si>
    <t>黒河__1395</t>
  </si>
  <si>
    <t>黒河__1396</t>
  </si>
  <si>
    <t>黒河__1397</t>
  </si>
  <si>
    <t>黒河__1398</t>
  </si>
  <si>
    <t>黒河__1399</t>
  </si>
  <si>
    <t>黒河__1400</t>
  </si>
  <si>
    <t>黒河__1401-1</t>
  </si>
  <si>
    <t>黒河__1402</t>
  </si>
  <si>
    <t>庄川本町__113-6</t>
  </si>
  <si>
    <t>七美中野__136-2</t>
  </si>
  <si>
    <t>黒河__1419-1</t>
  </si>
  <si>
    <t>黒河__1420</t>
  </si>
  <si>
    <t>黒河__1423</t>
  </si>
  <si>
    <t>黒河_前田_481-3</t>
  </si>
  <si>
    <t>黒河_前田_482-2</t>
  </si>
  <si>
    <t>黒河_前田_483-3</t>
  </si>
  <si>
    <t>黒河_前田_484-3</t>
  </si>
  <si>
    <t>黒河_前田_1706-2</t>
  </si>
  <si>
    <t>黒河_前田_1707-2</t>
  </si>
  <si>
    <t>黒河_前田_1724-2</t>
  </si>
  <si>
    <t>七美中野__145-2</t>
  </si>
  <si>
    <t>黒河_前田_1725-2</t>
  </si>
  <si>
    <t>黒河_前田_1726-3</t>
  </si>
  <si>
    <t>黒河_前田_1726-4</t>
  </si>
  <si>
    <t>黒河_前田_1795-3</t>
  </si>
  <si>
    <t>黒河_前田_1897-5</t>
  </si>
  <si>
    <t>黒河_前田_1897-6</t>
  </si>
  <si>
    <t>黒河_前田_1899-2</t>
  </si>
  <si>
    <t>黒河_前田_1899-3</t>
  </si>
  <si>
    <t>黒河_前田_1901-3</t>
  </si>
  <si>
    <t>黒河_前田_1901-6</t>
  </si>
  <si>
    <t>七美中野__148-2</t>
  </si>
  <si>
    <t>黒河_前田_1902-2</t>
  </si>
  <si>
    <t>黒河_前田_1904-2</t>
  </si>
  <si>
    <t>黒河_前田_1907-3</t>
  </si>
  <si>
    <t>黒河_尺目_1933-3</t>
  </si>
  <si>
    <t>黒河_尺目_1935-5</t>
  </si>
  <si>
    <t>黒河_尺目_1939-3</t>
  </si>
  <si>
    <t>黒河_尺目_1939-4</t>
  </si>
  <si>
    <t>黒河_尺目_1940-2</t>
  </si>
  <si>
    <t>黒河_尺目_1946-2</t>
  </si>
  <si>
    <t>黒河_尺目_2400-3</t>
  </si>
  <si>
    <t>七美中野__158-2</t>
  </si>
  <si>
    <t>黒河_尺目_2461-3</t>
  </si>
  <si>
    <t>黒河_尺目_2467-2</t>
  </si>
  <si>
    <t>黒河_尺目_2468-2</t>
  </si>
  <si>
    <t>黒河_尺目_2471-2</t>
  </si>
  <si>
    <t>黒河_尺目_2472-2</t>
  </si>
  <si>
    <t>黒河_尺目_2477-2</t>
  </si>
  <si>
    <t>黒河_尺目_2478-2</t>
  </si>
  <si>
    <t>黒河_尺目_2483-2</t>
  </si>
  <si>
    <t>黒河_尺目_2484-2</t>
  </si>
  <si>
    <t>黒河_尺目_2495-2</t>
  </si>
  <si>
    <t>七美中野__162-2</t>
  </si>
  <si>
    <t>黒河_尺目_2500-2</t>
  </si>
  <si>
    <t>黒河_尺目_2501-2</t>
  </si>
  <si>
    <t>黒河_尺目_2524-2</t>
  </si>
  <si>
    <t>黒河_尺目_2680-2</t>
  </si>
  <si>
    <t>黒河_尺目_2688-2</t>
  </si>
  <si>
    <t>黒河_尺目_2691-2</t>
  </si>
  <si>
    <t>黒河_尺目_2692-3</t>
  </si>
  <si>
    <t>黒河_尺目_2692-4</t>
  </si>
  <si>
    <t>七美中野__163-2</t>
  </si>
  <si>
    <t>黒河_尺目_2996-2</t>
  </si>
  <si>
    <t>黒河_尺目_3074-6</t>
  </si>
  <si>
    <t>黒河_尺目_3093-6</t>
  </si>
  <si>
    <t>黒河_尺目_3094-2</t>
  </si>
  <si>
    <t>黒河_竹山_3134-2</t>
  </si>
  <si>
    <t>黒河_竹山_3216-3</t>
  </si>
  <si>
    <t>黒河_竹山_3708-2</t>
  </si>
  <si>
    <t>黒河_竹山_3718-2</t>
  </si>
  <si>
    <t>黒河_三百野_3753-3</t>
  </si>
  <si>
    <t>黒河_三百野_3753-4</t>
  </si>
  <si>
    <t>七美中野__164-2</t>
  </si>
  <si>
    <t>黒河_三百野_3756-2</t>
  </si>
  <si>
    <t>黒河_三百野_3787-5</t>
  </si>
  <si>
    <t>黒河_三百野_3810-2</t>
  </si>
  <si>
    <t>黒河_三百野_3811-2</t>
  </si>
  <si>
    <t>黒河_三百野_3839-2</t>
  </si>
  <si>
    <t>黒河_三百野_3843-2</t>
  </si>
  <si>
    <t>黒河_三百野_3844-2</t>
  </si>
  <si>
    <t>黒河_三百野_3846-2</t>
  </si>
  <si>
    <t>黒河_三百野_3847-2</t>
  </si>
  <si>
    <t>黒河_三百野_3847-3</t>
  </si>
  <si>
    <t>七美中野__165-2</t>
  </si>
  <si>
    <t>黒河_三百野_3850-2</t>
  </si>
  <si>
    <t>黒河_三百野_3873-2</t>
  </si>
  <si>
    <t>黒河_三百野_4029-3</t>
  </si>
  <si>
    <t>黒河_三百野_4029-4</t>
  </si>
  <si>
    <t>黒河_三百野_4033-7</t>
  </si>
  <si>
    <t>黒河_金屎_4922-3</t>
  </si>
  <si>
    <t>黒河_一ツ山_5068-3</t>
  </si>
  <si>
    <t>黒河_一ツ山_5069-5</t>
  </si>
  <si>
    <t>黒河_一ツ山_5069-6</t>
  </si>
  <si>
    <t>黒河_一ツ山_5069-7</t>
  </si>
  <si>
    <t>七美中野__185-2</t>
  </si>
  <si>
    <t>黒河_一ツ山_5069-8</t>
  </si>
  <si>
    <t>黒河_一ツ山_5070-7</t>
  </si>
  <si>
    <t>黒河_一ツ山_5070-8</t>
  </si>
  <si>
    <t>黒河_一ツ山_5070-9</t>
  </si>
  <si>
    <t>黒河_一ツ山_5070-10</t>
  </si>
  <si>
    <t>黒河_一ツ山_5070-11</t>
  </si>
  <si>
    <t>黒河新_江下_54-1</t>
  </si>
  <si>
    <t>黒河新_江下_54-4</t>
  </si>
  <si>
    <t>黒河新_浦野_1767-3</t>
  </si>
  <si>
    <t>黒河新_浦野_1845-2</t>
  </si>
  <si>
    <t>七美中野__186-3</t>
  </si>
  <si>
    <t>黒河新_浦野_1849-2</t>
  </si>
  <si>
    <t>黒河新_表野_1552-2</t>
  </si>
  <si>
    <t>黒河新_表野_1555-3</t>
  </si>
  <si>
    <t>黒河新_表野_1560-4</t>
  </si>
  <si>
    <t>黒河新_土代尻_1485-3</t>
  </si>
  <si>
    <t>黒河新_土代尻_1485-4</t>
  </si>
  <si>
    <t>黒河新_土代尻_1485-5</t>
  </si>
  <si>
    <t>黒河新_滝_2776-5</t>
  </si>
  <si>
    <t>黒河新_滝_2796-3</t>
  </si>
  <si>
    <t>黒河新_滝_2799-3</t>
  </si>
  <si>
    <t>庄川本町__126-4</t>
  </si>
  <si>
    <t>七美中野__187-5</t>
  </si>
  <si>
    <t>黒河新_滝_2803-3</t>
  </si>
  <si>
    <t>黒河新_滝_2804-3</t>
  </si>
  <si>
    <t>黒河新_石坂_3294-2</t>
  </si>
  <si>
    <t>黒河新_長尾_4850-1</t>
  </si>
  <si>
    <t>黒河新_長尾_4942-4</t>
  </si>
  <si>
    <t>塚越__2-3</t>
  </si>
  <si>
    <t>塚越__3-2</t>
  </si>
  <si>
    <t>塚越__4-3</t>
  </si>
  <si>
    <t>塚越__13-2</t>
  </si>
  <si>
    <t>塚越__14-2</t>
  </si>
  <si>
    <t>七美中野__188-2</t>
  </si>
  <si>
    <t>塚越__15-2</t>
  </si>
  <si>
    <t>塚越__16-2</t>
  </si>
  <si>
    <t>塚越__17-2</t>
  </si>
  <si>
    <t>塚越__18-2</t>
  </si>
  <si>
    <t>塚越__19-2</t>
  </si>
  <si>
    <t>塚越__1255</t>
  </si>
  <si>
    <t>塚越__1298</t>
  </si>
  <si>
    <t>塚越__1354</t>
  </si>
  <si>
    <t>塚越__1360</t>
  </si>
  <si>
    <t>塚越__1368</t>
  </si>
  <si>
    <t>七美中野__189-13</t>
  </si>
  <si>
    <t>塚越__1372</t>
  </si>
  <si>
    <t>塚越__1375</t>
  </si>
  <si>
    <t>塚越__1376</t>
  </si>
  <si>
    <t>塚越__1394</t>
  </si>
  <si>
    <t>塚越_立沢_780-2</t>
  </si>
  <si>
    <t>塚越_立沢_805-10</t>
  </si>
  <si>
    <t>塚越_立沢_805-11</t>
  </si>
  <si>
    <t>中老田新_星丸_594-4</t>
  </si>
  <si>
    <t>中老田新_星丸_595-3</t>
  </si>
  <si>
    <t>中老田新_星丸_596-2</t>
  </si>
  <si>
    <t>七美中野__193-7</t>
  </si>
  <si>
    <t>中老田新_星丸_598-2</t>
  </si>
  <si>
    <t>中老田新_星丸_695-2</t>
  </si>
  <si>
    <t>太閤町__176</t>
  </si>
  <si>
    <t>太閤町__177</t>
  </si>
  <si>
    <t>太閤町__178</t>
  </si>
  <si>
    <t>太閤町__179</t>
  </si>
  <si>
    <t>太閤町__181-1</t>
  </si>
  <si>
    <t>土代_三度山_899-2</t>
  </si>
  <si>
    <t>土代_三度山_1021-2</t>
  </si>
  <si>
    <t>土代_三度山_1037-9</t>
  </si>
  <si>
    <t>七美中野__193-8</t>
  </si>
  <si>
    <t>土代_三度山_1038-4</t>
  </si>
  <si>
    <t>土代_三度山_1038-5</t>
  </si>
  <si>
    <t>椎土_村上_585-3</t>
  </si>
  <si>
    <t>椎土_村上_587-5</t>
  </si>
  <si>
    <t>椎土_村上_654-2</t>
  </si>
  <si>
    <t>椎土_三百歩_1071-2</t>
  </si>
  <si>
    <t>椎土_三百歩_1076-2</t>
  </si>
  <si>
    <t>椎土_三百歩_1077-2</t>
  </si>
  <si>
    <t>椎土_三百歩_1078-2</t>
  </si>
  <si>
    <t>椎土_南畑田_1321-4</t>
  </si>
  <si>
    <t>七美中野__194-5</t>
  </si>
  <si>
    <t>椎土_南畑田_1322-4</t>
  </si>
  <si>
    <t>山本新__56-2</t>
  </si>
  <si>
    <t>山本新__57-2</t>
  </si>
  <si>
    <t>山本新_上野田_1261-5</t>
  </si>
  <si>
    <t>山本新_上野田_1261-6</t>
  </si>
  <si>
    <t>山本新_上野田_1286-2</t>
  </si>
  <si>
    <t>山本新_上野田_1290-2</t>
  </si>
  <si>
    <t>山本新_上野田_1291-2</t>
  </si>
  <si>
    <t>山本新_上野田_1293-5</t>
  </si>
  <si>
    <t>山本新_上野田_1293-6</t>
  </si>
  <si>
    <t>七美中野__195-2</t>
  </si>
  <si>
    <t>山本新_上野田_1294-2</t>
  </si>
  <si>
    <t>山本新_上野田_1299-2</t>
  </si>
  <si>
    <t>山本_野田_7-43</t>
  </si>
  <si>
    <t>山本_野田_7-44</t>
  </si>
  <si>
    <t>山本_野田_7-50</t>
  </si>
  <si>
    <t>山本_野田_7-53</t>
  </si>
  <si>
    <t>山本_野田_7-54</t>
  </si>
  <si>
    <t>山本_野田_7-62</t>
  </si>
  <si>
    <t>山本_野田_13-25</t>
  </si>
  <si>
    <t>山本_野田_13-27</t>
  </si>
  <si>
    <t>七美中野__196-3</t>
  </si>
  <si>
    <t>山本_二枚田_35-50</t>
  </si>
  <si>
    <t>山本_二枚田_35-51</t>
  </si>
  <si>
    <t>山本_二枚田_3708-2</t>
  </si>
  <si>
    <t>山本_二枚田_3709-2</t>
  </si>
  <si>
    <t>山本_二枚田_3710-2</t>
  </si>
  <si>
    <t>山本_二枚田_3717-3</t>
  </si>
  <si>
    <t>山本_二枚田_3717-4</t>
  </si>
  <si>
    <t>山本_二枚田_3723-3</t>
  </si>
  <si>
    <t>山本_二枚田_3724-4</t>
  </si>
  <si>
    <t>黒河又新_水上_890</t>
  </si>
  <si>
    <t>七美中野__197-2</t>
  </si>
  <si>
    <t>黒河又新_水上_891</t>
  </si>
  <si>
    <t>池多__40</t>
  </si>
  <si>
    <t>池多__43</t>
  </si>
  <si>
    <t>池多__47</t>
  </si>
  <si>
    <t>池多__51</t>
  </si>
  <si>
    <t>池多__77</t>
  </si>
  <si>
    <t>池多__86</t>
  </si>
  <si>
    <t>池多__92</t>
  </si>
  <si>
    <t>池多__103</t>
  </si>
  <si>
    <t>池多__115</t>
  </si>
  <si>
    <t>七美中野__202-2</t>
  </si>
  <si>
    <t>池多__121</t>
  </si>
  <si>
    <t>池多__124</t>
  </si>
  <si>
    <t>池多__130</t>
  </si>
  <si>
    <t>池多__137</t>
  </si>
  <si>
    <t>池多__183</t>
  </si>
  <si>
    <t>池多__284</t>
  </si>
  <si>
    <t>池多__341</t>
  </si>
  <si>
    <t>池多__347</t>
  </si>
  <si>
    <t>池多__349</t>
  </si>
  <si>
    <t>池多__360</t>
  </si>
  <si>
    <t>庄川本町__176</t>
  </si>
  <si>
    <t>七美中野__203-2</t>
  </si>
  <si>
    <t>池多__371</t>
  </si>
  <si>
    <t>池多__373</t>
  </si>
  <si>
    <t>池多__374</t>
  </si>
  <si>
    <t>池多__393</t>
  </si>
  <si>
    <t>池多__409</t>
  </si>
  <si>
    <t>池多__411</t>
  </si>
  <si>
    <t>池多__424</t>
  </si>
  <si>
    <t>池多__448</t>
  </si>
  <si>
    <t>池多__504</t>
  </si>
  <si>
    <t>池多__584</t>
  </si>
  <si>
    <t>七美中野__220-2</t>
  </si>
  <si>
    <t>池多__629</t>
  </si>
  <si>
    <t>池多__639</t>
  </si>
  <si>
    <t>池多__658-2</t>
  </si>
  <si>
    <t>池多__659-2</t>
  </si>
  <si>
    <t>池多__660-3</t>
  </si>
  <si>
    <t>池多__676</t>
  </si>
  <si>
    <t>池多__701</t>
  </si>
  <si>
    <t>池多__813</t>
  </si>
  <si>
    <t>池多__819-2</t>
  </si>
  <si>
    <t>池多__819-3</t>
  </si>
  <si>
    <t>七美中野__221-2</t>
  </si>
  <si>
    <t>池多__822-2</t>
  </si>
  <si>
    <t>池多__830-2</t>
  </si>
  <si>
    <t>池多__831-2</t>
  </si>
  <si>
    <t>池多__839</t>
  </si>
  <si>
    <t>池多__848-2</t>
  </si>
  <si>
    <t>池多__849-2</t>
  </si>
  <si>
    <t>池多__850-3</t>
  </si>
  <si>
    <t>池多__850-4</t>
  </si>
  <si>
    <t>池多__869-1</t>
  </si>
  <si>
    <t>池多__895-2</t>
  </si>
  <si>
    <t>七美中野__222-2</t>
  </si>
  <si>
    <t>池多__897-3</t>
  </si>
  <si>
    <t>池多__899-2</t>
  </si>
  <si>
    <t>池多__901-3</t>
  </si>
  <si>
    <t>池多__902-2</t>
  </si>
  <si>
    <t>池多__909-2</t>
  </si>
  <si>
    <t>池多__926-2</t>
  </si>
  <si>
    <t>池多__938</t>
  </si>
  <si>
    <t>池多__948</t>
  </si>
  <si>
    <t>池多__956</t>
  </si>
  <si>
    <t>池多__963</t>
  </si>
  <si>
    <t>七美中野__223-2</t>
  </si>
  <si>
    <t>池多__965</t>
  </si>
  <si>
    <t>池多__972</t>
  </si>
  <si>
    <t>池多__987</t>
  </si>
  <si>
    <t>池多__997</t>
  </si>
  <si>
    <t>池多__1017</t>
  </si>
  <si>
    <t>池多__1051-4</t>
  </si>
  <si>
    <t>太閤山１丁目__76-2</t>
  </si>
  <si>
    <t>太閤山１丁目__77-2</t>
  </si>
  <si>
    <t>太閤山１丁目__78-2</t>
  </si>
  <si>
    <t>太閤山１丁目__80-3</t>
  </si>
  <si>
    <t>七美中野__224-2</t>
  </si>
  <si>
    <t>太閤山１丁目__83-2</t>
  </si>
  <si>
    <t>太閤山３丁目__301</t>
  </si>
  <si>
    <t>太閤山３丁目__302</t>
  </si>
  <si>
    <t>太閤山３丁目__303</t>
  </si>
  <si>
    <t>太閤山４丁目__201</t>
  </si>
  <si>
    <t>太閤山４丁目__202</t>
  </si>
  <si>
    <t>太閤山８丁目__301</t>
  </si>
  <si>
    <t>中太閤山６丁目__213</t>
  </si>
  <si>
    <t>南太閤山２丁目__34</t>
  </si>
  <si>
    <t>南太閤山２丁目__56-1</t>
  </si>
  <si>
    <t>七美中野__225-2</t>
  </si>
  <si>
    <t>南太閤山１０丁目__19</t>
  </si>
  <si>
    <t>南太閤山１０丁目__27</t>
  </si>
  <si>
    <t>南太閤山１１丁目__6</t>
  </si>
  <si>
    <t>南太閤山１１丁目__22</t>
  </si>
  <si>
    <t>南太閤山１１丁目__23</t>
  </si>
  <si>
    <t>南太閤山１２丁目__108</t>
  </si>
  <si>
    <t>南太閤山１４丁目__113</t>
  </si>
  <si>
    <t>東太閤山１丁目__54</t>
  </si>
  <si>
    <t>東太閤山１丁目__74</t>
  </si>
  <si>
    <t>東太閤山２丁目__19</t>
  </si>
  <si>
    <t>本江_一割_2037-4</t>
  </si>
  <si>
    <t>東太閤山２丁目__59</t>
  </si>
  <si>
    <t>東太閤山３丁目__24</t>
  </si>
  <si>
    <t>東太閤山３丁目__44</t>
  </si>
  <si>
    <t>東太閤山３丁目__54</t>
  </si>
  <si>
    <t>一条__47</t>
  </si>
  <si>
    <t>西広上__26-2</t>
  </si>
  <si>
    <t>西広上__28-2</t>
  </si>
  <si>
    <t>西広上__30-2</t>
  </si>
  <si>
    <t>西広上__30-4</t>
  </si>
  <si>
    <t>西広上__31-2</t>
  </si>
  <si>
    <t>本江_一割_2145-2</t>
  </si>
  <si>
    <t>西広上__37-2</t>
  </si>
  <si>
    <t>西広上__38-2</t>
  </si>
  <si>
    <t>西広上__39-2</t>
  </si>
  <si>
    <t>西広上__40-2</t>
  </si>
  <si>
    <t>西広上__41-2</t>
  </si>
  <si>
    <t>西広上__74-4</t>
  </si>
  <si>
    <t>西広上__75-4</t>
  </si>
  <si>
    <t>西広上__76-3</t>
  </si>
  <si>
    <t>西広上__77-3</t>
  </si>
  <si>
    <t>西広上__78-3</t>
  </si>
  <si>
    <t>本江_村中_1895-2</t>
  </si>
  <si>
    <t>西広上__79-3</t>
  </si>
  <si>
    <t>西広上__80-3</t>
  </si>
  <si>
    <t>広上__106-2</t>
  </si>
  <si>
    <t>広上__132-2</t>
  </si>
  <si>
    <t>広上__201</t>
  </si>
  <si>
    <t>広上__202</t>
  </si>
  <si>
    <t>広上__203</t>
  </si>
  <si>
    <t>広上__204</t>
  </si>
  <si>
    <t>広上__205</t>
  </si>
  <si>
    <t>広上__206</t>
  </si>
  <si>
    <t>庄川本町__181-6</t>
  </si>
  <si>
    <t>本江_村中_2397-2</t>
  </si>
  <si>
    <t>広上__208</t>
  </si>
  <si>
    <t>広上__209</t>
  </si>
  <si>
    <t>広上__210</t>
  </si>
  <si>
    <t>広上__211</t>
  </si>
  <si>
    <t>広上__212</t>
  </si>
  <si>
    <t>広上__213</t>
  </si>
  <si>
    <t>広上__215</t>
  </si>
  <si>
    <t>広上__217</t>
  </si>
  <si>
    <t>広上__218</t>
  </si>
  <si>
    <t>広上__219</t>
  </si>
  <si>
    <t>本江_九曜_2213-2</t>
  </si>
  <si>
    <t>広上__220</t>
  </si>
  <si>
    <t>広上__221</t>
  </si>
  <si>
    <t>広上__222</t>
  </si>
  <si>
    <t>広上__223</t>
  </si>
  <si>
    <t>広上__224</t>
  </si>
  <si>
    <t>広上__225</t>
  </si>
  <si>
    <t>広上__226</t>
  </si>
  <si>
    <t>広上__227</t>
  </si>
  <si>
    <t>広上__228</t>
  </si>
  <si>
    <t>広上__229</t>
  </si>
  <si>
    <t>本江_足洗_2253-2</t>
  </si>
  <si>
    <t>広上__230</t>
  </si>
  <si>
    <t>広上__231</t>
  </si>
  <si>
    <t>広上__232</t>
  </si>
  <si>
    <t>広上__233</t>
  </si>
  <si>
    <t>広上__234</t>
  </si>
  <si>
    <t>広上__237</t>
  </si>
  <si>
    <t>広上__238</t>
  </si>
  <si>
    <t>広上__239</t>
  </si>
  <si>
    <t>広上__240</t>
  </si>
  <si>
    <t>広上__241</t>
  </si>
  <si>
    <t>本江_足洗_2257-4</t>
  </si>
  <si>
    <t>広上__242</t>
  </si>
  <si>
    <t>広上__243</t>
  </si>
  <si>
    <t>広上__244</t>
  </si>
  <si>
    <t>広上__245</t>
  </si>
  <si>
    <t>広上__246</t>
  </si>
  <si>
    <t>広上__247</t>
  </si>
  <si>
    <t>広上__248</t>
  </si>
  <si>
    <t>広上__249</t>
  </si>
  <si>
    <t>広上__250</t>
  </si>
  <si>
    <t>広上__251</t>
  </si>
  <si>
    <t>本江_足洗_2258-2</t>
  </si>
  <si>
    <t>広上__256</t>
  </si>
  <si>
    <t>広上__257</t>
  </si>
  <si>
    <t>広上__258</t>
  </si>
  <si>
    <t>広上__263</t>
  </si>
  <si>
    <t>広上__271</t>
  </si>
  <si>
    <t>広上__274</t>
  </si>
  <si>
    <t>広上__275</t>
  </si>
  <si>
    <t>広上__276</t>
  </si>
  <si>
    <t>広上__277</t>
  </si>
  <si>
    <t>広上__278</t>
  </si>
  <si>
    <t>本江_足洗_2260-3</t>
  </si>
  <si>
    <t>広上__279</t>
  </si>
  <si>
    <t>広上__280</t>
  </si>
  <si>
    <t>広上__282</t>
  </si>
  <si>
    <t>広上__283</t>
  </si>
  <si>
    <t>広上__284</t>
  </si>
  <si>
    <t>広上__285</t>
  </si>
  <si>
    <t>広上__361-39</t>
  </si>
  <si>
    <t>広上__361-40</t>
  </si>
  <si>
    <t>広上__361-43</t>
  </si>
  <si>
    <t>広上__361-47</t>
  </si>
  <si>
    <t>本江_八ケ尻_2841-2</t>
  </si>
  <si>
    <t>広上__714-2</t>
  </si>
  <si>
    <t>広上__749-6</t>
  </si>
  <si>
    <t>広上__750-5</t>
  </si>
  <si>
    <t>広上__751-4</t>
  </si>
  <si>
    <t>広上__752-4</t>
  </si>
  <si>
    <t>広上__753-4</t>
  </si>
  <si>
    <t>広上__754-2</t>
  </si>
  <si>
    <t>広上__754-4</t>
  </si>
  <si>
    <t>広上__755-2</t>
  </si>
  <si>
    <t>広上__755-4</t>
  </si>
  <si>
    <t>本江_八ケ尻_2842-2</t>
  </si>
  <si>
    <t>広上__756-2</t>
  </si>
  <si>
    <t>広上__756-4</t>
  </si>
  <si>
    <t>広上__757-2</t>
  </si>
  <si>
    <t>広上__757-4</t>
  </si>
  <si>
    <t>広上__758-2</t>
  </si>
  <si>
    <t>広上__758-4</t>
  </si>
  <si>
    <t>広上__758-5</t>
  </si>
  <si>
    <t>広上__759-2</t>
  </si>
  <si>
    <t>広上__760-2</t>
  </si>
  <si>
    <t>広上__761-2</t>
  </si>
  <si>
    <t>本江_八ケ尻_2843-2</t>
  </si>
  <si>
    <t>広上__762-2</t>
  </si>
  <si>
    <t>広上__763-3</t>
  </si>
  <si>
    <t>広上__764-2</t>
  </si>
  <si>
    <t>広上__765-2</t>
  </si>
  <si>
    <t>広上__766-2</t>
  </si>
  <si>
    <t>広上__769-2</t>
  </si>
  <si>
    <t>広上__785-2</t>
  </si>
  <si>
    <t>広上__787-5</t>
  </si>
  <si>
    <t>広上__796-3</t>
  </si>
  <si>
    <t>広上__797-3</t>
  </si>
  <si>
    <t>本江_八ケ尻_2845-2</t>
  </si>
  <si>
    <t>広上__806-4</t>
  </si>
  <si>
    <t>広上__874-5</t>
  </si>
  <si>
    <t>広上__900-2</t>
  </si>
  <si>
    <t>広上__1108-5</t>
  </si>
  <si>
    <t>広上__1130-2</t>
  </si>
  <si>
    <t>広上__1130-3</t>
  </si>
  <si>
    <t>広上__1132-2</t>
  </si>
  <si>
    <t>広上__1132-3</t>
  </si>
  <si>
    <t>広上__1133-2</t>
  </si>
  <si>
    <t>広上__1136-2</t>
  </si>
  <si>
    <t>庄川本町__184</t>
  </si>
  <si>
    <t>本江針山新_西坪_42-2</t>
  </si>
  <si>
    <t>広上__1138-2</t>
  </si>
  <si>
    <t>広上__1139-2</t>
  </si>
  <si>
    <t>広上__1143-2</t>
  </si>
  <si>
    <t>広上__1144-2</t>
  </si>
  <si>
    <t>広上__1147-2</t>
  </si>
  <si>
    <t>広上__1148-2</t>
  </si>
  <si>
    <t>広上__1152-2</t>
  </si>
  <si>
    <t>広上__1153-2</t>
  </si>
  <si>
    <t>広上__1154-2</t>
  </si>
  <si>
    <t>広上__1155-2</t>
  </si>
  <si>
    <t>本江針山新_西坪_46-1</t>
  </si>
  <si>
    <t>広上__1178-2</t>
  </si>
  <si>
    <t>広上__1198-2</t>
  </si>
  <si>
    <t>広上__1201-2</t>
  </si>
  <si>
    <t>広上__1589-3</t>
  </si>
  <si>
    <t>広上__1740-2</t>
  </si>
  <si>
    <t>広上__1741-2</t>
  </si>
  <si>
    <t>広上__1752-2</t>
  </si>
  <si>
    <t>広上__1753-2</t>
  </si>
  <si>
    <t>広上__1770-2</t>
  </si>
  <si>
    <t>広上__1811-2</t>
  </si>
  <si>
    <t>本江針山新_北割_124-3</t>
  </si>
  <si>
    <t>広上__1812-2</t>
  </si>
  <si>
    <t>広上__1814-2</t>
  </si>
  <si>
    <t>広上__1834-2</t>
  </si>
  <si>
    <t>広上__1939-2</t>
  </si>
  <si>
    <t>広上__1940-2</t>
  </si>
  <si>
    <t>広上__1941-2</t>
  </si>
  <si>
    <t>広上__1942-2</t>
  </si>
  <si>
    <t>広上__1943-2</t>
  </si>
  <si>
    <t>広上__1944-2</t>
  </si>
  <si>
    <t>広上__1945-2</t>
  </si>
  <si>
    <t>本江針山新_前田_18-2</t>
  </si>
  <si>
    <t>広上__1946-2</t>
  </si>
  <si>
    <t>広上__1947-2</t>
  </si>
  <si>
    <t>広上__1948-2</t>
  </si>
  <si>
    <t>広上__1949-2</t>
  </si>
  <si>
    <t>広上__1950-2</t>
  </si>
  <si>
    <t>広上__2000-17</t>
  </si>
  <si>
    <t>広上__2000-18</t>
  </si>
  <si>
    <t>広上__2000-19</t>
  </si>
  <si>
    <t>広上__2000-20</t>
  </si>
  <si>
    <t>広上__2000-21</t>
  </si>
  <si>
    <t>本江針山開_海老江開_151-4</t>
  </si>
  <si>
    <t>上条__66-1</t>
  </si>
  <si>
    <t>上条__90-1</t>
  </si>
  <si>
    <t>上条__98-1</t>
  </si>
  <si>
    <t>上条__104-1</t>
  </si>
  <si>
    <t>上条__105-1</t>
  </si>
  <si>
    <t>上条__105-7</t>
  </si>
  <si>
    <t>上条__114-3</t>
  </si>
  <si>
    <t>上条__116-2</t>
  </si>
  <si>
    <t>上条__117-2</t>
  </si>
  <si>
    <t>上条__118-2</t>
  </si>
  <si>
    <t>本江針山開_海老江開_151-6</t>
  </si>
  <si>
    <t>上条__119-2</t>
  </si>
  <si>
    <t>上条__120-4</t>
  </si>
  <si>
    <t>上条__134-2</t>
  </si>
  <si>
    <t>上条__135-2</t>
  </si>
  <si>
    <t>上条__142-3</t>
  </si>
  <si>
    <t>上条__143-2</t>
  </si>
  <si>
    <t>上条__144-2</t>
  </si>
  <si>
    <t>上条__151-2</t>
  </si>
  <si>
    <t>上条__159-2</t>
  </si>
  <si>
    <t>上条__160-2</t>
  </si>
  <si>
    <t>本江後新_川東_11-2</t>
  </si>
  <si>
    <t>上条__161-2</t>
  </si>
  <si>
    <t>上条__168-2</t>
  </si>
  <si>
    <t>上条__169-2</t>
  </si>
  <si>
    <t>上条__170-2</t>
  </si>
  <si>
    <t>上条__171-2</t>
  </si>
  <si>
    <t>上条__172-2</t>
  </si>
  <si>
    <t>上条__175-2</t>
  </si>
  <si>
    <t>上条__183-2</t>
  </si>
  <si>
    <t>上条__186-2</t>
  </si>
  <si>
    <t>上条__189-3</t>
  </si>
  <si>
    <t>本江後新_川東_26-2</t>
  </si>
  <si>
    <t>上条__189-4</t>
  </si>
  <si>
    <t>上条__205-3</t>
  </si>
  <si>
    <t>上条__214-3</t>
  </si>
  <si>
    <t>上条__215-2</t>
  </si>
  <si>
    <t>上条__224-2</t>
  </si>
  <si>
    <t>上条__225-2</t>
  </si>
  <si>
    <t>上条__226-2</t>
  </si>
  <si>
    <t>上条__231-2</t>
  </si>
  <si>
    <t>上条__246-2</t>
  </si>
  <si>
    <t>上条__247-2</t>
  </si>
  <si>
    <t>寺塚原__126-2</t>
  </si>
  <si>
    <t>上条__248-2</t>
  </si>
  <si>
    <t>上条__255-2</t>
  </si>
  <si>
    <t>上条__256-2</t>
  </si>
  <si>
    <t>上条__257-2</t>
  </si>
  <si>
    <t>上条__273-2</t>
  </si>
  <si>
    <t>上条__274-2</t>
  </si>
  <si>
    <t>上条__275-2</t>
  </si>
  <si>
    <t>上条__276-2</t>
  </si>
  <si>
    <t>上条__279-2</t>
  </si>
  <si>
    <t>上条__280-2</t>
  </si>
  <si>
    <t>寺塚原__137-2</t>
  </si>
  <si>
    <t>上条__281-2</t>
  </si>
  <si>
    <t>上条__286-2</t>
  </si>
  <si>
    <t>上条__286-3</t>
  </si>
  <si>
    <t>上条__287-2</t>
  </si>
  <si>
    <t>上条__288-2</t>
  </si>
  <si>
    <t>上条__289-2</t>
  </si>
  <si>
    <t>上条__290-2</t>
  </si>
  <si>
    <t>上条__291-2</t>
  </si>
  <si>
    <t>上条__293-2</t>
  </si>
  <si>
    <t>上条__296-2</t>
  </si>
  <si>
    <t>庄川本町__187-1</t>
  </si>
  <si>
    <t>寺塚原__138-3</t>
  </si>
  <si>
    <t>上条__297-2</t>
  </si>
  <si>
    <t>上条__299-2</t>
  </si>
  <si>
    <t>上条__300-2</t>
  </si>
  <si>
    <t>上条__301-2</t>
  </si>
  <si>
    <t>上条__302-2</t>
  </si>
  <si>
    <t>上条__309-2</t>
  </si>
  <si>
    <t>上条__310-2</t>
  </si>
  <si>
    <t>上条__311-2</t>
  </si>
  <si>
    <t>上条__312-2</t>
  </si>
  <si>
    <t>上条__315-2</t>
  </si>
  <si>
    <t>寺塚原__138-4</t>
  </si>
  <si>
    <t>上条__316-2</t>
  </si>
  <si>
    <t>上条__325-2</t>
  </si>
  <si>
    <t>上条__335-2</t>
  </si>
  <si>
    <t>上条__336-2</t>
  </si>
  <si>
    <t>上条__345-2</t>
  </si>
  <si>
    <t>上条__346-2</t>
  </si>
  <si>
    <t>上条__351-2</t>
  </si>
  <si>
    <t>上条__356-3</t>
  </si>
  <si>
    <t>寺塚原__204-2</t>
  </si>
  <si>
    <t>上条__397-2</t>
  </si>
  <si>
    <t>上条__399-2</t>
  </si>
  <si>
    <t>上条__404-2</t>
  </si>
  <si>
    <t>上条__405-2</t>
  </si>
  <si>
    <t>上条__408-2</t>
  </si>
  <si>
    <t>上条__409-2</t>
  </si>
  <si>
    <t>島__168-2</t>
  </si>
  <si>
    <t>寺塚原__205-2</t>
  </si>
  <si>
    <t>島__169-2</t>
  </si>
  <si>
    <t>島__175-2</t>
  </si>
  <si>
    <t>島__176-1</t>
  </si>
  <si>
    <t>島__177-1</t>
  </si>
  <si>
    <t>島__535</t>
  </si>
  <si>
    <t>島__601</t>
  </si>
  <si>
    <t>島__602</t>
  </si>
  <si>
    <t>島__603</t>
  </si>
  <si>
    <t>島__604</t>
  </si>
  <si>
    <t>島__605</t>
  </si>
  <si>
    <t>寺塚原__205-3</t>
  </si>
  <si>
    <t>島__606</t>
  </si>
  <si>
    <t>島__607</t>
  </si>
  <si>
    <t>島__608</t>
  </si>
  <si>
    <t>島__609</t>
  </si>
  <si>
    <t>島__610</t>
  </si>
  <si>
    <t>島__612</t>
  </si>
  <si>
    <t>島__627</t>
  </si>
  <si>
    <t>島__628-1</t>
  </si>
  <si>
    <t>島__628-2</t>
  </si>
  <si>
    <t>島__629</t>
  </si>
  <si>
    <t>寺塚原__407-2</t>
  </si>
  <si>
    <t>島__634</t>
  </si>
  <si>
    <t>島__636</t>
  </si>
  <si>
    <t>島__642-1</t>
  </si>
  <si>
    <t>島__642-2</t>
  </si>
  <si>
    <t>島__643</t>
  </si>
  <si>
    <t>島__644</t>
  </si>
  <si>
    <t>島__645</t>
  </si>
  <si>
    <t>島__646</t>
  </si>
  <si>
    <t>島__650</t>
  </si>
  <si>
    <t>島__651</t>
  </si>
  <si>
    <t>寺塚原__408-2</t>
  </si>
  <si>
    <t>島__652-1</t>
  </si>
  <si>
    <t>島__652-2</t>
  </si>
  <si>
    <t>島__653-1</t>
  </si>
  <si>
    <t>島__653-2</t>
  </si>
  <si>
    <t>島__655</t>
  </si>
  <si>
    <t>島__656</t>
  </si>
  <si>
    <t>島__657</t>
  </si>
  <si>
    <t>島__658</t>
  </si>
  <si>
    <t>島__659</t>
  </si>
  <si>
    <t>島__662</t>
  </si>
  <si>
    <t>寺塚原__489-6</t>
  </si>
  <si>
    <t>島__663</t>
  </si>
  <si>
    <t>島__664</t>
  </si>
  <si>
    <t>島__665-2</t>
  </si>
  <si>
    <t>島__665-3</t>
  </si>
  <si>
    <t>島__666</t>
  </si>
  <si>
    <t>島__671</t>
  </si>
  <si>
    <t>島__672</t>
  </si>
  <si>
    <t>島__673</t>
  </si>
  <si>
    <t>島__674</t>
  </si>
  <si>
    <t>島__675</t>
  </si>
  <si>
    <t>寺塚原__490-2</t>
  </si>
  <si>
    <t>島__676</t>
  </si>
  <si>
    <t>島__677</t>
  </si>
  <si>
    <t>島__678</t>
  </si>
  <si>
    <t>島__683</t>
  </si>
  <si>
    <t>島__687</t>
  </si>
  <si>
    <t>島__688</t>
  </si>
  <si>
    <t>島__689</t>
  </si>
  <si>
    <t>島__690</t>
  </si>
  <si>
    <t>島__691</t>
  </si>
  <si>
    <t>島__1295-2</t>
  </si>
  <si>
    <t>寺塚原__516-2</t>
  </si>
  <si>
    <t>島__1296-2</t>
  </si>
  <si>
    <t>島__1297-2</t>
  </si>
  <si>
    <t>島__1298-2</t>
  </si>
  <si>
    <t>島__1299-2</t>
  </si>
  <si>
    <t>島__1300-3</t>
  </si>
  <si>
    <t>島__1375-3</t>
  </si>
  <si>
    <t>島__1574-3</t>
  </si>
  <si>
    <t>島__1575-2</t>
  </si>
  <si>
    <t>島__1607-2</t>
  </si>
  <si>
    <t>島__1608-2</t>
  </si>
  <si>
    <t>庄川本町__201-1</t>
  </si>
  <si>
    <t>寺塚原__517-2</t>
  </si>
  <si>
    <t>島__1608-3</t>
  </si>
  <si>
    <t>島__1633-2</t>
  </si>
  <si>
    <t>島__1636-2</t>
  </si>
  <si>
    <t>島__1637-2</t>
  </si>
  <si>
    <t>島__1639-2</t>
  </si>
  <si>
    <t>島__1640-2</t>
  </si>
  <si>
    <t>島__1641-2</t>
  </si>
  <si>
    <t>島__1641-3</t>
  </si>
  <si>
    <t>島__1642-2</t>
  </si>
  <si>
    <t>島__1643-2</t>
  </si>
  <si>
    <t>寺塚原__538-2</t>
  </si>
  <si>
    <t>島__1651-3</t>
  </si>
  <si>
    <t>島__1663-2</t>
  </si>
  <si>
    <t>島__1671-2</t>
  </si>
  <si>
    <t>島__1672-2</t>
  </si>
  <si>
    <t>島__1677-2</t>
  </si>
  <si>
    <t>島__1678-2</t>
  </si>
  <si>
    <t>島__1683-2</t>
  </si>
  <si>
    <t>島__1684-2</t>
  </si>
  <si>
    <t>島__1685-2</t>
  </si>
  <si>
    <t>島__1689-2</t>
  </si>
  <si>
    <t>寺塚原__539-2</t>
  </si>
  <si>
    <t>島__1690-2</t>
  </si>
  <si>
    <t>島__1691-2</t>
  </si>
  <si>
    <t>島__1694-2</t>
  </si>
  <si>
    <t>島__1695-2</t>
  </si>
  <si>
    <t>島__1698-2</t>
  </si>
  <si>
    <t>島__1699-2</t>
  </si>
  <si>
    <t>島__1702-2</t>
  </si>
  <si>
    <t>島__1703-2</t>
  </si>
  <si>
    <t>島__1704-2</t>
  </si>
  <si>
    <t>島__1705-2</t>
  </si>
  <si>
    <t>寺塚原__905-2</t>
  </si>
  <si>
    <t>島__2509</t>
  </si>
  <si>
    <t>堀内__153-4</t>
  </si>
  <si>
    <t>堀内__172-2</t>
  </si>
  <si>
    <t>堀内__174-2</t>
  </si>
  <si>
    <t>堀内__180-2</t>
  </si>
  <si>
    <t>堀内__180-3</t>
  </si>
  <si>
    <t>堀内__180-4</t>
  </si>
  <si>
    <t>堀内__312-5</t>
  </si>
  <si>
    <t>下条__248-3</t>
  </si>
  <si>
    <t>下条_中田_635-3</t>
  </si>
  <si>
    <t>沖塚原__12-3</t>
  </si>
  <si>
    <t>下条_中田_850-4</t>
  </si>
  <si>
    <t>沖塚原__12-4</t>
  </si>
  <si>
    <t>沖塚原__13-3</t>
  </si>
  <si>
    <t>沖塚原__13-4</t>
  </si>
  <si>
    <t>沖塚原__62-2</t>
  </si>
  <si>
    <t>沖塚原__63-2</t>
  </si>
  <si>
    <t>庄川本町__224</t>
  </si>
  <si>
    <t>沖塚原__84-3</t>
  </si>
  <si>
    <t>沖塚原__85-3</t>
  </si>
  <si>
    <t>沖塚原__127-3</t>
  </si>
  <si>
    <t>沖塚原__128-3</t>
  </si>
  <si>
    <t>沖塚原__148-2</t>
  </si>
  <si>
    <t>沖塚原__149-2</t>
  </si>
  <si>
    <t>沖塚原__204-2</t>
  </si>
  <si>
    <t>沖塚原__205-2</t>
  </si>
  <si>
    <t>沖塚原__223-2</t>
  </si>
  <si>
    <t>土合__446-2</t>
  </si>
  <si>
    <t>土合__448-2</t>
  </si>
  <si>
    <t>土合__449-2</t>
  </si>
  <si>
    <t>土合__450-2</t>
  </si>
  <si>
    <t>土合__451-2</t>
  </si>
  <si>
    <t>沖塚原__224-2</t>
  </si>
  <si>
    <t>土合__452-2</t>
  </si>
  <si>
    <t>土合__454-2</t>
  </si>
  <si>
    <t>土合__458-2</t>
  </si>
  <si>
    <t>土合__460-2</t>
  </si>
  <si>
    <t>土合__461-2</t>
  </si>
  <si>
    <t>土合__462-2</t>
  </si>
  <si>
    <t>土合__463-2</t>
  </si>
  <si>
    <t>土合__464-2</t>
  </si>
  <si>
    <t>土合__465-2</t>
  </si>
  <si>
    <t>土合__470-2</t>
  </si>
  <si>
    <t>庄西町一丁目__1381-33</t>
  </si>
  <si>
    <t>庄川本町__230-2</t>
  </si>
  <si>
    <t>沖塚原__270-2</t>
  </si>
  <si>
    <t>土合__471-2</t>
  </si>
  <si>
    <t>土合__472-2</t>
  </si>
  <si>
    <t>土合__476-2</t>
  </si>
  <si>
    <t>土合__477-2</t>
  </si>
  <si>
    <t>土合__478-2</t>
  </si>
  <si>
    <t>土合__479-2</t>
  </si>
  <si>
    <t>土合__483-2</t>
  </si>
  <si>
    <t>土合__485-2</t>
  </si>
  <si>
    <t>沖塚原__271-2</t>
  </si>
  <si>
    <t>土合__524-2</t>
  </si>
  <si>
    <t>土合__533-2</t>
  </si>
  <si>
    <t>土合__534-2</t>
  </si>
  <si>
    <t>土合__535-2</t>
  </si>
  <si>
    <t>土合__536-2</t>
  </si>
  <si>
    <t>土合__539-2</t>
  </si>
  <si>
    <t>土合__541-2</t>
  </si>
  <si>
    <t>土合__543-2</t>
  </si>
  <si>
    <t>沖塚原__292-2</t>
  </si>
  <si>
    <t>土合__544-2</t>
  </si>
  <si>
    <t>土合__545-2</t>
  </si>
  <si>
    <t>土合__547-2</t>
  </si>
  <si>
    <t>土合__548-2</t>
  </si>
  <si>
    <t>土合__549-2</t>
  </si>
  <si>
    <t>土合__550-2</t>
  </si>
  <si>
    <t>土合__552-2</t>
  </si>
  <si>
    <t>土合__553-2</t>
  </si>
  <si>
    <t>土合__556-2</t>
  </si>
  <si>
    <t>沖塚原__293-2</t>
  </si>
  <si>
    <t>土合__604-3</t>
  </si>
  <si>
    <t>土合__604-4</t>
  </si>
  <si>
    <t>土合__621-2</t>
  </si>
  <si>
    <t>土合__622-4</t>
  </si>
  <si>
    <t>土合__622-5</t>
  </si>
  <si>
    <t>土合__622-6</t>
  </si>
  <si>
    <t>土合__632-2</t>
  </si>
  <si>
    <t>沖塚原__327</t>
  </si>
  <si>
    <t>土合__653-2</t>
  </si>
  <si>
    <t>土合__654-2</t>
  </si>
  <si>
    <t>沖塚原__334</t>
  </si>
  <si>
    <t>土合__662-2</t>
  </si>
  <si>
    <t>沖塚原__361</t>
  </si>
  <si>
    <t>土合__663-2</t>
  </si>
  <si>
    <t>土合__696-2</t>
  </si>
  <si>
    <t>土合__707-2</t>
  </si>
  <si>
    <t>沖塚原__557-2</t>
  </si>
  <si>
    <t>土合__712-2</t>
  </si>
  <si>
    <t>土合__713-3</t>
  </si>
  <si>
    <t>土合__767-3</t>
  </si>
  <si>
    <t>土合__768-2</t>
  </si>
  <si>
    <t>土合__768-3</t>
  </si>
  <si>
    <t>土合__769-2</t>
  </si>
  <si>
    <t>土合__770-2</t>
  </si>
  <si>
    <t>土合__792-3</t>
  </si>
  <si>
    <t>土合__793-4</t>
  </si>
  <si>
    <t>土合__794-2</t>
  </si>
  <si>
    <t>土合__795-2</t>
  </si>
  <si>
    <t>土合__796-2</t>
  </si>
  <si>
    <t>土合__797-2</t>
  </si>
  <si>
    <t>土合__798-2</t>
  </si>
  <si>
    <t>土合__799-2</t>
  </si>
  <si>
    <t>沖塚原__645-3</t>
  </si>
  <si>
    <t>土合__800-2</t>
  </si>
  <si>
    <t>庄川本町__289</t>
  </si>
  <si>
    <t>沖塚原__732-2</t>
  </si>
  <si>
    <t>土合__811-2</t>
  </si>
  <si>
    <t>土合__812-2</t>
  </si>
  <si>
    <t>土合__813-2</t>
  </si>
  <si>
    <t>土合__814-2</t>
  </si>
  <si>
    <t>土合__815-2</t>
  </si>
  <si>
    <t>土合__816-2</t>
  </si>
  <si>
    <t>土合__817-2</t>
  </si>
  <si>
    <t>沖塚原__744-1</t>
  </si>
  <si>
    <t>土合__818-2</t>
  </si>
  <si>
    <t>土合__819-2</t>
  </si>
  <si>
    <t>土合__820-2</t>
  </si>
  <si>
    <t>土合__821-2</t>
  </si>
  <si>
    <t>土合__860-2</t>
  </si>
  <si>
    <t>土合__861-2</t>
  </si>
  <si>
    <t>土合__862-3</t>
  </si>
  <si>
    <t>沖塚原__744-4</t>
  </si>
  <si>
    <t>土合__867-3</t>
  </si>
  <si>
    <t>土合__868-3</t>
  </si>
  <si>
    <t>土合__872-2</t>
  </si>
  <si>
    <t>土合__873-2</t>
  </si>
  <si>
    <t>土合__876-2</t>
  </si>
  <si>
    <t>沖塚原__744-9</t>
  </si>
  <si>
    <t>土合__877-2</t>
  </si>
  <si>
    <t>土合__879-2</t>
  </si>
  <si>
    <t>土合__882-2</t>
  </si>
  <si>
    <t>土合__922-2</t>
  </si>
  <si>
    <t>沖塚原__778-2</t>
  </si>
  <si>
    <t>沖塚原__1200</t>
  </si>
  <si>
    <t>沖塚原__1203</t>
  </si>
  <si>
    <t>土合__958-2</t>
  </si>
  <si>
    <t>土合__959-2</t>
  </si>
  <si>
    <t>土合__960-2</t>
  </si>
  <si>
    <t>坂東__9-2</t>
  </si>
  <si>
    <t>土合__992-2</t>
  </si>
  <si>
    <t>土合__994-3</t>
  </si>
  <si>
    <t>土合__999-3</t>
  </si>
  <si>
    <t>土合__1136-2</t>
  </si>
  <si>
    <t>土合__1141-2</t>
  </si>
  <si>
    <t>土合__1142-2</t>
  </si>
  <si>
    <t>土合__1202-2</t>
  </si>
  <si>
    <t>坂東__10-2</t>
  </si>
  <si>
    <t>坂東__31-2</t>
  </si>
  <si>
    <t>土合__1245-2</t>
  </si>
  <si>
    <t>庄川本町__306</t>
  </si>
  <si>
    <t>坂東__34-3</t>
  </si>
  <si>
    <t>土合__1266-2</t>
  </si>
  <si>
    <t>土合__1267-1</t>
  </si>
  <si>
    <t>土合__1297-2</t>
  </si>
  <si>
    <t>土合__1298-2</t>
  </si>
  <si>
    <t>土合__1299-2</t>
  </si>
  <si>
    <t>土合__1300-2</t>
  </si>
  <si>
    <t>土合__1301-2</t>
  </si>
  <si>
    <t>土合__1302-2</t>
  </si>
  <si>
    <t>土合__1303-2</t>
  </si>
  <si>
    <t>土合__1304-2</t>
  </si>
  <si>
    <t>坂東__36-2</t>
  </si>
  <si>
    <t>土合__1305-2</t>
  </si>
  <si>
    <t>土合__1306-2</t>
  </si>
  <si>
    <t>土合__1307-2</t>
  </si>
  <si>
    <t>土合__1308-2</t>
  </si>
  <si>
    <t>土合__1313-4</t>
  </si>
  <si>
    <t>土合__1314-3</t>
  </si>
  <si>
    <t>土合__1315-4</t>
  </si>
  <si>
    <t>土合__1315-11</t>
  </si>
  <si>
    <t>土合__1315-42</t>
  </si>
  <si>
    <t>土合__1315-43</t>
  </si>
  <si>
    <t>坂東__111-2</t>
  </si>
  <si>
    <t>土合__1315-44</t>
  </si>
  <si>
    <t>土合__1324-77</t>
  </si>
  <si>
    <t>土合__1334-5</t>
  </si>
  <si>
    <t>土合__1334-6</t>
  </si>
  <si>
    <t>土合__1387-3</t>
  </si>
  <si>
    <t>朴木__82-1</t>
  </si>
  <si>
    <t>土合__1436-3</t>
  </si>
  <si>
    <t>土合__1443-1</t>
  </si>
  <si>
    <t>土合__1462-7</t>
  </si>
  <si>
    <t>土合__1500-2</t>
  </si>
  <si>
    <t>土合__1501-2</t>
  </si>
  <si>
    <t>土合__1502-2</t>
  </si>
  <si>
    <t>土合__1503-2</t>
  </si>
  <si>
    <t>土合__1504-2</t>
  </si>
  <si>
    <t>朴木__89-4</t>
  </si>
  <si>
    <t>土合__1505-2</t>
  </si>
  <si>
    <t>土合__1506-2</t>
  </si>
  <si>
    <t>土合__1511-7</t>
  </si>
  <si>
    <t>土合__1512-2</t>
  </si>
  <si>
    <t>土合__1514-2</t>
  </si>
  <si>
    <t>土合__1515-2</t>
  </si>
  <si>
    <t>土合__1531-3</t>
  </si>
  <si>
    <t>土合__1532-2</t>
  </si>
  <si>
    <t>土合__1533-2</t>
  </si>
  <si>
    <t>土合__1534-2</t>
  </si>
  <si>
    <t>朴木__90-4</t>
  </si>
  <si>
    <t>土合__1535-2</t>
  </si>
  <si>
    <t>土合__1536-2</t>
  </si>
  <si>
    <t>土合__1551-2</t>
  </si>
  <si>
    <t>土合__1578-2</t>
  </si>
  <si>
    <t>串田__35-2</t>
  </si>
  <si>
    <t>串田__42-2</t>
  </si>
  <si>
    <t>串田__73-2</t>
  </si>
  <si>
    <t>串田__74-2</t>
  </si>
  <si>
    <t>串田__75-4</t>
  </si>
  <si>
    <t>串田__75-9</t>
  </si>
  <si>
    <t>朴木__750</t>
  </si>
  <si>
    <t>串田__75-10</t>
  </si>
  <si>
    <t>串田__275-3</t>
  </si>
  <si>
    <t>串田__276-4</t>
  </si>
  <si>
    <t>串田__622-2</t>
  </si>
  <si>
    <t>串田__625-2</t>
  </si>
  <si>
    <t>串田__673-2</t>
  </si>
  <si>
    <t>串田__717-2</t>
  </si>
  <si>
    <t>串田__718-2</t>
  </si>
  <si>
    <t>串田__730-2</t>
  </si>
  <si>
    <t>串田__731-2</t>
  </si>
  <si>
    <t>川口宮袋入会地_宮袋_342-2</t>
  </si>
  <si>
    <t>串田__752-2</t>
  </si>
  <si>
    <t>串田__753-2</t>
  </si>
  <si>
    <t>串田__763-2</t>
  </si>
  <si>
    <t>串田__764-2</t>
  </si>
  <si>
    <t>串田__765-2</t>
  </si>
  <si>
    <t>串田__765-3</t>
  </si>
  <si>
    <t>串田__766-2</t>
  </si>
  <si>
    <t>串田__769-2</t>
  </si>
  <si>
    <t>串田__770-2</t>
  </si>
  <si>
    <t>串田__772-2</t>
  </si>
  <si>
    <t>川口宮袋入会地_宮袋_349-3</t>
  </si>
  <si>
    <t>串田__773-2</t>
  </si>
  <si>
    <t>串田__774-2</t>
  </si>
  <si>
    <t>串田__775-2</t>
  </si>
  <si>
    <t>串田__776-2</t>
  </si>
  <si>
    <t>串田__777-2</t>
  </si>
  <si>
    <t>串田__779-2</t>
  </si>
  <si>
    <t>串田__802-2</t>
  </si>
  <si>
    <t>串田__802-3</t>
  </si>
  <si>
    <t>串田__803-3</t>
  </si>
  <si>
    <t>串田__806-4</t>
  </si>
  <si>
    <t>川口宮袋入会地_大法寺_6559-2</t>
  </si>
  <si>
    <t>串田__810-2</t>
  </si>
  <si>
    <t>串田__813-2</t>
  </si>
  <si>
    <t>串田__814-2</t>
  </si>
  <si>
    <t>串田__815-2</t>
  </si>
  <si>
    <t>串田__818-2</t>
  </si>
  <si>
    <t>串田__848-3</t>
  </si>
  <si>
    <t>串田__859-2</t>
  </si>
  <si>
    <t>串田__859-3</t>
  </si>
  <si>
    <t>串田__860-2</t>
  </si>
  <si>
    <t>串田__860-3</t>
  </si>
  <si>
    <t>庄川本町__370-1</t>
  </si>
  <si>
    <t>松木__87-1</t>
  </si>
  <si>
    <t>串田__906-3</t>
  </si>
  <si>
    <t>串田__1204-3</t>
  </si>
  <si>
    <t>串田__1205-3</t>
  </si>
  <si>
    <t>串田__1240-2</t>
  </si>
  <si>
    <t>串田__1259-3</t>
  </si>
  <si>
    <t>串田__1357-2</t>
  </si>
  <si>
    <t>串田__1359-2</t>
  </si>
  <si>
    <t>串田__1385-2</t>
  </si>
  <si>
    <t>串田__1386-7</t>
  </si>
  <si>
    <t>松木__181-10</t>
  </si>
  <si>
    <t>串田__1387-6</t>
  </si>
  <si>
    <t>串田__1388-2</t>
  </si>
  <si>
    <t>串田__1389-2</t>
  </si>
  <si>
    <t>串田__1390-2</t>
  </si>
  <si>
    <t>串田__1391-2</t>
  </si>
  <si>
    <t>串田__1392-2</t>
  </si>
  <si>
    <t>串田__1393-2</t>
  </si>
  <si>
    <t>串田__1401-3</t>
  </si>
  <si>
    <t>串田__1402-2</t>
  </si>
  <si>
    <t>串田__1404-2</t>
  </si>
  <si>
    <t>作道__285-2</t>
  </si>
  <si>
    <t>串田__1405-2</t>
  </si>
  <si>
    <t>串田__1406-2</t>
  </si>
  <si>
    <t>串田__1407-2</t>
  </si>
  <si>
    <t>串田__1408-3</t>
  </si>
  <si>
    <t>串田__1409-3</t>
  </si>
  <si>
    <t>串田__1410-4</t>
  </si>
  <si>
    <t>串田__1411-3</t>
  </si>
  <si>
    <t>串田__1453-2</t>
  </si>
  <si>
    <t>串田__1454-2</t>
  </si>
  <si>
    <t>串田__1455-2</t>
  </si>
  <si>
    <t>作道__367-3</t>
  </si>
  <si>
    <t>串田__3059</t>
  </si>
  <si>
    <t>串田__5650</t>
  </si>
  <si>
    <t>串田__5651</t>
  </si>
  <si>
    <t>串田__5652</t>
  </si>
  <si>
    <t>串田__5653</t>
  </si>
  <si>
    <t>串田__5654</t>
  </si>
  <si>
    <t>串田__5655</t>
  </si>
  <si>
    <t>串田__5660</t>
  </si>
  <si>
    <t>串田__5661</t>
  </si>
  <si>
    <t>串田__5662</t>
  </si>
  <si>
    <t>作道_苗代_1894-3</t>
  </si>
  <si>
    <t>串田__5663</t>
  </si>
  <si>
    <t>串田__5664</t>
  </si>
  <si>
    <t>串田__5665</t>
  </si>
  <si>
    <t>串田__5666</t>
  </si>
  <si>
    <t>串田__5667</t>
  </si>
  <si>
    <t>串田__5668</t>
  </si>
  <si>
    <t>串田__5669</t>
  </si>
  <si>
    <t>串田__5670</t>
  </si>
  <si>
    <t>串田__5671</t>
  </si>
  <si>
    <t>串田__5672</t>
  </si>
  <si>
    <t>作道_苗代_1895-3</t>
  </si>
  <si>
    <t>串田__5674</t>
  </si>
  <si>
    <t>串田__5675</t>
  </si>
  <si>
    <t>串田__5676</t>
  </si>
  <si>
    <t>串田__5677</t>
  </si>
  <si>
    <t>串田__5678</t>
  </si>
  <si>
    <t>串田__5679</t>
  </si>
  <si>
    <t>串田__5680</t>
  </si>
  <si>
    <t>串田__5681</t>
  </si>
  <si>
    <t>串田__5682</t>
  </si>
  <si>
    <t>串田__5683</t>
  </si>
  <si>
    <t>作道_苗代_1896-6</t>
  </si>
  <si>
    <t>串田__5684</t>
  </si>
  <si>
    <t>串田__5688</t>
  </si>
  <si>
    <t>串田__5689</t>
  </si>
  <si>
    <t>串田__5690</t>
  </si>
  <si>
    <t>串田__5691</t>
  </si>
  <si>
    <t>串田__5692</t>
  </si>
  <si>
    <t>串田__5693</t>
  </si>
  <si>
    <t>串田__5694</t>
  </si>
  <si>
    <t>串田__5696</t>
  </si>
  <si>
    <t>串田__5698</t>
  </si>
  <si>
    <t>作道_苗代_1912-6</t>
  </si>
  <si>
    <t>串田__5699</t>
  </si>
  <si>
    <t>串田__5700</t>
  </si>
  <si>
    <t>串田__5701</t>
  </si>
  <si>
    <t>串田__5702</t>
  </si>
  <si>
    <t>串田__5703</t>
  </si>
  <si>
    <t>串田__5704</t>
  </si>
  <si>
    <t>串田__5705</t>
  </si>
  <si>
    <t>串田__5706</t>
  </si>
  <si>
    <t>串田__5707</t>
  </si>
  <si>
    <t>串田__5708</t>
  </si>
  <si>
    <t>作道_苗代_1921-2</t>
  </si>
  <si>
    <t>串田__5709</t>
  </si>
  <si>
    <t>串田__5712</t>
  </si>
  <si>
    <t>串田__5713</t>
  </si>
  <si>
    <t>串田__5714</t>
  </si>
  <si>
    <t>串田__5715</t>
  </si>
  <si>
    <t>串田__5716</t>
  </si>
  <si>
    <t>串田__5718</t>
  </si>
  <si>
    <t>串田__5719</t>
  </si>
  <si>
    <t>串田__5720</t>
  </si>
  <si>
    <t>串田__5721</t>
  </si>
  <si>
    <t>作道_囲ノ内_2119-6</t>
  </si>
  <si>
    <t>串田__5724</t>
  </si>
  <si>
    <t>串田__5725</t>
  </si>
  <si>
    <t>串田__5726</t>
  </si>
  <si>
    <t>串田__5727</t>
  </si>
  <si>
    <t>串田__5728</t>
  </si>
  <si>
    <t>串田__5729</t>
  </si>
  <si>
    <t>串田__5731</t>
  </si>
  <si>
    <t>串田__5732</t>
  </si>
  <si>
    <t>串田__5733</t>
  </si>
  <si>
    <t>串田__5734</t>
  </si>
  <si>
    <t>庄川本町__383</t>
  </si>
  <si>
    <t>鏡宮__147-3</t>
  </si>
  <si>
    <t>串田__5735</t>
  </si>
  <si>
    <t>串田__5736</t>
  </si>
  <si>
    <t>串田__5737</t>
  </si>
  <si>
    <t>串田__5738</t>
  </si>
  <si>
    <t>串田__5740</t>
  </si>
  <si>
    <t>串田__5741</t>
  </si>
  <si>
    <t>串田__5742</t>
  </si>
  <si>
    <t>串田__5743</t>
  </si>
  <si>
    <t>串田__5745</t>
  </si>
  <si>
    <t>串田__5746</t>
  </si>
  <si>
    <t>鏡宮__148-3</t>
  </si>
  <si>
    <t>串田__5747</t>
  </si>
  <si>
    <t>串田__5748</t>
  </si>
  <si>
    <t>串田__5749</t>
  </si>
  <si>
    <t>串田__5750</t>
  </si>
  <si>
    <t>串田__5751</t>
  </si>
  <si>
    <t>串田__5753</t>
  </si>
  <si>
    <t>串田__5754</t>
  </si>
  <si>
    <t>串田__5755</t>
  </si>
  <si>
    <t>串田__5756</t>
  </si>
  <si>
    <t>串田__5759</t>
  </si>
  <si>
    <t>鏡宮__149-3</t>
  </si>
  <si>
    <t>串田__5760</t>
  </si>
  <si>
    <t>串田__5761</t>
  </si>
  <si>
    <t>串田__5762</t>
  </si>
  <si>
    <t>串田__5763</t>
  </si>
  <si>
    <t>串田__5764</t>
  </si>
  <si>
    <t>串田__5765</t>
  </si>
  <si>
    <t>串田__5766</t>
  </si>
  <si>
    <t>串田__5767</t>
  </si>
  <si>
    <t>串田__5768</t>
  </si>
  <si>
    <t>串田__5769</t>
  </si>
  <si>
    <t>鏡宮__150-3</t>
  </si>
  <si>
    <t>串田__5770</t>
  </si>
  <si>
    <t>串田__5771</t>
  </si>
  <si>
    <t>串田__5772</t>
  </si>
  <si>
    <t>串田__5773</t>
  </si>
  <si>
    <t>串田__5774</t>
  </si>
  <si>
    <t>串田__5775</t>
  </si>
  <si>
    <t>串田__5776</t>
  </si>
  <si>
    <t>串田__5777</t>
  </si>
  <si>
    <t>串田__5778</t>
  </si>
  <si>
    <t>串田__5779</t>
  </si>
  <si>
    <t>鏡宮__151-2</t>
  </si>
  <si>
    <t>串田__5780</t>
  </si>
  <si>
    <t>串田__5781</t>
  </si>
  <si>
    <t>串田__5782</t>
  </si>
  <si>
    <t>串田__5784</t>
  </si>
  <si>
    <t>串田__5785</t>
  </si>
  <si>
    <t>串田__5786</t>
  </si>
  <si>
    <t>串田__5787</t>
  </si>
  <si>
    <t>串田__5788</t>
  </si>
  <si>
    <t>串田__5789</t>
  </si>
  <si>
    <t>串田__5790</t>
  </si>
  <si>
    <t>鏡宮__193-4</t>
  </si>
  <si>
    <t>串田__5791</t>
  </si>
  <si>
    <t>串田__5792</t>
  </si>
  <si>
    <t>串田__5793</t>
  </si>
  <si>
    <t>串田__5794</t>
  </si>
  <si>
    <t>串田__5795</t>
  </si>
  <si>
    <t>串田__5796</t>
  </si>
  <si>
    <t>串田__5797</t>
  </si>
  <si>
    <t>串田__5798</t>
  </si>
  <si>
    <t>串田__5799</t>
  </si>
  <si>
    <t>鏡宮__194-4</t>
  </si>
  <si>
    <t>串田_村中_4966-3</t>
  </si>
  <si>
    <t>串田_村中_4966-4</t>
  </si>
  <si>
    <t>串田新__5-2</t>
  </si>
  <si>
    <t>鏡宮__195-4</t>
  </si>
  <si>
    <t>串田新__9-2</t>
  </si>
  <si>
    <t>串田新__10-2</t>
  </si>
  <si>
    <t>串田新__11-2</t>
  </si>
  <si>
    <t>串田新__12-2</t>
  </si>
  <si>
    <t>串田新__166-2</t>
  </si>
  <si>
    <t>串田新__264-2</t>
  </si>
  <si>
    <t>串田新__264-3</t>
  </si>
  <si>
    <t>串田新__304-2</t>
  </si>
  <si>
    <t>串田新__324-2</t>
  </si>
  <si>
    <t>串田新__325-2</t>
  </si>
  <si>
    <t>鏡宮__202-1</t>
  </si>
  <si>
    <t>串田新__345-2</t>
  </si>
  <si>
    <t>串田新__346-3</t>
  </si>
  <si>
    <t>串田新__347-3</t>
  </si>
  <si>
    <t>串田新_松原_1304-2</t>
  </si>
  <si>
    <t>串田新_大嶋_1676-3</t>
  </si>
  <si>
    <t>荒町__6-3</t>
  </si>
  <si>
    <t>荒町__7-3</t>
  </si>
  <si>
    <t>荒町__7-4</t>
  </si>
  <si>
    <t>荒町__8-2</t>
  </si>
  <si>
    <t>荒町__9-2</t>
  </si>
  <si>
    <t>鏡宮__286-2</t>
  </si>
  <si>
    <t>荒町__11-2</t>
  </si>
  <si>
    <t>荒町__12-2</t>
  </si>
  <si>
    <t>荒町__13-2</t>
  </si>
  <si>
    <t>荒町__14-2</t>
  </si>
  <si>
    <t>荒町__37-2</t>
  </si>
  <si>
    <t>荒町__89-2</t>
  </si>
  <si>
    <t>荒町__90-2</t>
  </si>
  <si>
    <t>荒町__93-2</t>
  </si>
  <si>
    <t>荒町__205-2</t>
  </si>
  <si>
    <t>荒町__207-2</t>
  </si>
  <si>
    <t>本町一丁目__301-2</t>
  </si>
  <si>
    <t>鏡宮__289-4</t>
  </si>
  <si>
    <t>荒町__208-2</t>
  </si>
  <si>
    <t>荒町__230-3</t>
  </si>
  <si>
    <t>荒町__259-3</t>
  </si>
  <si>
    <t>荒町__259-4</t>
  </si>
  <si>
    <t>荒町__409-2</t>
  </si>
  <si>
    <t>荒町__412-2</t>
  </si>
  <si>
    <t>荒町__413-2</t>
  </si>
  <si>
    <t>荒町__455-2</t>
  </si>
  <si>
    <t>荒町__1012</t>
  </si>
  <si>
    <t>荒町__1035-3</t>
  </si>
  <si>
    <t>鏡宮__310-4</t>
  </si>
  <si>
    <t>荒町_天王山_662-2</t>
  </si>
  <si>
    <t>荒町_天王山_663-7</t>
  </si>
  <si>
    <t>荒町_池田_734-3</t>
  </si>
  <si>
    <t>荒町_池田_735-4</t>
  </si>
  <si>
    <t>荒町_池田_788-3</t>
  </si>
  <si>
    <t>円池__56-2</t>
  </si>
  <si>
    <t>円池__57-2</t>
  </si>
  <si>
    <t>円池__58-2</t>
  </si>
  <si>
    <t>円池__59-2</t>
  </si>
  <si>
    <t>円池__60-2</t>
  </si>
  <si>
    <t>鏡宮__311-4</t>
  </si>
  <si>
    <t>円池__61-2</t>
  </si>
  <si>
    <t>円池__62-2</t>
  </si>
  <si>
    <t>円池__63-2</t>
  </si>
  <si>
    <t>円池__64-2</t>
  </si>
  <si>
    <t>円池__65-2</t>
  </si>
  <si>
    <t>円池__127-2</t>
  </si>
  <si>
    <t>円池__128-2</t>
  </si>
  <si>
    <t>円池__129-2</t>
  </si>
  <si>
    <t>円池__143-2</t>
  </si>
  <si>
    <t>円池__144-2</t>
  </si>
  <si>
    <t>鏡宮__312-4</t>
  </si>
  <si>
    <t>布目沢__25-2</t>
  </si>
  <si>
    <t>布目沢__26-2</t>
  </si>
  <si>
    <t>布目沢__27-2</t>
  </si>
  <si>
    <t>布目沢__28-2</t>
  </si>
  <si>
    <t>布目沢__29-2</t>
  </si>
  <si>
    <t>布目沢__30-2</t>
  </si>
  <si>
    <t>布目沢__35-2</t>
  </si>
  <si>
    <t>布目沢__40-2</t>
  </si>
  <si>
    <t>布目沢__69-2</t>
  </si>
  <si>
    <t>布目沢__71-2</t>
  </si>
  <si>
    <t>鏡宮__313-4</t>
  </si>
  <si>
    <t>布目沢__71-3</t>
  </si>
  <si>
    <t>布目沢__71-4</t>
  </si>
  <si>
    <t>布目沢__73-2</t>
  </si>
  <si>
    <t>布目沢__74-3</t>
  </si>
  <si>
    <t>布目沢__75-2</t>
  </si>
  <si>
    <t>布目沢__86-2</t>
  </si>
  <si>
    <t>布目沢__107-3</t>
  </si>
  <si>
    <t>布目沢__151-2</t>
  </si>
  <si>
    <t>布目沢__153-1</t>
  </si>
  <si>
    <t>布目沢__170-4</t>
  </si>
  <si>
    <t>鏡宮__314-4</t>
  </si>
  <si>
    <t>布目沢__172-3</t>
  </si>
  <si>
    <t>布目沢__172-4</t>
  </si>
  <si>
    <t>布目沢__186-3</t>
  </si>
  <si>
    <t>布目沢__187-4</t>
  </si>
  <si>
    <t>布目沢__201-20</t>
  </si>
  <si>
    <t>布目沢__201-22</t>
  </si>
  <si>
    <t>布目沢__201-24</t>
  </si>
  <si>
    <t>布目沢__216-7</t>
  </si>
  <si>
    <t>布目沢__216-9</t>
  </si>
  <si>
    <t>布目沢__258-10</t>
  </si>
  <si>
    <t>鏡宮__315-4</t>
  </si>
  <si>
    <t>布目沢__258-11</t>
  </si>
  <si>
    <t>布目沢__258-12</t>
  </si>
  <si>
    <t>布目沢__358-2</t>
  </si>
  <si>
    <t>布目沢__359-2</t>
  </si>
  <si>
    <t>布目沢__437-2</t>
  </si>
  <si>
    <t>布目沢__437-3</t>
  </si>
  <si>
    <t>布目沢__607-2</t>
  </si>
  <si>
    <t>布目沢__640-2</t>
  </si>
  <si>
    <t>布目沢__709-2</t>
  </si>
  <si>
    <t>布目沢__725-2</t>
  </si>
  <si>
    <t>鏡宮__316-4</t>
  </si>
  <si>
    <t>布目沢__767-2</t>
  </si>
  <si>
    <t>布目沢__767-3</t>
  </si>
  <si>
    <t>布目沢__768-2</t>
  </si>
  <si>
    <t>布目沢__1424</t>
  </si>
  <si>
    <t>布目沢__1425</t>
  </si>
  <si>
    <t>布目沢__1426</t>
  </si>
  <si>
    <t>布目沢_狐島_10-2</t>
  </si>
  <si>
    <t>布目沢_苗島_523-2</t>
  </si>
  <si>
    <t>布目沢_苗島_524-2</t>
  </si>
  <si>
    <t>布目沢_苗島_541-2</t>
  </si>
  <si>
    <t>鏡宮__317-4</t>
  </si>
  <si>
    <t>布目沢_苗島_582-3</t>
  </si>
  <si>
    <t>布目沢_苗島_584-2</t>
  </si>
  <si>
    <t>布目沢_苗島_584-3</t>
  </si>
  <si>
    <t>布目沢_苗島_588-2</t>
  </si>
  <si>
    <t>布目沢_苗島_588-4</t>
  </si>
  <si>
    <t>布目沢_苗島_594-3</t>
  </si>
  <si>
    <t>布目沢_苗島_599-3</t>
  </si>
  <si>
    <t>布目沢_苗島_601-4</t>
  </si>
  <si>
    <t>布目沢_苗島_607-3</t>
  </si>
  <si>
    <t>布目沢_苗島_616-2</t>
  </si>
  <si>
    <t>鏡宮__318-4</t>
  </si>
  <si>
    <t>布目沢_苗島_622-2</t>
  </si>
  <si>
    <t>布目沢_苗島_623-2</t>
  </si>
  <si>
    <t>布目沢_苗島_780-3</t>
  </si>
  <si>
    <t>布目沢_苗島_781-4</t>
  </si>
  <si>
    <t>布目沢_苗島_781-5</t>
  </si>
  <si>
    <t>布目沢_苗島_786-5</t>
  </si>
  <si>
    <t>布目沢_苗島_786-6</t>
  </si>
  <si>
    <t>布目沢_苗島_786-7</t>
  </si>
  <si>
    <t>布目沢_苗島_811-3</t>
  </si>
  <si>
    <t>小泉__197-6</t>
  </si>
  <si>
    <t>本町一丁目__303-2</t>
  </si>
  <si>
    <t>鏡宮__319-4</t>
  </si>
  <si>
    <t>小泉__198-4</t>
  </si>
  <si>
    <t>小泉__258-3</t>
  </si>
  <si>
    <t>小泉__589</t>
  </si>
  <si>
    <t>小泉__604</t>
  </si>
  <si>
    <t>梅木__48-2</t>
  </si>
  <si>
    <t>水戸田__40-4</t>
  </si>
  <si>
    <t>水戸田__41-3</t>
  </si>
  <si>
    <t>水戸田__42-3</t>
  </si>
  <si>
    <t>水戸田__43-3</t>
  </si>
  <si>
    <t>水戸田__44-3</t>
  </si>
  <si>
    <t>鏡宮__407-8</t>
  </si>
  <si>
    <t>水戸田__45-3</t>
  </si>
  <si>
    <t>水戸田__46-3</t>
  </si>
  <si>
    <t>水戸田__50-2</t>
  </si>
  <si>
    <t>水戸田__51-2</t>
  </si>
  <si>
    <t>水戸田__52-2</t>
  </si>
  <si>
    <t>水戸田__53-2</t>
  </si>
  <si>
    <t>水戸田__54-2</t>
  </si>
  <si>
    <t>水戸田__55-3</t>
  </si>
  <si>
    <t>水戸田__391-3</t>
  </si>
  <si>
    <t>水戸田__392-2</t>
  </si>
  <si>
    <t>鏡宮__407-9</t>
  </si>
  <si>
    <t>水戸田__393-2</t>
  </si>
  <si>
    <t>水戸田__394-2</t>
  </si>
  <si>
    <t>水戸田__395-2</t>
  </si>
  <si>
    <t>水戸田__395-3</t>
  </si>
  <si>
    <t>水戸田__402-2</t>
  </si>
  <si>
    <t>水戸田__409-2</t>
  </si>
  <si>
    <t>水戸田__494-2</t>
  </si>
  <si>
    <t>水戸田__495-2</t>
  </si>
  <si>
    <t>水戸田__518-2</t>
  </si>
  <si>
    <t>水戸田__519-2</t>
  </si>
  <si>
    <t>鏡宮__407-10</t>
  </si>
  <si>
    <t>水戸田__552-3</t>
  </si>
  <si>
    <t>水戸田__553-2</t>
  </si>
  <si>
    <t>水戸田__553-4</t>
  </si>
  <si>
    <t>水戸田__554-2</t>
  </si>
  <si>
    <t>水戸田__555-2</t>
  </si>
  <si>
    <t>水戸田__556-2</t>
  </si>
  <si>
    <t>水戸田__557-2</t>
  </si>
  <si>
    <t>水戸田__558-2</t>
  </si>
  <si>
    <t>水戸田__559-2</t>
  </si>
  <si>
    <t>水戸田__560-2</t>
  </si>
  <si>
    <t>鏡宮__416-2</t>
  </si>
  <si>
    <t>水戸田__561-2</t>
  </si>
  <si>
    <t>水戸田__562-2</t>
  </si>
  <si>
    <t>水戸田__563-2</t>
  </si>
  <si>
    <t>水戸田__564-2</t>
  </si>
  <si>
    <t>水戸田__565-2</t>
  </si>
  <si>
    <t>水戸田__578-2</t>
  </si>
  <si>
    <t>水戸田__579-2</t>
  </si>
  <si>
    <t>水戸田__610-2</t>
  </si>
  <si>
    <t>水戸田__611-2</t>
  </si>
  <si>
    <t>水戸田__636-2</t>
  </si>
  <si>
    <t>鏡宮__424-2</t>
  </si>
  <si>
    <t>水戸田__637-2</t>
  </si>
  <si>
    <t>水戸田__665-2</t>
  </si>
  <si>
    <t>水戸田__666-3</t>
  </si>
  <si>
    <t>水戸田__668-3</t>
  </si>
  <si>
    <t>水戸田__669-3</t>
  </si>
  <si>
    <t>水戸田__703-2</t>
  </si>
  <si>
    <t>水戸田__704-2</t>
  </si>
  <si>
    <t>水戸田__722-2</t>
  </si>
  <si>
    <t>水戸田__723-3</t>
  </si>
  <si>
    <t>水戸田__743-2</t>
  </si>
  <si>
    <t>鏡宮__426-2</t>
  </si>
  <si>
    <t>水戸田__744-3</t>
  </si>
  <si>
    <t>水戸田__769-3</t>
  </si>
  <si>
    <t>水戸田__770-2</t>
  </si>
  <si>
    <t>水戸田__801-2</t>
  </si>
  <si>
    <t>水戸田__802-2</t>
  </si>
  <si>
    <t>水戸田__804-2</t>
  </si>
  <si>
    <t>水戸田__850-2</t>
  </si>
  <si>
    <t>水戸田__851-2</t>
  </si>
  <si>
    <t>水戸田__852-3</t>
  </si>
  <si>
    <t>水戸田__853-3</t>
  </si>
  <si>
    <t>鏡宮__436-2</t>
  </si>
  <si>
    <t>水戸田__854-3</t>
  </si>
  <si>
    <t>水戸田__855-3</t>
  </si>
  <si>
    <t>水戸田__856-3</t>
  </si>
  <si>
    <t>水戸田__857-3</t>
  </si>
  <si>
    <t>水戸田__858-3</t>
  </si>
  <si>
    <t>水戸田__859-2</t>
  </si>
  <si>
    <t>水戸田__860-2</t>
  </si>
  <si>
    <t>水戸田__861-2</t>
  </si>
  <si>
    <t>水戸田__944-2</t>
  </si>
  <si>
    <t>水戸田__945-3</t>
  </si>
  <si>
    <t>鏡宮__451-3</t>
  </si>
  <si>
    <t>水戸田__945-4</t>
  </si>
  <si>
    <t>水戸田__947-2</t>
  </si>
  <si>
    <t>水戸田__948-2</t>
  </si>
  <si>
    <t>水戸田__951-2</t>
  </si>
  <si>
    <t>水戸田__952-2</t>
  </si>
  <si>
    <t>水戸田__953-2</t>
  </si>
  <si>
    <t>水戸田__962-2</t>
  </si>
  <si>
    <t>水戸田__963-2</t>
  </si>
  <si>
    <t>水戸田__964-2</t>
  </si>
  <si>
    <t>水戸田__965-2</t>
  </si>
  <si>
    <t>鏡宮__452-2</t>
  </si>
  <si>
    <t>水戸田__966-2</t>
  </si>
  <si>
    <t>水戸田__967-2</t>
  </si>
  <si>
    <t>水戸田__968-2</t>
  </si>
  <si>
    <t>水戸田__969-3</t>
  </si>
  <si>
    <t>水戸田__972-3</t>
  </si>
  <si>
    <t>水戸田__973-2</t>
  </si>
  <si>
    <t>水戸田__978-2</t>
  </si>
  <si>
    <t>水戸田__979-2</t>
  </si>
  <si>
    <t>水戸田__1115-2</t>
  </si>
  <si>
    <t>水戸田__1126</t>
  </si>
  <si>
    <t>本町一丁目__304-2</t>
  </si>
  <si>
    <t>鏡宮__453-2</t>
  </si>
  <si>
    <t>水戸田__1127</t>
  </si>
  <si>
    <t>水戸田__1128</t>
  </si>
  <si>
    <t>水戸田__1130</t>
  </si>
  <si>
    <t>水戸田__1132</t>
  </si>
  <si>
    <t>水戸田__1153</t>
  </si>
  <si>
    <t>水戸田__1154</t>
  </si>
  <si>
    <t>水戸田__1161</t>
  </si>
  <si>
    <t>水戸田__1163</t>
  </si>
  <si>
    <t>水戸田__1165</t>
  </si>
  <si>
    <t>水戸田__1166</t>
  </si>
  <si>
    <t>鏡宮__564-2</t>
  </si>
  <si>
    <t>水戸田__1168</t>
  </si>
  <si>
    <t>水戸田__1174</t>
  </si>
  <si>
    <t>水戸田__1175</t>
  </si>
  <si>
    <t>水戸田__1176</t>
  </si>
  <si>
    <t>水戸田__1177</t>
  </si>
  <si>
    <t>水戸田__1180</t>
  </si>
  <si>
    <t>水戸田__1182</t>
  </si>
  <si>
    <t>水戸田__1190</t>
  </si>
  <si>
    <t>水戸田__1191</t>
  </si>
  <si>
    <t>水戸田__1192</t>
  </si>
  <si>
    <t>鏡宮__565-3</t>
  </si>
  <si>
    <t>水戸田__1193</t>
  </si>
  <si>
    <t>水戸田__1194</t>
  </si>
  <si>
    <t>水戸田__1196-1</t>
  </si>
  <si>
    <t>水戸田__1196-2</t>
  </si>
  <si>
    <t>水戸田__1197</t>
  </si>
  <si>
    <t>水戸田__1198</t>
  </si>
  <si>
    <t>水戸田__1200</t>
  </si>
  <si>
    <t>水戸田__1201</t>
  </si>
  <si>
    <t>水戸田__1210</t>
  </si>
  <si>
    <t>鏡宮__567-2</t>
  </si>
  <si>
    <t>水戸田__1211</t>
  </si>
  <si>
    <t>水戸田__1215</t>
  </si>
  <si>
    <t>水戸田__1216</t>
  </si>
  <si>
    <t>水戸田__1219</t>
  </si>
  <si>
    <t>水戸田__1221</t>
  </si>
  <si>
    <t>水戸田__1308</t>
  </si>
  <si>
    <t>水戸田__1309</t>
  </si>
  <si>
    <t>水戸田__1311</t>
  </si>
  <si>
    <t>水戸田__1317</t>
  </si>
  <si>
    <t>水戸田_前野_2630-4</t>
  </si>
  <si>
    <t>鏡宮__568-2</t>
  </si>
  <si>
    <t>水戸田_前野_2632-3</t>
  </si>
  <si>
    <t>水戸田_前野_2633-2</t>
  </si>
  <si>
    <t>水戸田_前野_2782-4</t>
  </si>
  <si>
    <t>水戸田_前野_2782-5</t>
  </si>
  <si>
    <t>水戸田_前野_2782-6</t>
  </si>
  <si>
    <t>水戸田_熊野_2870-2</t>
  </si>
  <si>
    <t>水戸田_熊野_2875-2</t>
  </si>
  <si>
    <t>生源寺__1-3</t>
  </si>
  <si>
    <t>生源寺__2-3</t>
  </si>
  <si>
    <t>生源寺__3-3</t>
  </si>
  <si>
    <t>鏡宮__569-2</t>
  </si>
  <si>
    <t>生源寺__5-3</t>
  </si>
  <si>
    <t>生源寺__6-3</t>
  </si>
  <si>
    <t>生源寺__10-3</t>
  </si>
  <si>
    <t>生源寺__11-3</t>
  </si>
  <si>
    <t>生源寺__46-2</t>
  </si>
  <si>
    <t>生源寺__47-2</t>
  </si>
  <si>
    <t>生源寺__48-2</t>
  </si>
  <si>
    <t>生源寺__94-3</t>
  </si>
  <si>
    <t>生源寺__131-3</t>
  </si>
  <si>
    <t>生源寺__131-4</t>
  </si>
  <si>
    <t>鏡宮__582-2</t>
  </si>
  <si>
    <t>生源寺__191-2</t>
  </si>
  <si>
    <t>生源寺__199-3</t>
  </si>
  <si>
    <t>生源寺__199-4</t>
  </si>
  <si>
    <t>生源寺__248-2</t>
  </si>
  <si>
    <t>生源寺__256-2</t>
  </si>
  <si>
    <t>生源寺__488-2</t>
  </si>
  <si>
    <t>生源寺__521</t>
  </si>
  <si>
    <t>生源寺__525</t>
  </si>
  <si>
    <t>生源寺__622</t>
  </si>
  <si>
    <t>生源寺__627</t>
  </si>
  <si>
    <t>鏡宮__583-2</t>
  </si>
  <si>
    <t>生源寺__645</t>
  </si>
  <si>
    <t>生源寺__902</t>
  </si>
  <si>
    <t>生源寺__905</t>
  </si>
  <si>
    <t>生源寺__909</t>
  </si>
  <si>
    <t>生源寺__911</t>
  </si>
  <si>
    <t>生源寺__912</t>
  </si>
  <si>
    <t>生源寺__914</t>
  </si>
  <si>
    <t>生源寺__919</t>
  </si>
  <si>
    <t>生源寺__923</t>
  </si>
  <si>
    <t>生源寺__924</t>
  </si>
  <si>
    <t>鏡宮__584-2</t>
  </si>
  <si>
    <t>生源寺__927</t>
  </si>
  <si>
    <t>生源寺__936</t>
  </si>
  <si>
    <t>生源寺__937</t>
  </si>
  <si>
    <t>生源寺__940</t>
  </si>
  <si>
    <t>生源寺__946</t>
  </si>
  <si>
    <t>生源寺__947</t>
  </si>
  <si>
    <t>生源寺__957</t>
  </si>
  <si>
    <t>生源寺__967</t>
  </si>
  <si>
    <t>生源寺__971</t>
  </si>
  <si>
    <t>生源寺__972</t>
  </si>
  <si>
    <t>鏡宮__611-3</t>
  </si>
  <si>
    <t>生源寺__978</t>
  </si>
  <si>
    <t>生源寺__986</t>
  </si>
  <si>
    <t>生源寺__989</t>
  </si>
  <si>
    <t>生源寺__991</t>
  </si>
  <si>
    <t>生源寺__993</t>
  </si>
  <si>
    <t>生源寺__999</t>
  </si>
  <si>
    <t>生源寺__1012</t>
  </si>
  <si>
    <t>生源寺__1028</t>
  </si>
  <si>
    <t>生源寺__1029</t>
  </si>
  <si>
    <t>生源寺__1030</t>
  </si>
  <si>
    <t>本町一丁目__305-2</t>
  </si>
  <si>
    <t>鏡宮__617-2</t>
  </si>
  <si>
    <t>生源寺__1032</t>
  </si>
  <si>
    <t>生源寺__1034</t>
  </si>
  <si>
    <t>生源寺__1037</t>
  </si>
  <si>
    <t>生源寺__1039</t>
  </si>
  <si>
    <t>生源寺__1045</t>
  </si>
  <si>
    <t>生源寺__1052</t>
  </si>
  <si>
    <t>生源寺__1058</t>
  </si>
  <si>
    <t>生源寺__1061</t>
  </si>
  <si>
    <t>生源寺__1069</t>
  </si>
  <si>
    <t>生源寺__1070</t>
  </si>
  <si>
    <t>野村__31</t>
  </si>
  <si>
    <t>生源寺__1071</t>
  </si>
  <si>
    <t>生源寺__1080</t>
  </si>
  <si>
    <t>生源寺__1090</t>
  </si>
  <si>
    <t>生源寺__1093</t>
  </si>
  <si>
    <t>生源寺__1096</t>
  </si>
  <si>
    <t>生源寺__1099</t>
  </si>
  <si>
    <t>生源寺__1102</t>
  </si>
  <si>
    <t>生源寺__1108</t>
  </si>
  <si>
    <t>生源寺__1110</t>
  </si>
  <si>
    <t>生源寺__1118</t>
  </si>
  <si>
    <t>野村__33</t>
  </si>
  <si>
    <t>生源寺__1120</t>
  </si>
  <si>
    <t>生源寺__1126</t>
  </si>
  <si>
    <t>生源寺__1130</t>
  </si>
  <si>
    <t>生源寺__1131</t>
  </si>
  <si>
    <t>生源寺__1136</t>
  </si>
  <si>
    <t>生源寺__1138</t>
  </si>
  <si>
    <t>生源寺__1147</t>
  </si>
  <si>
    <t>生源寺_北島_171-3</t>
  </si>
  <si>
    <t>生源寺_北島_304-11</t>
  </si>
  <si>
    <t>野村__39</t>
  </si>
  <si>
    <t>生源寺_山下野_448-3</t>
  </si>
  <si>
    <t>生源寺_山下野_448-4</t>
  </si>
  <si>
    <t>生源寺_木戸口_1395-2</t>
  </si>
  <si>
    <t>生源寺_東島_23-2</t>
  </si>
  <si>
    <t>生源寺_山下_1502-4</t>
  </si>
  <si>
    <t>市井__51-2</t>
  </si>
  <si>
    <t>市井__53-2</t>
  </si>
  <si>
    <t>市井__54-3</t>
  </si>
  <si>
    <t>野村__42</t>
  </si>
  <si>
    <t>市井__65-2</t>
  </si>
  <si>
    <t>市井__112-2</t>
  </si>
  <si>
    <t>市井__146-2</t>
  </si>
  <si>
    <t>市井__147-2</t>
  </si>
  <si>
    <t>市井__148-2</t>
  </si>
  <si>
    <t>市井__149-2</t>
  </si>
  <si>
    <t>市井__150-2</t>
  </si>
  <si>
    <t>市井__151-2</t>
  </si>
  <si>
    <t>市井__152-2</t>
  </si>
  <si>
    <t>市井__153-2</t>
  </si>
  <si>
    <t>野村__49</t>
  </si>
  <si>
    <t>市井__154-2</t>
  </si>
  <si>
    <t>市井__155-2</t>
  </si>
  <si>
    <t>市井__156-2</t>
  </si>
  <si>
    <t>市井__157-2</t>
  </si>
  <si>
    <t>市井__158-2</t>
  </si>
  <si>
    <t>市井__159-2</t>
  </si>
  <si>
    <t>市井__160-3</t>
  </si>
  <si>
    <t>市井__161-2</t>
  </si>
  <si>
    <t>市井__162-2</t>
  </si>
  <si>
    <t>市井__163-2</t>
  </si>
  <si>
    <t>野村__53</t>
  </si>
  <si>
    <t>市井__164-2</t>
  </si>
  <si>
    <t>市井__165-2</t>
  </si>
  <si>
    <t>市井__190-2</t>
  </si>
  <si>
    <t>市井__191-2</t>
  </si>
  <si>
    <t>市井__232-2</t>
  </si>
  <si>
    <t>市井__236-3</t>
  </si>
  <si>
    <t>市井__239-2</t>
  </si>
  <si>
    <t>市井__240-2</t>
  </si>
  <si>
    <t>市井__250-2</t>
  </si>
  <si>
    <t>市井__251-2</t>
  </si>
  <si>
    <t>野村__59</t>
  </si>
  <si>
    <t>市井__257-2</t>
  </si>
  <si>
    <t>市井__258-2</t>
  </si>
  <si>
    <t>市井__259-2</t>
  </si>
  <si>
    <t>市井__260-2</t>
  </si>
  <si>
    <t>市井__261-2</t>
  </si>
  <si>
    <t>市井__262-2</t>
  </si>
  <si>
    <t>市井__263-2</t>
  </si>
  <si>
    <t>市井__264-2</t>
  </si>
  <si>
    <t>市井__265-2</t>
  </si>
  <si>
    <t>市井__286-2</t>
  </si>
  <si>
    <t>野村__61</t>
  </si>
  <si>
    <t>市井__602</t>
  </si>
  <si>
    <t>市井__604</t>
  </si>
  <si>
    <t>市井__608</t>
  </si>
  <si>
    <t>市井__612</t>
  </si>
  <si>
    <t>市井__615</t>
  </si>
  <si>
    <t>市井_山畑_17-5</t>
  </si>
  <si>
    <t>市井_屋敷田_112-5</t>
  </si>
  <si>
    <t>市井_屋敷田_112-6</t>
  </si>
  <si>
    <t>市井_屋敷田_113-3</t>
  </si>
  <si>
    <t>市井_屋敷田_120-3</t>
  </si>
  <si>
    <t>野村__64</t>
  </si>
  <si>
    <t>市井_屋敷田_123-2</t>
  </si>
  <si>
    <t>若林__204-3</t>
  </si>
  <si>
    <t>若林__231-3</t>
  </si>
  <si>
    <t>若林__234-4</t>
  </si>
  <si>
    <t>若林__237-4</t>
  </si>
  <si>
    <t>若林__403</t>
  </si>
  <si>
    <t>若林__404</t>
  </si>
  <si>
    <t>竹鼻__25-3</t>
  </si>
  <si>
    <t>竹鼻__26-3</t>
  </si>
  <si>
    <t>竹鼻__28-3</t>
  </si>
  <si>
    <t>本町一丁目__306-2</t>
  </si>
  <si>
    <t>野村__69</t>
  </si>
  <si>
    <t>竹鼻__30-3</t>
  </si>
  <si>
    <t>竹鼻__31-3</t>
  </si>
  <si>
    <t>竹鼻__37-2</t>
  </si>
  <si>
    <t>竹鼻__72-2</t>
  </si>
  <si>
    <t>竹鼻__73-2</t>
  </si>
  <si>
    <t>竹鼻__74-2</t>
  </si>
  <si>
    <t>竹鼻__75-2</t>
  </si>
  <si>
    <t>竹鼻__76-2</t>
  </si>
  <si>
    <t>竹鼻__77-3</t>
  </si>
  <si>
    <t>竹鼻__77-4</t>
  </si>
  <si>
    <t>野村__74</t>
  </si>
  <si>
    <t>竹鼻__78</t>
  </si>
  <si>
    <t>竹鼻__79-2</t>
  </si>
  <si>
    <t>竹鼻__80-2</t>
  </si>
  <si>
    <t>竹鼻__81-2</t>
  </si>
  <si>
    <t>竹鼻__82-2</t>
  </si>
  <si>
    <t>竹鼻__83-2</t>
  </si>
  <si>
    <t>竹鼻__84-2</t>
  </si>
  <si>
    <t>竹鼻__85-2</t>
  </si>
  <si>
    <t>竹鼻__86-2</t>
  </si>
  <si>
    <t>竹鼻__87-2</t>
  </si>
  <si>
    <t>野村__79</t>
  </si>
  <si>
    <t>竹鼻__88-2</t>
  </si>
  <si>
    <t>竹鼻__89-2</t>
  </si>
  <si>
    <t>竹鼻__90-3</t>
  </si>
  <si>
    <t>開口__56-2</t>
  </si>
  <si>
    <t>開口__57-2</t>
  </si>
  <si>
    <t>開口__73-3</t>
  </si>
  <si>
    <t>開口__133-1</t>
  </si>
  <si>
    <t>開口__338</t>
  </si>
  <si>
    <t>藤巻__51-1</t>
  </si>
  <si>
    <t>流通センター水戸田３丁目__27</t>
  </si>
  <si>
    <t>野村__87</t>
  </si>
  <si>
    <t>二口__3246</t>
  </si>
  <si>
    <t>二口_十枚田_42-2</t>
  </si>
  <si>
    <t>二口_十枚田_88-3</t>
  </si>
  <si>
    <t>二口_五反田_214-3</t>
  </si>
  <si>
    <t>二口_五反田_214-6</t>
  </si>
  <si>
    <t>二口_早稲田_655-27</t>
  </si>
  <si>
    <t>二口_轟_991-8</t>
  </si>
  <si>
    <t>二口_轟_991-9</t>
  </si>
  <si>
    <t>二口_轟_991-10</t>
  </si>
  <si>
    <t>二口_轟_991-11</t>
  </si>
  <si>
    <t>野村__89</t>
  </si>
  <si>
    <t>二口_轟_991-12</t>
  </si>
  <si>
    <t>二口_轟_994-6</t>
  </si>
  <si>
    <t>二口_轟_994-7</t>
  </si>
  <si>
    <t>二口_轟_995-3</t>
  </si>
  <si>
    <t>二口_轟_996-3</t>
  </si>
  <si>
    <t>二口_轟_997-3</t>
  </si>
  <si>
    <t>二口_轟_998-3</t>
  </si>
  <si>
    <t>二口_轟_999-3</t>
  </si>
  <si>
    <t>二口_轟_1027-7</t>
  </si>
  <si>
    <t>二口_轟_1106-5</t>
  </si>
  <si>
    <t>野村__94</t>
  </si>
  <si>
    <t>二口_轟_1106-6</t>
  </si>
  <si>
    <t>二口_轟_1106-7</t>
  </si>
  <si>
    <t>二口_轟_1109-3</t>
  </si>
  <si>
    <t>二口_轟_1110-3</t>
  </si>
  <si>
    <t>二口_轟_1111-4</t>
  </si>
  <si>
    <t>二口_轟_1111-5</t>
  </si>
  <si>
    <t>二口_轟_1111-6</t>
  </si>
  <si>
    <t>二口_轟_1114-2</t>
  </si>
  <si>
    <t>二口_轟_1177-5</t>
  </si>
  <si>
    <t>二口_轟_1178-5</t>
  </si>
  <si>
    <t>野村__97</t>
  </si>
  <si>
    <t>二口_轟_1179-4</t>
  </si>
  <si>
    <t>二口_轟_1180-4</t>
  </si>
  <si>
    <t>二口_轟_1181-4</t>
  </si>
  <si>
    <t>二口_轟_1182-5</t>
  </si>
  <si>
    <t>二口_轟_1182-6</t>
  </si>
  <si>
    <t>二口_轟_1183-3</t>
  </si>
  <si>
    <t>二口_轟_1185-3</t>
  </si>
  <si>
    <t>二口_轟_1186-3</t>
  </si>
  <si>
    <t>二口_轟_1187-5</t>
  </si>
  <si>
    <t>二口_轟_1187-6</t>
  </si>
  <si>
    <t>野村__99</t>
  </si>
  <si>
    <t>二口_轟_1189-3</t>
  </si>
  <si>
    <t>二口_轟_1190-3</t>
  </si>
  <si>
    <t>二口_轟_1191-3</t>
  </si>
  <si>
    <t>二口_轟_1192-3</t>
  </si>
  <si>
    <t>二口_轟_1193-3</t>
  </si>
  <si>
    <t>二口_轟_1194-5</t>
  </si>
  <si>
    <t>二口_轟_1194-6</t>
  </si>
  <si>
    <t>二口_轟_1196-2</t>
  </si>
  <si>
    <t>二口_轟_1196-3</t>
  </si>
  <si>
    <t>二口_轟_1197-3</t>
  </si>
  <si>
    <t>野村__104</t>
  </si>
  <si>
    <t>中村__1-2</t>
  </si>
  <si>
    <t>中村__2-2</t>
  </si>
  <si>
    <t>中村__3-2</t>
  </si>
  <si>
    <t>中村__21-2</t>
  </si>
  <si>
    <t>中村__24-2</t>
  </si>
  <si>
    <t>中村__29-2</t>
  </si>
  <si>
    <t>中村__101-2</t>
  </si>
  <si>
    <t>中村__102-2</t>
  </si>
  <si>
    <t>野村__109</t>
  </si>
  <si>
    <t>中村__104-2</t>
  </si>
  <si>
    <t>中村__106-2</t>
  </si>
  <si>
    <t>中村__107-2</t>
  </si>
  <si>
    <t>中村__108-2</t>
  </si>
  <si>
    <t>中村__109-2</t>
  </si>
  <si>
    <t>中村__110-3</t>
  </si>
  <si>
    <t>中村__137-2</t>
  </si>
  <si>
    <t>中村__139-2</t>
  </si>
  <si>
    <t>中村__150-2</t>
  </si>
  <si>
    <t>中村__151-2</t>
  </si>
  <si>
    <t>庄西町一丁目__1381-34</t>
  </si>
  <si>
    <t>本町一丁目__307-2</t>
  </si>
  <si>
    <t>野村__113</t>
  </si>
  <si>
    <t>大門本江_縄田_202-11</t>
  </si>
  <si>
    <t>大門本江_宮田_300-2</t>
  </si>
  <si>
    <t>大門本江_宮田_301-2</t>
  </si>
  <si>
    <t>大門本江_宮田_302-2</t>
  </si>
  <si>
    <t>大門本江_宮田_303-2</t>
  </si>
  <si>
    <t>大門本江_宮田_304-2</t>
  </si>
  <si>
    <t>大門本江_宮田_305-2</t>
  </si>
  <si>
    <t>大門本江_宮田_306-2</t>
  </si>
  <si>
    <t>野村__117</t>
  </si>
  <si>
    <t>大門本江_宮田_307-2</t>
  </si>
  <si>
    <t>大門本江_宮田_308-2</t>
  </si>
  <si>
    <t>大門本江_宮田_309-2</t>
  </si>
  <si>
    <t>大門本江_宮田_310-2</t>
  </si>
  <si>
    <t>大門本江_宮田_311-2</t>
  </si>
  <si>
    <t>大門本江_宮田_312-2</t>
  </si>
  <si>
    <t>大門本江_宮田_313-2</t>
  </si>
  <si>
    <t>大門本江_大坪_376-2</t>
  </si>
  <si>
    <t>大門本江_大坪_377-2</t>
  </si>
  <si>
    <t>大門本江_大坪_378-2</t>
  </si>
  <si>
    <t>野村__119</t>
  </si>
  <si>
    <t>大門本江_大坪_379-2</t>
  </si>
  <si>
    <t>大門本江_大坪_380-2</t>
  </si>
  <si>
    <t>大門本江_大坪_381-2</t>
  </si>
  <si>
    <t>大門本江_大坪_382-2</t>
  </si>
  <si>
    <t>大門本江_大坪_383-2</t>
  </si>
  <si>
    <t>大門本江_大坪_384-2</t>
  </si>
  <si>
    <t>大門本江_大坪_385-2</t>
  </si>
  <si>
    <t>大門本江_大坪_386-2</t>
  </si>
  <si>
    <t>大門本江_大坪_389-2</t>
  </si>
  <si>
    <t>大門本江_大坪_390-2</t>
  </si>
  <si>
    <t>野村__120</t>
  </si>
  <si>
    <t>大門本江_大坪_391-2</t>
  </si>
  <si>
    <t>大門本江_大坪_392-2</t>
  </si>
  <si>
    <t>大門本江_大坪_393-2</t>
  </si>
  <si>
    <t>大門本江_大坪_394-2</t>
  </si>
  <si>
    <t>大門本江_大坪_395-2</t>
  </si>
  <si>
    <t>大門本江_大坪_396-2</t>
  </si>
  <si>
    <t>大門本江_大坪_397-2</t>
  </si>
  <si>
    <t>大門本江_大坪_398-3</t>
  </si>
  <si>
    <t>大門本江_大坪_398-4</t>
  </si>
  <si>
    <t>大門本江_大坪_399-2</t>
  </si>
  <si>
    <t>野村__123</t>
  </si>
  <si>
    <t>大門本江_大坪_400-2</t>
  </si>
  <si>
    <t>大門本江_大坪_401-2</t>
  </si>
  <si>
    <t>大門本江_大坪_402-2</t>
  </si>
  <si>
    <t>大門本江_大坪_403-3</t>
  </si>
  <si>
    <t>大門本江_大坪_404-3</t>
  </si>
  <si>
    <t>大門本江_大坪_405-3</t>
  </si>
  <si>
    <t>大門本江_大坪_410-2</t>
  </si>
  <si>
    <t>大門本江_大坪_414-2</t>
  </si>
  <si>
    <t>大門本江_大坪_415-4</t>
  </si>
  <si>
    <t>大門本江_大坪_417-2</t>
  </si>
  <si>
    <t>野村__124</t>
  </si>
  <si>
    <t>大門本江_大坪_418-2</t>
  </si>
  <si>
    <t>大門本江_大坪_419-2</t>
  </si>
  <si>
    <t>大門本江_大坪_420-2</t>
  </si>
  <si>
    <t>大門本江_大坪_421-2</t>
  </si>
  <si>
    <t>大門本江_大坪_422-2</t>
  </si>
  <si>
    <t>大門本江_大坪_423-2</t>
  </si>
  <si>
    <t>大門本江_大坪_424-2</t>
  </si>
  <si>
    <t>大門本江_大坪_425-2</t>
  </si>
  <si>
    <t>大門本江_大坪_426-2</t>
  </si>
  <si>
    <t>大門本江_大坪_427-2</t>
  </si>
  <si>
    <t>野村__129</t>
  </si>
  <si>
    <t>大門本江_苗代_514-2</t>
  </si>
  <si>
    <t>大門本江_苗代_526-2</t>
  </si>
  <si>
    <t>大門本江_苗代_527-4</t>
  </si>
  <si>
    <t>大門本江_苗代_528-3</t>
  </si>
  <si>
    <t>大門本江_苗代_529-3</t>
  </si>
  <si>
    <t>大門本江_苗代_530-4</t>
  </si>
  <si>
    <t>大門本江_苗代_530-5</t>
  </si>
  <si>
    <t>大門本江_苗代_557-2</t>
  </si>
  <si>
    <t>大門本江_苗代_558-2</t>
  </si>
  <si>
    <t>大門本江_苗代_559-2</t>
  </si>
  <si>
    <t>野村__134</t>
  </si>
  <si>
    <t>大門本江_苗代_562-2</t>
  </si>
  <si>
    <t>大門本江_苗代_584-2</t>
  </si>
  <si>
    <t>大門本江_苗代_585-2</t>
  </si>
  <si>
    <t>大門本江_苗代_587-2</t>
  </si>
  <si>
    <t>大門本江_苗代_588-2</t>
  </si>
  <si>
    <t>大門本江_苗代_593-2</t>
  </si>
  <si>
    <t>大門本江_苗代_594-2</t>
  </si>
  <si>
    <t>大門本江_苗代_596-2</t>
  </si>
  <si>
    <t>大門本江_苗代_598-2</t>
  </si>
  <si>
    <t>大門本江_苗代_601-2</t>
  </si>
  <si>
    <t>野村__139</t>
  </si>
  <si>
    <t>大門本江_苗代_602-2</t>
  </si>
  <si>
    <t>大門本江_苗代_603-2</t>
  </si>
  <si>
    <t>大門本江_苗代_604-2</t>
  </si>
  <si>
    <t>大門本江_苗代_605-2</t>
  </si>
  <si>
    <t>大門本江_苗代_606-2</t>
  </si>
  <si>
    <t>大門本江_苗代_607-2</t>
  </si>
  <si>
    <t>大門本江_苗代_614-5</t>
  </si>
  <si>
    <t>大門本江_苗代_614-6</t>
  </si>
  <si>
    <t>大門本江_苗代_615-2</t>
  </si>
  <si>
    <t>大門本江_中島_692-3</t>
  </si>
  <si>
    <t>野村__144</t>
  </si>
  <si>
    <t>棚田__31-2</t>
  </si>
  <si>
    <t>棚田__61-2</t>
  </si>
  <si>
    <t>棚田__62-2</t>
  </si>
  <si>
    <t>棚田__63-2</t>
  </si>
  <si>
    <t>棚田__103-2</t>
  </si>
  <si>
    <t>棚田__106-2</t>
  </si>
  <si>
    <t>棚田__108-2</t>
  </si>
  <si>
    <t>棚田__122-2</t>
  </si>
  <si>
    <t>棚田__123-2</t>
  </si>
  <si>
    <t>本町一丁目__309-2</t>
  </si>
  <si>
    <t>野村__149</t>
  </si>
  <si>
    <t>棚田__123-3</t>
  </si>
  <si>
    <t>棚田__184-2</t>
  </si>
  <si>
    <t>棚田__185-2</t>
  </si>
  <si>
    <t>棚田__186-2</t>
  </si>
  <si>
    <t>棚田__187-2</t>
  </si>
  <si>
    <t>棚田__188-2</t>
  </si>
  <si>
    <t>棚田__189-2</t>
  </si>
  <si>
    <t>棚田__190-2</t>
  </si>
  <si>
    <t>棚田__191-2</t>
  </si>
  <si>
    <t>棚田__192-3</t>
  </si>
  <si>
    <t>野村__152</t>
  </si>
  <si>
    <t>棚田__195-2</t>
  </si>
  <si>
    <t>棚田__196-2</t>
  </si>
  <si>
    <t>棚田__197-2</t>
  </si>
  <si>
    <t>棚田__198-2</t>
  </si>
  <si>
    <t>棚田__199-2</t>
  </si>
  <si>
    <t>棚田__202-5</t>
  </si>
  <si>
    <t>棚田__202-6</t>
  </si>
  <si>
    <t>棚田__203-2</t>
  </si>
  <si>
    <t>棚田__206-2</t>
  </si>
  <si>
    <t>棚田__207-2</t>
  </si>
  <si>
    <t>野村__154</t>
  </si>
  <si>
    <t>棚田__208-2</t>
  </si>
  <si>
    <t>棚田__210-2</t>
  </si>
  <si>
    <t>棚田__211-2</t>
  </si>
  <si>
    <t>棚田__212-2</t>
  </si>
  <si>
    <t>棚田__213-2</t>
  </si>
  <si>
    <t>棚田__214-2</t>
  </si>
  <si>
    <t>棚田__215-2</t>
  </si>
  <si>
    <t>棚田__216-2</t>
  </si>
  <si>
    <t>棚田__394-2</t>
  </si>
  <si>
    <t>棚田__395-2</t>
  </si>
  <si>
    <t>野村__159</t>
  </si>
  <si>
    <t>棚田__396-2</t>
  </si>
  <si>
    <t>棚田__397-2</t>
  </si>
  <si>
    <t>棚田__398-2</t>
  </si>
  <si>
    <t>棚田__399-2</t>
  </si>
  <si>
    <t>棚田__400-2</t>
  </si>
  <si>
    <t>棚田__401-2</t>
  </si>
  <si>
    <t>棚田__402-2</t>
  </si>
  <si>
    <t>棚田__403-2</t>
  </si>
  <si>
    <t>棚田__404-2</t>
  </si>
  <si>
    <t>棚田__405-2</t>
  </si>
  <si>
    <t>野村__164</t>
  </si>
  <si>
    <t>棚田__407-3</t>
  </si>
  <si>
    <t>棚田__408-2</t>
  </si>
  <si>
    <t>棚田__415-2</t>
  </si>
  <si>
    <t>棚田__416-2</t>
  </si>
  <si>
    <t>棚田__416-3</t>
  </si>
  <si>
    <t>棚田__417-2</t>
  </si>
  <si>
    <t>棚田__423-2</t>
  </si>
  <si>
    <t>棚田__424-2</t>
  </si>
  <si>
    <t>棚田__425-2</t>
  </si>
  <si>
    <t>棚田__426-2</t>
  </si>
  <si>
    <t>野村__169</t>
  </si>
  <si>
    <t>棚田__430-2</t>
  </si>
  <si>
    <t>棚田__431</t>
  </si>
  <si>
    <t>棚田__433-2</t>
  </si>
  <si>
    <t>棚田__434-2</t>
  </si>
  <si>
    <t>棚田__437-2</t>
  </si>
  <si>
    <t>棚田__438-2</t>
  </si>
  <si>
    <t>棚田__441-2</t>
  </si>
  <si>
    <t>棚田__442-2</t>
  </si>
  <si>
    <t>棚田__443-2</t>
  </si>
  <si>
    <t>棚田__444-2</t>
  </si>
  <si>
    <t>野村__174</t>
  </si>
  <si>
    <t>棚田__445-3</t>
  </si>
  <si>
    <t>棚田__446-2</t>
  </si>
  <si>
    <t>棚田__447-2</t>
  </si>
  <si>
    <t>棚田__448-2</t>
  </si>
  <si>
    <t>棚田__449-2</t>
  </si>
  <si>
    <t>棚田__450-2</t>
  </si>
  <si>
    <t>棚田__483-2</t>
  </si>
  <si>
    <t>棚田__484-2</t>
  </si>
  <si>
    <t>棚田__485-2</t>
  </si>
  <si>
    <t>棚田__486-2</t>
  </si>
  <si>
    <t>野村__178</t>
  </si>
  <si>
    <t>棚田__487-2</t>
  </si>
  <si>
    <t>棚田__488-2</t>
  </si>
  <si>
    <t>棚田__489-2</t>
  </si>
  <si>
    <t>棚田__490-2</t>
  </si>
  <si>
    <t>棚田__491-2</t>
  </si>
  <si>
    <t>棚田__492-2</t>
  </si>
  <si>
    <t>棚田__493-2</t>
  </si>
  <si>
    <t>棚田__494-2</t>
  </si>
  <si>
    <t>棚田__495-2</t>
  </si>
  <si>
    <t>安吉_昭和_200-6</t>
  </si>
  <si>
    <t>野村__180</t>
  </si>
  <si>
    <t>安吉_昭和_258-5</t>
  </si>
  <si>
    <t>安吉_昭和_258-6</t>
  </si>
  <si>
    <t>安吉_昭和_258-7</t>
  </si>
  <si>
    <t>安吉_昭和_259-4</t>
  </si>
  <si>
    <t>安吉_昭和_260-4</t>
  </si>
  <si>
    <t>安吉_昭和_261-4</t>
  </si>
  <si>
    <t>本田_宮田_30-3</t>
  </si>
  <si>
    <t>本田_宮田_31-3</t>
  </si>
  <si>
    <t>本田_宮田_32-3</t>
  </si>
  <si>
    <t>本田_宮田_33-3</t>
  </si>
  <si>
    <t>野村__182</t>
  </si>
  <si>
    <t>本田_宮田_34-3</t>
  </si>
  <si>
    <t>本田_宮田_35-3</t>
  </si>
  <si>
    <t>本田_宮田_36-3</t>
  </si>
  <si>
    <t>本田_宮田_37-3</t>
  </si>
  <si>
    <t>本田_宮田_38-3</t>
  </si>
  <si>
    <t>本田_宮田_39-3</t>
  </si>
  <si>
    <t>本田_宮田_40-3</t>
  </si>
  <si>
    <t>本田_宮田_41-3</t>
  </si>
  <si>
    <t>本田_宮田_42-3</t>
  </si>
  <si>
    <t>本田_宮田_43-3</t>
  </si>
  <si>
    <t>本町一丁目__310-2</t>
  </si>
  <si>
    <t>野村__185</t>
  </si>
  <si>
    <t>本田_宮田_44-3</t>
  </si>
  <si>
    <t>本田_宮田_45-3</t>
  </si>
  <si>
    <t>本田_宮田_46-3</t>
  </si>
  <si>
    <t>本田_宮田_50-3</t>
  </si>
  <si>
    <t>本田_宮田_50-4</t>
  </si>
  <si>
    <t>本田_宮田_56-3</t>
  </si>
  <si>
    <t>本田_宮田_57-3</t>
  </si>
  <si>
    <t>本田_宮田_59-3</t>
  </si>
  <si>
    <t>本田_宮田_60-3</t>
  </si>
  <si>
    <t>本田_宮田_61-3</t>
  </si>
  <si>
    <t>野村__189</t>
  </si>
  <si>
    <t>本田_宮田_62-3</t>
  </si>
  <si>
    <t>本田_宮田_63-3</t>
  </si>
  <si>
    <t>本田_宮田_64-3</t>
  </si>
  <si>
    <t>本田_宮田_65-3</t>
  </si>
  <si>
    <t>本田_宮田_66-3</t>
  </si>
  <si>
    <t>本田_宮田_67-3</t>
  </si>
  <si>
    <t>本田_宮田_68-3</t>
  </si>
  <si>
    <t>本田_宮田_69-3</t>
  </si>
  <si>
    <t>本田_宮田_72-3</t>
  </si>
  <si>
    <t>本田_天水_220-3</t>
  </si>
  <si>
    <t>野村__191</t>
  </si>
  <si>
    <t>本田_天水_221-3</t>
  </si>
  <si>
    <t>本田_天水_222-3</t>
  </si>
  <si>
    <t>本田_天水_223-4</t>
  </si>
  <si>
    <t>本田_天水_223-5</t>
  </si>
  <si>
    <t>本田_天水_224-2</t>
  </si>
  <si>
    <t>本田_天水_225-2</t>
  </si>
  <si>
    <t>本田_天水_226-2</t>
  </si>
  <si>
    <t>本田_天水_227-4</t>
  </si>
  <si>
    <t>本田_天水_227-5</t>
  </si>
  <si>
    <t>本田_天水_228-2</t>
  </si>
  <si>
    <t>野村__194</t>
  </si>
  <si>
    <t>本田_天水_229-2</t>
  </si>
  <si>
    <t>本田_天水_230-3</t>
  </si>
  <si>
    <t>本田_天水_231-3</t>
  </si>
  <si>
    <t>本田_天水_232-3</t>
  </si>
  <si>
    <t>本田_天水_233-3</t>
  </si>
  <si>
    <t>本田_天水_234-3</t>
  </si>
  <si>
    <t>本田_天水_235-3</t>
  </si>
  <si>
    <t>本田_天水_236-3</t>
  </si>
  <si>
    <t>本田_天水_285-3</t>
  </si>
  <si>
    <t>本田_天水_291-3</t>
  </si>
  <si>
    <t>野村__204</t>
  </si>
  <si>
    <t>本田_天水_292-3</t>
  </si>
  <si>
    <t>本田_天水_293-3</t>
  </si>
  <si>
    <t>本田_天水_294-3</t>
  </si>
  <si>
    <t>本田_畑田_317-3</t>
  </si>
  <si>
    <t>本田_畑田_318-3</t>
  </si>
  <si>
    <t>本田_畑田_319-3</t>
  </si>
  <si>
    <t>本田_畑田_320-3</t>
  </si>
  <si>
    <t>本田_畑田_321-4</t>
  </si>
  <si>
    <t>本田_畑田_322-3</t>
  </si>
  <si>
    <t>本田_畑田_410-3</t>
  </si>
  <si>
    <t>野村__209</t>
  </si>
  <si>
    <t>本田_畑田_411-3</t>
  </si>
  <si>
    <t>本田_畑田_412-2</t>
  </si>
  <si>
    <t>本田_畑田_417-3</t>
  </si>
  <si>
    <t>本田_畑田_418-2</t>
  </si>
  <si>
    <t>本田_畑田_418-3</t>
  </si>
  <si>
    <t>下若_前田_7-5</t>
  </si>
  <si>
    <t>下若_前田_8-3</t>
  </si>
  <si>
    <t>下若_前田_9-3</t>
  </si>
  <si>
    <t>下若_前田_10-3</t>
  </si>
  <si>
    <t>下若_前田_11-3</t>
  </si>
  <si>
    <t>野村__214</t>
  </si>
  <si>
    <t>下若_前田_12-4</t>
  </si>
  <si>
    <t>下若_前田_13-5</t>
  </si>
  <si>
    <t>下若_前田_13-6</t>
  </si>
  <si>
    <t>下若_前田_25-4</t>
  </si>
  <si>
    <t>下若_前田_26-4</t>
  </si>
  <si>
    <t>下若_前田_27-4</t>
  </si>
  <si>
    <t>下若_前田_27-7</t>
  </si>
  <si>
    <t>下若_髙口_132-3</t>
  </si>
  <si>
    <t>下若_髙口_132-4</t>
  </si>
  <si>
    <t>下若_髙口_133-2</t>
  </si>
  <si>
    <t>野村__215</t>
  </si>
  <si>
    <t>下若_髙口_138-2</t>
  </si>
  <si>
    <t>下若_髙口_138-5</t>
  </si>
  <si>
    <t>島_坊田_2067-3</t>
  </si>
  <si>
    <t>島_坊田_2068-3</t>
  </si>
  <si>
    <t>島_坊田_2069-2</t>
  </si>
  <si>
    <t>島_坊田_2070-2</t>
  </si>
  <si>
    <t>島_坊田_2071-3</t>
  </si>
  <si>
    <t>島_坊田_2072-4</t>
  </si>
  <si>
    <t>島_坊田_2072-5</t>
  </si>
  <si>
    <t>島_坊田_2072-6</t>
  </si>
  <si>
    <t>野村__218</t>
  </si>
  <si>
    <t>島_坊田_2073-2</t>
  </si>
  <si>
    <t>島_坊田_2074-2</t>
  </si>
  <si>
    <t>島_坊田_2075-3</t>
  </si>
  <si>
    <t>島_坊田_2076-2</t>
  </si>
  <si>
    <t>島_坊田_2077-3</t>
  </si>
  <si>
    <t>島_坊田_2078-3</t>
  </si>
  <si>
    <t>大門_前田_323-1</t>
  </si>
  <si>
    <t>枇杷首_竹花_15-7</t>
  </si>
  <si>
    <t>枇杷首_竹花_19-4</t>
  </si>
  <si>
    <t>枇杷首_竹花_20-5</t>
  </si>
  <si>
    <t>野村__220</t>
  </si>
  <si>
    <t>枇杷首_竹花_20-6</t>
  </si>
  <si>
    <t>枇杷首_竹花_23-7</t>
  </si>
  <si>
    <t>枇杷首_竹花_24-2</t>
  </si>
  <si>
    <t>枇杷首_竹花_26-2</t>
  </si>
  <si>
    <t>枇杷首_竹花_29-3</t>
  </si>
  <si>
    <t>枇杷首_竹花_31-4</t>
  </si>
  <si>
    <t>枇杷首_竹花_34-5</t>
  </si>
  <si>
    <t>枇杷首_竹花_34-6</t>
  </si>
  <si>
    <t>枇杷首_番留_42-16</t>
  </si>
  <si>
    <t>枇杷首_番留_45-3</t>
  </si>
  <si>
    <t>本町一丁目__311-2</t>
  </si>
  <si>
    <t>野村__224</t>
  </si>
  <si>
    <t>枇杷首_番留_45-4</t>
  </si>
  <si>
    <t>枇杷首_番留_46-2</t>
  </si>
  <si>
    <t>枇杷首_番留_48-2</t>
  </si>
  <si>
    <t>枇杷首_番留_53-4</t>
  </si>
  <si>
    <t>枇杷首_番留_54-6</t>
  </si>
  <si>
    <t>犬内_往来_40-2</t>
  </si>
  <si>
    <t>犬内_往来_50-3</t>
  </si>
  <si>
    <t>二口_米山_2321-5</t>
  </si>
  <si>
    <t>二口_米山_2327-3</t>
  </si>
  <si>
    <t>二口_米山_2328-3</t>
  </si>
  <si>
    <t>野村__228</t>
  </si>
  <si>
    <t>二口_米山_2329-3</t>
  </si>
  <si>
    <t>二口_米山_2330-5</t>
  </si>
  <si>
    <t>二口_米山_2334-3</t>
  </si>
  <si>
    <t>二口_米山_2335-2</t>
  </si>
  <si>
    <t>二口_米山_2336-3</t>
  </si>
  <si>
    <t>二口_米山_2336-4</t>
  </si>
  <si>
    <t>二口_米山_2337-2</t>
  </si>
  <si>
    <t>二口_南野割_2344-5</t>
  </si>
  <si>
    <t>二口_南野割_2346-4</t>
  </si>
  <si>
    <t>二口_南野割_2347-4</t>
  </si>
  <si>
    <t>野村__230</t>
  </si>
  <si>
    <t>二口_南野割_2348-5</t>
  </si>
  <si>
    <t>二口_南野割_2349-2</t>
  </si>
  <si>
    <t>二口_南野割_2350-2</t>
  </si>
  <si>
    <t>二口_南野割_2351-3</t>
  </si>
  <si>
    <t>二口_南野割_2352-4</t>
  </si>
  <si>
    <t>二口_南野割_2353-4</t>
  </si>
  <si>
    <t>二口_南野割_2354-2</t>
  </si>
  <si>
    <t>二口_南野割_2355-5</t>
  </si>
  <si>
    <t>二口_南野割_2355-6</t>
  </si>
  <si>
    <t>二口_南野割_2356-7</t>
  </si>
  <si>
    <t>野村__233</t>
  </si>
  <si>
    <t>二口_南野割_2356-8</t>
  </si>
  <si>
    <t>二口_南野割_2357-4</t>
  </si>
  <si>
    <t>二口_南野割_2358-3</t>
  </si>
  <si>
    <t>二口_南野割_2359-4</t>
  </si>
  <si>
    <t>二口_南野割_2360-4</t>
  </si>
  <si>
    <t>二口_南野割_2361-9</t>
  </si>
  <si>
    <t>二口_南野割_2362-5</t>
  </si>
  <si>
    <t>二口_南野割_2364-3</t>
  </si>
  <si>
    <t>二口_南野割_2365-3</t>
  </si>
  <si>
    <t>二口_南野割_2366-4</t>
  </si>
  <si>
    <t>野村__239</t>
  </si>
  <si>
    <t>二口_南野割_2367-2</t>
  </si>
  <si>
    <t>二口_南野割_2368-3</t>
  </si>
  <si>
    <t>二口_南野割_2369-3</t>
  </si>
  <si>
    <t>二口_南野割_2369-4</t>
  </si>
  <si>
    <t>二口_南野割_2370-3</t>
  </si>
  <si>
    <t>二口_南野割_2370-4</t>
  </si>
  <si>
    <t>二口_南野割_2371-2</t>
  </si>
  <si>
    <t>二口_南野割_2372-2</t>
  </si>
  <si>
    <t>二口_南野割_2373-5</t>
  </si>
  <si>
    <t>二口_南野割_2373-6</t>
  </si>
  <si>
    <t>野村__242</t>
  </si>
  <si>
    <t>二口_南野割_2373-7</t>
  </si>
  <si>
    <t>二口_南野割_2374-2</t>
  </si>
  <si>
    <t>二口_南野割_2375-2</t>
  </si>
  <si>
    <t>二口_南野割_2376-2</t>
  </si>
  <si>
    <t>二口_南野割_2377-3</t>
  </si>
  <si>
    <t>二口_南野割_2416-5</t>
  </si>
  <si>
    <t>二口_南野割_2416-6</t>
  </si>
  <si>
    <t>二口_南野割_2416-7</t>
  </si>
  <si>
    <t>二口_南野割_2417-2</t>
  </si>
  <si>
    <t>二口_南野割_2418-2</t>
  </si>
  <si>
    <t>野村__244</t>
  </si>
  <si>
    <t>二口_南野割_2419-2</t>
  </si>
  <si>
    <t>二口_南野割_2420-2</t>
  </si>
  <si>
    <t>二口_南野割_2421-2</t>
  </si>
  <si>
    <t>二口_南野割_2422-2</t>
  </si>
  <si>
    <t>二口_南野割_2423-2</t>
  </si>
  <si>
    <t>二口_南野割_2424-2</t>
  </si>
  <si>
    <t>二口_南野割_2425-2</t>
  </si>
  <si>
    <t>二口_南野割_2426-2</t>
  </si>
  <si>
    <t>二口_南野割_2427-2</t>
  </si>
  <si>
    <t>二口_南野割_2428-2</t>
  </si>
  <si>
    <t>野村__249</t>
  </si>
  <si>
    <t>二口_南野割_2429-2</t>
  </si>
  <si>
    <t>二口_南野割_2430-2</t>
  </si>
  <si>
    <t>二口_南野割_2431-3</t>
  </si>
  <si>
    <t>二口_南野割_2431-4</t>
  </si>
  <si>
    <t>二口_南野割_2432-2</t>
  </si>
  <si>
    <t>二口_南野割_2433-3</t>
  </si>
  <si>
    <t>二口_南野割_2433-4</t>
  </si>
  <si>
    <t>二口_南野割_2434-4</t>
  </si>
  <si>
    <t>二口_南野割_2434-5</t>
  </si>
  <si>
    <t>二口_南野割_2435-2</t>
  </si>
  <si>
    <t>野村__254</t>
  </si>
  <si>
    <t>二口_南野割_2436-3</t>
  </si>
  <si>
    <t>二口_南野割_2436-4</t>
  </si>
  <si>
    <t>二口_南野割_2437-2</t>
  </si>
  <si>
    <t>二口_南野割_2438-6</t>
  </si>
  <si>
    <t>二口_南野割_2438-7</t>
  </si>
  <si>
    <t>二口_南野割_2439-6</t>
  </si>
  <si>
    <t>二口_南野割_2439-7</t>
  </si>
  <si>
    <t>二口_南野割_2444-4</t>
  </si>
  <si>
    <t>二口_南野割_2444-5</t>
  </si>
  <si>
    <t>二口_南野割_2445-2</t>
  </si>
  <si>
    <t>野村__259</t>
  </si>
  <si>
    <t>二口_南野割_2448-5</t>
  </si>
  <si>
    <t>二口_南野割_2448-6</t>
  </si>
  <si>
    <t>二口_南野割_2449-4</t>
  </si>
  <si>
    <t>二口_南野割_2449-5</t>
  </si>
  <si>
    <t>二口_南野割_2451-2</t>
  </si>
  <si>
    <t>二口_南野割_2452-2</t>
  </si>
  <si>
    <t>二口_南野割_2453-2</t>
  </si>
  <si>
    <t>二口_南野割_2454-4</t>
  </si>
  <si>
    <t>二口_南野割_2454-5</t>
  </si>
  <si>
    <t>二口_南野割_2456-2</t>
  </si>
  <si>
    <t>本町一丁目__314-2</t>
  </si>
  <si>
    <t>野村__264</t>
  </si>
  <si>
    <t>二口_南野割_2457-2</t>
  </si>
  <si>
    <t>二口_南野割_2458-2</t>
  </si>
  <si>
    <t>二口_北野割_2468-3</t>
  </si>
  <si>
    <t>二口_北野割_2469-2</t>
  </si>
  <si>
    <t>二口_北野割_2470-3</t>
  </si>
  <si>
    <t>二口_北野割_2470-4</t>
  </si>
  <si>
    <t>二口_北野割_2500-5</t>
  </si>
  <si>
    <t>二口_北野割_2500-6</t>
  </si>
  <si>
    <t>二口_北野割_2501-6</t>
  </si>
  <si>
    <t>二口_北野割_2501-7</t>
  </si>
  <si>
    <t>野村__265</t>
  </si>
  <si>
    <t>二口_北野割_2501-8</t>
  </si>
  <si>
    <t>二口_北野割_2502-11</t>
  </si>
  <si>
    <t>二口_北野割_2502-12</t>
  </si>
  <si>
    <t>二口_北野割_2504-4</t>
  </si>
  <si>
    <t>二口_北野割_2505-5</t>
  </si>
  <si>
    <t>二口_北野割_2505-6</t>
  </si>
  <si>
    <t>二口_北野割_2505-7</t>
  </si>
  <si>
    <t>二口_北野割_2506-2</t>
  </si>
  <si>
    <t>二口_北野割_2507-3</t>
  </si>
  <si>
    <t>二口_北野割_2507-4</t>
  </si>
  <si>
    <t>野村__269</t>
  </si>
  <si>
    <t>二口_北野割_2508-6</t>
  </si>
  <si>
    <t>二口_北野割_2508-7</t>
  </si>
  <si>
    <t>二口_北野割_2509-2</t>
  </si>
  <si>
    <t>二口_北野割_2510-3</t>
  </si>
  <si>
    <t>二口_北野割_2510-4</t>
  </si>
  <si>
    <t>二口_北野割_2512-2</t>
  </si>
  <si>
    <t>二口_北野割_2513-4</t>
  </si>
  <si>
    <t>二口_道山島_2613-70</t>
  </si>
  <si>
    <t>二口_道山島_2613-71</t>
  </si>
  <si>
    <t>二口_道山島_2613-73</t>
  </si>
  <si>
    <t>野村__274</t>
  </si>
  <si>
    <t>二口_光明寺_3010-2</t>
  </si>
  <si>
    <t>二口_光明寺_3012-2</t>
  </si>
  <si>
    <t>二口_光明寺_3024-2</t>
  </si>
  <si>
    <t>加茂東部__2002</t>
  </si>
  <si>
    <t>加茂東部__2004</t>
  </si>
  <si>
    <t>加茂東部__2006</t>
  </si>
  <si>
    <t>加茂東部__2007</t>
  </si>
  <si>
    <t>加茂東部__2008</t>
  </si>
  <si>
    <t>加茂中部__205-35</t>
  </si>
  <si>
    <t>加茂中部__235-1</t>
  </si>
  <si>
    <t>野村__278</t>
  </si>
  <si>
    <t>加茂中部__770-2</t>
  </si>
  <si>
    <t>加茂中部__773-3</t>
  </si>
  <si>
    <t>加茂中部__782</t>
  </si>
  <si>
    <t>加茂中部__785-2</t>
  </si>
  <si>
    <t>加茂中部__809-4</t>
  </si>
  <si>
    <t>加茂中部__812-3</t>
  </si>
  <si>
    <t>加茂中部__813-2</t>
  </si>
  <si>
    <t>加茂中部__817-2</t>
  </si>
  <si>
    <t>加茂中部__817-3</t>
  </si>
  <si>
    <t>加茂中部__818-3</t>
  </si>
  <si>
    <t>野村__284</t>
  </si>
  <si>
    <t>加茂中部__821-3</t>
  </si>
  <si>
    <t>加茂中部__823-2</t>
  </si>
  <si>
    <t>加茂中部__825-2</t>
  </si>
  <si>
    <t>加茂中部__826-3</t>
  </si>
  <si>
    <t>加茂中部__827-4</t>
  </si>
  <si>
    <t>加茂中部__3017</t>
  </si>
  <si>
    <t>加茂中部__4023-1</t>
  </si>
  <si>
    <t>加茂中部__4028</t>
  </si>
  <si>
    <t>加茂中部__4029</t>
  </si>
  <si>
    <t>加茂中部__4036-1</t>
  </si>
  <si>
    <t>野村__291</t>
  </si>
  <si>
    <t>加茂中部__4036-4</t>
  </si>
  <si>
    <t>加茂中部__4039</t>
  </si>
  <si>
    <t>加茂中部__4041</t>
  </si>
  <si>
    <t>加茂中部__4042</t>
  </si>
  <si>
    <t>加茂中部__4043</t>
  </si>
  <si>
    <t>加茂西部__19-2</t>
  </si>
  <si>
    <t>加茂西部__20-2</t>
  </si>
  <si>
    <t>加茂西部__24-2</t>
  </si>
  <si>
    <t>加茂西部__25-2</t>
  </si>
  <si>
    <t>加茂西部__26-2</t>
  </si>
  <si>
    <t>野村__294</t>
  </si>
  <si>
    <t>加茂西部__27-2</t>
  </si>
  <si>
    <t>加茂西部__30-2</t>
  </si>
  <si>
    <t>加茂西部__31-2</t>
  </si>
  <si>
    <t>加茂西部__32-2</t>
  </si>
  <si>
    <t>加茂西部__33-2</t>
  </si>
  <si>
    <t>加茂西部__35-2</t>
  </si>
  <si>
    <t>加茂西部__37-3</t>
  </si>
  <si>
    <t>加茂西部__49-5</t>
  </si>
  <si>
    <t>加茂西部__108</t>
  </si>
  <si>
    <t>加茂西部__170-2</t>
  </si>
  <si>
    <t>野村__300</t>
  </si>
  <si>
    <t>加茂西部__207-2</t>
  </si>
  <si>
    <t>白石__14</t>
  </si>
  <si>
    <t>白石__19</t>
  </si>
  <si>
    <t>白石__29</t>
  </si>
  <si>
    <t>白石__39-2</t>
  </si>
  <si>
    <t>白石__40-2</t>
  </si>
  <si>
    <t>白石__41-2</t>
  </si>
  <si>
    <t>白石__42-2</t>
  </si>
  <si>
    <t>白石__43-2</t>
  </si>
  <si>
    <t>白石__44-2</t>
  </si>
  <si>
    <t>野村__304</t>
  </si>
  <si>
    <t>白石__45-2</t>
  </si>
  <si>
    <t>白石__45-3</t>
  </si>
  <si>
    <t>白石__46-2</t>
  </si>
  <si>
    <t>白石__47-2</t>
  </si>
  <si>
    <t>白石__48-2</t>
  </si>
  <si>
    <t>白石__51-2</t>
  </si>
  <si>
    <t>白石__56</t>
  </si>
  <si>
    <t>白石__59</t>
  </si>
  <si>
    <t>白石__74</t>
  </si>
  <si>
    <t>白石__338-2</t>
  </si>
  <si>
    <t>本町一丁目__315-2</t>
  </si>
  <si>
    <t>野村__309</t>
  </si>
  <si>
    <t>白石__341-3</t>
  </si>
  <si>
    <t>白石__373-2</t>
  </si>
  <si>
    <t>白石__374-2</t>
  </si>
  <si>
    <t>白石__384-2</t>
  </si>
  <si>
    <t>白石__425</t>
  </si>
  <si>
    <t>白石__470-2</t>
  </si>
  <si>
    <t>白石__594-4</t>
  </si>
  <si>
    <t>白石__594-6</t>
  </si>
  <si>
    <t>白石__654-2</t>
  </si>
  <si>
    <t>白石__948-3</t>
  </si>
  <si>
    <t>野村__313</t>
  </si>
  <si>
    <t>白石__950-2</t>
  </si>
  <si>
    <t>白石__951-2</t>
  </si>
  <si>
    <t>白石__952-2</t>
  </si>
  <si>
    <t>倉垣小杉__14-2</t>
  </si>
  <si>
    <t>倉垣小杉__15-2</t>
  </si>
  <si>
    <t>倉垣小杉__51-2</t>
  </si>
  <si>
    <t>倉垣小杉__155-2</t>
  </si>
  <si>
    <t>倉垣小杉__156-2</t>
  </si>
  <si>
    <t>倉垣小杉__157-2</t>
  </si>
  <si>
    <t>倉垣小杉__158-2</t>
  </si>
  <si>
    <t>野村__315</t>
  </si>
  <si>
    <t>倉垣小杉__161-2</t>
  </si>
  <si>
    <t>倉垣小杉__162-2</t>
  </si>
  <si>
    <t>倉垣小杉__163-2</t>
  </si>
  <si>
    <t>倉垣小杉__166-2</t>
  </si>
  <si>
    <t>倉垣小杉__167-2</t>
  </si>
  <si>
    <t>倉垣小杉__168-2</t>
  </si>
  <si>
    <t>倉垣小杉__169-2</t>
  </si>
  <si>
    <t>倉垣小杉__170-2</t>
  </si>
  <si>
    <t>倉垣小杉__171-2</t>
  </si>
  <si>
    <t>倉垣小杉__230-2</t>
  </si>
  <si>
    <t>野村__320</t>
  </si>
  <si>
    <t>倉垣小杉__231-11</t>
  </si>
  <si>
    <t>倉垣小杉__231-12</t>
  </si>
  <si>
    <t>倉垣小杉__232-2</t>
  </si>
  <si>
    <t>倉垣小杉__233-2</t>
  </si>
  <si>
    <t>倉垣小杉__251-2</t>
  </si>
  <si>
    <t>倉垣小杉__252-2</t>
  </si>
  <si>
    <t>倉垣小杉__253-2</t>
  </si>
  <si>
    <t>倉垣小杉__255-2</t>
  </si>
  <si>
    <t>倉垣小杉__256-2</t>
  </si>
  <si>
    <t>倉垣小杉__257-2</t>
  </si>
  <si>
    <t>野村__324</t>
  </si>
  <si>
    <t>倉垣小杉__258-2</t>
  </si>
  <si>
    <t>今開発__22-3</t>
  </si>
  <si>
    <t>今開発__310-3</t>
  </si>
  <si>
    <t>今開発__448-2</t>
  </si>
  <si>
    <t>今開発__449-2</t>
  </si>
  <si>
    <t>今開発__491-2</t>
  </si>
  <si>
    <t>今開発__492-2</t>
  </si>
  <si>
    <t>今開発__544-3</t>
  </si>
  <si>
    <t>今開発__675-3</t>
  </si>
  <si>
    <t>今開発__675-4</t>
  </si>
  <si>
    <t>野村__329</t>
  </si>
  <si>
    <t>今開発__676-3</t>
  </si>
  <si>
    <t>今開発__676-4</t>
  </si>
  <si>
    <t>今開発__677-2</t>
  </si>
  <si>
    <t>今開発__678-2</t>
  </si>
  <si>
    <t>今開発__679-2</t>
  </si>
  <si>
    <t>今開発__680-3</t>
  </si>
  <si>
    <t>今開発__680-4</t>
  </si>
  <si>
    <t>今開発__681-2</t>
  </si>
  <si>
    <t>今開発__682-3</t>
  </si>
  <si>
    <t>今開発__682-4</t>
  </si>
  <si>
    <t>野村__334</t>
  </si>
  <si>
    <t>今開発__683-2</t>
  </si>
  <si>
    <t>今開発__684-3</t>
  </si>
  <si>
    <t>今開発__684-4</t>
  </si>
  <si>
    <t>本開発__990-15</t>
  </si>
  <si>
    <t>本開発__1203-17</t>
  </si>
  <si>
    <t>本開発_石田_921-2</t>
  </si>
  <si>
    <t>本開発_石田_946-1</t>
  </si>
  <si>
    <t>本開発_石田_946-2</t>
  </si>
  <si>
    <t>本開発_石田_947-3</t>
  </si>
  <si>
    <t>本開発_石田_948-3</t>
  </si>
  <si>
    <t>野村__339</t>
  </si>
  <si>
    <t>本開発_石田_949-2</t>
  </si>
  <si>
    <t>本開発_石田_950-4</t>
  </si>
  <si>
    <t>本開発_前田_576-2</t>
  </si>
  <si>
    <t>本開発_前田_577-2</t>
  </si>
  <si>
    <t>本開発_前田_578-2</t>
  </si>
  <si>
    <t>本開発_前田_579-6</t>
  </si>
  <si>
    <t>本開発_前田_579-7</t>
  </si>
  <si>
    <t>本開発_前田_579-8</t>
  </si>
  <si>
    <t>本開発_前田_579-9</t>
  </si>
  <si>
    <t>本開発_前田_582-2</t>
  </si>
  <si>
    <t>野村__349</t>
  </si>
  <si>
    <t>本開発_前田_583-8</t>
  </si>
  <si>
    <t>本開発_前田_583-9</t>
  </si>
  <si>
    <t>本開発_前田_583-10</t>
  </si>
  <si>
    <t>本開発_前田_583-11</t>
  </si>
  <si>
    <t>本開発_前田_722-7</t>
  </si>
  <si>
    <t>本開発_前田_739-3</t>
  </si>
  <si>
    <t>本開発_前田_743-16</t>
  </si>
  <si>
    <t>本開発_代官免_3-3</t>
  </si>
  <si>
    <t>本開発_代官免_4-3</t>
  </si>
  <si>
    <t>本開発_代官免_10-3</t>
  </si>
  <si>
    <t>野村__359</t>
  </si>
  <si>
    <t>本開発_代官免_11-2</t>
  </si>
  <si>
    <t>本開発_代官免_16-2</t>
  </si>
  <si>
    <t>本開発_代官免_17-4</t>
  </si>
  <si>
    <t>本開発_代官免_17-5</t>
  </si>
  <si>
    <t>本開発_代官免_17-6</t>
  </si>
  <si>
    <t>本開発_代官免_21-2</t>
  </si>
  <si>
    <t>本開発_代官免_48-4</t>
  </si>
  <si>
    <t>本開発_代官免_60-6</t>
  </si>
  <si>
    <t>本開発_代官免_130-2</t>
  </si>
  <si>
    <t>本開発_代官免_189-7</t>
  </si>
  <si>
    <t>本町一丁目__316-2</t>
  </si>
  <si>
    <t>野村__360</t>
  </si>
  <si>
    <t>本開発_代官免_189-9</t>
  </si>
  <si>
    <t>本開発_代官免_189-11</t>
  </si>
  <si>
    <t>本開発_代官免_191-6</t>
  </si>
  <si>
    <t>本開発_代官免_249-5</t>
  </si>
  <si>
    <t>本開発_代官免_252-4</t>
  </si>
  <si>
    <t>本開発_代官免_302-2</t>
  </si>
  <si>
    <t>本開発_代官免_406-3</t>
  </si>
  <si>
    <t>本開発_代官免_414-4</t>
  </si>
  <si>
    <t>本開発_代官免_417-4</t>
  </si>
  <si>
    <t>本開発_代官免_423-4</t>
  </si>
  <si>
    <t>野村__362</t>
  </si>
  <si>
    <t>本開発_代官免_427-3</t>
  </si>
  <si>
    <t>本開発_代官免_429-4</t>
  </si>
  <si>
    <t>本開発_代官免_434-3</t>
  </si>
  <si>
    <t>本開発_代官免_437-3</t>
  </si>
  <si>
    <t>本開発_代官免_439-7</t>
  </si>
  <si>
    <t>本開発_代官免_439-8</t>
  </si>
  <si>
    <t>本開発_代官免_441-4</t>
  </si>
  <si>
    <t>本開発_代官免_448-7</t>
  </si>
  <si>
    <t>本開発_代官免_449-4</t>
  </si>
  <si>
    <t>本開発_代官免_451-5</t>
  </si>
  <si>
    <t>野村__364</t>
  </si>
  <si>
    <t>本開発_代官免_458-3</t>
  </si>
  <si>
    <t>本開発_代官免_482-3</t>
  </si>
  <si>
    <t>本開発_下ノ田_1143-2</t>
  </si>
  <si>
    <t>本開発_下ノ田_1144-2</t>
  </si>
  <si>
    <t>本開発_下ノ田_1151-6</t>
  </si>
  <si>
    <t>本開発_下ノ田_1151-7</t>
  </si>
  <si>
    <t>本開発_下ノ田_1151-8</t>
  </si>
  <si>
    <t>本開発_下ノ田_1151-9</t>
  </si>
  <si>
    <t>本開発_下ノ田_1239</t>
  </si>
  <si>
    <t>野村__369</t>
  </si>
  <si>
    <t>新開発__247-33</t>
  </si>
  <si>
    <t>新開発__248-2</t>
  </si>
  <si>
    <t>新開発__249-2</t>
  </si>
  <si>
    <t>新開発__251-2</t>
  </si>
  <si>
    <t>新開発__252-2</t>
  </si>
  <si>
    <t>新開発__255-2</t>
  </si>
  <si>
    <t>新開発__256-2</t>
  </si>
  <si>
    <t>新開発__261-2</t>
  </si>
  <si>
    <t>新開発__262-2</t>
  </si>
  <si>
    <t>新開発__265-2</t>
  </si>
  <si>
    <t>野村__373</t>
  </si>
  <si>
    <t>新開発__266-2</t>
  </si>
  <si>
    <t>新開発__270-1</t>
  </si>
  <si>
    <t>新開発__270-2</t>
  </si>
  <si>
    <t>新開発__366-4</t>
  </si>
  <si>
    <t>新開発__367-2</t>
  </si>
  <si>
    <t>新開発__368-2</t>
  </si>
  <si>
    <t>新開発__369-3</t>
  </si>
  <si>
    <t>新開発__370-3</t>
  </si>
  <si>
    <t>新開発__370-4</t>
  </si>
  <si>
    <t>新開発__371-2</t>
  </si>
  <si>
    <t>野村__375</t>
  </si>
  <si>
    <t>新開発__371-3</t>
  </si>
  <si>
    <t>新開発__372-2</t>
  </si>
  <si>
    <t>新開発__372-3</t>
  </si>
  <si>
    <t>新開発__373-4</t>
  </si>
  <si>
    <t>新開発__373-5</t>
  </si>
  <si>
    <t>新開発__391-1</t>
  </si>
  <si>
    <t>新開発__403-9</t>
  </si>
  <si>
    <t>新開発__419-17</t>
  </si>
  <si>
    <t>新開発__438-2</t>
  </si>
  <si>
    <t>新開発__439-2</t>
  </si>
  <si>
    <t>野村__379</t>
  </si>
  <si>
    <t>新開発__442-2</t>
  </si>
  <si>
    <t>新開発__443-2</t>
  </si>
  <si>
    <t>新開発__443-8</t>
  </si>
  <si>
    <t>新開発__443-9</t>
  </si>
  <si>
    <t>新開発__446-2</t>
  </si>
  <si>
    <t>新開発__447-2</t>
  </si>
  <si>
    <t>新開発__450-2</t>
  </si>
  <si>
    <t>新開発__451-2</t>
  </si>
  <si>
    <t>新開発__454-2</t>
  </si>
  <si>
    <t>新開発__459-3</t>
  </si>
  <si>
    <t>野村__384</t>
  </si>
  <si>
    <t>新開発__460-5</t>
  </si>
  <si>
    <t>新開発__460-6</t>
  </si>
  <si>
    <t>新開発__461-24</t>
  </si>
  <si>
    <t>新開発__461-46</t>
  </si>
  <si>
    <t>新開発__479-2</t>
  </si>
  <si>
    <t>新開発__480-2</t>
  </si>
  <si>
    <t>新開発__481-2</t>
  </si>
  <si>
    <t>新開発__494-2</t>
  </si>
  <si>
    <t>新開発__494-3</t>
  </si>
  <si>
    <t>新開発__496-2</t>
  </si>
  <si>
    <t>野村__391</t>
  </si>
  <si>
    <t>新開発__497-2</t>
  </si>
  <si>
    <t>新開発__498-2</t>
  </si>
  <si>
    <t>新開発__499-2</t>
  </si>
  <si>
    <t>新開発__500-2</t>
  </si>
  <si>
    <t>新開発__503-2</t>
  </si>
  <si>
    <t>新開発__510-1</t>
  </si>
  <si>
    <t>新開発__510-3</t>
  </si>
  <si>
    <t>新開発__511-3</t>
  </si>
  <si>
    <t>新開発__512-2</t>
  </si>
  <si>
    <t>新開発__515-2</t>
  </si>
  <si>
    <t>野村__393</t>
  </si>
  <si>
    <t>新開発__517-2</t>
  </si>
  <si>
    <t>新開発__518-3</t>
  </si>
  <si>
    <t>新開発__518-4</t>
  </si>
  <si>
    <t>新開発__520-2</t>
  </si>
  <si>
    <t>新開発__521-2</t>
  </si>
  <si>
    <t>新開発__522-2</t>
  </si>
  <si>
    <t>新開発__523-2</t>
  </si>
  <si>
    <t>新開発__535-2</t>
  </si>
  <si>
    <t>新開発__536-2</t>
  </si>
  <si>
    <t>新開発__536-3</t>
  </si>
  <si>
    <t>本町一丁目__317-2</t>
  </si>
  <si>
    <t>野村__394</t>
  </si>
  <si>
    <t>新開発__537-2</t>
  </si>
  <si>
    <t>新開発__537-3</t>
  </si>
  <si>
    <t>新開発__538-3</t>
  </si>
  <si>
    <t>新開発__538-4</t>
  </si>
  <si>
    <t>新開発__539-2</t>
  </si>
  <si>
    <t>新開発__540-2</t>
  </si>
  <si>
    <t>新開発__541-2</t>
  </si>
  <si>
    <t>新開発__542-2</t>
  </si>
  <si>
    <t>新開発__543-2</t>
  </si>
  <si>
    <t>新開発__544-2</t>
  </si>
  <si>
    <t>野村__399</t>
  </si>
  <si>
    <t>新開発__607-2</t>
  </si>
  <si>
    <t>新開発__683-1</t>
  </si>
  <si>
    <t>新開発__706-2</t>
  </si>
  <si>
    <t>新開発__707-2</t>
  </si>
  <si>
    <t>新開発__738-2</t>
  </si>
  <si>
    <t>新開発__739-2</t>
  </si>
  <si>
    <t>新開発__740-6</t>
  </si>
  <si>
    <t>新開発__773-2</t>
  </si>
  <si>
    <t>新開発__827-3</t>
  </si>
  <si>
    <t>赤井_水落_4-13</t>
  </si>
  <si>
    <t>野村__414</t>
  </si>
  <si>
    <t>赤井_水落_7-1</t>
  </si>
  <si>
    <t>赤井_水落_9-2</t>
  </si>
  <si>
    <t>赤井_水落_10-2</t>
  </si>
  <si>
    <t>赤井_水落_11-2</t>
  </si>
  <si>
    <t>赤井_水落_12-1</t>
  </si>
  <si>
    <t>赤井_水落_13-1</t>
  </si>
  <si>
    <t>赤井_水落_14-8</t>
  </si>
  <si>
    <t>赤井_水落_17-1</t>
  </si>
  <si>
    <t>赤井_水落_22-10</t>
  </si>
  <si>
    <t>赤井_水落_22-11</t>
  </si>
  <si>
    <t>野村__419</t>
  </si>
  <si>
    <t>赤井_水落_26-4</t>
  </si>
  <si>
    <t>赤井_水落_27-1</t>
  </si>
  <si>
    <t>赤井_水落_27-9</t>
  </si>
  <si>
    <t>赤井_下間掛_35-6</t>
  </si>
  <si>
    <t>赤井_下間掛_35-7</t>
  </si>
  <si>
    <t>赤井_下間掛_36-2</t>
  </si>
  <si>
    <t>赤井_下間掛_36-3</t>
  </si>
  <si>
    <t>赤井_下間掛_37-2</t>
  </si>
  <si>
    <t>赤井_下間掛_38-3</t>
  </si>
  <si>
    <t>赤井_下間掛_40-4</t>
  </si>
  <si>
    <t>野村__434</t>
  </si>
  <si>
    <t>赤井_下間掛_47-3</t>
  </si>
  <si>
    <t>赤井_下間掛_47-4</t>
  </si>
  <si>
    <t>赤井_下間掛_47-6</t>
  </si>
  <si>
    <t>赤井_下間掛_48-2</t>
  </si>
  <si>
    <t>赤井_下間掛_49-2</t>
  </si>
  <si>
    <t>赤井_下間掛_50-2</t>
  </si>
  <si>
    <t>赤井_下間掛_51-3</t>
  </si>
  <si>
    <t>赤井_下間掛_51-4</t>
  </si>
  <si>
    <t>赤井_下間掛_52-5</t>
  </si>
  <si>
    <t>赤井_下間掛_52-6</t>
  </si>
  <si>
    <t>野村__439</t>
  </si>
  <si>
    <t>赤井_下間掛_53-4</t>
  </si>
  <si>
    <t>赤井_下間掛_53-5</t>
  </si>
  <si>
    <t>赤井_下間掛_56-2</t>
  </si>
  <si>
    <t>赤井_下間掛_57-2</t>
  </si>
  <si>
    <t>赤井_下間掛_58-2</t>
  </si>
  <si>
    <t>赤井_下間掛_59-2</t>
  </si>
  <si>
    <t>赤井_下間掛_60-6</t>
  </si>
  <si>
    <t>赤井_下間掛_60-7</t>
  </si>
  <si>
    <t>赤井_下間掛_88-2</t>
  </si>
  <si>
    <t>赤井_拾田_427-3</t>
  </si>
  <si>
    <t>野村__441</t>
  </si>
  <si>
    <t>赤井_拾田_447-2</t>
  </si>
  <si>
    <t>赤井_拾田_447-4</t>
  </si>
  <si>
    <t>赤井_拾田_448-2</t>
  </si>
  <si>
    <t>赤井_拾田_449-2</t>
  </si>
  <si>
    <t>赤井_拾田_464-2</t>
  </si>
  <si>
    <t>赤井_拾田_471-2</t>
  </si>
  <si>
    <t>赤井_拾田_472-2</t>
  </si>
  <si>
    <t>赤井_拾田_473-2</t>
  </si>
  <si>
    <t>赤井_拾田_488-3</t>
  </si>
  <si>
    <t>赤井_拾田_488-4</t>
  </si>
  <si>
    <t>野村__444</t>
  </si>
  <si>
    <t>赤井_拾田_489-2</t>
  </si>
  <si>
    <t>赤井_拾田_490-4</t>
  </si>
  <si>
    <t>赤井_拾田_1143-4</t>
  </si>
  <si>
    <t>赤井_拾田_1193-4</t>
  </si>
  <si>
    <t>赤井_拾田_1194-4</t>
  </si>
  <si>
    <t>赤井_拾田_1457-5</t>
  </si>
  <si>
    <t>赤井_上間掛_132-6</t>
  </si>
  <si>
    <t>赤井_上間掛_157-2</t>
  </si>
  <si>
    <t>赤井_上間掛_158-2</t>
  </si>
  <si>
    <t>赤井_上間掛_165-2</t>
  </si>
  <si>
    <t>野村__449</t>
  </si>
  <si>
    <t>赤井_上間掛_166-2</t>
  </si>
  <si>
    <t>赤井_上間掛_179-2</t>
  </si>
  <si>
    <t>赤井_上間掛_184-2</t>
  </si>
  <si>
    <t>赤井_上間掛_185-2</t>
  </si>
  <si>
    <t>赤井_上間掛_194-2</t>
  </si>
  <si>
    <t>赤井_上間掛_195-2</t>
  </si>
  <si>
    <t>赤井_上間掛_196-2</t>
  </si>
  <si>
    <t>赤井_上間掛_197-2</t>
  </si>
  <si>
    <t>赤井_上間掛_198-2</t>
  </si>
  <si>
    <t>赤井_上間掛_199-2</t>
  </si>
  <si>
    <t>野村__454</t>
  </si>
  <si>
    <t>赤井_上間掛_200-2</t>
  </si>
  <si>
    <t>赤井_上間掛_201-4</t>
  </si>
  <si>
    <t>赤井_上間掛_201-5</t>
  </si>
  <si>
    <t>赤井_上間掛_202-2</t>
  </si>
  <si>
    <t>赤井_上間掛_202-9</t>
  </si>
  <si>
    <t>赤井_上間掛_203-3</t>
  </si>
  <si>
    <t>赤井_上間掛_203-4</t>
  </si>
  <si>
    <t>赤井_上間掛_206-4</t>
  </si>
  <si>
    <t>赤井_上間掛_206-5</t>
  </si>
  <si>
    <t>赤井_上間掛_206-6</t>
  </si>
  <si>
    <t>本町一丁目__319-2</t>
  </si>
  <si>
    <t>野村__459</t>
  </si>
  <si>
    <t>赤井_上間掛_207-2</t>
  </si>
  <si>
    <t>赤井_上間掛_207-7</t>
  </si>
  <si>
    <t>赤井_上間掛_208-2</t>
  </si>
  <si>
    <t>赤井_上間掛_209-2</t>
  </si>
  <si>
    <t>赤井_上間掛_210-2</t>
  </si>
  <si>
    <t>赤井_上間掛_211-2</t>
  </si>
  <si>
    <t>赤井_上間掛_212-2</t>
  </si>
  <si>
    <t>赤井_上間掛_213-2</t>
  </si>
  <si>
    <t>赤井_上間掛_214-4</t>
  </si>
  <si>
    <t>赤井_上間掛_215-4</t>
  </si>
  <si>
    <t>野村__464</t>
  </si>
  <si>
    <t>赤井_上間掛_224-2</t>
  </si>
  <si>
    <t>赤井_上間掛_225-5</t>
  </si>
  <si>
    <t>赤井_上間掛_225-6</t>
  </si>
  <si>
    <t>赤井_上間掛_225-7</t>
  </si>
  <si>
    <t>赤井_上間掛_228-2</t>
  </si>
  <si>
    <t>赤井_上間掛_229-2</t>
  </si>
  <si>
    <t>赤井_馬_517-3</t>
  </si>
  <si>
    <t>赤井_馬_517-7</t>
  </si>
  <si>
    <t>赤井_馬_532-2</t>
  </si>
  <si>
    <t>赤井_馬_586-2</t>
  </si>
  <si>
    <t>野村__469</t>
  </si>
  <si>
    <t>赤井_馬_594-2</t>
  </si>
  <si>
    <t>赤井_馬_681</t>
  </si>
  <si>
    <t>赤井_大坪_121-5</t>
  </si>
  <si>
    <t>鳥取__56-2</t>
  </si>
  <si>
    <t>鳥取__58-2</t>
  </si>
  <si>
    <t>鳥取__60-2</t>
  </si>
  <si>
    <t>鳥取__73-2</t>
  </si>
  <si>
    <t>鳥取__74-2</t>
  </si>
  <si>
    <t>鳥取__75-3</t>
  </si>
  <si>
    <t>鳥取__84-2</t>
  </si>
  <si>
    <t>野村__472</t>
  </si>
  <si>
    <t>鳥取__85-2</t>
  </si>
  <si>
    <t>鳥取__86-2</t>
  </si>
  <si>
    <t>鳥取__89-2</t>
  </si>
  <si>
    <t>鳥取__89-3</t>
  </si>
  <si>
    <t>鳥取__90-2</t>
  </si>
  <si>
    <t>鳥取__90-3</t>
  </si>
  <si>
    <t>鳥取__109-2</t>
  </si>
  <si>
    <t>鳥取__114-5</t>
  </si>
  <si>
    <t>鳥取__135-2</t>
  </si>
  <si>
    <t>鳥取__136-2</t>
  </si>
  <si>
    <t>野村__474</t>
  </si>
  <si>
    <t>鳥取__137-2</t>
  </si>
  <si>
    <t>鳥取__138-2</t>
  </si>
  <si>
    <t>鳥取__139-2</t>
  </si>
  <si>
    <t>鳥取__140-2</t>
  </si>
  <si>
    <t>鳥取__141-2</t>
  </si>
  <si>
    <t>北高木__1-1</t>
  </si>
  <si>
    <t>北高木__139-1</t>
  </si>
  <si>
    <t>北高木__141-2</t>
  </si>
  <si>
    <t>北高木__142-2</t>
  </si>
  <si>
    <t>北高木__143-2</t>
  </si>
  <si>
    <t>野村__479</t>
  </si>
  <si>
    <t>北高木__154-3</t>
  </si>
  <si>
    <t>北高木__156-4</t>
  </si>
  <si>
    <t>北高木__157-3</t>
  </si>
  <si>
    <t>北高木__250-5</t>
  </si>
  <si>
    <t>北高木__250-6</t>
  </si>
  <si>
    <t>北高木__267-2</t>
  </si>
  <si>
    <t>北高木__268-2</t>
  </si>
  <si>
    <t>北高木__282-2</t>
  </si>
  <si>
    <t>北高木__328-2</t>
  </si>
  <si>
    <t>北高木__329-2</t>
  </si>
  <si>
    <t>野村__482</t>
  </si>
  <si>
    <t>北高木__336-2</t>
  </si>
  <si>
    <t>北高木__356-2</t>
  </si>
  <si>
    <t>北高木__394-3</t>
  </si>
  <si>
    <t>北高木__465-4</t>
  </si>
  <si>
    <t>北高木__465-5</t>
  </si>
  <si>
    <t>北高木__548-2</t>
  </si>
  <si>
    <t>北高木__549-2</t>
  </si>
  <si>
    <t>北高木__550-2</t>
  </si>
  <si>
    <t>北高木__555-2</t>
  </si>
  <si>
    <t>北高木__557-2</t>
  </si>
  <si>
    <t>野村__484</t>
  </si>
  <si>
    <t>北高木__558-2</t>
  </si>
  <si>
    <t>北高木__610-2</t>
  </si>
  <si>
    <t>北高木__644-2</t>
  </si>
  <si>
    <t>北高木__648-2</t>
  </si>
  <si>
    <t>北高木__649-2</t>
  </si>
  <si>
    <t>北高木__651-2</t>
  </si>
  <si>
    <t>北高木__652-2</t>
  </si>
  <si>
    <t>北高木__653-3</t>
  </si>
  <si>
    <t>北高木__662-4</t>
  </si>
  <si>
    <t>野村__489</t>
  </si>
  <si>
    <t>野村__490</t>
  </si>
  <si>
    <t>小林__201-2</t>
  </si>
  <si>
    <t>小林__210-1</t>
  </si>
  <si>
    <t>小林__219-2</t>
  </si>
  <si>
    <t>小林__241-2</t>
  </si>
  <si>
    <t>小林__278-2</t>
  </si>
  <si>
    <t>小林__282-2</t>
  </si>
  <si>
    <t>小林__283-3</t>
  </si>
  <si>
    <t>小林__285-2</t>
  </si>
  <si>
    <t>小林__287-2</t>
  </si>
  <si>
    <t>本町一丁目__342-7</t>
  </si>
  <si>
    <t>野村__495</t>
  </si>
  <si>
    <t>小林__374-3</t>
  </si>
  <si>
    <t>小林__375-3</t>
  </si>
  <si>
    <t>小林__389-2</t>
  </si>
  <si>
    <t>小林__390-3</t>
  </si>
  <si>
    <t>小林__391-4</t>
  </si>
  <si>
    <t>小林__409-2</t>
  </si>
  <si>
    <t>小林__455-2</t>
  </si>
  <si>
    <t>野村__499</t>
  </si>
  <si>
    <t>小林__456-2</t>
  </si>
  <si>
    <t>小林__464-2</t>
  </si>
  <si>
    <t>小林__465-2</t>
  </si>
  <si>
    <t>小林__466-2</t>
  </si>
  <si>
    <t>小林__479-8</t>
  </si>
  <si>
    <t>小林__480-2</t>
  </si>
  <si>
    <t>小林__484-4</t>
  </si>
  <si>
    <t>野村__501</t>
  </si>
  <si>
    <t>小林__510-4</t>
  </si>
  <si>
    <t>小林__511-3</t>
  </si>
  <si>
    <t>小林__515-3</t>
  </si>
  <si>
    <t>小林__515-4</t>
  </si>
  <si>
    <t>小林__516-2</t>
  </si>
  <si>
    <t>小林__519-3</t>
  </si>
  <si>
    <t>小林__519-4</t>
  </si>
  <si>
    <t>小林__522-2</t>
  </si>
  <si>
    <t>小林__685-2</t>
  </si>
  <si>
    <t>八塚__1177</t>
  </si>
  <si>
    <t>野村__504</t>
  </si>
  <si>
    <t>八塚_土田_23-42</t>
  </si>
  <si>
    <t>八塚_土田_30-4</t>
  </si>
  <si>
    <t>八塚_土田_34-4</t>
  </si>
  <si>
    <t>八塚_土田_94-2</t>
  </si>
  <si>
    <t>八塚_土田_103-2</t>
  </si>
  <si>
    <t>八塚_土田_104-12</t>
  </si>
  <si>
    <t>八塚_土田_108-5</t>
  </si>
  <si>
    <t>八塚_土田_108-6</t>
  </si>
  <si>
    <t>八塚_土田_108-7</t>
  </si>
  <si>
    <t>八塚_土田_109-3</t>
  </si>
  <si>
    <t>野村__514</t>
  </si>
  <si>
    <t>八塚_川田_222-4</t>
  </si>
  <si>
    <t>八塚_川田_336-2</t>
  </si>
  <si>
    <t>八塚_川田_337-2</t>
  </si>
  <si>
    <t>八塚_川田_338-2</t>
  </si>
  <si>
    <t>八塚_川田_339-2</t>
  </si>
  <si>
    <t>八塚_川田_340-2</t>
  </si>
  <si>
    <t>八塚_川田_341-2</t>
  </si>
  <si>
    <t>八塚_川田_342-2</t>
  </si>
  <si>
    <t>八塚_川田_343-3</t>
  </si>
  <si>
    <t>八塚_川田_344-2</t>
  </si>
  <si>
    <t>野村__517</t>
  </si>
  <si>
    <t>八塚_川田_352-1</t>
  </si>
  <si>
    <t>八塚_西田_489-2</t>
  </si>
  <si>
    <t>八塚_西田_600-1</t>
  </si>
  <si>
    <t>八塚_西田_601-1</t>
  </si>
  <si>
    <t>八塚_西田_601-5</t>
  </si>
  <si>
    <t>八塚_西田_602-1</t>
  </si>
  <si>
    <t>八塚_西田_603-1</t>
  </si>
  <si>
    <t>八塚_西田_603-5</t>
  </si>
  <si>
    <t>野村__519</t>
  </si>
  <si>
    <t>八塚_西田_1024-1</t>
  </si>
  <si>
    <t>小島__66-4</t>
  </si>
  <si>
    <t>小島__66-6</t>
  </si>
  <si>
    <t>小島__161-3</t>
  </si>
  <si>
    <t>小島__162-4</t>
  </si>
  <si>
    <t>小島__213-2</t>
  </si>
  <si>
    <t>小島__214-2</t>
  </si>
  <si>
    <t>小島__318-2</t>
  </si>
  <si>
    <t>小島__352-3</t>
  </si>
  <si>
    <t>小島__352-4</t>
  </si>
  <si>
    <t>野村__524</t>
  </si>
  <si>
    <t>小島__417-2</t>
  </si>
  <si>
    <t>小島__418-2</t>
  </si>
  <si>
    <t>小島__419-2</t>
  </si>
  <si>
    <t>小島__420-2</t>
  </si>
  <si>
    <t>小島__428-2</t>
  </si>
  <si>
    <t>小島__431-2</t>
  </si>
  <si>
    <t>小島__432-2</t>
  </si>
  <si>
    <t>小島__435-2</t>
  </si>
  <si>
    <t>小島__436-2</t>
  </si>
  <si>
    <t>小島__439-2</t>
  </si>
  <si>
    <t>野村__529</t>
  </si>
  <si>
    <t>小島__440-2</t>
  </si>
  <si>
    <t>小島__443-2</t>
  </si>
  <si>
    <t>小島__446-1</t>
  </si>
  <si>
    <t>小島__452-2</t>
  </si>
  <si>
    <t>小島__453-3</t>
  </si>
  <si>
    <t>小島__454-2</t>
  </si>
  <si>
    <t>小島__455-2</t>
  </si>
  <si>
    <t>小島__456-1</t>
  </si>
  <si>
    <t>小島__459-2</t>
  </si>
  <si>
    <t>小島__460-2</t>
  </si>
  <si>
    <t>野村__534</t>
  </si>
  <si>
    <t>小島__461-2</t>
  </si>
  <si>
    <t>小島__462-2</t>
  </si>
  <si>
    <t>小島__496-2</t>
  </si>
  <si>
    <t>小島__496-6</t>
  </si>
  <si>
    <t>小島__497-2</t>
  </si>
  <si>
    <t>小島__498-2</t>
  </si>
  <si>
    <t>小島__499-2</t>
  </si>
  <si>
    <t>小島__501-3</t>
  </si>
  <si>
    <t>小島__502-2</t>
  </si>
  <si>
    <t>小島__503-2</t>
  </si>
  <si>
    <t>庄西町一丁目__1381-35</t>
  </si>
  <si>
    <t>本町一丁目__348-2</t>
  </si>
  <si>
    <t>野村__539</t>
  </si>
  <si>
    <t>小島__504-2</t>
  </si>
  <si>
    <t>小島__505-2</t>
  </si>
  <si>
    <t>小島__506-2</t>
  </si>
  <si>
    <t>小島__507-2</t>
  </si>
  <si>
    <t>小島__508-2</t>
  </si>
  <si>
    <t>小島__509-2</t>
  </si>
  <si>
    <t>小島__510-2</t>
  </si>
  <si>
    <t>小島__511-2</t>
  </si>
  <si>
    <t>小島__512-2</t>
  </si>
  <si>
    <t>小島__513-2</t>
  </si>
  <si>
    <t>野村__542</t>
  </si>
  <si>
    <t>小島__514-2</t>
  </si>
  <si>
    <t>小島__515-2</t>
  </si>
  <si>
    <t>小島__516-2</t>
  </si>
  <si>
    <t>小島__518-2</t>
  </si>
  <si>
    <t>小島__519-2</t>
  </si>
  <si>
    <t>小島__520-2</t>
  </si>
  <si>
    <t>小島__521-2</t>
  </si>
  <si>
    <t>小島__522-2</t>
  </si>
  <si>
    <t>小島__594-3</t>
  </si>
  <si>
    <t>小島__680-2</t>
  </si>
  <si>
    <t>野村__544</t>
  </si>
  <si>
    <t>小島__682-2</t>
  </si>
  <si>
    <t>小島__689-2</t>
  </si>
  <si>
    <t>小島__690-3</t>
  </si>
  <si>
    <t>小島__690-4</t>
  </si>
  <si>
    <t>小島__691-2</t>
  </si>
  <si>
    <t>小島__737-4</t>
  </si>
  <si>
    <t>小島__799-3</t>
  </si>
  <si>
    <t>小島__824-2</t>
  </si>
  <si>
    <t>小島__872-2</t>
  </si>
  <si>
    <t>小島__873-2</t>
  </si>
  <si>
    <t>野村__549</t>
  </si>
  <si>
    <t>小島__924-2</t>
  </si>
  <si>
    <t>小島__930-4</t>
  </si>
  <si>
    <t>小島__937-2</t>
  </si>
  <si>
    <t>小島__938-2</t>
  </si>
  <si>
    <t>小島__1044-2</t>
  </si>
  <si>
    <t>小島__1049-2</t>
  </si>
  <si>
    <t>小島__1054-2</t>
  </si>
  <si>
    <t>小島__1055-2</t>
  </si>
  <si>
    <t>小島__1079-2</t>
  </si>
  <si>
    <t>小島__1080-2</t>
  </si>
  <si>
    <t>野村__554</t>
  </si>
  <si>
    <t>小島__1086-2</t>
  </si>
  <si>
    <t>小島__1088-2</t>
  </si>
  <si>
    <t>小島__1089-2</t>
  </si>
  <si>
    <t>小島__1138-6</t>
  </si>
  <si>
    <t>小島__1138-7</t>
  </si>
  <si>
    <t>小島__1139-2</t>
  </si>
  <si>
    <t>小島__1140-2</t>
  </si>
  <si>
    <t>小島__1141-2</t>
  </si>
  <si>
    <t>小島__1142-2</t>
  </si>
  <si>
    <t>小島__1143-2</t>
  </si>
  <si>
    <t>野村__555</t>
  </si>
  <si>
    <t>小島__1144-2</t>
  </si>
  <si>
    <t>小島__1145-2</t>
  </si>
  <si>
    <t>小島__1146-2</t>
  </si>
  <si>
    <t>小島__1147-2</t>
  </si>
  <si>
    <t>小島__1148-2</t>
  </si>
  <si>
    <t>小島__1149-1</t>
  </si>
  <si>
    <t>小島__1150-2</t>
  </si>
  <si>
    <t>小島__1150-3</t>
  </si>
  <si>
    <t>小島__1150-4</t>
  </si>
  <si>
    <t>小島__1151-2</t>
  </si>
  <si>
    <t>野村__558</t>
  </si>
  <si>
    <t>小島__1153-2</t>
  </si>
  <si>
    <t>小島__1154-2</t>
  </si>
  <si>
    <t>小島__1155-2</t>
  </si>
  <si>
    <t>小島__1159-2</t>
  </si>
  <si>
    <t>小島__1160-2</t>
  </si>
  <si>
    <t>小島__1161-2</t>
  </si>
  <si>
    <t>小島_馬渡_2818-1</t>
  </si>
  <si>
    <t>小島_馬渡_2818-4</t>
  </si>
  <si>
    <t>小島_馬渡_2820-1</t>
  </si>
  <si>
    <t>野村__559</t>
  </si>
  <si>
    <t>小島_馬渡_2820-3</t>
  </si>
  <si>
    <t>小島_馬渡_2821-3</t>
  </si>
  <si>
    <t>小島_馬渡_2821-4</t>
  </si>
  <si>
    <t>小島_馬渡_2823-1</t>
  </si>
  <si>
    <t>小島_馬渡_2824-1</t>
  </si>
  <si>
    <t>小島_馬渡_2826</t>
  </si>
  <si>
    <t>小島_川田_2963-2</t>
  </si>
  <si>
    <t>小島_川田_3014-11</t>
  </si>
  <si>
    <t>小島_川田_3109-3</t>
  </si>
  <si>
    <t>小島_川田_3115-3</t>
  </si>
  <si>
    <t>野村__564</t>
  </si>
  <si>
    <t>小島_川田_3133-4</t>
  </si>
  <si>
    <t>小島_川田_3312-3</t>
  </si>
  <si>
    <t>小島_川田_3316-7</t>
  </si>
  <si>
    <t>小島_川田_3357-2</t>
  </si>
  <si>
    <t>小島_川田_3373-3</t>
  </si>
  <si>
    <t>小島_川田_3394-2</t>
  </si>
  <si>
    <t>小島_中田_3429-3</t>
  </si>
  <si>
    <t>中野__425</t>
  </si>
  <si>
    <t>中野_野宮_639-2</t>
  </si>
  <si>
    <t>中野_野宮_640-2</t>
  </si>
  <si>
    <t>野村__569</t>
  </si>
  <si>
    <t>中野_野宮_641-2</t>
  </si>
  <si>
    <t>中野_野宮_1089-3</t>
  </si>
  <si>
    <t>中野_前田_673-2</t>
  </si>
  <si>
    <t>中野_前田_676-2</t>
  </si>
  <si>
    <t>中野_前田_677-2</t>
  </si>
  <si>
    <t>中野_前田_683-2</t>
  </si>
  <si>
    <t>中野_前田_683-3</t>
  </si>
  <si>
    <t>中野_前田_684-2</t>
  </si>
  <si>
    <t>中野_前田_686-2</t>
  </si>
  <si>
    <t>中野_前田_687-1</t>
  </si>
  <si>
    <t>本町一丁目__349-2</t>
  </si>
  <si>
    <t>野村__574</t>
  </si>
  <si>
    <t>中野_前田_688-2</t>
  </si>
  <si>
    <t>中野_前田_690-2</t>
  </si>
  <si>
    <t>中野_前田_691-4</t>
  </si>
  <si>
    <t>中野_前田_705-3</t>
  </si>
  <si>
    <t>中野_前田_709-2</t>
  </si>
  <si>
    <t>中野_前田_716-2</t>
  </si>
  <si>
    <t>中野_前田_716-3</t>
  </si>
  <si>
    <t>中野_前田_1350-7</t>
  </si>
  <si>
    <t>中野_前田_1394-3</t>
  </si>
  <si>
    <t>中野_池田_802-2</t>
  </si>
  <si>
    <t>野村__579</t>
  </si>
  <si>
    <t>中野_池田_803-2</t>
  </si>
  <si>
    <t>中野_出口_812-2</t>
  </si>
  <si>
    <t>中野_出口_813-2</t>
  </si>
  <si>
    <t>中野_出口_820-2</t>
  </si>
  <si>
    <t>中野_出口_821-2</t>
  </si>
  <si>
    <t>中野_出口_824-2</t>
  </si>
  <si>
    <t>中野_出口_825-2</t>
  </si>
  <si>
    <t>中野_出口_829-2</t>
  </si>
  <si>
    <t>中野_出口_829-11</t>
  </si>
  <si>
    <t>中野_出口_829-12</t>
  </si>
  <si>
    <t>野村__581</t>
  </si>
  <si>
    <t>中野_出口_830-2</t>
  </si>
  <si>
    <t>中野_出口_841-2</t>
  </si>
  <si>
    <t>中野_田_362-2</t>
  </si>
  <si>
    <t>中野_田_366-2</t>
  </si>
  <si>
    <t>中野_田_368-2</t>
  </si>
  <si>
    <t>中野_田_381-2</t>
  </si>
  <si>
    <t>中野_田_382-2</t>
  </si>
  <si>
    <t>中野_田_383-2</t>
  </si>
  <si>
    <t>中野_田_401-2</t>
  </si>
  <si>
    <t>中野_田_402-2</t>
  </si>
  <si>
    <t>野村__586</t>
  </si>
  <si>
    <t>中野_田_403-2</t>
  </si>
  <si>
    <t>中野_田_432-2</t>
  </si>
  <si>
    <t>中野_田_483-2</t>
  </si>
  <si>
    <t>中野_田_516-2</t>
  </si>
  <si>
    <t>中野_田_530-4</t>
  </si>
  <si>
    <t>中野_田_531-4</t>
  </si>
  <si>
    <t>中野_田_532-4</t>
  </si>
  <si>
    <t>中野_田_533-4</t>
  </si>
  <si>
    <t>中野_田_534-4</t>
  </si>
  <si>
    <t>中野_田_535-2</t>
  </si>
  <si>
    <t>野村__587</t>
  </si>
  <si>
    <t>中野_田_536-2</t>
  </si>
  <si>
    <t>若杉__29-2</t>
  </si>
  <si>
    <t>若杉__69-2</t>
  </si>
  <si>
    <t>若杉__102-3</t>
  </si>
  <si>
    <t>若杉__131-2</t>
  </si>
  <si>
    <t>若杉__132-2</t>
  </si>
  <si>
    <t>若杉__132-3</t>
  </si>
  <si>
    <t>若杉__132-4</t>
  </si>
  <si>
    <t>若杉__143-5</t>
  </si>
  <si>
    <t>若杉__423</t>
  </si>
  <si>
    <t>野村__589</t>
  </si>
  <si>
    <t>若杉__431-6</t>
  </si>
  <si>
    <t>北野_西円_1236-3</t>
  </si>
  <si>
    <t>北野_西円_1255-5</t>
  </si>
  <si>
    <t>北野_南野_1668-11</t>
  </si>
  <si>
    <t>北野_南野_1668-12</t>
  </si>
  <si>
    <t>北野_南野_1668-13</t>
  </si>
  <si>
    <t>北野_南野_1668-14</t>
  </si>
  <si>
    <t>北野_南野_1668-15</t>
  </si>
  <si>
    <t>北野_南野_1668-16</t>
  </si>
  <si>
    <t>北野_南野_1669-6</t>
  </si>
  <si>
    <t>野村__594</t>
  </si>
  <si>
    <t>北野_南野_1669-8</t>
  </si>
  <si>
    <t>北野_南野_1669-9</t>
  </si>
  <si>
    <t>北野_大島_1508-2</t>
  </si>
  <si>
    <t>北野_大島_1511-2</t>
  </si>
  <si>
    <t>北野_大島_1512-2</t>
  </si>
  <si>
    <t>北野_大島_1514-3</t>
  </si>
  <si>
    <t>北野_大島_1530-3</t>
  </si>
  <si>
    <t>北野_大島_1531-4</t>
  </si>
  <si>
    <t>北野_大島_1531-5</t>
  </si>
  <si>
    <t>北野_大島_1532-3</t>
  </si>
  <si>
    <t>野村__599</t>
  </si>
  <si>
    <t>北野_大島_1535-3</t>
  </si>
  <si>
    <t>二口_早稲田_1621-7</t>
  </si>
  <si>
    <t>大島北野__49-1</t>
  </si>
  <si>
    <t>大島北野__51-15</t>
  </si>
  <si>
    <t>大島北野__167-4</t>
  </si>
  <si>
    <t>野村__609</t>
  </si>
  <si>
    <t>大島北野__168-2</t>
  </si>
  <si>
    <t>大島北野__178-3</t>
  </si>
  <si>
    <t>大島北野__179-2</t>
  </si>
  <si>
    <t>大島北野__182-2</t>
  </si>
  <si>
    <t>大島北野__184-2</t>
  </si>
  <si>
    <t>大島北野__185-2</t>
  </si>
  <si>
    <t>大島北野__186-3</t>
  </si>
  <si>
    <t>大島北野__186-4</t>
  </si>
  <si>
    <t>大島北野__216-3</t>
  </si>
  <si>
    <t>大島北野__248-19</t>
  </si>
  <si>
    <t>野村__619</t>
  </si>
  <si>
    <t>大島北野__325-3</t>
  </si>
  <si>
    <t>大島北野__412</t>
  </si>
  <si>
    <t>大島北野__414</t>
  </si>
  <si>
    <t>大島北野__415</t>
  </si>
  <si>
    <t>大島北野__429-3</t>
  </si>
  <si>
    <t>大島北野__430-1</t>
  </si>
  <si>
    <t>大島北野__430-2</t>
  </si>
  <si>
    <t>大島北野__446-1</t>
  </si>
  <si>
    <t>戸破_加茂_1871-7</t>
  </si>
  <si>
    <t>戸破_加茂_1871-9</t>
  </si>
  <si>
    <t>本町一丁目__350-2</t>
  </si>
  <si>
    <t>野村__623</t>
  </si>
  <si>
    <t>小島__645-9</t>
  </si>
  <si>
    <t>小島__645-10</t>
  </si>
  <si>
    <t>戸破_神明_452-2</t>
  </si>
  <si>
    <t>戸破_神明_497-2</t>
  </si>
  <si>
    <t>戸破_神田_4638-2</t>
  </si>
  <si>
    <t>大江__22-2</t>
  </si>
  <si>
    <t>大江__132-2</t>
  </si>
  <si>
    <t>大江__150-2</t>
  </si>
  <si>
    <t>大江__271-3</t>
  </si>
  <si>
    <t>大江__380-2</t>
  </si>
  <si>
    <t>野村__635</t>
  </si>
  <si>
    <t>大江__462-2</t>
  </si>
  <si>
    <t>大江__474-2</t>
  </si>
  <si>
    <t>大江__519-2</t>
  </si>
  <si>
    <t>大江__545-2</t>
  </si>
  <si>
    <t>大江__546-2</t>
  </si>
  <si>
    <t>大江__1348-2</t>
  </si>
  <si>
    <t>稲積_小立_1733-6</t>
  </si>
  <si>
    <t>稲積_小立_1783-4</t>
  </si>
  <si>
    <t>小杉白石_一番割_29</t>
  </si>
  <si>
    <t>串田_村中_4823-3</t>
  </si>
  <si>
    <t>野村__639</t>
  </si>
  <si>
    <t>串田_村中_4823-4</t>
  </si>
  <si>
    <t>串田_村中_4823-7</t>
  </si>
  <si>
    <t>小林__492-8</t>
  </si>
  <si>
    <t>小林__70-4</t>
  </si>
  <si>
    <t>棚田__353-5</t>
  </si>
  <si>
    <t>棚田__368-5</t>
  </si>
  <si>
    <t>棚田__394-7</t>
  </si>
  <si>
    <t>棚田__538-5</t>
  </si>
  <si>
    <t>土合__811-7</t>
  </si>
  <si>
    <t>土合__981-6</t>
  </si>
  <si>
    <t>野村__644</t>
  </si>
  <si>
    <t>土合__1057-7</t>
  </si>
  <si>
    <t>土合__1059-5</t>
  </si>
  <si>
    <t>土合__1093-5</t>
  </si>
  <si>
    <t>中村__70-5</t>
  </si>
  <si>
    <t>中村__139-7</t>
  </si>
  <si>
    <t>中村__166-4</t>
  </si>
  <si>
    <t>中村__224-5</t>
  </si>
  <si>
    <t>中村__225-4</t>
  </si>
  <si>
    <t>二口_轟_1124-8</t>
  </si>
  <si>
    <t>安吉_大正_79-5</t>
  </si>
  <si>
    <t>野村__654</t>
  </si>
  <si>
    <t>安吉_大正_81-7</t>
  </si>
  <si>
    <t>安吉_明治_27-8</t>
  </si>
  <si>
    <t>安吉_明治_67-10</t>
  </si>
  <si>
    <t>土合__3210</t>
  </si>
  <si>
    <t>土合__3211</t>
  </si>
  <si>
    <t>土合__3202</t>
  </si>
  <si>
    <t>土合__3203</t>
  </si>
  <si>
    <t>土合__3204</t>
  </si>
  <si>
    <t>土合__3205</t>
  </si>
  <si>
    <t>土合__3206</t>
  </si>
  <si>
    <t>野村__659</t>
  </si>
  <si>
    <t>土合__3207</t>
  </si>
  <si>
    <t>土合__3208</t>
  </si>
  <si>
    <t>土合__3209</t>
  </si>
  <si>
    <t>土合__3212</t>
  </si>
  <si>
    <t>土合__3213</t>
  </si>
  <si>
    <t>土合__3214</t>
  </si>
  <si>
    <t>土合__3215</t>
  </si>
  <si>
    <t>土合__3216</t>
  </si>
  <si>
    <t>土合__3217</t>
  </si>
  <si>
    <t>土合__3218</t>
  </si>
  <si>
    <t>野村__662</t>
  </si>
  <si>
    <t>土合__3219</t>
  </si>
  <si>
    <t>土合__3220</t>
  </si>
  <si>
    <t>土合__3221</t>
  </si>
  <si>
    <t>土合__3222</t>
  </si>
  <si>
    <t>土合__3223</t>
  </si>
  <si>
    <t>土合__3224</t>
  </si>
  <si>
    <t>土合__3225</t>
  </si>
  <si>
    <t>土合__3226</t>
  </si>
  <si>
    <t>土合__3227</t>
  </si>
  <si>
    <t>土合__3228</t>
  </si>
  <si>
    <t>野村__664</t>
  </si>
  <si>
    <t>土合__3229</t>
  </si>
  <si>
    <t>土合__3230</t>
  </si>
  <si>
    <t>土合__3231</t>
  </si>
  <si>
    <t>土合__3232</t>
  </si>
  <si>
    <t>土合__3233</t>
  </si>
  <si>
    <t>土合__3234</t>
  </si>
  <si>
    <t>土合__3235</t>
  </si>
  <si>
    <t>土合__3236</t>
  </si>
  <si>
    <t>土合__3237</t>
  </si>
  <si>
    <t>土合__3238</t>
  </si>
  <si>
    <t>野村__670</t>
  </si>
  <si>
    <t>土合__3239</t>
  </si>
  <si>
    <t>土合__3240</t>
  </si>
  <si>
    <t>土合__3241</t>
  </si>
  <si>
    <t>土合__3242</t>
  </si>
  <si>
    <t>土合__3243</t>
  </si>
  <si>
    <t>土合__3244</t>
  </si>
  <si>
    <t>土合__3245</t>
  </si>
  <si>
    <t>土合__3246</t>
  </si>
  <si>
    <t>土合__3247</t>
  </si>
  <si>
    <t>土合__3248</t>
  </si>
  <si>
    <t>野村__674</t>
  </si>
  <si>
    <t>土合__3249</t>
  </si>
  <si>
    <t>土合__3250</t>
  </si>
  <si>
    <t>土合__3251</t>
  </si>
  <si>
    <t>土合__3252</t>
  </si>
  <si>
    <t>土合__3253</t>
  </si>
  <si>
    <t>土合__3254</t>
  </si>
  <si>
    <t>土合__3255</t>
  </si>
  <si>
    <t>土合__3256</t>
  </si>
  <si>
    <t>土合__3257</t>
  </si>
  <si>
    <t>土合__3258</t>
  </si>
  <si>
    <t>本町一丁目__351-2</t>
  </si>
  <si>
    <t>野村__679</t>
  </si>
  <si>
    <t>土合__3259</t>
  </si>
  <si>
    <t>土合__3260</t>
  </si>
  <si>
    <t>土合__3261</t>
  </si>
  <si>
    <t>土合__3262</t>
  </si>
  <si>
    <t>土合__3263</t>
  </si>
  <si>
    <t>土合__3264</t>
  </si>
  <si>
    <t>土合__3265</t>
  </si>
  <si>
    <t>土合__3266</t>
  </si>
  <si>
    <t>土合__3267</t>
  </si>
  <si>
    <t>土合__3268</t>
  </si>
  <si>
    <t>野村__694</t>
  </si>
  <si>
    <t>土合__3269</t>
  </si>
  <si>
    <t>土合__3270</t>
  </si>
  <si>
    <t>土合__3271</t>
  </si>
  <si>
    <t>土合__3272</t>
  </si>
  <si>
    <t>土合__3273</t>
  </si>
  <si>
    <t>土合__3274</t>
  </si>
  <si>
    <t>土合__3275</t>
  </si>
  <si>
    <t>土合__3276</t>
  </si>
  <si>
    <t>土合__3277</t>
  </si>
  <si>
    <t>土合__3278</t>
  </si>
  <si>
    <t>野村__696</t>
  </si>
  <si>
    <t>土合__3279</t>
  </si>
  <si>
    <t>土合__3280</t>
  </si>
  <si>
    <t>土合__3281</t>
  </si>
  <si>
    <t>土合__3282</t>
  </si>
  <si>
    <t>土合__3283</t>
  </si>
  <si>
    <t>土合__3284</t>
  </si>
  <si>
    <t>土合__3285</t>
  </si>
  <si>
    <t>土合__3286</t>
  </si>
  <si>
    <t>土合__3287</t>
  </si>
  <si>
    <t>土合__3288</t>
  </si>
  <si>
    <t>野村__704</t>
  </si>
  <si>
    <t>土合__3289</t>
  </si>
  <si>
    <t>土合__3290</t>
  </si>
  <si>
    <t>土合__3291</t>
  </si>
  <si>
    <t>土合__3292</t>
  </si>
  <si>
    <t>土合__3293</t>
  </si>
  <si>
    <t>土合__3294</t>
  </si>
  <si>
    <t>土合__3295</t>
  </si>
  <si>
    <t>土合__3296</t>
  </si>
  <si>
    <t>土合__3297</t>
  </si>
  <si>
    <t>土合__3298</t>
  </si>
  <si>
    <t>野村__706</t>
  </si>
  <si>
    <t>土合__3299</t>
  </si>
  <si>
    <t>土合__3300</t>
  </si>
  <si>
    <t>土合__3301</t>
  </si>
  <si>
    <t>土合__3302</t>
  </si>
  <si>
    <t>土合__3303</t>
  </si>
  <si>
    <t>土合__3304</t>
  </si>
  <si>
    <t>土合__3305</t>
  </si>
  <si>
    <t>土合__3306</t>
  </si>
  <si>
    <t>土合__3307</t>
  </si>
  <si>
    <t>土合__3308</t>
  </si>
  <si>
    <t>野村__707</t>
  </si>
  <si>
    <t>土合__3309</t>
  </si>
  <si>
    <t>土合__3310</t>
  </si>
  <si>
    <t>土合__3311</t>
  </si>
  <si>
    <t>土合__3312</t>
  </si>
  <si>
    <t>土合__3313</t>
  </si>
  <si>
    <t>土合__3314</t>
  </si>
  <si>
    <t>土合__3315</t>
  </si>
  <si>
    <t>土合__3316</t>
  </si>
  <si>
    <t>土合__3317</t>
  </si>
  <si>
    <t>土合__3318</t>
  </si>
  <si>
    <t>野村__714</t>
  </si>
  <si>
    <t>土合__3319</t>
  </si>
  <si>
    <t>土合__3320</t>
  </si>
  <si>
    <t>土合__3321</t>
  </si>
  <si>
    <t>土合__3322</t>
  </si>
  <si>
    <t>土合__3323</t>
  </si>
  <si>
    <t>土合__3324</t>
  </si>
  <si>
    <t>土合__3325</t>
  </si>
  <si>
    <t>土合__3326</t>
  </si>
  <si>
    <t>土合__3327</t>
  </si>
  <si>
    <t>土合__3328</t>
  </si>
  <si>
    <t>野村__718</t>
  </si>
  <si>
    <t>土合__3329</t>
  </si>
  <si>
    <t>土合__3330</t>
  </si>
  <si>
    <t>土合__3331</t>
  </si>
  <si>
    <t>土合__3332</t>
  </si>
  <si>
    <t>土合__3333</t>
  </si>
  <si>
    <t>土合__3334</t>
  </si>
  <si>
    <t>土合__3335</t>
  </si>
  <si>
    <t>土合__3337</t>
  </si>
  <si>
    <t>土合__3338</t>
  </si>
  <si>
    <t>土合__3339</t>
  </si>
  <si>
    <t>野村__724</t>
  </si>
  <si>
    <t>土合__3340</t>
  </si>
  <si>
    <t>土合__3341</t>
  </si>
  <si>
    <t>土合__3342</t>
  </si>
  <si>
    <t>土合__3343</t>
  </si>
  <si>
    <t>土合__3344</t>
  </si>
  <si>
    <t>土合__3345</t>
  </si>
  <si>
    <t>土合__3346</t>
  </si>
  <si>
    <t>土合__3347</t>
  </si>
  <si>
    <t>土合__3348</t>
  </si>
  <si>
    <t>土合__3349</t>
  </si>
  <si>
    <t>野村__732</t>
  </si>
  <si>
    <t>土合__3350</t>
  </si>
  <si>
    <t>土合__3351</t>
  </si>
  <si>
    <t>土合__3352</t>
  </si>
  <si>
    <t>土合__3353</t>
  </si>
  <si>
    <t>土合__3354</t>
  </si>
  <si>
    <t>土合__3355</t>
  </si>
  <si>
    <t>土合__3356</t>
  </si>
  <si>
    <t>土合__3357</t>
  </si>
  <si>
    <t>土合__3358</t>
  </si>
  <si>
    <t>土合__3360</t>
  </si>
  <si>
    <t>本町一丁目__352-2</t>
  </si>
  <si>
    <t>野村__743</t>
  </si>
  <si>
    <t>土合__3362</t>
  </si>
  <si>
    <t>土合__3363</t>
  </si>
  <si>
    <t>土合__3365</t>
  </si>
  <si>
    <t>土合__3366</t>
  </si>
  <si>
    <t>土合__3367</t>
  </si>
  <si>
    <t>土合__3370</t>
  </si>
  <si>
    <t>土合__3371</t>
  </si>
  <si>
    <t>土合__3372</t>
  </si>
  <si>
    <t>土合__3374</t>
  </si>
  <si>
    <t>土合__3375</t>
  </si>
  <si>
    <t>野村__747</t>
  </si>
  <si>
    <t>土合__3376</t>
  </si>
  <si>
    <t>土合__3377</t>
  </si>
  <si>
    <t>土合__3378</t>
  </si>
  <si>
    <t>土合__3379</t>
  </si>
  <si>
    <t>土合__3380</t>
  </si>
  <si>
    <t>土合__3382</t>
  </si>
  <si>
    <t>土合__3383</t>
  </si>
  <si>
    <t>土合__3384</t>
  </si>
  <si>
    <t>土合__3385</t>
  </si>
  <si>
    <t>土合__3386</t>
  </si>
  <si>
    <t>野村__749</t>
  </si>
  <si>
    <t>土合__3387</t>
  </si>
  <si>
    <t>土合__3388</t>
  </si>
  <si>
    <t>土合__3389</t>
  </si>
  <si>
    <t>土合__3390</t>
  </si>
  <si>
    <t>土合__3391</t>
  </si>
  <si>
    <t>土合__3392</t>
  </si>
  <si>
    <t>土合__3393</t>
  </si>
  <si>
    <t>土合__3394</t>
  </si>
  <si>
    <t>土合__3395</t>
  </si>
  <si>
    <t>土合__3396</t>
  </si>
  <si>
    <t>野村__751</t>
  </si>
  <si>
    <t>土合__3397</t>
  </si>
  <si>
    <t>土合__3398</t>
  </si>
  <si>
    <t>土合__3399</t>
  </si>
  <si>
    <t>土合__3400</t>
  </si>
  <si>
    <t>土合__3401</t>
  </si>
  <si>
    <t>土合__3402</t>
  </si>
  <si>
    <t>土合__3403</t>
  </si>
  <si>
    <t>土合__3404</t>
  </si>
  <si>
    <t>土合__3405</t>
  </si>
  <si>
    <t>土合__3406</t>
  </si>
  <si>
    <t>野村__755</t>
  </si>
  <si>
    <t>土合__3407</t>
  </si>
  <si>
    <t>土合__3408</t>
  </si>
  <si>
    <t>土合__3409</t>
  </si>
  <si>
    <t>土合__3410</t>
  </si>
  <si>
    <t>土合__3411</t>
  </si>
  <si>
    <t>土合__3412</t>
  </si>
  <si>
    <t>土合__3413</t>
  </si>
  <si>
    <t>土合__3414</t>
  </si>
  <si>
    <t>土合__3415</t>
  </si>
  <si>
    <t>土合__3416</t>
  </si>
  <si>
    <t>野村__757</t>
  </si>
  <si>
    <t>土合__3417</t>
  </si>
  <si>
    <t>土合__3418</t>
  </si>
  <si>
    <t>土合__3419</t>
  </si>
  <si>
    <t>土合__3420</t>
  </si>
  <si>
    <t>土合__3421</t>
  </si>
  <si>
    <t>土合__3422</t>
  </si>
  <si>
    <t>土合__3423</t>
  </si>
  <si>
    <t>土合__3424</t>
  </si>
  <si>
    <t>土合__3425</t>
  </si>
  <si>
    <t>土合__3426</t>
  </si>
  <si>
    <t>野村__759</t>
  </si>
  <si>
    <t>土合__3427</t>
  </si>
  <si>
    <t>土合__3429</t>
  </si>
  <si>
    <t>土合__3430</t>
  </si>
  <si>
    <t>上条__1054</t>
  </si>
  <si>
    <t>上条__1055</t>
  </si>
  <si>
    <t>上条__1056</t>
  </si>
  <si>
    <t>上条__1057</t>
  </si>
  <si>
    <t>上条__1058</t>
  </si>
  <si>
    <t>手崎_前田_242-3</t>
  </si>
  <si>
    <t>大江__433-3</t>
  </si>
  <si>
    <t>野村__774</t>
  </si>
  <si>
    <t>大江__433-4</t>
  </si>
  <si>
    <t>大門_道山_84-4</t>
  </si>
  <si>
    <t>大門_道山_99-5</t>
  </si>
  <si>
    <t>土合__904-2</t>
  </si>
  <si>
    <t>土合__904-6</t>
  </si>
  <si>
    <t>野村__779</t>
  </si>
  <si>
    <t>土合__960-3</t>
  </si>
  <si>
    <t>土合__960-5</t>
  </si>
  <si>
    <t>中村__152-2</t>
  </si>
  <si>
    <t>中村__153-2</t>
  </si>
  <si>
    <t>中村__153-4</t>
  </si>
  <si>
    <t>野村__784</t>
  </si>
  <si>
    <t>黒河_尺目_2702-36</t>
  </si>
  <si>
    <t>本町二丁目__99-3</t>
  </si>
  <si>
    <t>三ケ__1180-3</t>
  </si>
  <si>
    <t>三ケ__1180-24</t>
  </si>
  <si>
    <t>戸破_神田_4418-7</t>
  </si>
  <si>
    <t>橋下条__543-5</t>
  </si>
  <si>
    <t>黒河__1322-1</t>
  </si>
  <si>
    <t>黒河__1326-1</t>
  </si>
  <si>
    <t>塚越__1973</t>
  </si>
  <si>
    <t>塚越__1975</t>
  </si>
  <si>
    <t>本町一丁目__353-2</t>
  </si>
  <si>
    <t>野村__789</t>
  </si>
  <si>
    <t>塚越__1978</t>
  </si>
  <si>
    <t>塚越__1979</t>
  </si>
  <si>
    <t>塚越__1980</t>
  </si>
  <si>
    <t>塚越__1982</t>
  </si>
  <si>
    <t>塚越__1984</t>
  </si>
  <si>
    <t>塚越__1987</t>
  </si>
  <si>
    <t>塚越__1988</t>
  </si>
  <si>
    <t>塚越__1989</t>
  </si>
  <si>
    <t>塚越__1990</t>
  </si>
  <si>
    <t>塚越__1993</t>
  </si>
  <si>
    <t>野村__794</t>
  </si>
  <si>
    <t>塚越__1994</t>
  </si>
  <si>
    <t>塚越__1996</t>
  </si>
  <si>
    <t>塚越__1997</t>
  </si>
  <si>
    <t>塚越__1999</t>
  </si>
  <si>
    <t>塚越__2001</t>
  </si>
  <si>
    <t>塚越__2002</t>
  </si>
  <si>
    <t>塚越__2004</t>
  </si>
  <si>
    <t>塚越__2007</t>
  </si>
  <si>
    <t>塚越__2008</t>
  </si>
  <si>
    <t>塚越__2010</t>
  </si>
  <si>
    <t>野村__796</t>
  </si>
  <si>
    <t>塚越__2013</t>
  </si>
  <si>
    <t>塚越__2015</t>
  </si>
  <si>
    <t>塚越__2017</t>
  </si>
  <si>
    <t>塚越__2019</t>
  </si>
  <si>
    <t>塚越__2020</t>
  </si>
  <si>
    <t>塚越__2021</t>
  </si>
  <si>
    <t>塚越__2023</t>
  </si>
  <si>
    <t>塚越__2025</t>
  </si>
  <si>
    <t>塚越__2028</t>
  </si>
  <si>
    <t>塚越__2029</t>
  </si>
  <si>
    <t>野村__797</t>
  </si>
  <si>
    <t>塚越__2031</t>
  </si>
  <si>
    <t>塚越__2032</t>
  </si>
  <si>
    <t>塚越__2033</t>
  </si>
  <si>
    <t>塚越__2037</t>
  </si>
  <si>
    <t>塚越__2038</t>
  </si>
  <si>
    <t>塚越__2039</t>
  </si>
  <si>
    <t>塚越__2040</t>
  </si>
  <si>
    <t>塚越__2041</t>
  </si>
  <si>
    <t>塚越__2042</t>
  </si>
  <si>
    <t>塚越__2044</t>
  </si>
  <si>
    <t>野村__799</t>
  </si>
  <si>
    <t>塚越__2046</t>
  </si>
  <si>
    <t>塚越__2047</t>
  </si>
  <si>
    <t>塚越__2048</t>
  </si>
  <si>
    <t>塚越__2049</t>
  </si>
  <si>
    <t>塚越__2050</t>
  </si>
  <si>
    <t>塚越__2051</t>
  </si>
  <si>
    <t>塚越__2053</t>
  </si>
  <si>
    <t>塚越__2054</t>
  </si>
  <si>
    <t>塚越__2058</t>
  </si>
  <si>
    <t>塚越__2059</t>
  </si>
  <si>
    <t>野村__804</t>
  </si>
  <si>
    <t>塚越__2061</t>
  </si>
  <si>
    <t>塚越__2062</t>
  </si>
  <si>
    <t>塚越__2063</t>
  </si>
  <si>
    <t>塚越__2064</t>
  </si>
  <si>
    <t>塚越__2066</t>
  </si>
  <si>
    <t>塚越__2067</t>
  </si>
  <si>
    <t>塚越__2069</t>
  </si>
  <si>
    <t>塚越__2070</t>
  </si>
  <si>
    <t>塚越__2071</t>
  </si>
  <si>
    <t>塚越__2073</t>
  </si>
  <si>
    <t>野村__809</t>
  </si>
  <si>
    <t>塚越__2075</t>
  </si>
  <si>
    <t>塚越__2076</t>
  </si>
  <si>
    <t>塚越__2080</t>
  </si>
  <si>
    <t>塚越__2082</t>
  </si>
  <si>
    <t>塚越__2083</t>
  </si>
  <si>
    <t>塚越__2085</t>
  </si>
  <si>
    <t>塚越__2091</t>
  </si>
  <si>
    <t>塚越__2092</t>
  </si>
  <si>
    <t>塚越__2093</t>
  </si>
  <si>
    <t>塚越__2094</t>
  </si>
  <si>
    <t>野村__812</t>
  </si>
  <si>
    <t>塚越__2095</t>
  </si>
  <si>
    <t>塚越__2098</t>
  </si>
  <si>
    <t>塚越__2100</t>
  </si>
  <si>
    <t>塚越__2105</t>
  </si>
  <si>
    <t>塚越__2107</t>
  </si>
  <si>
    <t>塚越__2108</t>
  </si>
  <si>
    <t>塚越__2112</t>
  </si>
  <si>
    <t>塚越__2114</t>
  </si>
  <si>
    <t>塚越__2115</t>
  </si>
  <si>
    <t>塚越__2116</t>
  </si>
  <si>
    <t>野村__814</t>
  </si>
  <si>
    <t>塚越__2118</t>
  </si>
  <si>
    <t>塚越__2119</t>
  </si>
  <si>
    <t>塚越__2120</t>
  </si>
  <si>
    <t>塚越__2121</t>
  </si>
  <si>
    <t>塚越__2123</t>
  </si>
  <si>
    <t>塚越__2125</t>
  </si>
  <si>
    <t>塚越__2127</t>
  </si>
  <si>
    <t>塚越__2128</t>
  </si>
  <si>
    <t>塚越__2129</t>
  </si>
  <si>
    <t>塚越__2132</t>
  </si>
  <si>
    <t>野村__820</t>
  </si>
  <si>
    <t>塚越__2134</t>
  </si>
  <si>
    <t>塚越__2136</t>
  </si>
  <si>
    <t>塚越__2140</t>
  </si>
  <si>
    <t>塚越__2144</t>
  </si>
  <si>
    <t>塚越__2145</t>
  </si>
  <si>
    <t>塚越__2146</t>
  </si>
  <si>
    <t>塚越__2147</t>
  </si>
  <si>
    <t>塚越__2150</t>
  </si>
  <si>
    <t>塚越__2152</t>
  </si>
  <si>
    <t>塚越__2153</t>
  </si>
  <si>
    <t>本町一丁目__354-3</t>
  </si>
  <si>
    <t>野村__822</t>
  </si>
  <si>
    <t>塚越__2155</t>
  </si>
  <si>
    <t>塚越__2156</t>
  </si>
  <si>
    <t>塚越__2157</t>
  </si>
  <si>
    <t>赤井_馬_410-4</t>
  </si>
  <si>
    <t>赤井_馬_640-8</t>
  </si>
  <si>
    <t>松木__1655-1</t>
  </si>
  <si>
    <t>松木__1655-3</t>
  </si>
  <si>
    <t>新開発__748-7</t>
  </si>
  <si>
    <t>野村__824</t>
  </si>
  <si>
    <t>大門_道山_85-5</t>
  </si>
  <si>
    <t>大門_道山_98-4</t>
  </si>
  <si>
    <t>大門_道山_98-6</t>
  </si>
  <si>
    <t>野村__829</t>
  </si>
  <si>
    <t>串田新_松原_1229-2</t>
  </si>
  <si>
    <t>島__1328-2</t>
  </si>
  <si>
    <t>二口_米山_2259-10</t>
  </si>
  <si>
    <t>黒河新__3403-79</t>
  </si>
  <si>
    <t>黒河新__3432-2</t>
  </si>
  <si>
    <t>黒河新__3432-4</t>
  </si>
  <si>
    <t>黒河新__3432-5</t>
  </si>
  <si>
    <t>沖塚原__645-2</t>
  </si>
  <si>
    <t>野村__832</t>
  </si>
  <si>
    <t>野村__834</t>
  </si>
  <si>
    <t>野村__839</t>
  </si>
  <si>
    <t>野村__851</t>
  </si>
  <si>
    <t>野村__854</t>
  </si>
  <si>
    <t>野村__859</t>
  </si>
  <si>
    <t>野村__862</t>
  </si>
  <si>
    <t>本町一丁目__381-3</t>
  </si>
  <si>
    <t>野村__864</t>
  </si>
  <si>
    <t>野村__872</t>
  </si>
  <si>
    <t>野村__874</t>
  </si>
  <si>
    <t>野村__879</t>
  </si>
  <si>
    <t>野村__884</t>
  </si>
  <si>
    <t>野村__886</t>
  </si>
  <si>
    <t>野村__889</t>
  </si>
  <si>
    <t>野村__890</t>
  </si>
  <si>
    <t>野村__893</t>
  </si>
  <si>
    <t>野村__898</t>
  </si>
  <si>
    <t>本町一丁目__382-7</t>
  </si>
  <si>
    <t>野村__899</t>
  </si>
  <si>
    <t>野村__904</t>
  </si>
  <si>
    <t>野村__914</t>
  </si>
  <si>
    <t>野村__919</t>
  </si>
  <si>
    <t>沖__156-2</t>
  </si>
  <si>
    <t>沖__157-2</t>
  </si>
  <si>
    <t>沖__158-2</t>
  </si>
  <si>
    <t>沖__159-2</t>
  </si>
  <si>
    <t>沖__162-2</t>
  </si>
  <si>
    <t>沖__163-2</t>
  </si>
  <si>
    <t>本町一丁目__382-8</t>
  </si>
  <si>
    <t>沖__164-2</t>
  </si>
  <si>
    <t>沖__165-2</t>
  </si>
  <si>
    <t>沖__166-2</t>
  </si>
  <si>
    <t>沖__167-2</t>
  </si>
  <si>
    <t>沖__168-2</t>
  </si>
  <si>
    <t>沖__169-2</t>
  </si>
  <si>
    <t>沖__170-2</t>
  </si>
  <si>
    <t>沖__171-2</t>
  </si>
  <si>
    <t>沖__172-2</t>
  </si>
  <si>
    <t>沖__173-2</t>
  </si>
  <si>
    <t>庄西町二丁目__41-2</t>
  </si>
  <si>
    <t>本町一丁目__383-7</t>
  </si>
  <si>
    <t>沖__173-3</t>
  </si>
  <si>
    <t>沖__193-2</t>
  </si>
  <si>
    <t>沖__194-2</t>
  </si>
  <si>
    <t>沖__214-2</t>
  </si>
  <si>
    <t>沖__215-2</t>
  </si>
  <si>
    <t>沖__216-2</t>
  </si>
  <si>
    <t>沖__217-2</t>
  </si>
  <si>
    <t>沖__218-2</t>
  </si>
  <si>
    <t>沖__219-2</t>
  </si>
  <si>
    <t>沖__220-2</t>
  </si>
  <si>
    <t>本町一丁目__435-3</t>
  </si>
  <si>
    <t>沖__221-2</t>
  </si>
  <si>
    <t>沖__222-2</t>
  </si>
  <si>
    <t>沖__222-3</t>
  </si>
  <si>
    <t>沖__232-2</t>
  </si>
  <si>
    <t>沖__277-3</t>
  </si>
  <si>
    <t>沖__278-2</t>
  </si>
  <si>
    <t>沖__279-2</t>
  </si>
  <si>
    <t>沖__280-2</t>
  </si>
  <si>
    <t>沖__281-2</t>
  </si>
  <si>
    <t>沖__282-2</t>
  </si>
  <si>
    <t>本町一丁目__445-1</t>
  </si>
  <si>
    <t>沖__283-2</t>
  </si>
  <si>
    <t>沖__284-2</t>
  </si>
  <si>
    <t>沖__285-3</t>
  </si>
  <si>
    <t>沖__286-2</t>
  </si>
  <si>
    <t>沖__287-2</t>
  </si>
  <si>
    <t>沖__288-2</t>
  </si>
  <si>
    <t>沖__289-2</t>
  </si>
  <si>
    <t>沖__292-3</t>
  </si>
  <si>
    <t>沖__292-4</t>
  </si>
  <si>
    <t>沖__295-2</t>
  </si>
  <si>
    <t>本町一丁目__445-9</t>
  </si>
  <si>
    <t>沖__296-2</t>
  </si>
  <si>
    <t>沖__301-2</t>
  </si>
  <si>
    <t>沖__303-2</t>
  </si>
  <si>
    <t>沖__304-2</t>
  </si>
  <si>
    <t>沖__305-2</t>
  </si>
  <si>
    <t>沖__306-2</t>
  </si>
  <si>
    <t>沖__307-2</t>
  </si>
  <si>
    <t>沖__310-2</t>
  </si>
  <si>
    <t>沖__311-2</t>
  </si>
  <si>
    <t>沖__312-2</t>
  </si>
  <si>
    <t>本町一丁目__452-5</t>
  </si>
  <si>
    <t>沖__313-2</t>
  </si>
  <si>
    <t>沖__314-2</t>
  </si>
  <si>
    <t>沖__315-3</t>
  </si>
  <si>
    <t>沖__315-4</t>
  </si>
  <si>
    <t>沖__316-2</t>
  </si>
  <si>
    <t>沖__317-2</t>
  </si>
  <si>
    <t>沖__318-2</t>
  </si>
  <si>
    <t>沖__319-2</t>
  </si>
  <si>
    <t>沖__320-2</t>
  </si>
  <si>
    <t>沖__321-2</t>
  </si>
  <si>
    <t>本町一丁目__452-6</t>
  </si>
  <si>
    <t>沖__322-2</t>
  </si>
  <si>
    <t>沖__323-2</t>
  </si>
  <si>
    <t>沖__324-2</t>
  </si>
  <si>
    <t>沖__325-2</t>
  </si>
  <si>
    <t>沖__326-2</t>
  </si>
  <si>
    <t>津幡江__1-2</t>
  </si>
  <si>
    <t>津幡江__2-2</t>
  </si>
  <si>
    <t>津幡江__3-2</t>
  </si>
  <si>
    <t>津幡江__83-2</t>
  </si>
  <si>
    <t>津幡江__84-2</t>
  </si>
  <si>
    <t>本町一丁目__454-3</t>
  </si>
  <si>
    <t>津幡江__85-2</t>
  </si>
  <si>
    <t>津幡江__86-4</t>
  </si>
  <si>
    <t>津幡江__86-5</t>
  </si>
  <si>
    <t>津幡江__86-6</t>
  </si>
  <si>
    <t>津幡江__87-2</t>
  </si>
  <si>
    <t>津幡江__2118</t>
  </si>
  <si>
    <t>今井__263-2</t>
  </si>
  <si>
    <t>今井__265-6</t>
  </si>
  <si>
    <t>今井__722-2</t>
  </si>
  <si>
    <t>今井__723-2</t>
  </si>
  <si>
    <t>本町一丁目__455-2</t>
  </si>
  <si>
    <t>今井__840-2</t>
  </si>
  <si>
    <t>布目__199-2</t>
  </si>
  <si>
    <t>布目__204-2</t>
  </si>
  <si>
    <t>片口__185-4</t>
  </si>
  <si>
    <t>片口高場__5-8</t>
  </si>
  <si>
    <t>片口高場__5-9</t>
  </si>
  <si>
    <t>片口高場__5-10</t>
  </si>
  <si>
    <t>片口高場__68-2</t>
  </si>
  <si>
    <t>片口高場__114-9</t>
  </si>
  <si>
    <t>片口高場__262-3</t>
  </si>
  <si>
    <t>本町一丁目__456-2</t>
  </si>
  <si>
    <t>片口高場__262-5</t>
  </si>
  <si>
    <t>新片町二丁目__40</t>
  </si>
  <si>
    <t>新片町四丁目__40</t>
  </si>
  <si>
    <t>堀江千石__50-1</t>
  </si>
  <si>
    <t>堀江千石__50-3</t>
  </si>
  <si>
    <t>堀江千石__51</t>
  </si>
  <si>
    <t>浜開新町__100</t>
  </si>
  <si>
    <t>浜開新町__102</t>
  </si>
  <si>
    <t>浜開新町__103</t>
  </si>
  <si>
    <t>東明西町__101</t>
  </si>
  <si>
    <t>本町一丁目__456-3</t>
  </si>
  <si>
    <t>東明中町__102</t>
  </si>
  <si>
    <t>東明中町__103</t>
  </si>
  <si>
    <t>東明東町__101</t>
  </si>
  <si>
    <t>東明七軒__102</t>
  </si>
  <si>
    <t>東明七軒__103</t>
  </si>
  <si>
    <t>東明七軒__104</t>
  </si>
  <si>
    <t>七美二丁目__1</t>
  </si>
  <si>
    <t>七美二丁目__7</t>
  </si>
  <si>
    <t>七美二丁目__10</t>
  </si>
  <si>
    <t>七美二丁目__14</t>
  </si>
  <si>
    <t>庄西町二丁目__45-4</t>
  </si>
  <si>
    <t>本町一丁目__457-2</t>
  </si>
  <si>
    <t>七美二丁目__28</t>
  </si>
  <si>
    <t>七美__124-2</t>
  </si>
  <si>
    <t>七美__131-2</t>
  </si>
  <si>
    <t>七美__135-2</t>
  </si>
  <si>
    <t>七美__136-2</t>
  </si>
  <si>
    <t>七美__148-2</t>
  </si>
  <si>
    <t>七美__208-2</t>
  </si>
  <si>
    <t>七美__210-2</t>
  </si>
  <si>
    <t>七美__211-2</t>
  </si>
  <si>
    <t>七美__217-2</t>
  </si>
  <si>
    <t>本町一丁目__457-4</t>
  </si>
  <si>
    <t>七美__219-2</t>
  </si>
  <si>
    <t>七美__320-2</t>
  </si>
  <si>
    <t>七美__321-2</t>
  </si>
  <si>
    <t>七美__326-2</t>
  </si>
  <si>
    <t>七美__331-2</t>
  </si>
  <si>
    <t>七美__602-2</t>
  </si>
  <si>
    <t>七美__608-2</t>
  </si>
  <si>
    <t>七美__609-2</t>
  </si>
  <si>
    <t>七美__734-4</t>
  </si>
  <si>
    <t>七美__797-2</t>
  </si>
  <si>
    <t>本町一丁目__457-9</t>
  </si>
  <si>
    <t>七美__1111-2</t>
  </si>
  <si>
    <t>七美__1112-2</t>
  </si>
  <si>
    <t>七美__1114-2</t>
  </si>
  <si>
    <t>七美__1134-2</t>
  </si>
  <si>
    <t>七美__1547-2</t>
  </si>
  <si>
    <t>七美__1548-2</t>
  </si>
  <si>
    <t>七美__1549-2</t>
  </si>
  <si>
    <t>七美__1550-2</t>
  </si>
  <si>
    <t>新片町五丁目__213</t>
  </si>
  <si>
    <t>足洗新町一丁目__162</t>
  </si>
  <si>
    <t>本町一丁目__458-3</t>
  </si>
  <si>
    <t>足洗新町一丁目__164</t>
  </si>
  <si>
    <t>足洗新町一丁目__168</t>
  </si>
  <si>
    <t>足洗新町一丁目__173</t>
  </si>
  <si>
    <t>足洗新町一丁目__184</t>
  </si>
  <si>
    <t>海王町__21-14</t>
  </si>
  <si>
    <t>海王町__21-15</t>
  </si>
  <si>
    <t>海王町__21-16</t>
  </si>
  <si>
    <t>海王町__21-60</t>
  </si>
  <si>
    <t>海王町__25-13</t>
  </si>
  <si>
    <t>海王町__25-14</t>
  </si>
  <si>
    <t>本町一丁目__459-3</t>
  </si>
  <si>
    <t>海王町__25-12</t>
  </si>
  <si>
    <t>鏡宮弥生一丁目__140</t>
  </si>
  <si>
    <t>鏡宮弥生一丁目__141</t>
  </si>
  <si>
    <t>鏡宮弥生二丁目__156</t>
  </si>
  <si>
    <t>三ケ__98-4</t>
  </si>
  <si>
    <t>三ケ__126-2</t>
  </si>
  <si>
    <t>三ケ__127-2</t>
  </si>
  <si>
    <t>三ケ__170-2</t>
  </si>
  <si>
    <t>三ケ__192-2</t>
  </si>
  <si>
    <t>三ケ__224-2</t>
  </si>
  <si>
    <t>本町一丁目__460-3</t>
  </si>
  <si>
    <t>三ケ__238-2</t>
  </si>
  <si>
    <t>三ケ__238-3</t>
  </si>
  <si>
    <t>三ケ__240-2</t>
  </si>
  <si>
    <t>三ケ__241-2</t>
  </si>
  <si>
    <t>三ケ__242-2</t>
  </si>
  <si>
    <t>三ケ__243-2</t>
  </si>
  <si>
    <t>三ケ__244-2</t>
  </si>
  <si>
    <t>三ケ__245-2</t>
  </si>
  <si>
    <t>三ケ__246-2</t>
  </si>
  <si>
    <t>三ケ__247-2</t>
  </si>
  <si>
    <t>本町一丁目__461-2</t>
  </si>
  <si>
    <t>三ケ__248-2</t>
  </si>
  <si>
    <t>三ケ__249-2</t>
  </si>
  <si>
    <t>三ケ__250-3</t>
  </si>
  <si>
    <t>三ケ__250-4</t>
  </si>
  <si>
    <t>三ケ__251-2</t>
  </si>
  <si>
    <t>三ケ__252-2</t>
  </si>
  <si>
    <t>三ケ__253-2</t>
  </si>
  <si>
    <t>三ケ__254-2</t>
  </si>
  <si>
    <t>三ケ__335-2</t>
  </si>
  <si>
    <t>三ケ__336-2</t>
  </si>
  <si>
    <t>本町一丁目__462-2</t>
  </si>
  <si>
    <t>三ケ__337-2</t>
  </si>
  <si>
    <t>三ケ__338-2</t>
  </si>
  <si>
    <t>三ケ__339-2</t>
  </si>
  <si>
    <t>三ケ__340-2</t>
  </si>
  <si>
    <t>三ケ__341-2</t>
  </si>
  <si>
    <t>三ケ__342-2</t>
  </si>
  <si>
    <t>三ケ__343-2</t>
  </si>
  <si>
    <t>三ケ__344-2</t>
  </si>
  <si>
    <t>三ケ__345-2</t>
  </si>
  <si>
    <t>三ケ__346-2</t>
  </si>
  <si>
    <t>本町一丁目__464-2</t>
  </si>
  <si>
    <t>三ケ__347-2</t>
  </si>
  <si>
    <t>三ケ__348-2</t>
  </si>
  <si>
    <t>三ケ__349-2</t>
  </si>
  <si>
    <t>三ケ__350-2</t>
  </si>
  <si>
    <t>三ケ__351-2</t>
  </si>
  <si>
    <t>三ケ__352-2</t>
  </si>
  <si>
    <t>三ケ__353-2</t>
  </si>
  <si>
    <t>三ケ__354-2</t>
  </si>
  <si>
    <t>三ケ__355-2</t>
  </si>
  <si>
    <t>三ケ__356-2</t>
  </si>
  <si>
    <t>本町一丁目__590-2</t>
  </si>
  <si>
    <t>三ケ__357-2</t>
  </si>
  <si>
    <t>三ケ__358-2</t>
  </si>
  <si>
    <t>三ケ__445-2</t>
  </si>
  <si>
    <t>三ケ__445-3</t>
  </si>
  <si>
    <t>三ケ__446-2</t>
  </si>
  <si>
    <t>三ケ__446-3</t>
  </si>
  <si>
    <t>三ケ__471-5</t>
  </si>
  <si>
    <t>三ケ__472-3</t>
  </si>
  <si>
    <t>三ケ__475-3</t>
  </si>
  <si>
    <t>三ケ__479-2</t>
  </si>
  <si>
    <t>庄西町二丁目__53-11</t>
  </si>
  <si>
    <t>本町一丁目__590-3</t>
  </si>
  <si>
    <t>三ケ__541-2</t>
  </si>
  <si>
    <t>三ケ__541-18</t>
  </si>
  <si>
    <t>三ケ__557-2</t>
  </si>
  <si>
    <t>三ケ__599-2</t>
  </si>
  <si>
    <t>三ケ__600-2</t>
  </si>
  <si>
    <t>三ケ__601-2</t>
  </si>
  <si>
    <t>三ケ__602-2</t>
  </si>
  <si>
    <t>三ケ__603-2</t>
  </si>
  <si>
    <t>三ケ__604-2</t>
  </si>
  <si>
    <t>三ケ__605-2</t>
  </si>
  <si>
    <t>本町一丁目__591-2</t>
  </si>
  <si>
    <t>三ケ__606-2</t>
  </si>
  <si>
    <t>三ケ__607-2</t>
  </si>
  <si>
    <t>三ケ__840-7</t>
  </si>
  <si>
    <t>三ケ__863-2</t>
  </si>
  <si>
    <t>三ケ__866-2</t>
  </si>
  <si>
    <t>三ケ__867-2</t>
  </si>
  <si>
    <t>三ケ__868-2</t>
  </si>
  <si>
    <t>三ケ__869-2</t>
  </si>
  <si>
    <t>三ケ__871-2</t>
  </si>
  <si>
    <t>三ケ__872-2</t>
  </si>
  <si>
    <t>本町一丁目__591-3</t>
  </si>
  <si>
    <t>三ケ__912-4</t>
  </si>
  <si>
    <t>三ケ__913-3</t>
  </si>
  <si>
    <t>三ケ__913-4</t>
  </si>
  <si>
    <t>三ケ__931-6</t>
  </si>
  <si>
    <t>三ケ__931-9</t>
  </si>
  <si>
    <t>三ケ__961-2</t>
  </si>
  <si>
    <t>三ケ__970-2</t>
  </si>
  <si>
    <t>三ケ__976-2</t>
  </si>
  <si>
    <t>三ケ__982-2</t>
  </si>
  <si>
    <t>三ケ__983-2</t>
  </si>
  <si>
    <t>本町一丁目__592-2</t>
  </si>
  <si>
    <t>三ケ__997-2</t>
  </si>
  <si>
    <t>三ケ__1018-2</t>
  </si>
  <si>
    <t>三ケ__1019-3</t>
  </si>
  <si>
    <t>三ケ__1019-4</t>
  </si>
  <si>
    <t>三ケ__1031-2</t>
  </si>
  <si>
    <t>三ケ__1034-2</t>
  </si>
  <si>
    <t>三ケ__1035-2</t>
  </si>
  <si>
    <t>三ケ__1059-3</t>
  </si>
  <si>
    <t>三ケ__1068-2</t>
  </si>
  <si>
    <t>三ケ__1069-2</t>
  </si>
  <si>
    <t>本町二丁目__1009</t>
  </si>
  <si>
    <t>三ケ__1070-2</t>
  </si>
  <si>
    <t>三ケ__1074-3</t>
  </si>
  <si>
    <t>三ケ__1084-3</t>
  </si>
  <si>
    <t>三ケ__1085-1</t>
  </si>
  <si>
    <t>三ケ__1106-2</t>
  </si>
  <si>
    <t>三ケ__1107-2</t>
  </si>
  <si>
    <t>三ケ__1111-2</t>
  </si>
  <si>
    <t>三ケ__1139-1</t>
  </si>
  <si>
    <t>三ケ__1144-4</t>
  </si>
  <si>
    <t>三ケ__1144-5</t>
  </si>
  <si>
    <t>本町二丁目__1106-8</t>
  </si>
  <si>
    <t>三ケ__1147-3</t>
  </si>
  <si>
    <t>三ケ__1153-2</t>
  </si>
  <si>
    <t>三ケ__1154-2</t>
  </si>
  <si>
    <t>三ケ__1155-2</t>
  </si>
  <si>
    <t>三ケ__1156-2</t>
  </si>
  <si>
    <t>三ケ__1157-2</t>
  </si>
  <si>
    <t>三ケ__1159-2</t>
  </si>
  <si>
    <t>三ケ__1160-2</t>
  </si>
  <si>
    <t>三ケ__1163-4</t>
  </si>
  <si>
    <t>三ケ__1183-3</t>
  </si>
  <si>
    <t>本町三丁目__186-2</t>
  </si>
  <si>
    <t>三ケ__1224-8</t>
  </si>
  <si>
    <t>三ケ__1226-4</t>
  </si>
  <si>
    <t>三ケ__1280-1</t>
  </si>
  <si>
    <t>三ケ__1440-22</t>
  </si>
  <si>
    <t>三ケ__1440-24</t>
  </si>
  <si>
    <t>三ケ__1440-47</t>
  </si>
  <si>
    <t>三ケ__1469-2</t>
  </si>
  <si>
    <t>三ケ__1471-4</t>
  </si>
  <si>
    <t>三ケ__1520-13</t>
  </si>
  <si>
    <t>三ケ__1525-3</t>
  </si>
  <si>
    <t>本町三丁目__187-2</t>
  </si>
  <si>
    <t>三ケ__1525-4</t>
  </si>
  <si>
    <t>三ケ__1525-5</t>
  </si>
  <si>
    <t>三ケ__1533-19</t>
  </si>
  <si>
    <t>三ケ__1533-44</t>
  </si>
  <si>
    <t>三ケ__1556-2</t>
  </si>
  <si>
    <t>三ケ__1557-6</t>
  </si>
  <si>
    <t>三ケ__1558-2</t>
  </si>
  <si>
    <t>三ケ__1559-3</t>
  </si>
  <si>
    <t>三ケ__1571-9</t>
  </si>
  <si>
    <t>三ケ__1571-15</t>
  </si>
  <si>
    <t>本町三丁目__189-1</t>
  </si>
  <si>
    <t>三ケ__1571-16</t>
  </si>
  <si>
    <t>三ケ__1573-13</t>
  </si>
  <si>
    <t>三ケ__1573-17</t>
  </si>
  <si>
    <t>三ケ__1576-2</t>
  </si>
  <si>
    <t>三ケ__1577-2</t>
  </si>
  <si>
    <t>三ケ__1578-2</t>
  </si>
  <si>
    <t>三ケ__1579-2</t>
  </si>
  <si>
    <t>三ケ__1581-1</t>
  </si>
  <si>
    <t>三ケ__1582-2</t>
  </si>
  <si>
    <t>三ケ__1588-9</t>
  </si>
  <si>
    <t>本町三丁目__270</t>
  </si>
  <si>
    <t>三ケ__1619-1</t>
  </si>
  <si>
    <t>三ケ__1631-2</t>
  </si>
  <si>
    <t>三ケ__1635-3</t>
  </si>
  <si>
    <t>三ケ__1640-3</t>
  </si>
  <si>
    <t>三ケ__1646-3</t>
  </si>
  <si>
    <t>三ケ__1649-2</t>
  </si>
  <si>
    <t>三ケ__1699-2</t>
  </si>
  <si>
    <t>三ケ__1700-2</t>
  </si>
  <si>
    <t>三ケ__1701-2</t>
  </si>
  <si>
    <t>三ケ__1702-2</t>
  </si>
  <si>
    <t>港湾用地</t>
  </si>
  <si>
    <t>海老江_浜_1487</t>
  </si>
  <si>
    <t>堤塘</t>
  </si>
  <si>
    <t>海老江練合_香海里_467</t>
  </si>
  <si>
    <t>海老江練合_香海里_479</t>
  </si>
  <si>
    <t>海老江練合_香海里_480</t>
  </si>
  <si>
    <t>海老江練合_香海里_493</t>
  </si>
  <si>
    <t>海老江練合_香海里_494</t>
  </si>
  <si>
    <t>海老江練合_香海里_495</t>
  </si>
  <si>
    <t>海老江練合_香海里_496</t>
  </si>
  <si>
    <t>海老江練合_香海里_520</t>
  </si>
  <si>
    <t>海老江練合_香海里_521</t>
  </si>
  <si>
    <t>海老江練合_香海里_522-1</t>
  </si>
  <si>
    <t>海老江_浜_1488</t>
  </si>
  <si>
    <t>海老江練合_香海里_535</t>
  </si>
  <si>
    <t>海老江練合_香海里_536</t>
  </si>
  <si>
    <t>海老江練合_香海里_537</t>
  </si>
  <si>
    <t>海老江練合_香海里_538</t>
  </si>
  <si>
    <t>海老江練合_香海里_539</t>
  </si>
  <si>
    <t>海老江練合_香海里_571</t>
  </si>
  <si>
    <t>海老江練合_香海里_572</t>
  </si>
  <si>
    <t>海老江練合_香海里_573</t>
  </si>
  <si>
    <t>海老江練合_香海里_574</t>
  </si>
  <si>
    <t>海老江練合_香海里_588-1</t>
  </si>
  <si>
    <t>海老江練合_香海里_452</t>
  </si>
  <si>
    <t>海老江練合_香海里_589-1</t>
  </si>
  <si>
    <t>海老江練合_香海里_598</t>
  </si>
  <si>
    <t>海老江練合_香海里_644-1</t>
  </si>
  <si>
    <t>海老江練合_香海里_644-2</t>
  </si>
  <si>
    <t>海老江練合_香海里_644-3</t>
  </si>
  <si>
    <t>海老江練合_香海里_644-4</t>
  </si>
  <si>
    <t>海老江練合_香海里_650</t>
  </si>
  <si>
    <t>海老江練合_香海里_660</t>
  </si>
  <si>
    <t>海老江練合_香海里_662</t>
  </si>
  <si>
    <t>海老江練合_香海里_664</t>
  </si>
  <si>
    <t>海老江練合_香海里_453</t>
  </si>
  <si>
    <t>堀岡新明神_西浜_177-31</t>
  </si>
  <si>
    <t>海老江練合_香海里_454</t>
  </si>
  <si>
    <t>海老江練合_香海里_455</t>
  </si>
  <si>
    <t>海老江練合_香海里_456</t>
  </si>
  <si>
    <t>海老江練合_香海里_465</t>
  </si>
  <si>
    <t>海老江練合_香海里_466</t>
  </si>
  <si>
    <t>ほたる野公園</t>
  </si>
  <si>
    <t>広上__361-9</t>
  </si>
  <si>
    <t>上条団地南公園</t>
  </si>
  <si>
    <t>広上__774-9</t>
  </si>
  <si>
    <t>上条__98-5</t>
  </si>
  <si>
    <t>作道第２緑地</t>
  </si>
  <si>
    <t>作道__683</t>
  </si>
  <si>
    <t>立町住環境事業用残地11</t>
  </si>
  <si>
    <t>立町__1302-7</t>
  </si>
  <si>
    <t>広上構造改善センター</t>
  </si>
  <si>
    <t>広上__88-4</t>
  </si>
  <si>
    <t>広上__89-3</t>
  </si>
  <si>
    <t>リーベンパーク</t>
  </si>
  <si>
    <t>小島__581-20</t>
  </si>
  <si>
    <t>三ケ広場</t>
  </si>
  <si>
    <t>三ケ__1180-23</t>
  </si>
  <si>
    <t>南郷霊園_（旧）墓苑事業特別会計</t>
  </si>
  <si>
    <t>串田_鳥越_223</t>
  </si>
  <si>
    <t>串田_鳥越_227-2</t>
  </si>
  <si>
    <t>消防団 海老江分団屯所</t>
  </si>
  <si>
    <t>東明中町__5-4</t>
  </si>
  <si>
    <t>行政財産_公用財産</t>
  </si>
  <si>
    <t>東明中町__5-7</t>
  </si>
  <si>
    <t>戸破字若宮雑種地６</t>
  </si>
  <si>
    <t>戸破_若宮_3399-1</t>
  </si>
  <si>
    <t>上条農業構造改善センター</t>
  </si>
  <si>
    <t>上条__205-4</t>
  </si>
  <si>
    <t>あおぞら台公園１</t>
  </si>
  <si>
    <t>小島__525-1</t>
  </si>
  <si>
    <t>片口コミュニティセンター</t>
  </si>
  <si>
    <t>片口高場__175-1</t>
  </si>
  <si>
    <t>片口高場__175-2</t>
  </si>
  <si>
    <t>片口高場__176</t>
  </si>
  <si>
    <t>片口高場__177</t>
  </si>
  <si>
    <t>堀岡小学校放課後児童クラブ室</t>
  </si>
  <si>
    <t>海竜町__118-6</t>
  </si>
  <si>
    <t>堀岡保育園</t>
  </si>
  <si>
    <t>海竜町__118-4</t>
  </si>
  <si>
    <t>寺塚原自治公民館駐車場敷地</t>
  </si>
  <si>
    <t>寺塚原__221-2</t>
  </si>
  <si>
    <t>上条団地</t>
  </si>
  <si>
    <t>上条__61-1</t>
  </si>
  <si>
    <t>パークゴルフ南郷</t>
  </si>
  <si>
    <t>荒町_御坊島_1301</t>
  </si>
  <si>
    <t>生源寺__467-1</t>
  </si>
  <si>
    <t>生源寺__467-2</t>
  </si>
  <si>
    <t>生源寺_木戸口_1260-2</t>
  </si>
  <si>
    <t>生源寺_木戸口_1260-3</t>
  </si>
  <si>
    <t>生源寺_木戸口_1260-4</t>
  </si>
  <si>
    <t>生源寺_木戸口_1273-1</t>
  </si>
  <si>
    <t>生源寺_木戸口_1273-2</t>
  </si>
  <si>
    <t>生源寺_木戸口_1273-3</t>
  </si>
  <si>
    <t>生源寺_木戸口_1273-4</t>
  </si>
  <si>
    <t>生源寺_木戸口_1274-1</t>
  </si>
  <si>
    <t>荒町_御坊島_1303-1</t>
  </si>
  <si>
    <t>生源寺_木戸口_1274-2</t>
  </si>
  <si>
    <t>生源寺_木戸口_1275-1</t>
  </si>
  <si>
    <t>生源寺_木戸口_1275-2</t>
  </si>
  <si>
    <t>生源寺_木戸口_1275-3</t>
  </si>
  <si>
    <t>生源寺_木戸口_1275-4</t>
  </si>
  <si>
    <t>生源寺_木戸口_1275-5</t>
  </si>
  <si>
    <t>生源寺_木戸口_1275-6</t>
  </si>
  <si>
    <t>生源寺_木戸口_1275-7</t>
  </si>
  <si>
    <t>生源寺_木戸口_1275-8</t>
  </si>
  <si>
    <t>生源寺_木戸口_1275-9</t>
  </si>
  <si>
    <t>荒町_御坊島_1305</t>
  </si>
  <si>
    <t>生源寺_木戸口_1277</t>
  </si>
  <si>
    <t>生源寺_木戸口_1282-1</t>
  </si>
  <si>
    <t>生源寺_木戸口_1394</t>
  </si>
  <si>
    <t>生源寺_木戸口_1397-1</t>
  </si>
  <si>
    <t>生源寺_木戸口_1398-1</t>
  </si>
  <si>
    <t>生源寺_木戸口_1399-1</t>
  </si>
  <si>
    <t>生源寺_木戸口_1406-1</t>
  </si>
  <si>
    <t>生源寺_木戸口_1406-2</t>
  </si>
  <si>
    <t>生源寺_木戸口_1406-3</t>
  </si>
  <si>
    <t>生源寺_木戸口_1406-4</t>
  </si>
  <si>
    <t>荒町_御坊島_1306</t>
  </si>
  <si>
    <t>生源寺_木戸口_1406-5</t>
  </si>
  <si>
    <t>生源寺_木戸口_1406-6</t>
  </si>
  <si>
    <t>生源寺_木戸口_1407</t>
  </si>
  <si>
    <t>生源寺_木戸口_1408-1</t>
  </si>
  <si>
    <t>生源寺_木戸口_1408-2</t>
  </si>
  <si>
    <t>生源寺_木戸口_1408-3</t>
  </si>
  <si>
    <t>生源寺_木戸口_1409-1</t>
  </si>
  <si>
    <t>生源寺_木戸口_1409-2</t>
  </si>
  <si>
    <t>生源寺_木戸口_1409-3</t>
  </si>
  <si>
    <t>生源寺_木戸口_1409-4</t>
  </si>
  <si>
    <t>荒町_御坊島_1307</t>
  </si>
  <si>
    <t>生源寺_木戸口_1409-5</t>
  </si>
  <si>
    <t>生源寺_木戸口_1409-6</t>
  </si>
  <si>
    <t>生源寺_木戸口_1409-7</t>
  </si>
  <si>
    <t>生源寺_木戸口_1410-1</t>
  </si>
  <si>
    <t>生源寺_木戸口_1410-2</t>
  </si>
  <si>
    <t>生源寺_木戸口_1410-3</t>
  </si>
  <si>
    <t>生源寺_木戸口_1410-4</t>
  </si>
  <si>
    <t>生源寺_木戸口_1410-5</t>
  </si>
  <si>
    <t>生源寺_木戸口_1410-6</t>
  </si>
  <si>
    <t>生源寺_木戸口_1410-7</t>
  </si>
  <si>
    <t>荒町_御坊島_1308</t>
  </si>
  <si>
    <t>生源寺_木戸口_1411-1</t>
  </si>
  <si>
    <t>生源寺_木戸口_1412-1</t>
  </si>
  <si>
    <t>生源寺_木戸口_1415-2</t>
  </si>
  <si>
    <t>生源寺_木戸口_1417-1</t>
  </si>
  <si>
    <t>荒町_御坊島_1309-2</t>
  </si>
  <si>
    <t>荒町_御坊島_1310-1</t>
  </si>
  <si>
    <t>荒町_御坊島_1310-2</t>
  </si>
  <si>
    <t>上条団地北公園</t>
  </si>
  <si>
    <t>上条__66-8</t>
  </si>
  <si>
    <t>島雑種地2</t>
  </si>
  <si>
    <t>島__1301-2</t>
  </si>
  <si>
    <t>下条宅地1</t>
  </si>
  <si>
    <t>下条__248-2</t>
  </si>
  <si>
    <t>下条_中田_850-3</t>
  </si>
  <si>
    <t>土合北部公民館</t>
  </si>
  <si>
    <t>土合__1315-12</t>
  </si>
  <si>
    <t>緑ケ丘南公園</t>
  </si>
  <si>
    <t>土合__1324-64</t>
  </si>
  <si>
    <t>土合雑種地8</t>
  </si>
  <si>
    <t>土合__1443-4</t>
  </si>
  <si>
    <t>土合北部公園</t>
  </si>
  <si>
    <t>土合__1541-4</t>
  </si>
  <si>
    <t>土合雑種地9</t>
  </si>
  <si>
    <t>土合__1549-3</t>
  </si>
  <si>
    <t>浅井コミュニティセンター（新）</t>
  </si>
  <si>
    <t>島_宮西_1394-1</t>
  </si>
  <si>
    <t>島_宮西_1394-2</t>
  </si>
  <si>
    <t>島_宮西_1401-1</t>
  </si>
  <si>
    <t>島_宮西_1402-1</t>
  </si>
  <si>
    <t>島_宮西_1402-2</t>
  </si>
  <si>
    <t>島_宮西_1387</t>
  </si>
  <si>
    <t>土合雑種地3</t>
  </si>
  <si>
    <t>土合__878-2</t>
  </si>
  <si>
    <t>大門町観光農園管理施設</t>
  </si>
  <si>
    <t>串田__1633-2</t>
  </si>
  <si>
    <t>旧櫛田公民館敷地</t>
  </si>
  <si>
    <t>串田__841-1</t>
  </si>
  <si>
    <t>串田__841-5</t>
  </si>
  <si>
    <t>串田字松原宅地1</t>
  </si>
  <si>
    <t>串田_松原_6444-4</t>
  </si>
  <si>
    <t>浅井体育館</t>
  </si>
  <si>
    <t>島__1499</t>
  </si>
  <si>
    <t>島__1511</t>
  </si>
  <si>
    <t>島__1512</t>
  </si>
  <si>
    <t>島__1522</t>
  </si>
  <si>
    <t>島__1523</t>
  </si>
  <si>
    <t>島__1526</t>
  </si>
  <si>
    <t>島__1527</t>
  </si>
  <si>
    <t>島__1530</t>
  </si>
  <si>
    <t>島__1531</t>
  </si>
  <si>
    <t>島__1532</t>
  </si>
  <si>
    <t>島__1533</t>
  </si>
  <si>
    <t>島__1500</t>
  </si>
  <si>
    <t>島__1504</t>
  </si>
  <si>
    <t>島__1505</t>
  </si>
  <si>
    <t>島__1506</t>
  </si>
  <si>
    <t>島__1507</t>
  </si>
  <si>
    <t>島__1508</t>
  </si>
  <si>
    <t>島__1509</t>
  </si>
  <si>
    <t>島__1510</t>
  </si>
  <si>
    <t>串田字大沢雑種地1</t>
  </si>
  <si>
    <t>串田_大沢_6838-4</t>
  </si>
  <si>
    <t>串田字大沢雑種地2</t>
  </si>
  <si>
    <t>串田_大沢_6857</t>
  </si>
  <si>
    <t>串田新遺跡公園</t>
  </si>
  <si>
    <t>串田_大沢_6894</t>
  </si>
  <si>
    <t>串田_大沢_6900</t>
  </si>
  <si>
    <t>串田新出_大澤_333-2</t>
  </si>
  <si>
    <t>串田新出_大澤_333-3</t>
  </si>
  <si>
    <t>串田新出_大澤_334-1</t>
  </si>
  <si>
    <t>串田新出_大澤_334-2</t>
  </si>
  <si>
    <t>串田新出_大澤_335</t>
  </si>
  <si>
    <t>串田_大沢_6901</t>
  </si>
  <si>
    <t>串田_大沢_6902</t>
  </si>
  <si>
    <t>串田_大沢_6903</t>
  </si>
  <si>
    <t>串田_大沢_6904-1</t>
  </si>
  <si>
    <t>串田_大沢_6904-2</t>
  </si>
  <si>
    <t>串田_大沢_6904-3</t>
  </si>
  <si>
    <t>串田_大沢_6904-4</t>
  </si>
  <si>
    <t>串田_大沢_6905</t>
  </si>
  <si>
    <t>串田_大沢_6906</t>
  </si>
  <si>
    <t>串田_大沢_6895</t>
  </si>
  <si>
    <t>串田_大沢_6907</t>
  </si>
  <si>
    <t>串田_大沢_6908</t>
  </si>
  <si>
    <t>串田新_水落_945</t>
  </si>
  <si>
    <t>串田新_水落_946</t>
  </si>
  <si>
    <t>串田新_水落_947</t>
  </si>
  <si>
    <t>串田新_水落_948</t>
  </si>
  <si>
    <t>串田新_水落_949</t>
  </si>
  <si>
    <t>串田新_水落_950</t>
  </si>
  <si>
    <t>串田新_大沢_1564</t>
  </si>
  <si>
    <t>串田新_大沢_1565</t>
  </si>
  <si>
    <t>串田_大沢_6896</t>
  </si>
  <si>
    <t>串田新_大沢_1568</t>
  </si>
  <si>
    <t>串田新_大沢_1569</t>
  </si>
  <si>
    <t>串田新_大沢_1570-1</t>
  </si>
  <si>
    <t>串田新_大沢_1571-2</t>
  </si>
  <si>
    <t>串田新出_大澤_287</t>
  </si>
  <si>
    <t>串田新出_大澤_288</t>
  </si>
  <si>
    <t>串田新出_大澤_289-1</t>
  </si>
  <si>
    <t>串田新出_大澤_289-2</t>
  </si>
  <si>
    <t>串田新出_大澤_290</t>
  </si>
  <si>
    <t>串田新出_大澤_291</t>
  </si>
  <si>
    <t>串田_大沢_6897</t>
  </si>
  <si>
    <t>串田新出_大澤_292</t>
  </si>
  <si>
    <t>串田新出_大澤_293-1</t>
  </si>
  <si>
    <t>串田新出_大澤_293-2</t>
  </si>
  <si>
    <t>串田新出_大澤_293-3</t>
  </si>
  <si>
    <t>串田新出_大澤_293-4</t>
  </si>
  <si>
    <t>串田新出_大澤_294-1</t>
  </si>
  <si>
    <t>串田新出_大澤_294-2</t>
  </si>
  <si>
    <t>串田新出_大澤_295</t>
  </si>
  <si>
    <t>串田新出_大澤_296</t>
  </si>
  <si>
    <t>串田新出_大澤_297</t>
  </si>
  <si>
    <t>串田_大沢_6898-1</t>
  </si>
  <si>
    <t>串田新出_大澤_298-1</t>
  </si>
  <si>
    <t>串田新出_大澤_298-2</t>
  </si>
  <si>
    <t>串田新出_大澤_299</t>
  </si>
  <si>
    <t>串田新出_大澤_300-1</t>
  </si>
  <si>
    <t>串田新出_大澤_300-2</t>
  </si>
  <si>
    <t>串田新出_大澤_301</t>
  </si>
  <si>
    <t>串田新出_大澤_302</t>
  </si>
  <si>
    <t>串田新出_大澤_303-1</t>
  </si>
  <si>
    <t>串田新出_大澤_303-2</t>
  </si>
  <si>
    <t>串田新出_大澤_303-3</t>
  </si>
  <si>
    <t>串田_大沢_6898-2</t>
  </si>
  <si>
    <t>串田新出_大澤_304</t>
  </si>
  <si>
    <t>串田新出_大澤_305-1</t>
  </si>
  <si>
    <t>串田新出_大澤_305-2</t>
  </si>
  <si>
    <t>串田新出_大澤_306</t>
  </si>
  <si>
    <t>串田新出_大澤_307</t>
  </si>
  <si>
    <t>串田新出_大澤_308</t>
  </si>
  <si>
    <t>串田新出_大澤_309</t>
  </si>
  <si>
    <t>串田新出_大澤_310</t>
  </si>
  <si>
    <t>串田新出_大澤_311</t>
  </si>
  <si>
    <t>串田新出_大澤_312</t>
  </si>
  <si>
    <t>串田_大沢_6899-1</t>
  </si>
  <si>
    <t>串田新出_大澤_313</t>
  </si>
  <si>
    <t>串田新出_大澤_314-1</t>
  </si>
  <si>
    <t>串田新出_大澤_314-2</t>
  </si>
  <si>
    <t>串田新出_大澤_315</t>
  </si>
  <si>
    <t>串田新出_大澤_316</t>
  </si>
  <si>
    <t>串田新出_大澤_317</t>
  </si>
  <si>
    <t>串田新出_大澤_318-1</t>
  </si>
  <si>
    <t>串田新出_大澤_318-2</t>
  </si>
  <si>
    <t>串田新出_大澤_319</t>
  </si>
  <si>
    <t>串田新出_大澤_320</t>
  </si>
  <si>
    <t>串田_大沢_6899-2</t>
  </si>
  <si>
    <t>串田新出_大澤_321</t>
  </si>
  <si>
    <t>串田新出_大澤_322</t>
  </si>
  <si>
    <t>串田新出_大澤_323</t>
  </si>
  <si>
    <t>串田新出_大澤_324</t>
  </si>
  <si>
    <t>串田新出_大澤_325</t>
  </si>
  <si>
    <t>串田新出_大澤_326-1</t>
  </si>
  <si>
    <t>串田新出_大澤_326-2</t>
  </si>
  <si>
    <t>串田新出_大澤_327-1</t>
  </si>
  <si>
    <t>串田新出_大澤_327-2</t>
  </si>
  <si>
    <t>串田新出_大澤_327-3</t>
  </si>
  <si>
    <t>串田_大沢_6899-3</t>
  </si>
  <si>
    <t>串田新出_大澤_327-4</t>
  </si>
  <si>
    <t>串田新出_大澤_328-1</t>
  </si>
  <si>
    <t>串田新出_大澤_328-2</t>
  </si>
  <si>
    <t>串田新出_大澤_329</t>
  </si>
  <si>
    <t>串田新出_大澤_330</t>
  </si>
  <si>
    <t>串田新出_大澤_331</t>
  </si>
  <si>
    <t>串田新出_大澤_332-1</t>
  </si>
  <si>
    <t>串田新出_大澤_332-2</t>
  </si>
  <si>
    <t>串田新出_大澤_332-3</t>
  </si>
  <si>
    <t>串田新出_大澤_333-1</t>
  </si>
  <si>
    <t>串田字大沢雑種地3</t>
  </si>
  <si>
    <t>串田_大沢_7015-2</t>
  </si>
  <si>
    <t>宮新田地区防火水槽敷地</t>
  </si>
  <si>
    <t>串田_大沢_7094-2</t>
  </si>
  <si>
    <t>串田_大沢_7095-2</t>
  </si>
  <si>
    <t>南郷丘陵地多目的広場用地</t>
  </si>
  <si>
    <t>串田_鳥越_9727-5</t>
  </si>
  <si>
    <t>串田_鳥越_9784-1</t>
  </si>
  <si>
    <t>串田_鳥越_9784-2</t>
  </si>
  <si>
    <t>串田_鳥越_9785</t>
  </si>
  <si>
    <t>串田_鳥越_9789</t>
  </si>
  <si>
    <t>串田_鳥越_9790-1</t>
  </si>
  <si>
    <t>荒町_山ノ谷_2716</t>
  </si>
  <si>
    <t>荒町_山ノ谷_2722</t>
  </si>
  <si>
    <t>荒町_山ノ谷_2727</t>
  </si>
  <si>
    <t>荒町_山ノ谷_2730</t>
  </si>
  <si>
    <t>荒町_山ノ谷_2733-2</t>
  </si>
  <si>
    <t>串田_鳥越_9775-1</t>
  </si>
  <si>
    <t>串田_鳥越_9775-2</t>
  </si>
  <si>
    <t>串田_鳥越_9776</t>
  </si>
  <si>
    <t>串田_鳥越_9777</t>
  </si>
  <si>
    <t>串田_鳥越_9778</t>
  </si>
  <si>
    <t>串田_鳥越_9779</t>
  </si>
  <si>
    <t>串田_鳥越_9781</t>
  </si>
  <si>
    <t>串田_鳥越_9783</t>
  </si>
  <si>
    <t>櫛田体育館</t>
  </si>
  <si>
    <t>串田__861-1</t>
  </si>
  <si>
    <t>串田__862-1</t>
  </si>
  <si>
    <t>串田__863-1</t>
  </si>
  <si>
    <t>串田__864-1</t>
  </si>
  <si>
    <t>串田__865-1</t>
  </si>
  <si>
    <t>串田__866-1</t>
  </si>
  <si>
    <t>串田__867-1</t>
  </si>
  <si>
    <t>串田__868-1</t>
  </si>
  <si>
    <t>串田__868-4</t>
  </si>
  <si>
    <t>串田字御坊山雑種地1</t>
  </si>
  <si>
    <t>串田_御坊山_81-3</t>
  </si>
  <si>
    <t>串田字鳥越山林4</t>
  </si>
  <si>
    <t>串田_鳥越_175-8</t>
  </si>
  <si>
    <t>大久保公民館</t>
  </si>
  <si>
    <t>串田新__121-2</t>
  </si>
  <si>
    <t>串田新__121-3</t>
  </si>
  <si>
    <t>串田新雑種地2</t>
  </si>
  <si>
    <t>串田新__130-2</t>
  </si>
  <si>
    <t>串田新__131-2</t>
  </si>
  <si>
    <t>串田新雑種地3</t>
  </si>
  <si>
    <t>串田新__132-2</t>
  </si>
  <si>
    <t>串田新__133-2</t>
  </si>
  <si>
    <t>串田新雑種地4</t>
  </si>
  <si>
    <t>串田新__163-2</t>
  </si>
  <si>
    <t>串田新__164</t>
  </si>
  <si>
    <t>串田新雑種地5</t>
  </si>
  <si>
    <t>串田新__167-2</t>
  </si>
  <si>
    <t>串田新雑種地6</t>
  </si>
  <si>
    <t>串田新__204</t>
  </si>
  <si>
    <t>串田新__205</t>
  </si>
  <si>
    <t>新田公民館敷地</t>
  </si>
  <si>
    <t>串田新__234-2</t>
  </si>
  <si>
    <t>串田新__235-2</t>
  </si>
  <si>
    <t>小杉小学校</t>
  </si>
  <si>
    <t>戸破_神田_4100</t>
  </si>
  <si>
    <t>戸破_神田_4410-1</t>
  </si>
  <si>
    <t>戸破_神田_4411-1</t>
  </si>
  <si>
    <t>戸破_神田_4412-1</t>
  </si>
  <si>
    <t>戸破_神田_4413-1</t>
  </si>
  <si>
    <t>戸破_神田_4413-2</t>
  </si>
  <si>
    <t>戸破_神田_4414-1</t>
  </si>
  <si>
    <t>戸破_神田_4415-1</t>
  </si>
  <si>
    <t>戸破_神田_4416-1</t>
  </si>
  <si>
    <t>串田新雑種地8</t>
  </si>
  <si>
    <t>串田新__270-3</t>
  </si>
  <si>
    <t>松原公民館</t>
  </si>
  <si>
    <t>串田新__357</t>
  </si>
  <si>
    <t>串田新__358-1</t>
  </si>
  <si>
    <t>串田新雑種地1</t>
  </si>
  <si>
    <t>串田新__81</t>
  </si>
  <si>
    <t>串田新字大窪雑種地2</t>
  </si>
  <si>
    <t>串田新_大窪_233-2</t>
  </si>
  <si>
    <t>串田新字大窪雑種地3</t>
  </si>
  <si>
    <t>串田新_大窪_239-2</t>
  </si>
  <si>
    <t>串田新_大窪_240-3</t>
  </si>
  <si>
    <t>串田新_大窪_240-4</t>
  </si>
  <si>
    <t>串田新字上野雑種地1</t>
  </si>
  <si>
    <t>串田新_上野_1101-2</t>
  </si>
  <si>
    <t>金山小学校</t>
  </si>
  <si>
    <t>青井谷__1</t>
  </si>
  <si>
    <t>青井谷__10</t>
  </si>
  <si>
    <t>青井谷__13</t>
  </si>
  <si>
    <t>青井谷__50-1</t>
  </si>
  <si>
    <t>青井谷__51-1</t>
  </si>
  <si>
    <t>青井谷__51-2</t>
  </si>
  <si>
    <t>青井谷__52</t>
  </si>
  <si>
    <t>青井谷__53</t>
  </si>
  <si>
    <t>青井谷__54</t>
  </si>
  <si>
    <t>青井谷__55</t>
  </si>
  <si>
    <t>青井谷__56</t>
  </si>
  <si>
    <t>青井谷__2</t>
  </si>
  <si>
    <t>青井谷_干田_1412-2</t>
  </si>
  <si>
    <t>青井谷_干田_1413-4</t>
  </si>
  <si>
    <t>青井谷_干田_1414-2</t>
  </si>
  <si>
    <t>青井谷_干田_1415-1</t>
  </si>
  <si>
    <t>青井谷_干田_1415-2</t>
  </si>
  <si>
    <t>青井谷_干田_1416-1</t>
  </si>
  <si>
    <t>青井谷_干田_1529</t>
  </si>
  <si>
    <t>青井谷_干田_1530</t>
  </si>
  <si>
    <t>青井谷_干田_1531</t>
  </si>
  <si>
    <t>青井谷_干田_1532-1</t>
  </si>
  <si>
    <t>青井谷__3</t>
  </si>
  <si>
    <t>青井谷_干田_1534-1</t>
  </si>
  <si>
    <t>青井谷_干田_1535</t>
  </si>
  <si>
    <t>青井谷_干田_1536-3</t>
  </si>
  <si>
    <t>青井谷_干田_1617-1</t>
  </si>
  <si>
    <t>青井谷_干田_1619-1</t>
  </si>
  <si>
    <t>青井谷_干田_1620-1</t>
  </si>
  <si>
    <t>青井谷_干田_1620-4</t>
  </si>
  <si>
    <t>青井谷_干田_1621-1</t>
  </si>
  <si>
    <t>青井谷_干田_1626-1</t>
  </si>
  <si>
    <t>青井谷_干田_1626-2</t>
  </si>
  <si>
    <t>青井谷__4</t>
  </si>
  <si>
    <t>青井谷_干田_1627-1</t>
  </si>
  <si>
    <t>青井谷_干田_1627-3</t>
  </si>
  <si>
    <t>青井谷_干田_1633-1</t>
  </si>
  <si>
    <t>青井谷_干田_1633-2</t>
  </si>
  <si>
    <t>青井谷_干田_1633-5</t>
  </si>
  <si>
    <t>青井谷_干田_1634-1</t>
  </si>
  <si>
    <t>青井谷_干田_1635</t>
  </si>
  <si>
    <t>青井谷_干田_1636-1</t>
  </si>
  <si>
    <t>青井谷_干田_1640-1</t>
  </si>
  <si>
    <t>青井谷_干田_1641</t>
  </si>
  <si>
    <t>青井谷__5</t>
  </si>
  <si>
    <t>青井谷_干田_1642</t>
  </si>
  <si>
    <t>青井谷_干田_1643</t>
  </si>
  <si>
    <t>青井谷_干田_1644</t>
  </si>
  <si>
    <t>青井谷_干田_1645-1</t>
  </si>
  <si>
    <t>青井谷_干田_1645-2</t>
  </si>
  <si>
    <t>青井谷_干田_1646-1</t>
  </si>
  <si>
    <t>青井谷_干田_1646-2</t>
  </si>
  <si>
    <t>青井谷_干田_1647</t>
  </si>
  <si>
    <t>青井谷_干田_1648</t>
  </si>
  <si>
    <t>青井谷_干田_1649-1</t>
  </si>
  <si>
    <t>青井谷__6</t>
  </si>
  <si>
    <t>青井谷_干田_1649-3</t>
  </si>
  <si>
    <t>青井谷_干田_1650-1</t>
  </si>
  <si>
    <t>青井谷_干田_1650-3</t>
  </si>
  <si>
    <t>青井谷_干田_1651</t>
  </si>
  <si>
    <t>青井谷_干田_1652-1</t>
  </si>
  <si>
    <t>青井谷_干田_1653</t>
  </si>
  <si>
    <t>青井谷_干田_1654</t>
  </si>
  <si>
    <t>青井谷_干田_1658-4</t>
  </si>
  <si>
    <t>青井谷_干田_1659-10</t>
  </si>
  <si>
    <t>青井谷_干田_1660-1</t>
  </si>
  <si>
    <t>青井谷__7-1</t>
  </si>
  <si>
    <t>青井谷_干田_1660-4</t>
  </si>
  <si>
    <t>青井谷__7-2</t>
  </si>
  <si>
    <t>青井谷__9</t>
  </si>
  <si>
    <t>串田新字松原雑種地1</t>
  </si>
  <si>
    <t>串田新_松原_1295-2</t>
  </si>
  <si>
    <t>串田新_松原_1296-2</t>
  </si>
  <si>
    <t>串田新字大嶋雑種地1</t>
  </si>
  <si>
    <t>串田新_大嶋_1680-3</t>
  </si>
  <si>
    <t>荒町雑種地1</t>
  </si>
  <si>
    <t>荒町__212-4</t>
  </si>
  <si>
    <t>荒町雑種地3</t>
  </si>
  <si>
    <t>荒町__217</t>
  </si>
  <si>
    <t>荒町__218</t>
  </si>
  <si>
    <t>荒町雑種地2</t>
  </si>
  <si>
    <t>荒町__215-2</t>
  </si>
  <si>
    <t>荒町字畑田雑種地1</t>
  </si>
  <si>
    <t>荒町_畑田_680-2</t>
  </si>
  <si>
    <t>荒町_畑田_681-3</t>
  </si>
  <si>
    <t>荒町字池田雑種地1</t>
  </si>
  <si>
    <t>荒町_池田_710-1</t>
  </si>
  <si>
    <t>荒町_池田_711-1</t>
  </si>
  <si>
    <t>荒町字池田雑種地2</t>
  </si>
  <si>
    <t>荒町_池田_781-2</t>
  </si>
  <si>
    <t>荒町_池田_782</t>
  </si>
  <si>
    <t>荒町_池田_783-2</t>
  </si>
  <si>
    <t>歌の森小学校</t>
  </si>
  <si>
    <t>黒河__558-1</t>
  </si>
  <si>
    <t>黒河__590-1</t>
  </si>
  <si>
    <t>黒河__591-1</t>
  </si>
  <si>
    <t>黒河__592-1</t>
  </si>
  <si>
    <t>黒河__593-1</t>
  </si>
  <si>
    <t>黒河__594-1</t>
  </si>
  <si>
    <t>黒河__595-1</t>
  </si>
  <si>
    <t>黒河__596-1</t>
  </si>
  <si>
    <t>黒河__597-1</t>
  </si>
  <si>
    <t>黒河__598-1</t>
  </si>
  <si>
    <t>黒河__599-1</t>
  </si>
  <si>
    <t>黒河__559-1</t>
  </si>
  <si>
    <t>黒河__600-2</t>
  </si>
  <si>
    <t>黒河__560-1</t>
  </si>
  <si>
    <t>黒河__561-1</t>
  </si>
  <si>
    <t>黒河__562-1</t>
  </si>
  <si>
    <t>黒河__586-1</t>
  </si>
  <si>
    <t>黒河__587-1</t>
  </si>
  <si>
    <t>黒河__588-1</t>
  </si>
  <si>
    <t>黒河__589-1</t>
  </si>
  <si>
    <t>荒町字池田雑種地3</t>
  </si>
  <si>
    <t>荒町_池田_784-2</t>
  </si>
  <si>
    <t>荒町字十田山林1</t>
  </si>
  <si>
    <t>荒町_十田_1497-1</t>
  </si>
  <si>
    <t>荒町_十田_1497-2</t>
  </si>
  <si>
    <t>荒町字竹原雑種地1</t>
  </si>
  <si>
    <t>荒町_竹原_1652-3</t>
  </si>
  <si>
    <t>荒町_竹原_1652-4</t>
  </si>
  <si>
    <t>布目沢宅地1</t>
  </si>
  <si>
    <t>布目沢__151-3</t>
  </si>
  <si>
    <t>布目沢雑種地2</t>
  </si>
  <si>
    <t>布目沢__170-6</t>
  </si>
  <si>
    <t>布目沢宅地2</t>
  </si>
  <si>
    <t>布目沢__258-13</t>
  </si>
  <si>
    <t>布目沢雑種地3</t>
  </si>
  <si>
    <t>布目沢__315-7</t>
  </si>
  <si>
    <t>小泉公民館</t>
  </si>
  <si>
    <t>小泉__268</t>
  </si>
  <si>
    <t>梅ノ木公民館</t>
  </si>
  <si>
    <t>梅木__205</t>
  </si>
  <si>
    <t>梅木雑種地1</t>
  </si>
  <si>
    <t>梅木__39</t>
  </si>
  <si>
    <t>梅木雑種地2</t>
  </si>
  <si>
    <t>梅木__76-2</t>
  </si>
  <si>
    <t>小杉流通業務団地</t>
  </si>
  <si>
    <t>橋下条__2248-2</t>
  </si>
  <si>
    <t>流通センター_下条１丁目_3</t>
  </si>
  <si>
    <t>流通センター_下条１丁目_4-1</t>
  </si>
  <si>
    <t>水戸田__1062-2</t>
  </si>
  <si>
    <t>水戸田__1063-2</t>
  </si>
  <si>
    <t>水戸田__1064</t>
  </si>
  <si>
    <t>水戸田_石名山_59-1</t>
  </si>
  <si>
    <t>水戸田_石名山_59-2</t>
  </si>
  <si>
    <t>流通センター水戸田３丁目__9-6</t>
  </si>
  <si>
    <t>流通センター水戸田３丁目__28</t>
  </si>
  <si>
    <t>流通センター水戸田３丁目__29</t>
  </si>
  <si>
    <t>流通センター_青井谷１丁目_26-1</t>
  </si>
  <si>
    <t>流通センター水戸田３丁目__30-1</t>
  </si>
  <si>
    <t>流通センター水戸田３丁目__31</t>
  </si>
  <si>
    <t>流通センター_青井谷１丁目_26-3</t>
  </si>
  <si>
    <t>流通センター_青井谷１丁目_26-5</t>
  </si>
  <si>
    <t>流通センター_青井谷２丁目_4</t>
  </si>
  <si>
    <t>流通センター_青井谷２丁目_5</t>
  </si>
  <si>
    <t>流通センター_青井谷２丁目_8</t>
  </si>
  <si>
    <t>流通センター_青井谷２丁目_9-1</t>
  </si>
  <si>
    <t>流通センター_下条１丁目_2</t>
  </si>
  <si>
    <t>水戸田雑種地1</t>
  </si>
  <si>
    <t>水戸田__986-4</t>
  </si>
  <si>
    <t>水戸田字前野雑種地1</t>
  </si>
  <si>
    <t>水戸田_前野_2785-1</t>
  </si>
  <si>
    <t>水戸田字熊野雑種地1</t>
  </si>
  <si>
    <t>水戸田_熊野_3321</t>
  </si>
  <si>
    <t>中太閤山小学校</t>
  </si>
  <si>
    <t>中太閤山１１丁目__3-1</t>
  </si>
  <si>
    <t>水戸田字神明堂宅地1</t>
  </si>
  <si>
    <t>水戸田_神明堂_57-2</t>
  </si>
  <si>
    <t>水戸田字神明堂宅地2</t>
  </si>
  <si>
    <t>水戸田_神明堂_99-5</t>
  </si>
  <si>
    <t>水戸田字石名山雑種地1</t>
  </si>
  <si>
    <t>水戸田_石名山_136-2</t>
  </si>
  <si>
    <t>水戸田字石名山雑種地2</t>
  </si>
  <si>
    <t>水戸田_石名山_143-2</t>
  </si>
  <si>
    <t>水戸田字石名山雑種地3</t>
  </si>
  <si>
    <t>水戸田_石名山_163-2</t>
  </si>
  <si>
    <t>水戸田_石名山_163-3</t>
  </si>
  <si>
    <t>水戸田_石名山_166-2</t>
  </si>
  <si>
    <t>生源寺地区防火水槽敷地1</t>
  </si>
  <si>
    <t>生源寺__347-4</t>
  </si>
  <si>
    <t>生源寺__348-6</t>
  </si>
  <si>
    <t>あおば台2丁目公園</t>
  </si>
  <si>
    <t>あおば台二丁目__106</t>
  </si>
  <si>
    <t>あおぞら台公園２</t>
  </si>
  <si>
    <t>小島__511-11</t>
  </si>
  <si>
    <t>若林バス停</t>
  </si>
  <si>
    <t>生源寺_宗八島_783-4</t>
  </si>
  <si>
    <t>生源寺地区防火水槽敷地2</t>
  </si>
  <si>
    <t>生源寺_薬師堂_910-3</t>
  </si>
  <si>
    <t>水戸田グラウンド</t>
  </si>
  <si>
    <t>生源寺_深谷_1455</t>
  </si>
  <si>
    <t>生源寺_正源寺野_1378</t>
  </si>
  <si>
    <t>生源寺_正源寺野_1381-1</t>
  </si>
  <si>
    <t>生源寺_正源寺野_1381-2</t>
  </si>
  <si>
    <t>生源寺_正源寺野_1384-1</t>
  </si>
  <si>
    <t>生源寺_正源寺野_1477-1</t>
  </si>
  <si>
    <t>生源寺_正源寺野_1487</t>
  </si>
  <si>
    <t>生源寺_正源寺野_1489</t>
  </si>
  <si>
    <t>生源寺_深谷_1459</t>
  </si>
  <si>
    <t>生源寺_深谷_1463</t>
  </si>
  <si>
    <t>生源寺_深谷_1464</t>
  </si>
  <si>
    <t>生源寺_木戸口_1402</t>
  </si>
  <si>
    <t>生源寺_正源寺野_1350-1</t>
  </si>
  <si>
    <t>生源寺_正源寺野_1350-2</t>
  </si>
  <si>
    <t>生源寺_正源寺野_1350-3</t>
  </si>
  <si>
    <t>生源寺_正源寺野_1350-4</t>
  </si>
  <si>
    <t>南太閤山７丁目公園地1</t>
  </si>
  <si>
    <t>南太閤山７丁目__64-13</t>
  </si>
  <si>
    <t>南太閤山７丁目__64-21</t>
  </si>
  <si>
    <t>南太閤山７丁目__64-43</t>
  </si>
  <si>
    <t>南太閤山７丁目__64-44</t>
  </si>
  <si>
    <t>小杉中学校</t>
  </si>
  <si>
    <t>戸破_加茂_2010-1</t>
  </si>
  <si>
    <t>戸破_加茂_2011</t>
  </si>
  <si>
    <t>戸破_加茂_2012</t>
  </si>
  <si>
    <t>戸破_加茂_2013-1</t>
  </si>
  <si>
    <t>戸破_加茂_2013-2</t>
  </si>
  <si>
    <t>戸破_加茂_2021</t>
  </si>
  <si>
    <t>戸破_加茂_2022</t>
  </si>
  <si>
    <t>生源寺字東島宅地1</t>
  </si>
  <si>
    <t>生源寺_東島_24-3</t>
  </si>
  <si>
    <t>戸破四反田雑種地１</t>
  </si>
  <si>
    <t>戸破_四反田_1049-5</t>
  </si>
  <si>
    <t>生源寺字丸山雑種地1</t>
  </si>
  <si>
    <t>生源寺_丸山_1-3</t>
  </si>
  <si>
    <t>串田境内地１</t>
  </si>
  <si>
    <t>串田_村中_4869</t>
  </si>
  <si>
    <t>生源寺字南山雑種地1</t>
  </si>
  <si>
    <t>生源寺_南山_43-2</t>
  </si>
  <si>
    <t>手崎第６児童遊園地</t>
  </si>
  <si>
    <t>手崎_払堂_382-31</t>
  </si>
  <si>
    <t>市井公民館</t>
  </si>
  <si>
    <t>市井__178</t>
  </si>
  <si>
    <t>手崎雑種地1</t>
  </si>
  <si>
    <t>手崎_払堂_382-32</t>
  </si>
  <si>
    <t>市井雑種地2</t>
  </si>
  <si>
    <t>市井__607</t>
  </si>
  <si>
    <t>若林公民館</t>
  </si>
  <si>
    <t>若林__230</t>
  </si>
  <si>
    <t>小杉南中学校</t>
  </si>
  <si>
    <t>南太閤山１丁目__2</t>
  </si>
  <si>
    <t>新湊中学校</t>
  </si>
  <si>
    <t>八幡町三丁目__165-1</t>
  </si>
  <si>
    <t>八幡町三丁目__165-2</t>
  </si>
  <si>
    <t>八幡町三丁目__165-3</t>
  </si>
  <si>
    <t>八幡町三丁目__165-4</t>
  </si>
  <si>
    <t>若林雑種地4</t>
  </si>
  <si>
    <t>若林__269-1</t>
  </si>
  <si>
    <t>牛塚虎太郎碑敷地</t>
  </si>
  <si>
    <t>藤巻__50-2</t>
  </si>
  <si>
    <t>流通センタ－水戸田２丁目雑種地1</t>
  </si>
  <si>
    <t>流通センター水戸田２丁目__25</t>
  </si>
  <si>
    <t>流通センタ－水戸田３丁目雑種地1</t>
  </si>
  <si>
    <t>流通センター水戸田３丁目__20</t>
  </si>
  <si>
    <t>二口緑地1</t>
  </si>
  <si>
    <t>二口__3053</t>
  </si>
  <si>
    <t>太閤山小学校</t>
  </si>
  <si>
    <t>橋下条__926</t>
  </si>
  <si>
    <t>橋下条__936-1</t>
  </si>
  <si>
    <t>橋下条__938</t>
  </si>
  <si>
    <t>橋下条__939</t>
  </si>
  <si>
    <t>橋下条__940</t>
  </si>
  <si>
    <t>橋下条__941</t>
  </si>
  <si>
    <t>橋下条__942</t>
  </si>
  <si>
    <t>橋下条__943</t>
  </si>
  <si>
    <t>橋下条__944</t>
  </si>
  <si>
    <t>橋下条__945</t>
  </si>
  <si>
    <t>橋下条__946</t>
  </si>
  <si>
    <t>橋下条__928</t>
  </si>
  <si>
    <t>橋下条__947</t>
  </si>
  <si>
    <t>橋下条__948</t>
  </si>
  <si>
    <t>橋下条__949</t>
  </si>
  <si>
    <t>橋下条__950</t>
  </si>
  <si>
    <t>橋下条__951</t>
  </si>
  <si>
    <t>橋下条__952</t>
  </si>
  <si>
    <t>橋下条__953-1</t>
  </si>
  <si>
    <t>橋下条__953-2</t>
  </si>
  <si>
    <t>橋下条__929</t>
  </si>
  <si>
    <t>橋下条__930</t>
  </si>
  <si>
    <t>橋下条__931</t>
  </si>
  <si>
    <t>橋下条__932</t>
  </si>
  <si>
    <t>橋下条__933</t>
  </si>
  <si>
    <t>橋下条__934</t>
  </si>
  <si>
    <t>橋下条__935-1</t>
  </si>
  <si>
    <t>二口緑地3</t>
  </si>
  <si>
    <t>二口__3243</t>
  </si>
  <si>
    <t>柳町市有地1</t>
  </si>
  <si>
    <t>二口_五反田_238-4</t>
  </si>
  <si>
    <t>二口_五反田_238-6</t>
  </si>
  <si>
    <t>二口_五反田_238-8</t>
  </si>
  <si>
    <t>二口_五反田_238-10</t>
  </si>
  <si>
    <t>中村__29-35</t>
  </si>
  <si>
    <t>中村__29-4</t>
  </si>
  <si>
    <t>二口字油免宅地1</t>
  </si>
  <si>
    <t>二口_油免_448-1</t>
  </si>
  <si>
    <t>二口字馬渡残地</t>
  </si>
  <si>
    <t>二口_馬渡_1949-1</t>
  </si>
  <si>
    <t>とどろき公園</t>
  </si>
  <si>
    <t>二口_轟_1027-4</t>
  </si>
  <si>
    <t>二口_轟_1027-5</t>
  </si>
  <si>
    <t>大門庁舎東側用地</t>
  </si>
  <si>
    <t>二口_轟_1090-1</t>
  </si>
  <si>
    <t>二口南東部公園</t>
  </si>
  <si>
    <t>二口_轟_1191-4</t>
  </si>
  <si>
    <t>二口_轟_1193-1</t>
  </si>
  <si>
    <t>消防団　戸破分団屯所</t>
  </si>
  <si>
    <t>戸破_後宝_1416-3</t>
  </si>
  <si>
    <t>戸破_後宝_1417-3</t>
  </si>
  <si>
    <t>戸破_後宝_1418-4</t>
  </si>
  <si>
    <t>二口南北部公園</t>
  </si>
  <si>
    <t>二口_轟_1200-8</t>
  </si>
  <si>
    <t>中村公民館</t>
  </si>
  <si>
    <t>中村__104-1</t>
  </si>
  <si>
    <t>中村__104-3</t>
  </si>
  <si>
    <t>中村__104-4</t>
  </si>
  <si>
    <t>中村__105-5</t>
  </si>
  <si>
    <t>中村宅地2</t>
  </si>
  <si>
    <t>中村__172-3</t>
  </si>
  <si>
    <t>二口忠魂碑敷地</t>
  </si>
  <si>
    <t>中村__172-4</t>
  </si>
  <si>
    <t>柳町市有地2</t>
  </si>
  <si>
    <t>中村__29-10</t>
  </si>
  <si>
    <t>柳町公民館</t>
  </si>
  <si>
    <t>中村__29-21</t>
  </si>
  <si>
    <t>中村__29-25</t>
  </si>
  <si>
    <t>柳町広場</t>
  </si>
  <si>
    <t>中村__29-26</t>
  </si>
  <si>
    <t>シルバー人材センター大門作業所</t>
  </si>
  <si>
    <t>中村__302</t>
  </si>
  <si>
    <t>消防団　三ケ分団屯所</t>
  </si>
  <si>
    <t>三ケ__930-1</t>
  </si>
  <si>
    <t>大門本江字縄田雑種地1</t>
  </si>
  <si>
    <t>大門本江_縄田_202-1</t>
  </si>
  <si>
    <t>安吉公民館</t>
  </si>
  <si>
    <t>安吉_昭和_195-4</t>
  </si>
  <si>
    <t>安吉字昭和宅地1</t>
  </si>
  <si>
    <t>安吉_昭和_253-2</t>
  </si>
  <si>
    <t>安吉_昭和_254-3</t>
  </si>
  <si>
    <t>本田・下若農業構造改善センター</t>
  </si>
  <si>
    <t>本田_天水_237-3</t>
  </si>
  <si>
    <t>田町公民館</t>
  </si>
  <si>
    <t>大門_道山_1-3</t>
  </si>
  <si>
    <t>大門_道山_1-4</t>
  </si>
  <si>
    <t>大門総合会館駐車場</t>
  </si>
  <si>
    <t>大門_道山_107-1</t>
  </si>
  <si>
    <t>大門_道山_108-1</t>
  </si>
  <si>
    <t>大門_道山_109-1</t>
  </si>
  <si>
    <t>大門_道山_112-2</t>
  </si>
  <si>
    <t>大門_道山_100-1</t>
  </si>
  <si>
    <t>田町曳山倉庫</t>
  </si>
  <si>
    <t>大門_道山_72-2</t>
  </si>
  <si>
    <t>大門_道山_72-3</t>
  </si>
  <si>
    <t>大門字道山宅地1</t>
  </si>
  <si>
    <t>大門_道山_73-1</t>
  </si>
  <si>
    <t>友遊公園</t>
  </si>
  <si>
    <t>大門_道山_79-1</t>
  </si>
  <si>
    <t>大門_道山_79-2</t>
  </si>
  <si>
    <t>大門_道山_80</t>
  </si>
  <si>
    <t>大門_道山_81-1</t>
  </si>
  <si>
    <t>大門_道山_81-2</t>
  </si>
  <si>
    <t>大門_道山_82-1</t>
  </si>
  <si>
    <t>大門字道山宅地2</t>
  </si>
  <si>
    <t>大門_道山_87-13</t>
  </si>
  <si>
    <t>大門_道山_87-14</t>
  </si>
  <si>
    <t>シマダ・ガソリンスタンド跡地</t>
  </si>
  <si>
    <t>大門_長割_162-6</t>
  </si>
  <si>
    <t>錦町公民館</t>
  </si>
  <si>
    <t>大門_前_280-2</t>
  </si>
  <si>
    <t>西町曳山倉庫</t>
  </si>
  <si>
    <t>大門_前_422-2</t>
  </si>
  <si>
    <t>大門_前田_415-2</t>
  </si>
  <si>
    <t>二口北野線残地</t>
  </si>
  <si>
    <t>大門_前田_322-3</t>
  </si>
  <si>
    <t>大門_前田_322-11</t>
  </si>
  <si>
    <t>二口_光明寺_2950-6</t>
  </si>
  <si>
    <t>二口_光明寺_2950-45</t>
  </si>
  <si>
    <t>二口_光明寺_2950-46</t>
  </si>
  <si>
    <t>二口_光明寺_2950-47</t>
  </si>
  <si>
    <t>二口_光明寺_2950-48</t>
  </si>
  <si>
    <t>大門字前田忠魂碑敷地</t>
  </si>
  <si>
    <t>大門_前田_415-6</t>
  </si>
  <si>
    <t>二口_道山島_2764-4</t>
  </si>
  <si>
    <t>明治天皇休憩所碑敷地</t>
  </si>
  <si>
    <t>大門新_中町_36-5</t>
  </si>
  <si>
    <t>幸町公民館</t>
  </si>
  <si>
    <t>二口_米山_2286-4</t>
  </si>
  <si>
    <t>二口字米山宅地1</t>
  </si>
  <si>
    <t>二口_米山_2303-5</t>
  </si>
  <si>
    <t>栄町公民館（二口字北野割）</t>
  </si>
  <si>
    <t>二口_北野割_2507-2</t>
  </si>
  <si>
    <t>二口字道山島雑種地1</t>
  </si>
  <si>
    <t>二口_道山島_2566</t>
  </si>
  <si>
    <t>立町住環境事業用残地2</t>
  </si>
  <si>
    <t>立町__1688-1</t>
  </si>
  <si>
    <t>二口字道山島公園地1</t>
  </si>
  <si>
    <t>二口_道山島_2613-68</t>
  </si>
  <si>
    <t>消防団　黒河分団屯所</t>
  </si>
  <si>
    <t>黒河_三百野_3856</t>
  </si>
  <si>
    <t>市営大門中町駐車場</t>
  </si>
  <si>
    <t>二口_光明寺_2935-2</t>
  </si>
  <si>
    <t>立町住環境事業用残地5</t>
  </si>
  <si>
    <t>立町__1665-1</t>
  </si>
  <si>
    <t>あおば台公園</t>
  </si>
  <si>
    <t>あおば台一丁目__3</t>
  </si>
  <si>
    <t>あおば台二丁目防火水槽敷地</t>
  </si>
  <si>
    <t>あおば台二丁目__45</t>
  </si>
  <si>
    <t>加茂東部雑種地1</t>
  </si>
  <si>
    <t>加茂東部__294</t>
  </si>
  <si>
    <t>加茂東部雑種地2</t>
  </si>
  <si>
    <t>加茂東部__327</t>
  </si>
  <si>
    <t>加茂東部防火水槽敷地1</t>
  </si>
  <si>
    <t>加茂東部__424</t>
  </si>
  <si>
    <t>消防団　池多分団屯所</t>
  </si>
  <si>
    <t>池多__640</t>
  </si>
  <si>
    <t>加茂東部防火水槽敷地2</t>
  </si>
  <si>
    <t>加茂東部__559</t>
  </si>
  <si>
    <t>加茂東部雑種地3</t>
  </si>
  <si>
    <t>加茂東部__616</t>
  </si>
  <si>
    <t>加茂中部忠魂碑敷地</t>
  </si>
  <si>
    <t>加茂中部__1070</t>
  </si>
  <si>
    <t>加茂中部雑種地4</t>
  </si>
  <si>
    <t>加茂中部__1139</t>
  </si>
  <si>
    <t>加茂中部__1144</t>
  </si>
  <si>
    <t>立町住環境事業用残地7</t>
  </si>
  <si>
    <t>立町__1579-1</t>
  </si>
  <si>
    <t>加茂中部雑種地5</t>
  </si>
  <si>
    <t>加茂中部__1264</t>
  </si>
  <si>
    <t>加茂中部雑種地1</t>
  </si>
  <si>
    <t>加茂中部__18</t>
  </si>
  <si>
    <t>下村小学校</t>
  </si>
  <si>
    <t>加茂中部__899-4</t>
  </si>
  <si>
    <t>加茂中部__902</t>
  </si>
  <si>
    <t>加茂中部__1048</t>
  </si>
  <si>
    <t>加茂中部__1051</t>
  </si>
  <si>
    <t>加茂中部__1052</t>
  </si>
  <si>
    <t>旧太閤山分団屯所</t>
  </si>
  <si>
    <t>中太閤山１５丁目__65-1</t>
  </si>
  <si>
    <t>加茂中部駐車場</t>
  </si>
  <si>
    <t>加茂中部__205-32</t>
  </si>
  <si>
    <t>加茂中部__205-39</t>
  </si>
  <si>
    <t>加茂中部__205-43</t>
  </si>
  <si>
    <t>加茂中部__205-45</t>
  </si>
  <si>
    <t>すずほ住宅公園</t>
  </si>
  <si>
    <t>加茂中部__205-37</t>
  </si>
  <si>
    <t>加茂中部__205-42</t>
  </si>
  <si>
    <t>加茂中部雑種地2</t>
  </si>
  <si>
    <t>加茂中部__205-41</t>
  </si>
  <si>
    <t>加茂中部雑種地3</t>
  </si>
  <si>
    <t>加茂中部__651</t>
  </si>
  <si>
    <t>加茂中部__652</t>
  </si>
  <si>
    <t>加茂中部消雪制御盤敷地</t>
  </si>
  <si>
    <t>加茂中部__742</t>
  </si>
  <si>
    <t>下村児童公園</t>
  </si>
  <si>
    <t>加茂中部__899-1</t>
  </si>
  <si>
    <t>立町宅地4</t>
  </si>
  <si>
    <t>立町__1523-10</t>
  </si>
  <si>
    <t>加茂西部雑種地1</t>
  </si>
  <si>
    <t>加茂西部__143</t>
  </si>
  <si>
    <t>立町ポケットパーク</t>
  </si>
  <si>
    <t>立町__1477-4</t>
  </si>
  <si>
    <t>下村三箇雑種地1</t>
  </si>
  <si>
    <t>下村三箇__1025</t>
  </si>
  <si>
    <t>立町住環境事業用残地8</t>
  </si>
  <si>
    <t>立町__1302-4</t>
  </si>
  <si>
    <t>山屋墓地</t>
  </si>
  <si>
    <t>山屋__16</t>
  </si>
  <si>
    <t>山屋防火水槽敷地</t>
  </si>
  <si>
    <t>山屋__69</t>
  </si>
  <si>
    <t>下村三箇広場</t>
  </si>
  <si>
    <t>山屋__88-2</t>
  </si>
  <si>
    <t>山屋__89</t>
  </si>
  <si>
    <t>山屋__90</t>
  </si>
  <si>
    <t>山屋__94</t>
  </si>
  <si>
    <t>白石防火水槽敷地</t>
  </si>
  <si>
    <t>白石__421</t>
  </si>
  <si>
    <t>立町住環境事業用残地9</t>
  </si>
  <si>
    <t>立町__1302-3</t>
  </si>
  <si>
    <t>白石雑種地1</t>
  </si>
  <si>
    <t>白石__617-3</t>
  </si>
  <si>
    <t>白石__618-3</t>
  </si>
  <si>
    <t>白石__619-3</t>
  </si>
  <si>
    <t>小杉西部保育園</t>
  </si>
  <si>
    <t>三ケ__933-1</t>
  </si>
  <si>
    <t>白石雑種地2</t>
  </si>
  <si>
    <t>白石__654-1</t>
  </si>
  <si>
    <t>桜町宅地3</t>
  </si>
  <si>
    <t>桜町__71</t>
  </si>
  <si>
    <t>桜町宅地2</t>
  </si>
  <si>
    <t>桜町__61</t>
  </si>
  <si>
    <t>摺出寺公園</t>
  </si>
  <si>
    <t>摺出寺__200</t>
  </si>
  <si>
    <t>摺出寺__203</t>
  </si>
  <si>
    <t>摺出寺__204</t>
  </si>
  <si>
    <t>摺出寺__205</t>
  </si>
  <si>
    <t>摺出寺雑種地1</t>
  </si>
  <si>
    <t>摺出寺__82-2</t>
  </si>
  <si>
    <t>桜町宅地1</t>
  </si>
  <si>
    <t>桜町__55</t>
  </si>
  <si>
    <t>摺出寺公民館</t>
  </si>
  <si>
    <t>摺出寺__95</t>
  </si>
  <si>
    <t>摺出寺防火水槽敷地</t>
  </si>
  <si>
    <t>摺出寺__99</t>
  </si>
  <si>
    <t>八講雑種地1</t>
  </si>
  <si>
    <t>八講__473</t>
  </si>
  <si>
    <t>金山保育園</t>
  </si>
  <si>
    <t>青井谷__8-1</t>
  </si>
  <si>
    <t>青井谷__11-1</t>
  </si>
  <si>
    <t>桜町公園</t>
  </si>
  <si>
    <t>桜町__13-4</t>
  </si>
  <si>
    <t>八講公園</t>
  </si>
  <si>
    <t>八講__522</t>
  </si>
  <si>
    <t>倉垣小杉雑種地1</t>
  </si>
  <si>
    <t>倉垣小杉__216</t>
  </si>
  <si>
    <t>倉垣小杉公園</t>
  </si>
  <si>
    <t>倉垣小杉__83</t>
  </si>
  <si>
    <t>住吉台第1公園</t>
  </si>
  <si>
    <t>本開発__1187-6</t>
  </si>
  <si>
    <t>本開発__1187-24</t>
  </si>
  <si>
    <t>本開発__1187-28</t>
  </si>
  <si>
    <t>本開発__1264-5</t>
  </si>
  <si>
    <t>本開発__1264-6</t>
  </si>
  <si>
    <t>本開発__1264-18</t>
  </si>
  <si>
    <t>本開発宅地1</t>
  </si>
  <si>
    <t>本開発__1187-9</t>
  </si>
  <si>
    <t>本開発宅地2</t>
  </si>
  <si>
    <t>本開発__1203-10</t>
  </si>
  <si>
    <t>放生津町境内地1</t>
  </si>
  <si>
    <t>放生津町__1964-2</t>
  </si>
  <si>
    <t>大江保育園</t>
  </si>
  <si>
    <t>大江__1464</t>
  </si>
  <si>
    <t>大江__1465-1</t>
  </si>
  <si>
    <t>大江__1466-1</t>
  </si>
  <si>
    <t>放生津町宅地3</t>
  </si>
  <si>
    <t>放生津町__1088-9</t>
  </si>
  <si>
    <t>放生津町宅地2</t>
  </si>
  <si>
    <t>放生津町__1088-2</t>
  </si>
  <si>
    <t>放生津町__1088-3</t>
  </si>
  <si>
    <t>放生津町__1088-4</t>
  </si>
  <si>
    <t>放生津町__1088-5</t>
  </si>
  <si>
    <t>放生津町__1088-7</t>
  </si>
  <si>
    <t>放生津町__1089-1</t>
  </si>
  <si>
    <t>新開発防火水槽用地</t>
  </si>
  <si>
    <t>新開発__461-27</t>
  </si>
  <si>
    <t>新開発第2小公園</t>
  </si>
  <si>
    <t>新開発__532-4</t>
  </si>
  <si>
    <t>新開発第4小公園</t>
  </si>
  <si>
    <t>新開発__678-5</t>
  </si>
  <si>
    <t>新開発雑種地1</t>
  </si>
  <si>
    <t>新開発__98-1</t>
  </si>
  <si>
    <t>新開発__99-4</t>
  </si>
  <si>
    <t>赤井防火水槽用地1</t>
  </si>
  <si>
    <t>赤井_水落_11-3</t>
  </si>
  <si>
    <t>北高木小林線道路用地残地</t>
  </si>
  <si>
    <t>赤井_水落_14-11</t>
  </si>
  <si>
    <t>赤井水落14－11</t>
  </si>
  <si>
    <t>赤井_水落_14-6</t>
  </si>
  <si>
    <t>赤井水落14－6</t>
  </si>
  <si>
    <t>赤井第２小公園</t>
  </si>
  <si>
    <t>赤井_下間掛_88-22</t>
  </si>
  <si>
    <t>赤井_下間掛_88-26</t>
  </si>
  <si>
    <t>池多保育園</t>
  </si>
  <si>
    <t>椎土_井田窪_1105-5</t>
  </si>
  <si>
    <t>椎土_井田窪_1134</t>
  </si>
  <si>
    <t>椎土_井田窪_1136-2</t>
  </si>
  <si>
    <t>椎土_井田窪_1136-4</t>
  </si>
  <si>
    <t>椎土_井田窪_1138-1</t>
  </si>
  <si>
    <t>池多__641</t>
  </si>
  <si>
    <t>椎土_井田窪_1111-3</t>
  </si>
  <si>
    <t>椎土_井田窪_1111-4</t>
  </si>
  <si>
    <t>椎土_井田窪_1111-5</t>
  </si>
  <si>
    <t>椎土_井田窪_1119-1</t>
  </si>
  <si>
    <t>椎土_井田窪_1119-2</t>
  </si>
  <si>
    <t>椎土_井田窪_1119-4</t>
  </si>
  <si>
    <t>椎土_井田窪_1119-5</t>
  </si>
  <si>
    <t>椎土_井田窪_1133</t>
  </si>
  <si>
    <t>赤井字下間掛雑種地1</t>
  </si>
  <si>
    <t>赤井_下間掛_88-23</t>
  </si>
  <si>
    <t>赤井字上間掛宅地1</t>
  </si>
  <si>
    <t>赤井_上間掛_178-2</t>
  </si>
  <si>
    <t>赤井防火水槽用地2</t>
  </si>
  <si>
    <t>赤井_上間掛_184-3</t>
  </si>
  <si>
    <t>赤井第1小公園</t>
  </si>
  <si>
    <t>赤井_上間掛_238-10</t>
  </si>
  <si>
    <t>赤井字馬塚雑種地1</t>
  </si>
  <si>
    <t>赤井_馬_533-4</t>
  </si>
  <si>
    <t>鳥取雑種地1</t>
  </si>
  <si>
    <t>鳥取__71</t>
  </si>
  <si>
    <t>鳥取__72-1</t>
  </si>
  <si>
    <t>鳥取雑種地2</t>
  </si>
  <si>
    <t>鳥取__73-3</t>
  </si>
  <si>
    <t>旧太閤山保育園</t>
  </si>
  <si>
    <t>太閤山１丁目__11</t>
  </si>
  <si>
    <t>太閤山１丁目__12</t>
  </si>
  <si>
    <t>放生津町宅地1</t>
  </si>
  <si>
    <t>放生津町__1087-1</t>
  </si>
  <si>
    <t>南高木公園地1</t>
  </si>
  <si>
    <t>南高木__322</t>
  </si>
  <si>
    <t>南高木__323</t>
  </si>
  <si>
    <t>南高木__324</t>
  </si>
  <si>
    <t>北高木雑種地2</t>
  </si>
  <si>
    <t>北高木__115-2</t>
  </si>
  <si>
    <t>北高木__116-2</t>
  </si>
  <si>
    <t>北高木雑種地3</t>
  </si>
  <si>
    <t>北高木__155-1</t>
  </si>
  <si>
    <t>北高木__156-2</t>
  </si>
  <si>
    <t>北高木__287-1</t>
  </si>
  <si>
    <t>大島企業団地</t>
  </si>
  <si>
    <t>北高木__465-6</t>
  </si>
  <si>
    <t>小林雑種地2</t>
  </si>
  <si>
    <t>小林__297-2</t>
  </si>
  <si>
    <t>本町二丁目宅地1</t>
  </si>
  <si>
    <t>本町二丁目__1107-4</t>
  </si>
  <si>
    <t>千成保育園</t>
  </si>
  <si>
    <t>中太閤山１１丁目__2</t>
  </si>
  <si>
    <t>本町一丁目宅地1</t>
  </si>
  <si>
    <t>本町一丁目__166-2</t>
  </si>
  <si>
    <t>八塚第４小公園</t>
  </si>
  <si>
    <t>八塚__1222</t>
  </si>
  <si>
    <t>庄川本町宅地1</t>
  </si>
  <si>
    <t>庄川本町__99-39</t>
  </si>
  <si>
    <t>庄川本町__99-41</t>
  </si>
  <si>
    <t>ゲートサイン（八塚）</t>
  </si>
  <si>
    <t>八塚_土田_176-7</t>
  </si>
  <si>
    <t>土田第2公園地1</t>
  </si>
  <si>
    <t>八塚_土田_19-22</t>
  </si>
  <si>
    <t>八塚字土田宅地1</t>
  </si>
  <si>
    <t>八塚_土田_23-39</t>
  </si>
  <si>
    <t>八塚_土田_30-2</t>
  </si>
  <si>
    <t>八塚字土田消雪施設用地</t>
  </si>
  <si>
    <t>八塚_土田_23-48</t>
  </si>
  <si>
    <t>八塚第2小公園</t>
  </si>
  <si>
    <t>八塚_川田_294-4</t>
  </si>
  <si>
    <t>都市計画道路大島３号線用地残地</t>
  </si>
  <si>
    <t>八塚_西田_466-1</t>
  </si>
  <si>
    <t>八塚_西田_467-1</t>
  </si>
  <si>
    <t>八塚_西田_467-2</t>
  </si>
  <si>
    <t>八塚字西田宅地2</t>
  </si>
  <si>
    <t>八塚_西田_605-2</t>
  </si>
  <si>
    <t>八塚第1小公園</t>
  </si>
  <si>
    <t>八塚_西田_608</t>
  </si>
  <si>
    <t>八塚_西田_609</t>
  </si>
  <si>
    <t>庄川本町宅地3</t>
  </si>
  <si>
    <t>庄川本町__107-82</t>
  </si>
  <si>
    <t>小島雑種地3</t>
  </si>
  <si>
    <t>小島__1111-4</t>
  </si>
  <si>
    <t>庄川本町宅地2</t>
  </si>
  <si>
    <t>庄川本町__107-67</t>
  </si>
  <si>
    <t>常盤町チビッコひろ場</t>
  </si>
  <si>
    <t>小島__1192-1</t>
  </si>
  <si>
    <t>小島__1192-6</t>
  </si>
  <si>
    <t>小島消雪施設用地2</t>
  </si>
  <si>
    <t>小島__1239-3</t>
  </si>
  <si>
    <t>小島宅地2</t>
  </si>
  <si>
    <t>小島__1246-4</t>
  </si>
  <si>
    <t>小島__1247-3</t>
  </si>
  <si>
    <t>小島雑種地1</t>
  </si>
  <si>
    <t>小島__322-4</t>
  </si>
  <si>
    <t>庄川本町雑種地2</t>
  </si>
  <si>
    <t>庄川本町__101-19</t>
  </si>
  <si>
    <t>小島雑種地6</t>
  </si>
  <si>
    <t>小島__3960</t>
  </si>
  <si>
    <t>太閤山児童館</t>
  </si>
  <si>
    <t>中太閤山１３丁目__3-2</t>
  </si>
  <si>
    <t>庄川本町雑種地1</t>
  </si>
  <si>
    <t>庄川本町__101-18</t>
  </si>
  <si>
    <t>小島第5小公園</t>
  </si>
  <si>
    <t>小島__4041</t>
  </si>
  <si>
    <t>小島第6小公園</t>
  </si>
  <si>
    <t>小島__4066</t>
  </si>
  <si>
    <t>小島ポケットパ－ク</t>
  </si>
  <si>
    <t>小島__500-4</t>
  </si>
  <si>
    <t>穂野香公園</t>
  </si>
  <si>
    <t>小島__501-9</t>
  </si>
  <si>
    <t>中央児童公園</t>
  </si>
  <si>
    <t>小島__638-1</t>
  </si>
  <si>
    <t>小島__642-1</t>
  </si>
  <si>
    <t>小島__638-2</t>
  </si>
  <si>
    <t>小島__638-3</t>
  </si>
  <si>
    <t>小島__639-1</t>
  </si>
  <si>
    <t>小島__639-2</t>
  </si>
  <si>
    <t>小島__639-3</t>
  </si>
  <si>
    <t>小島__640-1</t>
  </si>
  <si>
    <t>小島__640-2</t>
  </si>
  <si>
    <t>小島__641</t>
  </si>
  <si>
    <t>中野字前田雑種地1</t>
  </si>
  <si>
    <t>中野_前田_1251-56</t>
  </si>
  <si>
    <t>戸破_神川_4200-3</t>
  </si>
  <si>
    <t>戸破_神川_4200-7</t>
  </si>
  <si>
    <t>戸破_神川_4200-8</t>
  </si>
  <si>
    <t>戸破_神川_4200-11</t>
  </si>
  <si>
    <t>戸破_神川_4227-2</t>
  </si>
  <si>
    <t>戸破_神川_4228-2</t>
  </si>
  <si>
    <t>戸破_神川_4200-6</t>
  </si>
  <si>
    <t>戸破_神川_4200-23</t>
  </si>
  <si>
    <t>戸破_神川_4230-1</t>
  </si>
  <si>
    <t>大島分庁舎駐車場</t>
  </si>
  <si>
    <t>小島__686-1</t>
  </si>
  <si>
    <t>小島__686-2</t>
  </si>
  <si>
    <t>小島__686-5</t>
  </si>
  <si>
    <t>小島__687-2</t>
  </si>
  <si>
    <t>小島__688-2</t>
  </si>
  <si>
    <t>港町雑種地1</t>
  </si>
  <si>
    <t>港町__515</t>
  </si>
  <si>
    <t>小島雑種地2</t>
  </si>
  <si>
    <t>小島__793</t>
  </si>
  <si>
    <t>小島字川田雑種地1</t>
  </si>
  <si>
    <t>小島_川田_3015-6</t>
  </si>
  <si>
    <t>小島字川田雑種地2</t>
  </si>
  <si>
    <t>小島_川田_3376-6</t>
  </si>
  <si>
    <t>小島_川田_3376-7</t>
  </si>
  <si>
    <t>小島_川田_3376-8</t>
  </si>
  <si>
    <t>桜台第2公園</t>
  </si>
  <si>
    <t>小島_中田_3420-11</t>
  </si>
  <si>
    <t>中野_前田_1251-6</t>
  </si>
  <si>
    <t>庄西町一丁目宅地1</t>
  </si>
  <si>
    <t>庄西町一丁目__611-9</t>
  </si>
  <si>
    <t>港町宅地4</t>
  </si>
  <si>
    <t>港町__2572-7</t>
  </si>
  <si>
    <t>港町__2572-8</t>
  </si>
  <si>
    <t>桜台第3緑地</t>
  </si>
  <si>
    <t>中野_前田_1251-61</t>
  </si>
  <si>
    <t>中野字出口雑種地1</t>
  </si>
  <si>
    <t>中野_出口_814-2</t>
  </si>
  <si>
    <t>中野字塚田雑種地1</t>
  </si>
  <si>
    <t>中野_田_341</t>
  </si>
  <si>
    <t>中野字塚田雑種地2</t>
  </si>
  <si>
    <t>中野_田_351-2</t>
  </si>
  <si>
    <t>中野字塚田雑種地3</t>
  </si>
  <si>
    <t>中野_田_385-2/1</t>
  </si>
  <si>
    <t>地域生活支援・交流ハウスふらっと</t>
  </si>
  <si>
    <t>太閤町__4</t>
  </si>
  <si>
    <t>太閤町__5</t>
  </si>
  <si>
    <t>中野字塚田雑種地4</t>
  </si>
  <si>
    <t>中野_田_421</t>
  </si>
  <si>
    <t>中野字塚田雑種地5</t>
  </si>
  <si>
    <t>中野_田_513-4</t>
  </si>
  <si>
    <t>中野_田_514-1</t>
  </si>
  <si>
    <t>みどり台公園</t>
  </si>
  <si>
    <t>若杉__127-4</t>
  </si>
  <si>
    <t>若杉雑種地3</t>
  </si>
  <si>
    <t>若杉__148</t>
  </si>
  <si>
    <t>若杉雑種地4</t>
  </si>
  <si>
    <t>若杉__150</t>
  </si>
  <si>
    <t>若杉雑種地5</t>
  </si>
  <si>
    <t>若杉__203</t>
  </si>
  <si>
    <t>若杉雑種地6</t>
  </si>
  <si>
    <t>若杉__215-18</t>
  </si>
  <si>
    <t>旧小杉庁舎</t>
  </si>
  <si>
    <t>戸破_後宝_1511-6</t>
  </si>
  <si>
    <t>若杉雑種地7</t>
  </si>
  <si>
    <t>若杉__237-2</t>
  </si>
  <si>
    <t>若杉雑種地1</t>
  </si>
  <si>
    <t>若杉__39-2</t>
  </si>
  <si>
    <t>桜台第1公園</t>
  </si>
  <si>
    <t>若杉__476</t>
  </si>
  <si>
    <t>若杉雑種地8</t>
  </si>
  <si>
    <t>若杉__478</t>
  </si>
  <si>
    <t>若杉雑種地2</t>
  </si>
  <si>
    <t>若杉__81</t>
  </si>
  <si>
    <t>北野字南野雑種地1</t>
  </si>
  <si>
    <t>北野_南野_1624-10</t>
  </si>
  <si>
    <t>北野字南野雑種地2</t>
  </si>
  <si>
    <t>北野_南野_1638-1</t>
  </si>
  <si>
    <t>市営越中大門駅前駐車場</t>
  </si>
  <si>
    <t>北野_大島_1446-9</t>
  </si>
  <si>
    <t>新町駐輪場</t>
  </si>
  <si>
    <t>北野_大島_1483</t>
  </si>
  <si>
    <t>大島南部公園</t>
  </si>
  <si>
    <t>北野_大島_1494-1</t>
  </si>
  <si>
    <t>北野_大島_1506-1</t>
  </si>
  <si>
    <t>北野字大島雑種地1</t>
  </si>
  <si>
    <t>北野_大島_1527-6</t>
  </si>
  <si>
    <t>都市計画道路駅前線用地残地1</t>
  </si>
  <si>
    <t>北野_大島_1541-1</t>
  </si>
  <si>
    <t>北野_大島_1541-3</t>
  </si>
  <si>
    <t>北野_大島_1541-4</t>
  </si>
  <si>
    <t>小島__1227-1</t>
  </si>
  <si>
    <t>小島1227-1</t>
  </si>
  <si>
    <t>小島__1228-2</t>
  </si>
  <si>
    <t>小島1228-2</t>
  </si>
  <si>
    <t>新富町第1小公園</t>
  </si>
  <si>
    <t>北野_八切_1558-41</t>
  </si>
  <si>
    <t>都市計画道路駅前線用地残地2</t>
  </si>
  <si>
    <t>北野_八切_1558-44</t>
  </si>
  <si>
    <t>北野_八切_1558-46</t>
  </si>
  <si>
    <t>小杉体育館</t>
  </si>
  <si>
    <t>黒河__711-1</t>
  </si>
  <si>
    <t>黒河__711-2</t>
  </si>
  <si>
    <t>黒河__712-1</t>
  </si>
  <si>
    <t>黒河__712-2</t>
  </si>
  <si>
    <t>黒河__713-1</t>
  </si>
  <si>
    <t>黒河__713-2</t>
  </si>
  <si>
    <t>黒河__1346</t>
  </si>
  <si>
    <t>港町宅地5</t>
  </si>
  <si>
    <t>港町__2572-11</t>
  </si>
  <si>
    <t>北の杜公園</t>
  </si>
  <si>
    <t>大島北野__49-5</t>
  </si>
  <si>
    <t>庄西町一丁目宅地2</t>
  </si>
  <si>
    <t>庄西町一丁目__1382-5</t>
  </si>
  <si>
    <t>庄西町二丁目宅地1</t>
  </si>
  <si>
    <t>庄西町二丁目__324-9</t>
  </si>
  <si>
    <t>新湊コミュニティセンター駐車場</t>
  </si>
  <si>
    <t>本町一丁目__457-6</t>
  </si>
  <si>
    <t>本町一丁目__457-10</t>
  </si>
  <si>
    <t>南立町公民館</t>
  </si>
  <si>
    <t>立町__1468-2</t>
  </si>
  <si>
    <t>ゲートサイン（本開発）</t>
  </si>
  <si>
    <t>本開発_代官免_468-1</t>
  </si>
  <si>
    <t>立町宅地6</t>
  </si>
  <si>
    <t>立町__1656-11</t>
  </si>
  <si>
    <t>三箇防火水槽敷地</t>
  </si>
  <si>
    <t>下村三箇__229</t>
  </si>
  <si>
    <t>旧太閤山小学校グラウンド</t>
  </si>
  <si>
    <t>太閤山８丁目__3</t>
  </si>
  <si>
    <t>大門字坊田宅地1</t>
  </si>
  <si>
    <t>大門島_坊田_2054-1</t>
  </si>
  <si>
    <t>大門島_坊田_2054-6</t>
  </si>
  <si>
    <t>黒河新字表野雑種地1</t>
  </si>
  <si>
    <t>黒河新_表野_125-5</t>
  </si>
  <si>
    <t>黒河新字表野雑種地2</t>
  </si>
  <si>
    <t>黒河新_表野_125-7</t>
  </si>
  <si>
    <t>港町宅地3</t>
  </si>
  <si>
    <t>港町__2571-8</t>
  </si>
  <si>
    <t>庄川本町宅地4</t>
  </si>
  <si>
    <t>庄川本町__288</t>
  </si>
  <si>
    <t>八幡町三丁目宅地2</t>
  </si>
  <si>
    <t>八幡町三丁目__822</t>
  </si>
  <si>
    <t>八幡町三丁目__823</t>
  </si>
  <si>
    <t>中新湊公園地1</t>
  </si>
  <si>
    <t>中新湊__180-4</t>
  </si>
  <si>
    <t>小杉地区センター</t>
  </si>
  <si>
    <t>戸破_四反田_1032-3</t>
  </si>
  <si>
    <t>戸破_四反田_1032-5</t>
  </si>
  <si>
    <t>戸破_四反田_1033-3</t>
  </si>
  <si>
    <t>戸破_四反田_1034-1</t>
  </si>
  <si>
    <t>朴木雑種地1</t>
  </si>
  <si>
    <t>朴木__272-18</t>
  </si>
  <si>
    <t>片口雑種地1</t>
  </si>
  <si>
    <t>片口__18-4</t>
  </si>
  <si>
    <t>三ケ宅地6</t>
  </si>
  <si>
    <t>三ケ__2259-9</t>
  </si>
  <si>
    <t>戸破字神川宅地5</t>
  </si>
  <si>
    <t>戸破_神川_4238-3</t>
  </si>
  <si>
    <t>ひばりケ丘児童遊園地</t>
  </si>
  <si>
    <t>戸破_若宮_3438-14</t>
  </si>
  <si>
    <t>戸破字若宮雑種地3</t>
  </si>
  <si>
    <t>戸破_若宮_3438-15</t>
  </si>
  <si>
    <t>戸破字若宮雑種地2</t>
  </si>
  <si>
    <t>戸破_若宮_3054-18</t>
  </si>
  <si>
    <t>戸破字若宮雑種地1</t>
  </si>
  <si>
    <t>戸破_若宮_3041-17</t>
  </si>
  <si>
    <t>手崎字石太郎雑種地1</t>
  </si>
  <si>
    <t>手崎_石太郎_1041-19</t>
  </si>
  <si>
    <t>黒河字尺目雑種地1</t>
  </si>
  <si>
    <t>黒河_尺目_2516-6</t>
  </si>
  <si>
    <t>黒河_尺目_2516-7</t>
  </si>
  <si>
    <t>小杉ふれあいセンター</t>
  </si>
  <si>
    <t>南太閤山１７丁目__1-1</t>
  </si>
  <si>
    <t>南太閤山17丁目1－4</t>
  </si>
  <si>
    <t>黒河字竹山雑種地1</t>
  </si>
  <si>
    <t>黒河_竹山_3103-2</t>
  </si>
  <si>
    <t>南太閤山１３丁目雑種地1</t>
  </si>
  <si>
    <t>南太閤山１３丁目__62</t>
  </si>
  <si>
    <t>南太閤山１３丁目雑種地2</t>
  </si>
  <si>
    <t>南太閤山１３丁目__63</t>
  </si>
  <si>
    <t>南太閤山１４丁目雑種地1</t>
  </si>
  <si>
    <t>南太閤山１４丁目__111</t>
  </si>
  <si>
    <t>大島小学校</t>
  </si>
  <si>
    <t>小島__674</t>
  </si>
  <si>
    <t>小島__664</t>
  </si>
  <si>
    <t>小島__665</t>
  </si>
  <si>
    <t>小島__666-1</t>
  </si>
  <si>
    <t>小島__667-1</t>
  </si>
  <si>
    <t>小島__668-1</t>
  </si>
  <si>
    <t>小島__672-1</t>
  </si>
  <si>
    <t>小島__672-4</t>
  </si>
  <si>
    <t>小島__673-1</t>
  </si>
  <si>
    <t>小島__673-2</t>
  </si>
  <si>
    <t>小島__673</t>
  </si>
  <si>
    <t>小島__675-1</t>
  </si>
  <si>
    <t>小島__675-6</t>
  </si>
  <si>
    <t>小島__676-1</t>
  </si>
  <si>
    <t>小島__679</t>
  </si>
  <si>
    <t>小島__660</t>
  </si>
  <si>
    <t>小島__661</t>
  </si>
  <si>
    <t>小島__662</t>
  </si>
  <si>
    <t>小島__663</t>
  </si>
  <si>
    <t>三ケ_茶ノ木_1769-10</t>
  </si>
  <si>
    <t>串田字鳥越山林1</t>
  </si>
  <si>
    <t>串田_鳥越_175-18</t>
  </si>
  <si>
    <t>串田字鳥越山林3</t>
  </si>
  <si>
    <t>串田_鳥越_182-4</t>
  </si>
  <si>
    <t>水雪対策センター</t>
  </si>
  <si>
    <t>日宮_寺山_147-1</t>
  </si>
  <si>
    <t>日宮_寺山_147-2</t>
  </si>
  <si>
    <t>日宮_寺山_148-1</t>
  </si>
  <si>
    <t>日宮_寺山_149-1</t>
  </si>
  <si>
    <t>日宮_寺山_149-2</t>
  </si>
  <si>
    <t>日宮_寺山_150-1</t>
  </si>
  <si>
    <t>日宮_寺山_150-2</t>
  </si>
  <si>
    <t>串田字鳥越山林5</t>
  </si>
  <si>
    <t>串田_鳥越_222</t>
  </si>
  <si>
    <t>串田_鳥越_231-1</t>
  </si>
  <si>
    <t>串田_鳥越_231-5</t>
  </si>
  <si>
    <t>串田_鳥越_231-6</t>
  </si>
  <si>
    <t>大門字道山雑種地1</t>
  </si>
  <si>
    <t>大門_道山_106-3</t>
  </si>
  <si>
    <t>市営大島駐車場</t>
  </si>
  <si>
    <t>小島__724</t>
  </si>
  <si>
    <t>小島__725</t>
  </si>
  <si>
    <t>グリーンパークだいもん</t>
  </si>
  <si>
    <t>二口__3142</t>
  </si>
  <si>
    <t>二口__3143</t>
  </si>
  <si>
    <t>二口__3276</t>
  </si>
  <si>
    <t>塚原テニスコート、ゲートボール場</t>
  </si>
  <si>
    <t>寺塚原__905-1</t>
  </si>
  <si>
    <t>川口宮袋入会地_大法寺_6569-1</t>
  </si>
  <si>
    <t>川口宮袋入会地_大法寺_6570-1</t>
  </si>
  <si>
    <t>川口宮袋入会地_大法寺_6570-4</t>
  </si>
  <si>
    <t>川口宮袋入会地_大法寺_6571-1</t>
  </si>
  <si>
    <t>川口宮袋入会地_大法寺_6576-1</t>
  </si>
  <si>
    <t>川口宮袋入会地_大法寺_6577</t>
  </si>
  <si>
    <t>川口宮袋入会地_大法寺_6578-1</t>
  </si>
  <si>
    <t>川口宮袋入会地_大法寺_6579-1</t>
  </si>
  <si>
    <t>川口宮袋入会地_大法寺_6580-1</t>
  </si>
  <si>
    <t>川口宮袋入会地_大法寺_6582-1</t>
  </si>
  <si>
    <t>川口宮袋入会地_大法寺_6552-1</t>
  </si>
  <si>
    <t>川口宮袋入会地_大法寺_6583</t>
  </si>
  <si>
    <t>川口宮袋入会地_大法寺_6584</t>
  </si>
  <si>
    <t>川口宮袋入会地_大法寺_6585-1</t>
  </si>
  <si>
    <t>川口宮袋入会地_大法寺_6553-1</t>
  </si>
  <si>
    <t>川口宮袋入会地_大法寺_6554-1</t>
  </si>
  <si>
    <t>川口宮袋入会地_大法寺_6555</t>
  </si>
  <si>
    <t>川口宮袋入会地_大法寺_6556</t>
  </si>
  <si>
    <t>川口宮袋入会地_大法寺_6557</t>
  </si>
  <si>
    <t>川口宮袋入会地_大法寺_6558</t>
  </si>
  <si>
    <t>川口宮袋入会地_大法寺_6568-1</t>
  </si>
  <si>
    <t>太閤山１０丁目雑種地2</t>
  </si>
  <si>
    <t>太閤山１０丁目__12-3</t>
  </si>
  <si>
    <t>戸破字神田田1</t>
  </si>
  <si>
    <t>戸破_神田_4455-1</t>
  </si>
  <si>
    <t>戸破_神田_4455-3</t>
  </si>
  <si>
    <t>海老江七軒字中官田1</t>
  </si>
  <si>
    <t>海老江七軒_中官_1254-1</t>
  </si>
  <si>
    <t>海老江七軒_中官_1254-2</t>
  </si>
  <si>
    <t>本江三箇字柴越畑1</t>
  </si>
  <si>
    <t>本江三箇_柴越_87-2</t>
  </si>
  <si>
    <t>朴木田1</t>
  </si>
  <si>
    <t>朴木__1-2</t>
  </si>
  <si>
    <t>青井谷字丸山田1</t>
  </si>
  <si>
    <t>青井谷_丸山_566-1</t>
  </si>
  <si>
    <t>青井谷_丸山_567-4</t>
  </si>
  <si>
    <t>歌の森運動公園</t>
  </si>
  <si>
    <t>戸破_後宝_1376</t>
  </si>
  <si>
    <t>戸破_後宝_1424-1</t>
  </si>
  <si>
    <t>黒河__1347</t>
  </si>
  <si>
    <t>黒河__1348</t>
  </si>
  <si>
    <t>黒河__1349</t>
  </si>
  <si>
    <t>黒河__1350</t>
  </si>
  <si>
    <t>黒河__1351</t>
  </si>
  <si>
    <t>黒河__1352</t>
  </si>
  <si>
    <t>黒河__1353</t>
  </si>
  <si>
    <t>黒河__1354</t>
  </si>
  <si>
    <t>黒河__1355</t>
  </si>
  <si>
    <t>黒河__1356</t>
  </si>
  <si>
    <t>戸破_後宝_1425-1</t>
  </si>
  <si>
    <t>黒河__1357</t>
  </si>
  <si>
    <t>黒河__1358</t>
  </si>
  <si>
    <t>黒河__1367-1</t>
  </si>
  <si>
    <t>戸破_後宝_1426-1</t>
  </si>
  <si>
    <t>戸破_後宝_1427-1</t>
  </si>
  <si>
    <t>戸破_後宝_1428-1</t>
  </si>
  <si>
    <t>戸破_後宝_1429-1</t>
  </si>
  <si>
    <t>戸破_後宝_1430-1</t>
  </si>
  <si>
    <t>戸破_後宝_1431-1</t>
  </si>
  <si>
    <t>戸破_後宝_1432-1</t>
  </si>
  <si>
    <t>戸破_後宝_1433-1</t>
  </si>
  <si>
    <t>戸破_後宝_1377</t>
  </si>
  <si>
    <t>戸破_後宝_1434-1</t>
  </si>
  <si>
    <t>戸破_後宝_1435-1</t>
  </si>
  <si>
    <t>戸破_後宝_1436-1</t>
  </si>
  <si>
    <t>戸破_後宝_1437-1</t>
  </si>
  <si>
    <t>戸破_後宝_1438-1</t>
  </si>
  <si>
    <t>戸破_後宝_1439-1</t>
  </si>
  <si>
    <t>戸破_後宝_1440-1</t>
  </si>
  <si>
    <t>戸破_後宝_1441-1</t>
  </si>
  <si>
    <t>戸破_後宝_1442-1</t>
  </si>
  <si>
    <t>戸破_後宝_1443-1</t>
  </si>
  <si>
    <t>戸破_後宝_1378</t>
  </si>
  <si>
    <t>戸破_後宝_1444-1</t>
  </si>
  <si>
    <t>戸破_後宝_1445-1</t>
  </si>
  <si>
    <t>戸破_後宝_1446-1</t>
  </si>
  <si>
    <t>戸破_後宝_1447-1</t>
  </si>
  <si>
    <t>戸破_後宝_1448-1</t>
  </si>
  <si>
    <t>戸破_後宝_1449</t>
  </si>
  <si>
    <t>戸破_後宝_1450-1</t>
  </si>
  <si>
    <t>戸破_後宝_1451-3</t>
  </si>
  <si>
    <t>黒河__521-3</t>
  </si>
  <si>
    <t>黒河__528</t>
  </si>
  <si>
    <t>戸破_後宝_1379</t>
  </si>
  <si>
    <t>黒河__529</t>
  </si>
  <si>
    <t>黒河__655-2</t>
  </si>
  <si>
    <t>黒河__687</t>
  </si>
  <si>
    <t>黒河__688</t>
  </si>
  <si>
    <t>黒河__689</t>
  </si>
  <si>
    <t>黒河__690-1</t>
  </si>
  <si>
    <t>黒河__690-2</t>
  </si>
  <si>
    <t>黒河__690-3</t>
  </si>
  <si>
    <t>黒河__691</t>
  </si>
  <si>
    <t>黒河__692</t>
  </si>
  <si>
    <t>戸破_後宝_1380-1</t>
  </si>
  <si>
    <t>黒河__693</t>
  </si>
  <si>
    <t>黒河__694</t>
  </si>
  <si>
    <t>黒河__695</t>
  </si>
  <si>
    <t>黒河__696</t>
  </si>
  <si>
    <t>黒河__697</t>
  </si>
  <si>
    <t>黒河__698</t>
  </si>
  <si>
    <t>黒河__699</t>
  </si>
  <si>
    <t>黒河__700</t>
  </si>
  <si>
    <t>黒河__701</t>
  </si>
  <si>
    <t>黒河__702</t>
  </si>
  <si>
    <t>戸破_後宝_1420-1</t>
  </si>
  <si>
    <t>黒河__703</t>
  </si>
  <si>
    <t>黒河__704</t>
  </si>
  <si>
    <t>黒河__705</t>
  </si>
  <si>
    <t>黒河__706</t>
  </si>
  <si>
    <t>黒河__707</t>
  </si>
  <si>
    <t>黒河__708</t>
  </si>
  <si>
    <t>黒河__709</t>
  </si>
  <si>
    <t>黒河__710</t>
  </si>
  <si>
    <t>黒河__711-4</t>
  </si>
  <si>
    <t>黒河__712-4</t>
  </si>
  <si>
    <t>戸破_後宝_1421-1</t>
  </si>
  <si>
    <t>黒河__713-4</t>
  </si>
  <si>
    <t>黒河__714-1</t>
  </si>
  <si>
    <t>黒河__714-2</t>
  </si>
  <si>
    <t>黒河__714-3</t>
  </si>
  <si>
    <t>黒河__714-4</t>
  </si>
  <si>
    <t>黒河__715</t>
  </si>
  <si>
    <t>黒河__716</t>
  </si>
  <si>
    <t>黒河__717-1</t>
  </si>
  <si>
    <t>黒河__717-2</t>
  </si>
  <si>
    <t>黒河__718</t>
  </si>
  <si>
    <t>戸破_後宝_1422-1</t>
  </si>
  <si>
    <t>黒河__719-1</t>
  </si>
  <si>
    <t>黒河__719-2</t>
  </si>
  <si>
    <t>黒河__720</t>
  </si>
  <si>
    <t>黒河__721</t>
  </si>
  <si>
    <t>黒河__722</t>
  </si>
  <si>
    <t>黒河__723</t>
  </si>
  <si>
    <t>黒河__724</t>
  </si>
  <si>
    <t>黒河__725</t>
  </si>
  <si>
    <t>黒河__726</t>
  </si>
  <si>
    <t>黒河__727</t>
  </si>
  <si>
    <t>戸破_後宝_1423-1</t>
  </si>
  <si>
    <t>黒河__728</t>
  </si>
  <si>
    <t>黒河__729</t>
  </si>
  <si>
    <t>黒河__730</t>
  </si>
  <si>
    <t>黒河__1063</t>
  </si>
  <si>
    <t>黒河__1067</t>
  </si>
  <si>
    <t>黒河__1068-1</t>
  </si>
  <si>
    <t>黒河__1069</t>
  </si>
  <si>
    <t>黒河__1072-1</t>
  </si>
  <si>
    <t>黒河__1073-1</t>
  </si>
  <si>
    <t>黒河__1345</t>
  </si>
  <si>
    <t>土合田1</t>
  </si>
  <si>
    <t>土合__881-2</t>
  </si>
  <si>
    <t>大門本江字中島田1</t>
  </si>
  <si>
    <t>大門本江_中島_660-8</t>
  </si>
  <si>
    <t>大門本江字中島畑1</t>
  </si>
  <si>
    <t>大門本江_中島_656-3</t>
  </si>
  <si>
    <t>大門本江_中島_656-4</t>
  </si>
  <si>
    <t>三ケ畑1</t>
  </si>
  <si>
    <t>三ケ__1646-1</t>
  </si>
  <si>
    <t>橋下条字囲山畑1</t>
  </si>
  <si>
    <t>橋下条_囲山_86-11</t>
  </si>
  <si>
    <t>黒河字三百野畑1</t>
  </si>
  <si>
    <t>黒河_三百野_4099-1</t>
  </si>
  <si>
    <t>小杉展示館</t>
  </si>
  <si>
    <t>戸破_神川_4286-1</t>
  </si>
  <si>
    <t>戸破_神川_4287-1</t>
  </si>
  <si>
    <t>戸破_神川_4288-1</t>
  </si>
  <si>
    <t>塚越字立沢畑1</t>
  </si>
  <si>
    <t>塚越_立沢_800-1</t>
  </si>
  <si>
    <t>水戸田字熊野畑1</t>
  </si>
  <si>
    <t>水戸田_熊野_3368-3</t>
  </si>
  <si>
    <t>今開発畑1</t>
  </si>
  <si>
    <t>今開発__395-2</t>
  </si>
  <si>
    <t>今開発字前田畑1</t>
  </si>
  <si>
    <t>本開発_前田_643-4</t>
  </si>
  <si>
    <t>小島畑1</t>
  </si>
  <si>
    <t>小島__1133</t>
  </si>
  <si>
    <t>青井谷字西俣山林1</t>
  </si>
  <si>
    <t>青井谷_西俣_4547-12</t>
  </si>
  <si>
    <t>上野山林1</t>
  </si>
  <si>
    <t>上野_赤坂_119-3</t>
  </si>
  <si>
    <t>入会地山林1</t>
  </si>
  <si>
    <t>入会地_天池_50-18</t>
  </si>
  <si>
    <t>入会地_天池_50-19</t>
  </si>
  <si>
    <t>入会地字天池山林1</t>
  </si>
  <si>
    <t>入会地_天池_57-4</t>
  </si>
  <si>
    <t>入会地_天池_58-2</t>
  </si>
  <si>
    <t>入会地_水蔵場_136-3</t>
  </si>
  <si>
    <t>入会地_天池_70-1</t>
  </si>
  <si>
    <t>入会地_天池_70-2</t>
  </si>
  <si>
    <t>小杉総合体育センター</t>
  </si>
  <si>
    <t>戸破_若宮_3111-1</t>
  </si>
  <si>
    <t>戸破_若宮_3129-1</t>
  </si>
  <si>
    <t>戸破_若宮_3140-1</t>
  </si>
  <si>
    <t>戸破_若宮_3141-1</t>
  </si>
  <si>
    <t>戸破_若宮_3141-4</t>
  </si>
  <si>
    <t>戸破_若宮_3146-1</t>
  </si>
  <si>
    <t>入会地字赤坂山林1</t>
  </si>
  <si>
    <t>入会地_赤坂_11-1</t>
  </si>
  <si>
    <t>入会地_赤坂_11-3</t>
  </si>
  <si>
    <t>入会地_赤坂_12</t>
  </si>
  <si>
    <t>入会地_赤坂_13-1</t>
  </si>
  <si>
    <t>入会地_赤坂_13-2</t>
  </si>
  <si>
    <t>入会地_流清水_11-7</t>
  </si>
  <si>
    <t>入会地_流清水_11-6</t>
  </si>
  <si>
    <t>入会地字二ノ谷山林1</t>
  </si>
  <si>
    <t>入会地_二ノ谷_53</t>
  </si>
  <si>
    <t>入会地_二ノ谷_54</t>
  </si>
  <si>
    <t>入会地_二ノ谷_55-1</t>
  </si>
  <si>
    <t>入会地字数後谷山林1</t>
  </si>
  <si>
    <t>入会地_数後谷_46-11</t>
  </si>
  <si>
    <t>入会地字堀切山林1</t>
  </si>
  <si>
    <t>入会地_堀切_16-1</t>
  </si>
  <si>
    <t>入会地字東笹鎌野山林1</t>
  </si>
  <si>
    <t>入会地_東笹鎌野_1-7</t>
  </si>
  <si>
    <t>入会地_東笹鎌野_1-8</t>
  </si>
  <si>
    <t>入会地字東笹鎌野山林2</t>
  </si>
  <si>
    <t>入会地_東笹鎌野_10-21</t>
  </si>
  <si>
    <t>入会地_東笹鎌野_10-22</t>
  </si>
  <si>
    <t>入会地_東笹鎌野_10-23</t>
  </si>
  <si>
    <t>入会地_東笹鎌野_10-24</t>
  </si>
  <si>
    <t>入会地_東笹鎌野_10-25</t>
  </si>
  <si>
    <t>小杉文化ホール</t>
  </si>
  <si>
    <t>戸破_後宝_1483-1</t>
  </si>
  <si>
    <t>戸破_後宝_1489</t>
  </si>
  <si>
    <t>戸破_後宝_1490</t>
  </si>
  <si>
    <t>戸破_後宝_1491</t>
  </si>
  <si>
    <t>戸破_後宝_1492</t>
  </si>
  <si>
    <t>戸破_後宝_1493</t>
  </si>
  <si>
    <t>戸破_後宝_1494</t>
  </si>
  <si>
    <t>戸破_後宝_1495</t>
  </si>
  <si>
    <t>戸破_後宝_1496</t>
  </si>
  <si>
    <t>戸破_後宝_1497</t>
  </si>
  <si>
    <t>戸破_後宝_1498</t>
  </si>
  <si>
    <t>戸破_後宝_1483-3</t>
  </si>
  <si>
    <t>戸破_後宝_1499</t>
  </si>
  <si>
    <t>戸破_後宝_1500-1</t>
  </si>
  <si>
    <t>戸破_後宝_1501-1</t>
  </si>
  <si>
    <t>戸破_後宝_1502-1</t>
  </si>
  <si>
    <t>戸破_後宝_1503-1</t>
  </si>
  <si>
    <t>戸破_後宝_1504-1</t>
  </si>
  <si>
    <t>戸破_後宝_1505-1</t>
  </si>
  <si>
    <t>戸破_後宝_1506-1</t>
  </si>
  <si>
    <t>戸破_後宝_1506-3</t>
  </si>
  <si>
    <t>戸破_後宝_1507-1</t>
  </si>
  <si>
    <t>戸破_後宝_1483-4</t>
  </si>
  <si>
    <t>戸破_後宝_1507-4</t>
  </si>
  <si>
    <t>戸破_後宝_1508-1</t>
  </si>
  <si>
    <t>戸破_後宝_1508-3</t>
  </si>
  <si>
    <t>戸破_後宝_1509-1</t>
  </si>
  <si>
    <t>戸破_後宝_1509-5</t>
  </si>
  <si>
    <t>戸破_後宝_1484-1</t>
  </si>
  <si>
    <t>戸破_後宝_1484-2</t>
  </si>
  <si>
    <t>戸破_後宝_1485-1</t>
  </si>
  <si>
    <t>戸破_後宝_1485-2</t>
  </si>
  <si>
    <t>戸破_後宝_1487-1</t>
  </si>
  <si>
    <t>戸破_後宝_1488</t>
  </si>
  <si>
    <t>入会地字東笹鎌野山林3</t>
  </si>
  <si>
    <t>入会地_東笹鎌野_2-5</t>
  </si>
  <si>
    <t>入会地_東笹鎌野_2-19</t>
  </si>
  <si>
    <t>入会地字東笹鎌野山林4</t>
  </si>
  <si>
    <t>入会地_東笹鎌野_95</t>
  </si>
  <si>
    <t>入会地_東笹鎌野_96</t>
  </si>
  <si>
    <t>入会地字流清水山林1</t>
  </si>
  <si>
    <t>入会地_流清水_2-2</t>
  </si>
  <si>
    <t>黒河字二十石宅地1</t>
  </si>
  <si>
    <t>黒河_二十石_5468</t>
  </si>
  <si>
    <t>山本字野田山林2</t>
  </si>
  <si>
    <t>山本_野田_13-23</t>
  </si>
  <si>
    <t>山本_野田_13-24</t>
  </si>
  <si>
    <t>山本_野田_13-28</t>
  </si>
  <si>
    <t>山本_野田_13-30</t>
  </si>
  <si>
    <t>山本_野田_13-31</t>
  </si>
  <si>
    <t>山本_野田_13-32</t>
  </si>
  <si>
    <t>山本_野田_13-33</t>
  </si>
  <si>
    <t>山本字野田山林3</t>
  </si>
  <si>
    <t>山本_野田_15-25</t>
  </si>
  <si>
    <t>山本_野田_15-37</t>
  </si>
  <si>
    <t>山本_野田_15-38</t>
  </si>
  <si>
    <t>山本_野田_15-39</t>
  </si>
  <si>
    <t>山本_野田_15-40</t>
  </si>
  <si>
    <t>山本_野田_15-12</t>
  </si>
  <si>
    <t>山本_野田_15-27</t>
  </si>
  <si>
    <t>山本_野田_15-29</t>
  </si>
  <si>
    <t>山本_野田_15-30</t>
  </si>
  <si>
    <t>山本_野田_15-32</t>
  </si>
  <si>
    <t>山本_野田_15-33</t>
  </si>
  <si>
    <t>山本_野田_15-34</t>
  </si>
  <si>
    <t>山本_野田_15-35</t>
  </si>
  <si>
    <t>山本_野田_15-36</t>
  </si>
  <si>
    <t>山本字野田山林4</t>
  </si>
  <si>
    <t>山本_野田_16-50</t>
  </si>
  <si>
    <t>山本字野田山林5</t>
  </si>
  <si>
    <t>山本_野田_16-56</t>
  </si>
  <si>
    <t>小杉シルバーワークプラザ</t>
  </si>
  <si>
    <t>三ケ__880-1</t>
  </si>
  <si>
    <t>山本字野田山林6</t>
  </si>
  <si>
    <t>山本_野田_16-57</t>
  </si>
  <si>
    <t>山本字野田山林1</t>
  </si>
  <si>
    <t>山本_野田_8-3</t>
  </si>
  <si>
    <t>山本_野田_8-5</t>
  </si>
  <si>
    <t>山本_野田_8-6</t>
  </si>
  <si>
    <t>日宮字寺山山林1</t>
  </si>
  <si>
    <t>日宮_寺山_86-2</t>
  </si>
  <si>
    <t>日宮_寺山_112-3</t>
  </si>
  <si>
    <t>日宮_寺山_87</t>
  </si>
  <si>
    <t>日宮_寺山_88-3</t>
  </si>
  <si>
    <t>日宮_寺山_89-2</t>
  </si>
  <si>
    <t>日宮_寺山_91</t>
  </si>
  <si>
    <t>日宮_寺山_92</t>
  </si>
  <si>
    <t>日宮_寺山_94-2</t>
  </si>
  <si>
    <t>日宮_寺山_95-2</t>
  </si>
  <si>
    <t>日宮_寺山_96</t>
  </si>
  <si>
    <t>日宮字寺山山林2</t>
  </si>
  <si>
    <t>日宮_寺山_116-2</t>
  </si>
  <si>
    <t>日宮_寺山_117</t>
  </si>
  <si>
    <t>日宮_寺山_118</t>
  </si>
  <si>
    <t>日宮_寺山_120</t>
  </si>
  <si>
    <t>日宮_寺山_123-1</t>
  </si>
  <si>
    <t>日宮_寺山_123-2</t>
  </si>
  <si>
    <t>日宮_寺山_123-3</t>
  </si>
  <si>
    <t>日宮_寺山_124</t>
  </si>
  <si>
    <t>日宮_寺山_126-1</t>
  </si>
  <si>
    <t>串田字明地山林1</t>
  </si>
  <si>
    <t>串田_明地_8399-1</t>
  </si>
  <si>
    <t>串田字丸山山林1</t>
  </si>
  <si>
    <t>串田_明地_8628-2</t>
  </si>
  <si>
    <t>串田_丸山_114-23</t>
  </si>
  <si>
    <t>串田字鳥越山林2</t>
  </si>
  <si>
    <t>串田_鳥越_9832-2</t>
  </si>
  <si>
    <t>串田字鳥越山林6</t>
  </si>
  <si>
    <t>串田_鳥越_240</t>
  </si>
  <si>
    <t>串田_鳥越_241</t>
  </si>
  <si>
    <t>串田_鳥越_242-1</t>
  </si>
  <si>
    <t>串田_鳥越_242-2</t>
  </si>
  <si>
    <t>水戸田字神明堂山林1</t>
  </si>
  <si>
    <t>水戸田_熊野_3322-1</t>
  </si>
  <si>
    <t>水戸田_神明堂_5</t>
  </si>
  <si>
    <t>水戸田_神明堂_13-1</t>
  </si>
  <si>
    <t>水戸田_神明堂_13-2</t>
  </si>
  <si>
    <t>水戸田_神明堂_14-1</t>
  </si>
  <si>
    <t>水戸田_神明堂_15</t>
  </si>
  <si>
    <t>水戸田_神明堂_53-5</t>
  </si>
  <si>
    <t>水戸田_熊野_3322-2</t>
  </si>
  <si>
    <t>水戸田_熊野_3324</t>
  </si>
  <si>
    <t>水戸田_熊野_3325</t>
  </si>
  <si>
    <t>水戸田_熊野_3326-1</t>
  </si>
  <si>
    <t>水戸田_熊野_3326-2</t>
  </si>
  <si>
    <t>水戸田_神明堂_4-2</t>
  </si>
  <si>
    <t>水戸田_神明堂_4-3</t>
  </si>
  <si>
    <t>水戸田_神明堂_4-5</t>
  </si>
  <si>
    <t>水戸田字熊野山林1</t>
  </si>
  <si>
    <t>水戸田_熊野_3419</t>
  </si>
  <si>
    <t>生源寺字本江山山林1</t>
  </si>
  <si>
    <t>生源寺_本江山_4235-3</t>
  </si>
  <si>
    <t>生源寺字本江山山林2</t>
  </si>
  <si>
    <t>生源寺_本江山_4239</t>
  </si>
  <si>
    <t>生源寺字本江山山林3</t>
  </si>
  <si>
    <t>生源寺_本江山_4242-3</t>
  </si>
  <si>
    <t>生源寺字南山山林1</t>
  </si>
  <si>
    <t>生源寺_南山_2-3</t>
  </si>
  <si>
    <t>生源寺_南山_4-4</t>
  </si>
  <si>
    <t>三日曽根墓地1</t>
  </si>
  <si>
    <t>三日曽根__1-7</t>
  </si>
  <si>
    <t>三日曽根__1-9</t>
  </si>
  <si>
    <t>海老江練合墓地1</t>
  </si>
  <si>
    <t>海老江練合__159-1</t>
  </si>
  <si>
    <t>七美中野墓地1</t>
  </si>
  <si>
    <t>七美中野__126</t>
  </si>
  <si>
    <t>七美中野墓地2</t>
  </si>
  <si>
    <t>七美中野__176</t>
  </si>
  <si>
    <t>寺塚原墓地1</t>
  </si>
  <si>
    <t>寺塚原__215</t>
  </si>
  <si>
    <t>寺塚原墓地2</t>
  </si>
  <si>
    <t>寺塚原__312</t>
  </si>
  <si>
    <t>寺塚原墓地3</t>
  </si>
  <si>
    <t>寺塚原__725</t>
  </si>
  <si>
    <t>沖塚原墓地1</t>
  </si>
  <si>
    <t>沖塚原__309</t>
  </si>
  <si>
    <t>沖塚原墓地2</t>
  </si>
  <si>
    <t>沖塚原__337-1</t>
  </si>
  <si>
    <t>沖塚原墓地3</t>
  </si>
  <si>
    <t>沖塚原__341-2</t>
  </si>
  <si>
    <t>沖塚原墓地4</t>
  </si>
  <si>
    <t>沖塚原__388</t>
  </si>
  <si>
    <t>沖塚原墓地5</t>
  </si>
  <si>
    <t>沖塚原__485</t>
  </si>
  <si>
    <t>沖塚原墓地6</t>
  </si>
  <si>
    <t>沖塚原__506</t>
  </si>
  <si>
    <t>沖塚原墓地7</t>
  </si>
  <si>
    <t>沖塚原__713</t>
  </si>
  <si>
    <t>消防団　水戸田分団屯所</t>
  </si>
  <si>
    <t>水戸田_熊野_3497-1</t>
  </si>
  <si>
    <t>水戸田_熊野_3498-1</t>
  </si>
  <si>
    <t>生源寺_山下野_313-2</t>
  </si>
  <si>
    <t>生源寺_山下野_313-4</t>
  </si>
  <si>
    <t>生源寺_山下野_317-1</t>
  </si>
  <si>
    <t>生源寺_山下野_317-2</t>
  </si>
  <si>
    <t>生源寺_山下野_327-3</t>
  </si>
  <si>
    <t>大江グラウンド</t>
  </si>
  <si>
    <t>大江__93-1</t>
  </si>
  <si>
    <t>大江__102</t>
  </si>
  <si>
    <t>大江__103-1</t>
  </si>
  <si>
    <t>大江__94-1</t>
  </si>
  <si>
    <t>大江__95-1</t>
  </si>
  <si>
    <t>大江__96-1</t>
  </si>
  <si>
    <t>大江__97-1</t>
  </si>
  <si>
    <t>大江__98</t>
  </si>
  <si>
    <t>大江__99</t>
  </si>
  <si>
    <t>大江__100</t>
  </si>
  <si>
    <t>大江__101</t>
  </si>
  <si>
    <t>沖塚原墓地8</t>
  </si>
  <si>
    <t>沖塚原__731</t>
  </si>
  <si>
    <t>鏡宮墓地1</t>
  </si>
  <si>
    <t>鏡宮__444</t>
  </si>
  <si>
    <t>野村墓地1</t>
  </si>
  <si>
    <t>野村__199</t>
  </si>
  <si>
    <t>野村墓地2</t>
  </si>
  <si>
    <t>野村__734</t>
  </si>
  <si>
    <t>野村墓地3</t>
  </si>
  <si>
    <t>野村__739</t>
  </si>
  <si>
    <t>野村墓地4</t>
  </si>
  <si>
    <t>野村__744</t>
  </si>
  <si>
    <t>沖墓地1</t>
  </si>
  <si>
    <t>沖__161-1</t>
  </si>
  <si>
    <t>久々湊墓地1</t>
  </si>
  <si>
    <t>久々湊__204</t>
  </si>
  <si>
    <t>久々湊墓地2</t>
  </si>
  <si>
    <t>久々湊__222</t>
  </si>
  <si>
    <t>久々湊墓地3</t>
  </si>
  <si>
    <t>久々湊__248</t>
  </si>
  <si>
    <t>加茂緑地</t>
  </si>
  <si>
    <t>戸破_加茂_2036-1</t>
  </si>
  <si>
    <t>戸破_加茂_2037-1</t>
  </si>
  <si>
    <t>戸破_加茂_2038-1</t>
  </si>
  <si>
    <t>戸破_加茂_2039</t>
  </si>
  <si>
    <t>戸破_加茂_2040</t>
  </si>
  <si>
    <t>久々湊墓地4</t>
  </si>
  <si>
    <t>久々湊__411</t>
  </si>
  <si>
    <t>久々湊墓地5</t>
  </si>
  <si>
    <t>久々湊__413</t>
  </si>
  <si>
    <t>津幡江墓地1</t>
  </si>
  <si>
    <t>津幡江__172</t>
  </si>
  <si>
    <t>今井墓地1</t>
  </si>
  <si>
    <t>今井__366</t>
  </si>
  <si>
    <t>今井墓地2</t>
  </si>
  <si>
    <t>今井__495</t>
  </si>
  <si>
    <t>今井墓地3</t>
  </si>
  <si>
    <t>今井__586</t>
  </si>
  <si>
    <t>今井墓地4</t>
  </si>
  <si>
    <t>今井__616</t>
  </si>
  <si>
    <t>今井墓地5</t>
  </si>
  <si>
    <t>今井__658</t>
  </si>
  <si>
    <t>高木墓地1</t>
  </si>
  <si>
    <t>高木__179</t>
  </si>
  <si>
    <t>高木墓地2</t>
  </si>
  <si>
    <t>高木__202</t>
  </si>
  <si>
    <t>田町緑地</t>
  </si>
  <si>
    <t>三ケ__946-1</t>
  </si>
  <si>
    <t>三ケ__946-2</t>
  </si>
  <si>
    <t>三ケ__947</t>
  </si>
  <si>
    <t>三ケ__948-1</t>
  </si>
  <si>
    <t>三ケ__949-2</t>
  </si>
  <si>
    <t>高木墓地3</t>
  </si>
  <si>
    <t>高木__224</t>
  </si>
  <si>
    <t>高木墓地4</t>
  </si>
  <si>
    <t>高木__237</t>
  </si>
  <si>
    <t>高木墓地5</t>
  </si>
  <si>
    <t>高木__334</t>
  </si>
  <si>
    <t>高木墓地6</t>
  </si>
  <si>
    <t>高木__342</t>
  </si>
  <si>
    <t>布目墓地1</t>
  </si>
  <si>
    <t>布目__28</t>
  </si>
  <si>
    <t>布目墓地2</t>
  </si>
  <si>
    <t>布目__29</t>
  </si>
  <si>
    <t>片口墓地1</t>
  </si>
  <si>
    <t>片口__128</t>
  </si>
  <si>
    <t>片口墓地2</t>
  </si>
  <si>
    <t>片口__213</t>
  </si>
  <si>
    <t>片口字浜道墓地1</t>
  </si>
  <si>
    <t>片口__224</t>
  </si>
  <si>
    <t>片口_浜道_923-52</t>
  </si>
  <si>
    <t>片口_浜道_923-55</t>
  </si>
  <si>
    <t>片口_浜道_923-56</t>
  </si>
  <si>
    <t>片口_浜道_923-57</t>
  </si>
  <si>
    <t>片口_浜道_923-58</t>
  </si>
  <si>
    <t>片口_浜道_923-59</t>
  </si>
  <si>
    <t>片口_浜道_923-60</t>
  </si>
  <si>
    <t>片口_浜道_923-61</t>
  </si>
  <si>
    <t>片口_浜道_923-62</t>
  </si>
  <si>
    <t>片口_浜道_923-63</t>
  </si>
  <si>
    <t>片口_浜道_915-2</t>
  </si>
  <si>
    <t>片口_浜道_923-66</t>
  </si>
  <si>
    <t>片口_浜道_923-67</t>
  </si>
  <si>
    <t>片口_浜道_923-106</t>
  </si>
  <si>
    <t>片口_浜道_923-3</t>
  </si>
  <si>
    <t>片口_浜道_923-4</t>
  </si>
  <si>
    <t>片口_浜道_923-26</t>
  </si>
  <si>
    <t>片口_浜道_923-34</t>
  </si>
  <si>
    <t>片口_浜道_923-42</t>
  </si>
  <si>
    <t>片口_浜道_923-50</t>
  </si>
  <si>
    <t>片口_浜道_923-51</t>
  </si>
  <si>
    <t>片口墓地3</t>
  </si>
  <si>
    <t>片口__301</t>
  </si>
  <si>
    <t>荒町緑地</t>
  </si>
  <si>
    <t>戸破_神田_3780</t>
  </si>
  <si>
    <t>戸破_神田_3781-1</t>
  </si>
  <si>
    <t>戸破_神田_3782</t>
  </si>
  <si>
    <t>戸破_神田_3783</t>
  </si>
  <si>
    <t>戸破_神田_3784-1</t>
  </si>
  <si>
    <t>戸破_神田_6382-1</t>
  </si>
  <si>
    <t>戸破_神田_6383-1</t>
  </si>
  <si>
    <t>片口墓地4</t>
  </si>
  <si>
    <t>片口__60</t>
  </si>
  <si>
    <t>片口高場墓地2</t>
  </si>
  <si>
    <t>片口高場__296</t>
  </si>
  <si>
    <t>片口高場墓地3</t>
  </si>
  <si>
    <t>片口高場__352</t>
  </si>
  <si>
    <t>片口高場墓地4</t>
  </si>
  <si>
    <t>片口高場__353</t>
  </si>
  <si>
    <t>片口高場墓地5</t>
  </si>
  <si>
    <t>片口高場__372</t>
  </si>
  <si>
    <t>片口高場墓地1</t>
  </si>
  <si>
    <t>片口高場__83</t>
  </si>
  <si>
    <t>七美墓地1</t>
  </si>
  <si>
    <t>七美__84</t>
  </si>
  <si>
    <t>本江西墓地1</t>
  </si>
  <si>
    <t>本江西__134</t>
  </si>
  <si>
    <t>本江南墓地1</t>
  </si>
  <si>
    <t>本江南__31</t>
  </si>
  <si>
    <t>本江北墓地2</t>
  </si>
  <si>
    <t>本江北__135</t>
  </si>
  <si>
    <t>三ケ公園</t>
  </si>
  <si>
    <t>三ケ__1050-2</t>
  </si>
  <si>
    <t>本江北墓地3</t>
  </si>
  <si>
    <t>本江北__220</t>
  </si>
  <si>
    <t>本江北墓地4</t>
  </si>
  <si>
    <t>本江北__235</t>
  </si>
  <si>
    <t>本江北墓地1</t>
  </si>
  <si>
    <t>本江北__94</t>
  </si>
  <si>
    <t>本江中墓地1</t>
  </si>
  <si>
    <t>本江中__138</t>
  </si>
  <si>
    <t>足洗新町一丁目墓地1</t>
  </si>
  <si>
    <t>足洗新町一丁目__46</t>
  </si>
  <si>
    <t>三ケ墓地1</t>
  </si>
  <si>
    <t>三ケ__1453-3</t>
  </si>
  <si>
    <t>三ケ__1453-4</t>
  </si>
  <si>
    <t>三ケ墓地2</t>
  </si>
  <si>
    <t>三ケ__1799</t>
  </si>
  <si>
    <t>三ケ字茶ノ木墓地1</t>
  </si>
  <si>
    <t>三ケ__849-1</t>
  </si>
  <si>
    <t>三ケ_茶ノ木_1597-6</t>
  </si>
  <si>
    <t>三ケ_茶ノ木_1598-3</t>
  </si>
  <si>
    <t>三ケ字茶ノ木墓地2</t>
  </si>
  <si>
    <t>三ケ_茶ノ木_1756</t>
  </si>
  <si>
    <t>三ケ_茶ノ木_1757-2</t>
  </si>
  <si>
    <t>戸破字若宮1</t>
  </si>
  <si>
    <t>戸破_若宮_3263-3</t>
  </si>
  <si>
    <t>戸破_若宮_3263-4</t>
  </si>
  <si>
    <t>戸破_若宮_3266-2</t>
  </si>
  <si>
    <t>橋下条墓地1</t>
  </si>
  <si>
    <t>橋下条__1617</t>
  </si>
  <si>
    <t>野手墓地1</t>
  </si>
  <si>
    <t>野手__86</t>
  </si>
  <si>
    <t>大江墓地1</t>
  </si>
  <si>
    <t>大江__421-1</t>
  </si>
  <si>
    <t>大江__424-1</t>
  </si>
  <si>
    <t>鷲塚墓地1</t>
  </si>
  <si>
    <t>鷲塚__542-3</t>
  </si>
  <si>
    <t>西高木墓地1</t>
  </si>
  <si>
    <t>西高木__174-3</t>
  </si>
  <si>
    <t>西高木__174-4</t>
  </si>
  <si>
    <t>西高木墓地2</t>
  </si>
  <si>
    <t>西高木__835-4</t>
  </si>
  <si>
    <t>黒河字金屎墓地1</t>
  </si>
  <si>
    <t>黒河_高山_4904-1</t>
  </si>
  <si>
    <t>黒河_金屎_4900</t>
  </si>
  <si>
    <t>黒河_金屎_4901</t>
  </si>
  <si>
    <t>黒河_金屎_4902</t>
  </si>
  <si>
    <t>黒河_金屎_4903</t>
  </si>
  <si>
    <t>黒河_金屎_4906-2</t>
  </si>
  <si>
    <t>黒河_金屎_4906-1</t>
  </si>
  <si>
    <t>黒河_高山_4904-3</t>
  </si>
  <si>
    <t>黒河_高山_4904-5</t>
  </si>
  <si>
    <t>黒河_高山_4905-1</t>
  </si>
  <si>
    <t>黒河_金屎_4899-2</t>
  </si>
  <si>
    <t>黒河_金屎_4899-1</t>
  </si>
  <si>
    <t>黒河_金屎_4899-3</t>
  </si>
  <si>
    <t>黒河_金屎_4899-4</t>
  </si>
  <si>
    <t>黒河_金屎_4899-6</t>
  </si>
  <si>
    <t>塚越墓地1</t>
  </si>
  <si>
    <t>塚越__1214</t>
  </si>
  <si>
    <t>椎土墓地1</t>
  </si>
  <si>
    <t>椎土__88</t>
  </si>
  <si>
    <t>池多墓地1</t>
  </si>
  <si>
    <t>池多__354</t>
  </si>
  <si>
    <t>下条墓地1</t>
  </si>
  <si>
    <t>下条__2246</t>
  </si>
  <si>
    <t>土合墓地1</t>
  </si>
  <si>
    <t>土合__844-2</t>
  </si>
  <si>
    <t>串田墓地1</t>
  </si>
  <si>
    <t>串田__1170</t>
  </si>
  <si>
    <t>串田墓地2</t>
  </si>
  <si>
    <t>串田__1575</t>
  </si>
  <si>
    <t>串田字大沢墓地1</t>
  </si>
  <si>
    <t>串田_大沢_6881</t>
  </si>
  <si>
    <t>串田_大沢_6893</t>
  </si>
  <si>
    <t>串田_大沢_6882</t>
  </si>
  <si>
    <t>串田_大沢_6883</t>
  </si>
  <si>
    <t>串田_大沢_6884</t>
  </si>
  <si>
    <t>串田_大沢_6885</t>
  </si>
  <si>
    <t>串田_大沢_6886</t>
  </si>
  <si>
    <t>串田_大沢_6887</t>
  </si>
  <si>
    <t>串田_大沢_6888-1</t>
  </si>
  <si>
    <t>串田_大沢_6888-2</t>
  </si>
  <si>
    <t>円池墓地1</t>
  </si>
  <si>
    <t>円池__173</t>
  </si>
  <si>
    <t>串田新出字大澤墓地1</t>
  </si>
  <si>
    <t>串田新出_大澤_337</t>
  </si>
  <si>
    <t>小泉墓地1</t>
  </si>
  <si>
    <t>小泉__245</t>
  </si>
  <si>
    <t>小泉墓地2</t>
  </si>
  <si>
    <t>小泉__305</t>
  </si>
  <si>
    <t>梅木墓地1</t>
  </si>
  <si>
    <t>梅木__213</t>
  </si>
  <si>
    <t>水戸田墓地1</t>
  </si>
  <si>
    <t>水戸田__420</t>
  </si>
  <si>
    <t>生源寺字木戸口墓地1</t>
  </si>
  <si>
    <t>生源寺_木戸口_1414</t>
  </si>
  <si>
    <t>若林墓地1</t>
  </si>
  <si>
    <t>若林__295</t>
  </si>
  <si>
    <t>竹鼻墓地1</t>
  </si>
  <si>
    <t>竹鼻__71</t>
  </si>
  <si>
    <t>開口墓地1</t>
  </si>
  <si>
    <t>開口__1</t>
  </si>
  <si>
    <t>中村墓地1</t>
  </si>
  <si>
    <t>中村__131</t>
  </si>
  <si>
    <t>加茂東部墓地1</t>
  </si>
  <si>
    <t>加茂東部__289</t>
  </si>
  <si>
    <t>加茂東部墓地2</t>
  </si>
  <si>
    <t>加茂東部__609</t>
  </si>
  <si>
    <t>加茂東部墓地3</t>
  </si>
  <si>
    <t>加茂東部__612</t>
  </si>
  <si>
    <t>加茂東部墓地4</t>
  </si>
  <si>
    <t>加茂東部__707</t>
  </si>
  <si>
    <t>加茂東部墓地5</t>
  </si>
  <si>
    <t>加茂東部__711</t>
  </si>
  <si>
    <t>加茂中部墓地1</t>
  </si>
  <si>
    <t>加茂中部__549</t>
  </si>
  <si>
    <t>加茂中部墓地2</t>
  </si>
  <si>
    <t>加茂中部__694</t>
  </si>
  <si>
    <t>加茂中部墓地3</t>
  </si>
  <si>
    <t>加茂中部__814</t>
  </si>
  <si>
    <t>白石墓地1</t>
  </si>
  <si>
    <t>白石__335</t>
  </si>
  <si>
    <t>白石墓地2</t>
  </si>
  <si>
    <t>白石__429</t>
  </si>
  <si>
    <t>白石墓地3</t>
  </si>
  <si>
    <t>白石__536</t>
  </si>
  <si>
    <t>摺出寺墓地1</t>
  </si>
  <si>
    <t>摺出寺__36</t>
  </si>
  <si>
    <t>摺出寺__37</t>
  </si>
  <si>
    <t>庄川本町市営住宅</t>
  </si>
  <si>
    <t>庄川本町__107-1</t>
  </si>
  <si>
    <t>八講墓地1</t>
  </si>
  <si>
    <t>八講__512</t>
  </si>
  <si>
    <t>倉垣小杉墓地1</t>
  </si>
  <si>
    <t>倉垣小杉__109</t>
  </si>
  <si>
    <t>倉垣小杉__110</t>
  </si>
  <si>
    <t>本開発字前田墓地1</t>
  </si>
  <si>
    <t>本開発_前田_654-1</t>
  </si>
  <si>
    <t>本開発_前田_654-2</t>
  </si>
  <si>
    <t>本開発_前田_654-3</t>
  </si>
  <si>
    <t>本開発_前田_658</t>
  </si>
  <si>
    <t>本開発_前田_659</t>
  </si>
  <si>
    <t>本開発_前田_660-1</t>
  </si>
  <si>
    <t>本開発_前田_660-4</t>
  </si>
  <si>
    <t>大島墓地</t>
  </si>
  <si>
    <t>小島__3612</t>
  </si>
  <si>
    <t>小島__3614</t>
  </si>
  <si>
    <t>小島__3615</t>
  </si>
  <si>
    <t>小島__3623</t>
  </si>
  <si>
    <t>小島__4015</t>
  </si>
  <si>
    <t>小島__4016</t>
  </si>
  <si>
    <t>中野墓地1</t>
  </si>
  <si>
    <t>中野__166</t>
  </si>
  <si>
    <t>中野字塚田墓地1</t>
  </si>
  <si>
    <t>中野_田_397</t>
  </si>
  <si>
    <t>中野字塚田墓地2</t>
  </si>
  <si>
    <t>中野_田_433</t>
  </si>
  <si>
    <t>中野字塚田墓地3</t>
  </si>
  <si>
    <t>中野_田_439-1</t>
  </si>
  <si>
    <t>中野_田_439-2</t>
  </si>
  <si>
    <t>中野字塚田墓地4</t>
  </si>
  <si>
    <t>中野_田_444</t>
  </si>
  <si>
    <t>若杉墓地2</t>
  </si>
  <si>
    <t>若杉__169</t>
  </si>
  <si>
    <t>大門中学校</t>
  </si>
  <si>
    <t>二口_五反田_258</t>
  </si>
  <si>
    <t>二口_五反田_267</t>
  </si>
  <si>
    <t>二口_五反田_268</t>
  </si>
  <si>
    <t>二口_五反田_269</t>
  </si>
  <si>
    <t>二口_五反田_291</t>
  </si>
  <si>
    <t>二口_五反田_292</t>
  </si>
  <si>
    <t>二口_五反田_293</t>
  </si>
  <si>
    <t>二口_五反田_294</t>
  </si>
  <si>
    <t>二口_五反田_295</t>
  </si>
  <si>
    <t>二口_五反田_296</t>
  </si>
  <si>
    <t>二口_五反田_297</t>
  </si>
  <si>
    <t>二口_五反田_259</t>
  </si>
  <si>
    <t>二口_五反田_298</t>
  </si>
  <si>
    <t>二口_五反田_299</t>
  </si>
  <si>
    <t>二口_五反田_300</t>
  </si>
  <si>
    <t>二口_五反田_301</t>
  </si>
  <si>
    <t>二口_五反田_302</t>
  </si>
  <si>
    <t>二口_五反田_303</t>
  </si>
  <si>
    <t>二口_油免_304</t>
  </si>
  <si>
    <t>二口_油免_305</t>
  </si>
  <si>
    <t>二口_油免_306</t>
  </si>
  <si>
    <t>二口_油免_307</t>
  </si>
  <si>
    <t>二口_五反田_260</t>
  </si>
  <si>
    <t>二口_油免_308</t>
  </si>
  <si>
    <t>二口_油免_309-1</t>
  </si>
  <si>
    <t>二口_油免_309-2</t>
  </si>
  <si>
    <t>二口_油免_310-1</t>
  </si>
  <si>
    <t>二口_油免_310-2</t>
  </si>
  <si>
    <t>二口_油免_311</t>
  </si>
  <si>
    <t>二口_油免_312</t>
  </si>
  <si>
    <t>二口_油免_313</t>
  </si>
  <si>
    <t>二口_油免_314</t>
  </si>
  <si>
    <t>二口_油免_315</t>
  </si>
  <si>
    <t>二口_五反田_261</t>
  </si>
  <si>
    <t>二口_油免_320</t>
  </si>
  <si>
    <t>二口_油免_321</t>
  </si>
  <si>
    <t>二口_油免_322</t>
  </si>
  <si>
    <t>二口_油免_323</t>
  </si>
  <si>
    <t>二口_油免_324</t>
  </si>
  <si>
    <t>二口_油免_325</t>
  </si>
  <si>
    <t>二口_油免_326</t>
  </si>
  <si>
    <t>二口_油免_327</t>
  </si>
  <si>
    <t>二口_油免_328</t>
  </si>
  <si>
    <t>二口_油免_329</t>
  </si>
  <si>
    <t>二口_五反田_262</t>
  </si>
  <si>
    <t>二口_油免_330</t>
  </si>
  <si>
    <t>二口_油免_331</t>
  </si>
  <si>
    <t>二口_油免_332</t>
  </si>
  <si>
    <t>二口_油免_333</t>
  </si>
  <si>
    <t>二口_油免_334-1</t>
  </si>
  <si>
    <t>二口_油免_335-1</t>
  </si>
  <si>
    <t>二口_油免_336-1</t>
  </si>
  <si>
    <t>二口_油免_337-1</t>
  </si>
  <si>
    <t>二口_油免_338-1</t>
  </si>
  <si>
    <t>二口_油免_339-1</t>
  </si>
  <si>
    <t>二口_五反田_263</t>
  </si>
  <si>
    <t>二口_油免_340-1</t>
  </si>
  <si>
    <t>二口_油免_341-1</t>
  </si>
  <si>
    <t>八塚__1224</t>
  </si>
  <si>
    <t>八塚_川田_407-1</t>
  </si>
  <si>
    <t>八塚_川田_414</t>
  </si>
  <si>
    <t>八塚_川田_435</t>
  </si>
  <si>
    <t>八塚_西田_533</t>
  </si>
  <si>
    <t>八塚_西田_534</t>
  </si>
  <si>
    <t>八塚_西田_535</t>
  </si>
  <si>
    <t>八塚_西田_536</t>
  </si>
  <si>
    <t>二口_五反田_264</t>
  </si>
  <si>
    <t>八塚_西田_537</t>
  </si>
  <si>
    <t>八塚_西田_538-1</t>
  </si>
  <si>
    <t>八塚_西田_539-1</t>
  </si>
  <si>
    <t>八塚_西田_540</t>
  </si>
  <si>
    <t>八塚_西田_541-1</t>
  </si>
  <si>
    <t>八塚_西田_542-1</t>
  </si>
  <si>
    <t>二口_五反田_265</t>
  </si>
  <si>
    <t>二口_五反田_266</t>
  </si>
  <si>
    <t>港町市営住宅</t>
  </si>
  <si>
    <t>港町__479-1</t>
  </si>
  <si>
    <t>港町__479-4</t>
  </si>
  <si>
    <t>港町__480-1</t>
  </si>
  <si>
    <t>港町__480-6</t>
  </si>
  <si>
    <t>若杉墓地1</t>
  </si>
  <si>
    <t>若杉__49</t>
  </si>
  <si>
    <t>大島北野墓地1</t>
  </si>
  <si>
    <t>大島北野__181</t>
  </si>
  <si>
    <t>下市民プール</t>
  </si>
  <si>
    <t>加茂中部__907</t>
  </si>
  <si>
    <t>櫛田グラウンド</t>
  </si>
  <si>
    <t>串田__859-1</t>
  </si>
  <si>
    <t>串田__860-1</t>
  </si>
  <si>
    <t>八幡市営住宅</t>
  </si>
  <si>
    <t>八幡町二丁目__462</t>
  </si>
  <si>
    <t>八幡町三丁目__825</t>
  </si>
  <si>
    <t>八幡町三丁目__827</t>
  </si>
  <si>
    <t>八幡町二丁目__463</t>
  </si>
  <si>
    <t>八幡町二丁目__464</t>
  </si>
  <si>
    <t>八幡町二丁目__465</t>
  </si>
  <si>
    <t>八幡町二丁目__466</t>
  </si>
  <si>
    <t>八幡町二丁目__467</t>
  </si>
  <si>
    <t>八幡町二丁目__468</t>
  </si>
  <si>
    <t>八幡町三丁目__819</t>
  </si>
  <si>
    <t>八幡町三丁目__820</t>
  </si>
  <si>
    <t>庄西市営住宅</t>
  </si>
  <si>
    <t>庄西町一丁目__1381-4</t>
  </si>
  <si>
    <t>塚越墓地２</t>
  </si>
  <si>
    <t>塚越__1509</t>
  </si>
  <si>
    <t>手崎第１児童遊園地</t>
  </si>
  <si>
    <t>手崎_石太郎_1002-30</t>
  </si>
  <si>
    <t>手崎_石太郎_1002-31</t>
  </si>
  <si>
    <t>手崎_石太郎_1002-35</t>
  </si>
  <si>
    <t>手崎_石太郎_1002-45</t>
  </si>
  <si>
    <t>塚越防火水槽</t>
  </si>
  <si>
    <t>塚越__1594</t>
  </si>
  <si>
    <t>殿村市営住宅</t>
  </si>
  <si>
    <t>殿村__83</t>
  </si>
  <si>
    <t>殿村__84</t>
  </si>
  <si>
    <t>殿村__86-1</t>
  </si>
  <si>
    <t>旧大江グラウンド</t>
  </si>
  <si>
    <t>大江__151-3</t>
  </si>
  <si>
    <t>大江__151-8</t>
  </si>
  <si>
    <t>高穂町遊園地</t>
  </si>
  <si>
    <t>戸破_神川_3220-9</t>
  </si>
  <si>
    <t>戸破_神川_3220-11</t>
  </si>
  <si>
    <t>広上防火水槽敷地</t>
  </si>
  <si>
    <t>広上__2000-40</t>
  </si>
  <si>
    <t>三十三塚</t>
  </si>
  <si>
    <t>塚越__1518</t>
  </si>
  <si>
    <t>川の駅新湊</t>
  </si>
  <si>
    <t>立町__1659-1</t>
  </si>
  <si>
    <t>立町__1699-3</t>
  </si>
  <si>
    <t>立町__1699-8</t>
  </si>
  <si>
    <t>立町__1659-2</t>
  </si>
  <si>
    <t>立町__1659-3</t>
  </si>
  <si>
    <t>立町__1660-1</t>
  </si>
  <si>
    <t>立町__1662-1</t>
  </si>
  <si>
    <t>立町__1675-3</t>
  </si>
  <si>
    <t>立町__1675-4</t>
  </si>
  <si>
    <t>立町__1698-4</t>
  </si>
  <si>
    <t>立町__1699-1</t>
  </si>
  <si>
    <t>串田字丸山廃道敷</t>
  </si>
  <si>
    <t>串田_丸山_114-29</t>
  </si>
  <si>
    <t>海王町市営住宅</t>
  </si>
  <si>
    <t>海王町__21-1</t>
  </si>
  <si>
    <t>海王町__25-3</t>
  </si>
  <si>
    <t>海王町__25-7</t>
  </si>
  <si>
    <t>鷲塚4児童遊園地</t>
  </si>
  <si>
    <t>鷲塚__113-24</t>
  </si>
  <si>
    <t>弥生公園</t>
  </si>
  <si>
    <t>鏡宮弥生一丁目__121</t>
  </si>
  <si>
    <t>鏡宮公園</t>
  </si>
  <si>
    <t>鏡宮弥生二丁目__136</t>
  </si>
  <si>
    <t>今井陽だまりの街広場</t>
  </si>
  <si>
    <t>今井__263-36</t>
  </si>
  <si>
    <t>新開発墓地</t>
  </si>
  <si>
    <t>新開発__845-1</t>
  </si>
  <si>
    <t>新開発__846-1</t>
  </si>
  <si>
    <t>新開発__847-1</t>
  </si>
  <si>
    <t>新開発__848-1</t>
  </si>
  <si>
    <t>新開発__849-1</t>
  </si>
  <si>
    <t>七美宅地</t>
  </si>
  <si>
    <t>七美__1101</t>
  </si>
  <si>
    <t>ゴミステーション</t>
  </si>
  <si>
    <t>八幡町三丁目__142-14</t>
  </si>
  <si>
    <t>あおば台一丁目__2</t>
  </si>
  <si>
    <t>あおば台二丁目__34</t>
  </si>
  <si>
    <t>あおば台二丁目__84</t>
  </si>
  <si>
    <t>小島__581-21</t>
  </si>
  <si>
    <t>黒河_尺目_2702-34</t>
  </si>
  <si>
    <t>小島__501-8</t>
  </si>
  <si>
    <t>小林__479-6</t>
  </si>
  <si>
    <t>若杉__127-3</t>
  </si>
  <si>
    <t>小島_中田_3420-13</t>
  </si>
  <si>
    <t>北高木__686-2</t>
  </si>
  <si>
    <t>今井__263-37</t>
  </si>
  <si>
    <t>小島__537-24</t>
  </si>
  <si>
    <t>小島__511-12</t>
  </si>
  <si>
    <t>三ケ_中原_3349-3</t>
  </si>
  <si>
    <t>太閤山１丁目__79-4</t>
  </si>
  <si>
    <t>太閤山１丁目__79-6</t>
  </si>
  <si>
    <t>中村__107-3</t>
  </si>
  <si>
    <t>中村__128-1</t>
  </si>
  <si>
    <t>中村__128-3</t>
  </si>
  <si>
    <t>中村__200-4</t>
  </si>
  <si>
    <t>黒河新__3403-80</t>
  </si>
  <si>
    <t>海竜町__217</t>
  </si>
  <si>
    <t>海竜町__218</t>
  </si>
  <si>
    <t>三ケ__1180-21</t>
  </si>
  <si>
    <t>三ケ__1180-22</t>
  </si>
  <si>
    <t>手崎_前田_178-2</t>
  </si>
  <si>
    <t>太閤山２丁目__2-28</t>
  </si>
  <si>
    <t>太閤山４丁目__2-14</t>
  </si>
  <si>
    <t>あゆの風センター</t>
  </si>
  <si>
    <t>立町__1354-1</t>
  </si>
  <si>
    <t>立町__1355-1</t>
  </si>
  <si>
    <t>立町__1355-2</t>
  </si>
  <si>
    <t>立町__1356-1</t>
  </si>
  <si>
    <t>立町__1357</t>
  </si>
  <si>
    <t>立町__1359</t>
  </si>
  <si>
    <t>立町__1360-3</t>
  </si>
  <si>
    <t>立町__1345/3</t>
  </si>
  <si>
    <t>一条東公民館</t>
  </si>
  <si>
    <t>一条__15-5</t>
  </si>
  <si>
    <t>一条__15-6</t>
  </si>
  <si>
    <t>ほたる野公民館</t>
  </si>
  <si>
    <t>広上__361-54</t>
  </si>
  <si>
    <t>西新湊雑種地1</t>
  </si>
  <si>
    <t>西新湊__15-12</t>
  </si>
  <si>
    <t>市営太閤山5・6丁目駐車場</t>
  </si>
  <si>
    <t>太閤山５丁目__67</t>
  </si>
  <si>
    <t>太閤山５丁目__76</t>
  </si>
  <si>
    <t>太閤山５丁目__77</t>
  </si>
  <si>
    <t>太閤山５丁目__78</t>
  </si>
  <si>
    <t>太閤山５丁目__68</t>
  </si>
  <si>
    <t>太閤山５丁目__69</t>
  </si>
  <si>
    <t>太閤山５丁目__70</t>
  </si>
  <si>
    <t>太閤山５丁目__71</t>
  </si>
  <si>
    <t>太閤山５丁目__72</t>
  </si>
  <si>
    <t>太閤山５丁目__73</t>
  </si>
  <si>
    <t>太閤山５丁目__74</t>
  </si>
  <si>
    <t>太閤山５丁目__75</t>
  </si>
  <si>
    <t>あおば台一丁目広場</t>
  </si>
  <si>
    <t>あおば台一丁目__105</t>
  </si>
  <si>
    <t>海竜町公園</t>
  </si>
  <si>
    <t>海竜町__216</t>
  </si>
  <si>
    <t>手崎第５児童遊園地</t>
  </si>
  <si>
    <t>手崎_前田_178-1</t>
  </si>
  <si>
    <t>本江市営住宅</t>
  </si>
  <si>
    <t>本江_墓筒_2082</t>
  </si>
  <si>
    <t>本江北__439</t>
  </si>
  <si>
    <t>本江北__440</t>
  </si>
  <si>
    <t>本江北__441</t>
  </si>
  <si>
    <t>本江_墓筒_2083</t>
  </si>
  <si>
    <t>本江_墓筒_2085</t>
  </si>
  <si>
    <t>本江_墓筒_2086</t>
  </si>
  <si>
    <t>本江_墓筒_2088-1</t>
  </si>
  <si>
    <t>本江北__376</t>
  </si>
  <si>
    <t>本江北__377</t>
  </si>
  <si>
    <t>本江北__378</t>
  </si>
  <si>
    <t>本江北__379</t>
  </si>
  <si>
    <t>二口北部広場</t>
  </si>
  <si>
    <t>二口_早稲田_655-22</t>
  </si>
  <si>
    <t>塚原公民館隣接広場</t>
  </si>
  <si>
    <t>松木__765</t>
  </si>
  <si>
    <t>松木__766</t>
  </si>
  <si>
    <t>学校給食センター</t>
  </si>
  <si>
    <t>鏡宮__203-1</t>
  </si>
  <si>
    <t>鏡宮__204</t>
  </si>
  <si>
    <t>鏡宮__205</t>
  </si>
  <si>
    <t>鏡宮__206</t>
  </si>
  <si>
    <t>鏡宮__207</t>
  </si>
  <si>
    <t>放生津小学校</t>
  </si>
  <si>
    <t>中新湊__210-5</t>
  </si>
  <si>
    <t>中新湊__237-3</t>
  </si>
  <si>
    <t>中新湊__237-4</t>
  </si>
  <si>
    <t>中新湊__241-1</t>
  </si>
  <si>
    <t>中新湊__279</t>
  </si>
  <si>
    <t>中新湊__280</t>
  </si>
  <si>
    <t>中新湊__281</t>
  </si>
  <si>
    <t>中新湊__282</t>
  </si>
  <si>
    <t>中新湊__283</t>
  </si>
  <si>
    <t>中新湊__284</t>
  </si>
  <si>
    <t>中新湊__285-1</t>
  </si>
  <si>
    <t>中新湊__210-6</t>
  </si>
  <si>
    <t>中新湊__285-2</t>
  </si>
  <si>
    <t>中新湊__286-1</t>
  </si>
  <si>
    <t>中新湊__286-2</t>
  </si>
  <si>
    <t>中新湊__287-1</t>
  </si>
  <si>
    <t>中新湊__287-2</t>
  </si>
  <si>
    <t>中新湊__288-1</t>
  </si>
  <si>
    <t>中新湊__288-2</t>
  </si>
  <si>
    <t>中新湊__289-2</t>
  </si>
  <si>
    <t>中新湊__289-3</t>
  </si>
  <si>
    <t>中新湊__290</t>
  </si>
  <si>
    <t>中新湊__228-1</t>
  </si>
  <si>
    <t>中新湊__291</t>
  </si>
  <si>
    <t>中新湊__292</t>
  </si>
  <si>
    <t>中新湊__293</t>
  </si>
  <si>
    <t>中新湊__294</t>
  </si>
  <si>
    <t>中新湊__295</t>
  </si>
  <si>
    <t>中新湊__296</t>
  </si>
  <si>
    <t>中新湊__297</t>
  </si>
  <si>
    <t>中新湊__298</t>
  </si>
  <si>
    <t>中新湊__299-1</t>
  </si>
  <si>
    <t>中新湊__299-2</t>
  </si>
  <si>
    <t>中新湊__234</t>
  </si>
  <si>
    <t>中新湊__300</t>
  </si>
  <si>
    <t>中新湊__301</t>
  </si>
  <si>
    <t>中新湊__310-2</t>
  </si>
  <si>
    <t>中新湊__311-1</t>
  </si>
  <si>
    <t>中新湊__311-2</t>
  </si>
  <si>
    <t>中新湊__312</t>
  </si>
  <si>
    <t>中新湊__313-1</t>
  </si>
  <si>
    <t>中新湊__313-2</t>
  </si>
  <si>
    <t>中新湊__313-3</t>
  </si>
  <si>
    <t>中新湊__314</t>
  </si>
  <si>
    <t>中新湊__235</t>
  </si>
  <si>
    <t>中新湊__315</t>
  </si>
  <si>
    <t>中新湊__316</t>
  </si>
  <si>
    <t>中新湊__317</t>
  </si>
  <si>
    <t>中新湊__318</t>
  </si>
  <si>
    <t>中新湊__319</t>
  </si>
  <si>
    <t>中新湊__320</t>
  </si>
  <si>
    <t>中新湊__321</t>
  </si>
  <si>
    <t>二の丸町__244-1</t>
  </si>
  <si>
    <t>二の丸町__244-2</t>
  </si>
  <si>
    <t>二の丸町__245-1</t>
  </si>
  <si>
    <t>中新湊__236-1</t>
  </si>
  <si>
    <t>二の丸町__245-2</t>
  </si>
  <si>
    <t>二の丸町__246-1</t>
  </si>
  <si>
    <t>二の丸町__246-2</t>
  </si>
  <si>
    <t>二の丸町__246-3</t>
  </si>
  <si>
    <t>二の丸町__247-1</t>
  </si>
  <si>
    <t>二の丸町__248</t>
  </si>
  <si>
    <t>二の丸町__249-1</t>
  </si>
  <si>
    <t>二の丸町__322-2</t>
  </si>
  <si>
    <t>二の丸町__323-2</t>
  </si>
  <si>
    <t>二の丸町__324-2</t>
  </si>
  <si>
    <t>中新湊__236-2</t>
  </si>
  <si>
    <t>二の丸町__325-2</t>
  </si>
  <si>
    <t>二の丸町__326-1</t>
  </si>
  <si>
    <t>二の丸町__333</t>
  </si>
  <si>
    <t>二の丸町__334</t>
  </si>
  <si>
    <t>二の丸町__337</t>
  </si>
  <si>
    <t>中新湊__237-1</t>
  </si>
  <si>
    <t>中新湊__237-2</t>
  </si>
  <si>
    <t>新湊小学校</t>
  </si>
  <si>
    <t>桜町__6</t>
  </si>
  <si>
    <t>桜町__8-9</t>
  </si>
  <si>
    <t>桜町__8-23</t>
  </si>
  <si>
    <t>旧中伏木小学校</t>
  </si>
  <si>
    <t>庄西町二丁目__224-2</t>
  </si>
  <si>
    <t>庄西町二丁目__233</t>
  </si>
  <si>
    <t>庄西町二丁目__234-3</t>
  </si>
  <si>
    <t>庄西町二丁目__234-4</t>
  </si>
  <si>
    <t>庄西町二丁目__234</t>
  </si>
  <si>
    <t>庄西町二丁目__235-2</t>
  </si>
  <si>
    <t>庄西町二丁目__236-2</t>
  </si>
  <si>
    <t>庄西町二丁目__236-3</t>
  </si>
  <si>
    <t>庄西町二丁目__236-4</t>
  </si>
  <si>
    <t>庄西町二丁目__236</t>
  </si>
  <si>
    <t>庄西町二丁目__237</t>
  </si>
  <si>
    <t>庄西町二丁目__225-3</t>
  </si>
  <si>
    <t>庄西町二丁目__238</t>
  </si>
  <si>
    <t>庄西町二丁目__239</t>
  </si>
  <si>
    <t>庄西町二丁目__240-2</t>
  </si>
  <si>
    <t>庄西町二丁目__240-3</t>
  </si>
  <si>
    <t>庄西町二丁目__240</t>
  </si>
  <si>
    <t>庄西町二丁目__241</t>
  </si>
  <si>
    <t>庄西町二丁目__242-2</t>
  </si>
  <si>
    <t>庄西町二丁目__242</t>
  </si>
  <si>
    <t>庄西町二丁目__243-2</t>
  </si>
  <si>
    <t>庄西町二丁目__243-3</t>
  </si>
  <si>
    <t>庄西町二丁目__226-3</t>
  </si>
  <si>
    <t>庄西町二丁目__244</t>
  </si>
  <si>
    <t>庄西町二丁目__245-2</t>
  </si>
  <si>
    <t>庄西町二丁目__245-3</t>
  </si>
  <si>
    <t>庄西町二丁目__246-2</t>
  </si>
  <si>
    <t>庄西町二丁目__246-3</t>
  </si>
  <si>
    <t>庄西町二丁目__247-2</t>
  </si>
  <si>
    <t>庄西町二丁目__368-1</t>
  </si>
  <si>
    <t>庄西町二丁目__368-3</t>
  </si>
  <si>
    <t>庄西町二丁目__368-4</t>
  </si>
  <si>
    <t>庄西町二丁目__369</t>
  </si>
  <si>
    <t>庄西町二丁目__227-3</t>
  </si>
  <si>
    <t>庄西町二丁目__370-1</t>
  </si>
  <si>
    <t>庄西町二丁目__370-2</t>
  </si>
  <si>
    <t>庄西町二丁目__370-3</t>
  </si>
  <si>
    <t>庄西町二丁目__370-4</t>
  </si>
  <si>
    <t>庄西町二丁目__370-5</t>
  </si>
  <si>
    <t>庄西町二丁目__228-3</t>
  </si>
  <si>
    <t>庄西町二丁目__229-2</t>
  </si>
  <si>
    <t>庄西町二丁目__229-3</t>
  </si>
  <si>
    <t>庄西町二丁目__232-2</t>
  </si>
  <si>
    <t>庄西町二丁目__232</t>
  </si>
  <si>
    <t>作道小学校</t>
  </si>
  <si>
    <t>作道__911</t>
  </si>
  <si>
    <t>作道__920</t>
  </si>
  <si>
    <t>作道__921</t>
  </si>
  <si>
    <t>鏡宮__657</t>
  </si>
  <si>
    <t>鏡宮__659-1</t>
  </si>
  <si>
    <t>殿村__587</t>
  </si>
  <si>
    <t>殿村__588</t>
  </si>
  <si>
    <t>殿村__589</t>
  </si>
  <si>
    <t>殿村__590</t>
  </si>
  <si>
    <t>殿村__591</t>
  </si>
  <si>
    <t>殿村__592-1</t>
  </si>
  <si>
    <t>作道__912</t>
  </si>
  <si>
    <t>殿村__593</t>
  </si>
  <si>
    <t>殿村__594</t>
  </si>
  <si>
    <t>殿村__595</t>
  </si>
  <si>
    <t>殿村__596</t>
  </si>
  <si>
    <t>殿村__597</t>
  </si>
  <si>
    <t>殿村__598</t>
  </si>
  <si>
    <t>作道__913</t>
  </si>
  <si>
    <t>作道__914</t>
  </si>
  <si>
    <t>作道__915</t>
  </si>
  <si>
    <t>作道__916</t>
  </si>
  <si>
    <t>作道__917</t>
  </si>
  <si>
    <t>作道__918</t>
  </si>
  <si>
    <t>作道__919</t>
  </si>
  <si>
    <t>片口小学校</t>
  </si>
  <si>
    <t>片口高場__24</t>
  </si>
  <si>
    <t>片口高場__62-2</t>
  </si>
  <si>
    <t>片口高場__63-2</t>
  </si>
  <si>
    <t>片口高場__64-2</t>
  </si>
  <si>
    <t>片口高場__504</t>
  </si>
  <si>
    <t>片口高場__812-2</t>
  </si>
  <si>
    <t>片口高場__25</t>
  </si>
  <si>
    <t>片口高場__30</t>
  </si>
  <si>
    <t>片口高場__31</t>
  </si>
  <si>
    <t>片口高場__32</t>
  </si>
  <si>
    <t>片口高場__33-3</t>
  </si>
  <si>
    <t>片口高場__48</t>
  </si>
  <si>
    <t>片口高場__49</t>
  </si>
  <si>
    <t>片口高場__50</t>
  </si>
  <si>
    <t>旧堀岡小学校</t>
  </si>
  <si>
    <t>射水町一丁目__17-1</t>
  </si>
  <si>
    <t>射水町一丁目__17-2</t>
  </si>
  <si>
    <t>堀岡小学校</t>
  </si>
  <si>
    <t>海竜町__118-2</t>
  </si>
  <si>
    <t>海竜町__118-5</t>
  </si>
  <si>
    <t>東明小学校</t>
  </si>
  <si>
    <t>海老江練合_沖田_55-2</t>
  </si>
  <si>
    <t>海老江七軒_東官_1335-2</t>
  </si>
  <si>
    <t>海老江七軒_東官_1336-1</t>
  </si>
  <si>
    <t>海老江七軒_東官_1336-2</t>
  </si>
  <si>
    <t>海老江七軒_東官_1337-1</t>
  </si>
  <si>
    <t>海老江七軒_東官_1337-2</t>
  </si>
  <si>
    <t>海老江七軒_東官_1338-1</t>
  </si>
  <si>
    <t>海老江七軒_東官_1338-2</t>
  </si>
  <si>
    <t>海老江七軒_東官_1339-1</t>
  </si>
  <si>
    <t>海老江七軒_東官_1339-2</t>
  </si>
  <si>
    <t>海老江七軒_東官_1339-3</t>
  </si>
  <si>
    <t>海老江七軒_東官_1328-1</t>
  </si>
  <si>
    <t>海老江七軒_東官_1340-1</t>
  </si>
  <si>
    <t>海老江七軒_東官_1340-2</t>
  </si>
  <si>
    <t>海老江七軒_東官_1340-3</t>
  </si>
  <si>
    <t>海老江七軒_東官_1341-1</t>
  </si>
  <si>
    <t>海老江七軒_東官_1341-2</t>
  </si>
  <si>
    <t>海老江七軒_東官_1341-3</t>
  </si>
  <si>
    <t>海老江七軒_東官_1342-1</t>
  </si>
  <si>
    <t>海老江七軒_東官_1342-2</t>
  </si>
  <si>
    <t>海老江七軒_東官_1342-3</t>
  </si>
  <si>
    <t>海老江七軒_東官_1343-1</t>
  </si>
  <si>
    <t>海老江七軒_東官_1329-1</t>
  </si>
  <si>
    <t>海老江七軒_東官_1343-2</t>
  </si>
  <si>
    <t>海老江七軒_東官_1344-1</t>
  </si>
  <si>
    <t>海老江七軒_東官_1344-2</t>
  </si>
  <si>
    <t>海老江七軒_東官_1345-1</t>
  </si>
  <si>
    <t>海老江七軒_東官_1345-2</t>
  </si>
  <si>
    <t>海老江七軒_東官_1346-1</t>
  </si>
  <si>
    <t>海老江七軒_東官_1346-2</t>
  </si>
  <si>
    <t>海老江七軒_東官_1384-1</t>
  </si>
  <si>
    <t>海老江七軒_東官_1385-1</t>
  </si>
  <si>
    <t>海老江七軒_東官_1386-1</t>
  </si>
  <si>
    <t>海老江七軒_東官_1330-1</t>
  </si>
  <si>
    <t>海老江七軒_東官_1387-1</t>
  </si>
  <si>
    <t>海老江七軒_東官_1388-1</t>
  </si>
  <si>
    <t>海老江七軒_東官_1389-1</t>
  </si>
  <si>
    <t>海老江七軒_東官_1390-1</t>
  </si>
  <si>
    <t>海老江七軒_東官_1391-1</t>
  </si>
  <si>
    <t>海老江七軒_中官_1226-3</t>
  </si>
  <si>
    <t>海老江七軒_中官_1233-1</t>
  </si>
  <si>
    <t>海老江七軒_中官_1234-1</t>
  </si>
  <si>
    <t>海老江七軒_中官_1235-1</t>
  </si>
  <si>
    <t>海老江七軒_中官_1236-1</t>
  </si>
  <si>
    <t>海老江七軒_東官_1331-1</t>
  </si>
  <si>
    <t>海老江七軒_中官_1237-1</t>
  </si>
  <si>
    <t>海老江七軒_中官_1238-1</t>
  </si>
  <si>
    <t>海老江七軒_中官_1239-1</t>
  </si>
  <si>
    <t>海老江七軒_中官_1240-1</t>
  </si>
  <si>
    <t>海老江七軒_中官_1241-1</t>
  </si>
  <si>
    <t>海老江七軒_中官_1242-1</t>
  </si>
  <si>
    <t>海老江七軒_中官_1242-2</t>
  </si>
  <si>
    <t>海老江七軒_中官_1242-3</t>
  </si>
  <si>
    <t>海老江七軒_中官_1243-1</t>
  </si>
  <si>
    <t>海老江七軒_中官_1243-2</t>
  </si>
  <si>
    <t>海老江七軒_東官_1332</t>
  </si>
  <si>
    <t>海老江七軒_中官_1244-1</t>
  </si>
  <si>
    <t>海老江七軒_中官_1244-2</t>
  </si>
  <si>
    <t>海老江七軒_中官_1244-3</t>
  </si>
  <si>
    <t>海老江七軒_中官_1244-4</t>
  </si>
  <si>
    <t>海老江七軒_中官_1245-1</t>
  </si>
  <si>
    <t>海老江七軒_中官_1245-2</t>
  </si>
  <si>
    <t>海老江七軒_中官_1246-1</t>
  </si>
  <si>
    <t>海老江七軒_中官_1246-2</t>
  </si>
  <si>
    <t>海老江七軒_中官_1246-3</t>
  </si>
  <si>
    <t>海老江七軒_中官_1246-4</t>
  </si>
  <si>
    <t>海老江七軒_東官_1333</t>
  </si>
  <si>
    <t>海老江七軒_中官_1247-1</t>
  </si>
  <si>
    <t>海老江七軒_中官_1247-2</t>
  </si>
  <si>
    <t>海老江七軒_中官_1248-1</t>
  </si>
  <si>
    <t>海老江七軒_中官_1248-2</t>
  </si>
  <si>
    <t>海老江七軒_中官_1249-1</t>
  </si>
  <si>
    <t>海老江七軒_中官_1249-2</t>
  </si>
  <si>
    <t>海老江七軒_中官_1250-1</t>
  </si>
  <si>
    <t>海老江七軒_中官_1250-2</t>
  </si>
  <si>
    <t>海老江七軒_中官_1250-3</t>
  </si>
  <si>
    <t>海老江七軒_中官_1250-4</t>
  </si>
  <si>
    <t>海老江七軒_東官_1334-1</t>
  </si>
  <si>
    <t>海老江七軒_中官_1252-3</t>
  </si>
  <si>
    <t>海老江七軒_中官_1252-4</t>
  </si>
  <si>
    <t>海老江七軒_中官_1253-1</t>
  </si>
  <si>
    <t>海老江七軒_中官_1253-2</t>
  </si>
  <si>
    <t>海老江七軒_中官_1253-3</t>
  </si>
  <si>
    <t>海老江七軒_中官_1253-5</t>
  </si>
  <si>
    <t>海老江七軒_中官_1264-1</t>
  </si>
  <si>
    <t>海老江七軒_中官_1265-1</t>
  </si>
  <si>
    <t>海老江七軒_中官_1266-2</t>
  </si>
  <si>
    <t>海老江七軒_東官_1335-1</t>
  </si>
  <si>
    <t>塚原小学校</t>
  </si>
  <si>
    <t>松木__699</t>
  </si>
  <si>
    <t>松木__708</t>
  </si>
  <si>
    <t>松木__709</t>
  </si>
  <si>
    <t>松木__710</t>
  </si>
  <si>
    <t>松木__711</t>
  </si>
  <si>
    <t>松木__715</t>
  </si>
  <si>
    <t>松木__717</t>
  </si>
  <si>
    <t>松木__700</t>
  </si>
  <si>
    <t>松木__701</t>
  </si>
  <si>
    <t>松木__702</t>
  </si>
  <si>
    <t>松木__703</t>
  </si>
  <si>
    <t>松木__704</t>
  </si>
  <si>
    <t>松木__705</t>
  </si>
  <si>
    <t>松木__706</t>
  </si>
  <si>
    <t>松木__707</t>
  </si>
  <si>
    <t>旧新湊西部中学校</t>
  </si>
  <si>
    <t>庄川本町__18-2</t>
  </si>
  <si>
    <t>庄川本町__19-2</t>
  </si>
  <si>
    <t>庄川本町__20-2</t>
  </si>
  <si>
    <t>庄川本町__22-1</t>
  </si>
  <si>
    <t>庄川本町__22-2</t>
  </si>
  <si>
    <t>庄川本町__1-2</t>
  </si>
  <si>
    <t>庄川本町__1-9</t>
  </si>
  <si>
    <t>庄川本町__1-10</t>
  </si>
  <si>
    <t>庄川本町__1-11</t>
  </si>
  <si>
    <t>道路用地（市道）_用地課</t>
  </si>
  <si>
    <t>庄川本町__1-12</t>
  </si>
  <si>
    <t>庄川本町1－14</t>
  </si>
  <si>
    <t>庄川本町1－12</t>
  </si>
  <si>
    <t>富山県高岡市下牧野_字埋田_383-6</t>
  </si>
  <si>
    <t>新湊南部中学校</t>
  </si>
  <si>
    <t>鏡宮__193-1</t>
  </si>
  <si>
    <t>鏡宮__193-7</t>
  </si>
  <si>
    <t>鏡宮__196-1</t>
  </si>
  <si>
    <t>鏡宮__196-8</t>
  </si>
  <si>
    <t>射北中学校</t>
  </si>
  <si>
    <t>海老江浜開_江向_1</t>
  </si>
  <si>
    <t>海老江浜開_野寺_40-1</t>
  </si>
  <si>
    <t>海老江浜開_野寺_40-2</t>
  </si>
  <si>
    <t>海老江浜開_野寺_41-1</t>
  </si>
  <si>
    <t>海老江浜開_野寺_41-2</t>
  </si>
  <si>
    <t>海老江浜開_野寺_42-1</t>
  </si>
  <si>
    <t>海老江浜開_野寺_42-2</t>
  </si>
  <si>
    <t>海老江浜開_野寺_43</t>
  </si>
  <si>
    <t>海老江浜開_野寺_44</t>
  </si>
  <si>
    <t>海老江浜開_野寺_45</t>
  </si>
  <si>
    <t>海老江浜開_野寺_46</t>
  </si>
  <si>
    <t>海老江浜開_江向_2</t>
  </si>
  <si>
    <t>海老江浜開_野寺_47-1</t>
  </si>
  <si>
    <t>海老江浜開_野寺_47-3</t>
  </si>
  <si>
    <t>海老江浜開_野寺_48-1</t>
  </si>
  <si>
    <t>海老江浜開_野寺_49-1</t>
  </si>
  <si>
    <t>海老江浜開_野寺_50</t>
  </si>
  <si>
    <t>海老江浜開_箕手_51-1</t>
  </si>
  <si>
    <t>海老江浜開_箕手_52-1</t>
  </si>
  <si>
    <t>海老江浜開_箕手_53-1</t>
  </si>
  <si>
    <t>海老江浜開_箕手_54</t>
  </si>
  <si>
    <t>海老江浜開_箕手_55-2</t>
  </si>
  <si>
    <t>海老江浜開_江向_3-2</t>
  </si>
  <si>
    <t>海老江浜開_箕手_56-2</t>
  </si>
  <si>
    <t>海老江浜開_箕手_66-2</t>
  </si>
  <si>
    <t>堀岡古明神__100</t>
  </si>
  <si>
    <t>堀岡古明神__150</t>
  </si>
  <si>
    <t>堀岡古明神_野寺_20-3</t>
  </si>
  <si>
    <t>堀岡古明神_野寺_20-2</t>
  </si>
  <si>
    <t>堀岡古明神_野寺_21-2</t>
  </si>
  <si>
    <t>堀岡古明神_野寺_21-3</t>
  </si>
  <si>
    <t>堀岡古明神_野寺_23-2</t>
  </si>
  <si>
    <t>堀岡古明神_野寺_24-2</t>
  </si>
  <si>
    <t>海老江浜開_江向_3-3</t>
  </si>
  <si>
    <t>堀岡古明神_野寺_25-2</t>
  </si>
  <si>
    <t>浜開新町__150</t>
  </si>
  <si>
    <t>海老江浜開_野寺_35-2</t>
  </si>
  <si>
    <t>海老江浜開_野寺_36-2</t>
  </si>
  <si>
    <t>海老江浜開_野寺_37</t>
  </si>
  <si>
    <t>海老江浜開_野寺_38</t>
  </si>
  <si>
    <t>海老江浜開_野寺_39</t>
  </si>
  <si>
    <t>七美幼稚園</t>
  </si>
  <si>
    <t>七美__1014</t>
  </si>
  <si>
    <t>七美__1016</t>
  </si>
  <si>
    <t>新湊総合体育館</t>
  </si>
  <si>
    <t>久々湊__456</t>
  </si>
  <si>
    <t>久々湊__465-1</t>
  </si>
  <si>
    <t>久々湊__465-2</t>
  </si>
  <si>
    <t>久々湊__466</t>
  </si>
  <si>
    <t>久々湊__467</t>
  </si>
  <si>
    <t>久々湊__457</t>
  </si>
  <si>
    <t>久々湊__458</t>
  </si>
  <si>
    <t>久々湊__459</t>
  </si>
  <si>
    <t>久々湊__460</t>
  </si>
  <si>
    <t>久々湊__461</t>
  </si>
  <si>
    <t>久々湊__462</t>
  </si>
  <si>
    <t>久々湊__463</t>
  </si>
  <si>
    <t>久々湊__464</t>
  </si>
  <si>
    <t>旧海老江体育館</t>
  </si>
  <si>
    <t>東明東町__3-2</t>
  </si>
  <si>
    <t>東明東町__3-3</t>
  </si>
  <si>
    <t>東明東町__3-4</t>
  </si>
  <si>
    <t>旧学校給食センター</t>
  </si>
  <si>
    <t>作道__288-1</t>
  </si>
  <si>
    <t>作道288－1</t>
  </si>
  <si>
    <t>作道__288-2</t>
  </si>
  <si>
    <t>作道288－2</t>
  </si>
  <si>
    <t>作道__288-3</t>
  </si>
  <si>
    <t>作道288－3</t>
  </si>
  <si>
    <t>作道__288-4</t>
  </si>
  <si>
    <t>作道288－4</t>
  </si>
  <si>
    <t>作道__288-5</t>
  </si>
  <si>
    <t>作道288－5</t>
  </si>
  <si>
    <t>新湊コミュニティセンター</t>
  </si>
  <si>
    <t>本町一丁目__465</t>
  </si>
  <si>
    <t>本町一丁目__469-1</t>
  </si>
  <si>
    <t>本町一丁目__470-1</t>
  </si>
  <si>
    <t>本町一丁目__471-1</t>
  </si>
  <si>
    <t>本町一丁目__471-2</t>
  </si>
  <si>
    <t>旧錦町バス停</t>
  </si>
  <si>
    <t>大門_長割_165-5</t>
  </si>
  <si>
    <t>大門_長割_166-3</t>
  </si>
  <si>
    <t>大門_長割_166-5</t>
  </si>
  <si>
    <t>大門_長割_167-13</t>
  </si>
  <si>
    <t>大門_長割_167-10</t>
  </si>
  <si>
    <t>旧作道コミュニティセンター</t>
  </si>
  <si>
    <t>殿村__108</t>
  </si>
  <si>
    <t>殿村__109</t>
  </si>
  <si>
    <t>殿村__110</t>
  </si>
  <si>
    <t>殿村__111</t>
  </si>
  <si>
    <t>旧片口コミュニティセンター</t>
  </si>
  <si>
    <t>新片町五丁目__72</t>
  </si>
  <si>
    <t>新片町五丁目__73</t>
  </si>
  <si>
    <t>塚原コミュニティセンター</t>
  </si>
  <si>
    <t>松木__761</t>
  </si>
  <si>
    <t>松木__773-1</t>
  </si>
  <si>
    <t>海老江コミュニティセンター</t>
  </si>
  <si>
    <t>海老江_小坪_1067</t>
  </si>
  <si>
    <t>海老江_小坪_1079-1</t>
  </si>
  <si>
    <t>海老江_小坪_1080-1</t>
  </si>
  <si>
    <t>海老江_小坪_1080-2</t>
  </si>
  <si>
    <t>海老江_小坪_1081-1</t>
  </si>
  <si>
    <t>海老江_小坪_1092</t>
  </si>
  <si>
    <t>海老江_小坪_1081-2</t>
  </si>
  <si>
    <t>旧七美コミュニティセンター</t>
  </si>
  <si>
    <t>七美__1255</t>
  </si>
  <si>
    <t>七美__1258</t>
  </si>
  <si>
    <t>本江コミュニティセンター</t>
  </si>
  <si>
    <t>本江北__142</t>
  </si>
  <si>
    <t>放生津保育園</t>
  </si>
  <si>
    <t>中新湊__307-2</t>
  </si>
  <si>
    <t>中新湊__307-6</t>
  </si>
  <si>
    <t>中新湊__308-4</t>
  </si>
  <si>
    <t>八幡保育園</t>
  </si>
  <si>
    <t>八幡町二丁目__469</t>
  </si>
  <si>
    <t>下村水郷の里</t>
  </si>
  <si>
    <t>加茂中部__566-2</t>
  </si>
  <si>
    <t>加茂中部__570-3</t>
  </si>
  <si>
    <t>加茂中部__570-4</t>
  </si>
  <si>
    <t>加茂中部__570-5</t>
  </si>
  <si>
    <t>加茂中部__570-6</t>
  </si>
  <si>
    <t>加茂中部__571-1</t>
  </si>
  <si>
    <t>加茂中部__571-2</t>
  </si>
  <si>
    <t>加茂中部__571-3</t>
  </si>
  <si>
    <t>加茂中部__572-1</t>
  </si>
  <si>
    <t>加茂中部__572-2</t>
  </si>
  <si>
    <t>加茂中部__572-3</t>
  </si>
  <si>
    <t>加茂中部__569-1</t>
  </si>
  <si>
    <t>加茂中部__575-1</t>
  </si>
  <si>
    <t>加茂中部__575-2</t>
  </si>
  <si>
    <t>加茂中部__618-1</t>
  </si>
  <si>
    <t>加茂中部__618-2</t>
  </si>
  <si>
    <t>加茂中部__618-3</t>
  </si>
  <si>
    <t>加茂中部__621-1</t>
  </si>
  <si>
    <t>加茂中部__621-2</t>
  </si>
  <si>
    <t>加茂中部__621-3</t>
  </si>
  <si>
    <t>加茂中部__622-1</t>
  </si>
  <si>
    <t>加茂中部__622-2</t>
  </si>
  <si>
    <t>加茂中部__569-2</t>
  </si>
  <si>
    <t>加茂中部__622-3</t>
  </si>
  <si>
    <t>加茂中部__622-4</t>
  </si>
  <si>
    <t>加茂中部__623-1</t>
  </si>
  <si>
    <t>加茂中部__623-2</t>
  </si>
  <si>
    <t>加茂中部__623-3</t>
  </si>
  <si>
    <t>加茂中部__623-4</t>
  </si>
  <si>
    <t>加茂中部__623-5</t>
  </si>
  <si>
    <t>加茂中部__624-1</t>
  </si>
  <si>
    <t>加茂中部__624-2</t>
  </si>
  <si>
    <t>加茂中部__624-3</t>
  </si>
  <si>
    <t>加茂中部__569-3</t>
  </si>
  <si>
    <t>加茂中部__627</t>
  </si>
  <si>
    <t>加茂西部__62-4</t>
  </si>
  <si>
    <t>加茂西部__63-3</t>
  </si>
  <si>
    <t>加茂西部__64-3</t>
  </si>
  <si>
    <t>加茂西部__65-2</t>
  </si>
  <si>
    <t>加茂西部__66-2</t>
  </si>
  <si>
    <t>加茂西部__66-1</t>
  </si>
  <si>
    <t>加茂西部__67-2</t>
  </si>
  <si>
    <t>加茂西部__67-1</t>
  </si>
  <si>
    <t>加茂西部__68-1</t>
  </si>
  <si>
    <t>加茂中部__569-5</t>
  </si>
  <si>
    <t>加茂西部__68-3</t>
  </si>
  <si>
    <t>加茂中部__569-6</t>
  </si>
  <si>
    <t>加茂中部__569-7</t>
  </si>
  <si>
    <t>加茂中部__570-1</t>
  </si>
  <si>
    <t>加茂中部__570-2</t>
  </si>
  <si>
    <t>大島南部保育園</t>
  </si>
  <si>
    <t>北野_大島_1494-2</t>
  </si>
  <si>
    <t>北野_大島_1506-2</t>
  </si>
  <si>
    <t>北野_大島_1507</t>
  </si>
  <si>
    <t>新湊保育園</t>
  </si>
  <si>
    <t>本町一丁目__314-1</t>
  </si>
  <si>
    <t>本町一丁目__315-1</t>
  </si>
  <si>
    <t>本町一丁目__316-1</t>
  </si>
  <si>
    <t>本町一丁目__317-1</t>
  </si>
  <si>
    <t>二口観測所</t>
  </si>
  <si>
    <t>二口_南野割_2396-3</t>
  </si>
  <si>
    <t>射水市新庁舎</t>
  </si>
  <si>
    <t>新開発__294-1</t>
  </si>
  <si>
    <t>新開発__410-4</t>
  </si>
  <si>
    <t>新開発__294-2</t>
  </si>
  <si>
    <t>新開発__293-1</t>
  </si>
  <si>
    <t>新開発__293-2</t>
  </si>
  <si>
    <t>新開発__410-5</t>
  </si>
  <si>
    <t>新開発__410-1</t>
  </si>
  <si>
    <t>新開発__409-1</t>
  </si>
  <si>
    <t>新開発__408-1</t>
  </si>
  <si>
    <t>新開発__407-1</t>
  </si>
  <si>
    <t>都市・その他公園</t>
  </si>
  <si>
    <t>二口_米山_2259-11</t>
  </si>
  <si>
    <t>二口_米山_2286-20</t>
  </si>
  <si>
    <t>二口_米山_2289-11</t>
  </si>
  <si>
    <t>二口_米山_2289-15</t>
  </si>
  <si>
    <t>消防団　太閤山分団屯所</t>
  </si>
  <si>
    <t>太閤山１丁目__1</t>
  </si>
  <si>
    <t>南太閤山７丁目雑種地1</t>
  </si>
  <si>
    <t>南太閤山７丁目__64-11</t>
  </si>
  <si>
    <t>大門字長割雑種地1</t>
  </si>
  <si>
    <t>大門_長割_161-2</t>
  </si>
  <si>
    <t>作道コミュニティセンター</t>
  </si>
  <si>
    <t>作道__907-2</t>
  </si>
  <si>
    <t>作道__908</t>
  </si>
  <si>
    <t>作道__909-1</t>
  </si>
  <si>
    <t>海老江墓地</t>
  </si>
  <si>
    <t>海老江__605</t>
  </si>
  <si>
    <t>海老江雑種地</t>
  </si>
  <si>
    <t>海老江__9</t>
  </si>
  <si>
    <t>海老江東町墓地</t>
  </si>
  <si>
    <t>海老江_東町_122</t>
  </si>
  <si>
    <t>本江中新二枚田墓地1</t>
  </si>
  <si>
    <t>本江中新_二枚田_132</t>
  </si>
  <si>
    <t>本江中新二枚田墓地2</t>
  </si>
  <si>
    <t>本江中新_二枚田_156</t>
  </si>
  <si>
    <t>本江針山新墓地</t>
  </si>
  <si>
    <t>本江針山新_北割_126</t>
  </si>
  <si>
    <t>浄土寺宅地</t>
  </si>
  <si>
    <t>浄土寺_古屋敷_1315-2</t>
  </si>
  <si>
    <t>下村三箇墓地</t>
  </si>
  <si>
    <t>下村三箇__254</t>
  </si>
  <si>
    <t>本開発記念碑</t>
  </si>
  <si>
    <t>本開発_下ノ田_1204</t>
  </si>
  <si>
    <t>鳥越調整場（一般会計）</t>
  </si>
  <si>
    <t>串田_鳥越_9356-1</t>
  </si>
  <si>
    <t>水道用地</t>
  </si>
  <si>
    <t>串田_鳥越_9360-1</t>
  </si>
  <si>
    <t>串田_鳥越_9363-1</t>
  </si>
  <si>
    <t>串田_鳥越_171-1</t>
  </si>
  <si>
    <t>串田_鳥越_173-1</t>
  </si>
  <si>
    <t>小杉インターパーク用地（一般会計）</t>
  </si>
  <si>
    <t>入会地_水蔵場_142-3</t>
  </si>
  <si>
    <t>流動資産</t>
  </si>
  <si>
    <t>上野__1005</t>
  </si>
  <si>
    <t>足洗雨水ポンプ場（一般会計）</t>
  </si>
  <si>
    <t>足洗新町一丁目__160</t>
  </si>
  <si>
    <t>足洗新町一丁目__182</t>
  </si>
  <si>
    <t>下水道調整地用地（一般会計）</t>
  </si>
  <si>
    <t>太閤山２丁目__2-1</t>
  </si>
  <si>
    <t>黒河_尺目_2702-43</t>
  </si>
  <si>
    <t>黒河_尺目_3017-13</t>
  </si>
  <si>
    <t>中村__107-4</t>
  </si>
  <si>
    <t>中村__128-2</t>
  </si>
  <si>
    <t>認定こども園太閤山あおい園</t>
  </si>
  <si>
    <t>太閤山８丁目__4-2</t>
  </si>
  <si>
    <t>太閤山８丁目__4-3</t>
  </si>
  <si>
    <t>海老江中町公民館</t>
  </si>
  <si>
    <t>海老江_小坪_1050-5</t>
  </si>
  <si>
    <t>いきいき長寿館</t>
  </si>
  <si>
    <t>富山県高岡市下牧野_字埋田_409-5</t>
  </si>
  <si>
    <t>富山県高岡市下牧野_字埋田_409-6</t>
  </si>
  <si>
    <t>富山県高岡市下牧野_字埋田_409-7</t>
  </si>
  <si>
    <t>富山県高岡市下牧野_字埋田_409-10</t>
  </si>
  <si>
    <t>富山県高岡市下牧野_字埋田_409-11</t>
  </si>
  <si>
    <t>富山県高岡市下牧野_字埋田_409-21</t>
  </si>
  <si>
    <t>富山県高岡市下牧野_字埋田_409-23</t>
  </si>
  <si>
    <t>富山県高岡市下牧野_字埋田_409-25</t>
  </si>
  <si>
    <t>富山県高岡市下牧野_字埋田_410-3</t>
  </si>
  <si>
    <t>富山県高岡市下牧野_字埋田_410-4</t>
  </si>
  <si>
    <t>富山県高岡市下牧野_字埋田_410-7</t>
  </si>
  <si>
    <t>富山県高岡市下牧野_字埋田_410-8</t>
  </si>
  <si>
    <t>富山県高岡市下牧野_字埋田_411-3</t>
  </si>
  <si>
    <t>富山県高岡市下牧野_字埋田_411-4</t>
  </si>
  <si>
    <t>富山県高岡市下牧野_字埋田_383-1</t>
  </si>
  <si>
    <t>富山県高岡市下牧野_字埋田_383-4</t>
  </si>
  <si>
    <t>エバータウン黒河新</t>
  </si>
  <si>
    <t>黒河新_長尾_4926-18</t>
  </si>
  <si>
    <t>小林第2公園</t>
  </si>
  <si>
    <t>小林__392-29</t>
  </si>
  <si>
    <t>新湊西部保育園</t>
  </si>
  <si>
    <t>富山県高岡市富岡町__767-1</t>
  </si>
  <si>
    <t>富山県高岡市富岡町__767-4</t>
  </si>
  <si>
    <t>富山県高岡市富岡町__768-1</t>
  </si>
  <si>
    <t>富山県高岡市富岡町__768-4</t>
  </si>
  <si>
    <t>富山県高岡市富岡町__792</t>
  </si>
  <si>
    <t>富山県高岡市富岡町__793</t>
  </si>
  <si>
    <t>小林第3公園</t>
  </si>
  <si>
    <t>小林__392-30</t>
  </si>
  <si>
    <t>小林第4公園</t>
  </si>
  <si>
    <t>小林__392-45</t>
  </si>
  <si>
    <t>赤井第3小公園</t>
  </si>
  <si>
    <t>赤井_上間掛_147-4</t>
  </si>
  <si>
    <t>海老江堤塘1</t>
  </si>
  <si>
    <t>海老江_東町_1</t>
  </si>
  <si>
    <t>海老江_東町_2</t>
  </si>
  <si>
    <t>海老江字東町宅地1</t>
  </si>
  <si>
    <t>海老江_東町_14-2</t>
  </si>
  <si>
    <t>海老江字東町宅地2</t>
  </si>
  <si>
    <t>海老江_東町_42-2</t>
  </si>
  <si>
    <t>堀岡字地子墓地1</t>
  </si>
  <si>
    <t>堀岡_地子_224</t>
  </si>
  <si>
    <t>堀岡忠魂碑敷地</t>
  </si>
  <si>
    <t>堀岡_地子_275</t>
  </si>
  <si>
    <t>堀岡字引地墓地1</t>
  </si>
  <si>
    <t>堀岡_引地_303-1</t>
  </si>
  <si>
    <t>堀岡_引地_307-1</t>
  </si>
  <si>
    <t>堀岡新明神字高畠宅地1</t>
  </si>
  <si>
    <t>堀岡新明神_高畠_166-1</t>
  </si>
  <si>
    <t>堀岡新明神字西浜畑1</t>
  </si>
  <si>
    <t>堀岡新明神_西浜_187-8</t>
  </si>
  <si>
    <t>本江字村中墓地1</t>
  </si>
  <si>
    <t>本江_村中_1803</t>
  </si>
  <si>
    <t>本江字村中墓地2</t>
  </si>
  <si>
    <t>本江_村中_1828</t>
  </si>
  <si>
    <t>本江字村中墓地3</t>
  </si>
  <si>
    <t>本江_村中_1859</t>
  </si>
  <si>
    <t>阿弥陀堂</t>
  </si>
  <si>
    <t>本江_村中_1884-1</t>
  </si>
  <si>
    <t>本江字浜田雑種地1</t>
  </si>
  <si>
    <t>本江_浜田_2233</t>
  </si>
  <si>
    <t>本江堤塘1</t>
  </si>
  <si>
    <t>本江_西浜_2918</t>
  </si>
  <si>
    <t>作道字苗代墓地1</t>
  </si>
  <si>
    <t>作道_苗代_1858</t>
  </si>
  <si>
    <t>作道字苗代墓地2</t>
  </si>
  <si>
    <t>作道_苗代_1882</t>
  </si>
  <si>
    <t>作道字苗代墓地3</t>
  </si>
  <si>
    <t>作道_苗代_1892</t>
  </si>
  <si>
    <t>作道字苗代墓地4</t>
  </si>
  <si>
    <t>作道_苗代_2004</t>
  </si>
  <si>
    <t>作道字苗代墓地5</t>
  </si>
  <si>
    <t>作道_苗代_2018-1</t>
  </si>
  <si>
    <t>作道字上野田墓地1</t>
  </si>
  <si>
    <t>作道_上野田_1835</t>
  </si>
  <si>
    <t>戸破字神明墓地1</t>
  </si>
  <si>
    <t>戸破_神明_414</t>
  </si>
  <si>
    <t>戸破字四反田墓地1</t>
  </si>
  <si>
    <t>戸破_四反田_784</t>
  </si>
  <si>
    <t>戸破字後宝墓地1</t>
  </si>
  <si>
    <t>戸破_後宝_1104</t>
  </si>
  <si>
    <t>戸破字後宝墓地2</t>
  </si>
  <si>
    <t>戸破_後宝_1199</t>
  </si>
  <si>
    <t>戸破字加茂墓地1</t>
  </si>
  <si>
    <t>戸破_加茂_1946</t>
  </si>
  <si>
    <t>戸破字神川畑1</t>
  </si>
  <si>
    <t>戸破_神川_2325-1</t>
  </si>
  <si>
    <t>戸破字神川墓地1</t>
  </si>
  <si>
    <t>戸破_神川_2406</t>
  </si>
  <si>
    <t>戸破字神川雑種地4</t>
  </si>
  <si>
    <t>戸破_神川_2408-1</t>
  </si>
  <si>
    <t>戸破字神川池沼1</t>
  </si>
  <si>
    <t>戸破_神川_2514</t>
  </si>
  <si>
    <t>戸破字神川墓地2</t>
  </si>
  <si>
    <t>戸破_神川_2549</t>
  </si>
  <si>
    <t>戸破字神川墓地3</t>
  </si>
  <si>
    <t>戸破_神川_2728-1</t>
  </si>
  <si>
    <t>戸破字神川墓地4</t>
  </si>
  <si>
    <t>戸破_神川_2924</t>
  </si>
  <si>
    <t>戸破_神川_3316</t>
  </si>
  <si>
    <t>戸破字神川宅地6</t>
  </si>
  <si>
    <t>戸破_神川_2991-2</t>
  </si>
  <si>
    <t>戸破字神川墓地5</t>
  </si>
  <si>
    <t>戸破_神川_3897</t>
  </si>
  <si>
    <t>戸破字神川墓地6</t>
  </si>
  <si>
    <t>戸破_神川_4188-1</t>
  </si>
  <si>
    <t>戸破字神川墓地7</t>
  </si>
  <si>
    <t>戸破_神川_4236</t>
  </si>
  <si>
    <t>戸破字神川墓地8</t>
  </si>
  <si>
    <t>戸破_神川_4275</t>
  </si>
  <si>
    <t>戸破字若宮墓地1</t>
  </si>
  <si>
    <t>戸破_若宮_4618</t>
  </si>
  <si>
    <t>戸破字若宮墓地2</t>
  </si>
  <si>
    <t>戸破_若宮_4758</t>
  </si>
  <si>
    <t>戸破字若宮池沼1</t>
  </si>
  <si>
    <t>戸破_若宮_5130</t>
  </si>
  <si>
    <t>戸破字神田墓地1</t>
  </si>
  <si>
    <t>戸破_神田_6239</t>
  </si>
  <si>
    <t>青井谷字丸山墓地1</t>
  </si>
  <si>
    <t>青井谷_丸山_743</t>
  </si>
  <si>
    <t>青井谷字丸山堤塘1</t>
  </si>
  <si>
    <t>青井谷_丸山_773</t>
  </si>
  <si>
    <t>馬洗池</t>
  </si>
  <si>
    <t>青井谷_丸山_894</t>
  </si>
  <si>
    <t>青井谷字干田雑種地2</t>
  </si>
  <si>
    <t>青井谷_干田_1725</t>
  </si>
  <si>
    <t>青井谷字干田山林1</t>
  </si>
  <si>
    <t>青井谷_干田_1780</t>
  </si>
  <si>
    <t>青井谷字立神堤塘1</t>
  </si>
  <si>
    <t>青井谷_立神_2753-2</t>
  </si>
  <si>
    <t>青井谷字西俣ため池1</t>
  </si>
  <si>
    <t>青井谷_西俣_3366</t>
  </si>
  <si>
    <t>青井谷字西俣ため池2</t>
  </si>
  <si>
    <t>青井谷_西俣_3373</t>
  </si>
  <si>
    <t>板谷下堤</t>
  </si>
  <si>
    <t>青井谷_西俣_3998</t>
  </si>
  <si>
    <t>青井谷西俣堤塘1</t>
  </si>
  <si>
    <t>青井谷_西俣_3998-2</t>
  </si>
  <si>
    <t>青井谷字西俣ため池3</t>
  </si>
  <si>
    <t>青井谷_西俣_4002-1</t>
  </si>
  <si>
    <t>青井谷西俣堤塘2</t>
  </si>
  <si>
    <t>青井谷_西俣_4002-2</t>
  </si>
  <si>
    <t>青井谷字西俣ため池4</t>
  </si>
  <si>
    <t>青井谷_西俣_4360-1</t>
  </si>
  <si>
    <t>青井谷字西俣ため池5</t>
  </si>
  <si>
    <t>青井谷_西俣_4430</t>
  </si>
  <si>
    <t>青井谷字西俣原野1</t>
  </si>
  <si>
    <t>青井谷_西俣_4483</t>
  </si>
  <si>
    <t>原野</t>
  </si>
  <si>
    <t>青井谷字西俣山林3</t>
  </si>
  <si>
    <t>青井谷_西俣_4485-1</t>
  </si>
  <si>
    <t>青井谷字西俣山林2</t>
  </si>
  <si>
    <t>青井谷_西俣_4485-2</t>
  </si>
  <si>
    <t>鶯谷池</t>
  </si>
  <si>
    <t>青井谷_西俣_4599</t>
  </si>
  <si>
    <t>曲り谷池</t>
  </si>
  <si>
    <t>青井谷_西俣_4661</t>
  </si>
  <si>
    <t>五ケ谷池</t>
  </si>
  <si>
    <t>青井谷_西俣_4662-1</t>
  </si>
  <si>
    <t>青井谷西俣堤塘3</t>
  </si>
  <si>
    <t>青井谷_西俣_4662-2</t>
  </si>
  <si>
    <t>鶴巻池</t>
  </si>
  <si>
    <t>青井谷_西俣_4832</t>
  </si>
  <si>
    <t>笹尾池</t>
  </si>
  <si>
    <t>青井谷_西俣_4874-1</t>
  </si>
  <si>
    <t>青井谷西俣堤塘4</t>
  </si>
  <si>
    <t>青井谷_西俣_4874-2</t>
  </si>
  <si>
    <t>青井谷西谷ため池1</t>
  </si>
  <si>
    <t>青井谷_西谷_6064</t>
  </si>
  <si>
    <t>青井谷西谷ため池2</t>
  </si>
  <si>
    <t>青井谷_西谷_6073</t>
  </si>
  <si>
    <t>青井谷西谷ため池3</t>
  </si>
  <si>
    <t>青井谷_西谷_6094</t>
  </si>
  <si>
    <t>青井谷西谷ため池4</t>
  </si>
  <si>
    <t>青井谷_西谷_6110</t>
  </si>
  <si>
    <t>青井谷西谷ため池5</t>
  </si>
  <si>
    <t>青井谷_西谷_6115-1</t>
  </si>
  <si>
    <t>青井谷西谷ため池6</t>
  </si>
  <si>
    <t>青井谷_西谷_6145</t>
  </si>
  <si>
    <t>青井谷西谷ため池7</t>
  </si>
  <si>
    <t>青井谷_西谷_6165</t>
  </si>
  <si>
    <t>青井谷西谷ため池8</t>
  </si>
  <si>
    <t>青井谷_西谷_6190</t>
  </si>
  <si>
    <t>青井谷西谷ため池9</t>
  </si>
  <si>
    <t>青井谷_西谷_6209</t>
  </si>
  <si>
    <t>青井谷西谷ため池10</t>
  </si>
  <si>
    <t>青井谷_西谷_6233</t>
  </si>
  <si>
    <t>平野字向谷雑種地1</t>
  </si>
  <si>
    <t>平野_向谷_528</t>
  </si>
  <si>
    <t>平野字大柳谷堤塘1</t>
  </si>
  <si>
    <t>平野_大柳谷_773</t>
  </si>
  <si>
    <t>大柳谷上堤</t>
  </si>
  <si>
    <t>平野_大柳谷_774</t>
  </si>
  <si>
    <t>大江雑種地9</t>
  </si>
  <si>
    <t>大江__1205</t>
  </si>
  <si>
    <t>土代字平等堤塘1</t>
  </si>
  <si>
    <t>土代_平等_294</t>
  </si>
  <si>
    <t>土代字平等ため池1</t>
  </si>
  <si>
    <t>土代_平等_295</t>
  </si>
  <si>
    <t>土代字平等ため池2</t>
  </si>
  <si>
    <t>土代_平等_296-1</t>
  </si>
  <si>
    <t>土代字名伝ため池1</t>
  </si>
  <si>
    <t>土代_名伝_2941</t>
  </si>
  <si>
    <t>土代字名伝堤塘1</t>
  </si>
  <si>
    <t>土代_名伝_2942</t>
  </si>
  <si>
    <t>土代字名伝ため池2</t>
  </si>
  <si>
    <t>土代_名伝_2943</t>
  </si>
  <si>
    <t>土代字名伝堤塘2</t>
  </si>
  <si>
    <t>土代_名伝_2944</t>
  </si>
  <si>
    <t>三俵刈池</t>
  </si>
  <si>
    <t>土代_三俵刈_2945</t>
  </si>
  <si>
    <t>山本新_向野_103</t>
  </si>
  <si>
    <t>串田新字大窪墓地1</t>
  </si>
  <si>
    <t>串田新_大窪_95</t>
  </si>
  <si>
    <t>串田新字松原墓地1</t>
  </si>
  <si>
    <t>串田新_松原_1293</t>
  </si>
  <si>
    <t>片口保育園</t>
  </si>
  <si>
    <t>高場新町二丁目__75</t>
  </si>
  <si>
    <t>串田新字松原墓地2</t>
  </si>
  <si>
    <t>串田新_松原_1301</t>
  </si>
  <si>
    <t>生源寺正源寺野字山林1</t>
  </si>
  <si>
    <t>生源寺_正源寺野_1444-1</t>
  </si>
  <si>
    <t>生源寺正源寺野字山林2</t>
  </si>
  <si>
    <t>生源寺_正源寺野_1444-2</t>
  </si>
  <si>
    <t>生源寺正源寺野字山林3</t>
  </si>
  <si>
    <t>生源寺_正源寺野_1444-3</t>
  </si>
  <si>
    <t>安吉字中坪墓地1</t>
  </si>
  <si>
    <t>安吉_中坪_101-1</t>
  </si>
  <si>
    <t>安吉_中坪_101-2</t>
  </si>
  <si>
    <t>安吉字中坪墓地2</t>
  </si>
  <si>
    <t>安吉_中坪_228</t>
  </si>
  <si>
    <t>海老江コミセン駐車場</t>
  </si>
  <si>
    <t>海老江_小坪_1065-1</t>
  </si>
  <si>
    <t>海老江_小坪_1091-5</t>
  </si>
  <si>
    <t>海老江_小坪_1091-9</t>
  </si>
  <si>
    <t>海老江_小坪_1091-11</t>
  </si>
  <si>
    <t>海老江_小坪_1066</t>
  </si>
  <si>
    <t>海老江_小坪_1082</t>
  </si>
  <si>
    <t>海老江_小坪_1085-1</t>
  </si>
  <si>
    <t>海老江_小坪_1086</t>
  </si>
  <si>
    <t>海老江_小坪_1087</t>
  </si>
  <si>
    <t>海老江_小坪_1088</t>
  </si>
  <si>
    <t>海老江_小坪_1091-2</t>
  </si>
  <si>
    <t>海老江_小坪_1091-4</t>
  </si>
  <si>
    <t>戸破字若宮墓地3</t>
  </si>
  <si>
    <t>戸破_若宮_4914-1</t>
  </si>
  <si>
    <t>下水道調整池用地（一般会計）</t>
  </si>
  <si>
    <t>市道戸破1081号線敷地</t>
  </si>
  <si>
    <t>市道戸破178号線用地</t>
  </si>
  <si>
    <t>市道戸破194号線用地</t>
  </si>
  <si>
    <t>市道黒河528号線用地</t>
  </si>
  <si>
    <t>市道作道263号線用地</t>
  </si>
  <si>
    <t>市道庄西22号27号線用地</t>
  </si>
  <si>
    <t>市道庄西34号線用地</t>
  </si>
  <si>
    <t>市道常葉町八塚線用地</t>
  </si>
  <si>
    <t>市道大江414号線用地</t>
  </si>
  <si>
    <t>市道池多602号線用地</t>
  </si>
  <si>
    <t>市道塚原101号線用地</t>
  </si>
  <si>
    <t>市道二口停車場線用地</t>
  </si>
  <si>
    <t>市道本江37号線用地</t>
  </si>
  <si>
    <t>寺塚原墓地１</t>
  </si>
  <si>
    <t>重点密集市街地整備事業用地</t>
  </si>
  <si>
    <t>生源寺4号線道路敷地</t>
  </si>
  <si>
    <t>旧堀岡保育園</t>
  </si>
  <si>
    <t>堀岡_引地_289-1</t>
  </si>
  <si>
    <t>塚原保育園</t>
  </si>
  <si>
    <t>松木__631</t>
  </si>
  <si>
    <t>松木__632</t>
  </si>
  <si>
    <t>松木__633</t>
  </si>
  <si>
    <t>旧堀岡児童館</t>
  </si>
  <si>
    <t>射水町一丁目__10-1</t>
  </si>
  <si>
    <t>射水町一丁目__18-2</t>
  </si>
  <si>
    <t>射水町一丁目__19-13</t>
  </si>
  <si>
    <t>海老江児童センター</t>
  </si>
  <si>
    <t>東明東町__3-5</t>
  </si>
  <si>
    <t>塚原保育園駐車場（旧塚原児童館）</t>
  </si>
  <si>
    <t>松木__646-1</t>
  </si>
  <si>
    <t>二口バス停</t>
  </si>
  <si>
    <t>二口_轟_1034-7</t>
  </si>
  <si>
    <t>二口_轟_1034-8</t>
  </si>
  <si>
    <t>二口_轟_1049-4</t>
  </si>
  <si>
    <t>二口_轟_1049-5</t>
  </si>
  <si>
    <t>消防団　新湊分団屯所</t>
  </si>
  <si>
    <t>港町__124-1</t>
  </si>
  <si>
    <t>消雪施設_新湊-30</t>
  </si>
  <si>
    <t>緑町__1-26</t>
  </si>
  <si>
    <t>消雪施設_新湊-32</t>
  </si>
  <si>
    <t>野村__925</t>
  </si>
  <si>
    <t>消雪施設_小杉-02</t>
  </si>
  <si>
    <t>戸破_神川_3322-6</t>
  </si>
  <si>
    <t>消雪施設_小杉-11</t>
  </si>
  <si>
    <t>青井谷_干田_1664-1</t>
  </si>
  <si>
    <t>消雪施設_小杉-19</t>
  </si>
  <si>
    <t>池多__596-2</t>
  </si>
  <si>
    <t>消雪施設_小杉-20</t>
  </si>
  <si>
    <t>野手__230-3</t>
  </si>
  <si>
    <t>消雪施設_県 小杉-2</t>
  </si>
  <si>
    <t>三ケ_中原_3313-25</t>
  </si>
  <si>
    <t>消雪施設_大門-01</t>
  </si>
  <si>
    <t>大門_前田_304-4</t>
  </si>
  <si>
    <t>旧消防署東部出張所</t>
  </si>
  <si>
    <t>堀岡古明神_浜田_137-30</t>
  </si>
  <si>
    <t>堀岡古明神浜田137－30</t>
  </si>
  <si>
    <t>消雪施設_大門-07</t>
  </si>
  <si>
    <t>二口__3082</t>
  </si>
  <si>
    <t>消雪施設_大門-09</t>
  </si>
  <si>
    <t>串田__922-3</t>
  </si>
  <si>
    <t>消雪施設_大門-12</t>
  </si>
  <si>
    <t>八塚__1225</t>
  </si>
  <si>
    <t>消雪施設_大門-13</t>
  </si>
  <si>
    <t>布目沢__119-3</t>
  </si>
  <si>
    <t>消雪施設_大門-15</t>
  </si>
  <si>
    <t>土合__1549-2</t>
  </si>
  <si>
    <t>消雪施設_大門-16</t>
  </si>
  <si>
    <t>島__272-2</t>
  </si>
  <si>
    <t>消雪施設_大門-17</t>
  </si>
  <si>
    <t>土合__1568-2</t>
  </si>
  <si>
    <t>消雪施設_大門-18</t>
  </si>
  <si>
    <t>土合__604-5</t>
  </si>
  <si>
    <t>消雪施設_大門-20</t>
  </si>
  <si>
    <t>土合__366-3</t>
  </si>
  <si>
    <t>消雪施設_大門-21</t>
  </si>
  <si>
    <t>土合__990-4</t>
  </si>
  <si>
    <t>消雪施設_大門-22</t>
  </si>
  <si>
    <t>上条__98-15</t>
  </si>
  <si>
    <t>消雪施設_大門-23</t>
  </si>
  <si>
    <t>布目沢__437-4</t>
  </si>
  <si>
    <t>消雪施設_大門-24</t>
  </si>
  <si>
    <t>大門本江_苗代_574-3</t>
  </si>
  <si>
    <t>消雪施設_大門-25</t>
  </si>
  <si>
    <t>二口_油免_447-1</t>
  </si>
  <si>
    <t>消雪施設_大門-26</t>
  </si>
  <si>
    <t>広上__1789-3</t>
  </si>
  <si>
    <t>消雪施設_大門-27</t>
  </si>
  <si>
    <t>棚田__138-2</t>
  </si>
  <si>
    <t>消雪施設_大門-30</t>
  </si>
  <si>
    <t>市井__216-3</t>
  </si>
  <si>
    <t>消雪施設_大門-31</t>
  </si>
  <si>
    <t>二口_轟_1147-1</t>
  </si>
  <si>
    <t>消雪施設_大門-32</t>
  </si>
  <si>
    <t>下条__2071-2</t>
  </si>
  <si>
    <t>消雪施設_県 大門-13</t>
  </si>
  <si>
    <t>島__1706-2</t>
  </si>
  <si>
    <t>消雪施設_大島-01</t>
  </si>
  <si>
    <t>小島__1239-2</t>
  </si>
  <si>
    <t>消雪施設_大島-06</t>
  </si>
  <si>
    <t>小島__2832</t>
  </si>
  <si>
    <t>消雪施設_大島-07</t>
  </si>
  <si>
    <t>八塚_川田_318-2</t>
  </si>
  <si>
    <t>消雪施設_大島-08</t>
  </si>
  <si>
    <t>八塚_土田_23-47</t>
  </si>
  <si>
    <t>消雪施設_大島-12</t>
  </si>
  <si>
    <t>若杉__192-2</t>
  </si>
  <si>
    <t>消雪施設_大島-14</t>
  </si>
  <si>
    <t>南高木__244</t>
  </si>
  <si>
    <t>消雪施設_大島-15</t>
  </si>
  <si>
    <t>赤井_野田_418-1</t>
  </si>
  <si>
    <t>消雪施設_大島-17</t>
  </si>
  <si>
    <t>今開発__347</t>
  </si>
  <si>
    <t>消雪施設_大島-18</t>
  </si>
  <si>
    <t>中野_野宮_562-2</t>
  </si>
  <si>
    <t>消雪施設_大島-19</t>
  </si>
  <si>
    <t>大島北野__49-14</t>
  </si>
  <si>
    <t>消雪施設_大島-20</t>
  </si>
  <si>
    <t>中野_前田_1251-57</t>
  </si>
  <si>
    <t>消雪施設_大島-21</t>
  </si>
  <si>
    <t>小島_中田_3420-14</t>
  </si>
  <si>
    <t>消雪施設_大島-22</t>
  </si>
  <si>
    <t>若杉__479</t>
  </si>
  <si>
    <t>消雪施設_下-08</t>
  </si>
  <si>
    <t>倉垣小杉__101-1</t>
  </si>
  <si>
    <t>消防団　片口分団屯所</t>
  </si>
  <si>
    <t>新片町五丁目__24</t>
  </si>
  <si>
    <t>消防団　旧作道分団屯所</t>
  </si>
  <si>
    <t>殿村__89-1</t>
  </si>
  <si>
    <t>殿村89-1</t>
  </si>
  <si>
    <t>大門総合会館</t>
  </si>
  <si>
    <t>大門_道山_62-1</t>
  </si>
  <si>
    <t>大門_道山_67</t>
  </si>
  <si>
    <t>大門_道山_98-2</t>
  </si>
  <si>
    <t>大門_道山_97-6</t>
  </si>
  <si>
    <t>大門_道山_62-2</t>
  </si>
  <si>
    <t>大門_道山_62-6</t>
  </si>
  <si>
    <t>大門_道山_63-1</t>
  </si>
  <si>
    <t>大門_道山_63-2</t>
  </si>
  <si>
    <t>大門_道山_64</t>
  </si>
  <si>
    <t>大門_道山_65-1</t>
  </si>
  <si>
    <t>大門_道山_65-2</t>
  </si>
  <si>
    <t>大門_道山_66</t>
  </si>
  <si>
    <t>消防団　堀岡分団屯所</t>
  </si>
  <si>
    <t>堀岡新明神_大川_80-1</t>
  </si>
  <si>
    <t>堀岡新明神_大川_81</t>
  </si>
  <si>
    <t>堀岡新明神_大川_82-1</t>
  </si>
  <si>
    <t>堀岡新明神_大川_82-7</t>
  </si>
  <si>
    <t>市道1005_海老江11号線</t>
  </si>
  <si>
    <t>海老江浜開_浜田_192-67</t>
  </si>
  <si>
    <t>市道1096_海老江154号線</t>
  </si>
  <si>
    <t>海老江練合__150-2</t>
  </si>
  <si>
    <t>旧新湊庁舎・旧新湊消防署</t>
  </si>
  <si>
    <t>本町二丁目__97</t>
  </si>
  <si>
    <t>本町二丁目__97-4</t>
  </si>
  <si>
    <t>本町二丁目__97-5</t>
  </si>
  <si>
    <t>市道1169_海老江白石線</t>
  </si>
  <si>
    <t>七美__1268-2</t>
  </si>
  <si>
    <t>七美__1265-3</t>
  </si>
  <si>
    <t>富山県富山市中沖__420-2</t>
  </si>
  <si>
    <t>富山県富山市中沖__420-3</t>
  </si>
  <si>
    <t>富山県富山市中沖__441-2</t>
  </si>
  <si>
    <t>富山県富山市中沖__441-3</t>
  </si>
  <si>
    <t>富山県富山市中沖__443-2</t>
  </si>
  <si>
    <t>富山県富山市中沖__464-2</t>
  </si>
  <si>
    <t>旧新湊清掃事務所</t>
  </si>
  <si>
    <t>善光寺__24-2</t>
  </si>
  <si>
    <t>善光寺__24-3</t>
  </si>
  <si>
    <t>市道1320_新湊18号線</t>
  </si>
  <si>
    <t>港町__667-2</t>
  </si>
  <si>
    <t>新湊中部公園</t>
  </si>
  <si>
    <t>三日曽根__3</t>
  </si>
  <si>
    <t>市道1424_新湊122号線</t>
  </si>
  <si>
    <t>緑町__385-41</t>
  </si>
  <si>
    <t>緑町__385-42</t>
  </si>
  <si>
    <t>市道1495_新湊193号線</t>
  </si>
  <si>
    <t>放生津町__1748-2</t>
  </si>
  <si>
    <t>放生津町__1762-2</t>
  </si>
  <si>
    <t>放生津町__1763-3</t>
  </si>
  <si>
    <t>放生津町__1751-3</t>
  </si>
  <si>
    <t>放生津町__1757-7</t>
  </si>
  <si>
    <t>放生津町__1757-8</t>
  </si>
  <si>
    <t>放生津町__1759-4</t>
  </si>
  <si>
    <t>放生津町__1759-5</t>
  </si>
  <si>
    <t>放生津町__1760-2</t>
  </si>
  <si>
    <t>放生津町__1761-3</t>
  </si>
  <si>
    <t>放生津町__1761-4</t>
  </si>
  <si>
    <t>新湊交流会館</t>
  </si>
  <si>
    <t>三日曽根__9-6</t>
  </si>
  <si>
    <t>三日曽根__9-7</t>
  </si>
  <si>
    <t>旧堀岡福祉センター</t>
  </si>
  <si>
    <t>堀岡_地子_278</t>
  </si>
  <si>
    <t>堀岡新明神_高畠_165</t>
  </si>
  <si>
    <t>市道1637_作道44号線</t>
  </si>
  <si>
    <t>久々湊__253-3</t>
  </si>
  <si>
    <t>市道1672_作道79号線</t>
  </si>
  <si>
    <t>鏡宮__343-10</t>
  </si>
  <si>
    <t>鏡宮__343-9</t>
  </si>
  <si>
    <t>鏡宮__407-3</t>
  </si>
  <si>
    <t>市道1789_作道三ケ線</t>
  </si>
  <si>
    <t>殿村__1016</t>
  </si>
  <si>
    <t>市道1796_作道203号線</t>
  </si>
  <si>
    <t>布目__226-2</t>
  </si>
  <si>
    <t>布目__194-2</t>
  </si>
  <si>
    <t>布目__192-3</t>
  </si>
  <si>
    <t>鏡宮__406-3</t>
  </si>
  <si>
    <t>鏡宮__406-4</t>
  </si>
  <si>
    <t>東町東部荒屋東部公民館</t>
  </si>
  <si>
    <t>八幡町二丁目__541</t>
  </si>
  <si>
    <t>市道1967_塚原30号線</t>
  </si>
  <si>
    <t>松木__312-4</t>
  </si>
  <si>
    <t>市道2069_塚原132号線</t>
  </si>
  <si>
    <t>朴木__203-2</t>
  </si>
  <si>
    <t>市道2172_堀岡90号線</t>
  </si>
  <si>
    <t>堀岡_頭無_437-1</t>
  </si>
  <si>
    <t>立町地区再開発事務所</t>
  </si>
  <si>
    <t>立町__1306-1</t>
  </si>
  <si>
    <t>市道2376_新湊298号線</t>
  </si>
  <si>
    <t>八幡町三丁目__142-13</t>
  </si>
  <si>
    <t>市道2389_七美69号線</t>
  </si>
  <si>
    <t>七美__775-3</t>
  </si>
  <si>
    <t>七美__777-2</t>
  </si>
  <si>
    <t>七美__778-2</t>
  </si>
  <si>
    <t>七美__779-2</t>
  </si>
  <si>
    <t>七美__787-2</t>
  </si>
  <si>
    <t>七美__788-2</t>
  </si>
  <si>
    <t>七美__790-2</t>
  </si>
  <si>
    <t>市道2396_高木新開発線</t>
  </si>
  <si>
    <t>高木__103-4</t>
  </si>
  <si>
    <t>新開発__478-2</t>
  </si>
  <si>
    <t>新開発__481-3</t>
  </si>
  <si>
    <t>新開発__481-5</t>
  </si>
  <si>
    <t>新開発__487-3</t>
  </si>
  <si>
    <t>高木__105-2</t>
  </si>
  <si>
    <t>高木__107-2</t>
  </si>
  <si>
    <t>高木__108-3</t>
  </si>
  <si>
    <t>高木__108-4</t>
  </si>
  <si>
    <t>新開発__474-2</t>
  </si>
  <si>
    <t>新開発__475-2</t>
  </si>
  <si>
    <t>新開発__476-2</t>
  </si>
  <si>
    <t>新開発__477-2</t>
  </si>
  <si>
    <t>市道3013_三ケ13号線</t>
  </si>
  <si>
    <t>三ケ__2362-3</t>
  </si>
  <si>
    <t>市道3014_三ケ14号線</t>
  </si>
  <si>
    <t>三ケ__1892-2</t>
  </si>
  <si>
    <t>三ケ__1893-2</t>
  </si>
  <si>
    <t>市道3020_三ケ20号線</t>
  </si>
  <si>
    <t>三ケ_中原_3733-7</t>
  </si>
  <si>
    <t>三ケ_中原_3969-1</t>
  </si>
  <si>
    <t>三ケ_中原_3975-1</t>
  </si>
  <si>
    <t>市道3141_戸破110号線</t>
  </si>
  <si>
    <t>戸破_神川_3236-2</t>
  </si>
  <si>
    <t>戸破_神川_3237-3</t>
  </si>
  <si>
    <t>戸破_神川_3238-2</t>
  </si>
  <si>
    <t>市道3142_戸破111号線</t>
  </si>
  <si>
    <t>戸破_神川_3237-2</t>
  </si>
  <si>
    <t>戸破_神川_3251-2</t>
  </si>
  <si>
    <t>市道3191_戸破160号線</t>
  </si>
  <si>
    <t>戸破_四反田_767-6</t>
  </si>
  <si>
    <t>市道3216_戸破186号線</t>
  </si>
  <si>
    <t>手崎_払堂_408-8</t>
  </si>
  <si>
    <t>新湊シルバーワークプラザ</t>
  </si>
  <si>
    <t>善光寺__37-12</t>
  </si>
  <si>
    <t>市道3224_戸破194号線</t>
  </si>
  <si>
    <t>手崎_払堂_408-1</t>
  </si>
  <si>
    <t>市道3229_戸破199号線</t>
  </si>
  <si>
    <t>黒河_二十石_5404-3</t>
  </si>
  <si>
    <t>市道3239_戸破1009号線</t>
  </si>
  <si>
    <t>手崎_払堂_428-1</t>
  </si>
  <si>
    <t>市道3309_戸破1081号線</t>
  </si>
  <si>
    <t>戸破_加茂_1540-3</t>
  </si>
  <si>
    <t>戸破_加茂_1541-3</t>
  </si>
  <si>
    <t>戸破_加茂_1603-2</t>
  </si>
  <si>
    <t>戸破_加茂_1601-2</t>
  </si>
  <si>
    <t>戸破_加茂_1602-2</t>
  </si>
  <si>
    <t>戸破_加茂_1606-2</t>
  </si>
  <si>
    <t>市道3341_橋下条216号線</t>
  </si>
  <si>
    <t>橋下条__1041-3</t>
  </si>
  <si>
    <t>市道3564_黒河507号線</t>
  </si>
  <si>
    <t>黒河_尺目_1539-1</t>
  </si>
  <si>
    <t>市道3565_黒河508号線</t>
  </si>
  <si>
    <t>黒河新_表野_131-6</t>
  </si>
  <si>
    <t>黒河新_表野_130-7</t>
  </si>
  <si>
    <t>黒河新_表野_142-5</t>
  </si>
  <si>
    <t>黒河新_表野_141-3</t>
  </si>
  <si>
    <t>黒河新_表野_140-3</t>
  </si>
  <si>
    <t>黒河新_表野_138-5</t>
  </si>
  <si>
    <t>黒河_尺目_2384-4</t>
  </si>
  <si>
    <t>新湊博物館</t>
  </si>
  <si>
    <t>作道__540</t>
  </si>
  <si>
    <t>鏡宮__298</t>
  </si>
  <si>
    <t>鏡宮__299-2</t>
  </si>
  <si>
    <t>鏡宮__299-3</t>
  </si>
  <si>
    <t>鏡宮__299-4</t>
  </si>
  <si>
    <t>鏡宮__299</t>
  </si>
  <si>
    <t>鏡宮__300-1</t>
  </si>
  <si>
    <t>鏡宮__300-4</t>
  </si>
  <si>
    <t>鏡宮__300-5</t>
  </si>
  <si>
    <t>鏡宮__300-6</t>
  </si>
  <si>
    <t>鏡宮__300-7</t>
  </si>
  <si>
    <t>作道__541</t>
  </si>
  <si>
    <t>鏡宮__320-1</t>
  </si>
  <si>
    <t>鏡宮__320-5</t>
  </si>
  <si>
    <t>鏡宮__320-6</t>
  </si>
  <si>
    <t>鏡宮__321-1</t>
  </si>
  <si>
    <t>鏡宮__321-3</t>
  </si>
  <si>
    <t>鏡宮__321-4</t>
  </si>
  <si>
    <t>鏡宮__321-5</t>
  </si>
  <si>
    <t>鏡宮__322-1</t>
  </si>
  <si>
    <t>鏡宮__323-1</t>
  </si>
  <si>
    <t>鏡宮__687-1</t>
  </si>
  <si>
    <t>作道__542</t>
  </si>
  <si>
    <t>鏡宮__687-4</t>
  </si>
  <si>
    <t>鏡宮__687-5</t>
  </si>
  <si>
    <t>鏡宮__688</t>
  </si>
  <si>
    <t>鏡宮__689</t>
  </si>
  <si>
    <t>鏡宮__690</t>
  </si>
  <si>
    <t>鏡宮__691</t>
  </si>
  <si>
    <t>鏡宮__692</t>
  </si>
  <si>
    <t>作道__543</t>
  </si>
  <si>
    <t>鏡宮__296-2</t>
  </si>
  <si>
    <t>鏡宮__297-1</t>
  </si>
  <si>
    <t>鏡宮__298-2</t>
  </si>
  <si>
    <t>鏡宮__298-3</t>
  </si>
  <si>
    <t>鏡宮__298-4</t>
  </si>
  <si>
    <t>市道3930_大江1405号線</t>
  </si>
  <si>
    <t>鷲塚__437-3</t>
  </si>
  <si>
    <t>市道5014_本村常国線</t>
  </si>
  <si>
    <t>串田_村中_4839-5</t>
  </si>
  <si>
    <t>串田_村中_4839-6</t>
  </si>
  <si>
    <t>串田_村中_4841-5</t>
  </si>
  <si>
    <t>市道5049_錦町種村線</t>
  </si>
  <si>
    <t>大門_長割_168-4</t>
  </si>
  <si>
    <t>市道5132_庄和町2号線</t>
  </si>
  <si>
    <t>土合__1500-1</t>
  </si>
  <si>
    <t>市道6002_中野本開発線</t>
  </si>
  <si>
    <t>北高木__674-4</t>
  </si>
  <si>
    <t>市道6015_八塚串田線</t>
  </si>
  <si>
    <t>布目沢__142-3</t>
  </si>
  <si>
    <t>市道6032_新町2号線</t>
  </si>
  <si>
    <t>北野_大島_1550-2</t>
  </si>
  <si>
    <t>小島_川田_3053-2</t>
  </si>
  <si>
    <t>市道6055_東部通学路線</t>
  </si>
  <si>
    <t>新開発__466-4</t>
  </si>
  <si>
    <t>市道6094_小島16号線</t>
  </si>
  <si>
    <t>小島__914-2</t>
  </si>
  <si>
    <t>市道6140_三島野1号線</t>
  </si>
  <si>
    <t>北野_大島_1540-36</t>
  </si>
  <si>
    <t>市道6141_三島野2号線</t>
  </si>
  <si>
    <t>北野_大島_1550-8</t>
  </si>
  <si>
    <t>小島_川田_3050-23</t>
  </si>
  <si>
    <t>市道6142_三島野3号線</t>
  </si>
  <si>
    <t>小島_川田_3050-24</t>
  </si>
  <si>
    <t>小島_川田_3054-7</t>
  </si>
  <si>
    <t>市道6148_八塚4号線</t>
  </si>
  <si>
    <t>八塚_西田_484-1</t>
  </si>
  <si>
    <t>中野公園</t>
  </si>
  <si>
    <t>七美中野__111</t>
  </si>
  <si>
    <t>七美中野__112</t>
  </si>
  <si>
    <t>市道6169_小林6号線</t>
  </si>
  <si>
    <t>小林__485-3</t>
  </si>
  <si>
    <t>市道6173_小林10号線</t>
  </si>
  <si>
    <t>小林__485-4</t>
  </si>
  <si>
    <t>市道6210_新開発6号線</t>
  </si>
  <si>
    <t>新開発__573-2</t>
  </si>
  <si>
    <t>新開発__572-2</t>
  </si>
  <si>
    <t>市道6224_新開発20号線</t>
  </si>
  <si>
    <t>新開発__596-5</t>
  </si>
  <si>
    <t>新開発__572-3</t>
  </si>
  <si>
    <t>市道6226_本開発4号線</t>
  </si>
  <si>
    <t>本開発_前田_583-14</t>
  </si>
  <si>
    <t>本開発_前田_583-15</t>
  </si>
  <si>
    <t>久々江公園</t>
  </si>
  <si>
    <t>片口久々江__40</t>
  </si>
  <si>
    <t>市道7052_倉垣小杉東部1号線</t>
  </si>
  <si>
    <t>富山県富山市本郷中部__48-2</t>
  </si>
  <si>
    <t>富山県富山市本郷中部__49-2</t>
  </si>
  <si>
    <t>富山県富山市本郷中部__53-2</t>
  </si>
  <si>
    <t>富山県富山市本郷中部__56-2</t>
  </si>
  <si>
    <t>高場公園</t>
  </si>
  <si>
    <t>高場新町四丁目__34</t>
  </si>
  <si>
    <t>高場新町四丁目__122</t>
  </si>
  <si>
    <t>堀岡公園</t>
  </si>
  <si>
    <t>射水町二丁目__1-1</t>
  </si>
  <si>
    <t>市道3972_黒河579号線</t>
  </si>
  <si>
    <t>黒河_尺目_2584-3</t>
  </si>
  <si>
    <t>黒河_尺目_2585-2</t>
  </si>
  <si>
    <t>黒河_尺目_2586-3</t>
  </si>
  <si>
    <t>黒河_尺目_2586-4</t>
  </si>
  <si>
    <t>黒河_尺目_2587-3</t>
  </si>
  <si>
    <t>黒河_尺目_2587-4</t>
  </si>
  <si>
    <t>黒河_尺目_2588-3</t>
  </si>
  <si>
    <t>黒河_尺目_2590-5</t>
  </si>
  <si>
    <t>緑町公園(旧：四日曽根公園（交通公園）</t>
  </si>
  <si>
    <t>緑町__2-1</t>
  </si>
  <si>
    <t>緑町__2-2</t>
  </si>
  <si>
    <t>善光寺公園</t>
  </si>
  <si>
    <t>西新湊__23</t>
  </si>
  <si>
    <t>八幡公園</t>
  </si>
  <si>
    <t>八幡町二丁目__494</t>
  </si>
  <si>
    <t>浜開公園</t>
  </si>
  <si>
    <t>浜開新町__200</t>
  </si>
  <si>
    <t>七美公園</t>
  </si>
  <si>
    <t>七美__894</t>
  </si>
  <si>
    <t>七美__895</t>
  </si>
  <si>
    <t>七美__897</t>
  </si>
  <si>
    <t>有磯西公園</t>
  </si>
  <si>
    <t>有磯一丁目__2</t>
  </si>
  <si>
    <t>針山農村公園</t>
  </si>
  <si>
    <t>本江針山_中道_212-1</t>
  </si>
  <si>
    <t>本江針山_中道_212-2</t>
  </si>
  <si>
    <t>本江針山_中道_212-3</t>
  </si>
  <si>
    <t>本江針山_中道_212-4</t>
  </si>
  <si>
    <t>本江針山_中道_212-5</t>
  </si>
  <si>
    <t>本江針山_中道_212-6</t>
  </si>
  <si>
    <t>高木農村公園</t>
  </si>
  <si>
    <t>高木__247-2</t>
  </si>
  <si>
    <t>高木__247-3</t>
  </si>
  <si>
    <t>高木__248-2</t>
  </si>
  <si>
    <t>高木__248-3</t>
  </si>
  <si>
    <t>高木__252-2</t>
  </si>
  <si>
    <t>三日曽根公園</t>
  </si>
  <si>
    <t>三日曽根__16</t>
  </si>
  <si>
    <t>奈呉の江西公園</t>
  </si>
  <si>
    <t>奈呉の江__11</t>
  </si>
  <si>
    <t>足洗潟公園</t>
  </si>
  <si>
    <t>海老江練合_香海里_636</t>
  </si>
  <si>
    <t>本江_足洗_2924-34</t>
  </si>
  <si>
    <t>本江_足洗_2924-35</t>
  </si>
  <si>
    <t>本江_足洗_2924-36</t>
  </si>
  <si>
    <t>本江_足洗_2924-37</t>
  </si>
  <si>
    <t>本江_足洗_2924-38</t>
  </si>
  <si>
    <t>本江_足洗_2924-39</t>
  </si>
  <si>
    <t>本江_足洗_2924-40</t>
  </si>
  <si>
    <t>本江_足洗_2924-41</t>
  </si>
  <si>
    <t>本江_足洗_2924-42</t>
  </si>
  <si>
    <t>本江_足洗_2924-43</t>
  </si>
  <si>
    <t>海老江練合_香海里_637</t>
  </si>
  <si>
    <t>本江_足洗_2924-44</t>
  </si>
  <si>
    <t>本江_足洗_2924-45</t>
  </si>
  <si>
    <t>本江_足洗_2924-46</t>
  </si>
  <si>
    <t>本江_足洗_2924-48</t>
  </si>
  <si>
    <t>本江_足洗_2924-49</t>
  </si>
  <si>
    <t>本江_足洗_2924-50</t>
  </si>
  <si>
    <t>本江_足洗_2924-51</t>
  </si>
  <si>
    <t>本江_足洗_2924-52</t>
  </si>
  <si>
    <t>本江_足洗_2924-53</t>
  </si>
  <si>
    <t>本江_足洗_2924-54</t>
  </si>
  <si>
    <t>海老江練合_香海里_666</t>
  </si>
  <si>
    <t>本江_足洗_2924-55</t>
  </si>
  <si>
    <t>本江_足洗_2924-56</t>
  </si>
  <si>
    <t>本江_足洗_2924-57</t>
  </si>
  <si>
    <t>本江_足洗_2924-58</t>
  </si>
  <si>
    <t>本江_足洗_2924-59</t>
  </si>
  <si>
    <t>本江_足洗_2924-60</t>
  </si>
  <si>
    <t>本江_足洗_2924-62</t>
  </si>
  <si>
    <t>本江_足洗_2924-64</t>
  </si>
  <si>
    <t>本江_足洗_2924-65</t>
  </si>
  <si>
    <t>本江_足洗_2924-66</t>
  </si>
  <si>
    <t>海老江練合_香海里_667</t>
  </si>
  <si>
    <t>本江_足洗_2924-67</t>
  </si>
  <si>
    <t>本江_足洗_2924-68</t>
  </si>
  <si>
    <t>本江_足洗_2924-69</t>
  </si>
  <si>
    <t>本江_足洗_2924-70</t>
  </si>
  <si>
    <t>本江_足洗_2924-71</t>
  </si>
  <si>
    <t>本江_足洗_2924-104</t>
  </si>
  <si>
    <t>本江_足洗_2924-106</t>
  </si>
  <si>
    <t>本江_足洗_2924-108</t>
  </si>
  <si>
    <t>本江_足洗_2924-114</t>
  </si>
  <si>
    <t>本江_足洗_2924-116</t>
  </si>
  <si>
    <t>海老江練合_香海里_668</t>
  </si>
  <si>
    <t>本江_足洗_2924-117</t>
  </si>
  <si>
    <t>本江_足洗_2924-118</t>
  </si>
  <si>
    <t>本江_足洗_2924-119</t>
  </si>
  <si>
    <t>本江_足洗_2924-120</t>
  </si>
  <si>
    <t>本江_足洗_2924-121</t>
  </si>
  <si>
    <t>本江_足洗_2924-122</t>
  </si>
  <si>
    <t>本江_足洗_2924-123</t>
  </si>
  <si>
    <t>本江_足洗_2924-124</t>
  </si>
  <si>
    <t>本江_足洗_2924-125</t>
  </si>
  <si>
    <t>本江_足洗_2924-126</t>
  </si>
  <si>
    <t>本江_足洗_2924-13</t>
  </si>
  <si>
    <t>本江_足洗_2924-127</t>
  </si>
  <si>
    <t>本江_足洗_2924-128</t>
  </si>
  <si>
    <t>本江_足洗_2924-4</t>
  </si>
  <si>
    <t>本江_足洗_2924-5</t>
  </si>
  <si>
    <t>本江_足洗_2924-6</t>
  </si>
  <si>
    <t>本江_足洗_2924-7</t>
  </si>
  <si>
    <t>本江_足洗_2924-8</t>
  </si>
  <si>
    <t>本江_足洗_2924-11</t>
  </si>
  <si>
    <t>本江_足洗_2924-12</t>
  </si>
  <si>
    <t>本江針山開_野開_308-1</t>
  </si>
  <si>
    <t>本江_足洗_2924-14</t>
  </si>
  <si>
    <t>本江針山開_野開_309</t>
  </si>
  <si>
    <t>本江針山開_西開_131-2</t>
  </si>
  <si>
    <t>本江針山開_西開_131-3</t>
  </si>
  <si>
    <t>本江針山開_西開_307</t>
  </si>
  <si>
    <t>足洗新町一丁目__149</t>
  </si>
  <si>
    <t>足洗新町一丁目__150</t>
  </si>
  <si>
    <t>本江_足洗_2924-15</t>
  </si>
  <si>
    <t>本江_足洗_2924-20</t>
  </si>
  <si>
    <t>堀岡緑地</t>
  </si>
  <si>
    <t>射水町一丁目__53</t>
  </si>
  <si>
    <t>射水町二丁目__11</t>
  </si>
  <si>
    <t>射水町二丁目__52-2</t>
  </si>
  <si>
    <t>草岡町一丁目__52</t>
  </si>
  <si>
    <t>草岡町一丁目__53</t>
  </si>
  <si>
    <t>草岡町二丁目__53</t>
  </si>
  <si>
    <t>新湊庁舎駅前トイレ</t>
  </si>
  <si>
    <t>本町二丁目__1099-1</t>
  </si>
  <si>
    <t>本町二丁目__1099-2</t>
  </si>
  <si>
    <t>旧小杉勝春邸</t>
  </si>
  <si>
    <t>放生津町__2215</t>
  </si>
  <si>
    <t>衛生センター</t>
  </si>
  <si>
    <t>寺塚原__904</t>
  </si>
  <si>
    <t>川口宮袋入会地_大法寺_6602-3</t>
  </si>
  <si>
    <t>川口宮袋入会地_大法寺_6603-1</t>
  </si>
  <si>
    <t>川口宮袋入会地_大法寺_6604</t>
  </si>
  <si>
    <t>川口宮袋入会地_大法寺_6605-1</t>
  </si>
  <si>
    <t>川口宮袋入会地_大法寺_6605-2</t>
  </si>
  <si>
    <t>川口宮袋入会地_大法寺_6606</t>
  </si>
  <si>
    <t>川口宮袋入会地_大法寺_6607</t>
  </si>
  <si>
    <t>川口宮袋入会地_大法寺_6608</t>
  </si>
  <si>
    <t>川口宮袋入会地_大法寺_6609</t>
  </si>
  <si>
    <t>川口宮袋入会地_大法寺_6611</t>
  </si>
  <si>
    <t>川口宮袋入会地_大法寺_6594-1</t>
  </si>
  <si>
    <t>川口宮袋入会地_大法寺_6612</t>
  </si>
  <si>
    <t>川口宮袋入会地_大法寺_6613</t>
  </si>
  <si>
    <t>川口宮袋入会地_大法寺_6614</t>
  </si>
  <si>
    <t>川口宮袋入会地_大法寺_6615</t>
  </si>
  <si>
    <t>川口宮袋入会地_大法寺_6616</t>
  </si>
  <si>
    <t>川口宮袋入会地_大法寺_6617</t>
  </si>
  <si>
    <t>川口宮袋入会地_大法寺_6618</t>
  </si>
  <si>
    <t>川口宮袋入会地_大法寺_6619</t>
  </si>
  <si>
    <t>川口宮袋入会地_大法寺_6620</t>
  </si>
  <si>
    <t>川口宮袋入会地_大法寺_6621</t>
  </si>
  <si>
    <t>川口宮袋入会地_大法寺_6595-1</t>
  </si>
  <si>
    <t>川口宮袋入会地_大法寺_6622</t>
  </si>
  <si>
    <t>川口宮袋入会地_大法寺_6623</t>
  </si>
  <si>
    <t>川口宮袋入会地_大法寺_6624</t>
  </si>
  <si>
    <t>川口宮袋入会地_大法寺_6625</t>
  </si>
  <si>
    <t>川口宮袋入会地_大法寺_6626</t>
  </si>
  <si>
    <t>川口宮袋入会地_大法寺_6627</t>
  </si>
  <si>
    <t>川口宮袋入会地_大法寺_6628</t>
  </si>
  <si>
    <t>川口宮袋入会地_大法寺_6629</t>
  </si>
  <si>
    <t>川口宮袋入会地_大法寺_6596-1</t>
  </si>
  <si>
    <t>川口宮袋入会地_大法寺_6597-1</t>
  </si>
  <si>
    <t>川口宮袋入会地_大法寺_6598-1</t>
  </si>
  <si>
    <t>川口宮袋入会地_大法寺_6600-1</t>
  </si>
  <si>
    <t>川口宮袋入会地_大法寺_6601-1</t>
  </si>
  <si>
    <t>川口宮袋入会地_大法寺_6602-1</t>
  </si>
  <si>
    <t>大門コミュニティセンター</t>
  </si>
  <si>
    <t>大門_長割_164-2</t>
  </si>
  <si>
    <t>大門_長割_165-1</t>
  </si>
  <si>
    <t>大門_長割_165-2</t>
  </si>
  <si>
    <t>大門_長割_165-7</t>
  </si>
  <si>
    <t>大門_長割_166-1</t>
  </si>
  <si>
    <t>大門_長割_207-3</t>
  </si>
  <si>
    <t>二十六町公園</t>
  </si>
  <si>
    <t>七美__228-2</t>
  </si>
  <si>
    <t>七美__229</t>
  </si>
  <si>
    <t>七美__230</t>
  </si>
  <si>
    <t>七美__231</t>
  </si>
  <si>
    <t>新堀川緑地</t>
  </si>
  <si>
    <t>新堀__41</t>
  </si>
  <si>
    <t>新堀__42</t>
  </si>
  <si>
    <t>旧中伏木公民館</t>
  </si>
  <si>
    <t>庄西町二丁目__68-1</t>
  </si>
  <si>
    <t>下村体育館</t>
  </si>
  <si>
    <t>加茂中部__843</t>
  </si>
  <si>
    <t>加茂中部__844</t>
  </si>
  <si>
    <t>南部防火水槽（小杉）111</t>
  </si>
  <si>
    <t>戸破_神田_5750</t>
  </si>
  <si>
    <t>新湊作道保育園</t>
  </si>
  <si>
    <t>野村__892</t>
  </si>
  <si>
    <t>殿村__114</t>
  </si>
  <si>
    <t>殿村__115</t>
  </si>
  <si>
    <t>殿村__116-1</t>
  </si>
  <si>
    <t>殿村__116-2</t>
  </si>
  <si>
    <t>殿村__1018-2</t>
  </si>
  <si>
    <t>南部防火水槽（小杉）514</t>
  </si>
  <si>
    <t>大江__324-1</t>
  </si>
  <si>
    <t>南部防火水槽（小杉）802</t>
  </si>
  <si>
    <t>太閤山９丁目__3-3</t>
  </si>
  <si>
    <t>海老江保育園</t>
  </si>
  <si>
    <t>海老江_小坪_1062-2</t>
  </si>
  <si>
    <t>海老江_小坪_1062-3</t>
  </si>
  <si>
    <t>海老江_小坪_1064</t>
  </si>
  <si>
    <t>海老江_小坪_1050-4</t>
  </si>
  <si>
    <t>海老江_小坪_1051-1</t>
  </si>
  <si>
    <t>海老江_小坪_1052-1</t>
  </si>
  <si>
    <t>海老江_小坪_1053-1-1</t>
  </si>
  <si>
    <t>海老江_小坪_1057-1</t>
  </si>
  <si>
    <t>海老江_小坪_1058-1</t>
  </si>
  <si>
    <t>海老江_小坪_1060-1</t>
  </si>
  <si>
    <t>海老江_小坪_1061-1</t>
  </si>
  <si>
    <t>小杉東部保育園</t>
  </si>
  <si>
    <t>戸破_神川_2475</t>
  </si>
  <si>
    <t>戸破_神川_2527</t>
  </si>
  <si>
    <t>戸破_神川_2554</t>
  </si>
  <si>
    <t>戸破_神川_2555</t>
  </si>
  <si>
    <t>戸破_神川_2476</t>
  </si>
  <si>
    <t>戸破_神川_2477</t>
  </si>
  <si>
    <t>戸破_神川_2478</t>
  </si>
  <si>
    <t>戸破_神川_2479</t>
  </si>
  <si>
    <t>戸破_神川_2480</t>
  </si>
  <si>
    <t>戸破_神川_2481</t>
  </si>
  <si>
    <t>戸破_神川_2482-1</t>
  </si>
  <si>
    <t>戸破_神川_2504</t>
  </si>
  <si>
    <t>小杉駅前駐輪場</t>
  </si>
  <si>
    <t>三ケ_中原_4149-3</t>
  </si>
  <si>
    <t>北部防火水槽（塚原）116</t>
  </si>
  <si>
    <t>松木__759-2</t>
  </si>
  <si>
    <t>松木__760-2</t>
  </si>
  <si>
    <t>小杉駅南駐輪場</t>
  </si>
  <si>
    <t>三ケ__2595-21</t>
  </si>
  <si>
    <t>小杉駅西駐輪場</t>
  </si>
  <si>
    <t>三ケ_中原_4134-7</t>
  </si>
  <si>
    <t>三ケ_中原_4148-2</t>
  </si>
  <si>
    <t>三ケ_中原_4137-10</t>
  </si>
  <si>
    <t>三ケ_中原_4139-2</t>
  </si>
  <si>
    <t>三ケ_中原_4139-7</t>
  </si>
  <si>
    <t>三ケ_中原_4139-10</t>
  </si>
  <si>
    <t>三ケ_中原_4140-4</t>
  </si>
  <si>
    <t>三ケ_中原_4142-5</t>
  </si>
  <si>
    <t>三ケ_中原_4145-2</t>
  </si>
  <si>
    <t>三ケ_中原_4147-5</t>
  </si>
  <si>
    <t>北部防火水槽（堀岡）601</t>
  </si>
  <si>
    <t>堀岡古明神_浜田_137-36</t>
  </si>
  <si>
    <t>中山公園</t>
  </si>
  <si>
    <t>黒河_中山割_5275-1</t>
  </si>
  <si>
    <t>黒河新_草谷_15</t>
  </si>
  <si>
    <t>黒河新_草谷_16</t>
  </si>
  <si>
    <t>黒河新_草谷_17</t>
  </si>
  <si>
    <t>太閤山１丁目__18</t>
  </si>
  <si>
    <t>太閤山１丁目__19</t>
  </si>
  <si>
    <t>黒河_中山割_5323-2</t>
  </si>
  <si>
    <t>黒河新_草谷_8</t>
  </si>
  <si>
    <t>黒河新_草谷_9</t>
  </si>
  <si>
    <t>黒河新_草谷_10</t>
  </si>
  <si>
    <t>黒河新_草谷_11</t>
  </si>
  <si>
    <t>黒河新_草谷_12</t>
  </si>
  <si>
    <t>黒河新_草谷_13</t>
  </si>
  <si>
    <t>黒河新_草谷_14</t>
  </si>
  <si>
    <t>薬勝寺池南公園</t>
  </si>
  <si>
    <t>南太閤山７丁目__63</t>
  </si>
  <si>
    <t>駅南広場</t>
  </si>
  <si>
    <t>三ケ__2595-14</t>
  </si>
  <si>
    <t>三ケ__2595-17</t>
  </si>
  <si>
    <t>三ケ__2602-30</t>
  </si>
  <si>
    <t>三ケ__2602-31</t>
  </si>
  <si>
    <t>三ケ__2602-36</t>
  </si>
  <si>
    <t>下村コミュニティセンター</t>
  </si>
  <si>
    <t>加茂中部__893</t>
  </si>
  <si>
    <t>下庁舎跡地</t>
  </si>
  <si>
    <t>加茂中部893-2</t>
  </si>
  <si>
    <t>加茂中部893-1</t>
  </si>
  <si>
    <t>加茂中部__896</t>
  </si>
  <si>
    <t>加茂中部__897</t>
  </si>
  <si>
    <t>加茂中部__898</t>
  </si>
  <si>
    <t>加茂中部__899-3</t>
  </si>
  <si>
    <t>旧小杉幼稚園</t>
  </si>
  <si>
    <t>戸破_神川_4200-19</t>
  </si>
  <si>
    <t>戸破_神川_4229</t>
  </si>
  <si>
    <t>緑ヶ丘公民館</t>
  </si>
  <si>
    <t>二口_道山島_2613-53</t>
  </si>
  <si>
    <t>上条団地公民館</t>
  </si>
  <si>
    <t>上条__105-6</t>
  </si>
  <si>
    <t>防災広場</t>
  </si>
  <si>
    <t>二口_光明寺_2920</t>
  </si>
  <si>
    <t>大島つばさ保育園</t>
  </si>
  <si>
    <t>新開発__379-1</t>
  </si>
  <si>
    <t>新開発__380-1</t>
  </si>
  <si>
    <t>新開発__381-1</t>
  </si>
  <si>
    <t>加茂中部コミュニティ防災センター</t>
  </si>
  <si>
    <t>加茂中部__1029</t>
  </si>
  <si>
    <t>神田会館</t>
  </si>
  <si>
    <t>若杉__44</t>
  </si>
  <si>
    <t>大島絵本館</t>
  </si>
  <si>
    <t>新開発__243-2</t>
  </si>
  <si>
    <t>鳥取__46-6</t>
  </si>
  <si>
    <t>鳥取__50</t>
  </si>
  <si>
    <t>鳥取__50-2</t>
  </si>
  <si>
    <t>鳥取__51-1</t>
  </si>
  <si>
    <t>鳥取__52-1</t>
  </si>
  <si>
    <t>鳥取__53</t>
  </si>
  <si>
    <t>鳥取__53-2</t>
  </si>
  <si>
    <t>鳥取__54-1</t>
  </si>
  <si>
    <t>鳥取__54-4</t>
  </si>
  <si>
    <t>小林__82-1</t>
  </si>
  <si>
    <t>新開発__243</t>
  </si>
  <si>
    <t>小林__82-5</t>
  </si>
  <si>
    <t>小林__144-1</t>
  </si>
  <si>
    <t>小林__144-3</t>
  </si>
  <si>
    <t>小林__145-1</t>
  </si>
  <si>
    <t>小林__146-1</t>
  </si>
  <si>
    <t>新開発__244</t>
  </si>
  <si>
    <t>新開発__245-1</t>
  </si>
  <si>
    <t>新開発__245-5</t>
  </si>
  <si>
    <t>鳥取__44-1</t>
  </si>
  <si>
    <t>鳥取__45-3</t>
  </si>
  <si>
    <t>鳥取__46-1</t>
  </si>
  <si>
    <t>鳥取__46-5</t>
  </si>
  <si>
    <t>水戸田保育園</t>
  </si>
  <si>
    <t>生源寺_宮西_127-1</t>
  </si>
  <si>
    <t>生源寺_宮西_127-3</t>
  </si>
  <si>
    <t>生源寺_宮西_127-4</t>
  </si>
  <si>
    <t>生源寺_宮西_132-1</t>
  </si>
  <si>
    <t>生源寺_宮西_132-3</t>
  </si>
  <si>
    <t>生源寺_宮西_132-4</t>
  </si>
  <si>
    <t>所在地不明土地</t>
  </si>
  <si>
    <t>庄西町一丁目__169-2</t>
  </si>
  <si>
    <t>庄西町一丁目__601-15</t>
  </si>
  <si>
    <t>稲積__953-3</t>
  </si>
  <si>
    <t>稲積__954-3</t>
  </si>
  <si>
    <t>稲積__955-3</t>
  </si>
  <si>
    <t>稲積__956-3</t>
  </si>
  <si>
    <t>稲積__957-3</t>
  </si>
  <si>
    <t>稲積__958-3</t>
  </si>
  <si>
    <t>稲積__959-3</t>
  </si>
  <si>
    <t>稲積__960-3</t>
  </si>
  <si>
    <t>稲積__961-3</t>
  </si>
  <si>
    <t>稲積__962-3</t>
  </si>
  <si>
    <t>庄西町一丁目__615-1</t>
  </si>
  <si>
    <t>稲積__963-3</t>
  </si>
  <si>
    <t>稲積__964-3</t>
  </si>
  <si>
    <t>稲積__965-3</t>
  </si>
  <si>
    <t>稲積__966-3</t>
  </si>
  <si>
    <t>稲積__967-3</t>
  </si>
  <si>
    <t>稲積__968-4</t>
  </si>
  <si>
    <t>稲積__1033-4</t>
  </si>
  <si>
    <t>稲積__1034-3</t>
  </si>
  <si>
    <t>稲積__1035-3</t>
  </si>
  <si>
    <t>稲積__1036-3</t>
  </si>
  <si>
    <t>庄西町一丁目__753-2</t>
  </si>
  <si>
    <t>稲積__1037-3</t>
  </si>
  <si>
    <t>稲積__1038-3</t>
  </si>
  <si>
    <t>稲積__1039-3</t>
  </si>
  <si>
    <t>稲積__1040-3</t>
  </si>
  <si>
    <t>稲積__1041-3</t>
  </si>
  <si>
    <t>稲積__1042-3</t>
  </si>
  <si>
    <t>稲積__1043-3</t>
  </si>
  <si>
    <t>稲積__1044-3</t>
  </si>
  <si>
    <t>稲積__1045-3</t>
  </si>
  <si>
    <t>稲積__1046-3</t>
  </si>
  <si>
    <t>庄西町二丁目__795</t>
  </si>
  <si>
    <t>稲積__1047-3</t>
  </si>
  <si>
    <t>稲積__1048-3</t>
  </si>
  <si>
    <t>稲積__1049-3</t>
  </si>
  <si>
    <t>稲積__1050-3</t>
  </si>
  <si>
    <t>稲積__1051-5</t>
  </si>
  <si>
    <t>黒河_金屎_4899-5</t>
  </si>
  <si>
    <t>黒河_二十石_5431-2</t>
  </si>
  <si>
    <t>黒河新_日ノ宮_5172-1</t>
  </si>
  <si>
    <t>中老田新_星丸_543-3</t>
  </si>
  <si>
    <t>山本_二枚田_4-1</t>
  </si>
  <si>
    <t>庄西町二丁目__994</t>
  </si>
  <si>
    <t>山本_草山_3414</t>
  </si>
  <si>
    <t>日宮_寺山_125-3</t>
  </si>
  <si>
    <t>広上__1-1</t>
  </si>
  <si>
    <t>火葬場</t>
  </si>
  <si>
    <t>上条__64-3</t>
  </si>
  <si>
    <t>串田_松原_6516-2</t>
  </si>
  <si>
    <t>串田_丸山_134</t>
  </si>
  <si>
    <t>串田_丸山_140-1</t>
  </si>
  <si>
    <t>串田_丸山_141-1</t>
  </si>
  <si>
    <t>串田新_大沢_1570-2</t>
  </si>
  <si>
    <t>串田新_大沢_1571-1</t>
  </si>
  <si>
    <t>庄西町二丁目__2379-1</t>
  </si>
  <si>
    <t>荒町_松原_2-3</t>
  </si>
  <si>
    <t>荒町_松原_3-3</t>
  </si>
  <si>
    <t>堀内_向川原_9-4</t>
  </si>
  <si>
    <t>堀内_向川原_1687-1</t>
  </si>
  <si>
    <t>堀内_向川原_1687-4</t>
  </si>
  <si>
    <t>堀内_向川原_1687-5</t>
  </si>
  <si>
    <t>堀内_向川原_1690-3</t>
  </si>
  <si>
    <t>堀内_向川原_1690-4</t>
  </si>
  <si>
    <t>水戸田_熊野_3303-6</t>
  </si>
  <si>
    <t>港町__2589-36</t>
  </si>
  <si>
    <t>二口_轟_1473-1</t>
  </si>
  <si>
    <t>二口_轟_1473-2</t>
  </si>
  <si>
    <t>二口_轟_1473-3</t>
  </si>
  <si>
    <t>中村__29-39</t>
  </si>
  <si>
    <t>本田_畑田_417-4</t>
  </si>
  <si>
    <t>二口_北野割_2468-4</t>
  </si>
  <si>
    <t>二口_道山島_2764-2</t>
  </si>
  <si>
    <t>二口_道山島_2764-3</t>
  </si>
  <si>
    <t>二口_道山島_2764-7</t>
  </si>
  <si>
    <t>二口_道山島_2764-8</t>
  </si>
  <si>
    <t>庄川本町__110-2</t>
  </si>
  <si>
    <t>二口_道山島_3037-2</t>
  </si>
  <si>
    <t>二口_道山島_3037-3</t>
  </si>
  <si>
    <t>小島__672-3</t>
  </si>
  <si>
    <t>小島_馬渡_3201-3</t>
  </si>
  <si>
    <t>若杉_與縄_614-3</t>
  </si>
  <si>
    <t>若杉_與縄_615-1</t>
  </si>
  <si>
    <t>若杉_與縄_615-2</t>
  </si>
  <si>
    <t>若杉_與縄_616</t>
  </si>
  <si>
    <t>若杉_與縄_617-2</t>
  </si>
  <si>
    <t>若杉_與縄_618-2</t>
  </si>
  <si>
    <t>本町三丁目__1129-5</t>
  </si>
  <si>
    <t>若杉_與縄_619-2</t>
  </si>
  <si>
    <t>北野_小右エ門作_1187</t>
  </si>
  <si>
    <t>北野_与縄_1194-1</t>
  </si>
  <si>
    <t>北野_与縄_1195-1</t>
  </si>
  <si>
    <t>北野_与縄_1195-2</t>
  </si>
  <si>
    <t>北野_与縄_1196</t>
  </si>
  <si>
    <t>北野_与縄_1197</t>
  </si>
  <si>
    <t>北野_与縄_1198</t>
  </si>
  <si>
    <t>北野_与縄_1199-1</t>
  </si>
  <si>
    <t>北野_与縄_1200-1</t>
  </si>
  <si>
    <t>立町__1656-2</t>
  </si>
  <si>
    <t>堀岡_引地_287-3</t>
  </si>
  <si>
    <t>堀岡_引地_288-1</t>
  </si>
  <si>
    <t>平野_向谷_775</t>
  </si>
  <si>
    <t>平野_向谷_776</t>
  </si>
  <si>
    <t>庄西町一丁目__169-7</t>
  </si>
  <si>
    <t>八幡町三丁目__504-2</t>
  </si>
  <si>
    <t>八幡町三丁目__516-3</t>
  </si>
  <si>
    <t>八幡町三丁目__516-4</t>
  </si>
  <si>
    <t>中新湊__190-2</t>
  </si>
  <si>
    <t>中新湊__190-3</t>
  </si>
  <si>
    <t>中新湊__227-1</t>
  </si>
  <si>
    <t>中新湊__255-2</t>
  </si>
  <si>
    <t>二の丸町__139-2</t>
  </si>
  <si>
    <t>二の丸町__140</t>
  </si>
  <si>
    <t>二の丸町__141-2</t>
  </si>
  <si>
    <t>庄西町一丁目__169-8</t>
  </si>
  <si>
    <t>二の丸町__335-2</t>
  </si>
  <si>
    <t>二の丸町__335</t>
  </si>
  <si>
    <t>西新湊__424</t>
  </si>
  <si>
    <t>海老江_小坪_1068-1</t>
  </si>
  <si>
    <t>海老江練合__226-6</t>
  </si>
  <si>
    <t>海老江練合__226-7</t>
  </si>
  <si>
    <t>海老江練合__226-8</t>
  </si>
  <si>
    <t>海老江練合_香海里_596-7</t>
  </si>
  <si>
    <t>海老江練合_香海里_658-1</t>
  </si>
  <si>
    <t>海老江七軒_中官_1255</t>
  </si>
  <si>
    <t>庄西町一丁目__169-9</t>
  </si>
  <si>
    <t>堀岡_引地_289-12</t>
  </si>
  <si>
    <t>堀岡_引地_289-14</t>
  </si>
  <si>
    <t>堀岡新明神_村中_109-2</t>
  </si>
  <si>
    <t>堀岡新明神_西浜_177-3</t>
  </si>
  <si>
    <t>堀岡古明神_野寺_26-2</t>
  </si>
  <si>
    <t>堀岡古明神_野寺_27-3</t>
  </si>
  <si>
    <t>堀岡古明神_野寺_28-2</t>
  </si>
  <si>
    <t>堀岡古明神_野寺_29-2</t>
  </si>
  <si>
    <t>堀岡古明神_野寺_30-3</t>
  </si>
  <si>
    <t>堀岡古明神_宮地_381-2</t>
  </si>
  <si>
    <t>庄西町一丁目__359-2</t>
  </si>
  <si>
    <t>堀岡古明神_宮地_382-2</t>
  </si>
  <si>
    <t>草岡町二丁目__52</t>
  </si>
  <si>
    <t>本江_足洗_2924-47</t>
  </si>
  <si>
    <t>本江針山新_北割_76-3</t>
  </si>
  <si>
    <t>川口宮袋入会地_大法寺_6566-2</t>
  </si>
  <si>
    <t>川口宮袋入会地_大法寺_6567-1</t>
  </si>
  <si>
    <t>川口宮袋入会地_大法寺_6567-2</t>
  </si>
  <si>
    <t>川口宮袋入会地_大法寺_6567-3</t>
  </si>
  <si>
    <t>川口宮袋入会地_大法寺_6573</t>
  </si>
  <si>
    <t>川口宮袋入会地_大法寺_6734-1</t>
  </si>
  <si>
    <t>庄西町一丁目__371-5</t>
  </si>
  <si>
    <t>川口宮袋入会地_大法寺_6751-2</t>
  </si>
  <si>
    <t>川口宮袋入会地_大法寺_6756-2</t>
  </si>
  <si>
    <t>高木__72-2</t>
  </si>
  <si>
    <t>高木__73-2</t>
  </si>
  <si>
    <t>高木__74-2</t>
  </si>
  <si>
    <t>高木__76-2</t>
  </si>
  <si>
    <t>高木__77-2</t>
  </si>
  <si>
    <t>高木__78-2</t>
  </si>
  <si>
    <t>高木__81-2</t>
  </si>
  <si>
    <t>高木__100-2</t>
  </si>
  <si>
    <t>庄西町一丁目__371-6</t>
  </si>
  <si>
    <t>高木__101-2</t>
  </si>
  <si>
    <t>高木__102-3</t>
  </si>
  <si>
    <t>高木__109-2</t>
  </si>
  <si>
    <t>高木__110-2</t>
  </si>
  <si>
    <t>高木__112-2</t>
  </si>
  <si>
    <t>三ケ_町口_2919-5</t>
  </si>
  <si>
    <t>三ケ_町口_3181-7</t>
  </si>
  <si>
    <t>戸破_加茂_1902-11</t>
  </si>
  <si>
    <t>手崎_神明堂_587-2</t>
  </si>
  <si>
    <t>手崎_神明堂_588-2</t>
  </si>
  <si>
    <t>庄西町一丁目__601-2</t>
  </si>
  <si>
    <t>手崎_神明堂_591-2</t>
  </si>
  <si>
    <t>手崎_神明堂_593</t>
  </si>
  <si>
    <t>手崎_神明堂_594-2</t>
  </si>
  <si>
    <t>手崎_神明堂_596-3</t>
  </si>
  <si>
    <t>手崎_神明堂_597-2</t>
  </si>
  <si>
    <t>手崎_神明堂_598-2</t>
  </si>
  <si>
    <t>手崎_神明堂_599-3</t>
  </si>
  <si>
    <t>手崎_神明堂_603-2</t>
  </si>
  <si>
    <t>手崎_神明堂_607-2</t>
  </si>
  <si>
    <t>手崎_神明堂_614-3</t>
  </si>
  <si>
    <t>庄西町一丁目__601-14</t>
  </si>
  <si>
    <t>手崎_神明堂_615-2</t>
  </si>
  <si>
    <t>手崎_神明堂_793-3</t>
  </si>
  <si>
    <t>手崎_神明堂_794-3</t>
  </si>
  <si>
    <t>橋下条_赤田_4338-5</t>
  </si>
  <si>
    <t>橋下条_赤田_4338-6</t>
  </si>
  <si>
    <t>橋下条_赤田_4338-7</t>
  </si>
  <si>
    <t>青井谷_干田_1528-1</t>
  </si>
  <si>
    <t>青井谷_干田_1528-2</t>
  </si>
  <si>
    <t>稲積__951-5</t>
  </si>
  <si>
    <t>稲積__952-3</t>
  </si>
  <si>
    <t>所在地不明地道路</t>
  </si>
  <si>
    <t>庄西町一丁目__619-7</t>
  </si>
  <si>
    <t>庄西町二丁目__1068</t>
  </si>
  <si>
    <t>今井_砂田_688-3</t>
  </si>
  <si>
    <t>今井_砂田_692-3</t>
  </si>
  <si>
    <t>今井_砂田_693-3</t>
  </si>
  <si>
    <t>今井_砂田_694-3</t>
  </si>
  <si>
    <t>今井_砂田_697-3</t>
  </si>
  <si>
    <t>今井_砂田_698-3</t>
  </si>
  <si>
    <t>今井_砂田_699-3</t>
  </si>
  <si>
    <t>今井_彼岸堂_210-3</t>
  </si>
  <si>
    <t>今井_彼岸堂_211-3</t>
  </si>
  <si>
    <t>今井_馬場_307-3</t>
  </si>
  <si>
    <t>港町__631-2</t>
  </si>
  <si>
    <t>今井_馬場_308-3</t>
  </si>
  <si>
    <t>今井_馬場_309-3</t>
  </si>
  <si>
    <t>今井_馬場_310-3</t>
  </si>
  <si>
    <t>今井_馬場_311-3</t>
  </si>
  <si>
    <t>今井_小田_460-6</t>
  </si>
  <si>
    <t>今井_小田_460-14</t>
  </si>
  <si>
    <t>今井_小田_460-16</t>
  </si>
  <si>
    <t>今井_小田_462-3</t>
  </si>
  <si>
    <t>今井_小田_463-2</t>
  </si>
  <si>
    <t>今井_小田_477-3</t>
  </si>
  <si>
    <t>港町__633-2</t>
  </si>
  <si>
    <t>今井_小田_481-5</t>
  </si>
  <si>
    <t>今井_小田_481-9</t>
  </si>
  <si>
    <t>今井_小田_630-3</t>
  </si>
  <si>
    <t>今井_小田_635-2</t>
  </si>
  <si>
    <t>今井_小田_636-3</t>
  </si>
  <si>
    <t>今井_小田_652-1</t>
  </si>
  <si>
    <t>今井_小田_652-2</t>
  </si>
  <si>
    <t>今井_小田_652-5</t>
  </si>
  <si>
    <t>今井_小田_653-3</t>
  </si>
  <si>
    <t>今井_小田_722-4</t>
  </si>
  <si>
    <t>港町__1096</t>
  </si>
  <si>
    <t>今井_小田_977-2</t>
  </si>
  <si>
    <t>今井_小田_977-3</t>
  </si>
  <si>
    <t>今井_小田_977-4</t>
  </si>
  <si>
    <t>今井_苗代_473-2</t>
  </si>
  <si>
    <t>今井_苗代_479-9</t>
  </si>
  <si>
    <t>今井_苗代_483-3</t>
  </si>
  <si>
    <t>今井_苗代_484-3</t>
  </si>
  <si>
    <t>今井_〓作_1048-2</t>
  </si>
  <si>
    <t>今井_〓作_1048-3</t>
  </si>
  <si>
    <t>今井_〓作_1048-4</t>
  </si>
  <si>
    <t>港町__2589-37</t>
  </si>
  <si>
    <t>今井_〓作_1050-2</t>
  </si>
  <si>
    <t>今井_〓作_1050-3</t>
  </si>
  <si>
    <t>今井_〓作_1050-4</t>
  </si>
  <si>
    <t>今井_〓作_1064-3</t>
  </si>
  <si>
    <t>四日曽根_五俵目_439-5</t>
  </si>
  <si>
    <t>四日曽根_五俵目_448-3</t>
  </si>
  <si>
    <t>四日曽根_五俵目_449-3</t>
  </si>
  <si>
    <t>四日曽根_五俵目_455-3</t>
  </si>
  <si>
    <t>四日曽根_塚田_152-2</t>
  </si>
  <si>
    <t>四日曽根_塚田_153-3</t>
  </si>
  <si>
    <t>港町__2589-38</t>
  </si>
  <si>
    <t>四日曽根_塚田_153-4</t>
  </si>
  <si>
    <t>四日曽根_塚田_154-24</t>
  </si>
  <si>
    <t>四日曽根_塚田_157-2</t>
  </si>
  <si>
    <t>四日曽根_塚田_170-4</t>
  </si>
  <si>
    <t>四日曽根_塚田_173-4</t>
  </si>
  <si>
    <t>四日曽根_塚田_173-5</t>
  </si>
  <si>
    <t>四日曽根_塚田_174-4</t>
  </si>
  <si>
    <t>四日曽根_塚田_174-5</t>
  </si>
  <si>
    <t>四日曽根_塚田_175-4</t>
  </si>
  <si>
    <t>四日曽根_塚田_175-5</t>
  </si>
  <si>
    <t>港町__2589-39</t>
  </si>
  <si>
    <t>四日曽根_塚田_176-4</t>
  </si>
  <si>
    <t>四日曽根_塚田_176-5</t>
  </si>
  <si>
    <t>四日曽根_塚田_177-4</t>
  </si>
  <si>
    <t>四日曽根_塚田_178-4</t>
  </si>
  <si>
    <t>四日曽根_塚田_179-3</t>
  </si>
  <si>
    <t>四日曽根_塚田_180-2</t>
  </si>
  <si>
    <t>四日曽根_塚田_181-2</t>
  </si>
  <si>
    <t>四日曽根_塚田_182-2</t>
  </si>
  <si>
    <t>四日曽根_塚田_182-3</t>
  </si>
  <si>
    <t>四日曽根_塚田_183-1</t>
  </si>
  <si>
    <t>港町__2589-40</t>
  </si>
  <si>
    <t>四日曽根_塚田_183-2</t>
  </si>
  <si>
    <t>四日曽根_塚田_183-3</t>
  </si>
  <si>
    <t>四日曽根_塚田_184-2</t>
  </si>
  <si>
    <t>四日曽根_塚田_184-4</t>
  </si>
  <si>
    <t>四日曽根_塚田_185-2</t>
  </si>
  <si>
    <t>四日曽根_味入_154-25</t>
  </si>
  <si>
    <t>三ケ_茶ノ木_1974-2</t>
  </si>
  <si>
    <t>三ケ_茶ノ木_1989-3</t>
  </si>
  <si>
    <t>三ケ_中原_4169-2</t>
  </si>
  <si>
    <t>三ケ_中原_4170-2</t>
  </si>
  <si>
    <t>港町__2589-41</t>
  </si>
  <si>
    <t>三ケ_中原_4173-2</t>
  </si>
  <si>
    <t>三ケ_中原_4174-2</t>
  </si>
  <si>
    <t>三ケ_中田_3445-2</t>
  </si>
  <si>
    <t>三ケ_町口_3035-2</t>
  </si>
  <si>
    <t>三ケ_町口_3037-2</t>
  </si>
  <si>
    <t>三ケ_町口_3039-2</t>
  </si>
  <si>
    <t>三ケ_町口_3042-2</t>
  </si>
  <si>
    <t>三ケ_町口_3043-2</t>
  </si>
  <si>
    <t>三ケ_町口_3048-2</t>
  </si>
  <si>
    <t>三ケ_町口_3142-2</t>
  </si>
  <si>
    <t>港町__2589-42</t>
  </si>
  <si>
    <t>戸破_加茂_1768-6</t>
  </si>
  <si>
    <t>戸破_神川_2126-2</t>
  </si>
  <si>
    <t>戸破_神川_2526-2</t>
  </si>
  <si>
    <t>戸破_神川_2556-2</t>
  </si>
  <si>
    <t>戸破_神川_2585-2/1</t>
  </si>
  <si>
    <t>戸破_神川_2625-3/1</t>
  </si>
  <si>
    <t>戸破_神川_2627-2/1</t>
  </si>
  <si>
    <t>戸破_神川_2922-4</t>
  </si>
  <si>
    <t>戸破_神川_3322-5</t>
  </si>
  <si>
    <t>戸破_神川_3323-3</t>
  </si>
  <si>
    <t>庄西町二丁目__96-4</t>
  </si>
  <si>
    <t>港町__2589-43</t>
  </si>
  <si>
    <t>戸破_神川_3551-2</t>
  </si>
  <si>
    <t>戸破_神川_3559-2</t>
  </si>
  <si>
    <t>戸破_神川_4219-4</t>
  </si>
  <si>
    <t>戸破_若宮_2789-2</t>
  </si>
  <si>
    <t>戸破_若宮_3101-3</t>
  </si>
  <si>
    <t>戸破_若宮_3393-2</t>
  </si>
  <si>
    <t>戸破_神田_3963-2</t>
  </si>
  <si>
    <t>戸破_神田_4718-3</t>
  </si>
  <si>
    <t>手崎_常久_11-2</t>
  </si>
  <si>
    <t>手崎_常久_243-9</t>
  </si>
  <si>
    <t>港町__2589-44</t>
  </si>
  <si>
    <t>手崎_石太郎_1075-4</t>
  </si>
  <si>
    <t>手崎_石太郎_1124-2</t>
  </si>
  <si>
    <t>手崎_石太郎_1125-3</t>
  </si>
  <si>
    <t>手崎_石太郎_1212-5</t>
  </si>
  <si>
    <t>手崎_石太郎_1239-2</t>
  </si>
  <si>
    <t>手崎_石太郎_1241-2</t>
  </si>
  <si>
    <t>青井谷__182-3</t>
  </si>
  <si>
    <t>青井谷_丸山_1092-3</t>
  </si>
  <si>
    <t>青井谷_干田_1223-2</t>
  </si>
  <si>
    <t>青井谷_干田_1292-3</t>
  </si>
  <si>
    <t>港町__2589-45</t>
  </si>
  <si>
    <t>青井谷_干田_1309-3</t>
  </si>
  <si>
    <t>青井谷_立神_3126-3</t>
  </si>
  <si>
    <t>青井谷_立神_3206-3</t>
  </si>
  <si>
    <t>青井谷_鳥越_5553-8</t>
  </si>
  <si>
    <t>青井谷_鳥越_5557-4</t>
  </si>
  <si>
    <t>青井谷_鳥越_5585-4</t>
  </si>
  <si>
    <t>青井谷_鳥越_5585-5</t>
  </si>
  <si>
    <t>青井谷_鳥越_5585-6</t>
  </si>
  <si>
    <t>上野_天池_111-4</t>
  </si>
  <si>
    <t>平野_平野_4402-2</t>
  </si>
  <si>
    <t>港町__2589-46</t>
  </si>
  <si>
    <t>入会地_天池_25-2</t>
  </si>
  <si>
    <t>稲積__377-3</t>
  </si>
  <si>
    <t>黒河_三谷_4614-2</t>
  </si>
  <si>
    <t>黒河_小谷_4659-4</t>
  </si>
  <si>
    <t>黒河_二十石_5617-3</t>
  </si>
  <si>
    <t>黒河_二十石_5649-4</t>
  </si>
  <si>
    <t>黒河_二十石_5649-5</t>
  </si>
  <si>
    <t>黒河_二十石_5649-6</t>
  </si>
  <si>
    <t>黒河_二十石_5649-7</t>
  </si>
  <si>
    <t>黒河_二十石_5662-4</t>
  </si>
  <si>
    <t>港町__2589-47</t>
  </si>
  <si>
    <t>黒河_二十石_5662-5</t>
  </si>
  <si>
    <t>黒河_二十石_5662-6</t>
  </si>
  <si>
    <t>黒河_二十石_5662-7</t>
  </si>
  <si>
    <t>黒河_二十石_5663-2</t>
  </si>
  <si>
    <t>黒河_二十石_5664-2</t>
  </si>
  <si>
    <t>黒河_二十石_5665-3</t>
  </si>
  <si>
    <t>黒河_二十石_5666-2</t>
  </si>
  <si>
    <t>黒河_二十石_5667-2</t>
  </si>
  <si>
    <t>土代_新切_818-3</t>
  </si>
  <si>
    <t>椎土_十石高_1427-2</t>
  </si>
  <si>
    <t>港町__2589-48</t>
  </si>
  <si>
    <t>山本_草山_3470-13</t>
  </si>
  <si>
    <t>広上__767-2</t>
  </si>
  <si>
    <t>広上__768-2</t>
  </si>
  <si>
    <t>広上__897-3</t>
  </si>
  <si>
    <t>上条__108-2</t>
  </si>
  <si>
    <t>上条__187-2</t>
  </si>
  <si>
    <t>島__1432-1</t>
  </si>
  <si>
    <t>下条__246-3</t>
  </si>
  <si>
    <t>下条__364-3</t>
  </si>
  <si>
    <t>下条__366-4</t>
  </si>
  <si>
    <t>港町__2589-49</t>
  </si>
  <si>
    <t>下条__904-4</t>
  </si>
  <si>
    <t>下条_中田_828-6</t>
  </si>
  <si>
    <t>下条_中田_851-3</t>
  </si>
  <si>
    <t>下条_中田_872-4</t>
  </si>
  <si>
    <t>下条_中田_873-7</t>
  </si>
  <si>
    <t>土合__792-2</t>
  </si>
  <si>
    <t>土合__1315-2</t>
  </si>
  <si>
    <t>土合__1318-2</t>
  </si>
  <si>
    <t>土合__1319-2</t>
  </si>
  <si>
    <t>土合__1320-2</t>
  </si>
  <si>
    <t>港町__2589-50</t>
  </si>
  <si>
    <t>土合__1324-4</t>
  </si>
  <si>
    <t>土合__1324-5</t>
  </si>
  <si>
    <t>土合__1459-2</t>
  </si>
  <si>
    <t>土合__1461-4</t>
  </si>
  <si>
    <t>土合__1477-5</t>
  </si>
  <si>
    <t>土合__1478-2</t>
  </si>
  <si>
    <t>土合__1507-2</t>
  </si>
  <si>
    <t>土合__1573-2</t>
  </si>
  <si>
    <t>土合__1592-4</t>
  </si>
  <si>
    <t>串田__1179</t>
  </si>
  <si>
    <t>港町__2589-51</t>
  </si>
  <si>
    <t>串田__1185-1</t>
  </si>
  <si>
    <t>串田__1185-2</t>
  </si>
  <si>
    <t>串田__1355-2</t>
  </si>
  <si>
    <t>串田__1378-4</t>
  </si>
  <si>
    <t>串田__1403-2</t>
  </si>
  <si>
    <t>串田__1408-2</t>
  </si>
  <si>
    <t>串田_松原_6454-2</t>
  </si>
  <si>
    <t>串田_大沢_7097</t>
  </si>
  <si>
    <t>串田_明地_8383-2</t>
  </si>
  <si>
    <t>串田_明地_8589-13</t>
  </si>
  <si>
    <t>港町__2589-52</t>
  </si>
  <si>
    <t>串田_明地_8592-3</t>
  </si>
  <si>
    <t>串田_明地_8610-17</t>
  </si>
  <si>
    <t>串田_明地_8610-18</t>
  </si>
  <si>
    <t>串田_明地_8613-5</t>
  </si>
  <si>
    <t>串田_明地_8613-6</t>
  </si>
  <si>
    <t>串田_明地_8613-7</t>
  </si>
  <si>
    <t>串田_明地_8639-2</t>
  </si>
  <si>
    <t>串田_明地_8644-3</t>
  </si>
  <si>
    <t>串田_鳥越_9250-2</t>
  </si>
  <si>
    <t>串田_鳥越_9255-3</t>
  </si>
  <si>
    <t>庄西町二丁目__96-6</t>
  </si>
  <si>
    <t>港町__2589-53</t>
  </si>
  <si>
    <t>串田_鳥越_9255-4</t>
  </si>
  <si>
    <t>串田_鳥越_9255-5</t>
  </si>
  <si>
    <t>串田_鳥越_9256-3</t>
  </si>
  <si>
    <t>串田_鳥越_9256-5</t>
  </si>
  <si>
    <t>串田_鳥越_9256-6</t>
  </si>
  <si>
    <t>串田_鳥越_9257-2</t>
  </si>
  <si>
    <t>串田_鳥越_9257-8</t>
  </si>
  <si>
    <t>串田_鳥越_9258-6</t>
  </si>
  <si>
    <t>串田_鳥越_9265-2</t>
  </si>
  <si>
    <t>串田_鳥越_9266-2</t>
  </si>
  <si>
    <t>港町__2589-54</t>
  </si>
  <si>
    <t>串田_鳥越_9267-2</t>
  </si>
  <si>
    <t>串田_鳥越_9269-2</t>
  </si>
  <si>
    <t>串田_鳥越_9270-2</t>
  </si>
  <si>
    <t>串田_鳥越_9271-5</t>
  </si>
  <si>
    <t>串田_鳥越_9272-2</t>
  </si>
  <si>
    <t>串田_鳥越_9272-5</t>
  </si>
  <si>
    <t>串田_鳥越_9273-2</t>
  </si>
  <si>
    <t>串田_鳥越_9273-4</t>
  </si>
  <si>
    <t>串田_鳥越_9276-2</t>
  </si>
  <si>
    <t>串田_鳥越_9276-3</t>
  </si>
  <si>
    <t>庄川本町__253</t>
  </si>
  <si>
    <t>串田_鳥越_9278-2</t>
  </si>
  <si>
    <t>串田_鳥越_9278-3</t>
  </si>
  <si>
    <t>串田_鳥越_9301-3</t>
  </si>
  <si>
    <t>串田_鳥越_9302-3</t>
  </si>
  <si>
    <t>串田_鳥越_9303-2</t>
  </si>
  <si>
    <t>串田_鳥越_9305-2</t>
  </si>
  <si>
    <t>串田_鳥越_9305-4</t>
  </si>
  <si>
    <t>串田_鳥越_9306-2</t>
  </si>
  <si>
    <t>串田_鳥越_9306-3</t>
  </si>
  <si>
    <t>串田_鳥越_9307-3</t>
  </si>
  <si>
    <t>本町一丁目__554-3</t>
  </si>
  <si>
    <t>串田_鳥越_9307-4</t>
  </si>
  <si>
    <t>串田_鳥越_9308-2</t>
  </si>
  <si>
    <t>串田_鳥越_9309-2</t>
  </si>
  <si>
    <t>串田_鳥越_9313-2</t>
  </si>
  <si>
    <t>串田_鳥越_9316-3</t>
  </si>
  <si>
    <t>串田_鳥越_9317-3</t>
  </si>
  <si>
    <t>串田_鳥越_9321-2</t>
  </si>
  <si>
    <t>串田_鳥越_9322-3</t>
  </si>
  <si>
    <t>串田_鳥越_9324-2</t>
  </si>
  <si>
    <t>串田_鳥越_9336-2</t>
  </si>
  <si>
    <t>本町一丁目__555-3</t>
  </si>
  <si>
    <t>串田_鳥越_9336-4</t>
  </si>
  <si>
    <t>串田_鳥越_9337-1</t>
  </si>
  <si>
    <t>串田_鳥越_9337-2</t>
  </si>
  <si>
    <t>串田_鳥越_9338-2</t>
  </si>
  <si>
    <t>串田_鳥越_9349-2</t>
  </si>
  <si>
    <t>串田_鳥越_9350-2</t>
  </si>
  <si>
    <t>串田_鳥越_9352-2</t>
  </si>
  <si>
    <t>串田_鳥越_9352-3</t>
  </si>
  <si>
    <t>串田_鳥越_9353-1</t>
  </si>
  <si>
    <t>串田_鳥越_9353-2</t>
  </si>
  <si>
    <t>本町一丁目__555-5</t>
  </si>
  <si>
    <t>串田_鳥越_9354-1</t>
  </si>
  <si>
    <t>串田_鳥越_9354-2</t>
  </si>
  <si>
    <t>串田_鳥越_9355-2</t>
  </si>
  <si>
    <t>串田_鳥越_9355-3</t>
  </si>
  <si>
    <t>串田_鳥越_9356-2</t>
  </si>
  <si>
    <t>串田_鳥越_9357-2</t>
  </si>
  <si>
    <t>串田_鳥越_9357-3</t>
  </si>
  <si>
    <t>串田_鳥越_9358-2</t>
  </si>
  <si>
    <t>串田_鳥越_9358-3</t>
  </si>
  <si>
    <t>串田_鳥越_9381-2</t>
  </si>
  <si>
    <t>本町一丁目__594-2</t>
  </si>
  <si>
    <t>串田_鳥越_9381-3</t>
  </si>
  <si>
    <t>串田_鳥越_9382-2</t>
  </si>
  <si>
    <t>串田_鳥越_9390-2</t>
  </si>
  <si>
    <t>串田_鳥越_9391-2</t>
  </si>
  <si>
    <t>串田_鳥越_9404-6</t>
  </si>
  <si>
    <t>串田_鳥越_9404-7</t>
  </si>
  <si>
    <t>串田_鳥越_9405-6</t>
  </si>
  <si>
    <t>串田_鳥越_9405-8</t>
  </si>
  <si>
    <t>串田_鳥越_9407-2</t>
  </si>
  <si>
    <t>串田_鳥越_9414-5</t>
  </si>
  <si>
    <t>本町一丁目__595-2</t>
  </si>
  <si>
    <t>串田_鳥越_9415-2</t>
  </si>
  <si>
    <t>串田_鳥越_9416-3</t>
  </si>
  <si>
    <t>串田_鳥越_9417-3</t>
  </si>
  <si>
    <t>串田_鳥越_9418-2</t>
  </si>
  <si>
    <t>串田_鳥越_9424-3</t>
  </si>
  <si>
    <t>串田_鳥越_9425-3</t>
  </si>
  <si>
    <t>串田_鳥越_9431-2</t>
  </si>
  <si>
    <t>串田_鳥越_9432-4</t>
  </si>
  <si>
    <t>串田_鳥越_9433-2</t>
  </si>
  <si>
    <t>串田_鳥越_9433-3</t>
  </si>
  <si>
    <t>本町一丁目__597-2</t>
  </si>
  <si>
    <t>串田_鳥越_9434-3</t>
  </si>
  <si>
    <t>串田_鳥越_9434-4</t>
  </si>
  <si>
    <t>串田_鳥越_9434-5</t>
  </si>
  <si>
    <t>串田_鳥越_9437-4</t>
  </si>
  <si>
    <t>串田_鳥越_9437-5</t>
  </si>
  <si>
    <t>串田_鳥越_9437-6</t>
  </si>
  <si>
    <t>串田_鳥越_9441-3</t>
  </si>
  <si>
    <t>串田_鳥越_9443-2</t>
  </si>
  <si>
    <t>串田_鳥越_9444-2</t>
  </si>
  <si>
    <t>串田_鳥越_9445-2</t>
  </si>
  <si>
    <t>本町一丁目__598-2</t>
  </si>
  <si>
    <t>串田_鳥越_9447-3</t>
  </si>
  <si>
    <t>串田_鳥越_9449-3</t>
  </si>
  <si>
    <t>串田_鳥越_9449-4</t>
  </si>
  <si>
    <t>串田_鳥越_9450-2</t>
  </si>
  <si>
    <t>串田_鳥越_9451-2</t>
  </si>
  <si>
    <t>串田_鳥越_9454-2</t>
  </si>
  <si>
    <t>串田_鳥越_9455-2</t>
  </si>
  <si>
    <t>串田_鳥越_9456-3</t>
  </si>
  <si>
    <t>串田_鳥越_9458-1</t>
  </si>
  <si>
    <t>串田_鳥越_9458-3</t>
  </si>
  <si>
    <t>庄西町二丁目__258-4</t>
  </si>
  <si>
    <t>本町一丁目__599-2</t>
  </si>
  <si>
    <t>串田_鳥越_9458-4</t>
  </si>
  <si>
    <t>串田_鳥越_9459-3</t>
  </si>
  <si>
    <t>串田_鳥越_9459-4</t>
  </si>
  <si>
    <t>串田_鳥越_9459-5</t>
  </si>
  <si>
    <t>串田_鳥越_9469-2</t>
  </si>
  <si>
    <t>串田_鳥越_9559-4</t>
  </si>
  <si>
    <t>串田_鳥越_9561-2</t>
  </si>
  <si>
    <t>串田_鳥越_9563-3</t>
  </si>
  <si>
    <t>串田_鳥越_9564-2</t>
  </si>
  <si>
    <t>串田_鳥越_9565-3</t>
  </si>
  <si>
    <t>本町一丁目__600-2</t>
  </si>
  <si>
    <t>串田_鳥越_9606-6</t>
  </si>
  <si>
    <t>串田_鳥越_9607-5</t>
  </si>
  <si>
    <t>串田_鳥越_9607-6</t>
  </si>
  <si>
    <t>串田_鳥越_9608-3</t>
  </si>
  <si>
    <t>串田_鳥越_9609-4</t>
  </si>
  <si>
    <t>串田_鳥越_9610-5</t>
  </si>
  <si>
    <t>串田_鳥越_9612-3</t>
  </si>
  <si>
    <t>串田_鳥越_9614-5</t>
  </si>
  <si>
    <t>串田_鳥越_9616-5</t>
  </si>
  <si>
    <t>串田_鳥越_9617-5</t>
  </si>
  <si>
    <t>本町一丁目__601-2</t>
  </si>
  <si>
    <t>串田_鳥越_9679-5</t>
  </si>
  <si>
    <t>串田_鳥越_9726-3</t>
  </si>
  <si>
    <t>串田_鳥越_9726-4</t>
  </si>
  <si>
    <t>串田_鳥越_9726-5</t>
  </si>
  <si>
    <t>串田_鳥越_9729-2</t>
  </si>
  <si>
    <t>串田_鳥越_9730-7</t>
  </si>
  <si>
    <t>串田_丸山_107-6</t>
  </si>
  <si>
    <t>串田_丸山_113-3</t>
  </si>
  <si>
    <t>串田_丸山_117-3</t>
  </si>
  <si>
    <t>串田_丸山_117-4</t>
  </si>
  <si>
    <t>本町一丁目__602-2</t>
  </si>
  <si>
    <t>串田_丸山_118-3</t>
  </si>
  <si>
    <t>串田_丸山_119-3</t>
  </si>
  <si>
    <t>串田_丸山_120-3</t>
  </si>
  <si>
    <t>串田_丸山_140-2</t>
  </si>
  <si>
    <t>串田_丸山_141-2</t>
  </si>
  <si>
    <t>串田_鳥越_143-4</t>
  </si>
  <si>
    <t>串田_鳥越_145-6</t>
  </si>
  <si>
    <t>串田_鳥越_145-9</t>
  </si>
  <si>
    <t>串田_鳥越_145-10</t>
  </si>
  <si>
    <t>串田_鳥越_145-12</t>
  </si>
  <si>
    <t>本町一丁目__604-2</t>
  </si>
  <si>
    <t>串田_鳥越_145-14</t>
  </si>
  <si>
    <t>串田_鳥越_175-9</t>
  </si>
  <si>
    <t>串田_鳥越_175-10</t>
  </si>
  <si>
    <t>串田_鳥越_175-11</t>
  </si>
  <si>
    <t>串田_鳥越_175-12</t>
  </si>
  <si>
    <t>串田_鳥越_175-13</t>
  </si>
  <si>
    <t>串田_鳥越_175-14</t>
  </si>
  <si>
    <t>串田_鳥越_175-15</t>
  </si>
  <si>
    <t>串田_鳥越_184-2</t>
  </si>
  <si>
    <t>串田新__1046</t>
  </si>
  <si>
    <t>本町一丁目__630-2</t>
  </si>
  <si>
    <t>串田新_大窪_115-3</t>
  </si>
  <si>
    <t>串田新_大窪_250-3</t>
  </si>
  <si>
    <t>串田新_大窪_251-2</t>
  </si>
  <si>
    <t>串田新_大窪_281-2</t>
  </si>
  <si>
    <t>串田新_大窪_288-2</t>
  </si>
  <si>
    <t>串田新_松原_1319-3</t>
  </si>
  <si>
    <t>串田新_松原_1323-2</t>
  </si>
  <si>
    <t>串田新_才六_1642-4</t>
  </si>
  <si>
    <t>串田新_才六_1642-6</t>
  </si>
  <si>
    <t>串田新_才六_1642-7</t>
  </si>
  <si>
    <t>本町二丁目__111-4</t>
  </si>
  <si>
    <t>串田新_才六_1642-8</t>
  </si>
  <si>
    <t>串田新_才六_1642-10</t>
  </si>
  <si>
    <t>串田新_才六_1642-11</t>
  </si>
  <si>
    <t>串田新_大嶋_1674-2</t>
  </si>
  <si>
    <t>串田新_大嶋_1676-5</t>
  </si>
  <si>
    <t>串田新_大嶋_1676-6</t>
  </si>
  <si>
    <t>串田新_大嶋_1677-3</t>
  </si>
  <si>
    <t>串田新_大嶋_1677-7</t>
  </si>
  <si>
    <t>串田新_竹原用水外_1686-3</t>
  </si>
  <si>
    <t>串田新_竹原用水外_1687-3</t>
  </si>
  <si>
    <t>本町三丁目__288</t>
  </si>
  <si>
    <t>荒町_畑田_808-2</t>
  </si>
  <si>
    <t>荒町_竹原_1670-3</t>
  </si>
  <si>
    <t>荒町_竹原_1670-4</t>
  </si>
  <si>
    <t>荒町_竹原_1671-2</t>
  </si>
  <si>
    <t>荒町_竹原_1671-3</t>
  </si>
  <si>
    <t>荒町_平野_1975-2</t>
  </si>
  <si>
    <t>荒町_平野_1975-3</t>
  </si>
  <si>
    <t>荒町_山ノ谷_2736-3</t>
  </si>
  <si>
    <t>荒町_山ノ谷_2741-3</t>
  </si>
  <si>
    <t>荒町_山ノ谷_2748-2</t>
  </si>
  <si>
    <t>本町三丁目__1129-4</t>
  </si>
  <si>
    <t>荒町_山ノ谷_2750-2</t>
  </si>
  <si>
    <t>荒町_山ノ谷_2756-3</t>
  </si>
  <si>
    <t>荒町_山ノ谷_2756-4</t>
  </si>
  <si>
    <t>荒町_山ノ谷_2759-3</t>
  </si>
  <si>
    <t>荒町_山ノ谷_2760-3</t>
  </si>
  <si>
    <t>荒町_山ノ谷_2761-3</t>
  </si>
  <si>
    <t>荒町_山ノ谷_2762-3</t>
  </si>
  <si>
    <t>荒町_山ノ谷_2764-3</t>
  </si>
  <si>
    <t>荒町_山ノ谷_2765-2</t>
  </si>
  <si>
    <t>荒町_山ノ谷_2769-2</t>
  </si>
  <si>
    <t>本町三丁目__2006-1</t>
  </si>
  <si>
    <t>荒町_山ノ谷_2770-3</t>
  </si>
  <si>
    <t>荒町_山ノ谷_2771-2</t>
  </si>
  <si>
    <t>荒町_山ノ谷_2772-2</t>
  </si>
  <si>
    <t>荒町_山ノ谷_2783-3</t>
  </si>
  <si>
    <t>荒町_山ノ谷_2785-3</t>
  </si>
  <si>
    <t>荒町_山ノ谷_2791-3</t>
  </si>
  <si>
    <t>荒町_山ノ谷_2792-3</t>
  </si>
  <si>
    <t>荒町_山ノ谷_2811-3</t>
  </si>
  <si>
    <t>荒町_山ノ谷_2813-4</t>
  </si>
  <si>
    <t>荒町_山ノ谷_2813-6</t>
  </si>
  <si>
    <t>庄西町二丁目__791</t>
  </si>
  <si>
    <t>本町三丁目__2007-2</t>
  </si>
  <si>
    <t>荒町_山ノ谷_2814-2</t>
  </si>
  <si>
    <t>荒町_山ノ谷_2815-3</t>
  </si>
  <si>
    <t>荒町_山ノ谷_2816-4</t>
  </si>
  <si>
    <t>荒町_山ノ谷_2816-5</t>
  </si>
  <si>
    <t>荒町_山ノ谷_2850-2</t>
  </si>
  <si>
    <t>荒町_山ノ谷_2850-3</t>
  </si>
  <si>
    <t>荒町_山ノ谷_2850-4</t>
  </si>
  <si>
    <t>荒町_山ノ谷_2851-3</t>
  </si>
  <si>
    <t>荒町_山ノ谷_2852-6</t>
  </si>
  <si>
    <t>荒町_山ノ谷_2852-7</t>
  </si>
  <si>
    <t>本町三丁目__2008-1</t>
  </si>
  <si>
    <t>荒町_山ノ谷_2872-2</t>
  </si>
  <si>
    <t>荒町_山ノ谷_2873-2</t>
  </si>
  <si>
    <t>円池又新_北野_1002-3</t>
  </si>
  <si>
    <t>円池又新_北野_1002-4</t>
  </si>
  <si>
    <t>円池又新_北野_1003-3</t>
  </si>
  <si>
    <t>円池又新_北野_1003-4</t>
  </si>
  <si>
    <t>円池又新_北野_1005-3</t>
  </si>
  <si>
    <t>円池又新_北野_1005-4</t>
  </si>
  <si>
    <t>円池又新_北野_1006-3</t>
  </si>
  <si>
    <t>円池又新_北野_1006-4</t>
  </si>
  <si>
    <t>本町三丁目__2009-4</t>
  </si>
  <si>
    <t>円池又新_北野_1007-3</t>
  </si>
  <si>
    <t>円池又新_北野_1007-4</t>
  </si>
  <si>
    <t>円池又新_北野_1009-3</t>
  </si>
  <si>
    <t>円池又新_北野_1009-4</t>
  </si>
  <si>
    <t>円池又新_北野_1010-3</t>
  </si>
  <si>
    <t>円池又新_北野_1010-4</t>
  </si>
  <si>
    <t>円池又新_北野_1011-3</t>
  </si>
  <si>
    <t>円池又新_北野_1011-4</t>
  </si>
  <si>
    <t>円池又新_北野_1013-4</t>
  </si>
  <si>
    <t>円池又新_北野_1013-5</t>
  </si>
  <si>
    <t>本町三丁目__2010-3</t>
  </si>
  <si>
    <t>円池又新_北野_1013-6</t>
  </si>
  <si>
    <t>円池又新_北野_1013-7</t>
  </si>
  <si>
    <t>円池又新_北野_1066-2</t>
  </si>
  <si>
    <t>串田新出_才六_147-3</t>
  </si>
  <si>
    <t>生源寺新_四ツ屋_1716</t>
  </si>
  <si>
    <t>生源寺新_梅ノ木_1974-2</t>
  </si>
  <si>
    <t>本町三丁目__2011-2</t>
  </si>
  <si>
    <t>布目沢__470-6</t>
  </si>
  <si>
    <t>布目沢_狐島_47-3</t>
  </si>
  <si>
    <t>布目沢_苗島_588-3</t>
  </si>
  <si>
    <t>布目沢_苗島_593-2</t>
  </si>
  <si>
    <t>布目沢_苗島_793-4</t>
  </si>
  <si>
    <t>水戸田__393-3</t>
  </si>
  <si>
    <t>水戸田_前野_2515-2</t>
  </si>
  <si>
    <t>水戸田_前野_2807-3</t>
  </si>
  <si>
    <t>水戸田_熊野_2838-4</t>
  </si>
  <si>
    <t>水戸田_熊野_2863-2</t>
  </si>
  <si>
    <t>本町三丁目__2068-2</t>
  </si>
  <si>
    <t>水戸田_熊野_2868-1</t>
  </si>
  <si>
    <t>水戸田_熊野_2932-4</t>
  </si>
  <si>
    <t>水戸田_熊野_2933-3</t>
  </si>
  <si>
    <t>水戸田_熊野_3349-3</t>
  </si>
  <si>
    <t>水戸田_熊野_3350</t>
  </si>
  <si>
    <t>水戸田_熊野_3351-3</t>
  </si>
  <si>
    <t>水戸田_熊野_3351-4</t>
  </si>
  <si>
    <t>水戸田_熊野_3352-3</t>
  </si>
  <si>
    <t>水戸田_熊野_3352-4</t>
  </si>
  <si>
    <t>水戸田_熊野_3353-5</t>
  </si>
  <si>
    <t>本町三丁目__2069-2</t>
  </si>
  <si>
    <t>水戸田_熊野_3370-13</t>
  </si>
  <si>
    <t>水戸田_熊野_3370-14</t>
  </si>
  <si>
    <t>水戸田_熊野_3370-15</t>
  </si>
  <si>
    <t>水戸田_熊野_3370-16</t>
  </si>
  <si>
    <t>水戸田_熊野_3370-17</t>
  </si>
  <si>
    <t>水戸田_熊野_3370-18</t>
  </si>
  <si>
    <t>水戸田_熊野_3370-19</t>
  </si>
  <si>
    <t>水戸田_熊野_3370-11</t>
  </si>
  <si>
    <t>水戸田_熊野_3370-12</t>
  </si>
  <si>
    <t>水戸田_熊野_3371-1</t>
  </si>
  <si>
    <t>本町三丁目__2071-1</t>
  </si>
  <si>
    <t>水戸田_熊野_3371-2</t>
  </si>
  <si>
    <t>水戸田_熊野_3528-3</t>
  </si>
  <si>
    <t>水戸田_熊野_4012-3</t>
  </si>
  <si>
    <t>水戸田_神明堂_21-5</t>
  </si>
  <si>
    <t>水戸田_神明堂_46-4</t>
  </si>
  <si>
    <t>水戸田_神明堂_54-4</t>
  </si>
  <si>
    <t>水戸田_神明堂_54-5</t>
  </si>
  <si>
    <t>水戸田_神明堂_55-2</t>
  </si>
  <si>
    <t>水戸田_神明堂_61-2</t>
  </si>
  <si>
    <t>水戸田_石名山_59-3</t>
  </si>
  <si>
    <t>本町三丁目__2072-2</t>
  </si>
  <si>
    <t>水戸田_石名山_163-4</t>
  </si>
  <si>
    <t>水戸田_石名山_169-4</t>
  </si>
  <si>
    <t>水戸田_石名山_169-5</t>
  </si>
  <si>
    <t>生源寺_十三塚_823-2</t>
  </si>
  <si>
    <t>生源寺_薬師堂_904-1</t>
  </si>
  <si>
    <t>生源寺_木戸口_1273-7</t>
  </si>
  <si>
    <t>生源寺_木戸口_1388</t>
  </si>
  <si>
    <t>生源寺_木戸口_1390-2</t>
  </si>
  <si>
    <t>生源寺_木戸口_1399-3</t>
  </si>
  <si>
    <t>生源寺_木戸口_1401-2</t>
  </si>
  <si>
    <t>本町三丁目__2074-2</t>
  </si>
  <si>
    <t>生源寺_木戸口_1403-3</t>
  </si>
  <si>
    <t>生源寺_木戸口_1403-4</t>
  </si>
  <si>
    <t>生源寺_木戸口_1404-2</t>
  </si>
  <si>
    <t>生源寺_木戸口_1405-3</t>
  </si>
  <si>
    <t>生源寺_木戸口_1409-8</t>
  </si>
  <si>
    <t>生源寺_木戸口_1411-2</t>
  </si>
  <si>
    <t>生源寺_木戸口_1412-3</t>
  </si>
  <si>
    <t>生源寺_木戸口_1412-4</t>
  </si>
  <si>
    <t>生源寺_木戸口_1413-4</t>
  </si>
  <si>
    <t>生源寺_木戸口_1413-5</t>
  </si>
  <si>
    <t>庄西町二丁目__958</t>
  </si>
  <si>
    <t>本町三丁目__2075-1</t>
  </si>
  <si>
    <t>生源寺_木戸口_1415-3</t>
  </si>
  <si>
    <t>生源寺_木戸口_1415-4</t>
  </si>
  <si>
    <t>生源寺_木戸口_1416-2</t>
  </si>
  <si>
    <t>生源寺_木戸口_1417-2</t>
  </si>
  <si>
    <t>生源寺_木戸口_1418-2</t>
  </si>
  <si>
    <t>生源寺_木戸口_1419-2</t>
  </si>
  <si>
    <t>生源寺_木戸口_1428-5</t>
  </si>
  <si>
    <t>生源寺_東島_24-4</t>
  </si>
  <si>
    <t>生源寺_中島_5-2</t>
  </si>
  <si>
    <t>生源寺_山下_1502-3</t>
  </si>
  <si>
    <t>本町三丁目__2088-6</t>
  </si>
  <si>
    <t>生源寺_山下_1503-2</t>
  </si>
  <si>
    <t>生源寺_山下_1505-2</t>
  </si>
  <si>
    <t>生源寺_正源寺野_1313-2</t>
  </si>
  <si>
    <t>生源寺_正源寺野_1315-2</t>
  </si>
  <si>
    <t>生源寺_正源寺野_1321-2</t>
  </si>
  <si>
    <t>生源寺_正源寺野_1322-2</t>
  </si>
  <si>
    <t>生源寺_正源寺野_1323-2</t>
  </si>
  <si>
    <t>生源寺_正源寺野_1324-2</t>
  </si>
  <si>
    <t>生源寺_正源寺野_1325-2</t>
  </si>
  <si>
    <t>生源寺_正源寺野_1326-2</t>
  </si>
  <si>
    <t>八幡町一丁目__597-3</t>
  </si>
  <si>
    <t>生源寺_正源寺野_1327-2</t>
  </si>
  <si>
    <t>生源寺_正源寺野_1329-2</t>
  </si>
  <si>
    <t>生源寺_正源寺野_1330-2</t>
  </si>
  <si>
    <t>生源寺_正源寺野_1331-2</t>
  </si>
  <si>
    <t>生源寺_正源寺野_1332-2</t>
  </si>
  <si>
    <t>生源寺_正源寺野_1333-2</t>
  </si>
  <si>
    <t>生源寺_正源寺野_1334-2</t>
  </si>
  <si>
    <t>生源寺_正源寺野_1337-2</t>
  </si>
  <si>
    <t>生源寺_正源寺野_1338-4</t>
  </si>
  <si>
    <t>生源寺_正源寺野_1338-5</t>
  </si>
  <si>
    <t>八幡町一丁目__599-2</t>
  </si>
  <si>
    <t>生源寺_正源寺野_1338-6</t>
  </si>
  <si>
    <t>生源寺_正源寺野_1339-2</t>
  </si>
  <si>
    <t>生源寺_正源寺野_1340-2</t>
  </si>
  <si>
    <t>生源寺_正源寺野_1341-2</t>
  </si>
  <si>
    <t>生源寺_正源寺野_1342-2</t>
  </si>
  <si>
    <t>生源寺_正源寺野_1343-2</t>
  </si>
  <si>
    <t>生源寺_正源寺野_1344-2</t>
  </si>
  <si>
    <t>生源寺_正源寺野_1345-2</t>
  </si>
  <si>
    <t>生源寺_正源寺野_1346-3</t>
  </si>
  <si>
    <t>生源寺_正源寺野_1346-4</t>
  </si>
  <si>
    <t>八幡町一丁目__626-2</t>
  </si>
  <si>
    <t>生源寺_正源寺野_1384-2</t>
  </si>
  <si>
    <t>市井__279-2</t>
  </si>
  <si>
    <t>市井_屋敷田_111-4</t>
  </si>
  <si>
    <t>市井_屋敷田_112-4</t>
  </si>
  <si>
    <t>市井_屋敷田_124-3</t>
  </si>
  <si>
    <t>市井_屋敷田_124-4</t>
  </si>
  <si>
    <t>市井_屋敷田_155-3</t>
  </si>
  <si>
    <t>市井_屋敷田_155-4</t>
  </si>
  <si>
    <t>市井_屋敷田_156-4</t>
  </si>
  <si>
    <t>市井_屋敷田_157-3</t>
  </si>
  <si>
    <t>八幡町三丁目__500-5</t>
  </si>
  <si>
    <t>市井_美呂_177</t>
  </si>
  <si>
    <t>市井_赤除_1669-1</t>
  </si>
  <si>
    <t>市井_谷田_649-4</t>
  </si>
  <si>
    <t>若林__556-3</t>
  </si>
  <si>
    <t>若林_水掛_156-2</t>
  </si>
  <si>
    <t>若林_水掛_157-3</t>
  </si>
  <si>
    <t>若林_水掛_157-4</t>
  </si>
  <si>
    <t>若林_水掛_164-3</t>
  </si>
  <si>
    <t>若林_水掛_164-4</t>
  </si>
  <si>
    <t>若林_水掛_165-3</t>
  </si>
  <si>
    <t>八幡町三丁目__916</t>
  </si>
  <si>
    <t>若林_水掛_167-2</t>
  </si>
  <si>
    <t>若林_水掛_167-3</t>
  </si>
  <si>
    <t>若林_水掛_169-2</t>
  </si>
  <si>
    <t>若林_水掛_169-3</t>
  </si>
  <si>
    <t>若林_水掛_170-2</t>
  </si>
  <si>
    <t>若林_水掛_170-3</t>
  </si>
  <si>
    <t>若林_水掛_171-2</t>
  </si>
  <si>
    <t>若林_水掛_171-3</t>
  </si>
  <si>
    <t>若林_紺屋作_552-3</t>
  </si>
  <si>
    <t>若林_紺屋作_557-4</t>
  </si>
  <si>
    <t>八幡町三丁目__1010</t>
  </si>
  <si>
    <t>若林_紺屋作_567-4</t>
  </si>
  <si>
    <t>竹鼻__27-3</t>
  </si>
  <si>
    <t>竹鼻__65-2</t>
  </si>
  <si>
    <t>二口_中石田_143-4</t>
  </si>
  <si>
    <t>二口_油免_445-7</t>
  </si>
  <si>
    <t>二口_油免_446-7</t>
  </si>
  <si>
    <t>二口_油免_3043</t>
  </si>
  <si>
    <t>二口_馬渡_775-4</t>
  </si>
  <si>
    <t>二口_馬渡_775-5</t>
  </si>
  <si>
    <t>二口_馬渡_818-2</t>
  </si>
  <si>
    <t>中新湊__413-1</t>
  </si>
  <si>
    <t>二口_馬渡_891-3</t>
  </si>
  <si>
    <t>二口_馬渡_907-3</t>
  </si>
  <si>
    <t>二口_馬渡_1947-2</t>
  </si>
  <si>
    <t>二口_馬渡_1948-2</t>
  </si>
  <si>
    <t>二口_馬渡_1949-2</t>
  </si>
  <si>
    <t>二口_馬渡_1950-2</t>
  </si>
  <si>
    <t>二口_馬渡_1996-2</t>
  </si>
  <si>
    <t>二口_馬渡_2001-2</t>
  </si>
  <si>
    <t>二口_馬渡_2003-2</t>
  </si>
  <si>
    <t>二口_馬渡_2006-3</t>
  </si>
  <si>
    <t>二の丸町__138-2</t>
  </si>
  <si>
    <t>二口_馬渡_2007-8</t>
  </si>
  <si>
    <t>二口_馬渡_2012-3</t>
  </si>
  <si>
    <t>二口_馬渡_2016-2</t>
  </si>
  <si>
    <t>二口_馬渡_2018-2</t>
  </si>
  <si>
    <t>二口_馬渡_2023-2</t>
  </si>
  <si>
    <t>二口_馬渡_2040-2</t>
  </si>
  <si>
    <t>二口_馬渡_2041-2</t>
  </si>
  <si>
    <t>二口_馬渡_2042-2</t>
  </si>
  <si>
    <t>二口_馬渡_2043-2</t>
  </si>
  <si>
    <t>二口_馬渡_2045-2</t>
  </si>
  <si>
    <t>庄西町二丁目__975</t>
  </si>
  <si>
    <t>二の丸町__138-4</t>
  </si>
  <si>
    <t>二口_馬渡_2046-2</t>
  </si>
  <si>
    <t>二口_轟_1020-5</t>
  </si>
  <si>
    <t>二口_轟_1034-1</t>
  </si>
  <si>
    <t>二口_轟_1050-2</t>
  </si>
  <si>
    <t>二口_轟_1050-3</t>
  </si>
  <si>
    <t>二口_轟_1050-4</t>
  </si>
  <si>
    <t>二口_轟_1050-5</t>
  </si>
  <si>
    <t>二口_轟_1059-3</t>
  </si>
  <si>
    <t>二口_轟_1072-1</t>
  </si>
  <si>
    <t>二口_轟_1072-10</t>
  </si>
  <si>
    <t>二の丸町__181-4</t>
  </si>
  <si>
    <t>二口_轟_1073-3</t>
  </si>
  <si>
    <t>二口_轟_1100-6</t>
  </si>
  <si>
    <t>二口_轟_1100-9</t>
  </si>
  <si>
    <t>二口_轟_1182-9</t>
  </si>
  <si>
    <t>二口_轟_1290-8</t>
  </si>
  <si>
    <t>中村__196-2</t>
  </si>
  <si>
    <t>大門本江_宮田_229-3</t>
  </si>
  <si>
    <t>大門本江_宮田_277-3</t>
  </si>
  <si>
    <t>大門本江_宮田_280-3</t>
  </si>
  <si>
    <t>大門本江_宮田_281-3</t>
  </si>
  <si>
    <t>堀岡_引地_340-4</t>
  </si>
  <si>
    <t>大門本江_中島_657-2</t>
  </si>
  <si>
    <t>安吉_明治_69-4</t>
  </si>
  <si>
    <t>安吉_昭和_230-2</t>
  </si>
  <si>
    <t>本田_宮田_149-4</t>
  </si>
  <si>
    <t>本田_天水_254-2</t>
  </si>
  <si>
    <t>本田_天水_255-1</t>
  </si>
  <si>
    <t>下若_前田_53-5</t>
  </si>
  <si>
    <t>下若_観音堂_75-5</t>
  </si>
  <si>
    <t>下若_観音堂_84-2</t>
  </si>
  <si>
    <t>島_坊田_2066-1</t>
  </si>
  <si>
    <t>堀岡新明神_西浜_186-6</t>
  </si>
  <si>
    <t>大門_道山_6-4</t>
  </si>
  <si>
    <t>大門_道山_7-3</t>
  </si>
  <si>
    <t>大門_道山_8-3</t>
  </si>
  <si>
    <t>大門_道山_9-3</t>
  </si>
  <si>
    <t>大門_道山_10-3</t>
  </si>
  <si>
    <t>大門_道山_11-3</t>
  </si>
  <si>
    <t>大門_道山_12-3</t>
  </si>
  <si>
    <t>大門_道山_71-5</t>
  </si>
  <si>
    <t>大門_道山_76-2</t>
  </si>
  <si>
    <t>大門_道山_82-2</t>
  </si>
  <si>
    <t>堀岡堀江_浜田_109-3</t>
  </si>
  <si>
    <t>大門_道山_144-2</t>
  </si>
  <si>
    <t>大門_長割_175-2</t>
  </si>
  <si>
    <t>大門_長割_214-2</t>
  </si>
  <si>
    <t>大門_長割_235</t>
  </si>
  <si>
    <t>大門_長割_250-2</t>
  </si>
  <si>
    <t>大門_長割_251-2</t>
  </si>
  <si>
    <t>大門_長割_253-2</t>
  </si>
  <si>
    <t>大門_長割_254-2</t>
  </si>
  <si>
    <t>大門_長割_255-2</t>
  </si>
  <si>
    <t>枇杷首_竹花_32-4</t>
  </si>
  <si>
    <t>七美二十六町_七十割_503-3</t>
  </si>
  <si>
    <t>二口_馬渡_2275-3</t>
  </si>
  <si>
    <t>二口_馬渡_2276-3</t>
  </si>
  <si>
    <t>二口_馬渡_2277-3</t>
  </si>
  <si>
    <t>二口_馬渡_2278-2</t>
  </si>
  <si>
    <t>二口_米山_2319-3</t>
  </si>
  <si>
    <t>二口_米山_2330-7</t>
  </si>
  <si>
    <t>二口_野割_2752-3</t>
  </si>
  <si>
    <t>二口_野割_2752-4</t>
  </si>
  <si>
    <t>二口_野割_2875-3</t>
  </si>
  <si>
    <t>七美二十六町_十八割_434-2</t>
  </si>
  <si>
    <t>二口_野割_2876-2</t>
  </si>
  <si>
    <t>二口_野割_2877-3</t>
  </si>
  <si>
    <t>二口_野割_2878-2</t>
  </si>
  <si>
    <t>二口_野割_2880-3</t>
  </si>
  <si>
    <t>二口_野割_2881-2</t>
  </si>
  <si>
    <t>二口_野割_2885-3</t>
  </si>
  <si>
    <t>二口_野割_2886-5</t>
  </si>
  <si>
    <t>二口_南野割_2361-8</t>
  </si>
  <si>
    <t>二口_南野割_2363-3</t>
  </si>
  <si>
    <t>二口_南野割_2377-4</t>
  </si>
  <si>
    <t>七美二十六町_十八割_435-3</t>
  </si>
  <si>
    <t>二口_北野割_2513-2</t>
  </si>
  <si>
    <t>二口_北野割_2517-6</t>
  </si>
  <si>
    <t>二口_道山島_2751-2</t>
  </si>
  <si>
    <t>二口_道山島_2765-3</t>
  </si>
  <si>
    <t>二口_道山島_2766-3</t>
  </si>
  <si>
    <t>二口_道山島_2767-3</t>
  </si>
  <si>
    <t>二口_道山島_2768-4</t>
  </si>
  <si>
    <t>二口_道山島_2768-6</t>
  </si>
  <si>
    <t>二口_道山島_2769-3</t>
  </si>
  <si>
    <t>二口_道山島_2770-3</t>
  </si>
  <si>
    <t>七美二十六町_十八割_436-3</t>
  </si>
  <si>
    <t>二口_道山島_2771-2</t>
  </si>
  <si>
    <t>二口_光明寺_2939-2</t>
  </si>
  <si>
    <t>二口_光明寺_2974-2</t>
  </si>
  <si>
    <t>二口_光明寺_2974-3</t>
  </si>
  <si>
    <t>二口_光明寺_2974-5</t>
  </si>
  <si>
    <t>二口_光明寺_2975-5</t>
  </si>
  <si>
    <t>二口_光明寺_2975-6</t>
  </si>
  <si>
    <t>二口_光明寺_2976-2</t>
  </si>
  <si>
    <t>二口_光明寺_2979-6</t>
  </si>
  <si>
    <t>二口_光明寺_3025-4</t>
  </si>
  <si>
    <t>作道_領石_1804-3</t>
  </si>
  <si>
    <t>二口_光明寺_3026-3</t>
  </si>
  <si>
    <t>二口_光明寺_3029-3</t>
  </si>
  <si>
    <t>今開発__10-4</t>
  </si>
  <si>
    <t>本開発_石田_1039-3</t>
  </si>
  <si>
    <t>本開発_代官免_189-6</t>
  </si>
  <si>
    <t>本開発_代官免_272-3</t>
  </si>
  <si>
    <t>本開発_代官免_483-2</t>
  </si>
  <si>
    <t>本開発_代官免_483</t>
  </si>
  <si>
    <t>本開発_代官免_652-4</t>
  </si>
  <si>
    <t>赤井_下間掛_81-2</t>
  </si>
  <si>
    <t>庄西町二丁目__1018</t>
  </si>
  <si>
    <t>津幡江_四角野_3-9</t>
  </si>
  <si>
    <t>北高木__116-5</t>
  </si>
  <si>
    <t>北高木__116-6</t>
  </si>
  <si>
    <t>小林__40-4</t>
  </si>
  <si>
    <t>小林__43-3</t>
  </si>
  <si>
    <t>小林__44-4</t>
  </si>
  <si>
    <t>小林__179-5</t>
  </si>
  <si>
    <t>小林__179-6</t>
  </si>
  <si>
    <t>小林__179-7</t>
  </si>
  <si>
    <t>小林__232-27</t>
  </si>
  <si>
    <t>今井_江向_945-2</t>
  </si>
  <si>
    <t>八塚__1226</t>
  </si>
  <si>
    <t>八塚_土田_23-9</t>
  </si>
  <si>
    <t>八塚_土田_95-44</t>
  </si>
  <si>
    <t>八塚_川田_222-3</t>
  </si>
  <si>
    <t>小島__517-2</t>
  </si>
  <si>
    <t>小島__560-2</t>
  </si>
  <si>
    <t>小島__669-3</t>
  </si>
  <si>
    <t>小島__675-7</t>
  </si>
  <si>
    <t>小島__675-8</t>
  </si>
  <si>
    <t>小島__675-10</t>
  </si>
  <si>
    <t>今井_江向_956-2</t>
  </si>
  <si>
    <t>小島_上リ立_2338</t>
  </si>
  <si>
    <t>小島_上リ立_2339</t>
  </si>
  <si>
    <t>中野_葭原_163-2</t>
  </si>
  <si>
    <t>中野_葭原_164-2</t>
  </si>
  <si>
    <t>中野_葭原_165-2</t>
  </si>
  <si>
    <t>中野_葭原_166-2</t>
  </si>
  <si>
    <t>中野_葭原_167-2</t>
  </si>
  <si>
    <t>中野_葭原_168-2</t>
  </si>
  <si>
    <t>中野_葭原_169-2</t>
  </si>
  <si>
    <t>中野_葭原_170-2</t>
  </si>
  <si>
    <t>今井_江向_976-3</t>
  </si>
  <si>
    <t>若杉_大野_391-3</t>
  </si>
  <si>
    <t>北野_西円_1264-8</t>
  </si>
  <si>
    <t>北野_中尾佐_508-2</t>
  </si>
  <si>
    <t>島_野田_2123-7</t>
  </si>
  <si>
    <t>島_野田_2123-8</t>
  </si>
  <si>
    <t>堀岡_引地_341</t>
  </si>
  <si>
    <t>堀岡_引地_342-4</t>
  </si>
  <si>
    <t>堀岡古明神_村下_300-4</t>
  </si>
  <si>
    <t>堀岡古明神_村下_305-6</t>
  </si>
  <si>
    <t>堀岡古明神_村下_305-7</t>
  </si>
  <si>
    <t>今井_江向_976-4</t>
  </si>
  <si>
    <t>堀岡古明神_村下_315-3</t>
  </si>
  <si>
    <t>本江_小堤_1358-3</t>
  </si>
  <si>
    <t>本江_小堤_1358-4</t>
  </si>
  <si>
    <t>本江_小堤_1360-2</t>
  </si>
  <si>
    <t>本江_小堤_1361-2</t>
  </si>
  <si>
    <t>本江_小堤_1375-2</t>
  </si>
  <si>
    <t>本江_五斗蔵_1696-2</t>
  </si>
  <si>
    <t>本江_五斗蔵_1697-2</t>
  </si>
  <si>
    <t>本江_五斗蔵_1701-2</t>
  </si>
  <si>
    <t>本江_五斗蔵_1702-2</t>
  </si>
  <si>
    <t>今井_散田_934-2</t>
  </si>
  <si>
    <t>本江_五斗蔵_1714-2</t>
  </si>
  <si>
    <t>本江_五斗蔵_1715-2</t>
  </si>
  <si>
    <t>本江_五斗蔵_1725-2</t>
  </si>
  <si>
    <t>作道_外輪_369-2</t>
  </si>
  <si>
    <t>作道_外輪_371-2</t>
  </si>
  <si>
    <t>作道_外輪_371-3</t>
  </si>
  <si>
    <t>作道_外輪_373-2</t>
  </si>
  <si>
    <t>作道_外輪_373-3</t>
  </si>
  <si>
    <t>作道_外輪_374-2</t>
  </si>
  <si>
    <t>作道_外輪_375-2</t>
  </si>
  <si>
    <t>今井_散田_938</t>
  </si>
  <si>
    <t>作道_外輪_375-3</t>
  </si>
  <si>
    <t>作道_惣掛田_1016-2</t>
  </si>
  <si>
    <t>作道_惣掛田_1017-3</t>
  </si>
  <si>
    <t>作道_惣掛田_1017-4</t>
  </si>
  <si>
    <t>作道_惣掛田_1018-2</t>
  </si>
  <si>
    <t>作道_惣掛田_1018-3</t>
  </si>
  <si>
    <t>作道_惣掛田_1021-3</t>
  </si>
  <si>
    <t>作道_惣掛田_1021-4</t>
  </si>
  <si>
    <t>作道_惣掛田_1022-3</t>
  </si>
  <si>
    <t>作道_惣掛田_1022-4</t>
  </si>
  <si>
    <t>今井_散田_939-3</t>
  </si>
  <si>
    <t>作道_惣掛田_1947-3</t>
  </si>
  <si>
    <t>作道_惣掛田_1947-4</t>
  </si>
  <si>
    <t>鏡宮__1217-12</t>
  </si>
  <si>
    <t>津幡江_四角野_1-3</t>
  </si>
  <si>
    <t>津幡江_四角野_3-6</t>
  </si>
  <si>
    <t>津幡江_江又木_1022-2</t>
  </si>
  <si>
    <t>津幡江_江又木_1023-6</t>
  </si>
  <si>
    <t>津幡江_江又木_1024-8</t>
  </si>
  <si>
    <t>津幡江_江又木_1024-9</t>
  </si>
  <si>
    <t>稲積_小立_1733-7</t>
  </si>
  <si>
    <t>今井_散田_940-2</t>
  </si>
  <si>
    <t>稲積_小立_1733-8</t>
  </si>
  <si>
    <t>稲積_小立_1760-4</t>
  </si>
  <si>
    <t>稲積_小立_1797-2</t>
  </si>
  <si>
    <t>犬内_往来_45-10</t>
  </si>
  <si>
    <t>犬内_往来_45-12</t>
  </si>
  <si>
    <t>今井_散田_940-4</t>
  </si>
  <si>
    <t>庄西町二丁目__1023</t>
  </si>
  <si>
    <t>今井_散田_941-3</t>
  </si>
  <si>
    <t>今井_散田_941-4</t>
  </si>
  <si>
    <t>今井_散田_978-3</t>
  </si>
  <si>
    <t>今井_散田_1049-3</t>
  </si>
  <si>
    <t>今井_祭田_86-2</t>
  </si>
  <si>
    <t>今井_祭田_212-3</t>
  </si>
  <si>
    <t>今井_砂田_306-3</t>
  </si>
  <si>
    <t>今井_砂田_685-9</t>
  </si>
  <si>
    <t>今井_砂田_686-3</t>
  </si>
  <si>
    <t>今井_砂田_686-9</t>
  </si>
  <si>
    <t>所在地不明地水路</t>
  </si>
  <si>
    <t>庄川本町__93-2</t>
  </si>
  <si>
    <t>今井_妙_974-2</t>
  </si>
  <si>
    <t>二口_道山島_2768-8</t>
  </si>
  <si>
    <t>二口_道山島_2769-4</t>
  </si>
  <si>
    <t>二口_道山島_2770-2</t>
  </si>
  <si>
    <t>二口_光明寺_2975-47</t>
  </si>
  <si>
    <t>二口_光明寺_2975-48</t>
  </si>
  <si>
    <t>二口_光明寺_2975-49</t>
  </si>
  <si>
    <t>二口_光明寺_2975-50</t>
  </si>
  <si>
    <t>堀岡新明神_大川_79-2</t>
  </si>
  <si>
    <t>堀岡古明神_村下_348-3</t>
  </si>
  <si>
    <t>堀岡明神新_西ノ開_59-3</t>
  </si>
  <si>
    <t>今井_祭田_212-2</t>
  </si>
  <si>
    <t>堀岡明神新_茂三郎坪_64-2</t>
  </si>
  <si>
    <t>作道_逆子_1937</t>
  </si>
  <si>
    <t>戸破_神田_6390-1</t>
  </si>
  <si>
    <t>稲積_小立_1733-9</t>
  </si>
  <si>
    <t>稲積_小立_1736-3</t>
  </si>
  <si>
    <t>稲積_小立_1760-5</t>
  </si>
  <si>
    <t>八講_江向_398</t>
  </si>
  <si>
    <t>今井_祭田_212-4</t>
  </si>
  <si>
    <t>今井_砂田_306-2</t>
  </si>
  <si>
    <t>今井_砂田_306-4</t>
  </si>
  <si>
    <t>今井_砂田_686-2</t>
  </si>
  <si>
    <t>今井_砂田_686-4</t>
  </si>
  <si>
    <t>今井_砂田_688-2</t>
  </si>
  <si>
    <t>今井_砂田_688-4</t>
  </si>
  <si>
    <t>今井_砂田_692-2</t>
  </si>
  <si>
    <t>本町一丁目__554-2</t>
  </si>
  <si>
    <t>今井_砂田_692-4</t>
  </si>
  <si>
    <t>今井_砂田_693-2</t>
  </si>
  <si>
    <t>今井_砂田_693-4</t>
  </si>
  <si>
    <t>今井_砂田_694-2</t>
  </si>
  <si>
    <t>今井_砂田_694-4</t>
  </si>
  <si>
    <t>今井_砂田_694-7</t>
  </si>
  <si>
    <t>今井_砂田_697-2</t>
  </si>
  <si>
    <t>今井_砂田_697-4</t>
  </si>
  <si>
    <t>今井_砂田_698-2</t>
  </si>
  <si>
    <t>今井_砂田_698-4</t>
  </si>
  <si>
    <t>本町一丁目__555-2</t>
  </si>
  <si>
    <t>今井_砂田_699-2</t>
  </si>
  <si>
    <t>今井_砂田_699-4</t>
  </si>
  <si>
    <t>今井_彼岸堂_210-2</t>
  </si>
  <si>
    <t>今井_彼岸堂_210-4</t>
  </si>
  <si>
    <t>今井_彼岸堂_211-2</t>
  </si>
  <si>
    <t>今井_彼岸堂_211-4</t>
  </si>
  <si>
    <t>今井_馬場_307-2</t>
  </si>
  <si>
    <t>今井_馬場_307-4</t>
  </si>
  <si>
    <t>今井_馬場_308-2</t>
  </si>
  <si>
    <t>今井_馬場_308-4</t>
  </si>
  <si>
    <t>本町一丁目__594-3</t>
  </si>
  <si>
    <t>今井_馬場_309-2</t>
  </si>
  <si>
    <t>今井_馬場_309-4</t>
  </si>
  <si>
    <t>今井_馬場_310-2</t>
  </si>
  <si>
    <t>今井_馬場_310-4</t>
  </si>
  <si>
    <t>今井_馬場_311-2</t>
  </si>
  <si>
    <t>今井_馬場_311-4</t>
  </si>
  <si>
    <t>今井_馬場_312-2</t>
  </si>
  <si>
    <t>今井_小田_460-5</t>
  </si>
  <si>
    <t>今井_小田_460-7</t>
  </si>
  <si>
    <t>今井_小田_460-13</t>
  </si>
  <si>
    <t>本町一丁目__595-3</t>
  </si>
  <si>
    <t>今井_小田_460-15</t>
  </si>
  <si>
    <t>今井_小田_462-2</t>
  </si>
  <si>
    <t>今井_小田_462-4</t>
  </si>
  <si>
    <t>今井_小田_477-2</t>
  </si>
  <si>
    <t>今井_小田_481-4</t>
  </si>
  <si>
    <t>今井_小田_481-6</t>
  </si>
  <si>
    <t>今井_小田_481-8</t>
  </si>
  <si>
    <t>今井_小田_481-10</t>
  </si>
  <si>
    <t>今井_小田_630-2</t>
  </si>
  <si>
    <t>今井_小田_630-4</t>
  </si>
  <si>
    <t>本町一丁目__597-3</t>
  </si>
  <si>
    <t>今井_小田_636-2</t>
  </si>
  <si>
    <t>今井_小田_636-4</t>
  </si>
  <si>
    <t>今井_小田_652-4</t>
  </si>
  <si>
    <t>今井_小田_653-2</t>
  </si>
  <si>
    <t>今井_小田_700-2</t>
  </si>
  <si>
    <t>今井_小田_702-2</t>
  </si>
  <si>
    <t>今井_小田_703-2</t>
  </si>
  <si>
    <t>今井_苗代_483-2</t>
  </si>
  <si>
    <t>今井_苗代_483-4</t>
  </si>
  <si>
    <t>今井_苗代_484-2</t>
  </si>
  <si>
    <t>本町一丁目__599-3</t>
  </si>
  <si>
    <t>今井_苗代_484-4</t>
  </si>
  <si>
    <t>三ケ_町口_2925-3</t>
  </si>
  <si>
    <t>三ケ_町口_3035-3</t>
  </si>
  <si>
    <t>三ケ_町口_3037-3</t>
  </si>
  <si>
    <t>三ケ_町口_3039-3</t>
  </si>
  <si>
    <t>三ケ_町口_3042-3</t>
  </si>
  <si>
    <t>三ケ_町口_3043-3</t>
  </si>
  <si>
    <t>三ケ_町口_3048-3</t>
  </si>
  <si>
    <t>三ケ_町口_3142-3</t>
  </si>
  <si>
    <t>三ケ_町口_3181-3</t>
  </si>
  <si>
    <t>本町一丁目__630-3</t>
  </si>
  <si>
    <t>三ケ_町口_3182-3</t>
  </si>
  <si>
    <t>三ケ_町口_3186-3</t>
  </si>
  <si>
    <t>戸破_針原_397-5</t>
  </si>
  <si>
    <t>戸破_針原_397-6</t>
  </si>
  <si>
    <t>黒河又新_不動渕_563-3</t>
  </si>
  <si>
    <t>黒河又新_不動渕_568-3</t>
  </si>
  <si>
    <t>串田_神明_7533-3</t>
  </si>
  <si>
    <t>串田_鳥越_9506-2</t>
  </si>
  <si>
    <t>布目沢_苗島_615-2</t>
  </si>
  <si>
    <t>布目沢_苗島_624-2</t>
  </si>
  <si>
    <t>今井_江向_956-3</t>
  </si>
  <si>
    <t>生源寺_山下野_326</t>
  </si>
  <si>
    <t>中村__271-1</t>
  </si>
  <si>
    <t>二口_野割_2880-4</t>
  </si>
  <si>
    <t>二口_野割_2881-3</t>
  </si>
  <si>
    <t>二口_野割_2882-2</t>
  </si>
  <si>
    <t>二口_道山島_2613-72</t>
  </si>
  <si>
    <t>二口_道山島_2765-4</t>
  </si>
  <si>
    <t>二口_道山島_2766-4</t>
  </si>
  <si>
    <t>二口_道山島_2767-4</t>
  </si>
  <si>
    <t>二口_道山島_2768-7</t>
  </si>
  <si>
    <t>都市計画道路大門駅前線</t>
  </si>
  <si>
    <t>北野_大島_1453-1</t>
  </si>
  <si>
    <t>北野_大島_1508-3</t>
  </si>
  <si>
    <t>北野_大島_1512-3</t>
  </si>
  <si>
    <t>北野_大島_1484-2</t>
  </si>
  <si>
    <t>北野_大島_1485-2</t>
  </si>
  <si>
    <t>北野_大島_1486-2</t>
  </si>
  <si>
    <t>北野_大島_1453-9</t>
  </si>
  <si>
    <t>北野_大島_1453-10</t>
  </si>
  <si>
    <t>北野_大島_1514-4</t>
  </si>
  <si>
    <t>北野_大島_1515-4</t>
  </si>
  <si>
    <t>北野_八切_1611-2</t>
  </si>
  <si>
    <t>北野_大島_1445-2</t>
  </si>
  <si>
    <t>北野_大島_1445-4</t>
  </si>
  <si>
    <t>北野_大島_1453-5</t>
  </si>
  <si>
    <t>北野_大島_1453-7</t>
  </si>
  <si>
    <t>北野_大島_1453-8</t>
  </si>
  <si>
    <t>北野_大島_1444-1</t>
  </si>
  <si>
    <t>北野_大島_1444-5</t>
  </si>
  <si>
    <t>小島__1224-3</t>
  </si>
  <si>
    <t>北野_大島_1444-6</t>
  </si>
  <si>
    <t>北野_大島_1453-6</t>
  </si>
  <si>
    <t>北野_八切_1611-8</t>
  </si>
  <si>
    <t>小林__284-2</t>
  </si>
  <si>
    <t>小林__284-3</t>
  </si>
  <si>
    <t>北野_八切_1611-9</t>
  </si>
  <si>
    <t>北野_八切_1611-10</t>
  </si>
  <si>
    <t>小島__1225-3</t>
  </si>
  <si>
    <t>北野_大島_1446-10</t>
  </si>
  <si>
    <t>北野_大島_1446-11</t>
  </si>
  <si>
    <t>北野_大島_1446-4</t>
  </si>
  <si>
    <t>北野_大島_1446-12</t>
  </si>
  <si>
    <t>北野_大島_1460-3</t>
  </si>
  <si>
    <t>北野_大島_1432-5</t>
  </si>
  <si>
    <t>北野_大島_1435-3</t>
  </si>
  <si>
    <t>北野_大島_1438-1</t>
  </si>
  <si>
    <t>北野_大島_1445-1</t>
  </si>
  <si>
    <t>小島__1226-1</t>
  </si>
  <si>
    <t>北野_大島_1527-11</t>
  </si>
  <si>
    <t>小島__1226-2</t>
  </si>
  <si>
    <t>小島__1227-2</t>
  </si>
  <si>
    <t>北野_大島_1511-3</t>
  </si>
  <si>
    <t>北野_八切_1611-5</t>
  </si>
  <si>
    <t>北野_大島_1527-12</t>
  </si>
  <si>
    <t>北野_大島_1443-1</t>
  </si>
  <si>
    <t>北野_大島_1487-2</t>
  </si>
  <si>
    <t>北野_大島_1446-5</t>
  </si>
  <si>
    <t>旧法定外公共物</t>
  </si>
  <si>
    <t>広上__273</t>
  </si>
  <si>
    <t>広上__325</t>
  </si>
  <si>
    <t>広上__326</t>
  </si>
  <si>
    <t>広上__327</t>
  </si>
  <si>
    <t>広上__328</t>
  </si>
  <si>
    <t>広上__331</t>
  </si>
  <si>
    <t>広上__324</t>
  </si>
  <si>
    <t>広上__329</t>
  </si>
  <si>
    <t>広上__330</t>
  </si>
  <si>
    <t>広上__281</t>
  </si>
  <si>
    <t>朴木__428-1</t>
  </si>
  <si>
    <t>朴木__428-3</t>
  </si>
  <si>
    <t>戸破字後宝雑種地</t>
  </si>
  <si>
    <t>戸破_後宝_1179-16</t>
  </si>
  <si>
    <t>黒河新字長尾雑種地</t>
  </si>
  <si>
    <t>黒河新_長尾_4926-20</t>
  </si>
  <si>
    <t>手崎字前田公園地1</t>
  </si>
  <si>
    <t>手崎_前田_231-2</t>
  </si>
  <si>
    <t>手崎字前田雑種地1</t>
  </si>
  <si>
    <t>手崎_前田_231-3</t>
  </si>
  <si>
    <t>東太閤山3丁目消雪施設</t>
  </si>
  <si>
    <t>東太閤山３丁目__104</t>
  </si>
  <si>
    <t>二口字南野割公園地1</t>
  </si>
  <si>
    <t>二口_南野割_2394-4</t>
  </si>
  <si>
    <t>二口字南野割雑種地1</t>
  </si>
  <si>
    <t>二口_南野割_2394-9</t>
  </si>
  <si>
    <t>新幹線関連用地</t>
  </si>
  <si>
    <t>二口_轟_1219-3</t>
  </si>
  <si>
    <t>二口_轟_1219-11</t>
  </si>
  <si>
    <t>二口_轟_1244-3</t>
  </si>
  <si>
    <t>小杉インターパーク公園地1</t>
  </si>
  <si>
    <t>上野__1007</t>
  </si>
  <si>
    <t>高岡市蓮花寺宅地1</t>
  </si>
  <si>
    <t>富山県高岡市蓮花寺__18-2</t>
  </si>
  <si>
    <t>富山県高岡市蓮花寺__18-10</t>
  </si>
  <si>
    <t>旧新湊南部中跡地</t>
  </si>
  <si>
    <t>鏡宮__220-1</t>
  </si>
  <si>
    <t>鏡宮__226-2</t>
  </si>
  <si>
    <t>鏡宮__227</t>
  </si>
  <si>
    <t>鏡宮弥生二丁目__7</t>
  </si>
  <si>
    <t>鏡宮弥生二丁目__27</t>
  </si>
  <si>
    <t>鏡宮弥生二丁目__28</t>
  </si>
  <si>
    <t>鏡宮__221-1</t>
  </si>
  <si>
    <t>鏡宮__221-2</t>
  </si>
  <si>
    <t>鏡宮__222</t>
  </si>
  <si>
    <t>鏡宮__223-1</t>
  </si>
  <si>
    <t>鏡宮__223-2</t>
  </si>
  <si>
    <t>鏡宮__224</t>
  </si>
  <si>
    <t>鏡宮__225</t>
  </si>
  <si>
    <t>鏡宮__226-1</t>
  </si>
  <si>
    <t>殿村公園地1</t>
  </si>
  <si>
    <t>殿村__232-15</t>
  </si>
  <si>
    <t>殿村雑種地2</t>
  </si>
  <si>
    <t>殿村__232-16</t>
  </si>
  <si>
    <t>大島農村環境改善センター</t>
  </si>
  <si>
    <t>大島北野__252</t>
  </si>
  <si>
    <t>大島北野__253-2</t>
  </si>
  <si>
    <t>大門農村環境改善センター</t>
  </si>
  <si>
    <t>串田__1394-1</t>
  </si>
  <si>
    <t>串田__1394-2</t>
  </si>
  <si>
    <t>串田__1395</t>
  </si>
  <si>
    <t>串田__1396</t>
  </si>
  <si>
    <t>串田__1397</t>
  </si>
  <si>
    <t>串田__1399</t>
  </si>
  <si>
    <t>串田__1400</t>
  </si>
  <si>
    <t>串田__1401-2</t>
  </si>
  <si>
    <t>農村公園整備事業（大門コミュニティセントー）</t>
  </si>
  <si>
    <t>串田__1390-1</t>
  </si>
  <si>
    <t>串田__1391-1</t>
  </si>
  <si>
    <t>串田__1392-1</t>
  </si>
  <si>
    <t>串田__1393-1</t>
  </si>
  <si>
    <t>新湊農村環境改善センター</t>
  </si>
  <si>
    <t>鏡宮__301</t>
  </si>
  <si>
    <t>鏡宮__302</t>
  </si>
  <si>
    <t>クリーンピア射水</t>
  </si>
  <si>
    <t>西高木__1135</t>
  </si>
  <si>
    <t>西高木__1135-2</t>
  </si>
  <si>
    <t>西高木__1150</t>
  </si>
  <si>
    <t>西高木__1150-3</t>
  </si>
  <si>
    <t>西高木__1150-4</t>
  </si>
  <si>
    <t>野手埋立処分所</t>
  </si>
  <si>
    <t>入会地_東笹鎌野_1-1</t>
  </si>
  <si>
    <t>入会地_東笹鎌野_1-2</t>
  </si>
  <si>
    <t>入会地_東笹鎌野_1-3</t>
  </si>
  <si>
    <t>入会地_東笹鎌野_1-6</t>
  </si>
  <si>
    <t>入会地_東笹鎌野_90</t>
  </si>
  <si>
    <t>入会地_東笹鎌野_91</t>
  </si>
  <si>
    <t>入会地_東笹鎌野_92</t>
  </si>
  <si>
    <t>入会地_東笹鎌野_93</t>
  </si>
  <si>
    <t>入会地_東笹鎌野_94</t>
  </si>
  <si>
    <t>新富町第2小公園</t>
  </si>
  <si>
    <t>北野_八切_1551-1</t>
  </si>
  <si>
    <t>北野_八切_1555-3</t>
  </si>
  <si>
    <t>海竜町雑種地１</t>
  </si>
  <si>
    <t>海竜町__42-1</t>
  </si>
  <si>
    <t>放生津町__2129</t>
  </si>
  <si>
    <t>放生津町__2141</t>
  </si>
  <si>
    <t>放生津町__2142</t>
  </si>
  <si>
    <t>放生津町__2192-1</t>
  </si>
  <si>
    <t>放生津町__2192-2</t>
  </si>
  <si>
    <t>放生津町__2194</t>
  </si>
  <si>
    <t>放生津町__2206-1</t>
  </si>
  <si>
    <t>放生津町__2207</t>
  </si>
  <si>
    <t>八幡町一丁目__975</t>
  </si>
  <si>
    <t>放生津町__2107</t>
  </si>
  <si>
    <t>海竜町雑種地２</t>
  </si>
  <si>
    <t>海竜町__110</t>
  </si>
  <si>
    <t>内川散策観光客専用駐車場</t>
  </si>
  <si>
    <t>放生津町__1932-1</t>
  </si>
  <si>
    <t>鷲塚宅地1</t>
  </si>
  <si>
    <t>鷲塚__896-2</t>
  </si>
  <si>
    <t>市道_黒河582号線</t>
  </si>
  <si>
    <t>黒河_尺目_3018-4</t>
  </si>
  <si>
    <t>黒河_尺目_3040-5</t>
  </si>
  <si>
    <t>黒河字尺目公園地1</t>
  </si>
  <si>
    <t>黒河_尺目_2702-42</t>
  </si>
  <si>
    <t>黒河字尺目公園地2</t>
  </si>
  <si>
    <t>黒河_尺目_2996-7</t>
  </si>
  <si>
    <t>今井雑種地5</t>
  </si>
  <si>
    <t>今井__129</t>
  </si>
  <si>
    <t>今井__130-1</t>
  </si>
  <si>
    <t>今井__131-1</t>
  </si>
  <si>
    <t>今井__132-1</t>
  </si>
  <si>
    <t>消雪施設_新湊-54</t>
  </si>
  <si>
    <t>高木__328-2</t>
  </si>
  <si>
    <t>新七美コミュニティセンター</t>
  </si>
  <si>
    <t>七美__898</t>
  </si>
  <si>
    <t>七美898</t>
  </si>
  <si>
    <t>七美__900</t>
  </si>
  <si>
    <t>七美900</t>
  </si>
  <si>
    <t>七美__901</t>
  </si>
  <si>
    <t>七美901</t>
  </si>
  <si>
    <t>新斎場</t>
  </si>
  <si>
    <t>沖塚原__148-1</t>
  </si>
  <si>
    <t>沖塚原__147</t>
  </si>
  <si>
    <t>沖塚原__146</t>
  </si>
  <si>
    <t>沖塚原__131-1</t>
  </si>
  <si>
    <t>沖塚原__130-1</t>
  </si>
  <si>
    <t>沖塚原__129-1</t>
  </si>
  <si>
    <t>沖塚原__128-1</t>
  </si>
  <si>
    <t>新湊うみいろこども園</t>
  </si>
  <si>
    <t>庄川本町__1-8</t>
  </si>
  <si>
    <t>富山県高岡市下牧野_字埋田_383-5</t>
  </si>
  <si>
    <t>市道3993_大江1409号線</t>
  </si>
  <si>
    <t>西高木__68-5</t>
  </si>
  <si>
    <t>四季の杜黒河公園</t>
  </si>
  <si>
    <t>黒河新__3432-3</t>
  </si>
  <si>
    <t>黒河新__3403-78</t>
  </si>
  <si>
    <t>黒河新__3432-1</t>
  </si>
  <si>
    <t>中村ガーデン公園</t>
  </si>
  <si>
    <t>中村__180-4</t>
  </si>
  <si>
    <t>中村__200-5</t>
  </si>
  <si>
    <t>中村__200-29</t>
  </si>
  <si>
    <t>市道2417_塚原156号線</t>
  </si>
  <si>
    <t>沖塚原__127-4</t>
  </si>
  <si>
    <t>沖塚原__645-5</t>
  </si>
  <si>
    <t>沖塚原__680-3</t>
  </si>
  <si>
    <t>沖塚原__204-3</t>
  </si>
  <si>
    <t>沖塚原__149-3</t>
  </si>
  <si>
    <t>沖塚原__621-2</t>
  </si>
  <si>
    <t>沖塚原__224-3</t>
  </si>
  <si>
    <t>沖塚原__270-3</t>
  </si>
  <si>
    <t>沖塚原__293-3</t>
  </si>
  <si>
    <t>沖塚原__644-2</t>
  </si>
  <si>
    <t>沖塚原__292-3</t>
  </si>
  <si>
    <t>沖塚原__645-4</t>
  </si>
  <si>
    <t>一条南公園</t>
  </si>
  <si>
    <t>一条__117</t>
  </si>
  <si>
    <t>市道2415_塚原154号線</t>
  </si>
  <si>
    <t>沖塚原__211-2</t>
  </si>
  <si>
    <t>沖塚原__212-2</t>
  </si>
  <si>
    <t>沖塚原__213-2</t>
  </si>
  <si>
    <t>沖塚原__214-2</t>
  </si>
  <si>
    <t>沖塚原__215-2</t>
  </si>
  <si>
    <t>沖塚原__216-2</t>
  </si>
  <si>
    <t>沖塚原__217-2</t>
  </si>
  <si>
    <t>旧市営小杉駅東駐車場</t>
  </si>
  <si>
    <t>三ケ_中原_3925-6</t>
  </si>
  <si>
    <t>フラワーパーク沖塚原</t>
  </si>
  <si>
    <t>沖塚原__143</t>
  </si>
  <si>
    <t>沖塚原__144</t>
  </si>
  <si>
    <t>沖塚原__145</t>
  </si>
  <si>
    <t>沖塚原__205-1</t>
  </si>
  <si>
    <t>沖塚原__206</t>
  </si>
  <si>
    <t>沖塚原__207</t>
  </si>
  <si>
    <t>沖塚原__208</t>
  </si>
  <si>
    <t>沖塚原__209</t>
  </si>
  <si>
    <t>沖塚原__210</t>
  </si>
  <si>
    <t>消防団　新作道分団屯所</t>
  </si>
  <si>
    <t>殿村__105</t>
  </si>
  <si>
    <t>殿村__106</t>
  </si>
  <si>
    <t>殿村__107</t>
  </si>
  <si>
    <t>本江グラウンド</t>
  </si>
  <si>
    <t>本江北__145-1</t>
  </si>
  <si>
    <t>本江北__146</t>
  </si>
  <si>
    <t>北の杜公園雑種地</t>
  </si>
  <si>
    <t>大島北野__49-13</t>
  </si>
  <si>
    <t>南長徳寺公民館</t>
  </si>
  <si>
    <t>本町一丁目__268-1</t>
  </si>
  <si>
    <t>港町宅地1</t>
  </si>
  <si>
    <t>港町__1220</t>
  </si>
  <si>
    <t>港町宅地2</t>
  </si>
  <si>
    <t>港町__1223</t>
  </si>
  <si>
    <t>下村民俗資料館</t>
  </si>
  <si>
    <t>加茂中部__828</t>
  </si>
  <si>
    <t>北野公民館</t>
  </si>
  <si>
    <t>大島北野__210</t>
  </si>
  <si>
    <t>若杉台公園</t>
  </si>
  <si>
    <t>若杉__215-14</t>
  </si>
  <si>
    <t>桜台第3公園</t>
  </si>
  <si>
    <t>中野_前田_1251-54</t>
  </si>
  <si>
    <t>新町公民館</t>
  </si>
  <si>
    <t>小島_川田_3132-2</t>
  </si>
  <si>
    <t>小島_川田_3133-1</t>
  </si>
  <si>
    <t>小島_川田_3134-3</t>
  </si>
  <si>
    <t>小島第4小公園</t>
  </si>
  <si>
    <t>小島__4013</t>
  </si>
  <si>
    <t>小島第2小公園</t>
  </si>
  <si>
    <t>小島__382-16</t>
  </si>
  <si>
    <t>常盤町公民館</t>
  </si>
  <si>
    <t>小島__1192-2</t>
  </si>
  <si>
    <t>小島__1192-5</t>
  </si>
  <si>
    <t>保健センター</t>
  </si>
  <si>
    <t>中村__21-1</t>
  </si>
  <si>
    <t>中村__21-4</t>
  </si>
  <si>
    <t>中村__21-5</t>
  </si>
  <si>
    <t>中村__24-1</t>
  </si>
  <si>
    <t>中村__24-4</t>
  </si>
  <si>
    <t>中村__36-4</t>
  </si>
  <si>
    <t>中村__36-5</t>
  </si>
  <si>
    <t>中村__36-6</t>
  </si>
  <si>
    <t>中村__38-1</t>
  </si>
  <si>
    <t>小島１区公民館</t>
  </si>
  <si>
    <t>小島__1025-1</t>
  </si>
  <si>
    <t>小島__1026-1</t>
  </si>
  <si>
    <t>小島__1029</t>
  </si>
  <si>
    <t>小島__1030</t>
  </si>
  <si>
    <t>小島__1031</t>
  </si>
  <si>
    <t>庄川本町雑種地3</t>
  </si>
  <si>
    <t>庄川本町__145-3</t>
  </si>
  <si>
    <t>八塚字西田宅地1</t>
  </si>
  <si>
    <t>八塚_西田_485-7</t>
  </si>
  <si>
    <t>土田第1小公園</t>
  </si>
  <si>
    <t>八塚_土田_104-15</t>
  </si>
  <si>
    <t>八塚第３小公園</t>
  </si>
  <si>
    <t>八塚__1126</t>
  </si>
  <si>
    <t>新湊消防署</t>
  </si>
  <si>
    <t>本町二丁目__1100-1</t>
  </si>
  <si>
    <t>本町二丁目__1125-8</t>
  </si>
  <si>
    <t>小林第1公園</t>
  </si>
  <si>
    <t>小林__479-5</t>
  </si>
  <si>
    <t>本町二丁目宅地2</t>
  </si>
  <si>
    <t>本町二丁目__1124-7</t>
  </si>
  <si>
    <t>本町二丁目__1124-13</t>
  </si>
  <si>
    <t>北高木公民館</t>
  </si>
  <si>
    <t>北高木__311</t>
  </si>
  <si>
    <t>万葉線駅舎</t>
  </si>
  <si>
    <t>本町二丁目__120-10</t>
  </si>
  <si>
    <t>本町三丁目境内地1</t>
  </si>
  <si>
    <t>本町三丁目__111</t>
  </si>
  <si>
    <t>本町三丁目__112</t>
  </si>
  <si>
    <t>西新町公民館</t>
  </si>
  <si>
    <t>本町三丁目__115</t>
  </si>
  <si>
    <t>南高木宅地1</t>
  </si>
  <si>
    <t>南高木__245</t>
  </si>
  <si>
    <t>新開発第3小公園</t>
  </si>
  <si>
    <t>新開発__461-25</t>
  </si>
  <si>
    <t>本開発字代官免宅地1</t>
  </si>
  <si>
    <t>本開発_代官免_1-2</t>
  </si>
  <si>
    <t>放生津町公園地1</t>
  </si>
  <si>
    <t>放生津町__1091-3</t>
  </si>
  <si>
    <t>放生津町__1092-3</t>
  </si>
  <si>
    <t>放生津町__1093-2</t>
  </si>
  <si>
    <t>放生津町__1094-3</t>
  </si>
  <si>
    <t>放生津町__1094-4</t>
  </si>
  <si>
    <t>放生津町__1094-5</t>
  </si>
  <si>
    <t>放生津町__1095-6</t>
  </si>
  <si>
    <t>放生津町__1095-7</t>
  </si>
  <si>
    <t>山王町公園</t>
  </si>
  <si>
    <t>放生津町__1097-2</t>
  </si>
  <si>
    <t>山王町公民館</t>
  </si>
  <si>
    <t>放生津町__1097-3</t>
  </si>
  <si>
    <t>恵命庵</t>
  </si>
  <si>
    <t>本開発__1203-9</t>
  </si>
  <si>
    <t>中央町宅地2</t>
  </si>
  <si>
    <t>中央町__1003</t>
  </si>
  <si>
    <t>大門きらら保育園</t>
  </si>
  <si>
    <t>二口_油免_450-1</t>
  </si>
  <si>
    <t>中村__114</t>
  </si>
  <si>
    <t>中村__115</t>
  </si>
  <si>
    <t>二口_油免_450-2</t>
  </si>
  <si>
    <t>二口_油免_451-1</t>
  </si>
  <si>
    <t>二口_油免_451-3</t>
  </si>
  <si>
    <t>二口_油免_452</t>
  </si>
  <si>
    <t>二口_油免_453-1</t>
  </si>
  <si>
    <t>中村__111-1</t>
  </si>
  <si>
    <t>中村__112</t>
  </si>
  <si>
    <t>中村__113</t>
  </si>
  <si>
    <t>中央町宅地1</t>
  </si>
  <si>
    <t>中央町__134-1</t>
  </si>
  <si>
    <t>中央町宅地3</t>
  </si>
  <si>
    <t>中央町__344</t>
  </si>
  <si>
    <t>中央町__347</t>
  </si>
  <si>
    <t>八講公民館</t>
  </si>
  <si>
    <t>八講__520</t>
  </si>
  <si>
    <t>摺出寺コミュニティセンター</t>
  </si>
  <si>
    <t>摺出寺__91</t>
  </si>
  <si>
    <t>白石21区公園</t>
  </si>
  <si>
    <t>白石__70</t>
  </si>
  <si>
    <t>白石公園</t>
  </si>
  <si>
    <t>白石__673-84</t>
  </si>
  <si>
    <t>立町宅地1</t>
  </si>
  <si>
    <t>立町__1236-2</t>
  </si>
  <si>
    <t>白石コミュニティー施設</t>
  </si>
  <si>
    <t>白石__558-5</t>
  </si>
  <si>
    <t>白石__558-8</t>
  </si>
  <si>
    <t>下村三箇公園</t>
  </si>
  <si>
    <t>下村三箇__115-1</t>
  </si>
  <si>
    <t>山屋__138</t>
  </si>
  <si>
    <t>立町住環境事業用残地10</t>
  </si>
  <si>
    <t>立町__1317-1</t>
  </si>
  <si>
    <t>立町__1330-1</t>
  </si>
  <si>
    <t>立町__1331-1</t>
  </si>
  <si>
    <t>立町__1331-2</t>
  </si>
  <si>
    <t>立町__1332-1</t>
  </si>
  <si>
    <t>立町__1332-2</t>
  </si>
  <si>
    <t>立町公園</t>
  </si>
  <si>
    <t>立町__1318-2</t>
  </si>
  <si>
    <t>立町__1319-2</t>
  </si>
  <si>
    <t>立町__1317-3</t>
  </si>
  <si>
    <t>放牧場</t>
  </si>
  <si>
    <t>加茂西部__49-3</t>
  </si>
  <si>
    <t>加茂西部__50-3</t>
  </si>
  <si>
    <t>加茂西部__51-3</t>
  </si>
  <si>
    <t>加茂西部__52-3</t>
  </si>
  <si>
    <t>加茂西部__53-3</t>
  </si>
  <si>
    <t>加茂西部__56-3</t>
  </si>
  <si>
    <t>加茂西部__57-3</t>
  </si>
  <si>
    <t>加茂西部__59-1</t>
  </si>
  <si>
    <t>加茂公民館</t>
  </si>
  <si>
    <t>加茂中部__925</t>
  </si>
  <si>
    <t>射水警察署下警察官駐在所</t>
  </si>
  <si>
    <t>加茂中部__1216</t>
  </si>
  <si>
    <t>加茂コミュニティー施設</t>
  </si>
  <si>
    <t>加茂中部__1068</t>
  </si>
  <si>
    <t>加茂東部公園</t>
  </si>
  <si>
    <t>加茂東部__426</t>
  </si>
  <si>
    <t>中町曳山倉庫</t>
  </si>
  <si>
    <t>二口_光明寺_2935-44</t>
  </si>
  <si>
    <t>二口_光明寺_2935-45</t>
  </si>
  <si>
    <t>中町自治会倉庫敷地</t>
  </si>
  <si>
    <t>二口_光明寺_2935-31</t>
  </si>
  <si>
    <t>緑ケ丘北公園</t>
  </si>
  <si>
    <t>二口_道山島_2633-13</t>
  </si>
  <si>
    <t>旧大島勤労者体育センター</t>
  </si>
  <si>
    <t>小島__645-1</t>
  </si>
  <si>
    <t>小島645－1</t>
  </si>
  <si>
    <t>市道小島5号線用地</t>
  </si>
  <si>
    <t>小島__645-11</t>
  </si>
  <si>
    <t>小島645－11</t>
  </si>
  <si>
    <t>小島__645-12</t>
  </si>
  <si>
    <t>小島645－12</t>
  </si>
  <si>
    <t>小島__645-13</t>
  </si>
  <si>
    <t>小島645-14</t>
  </si>
  <si>
    <t>大門漁業協同組合</t>
  </si>
  <si>
    <t>土合__1598</t>
  </si>
  <si>
    <t>二口_道山島_2576</t>
  </si>
  <si>
    <t>二口_道山島_2578-1</t>
  </si>
  <si>
    <t>二口_道山島_2578-3</t>
  </si>
  <si>
    <t>二口_道山島_2578-5</t>
  </si>
  <si>
    <t>立町宅地13</t>
  </si>
  <si>
    <t>立町__1712-4</t>
  </si>
  <si>
    <t>八幡町一丁目境内地1</t>
  </si>
  <si>
    <t>八幡町一丁目__779</t>
  </si>
  <si>
    <t>八幡町一丁目雑種地1</t>
  </si>
  <si>
    <t>八幡町一丁目__93</t>
  </si>
  <si>
    <t>魚取神社</t>
  </si>
  <si>
    <t>八幡町二丁目__157</t>
  </si>
  <si>
    <t>八幡町二丁目宅地3</t>
  </si>
  <si>
    <t>八幡町二丁目__530-21</t>
  </si>
  <si>
    <t>八幡町二丁目__2586-7</t>
  </si>
  <si>
    <t>八幡町二丁目宅地1</t>
  </si>
  <si>
    <t>八幡町二丁目__530-4</t>
  </si>
  <si>
    <t>八幡町二丁目宅地2</t>
  </si>
  <si>
    <t>八幡町二丁目__530-7</t>
  </si>
  <si>
    <t>八幡町二丁目宅地4</t>
  </si>
  <si>
    <t>八幡町二丁目__551-11</t>
  </si>
  <si>
    <t>稲葉神社</t>
  </si>
  <si>
    <t>八幡町二丁目__576</t>
  </si>
  <si>
    <t>八幡町二丁目__577</t>
  </si>
  <si>
    <t>神保寺市営住宅跡地</t>
  </si>
  <si>
    <t>八幡町三丁目__142-1</t>
  </si>
  <si>
    <t>八幡町三丁目宅地1</t>
  </si>
  <si>
    <t>八幡町三丁目__273-2</t>
  </si>
  <si>
    <t>中新湊宅地1</t>
  </si>
  <si>
    <t>中新湊__195-7</t>
  </si>
  <si>
    <t>中新湊雑種地1</t>
  </si>
  <si>
    <t>中新湊__203-12</t>
  </si>
  <si>
    <t>中新湊宅地2</t>
  </si>
  <si>
    <t>中新湊__217-75</t>
  </si>
  <si>
    <t>中新湊__238-15</t>
  </si>
  <si>
    <t>二の丸本町公民館</t>
  </si>
  <si>
    <t>中新湊__256-7</t>
  </si>
  <si>
    <t>江柱町公民館</t>
  </si>
  <si>
    <t>中新湊__266-2</t>
  </si>
  <si>
    <t>中新湊__266-7</t>
  </si>
  <si>
    <t>中新湊宅地3</t>
  </si>
  <si>
    <t>中新湊__412-31</t>
  </si>
  <si>
    <t>中新湊雑種地2</t>
  </si>
  <si>
    <t>中新湊__420-24</t>
  </si>
  <si>
    <t>中新湊宅地4</t>
  </si>
  <si>
    <t>中新湊__434-2</t>
  </si>
  <si>
    <t>旧越の潟町引揚者住宅用地</t>
  </si>
  <si>
    <t>越の潟町__808-7</t>
  </si>
  <si>
    <t>越の潟町__809-4</t>
  </si>
  <si>
    <t>越の潟町__810-6</t>
  </si>
  <si>
    <t>越の潟町__811-14</t>
  </si>
  <si>
    <t>越の潟町__820-13</t>
  </si>
  <si>
    <t>越の潟町__840-41</t>
  </si>
  <si>
    <t>越の潟町公民館</t>
  </si>
  <si>
    <t>越の潟町__811-13</t>
  </si>
  <si>
    <t>西新湊宅地1</t>
  </si>
  <si>
    <t>西新湊__17-14</t>
  </si>
  <si>
    <t>三日曽根雑種地1</t>
  </si>
  <si>
    <t>三日曽根__1-36</t>
  </si>
  <si>
    <t>三日曽根宅地1</t>
  </si>
  <si>
    <t>三日曽根__2-3</t>
  </si>
  <si>
    <t>三日曽根宅地2</t>
  </si>
  <si>
    <t>三日曽根__66</t>
  </si>
  <si>
    <t>荒間公園</t>
  </si>
  <si>
    <t>善光寺__24-1</t>
  </si>
  <si>
    <t>善光寺雑種地1</t>
  </si>
  <si>
    <t>善光寺__4</t>
  </si>
  <si>
    <t>善光寺公民館</t>
  </si>
  <si>
    <t>善光寺__6-1</t>
  </si>
  <si>
    <t>旧母子住宅跡地</t>
  </si>
  <si>
    <t>緑町__1-17</t>
  </si>
  <si>
    <t>緑町公民館</t>
  </si>
  <si>
    <t>緑町__1-21</t>
  </si>
  <si>
    <t>（旧）大島図書館</t>
  </si>
  <si>
    <t>小島__684-1</t>
  </si>
  <si>
    <t>小島__684-2</t>
  </si>
  <si>
    <t>小島__685</t>
  </si>
  <si>
    <t>緑町宅地4</t>
  </si>
  <si>
    <t>緑町__53</t>
  </si>
  <si>
    <t>緑町宅地5</t>
  </si>
  <si>
    <t>緑町__58</t>
  </si>
  <si>
    <t>緑町宅地1</t>
  </si>
  <si>
    <t>緑町__6-9</t>
  </si>
  <si>
    <t>海老江字大坪雑種地1</t>
  </si>
  <si>
    <t>海老江_大坪_407-8</t>
  </si>
  <si>
    <t>海老江_大坪_407-9</t>
  </si>
  <si>
    <t>海老江字浜公園地1</t>
  </si>
  <si>
    <t>海老江_浜_1467-27</t>
  </si>
  <si>
    <t>海老江字浜宅地1</t>
  </si>
  <si>
    <t>海老江_浜_1467-78</t>
  </si>
  <si>
    <t>海老江字浜雑種地1</t>
  </si>
  <si>
    <t>海老江_浜_1479-1</t>
  </si>
  <si>
    <t>海老江_浜_1479-2</t>
  </si>
  <si>
    <t>海老江字浜宅地2</t>
  </si>
  <si>
    <t>海老江_浜_1489</t>
  </si>
  <si>
    <t>海老江字浜宅地4</t>
  </si>
  <si>
    <t>海老江_浜_1491</t>
  </si>
  <si>
    <t>海老江字浜宅地3</t>
  </si>
  <si>
    <t>海老江_浜_1490</t>
  </si>
  <si>
    <t>海老江字浜宅地5</t>
  </si>
  <si>
    <t>海老江_浜_1492</t>
  </si>
  <si>
    <t>海老江東町</t>
  </si>
  <si>
    <t>海老江_浜_1503</t>
  </si>
  <si>
    <t>練合バス停</t>
  </si>
  <si>
    <t>海老江練合__152-2</t>
  </si>
  <si>
    <t>海老江練合字香海里宅地1</t>
  </si>
  <si>
    <t>海老江練合_香海里_451-1</t>
  </si>
  <si>
    <t>海老江練合字香海里宅地2</t>
  </si>
  <si>
    <t>海老江練合_香海里_468-1</t>
  </si>
  <si>
    <t>下村保育園</t>
  </si>
  <si>
    <t>加茂中部__817-1</t>
  </si>
  <si>
    <t>加茂中部__823-1</t>
  </si>
  <si>
    <t>加茂中部__825-1</t>
  </si>
  <si>
    <t>海老江練合字香海里宅地3</t>
  </si>
  <si>
    <t>海老江練合_香海里_491-2</t>
  </si>
  <si>
    <t>海老江練合字香海里雑種地1</t>
  </si>
  <si>
    <t>海老江練合_香海里_542</t>
  </si>
  <si>
    <t>練合公民館</t>
  </si>
  <si>
    <t>海老江練合_香海里_562</t>
  </si>
  <si>
    <t>海老江練合字香海里宅地4</t>
  </si>
  <si>
    <t>海老江練合_香海里_584</t>
  </si>
  <si>
    <t>海老江練合字香海里宅地5</t>
  </si>
  <si>
    <t>海老江練合_香海里_589-2</t>
  </si>
  <si>
    <t>海老江練合字香海里雑種地2</t>
  </si>
  <si>
    <t>海老江練合_香海里_619-2</t>
  </si>
  <si>
    <t>海老江練合_香海里_620-2</t>
  </si>
  <si>
    <t>海老江練合字香海里宅地6</t>
  </si>
  <si>
    <t>海老江練合_香海里_621</t>
  </si>
  <si>
    <t>海老江練合_香海里_622</t>
  </si>
  <si>
    <t>海老江練合字香海里宅地7</t>
  </si>
  <si>
    <t>海老江練合_香海里_623-1</t>
  </si>
  <si>
    <t>海老江練合_香海里_623-2</t>
  </si>
  <si>
    <t>海老江練合字香海里宅地8</t>
  </si>
  <si>
    <t>海老江練合_香海里_633</t>
  </si>
  <si>
    <t>海老江練合字香海里宅地9</t>
  </si>
  <si>
    <t>海老江練合_香海里_634</t>
  </si>
  <si>
    <t>親鸞公園</t>
  </si>
  <si>
    <t>海老江練合_香海里_635-11</t>
  </si>
  <si>
    <t>海老江練合字香海里宅地10</t>
  </si>
  <si>
    <t>海老江練合_香海里_635-23</t>
  </si>
  <si>
    <t>（仮称）七軒</t>
  </si>
  <si>
    <t>海老江七軒_中官_1252-1</t>
  </si>
  <si>
    <t>堀岡字引地宅地2</t>
  </si>
  <si>
    <t>堀岡_引地_279-13</t>
  </si>
  <si>
    <t>堀岡字引地宅地1</t>
  </si>
  <si>
    <t>堀岡_引地_279-8</t>
  </si>
  <si>
    <t>堀岡字引地宅地3</t>
  </si>
  <si>
    <t>堀岡_引地_289-13</t>
  </si>
  <si>
    <t>ふれあい道路緑地部</t>
  </si>
  <si>
    <t>堀岡_川開向坪_348-4</t>
  </si>
  <si>
    <t>下村馬事公園</t>
  </si>
  <si>
    <t>加茂中部__633</t>
  </si>
  <si>
    <t>加茂中部__634</t>
  </si>
  <si>
    <t>加茂中部__635</t>
  </si>
  <si>
    <t>加茂中部__638</t>
  </si>
  <si>
    <t>加茂中部__639-1</t>
  </si>
  <si>
    <t>新明</t>
  </si>
  <si>
    <t>堀岡古明神_野寺_22-26</t>
  </si>
  <si>
    <t>古三公民館</t>
  </si>
  <si>
    <t>堀岡古明神_村下_215-3</t>
  </si>
  <si>
    <t>堀岡明神新字茂三郎坪宅地1</t>
  </si>
  <si>
    <t>堀岡明神新_茂三郎坪_62-17</t>
  </si>
  <si>
    <t>堀岡明神新字茂三郎坪宅地2</t>
  </si>
  <si>
    <t>堀岡明神新_茂三郎坪_62-18</t>
  </si>
  <si>
    <t>草岡西公園</t>
  </si>
  <si>
    <t>草岡町一丁目__2-2</t>
  </si>
  <si>
    <t>海老江練合字丹貝雑種地1</t>
  </si>
  <si>
    <t>海老江練合_丹貝_441-2</t>
  </si>
  <si>
    <t>海老江練合_丹貝_442-2</t>
  </si>
  <si>
    <t>海老江練合_丹貝_443-2</t>
  </si>
  <si>
    <t>海老江練合_丹貝_444-2</t>
  </si>
  <si>
    <t>海老江練合_丹貝_445-2</t>
  </si>
  <si>
    <t>草岡東公園</t>
  </si>
  <si>
    <t>草岡町二丁目__6-3</t>
  </si>
  <si>
    <t>新明町公民館</t>
  </si>
  <si>
    <t>草岡町二丁目__8-7</t>
  </si>
  <si>
    <t>大島分庁舎</t>
  </si>
  <si>
    <t>小島__698-1</t>
  </si>
  <si>
    <t>小島__700-2</t>
  </si>
  <si>
    <t>小島__700-3</t>
  </si>
  <si>
    <t>小島__701-1</t>
  </si>
  <si>
    <t>小島__701-2</t>
  </si>
  <si>
    <t>小島__702-2</t>
  </si>
  <si>
    <t>小島__702-3</t>
  </si>
  <si>
    <t>小島__703-1</t>
  </si>
  <si>
    <t>小島__703-2</t>
  </si>
  <si>
    <t>小島__703-3</t>
  </si>
  <si>
    <t>小島__703-4</t>
  </si>
  <si>
    <t>小島__698-2</t>
  </si>
  <si>
    <t>小島__703-5</t>
  </si>
  <si>
    <t>小島__703-6</t>
  </si>
  <si>
    <t>小島__704-1</t>
  </si>
  <si>
    <t>小島__705-2</t>
  </si>
  <si>
    <t>小島__705-5</t>
  </si>
  <si>
    <t>小島__706</t>
  </si>
  <si>
    <t>小島__707</t>
  </si>
  <si>
    <t>小島__708</t>
  </si>
  <si>
    <t>小島__705-4</t>
  </si>
  <si>
    <t>小島__698-3</t>
  </si>
  <si>
    <t>小島__698-4</t>
  </si>
  <si>
    <t>小島__698-5</t>
  </si>
  <si>
    <t>小島__699-1</t>
  </si>
  <si>
    <t>小島__699-2</t>
  </si>
  <si>
    <t>小島__699-3</t>
  </si>
  <si>
    <t>小島__700-1</t>
  </si>
  <si>
    <t>（仮称）中野北</t>
  </si>
  <si>
    <t>七美中野__1-33</t>
  </si>
  <si>
    <t>中野公民館</t>
  </si>
  <si>
    <t>七美中野__106-2</t>
  </si>
  <si>
    <t>七美中野__107-2</t>
  </si>
  <si>
    <t>七美中野__108</t>
  </si>
  <si>
    <t>七美中野雑種地1</t>
  </si>
  <si>
    <t>七美中野__173</t>
  </si>
  <si>
    <t>七美中野公園地2</t>
  </si>
  <si>
    <t>七美中野__189-4</t>
  </si>
  <si>
    <t>本江字足洗宅地1</t>
  </si>
  <si>
    <t>本江_足洗_2269-4</t>
  </si>
  <si>
    <t>本江字八ケ尻宅地1</t>
  </si>
  <si>
    <t>本江_八ケ尻_2846-5</t>
  </si>
  <si>
    <t>本江針山字茅場宅地1</t>
  </si>
  <si>
    <t>本江針山_茅場_42-4</t>
  </si>
  <si>
    <t>本江針山字茅場雑種地1</t>
  </si>
  <si>
    <t>本江針山_茅場_7-5</t>
  </si>
  <si>
    <t>（仮称）針山北</t>
  </si>
  <si>
    <t>本江針山_茅場_8-4</t>
  </si>
  <si>
    <t>本江針山_茅場_8-6</t>
  </si>
  <si>
    <t>本江針山字浦中宅地1</t>
  </si>
  <si>
    <t>本江針山_浦中_134-5</t>
  </si>
  <si>
    <t>（仮称）針山西</t>
  </si>
  <si>
    <t>本江針山新_西坪_42-8</t>
  </si>
  <si>
    <t>本江中新字二枚田宅地1</t>
  </si>
  <si>
    <t>本江中新_二枚田_133-2</t>
  </si>
  <si>
    <t>本江三箇字潟開雑種地1</t>
  </si>
  <si>
    <t>本江三箇_潟開_15-1</t>
  </si>
  <si>
    <t>本江道番公民館</t>
  </si>
  <si>
    <t>本江利波_長佐_149-1</t>
  </si>
  <si>
    <t>本江利波_長佐_149-2</t>
  </si>
  <si>
    <t>本江利波_長佐_149-7</t>
  </si>
  <si>
    <t>本江利波_長佐_151-3</t>
  </si>
  <si>
    <t>寺塚原宅地1</t>
  </si>
  <si>
    <t>寺塚原__224</t>
  </si>
  <si>
    <t>寺塚原公民館倉庫</t>
  </si>
  <si>
    <t>寺塚原__227</t>
  </si>
  <si>
    <t>寺塚原宅地2</t>
  </si>
  <si>
    <t>寺塚原__276-2</t>
  </si>
  <si>
    <t>若葉町公民館</t>
  </si>
  <si>
    <t>寺塚原__579</t>
  </si>
  <si>
    <t>大門市営住宅</t>
  </si>
  <si>
    <t>二口_道山島_2578-4</t>
  </si>
  <si>
    <t>寺塚原雑種地1</t>
  </si>
  <si>
    <t>寺塚原__885</t>
  </si>
  <si>
    <t>沖塚原雑種地2</t>
  </si>
  <si>
    <t>沖塚原__1121-1</t>
  </si>
  <si>
    <t>沖塚原雑種地1</t>
  </si>
  <si>
    <t>沖塚原__340</t>
  </si>
  <si>
    <t>沖塚原私設消防団</t>
  </si>
  <si>
    <t>沖塚原__481</t>
  </si>
  <si>
    <t>坂東公民館</t>
  </si>
  <si>
    <t>坂東__87-2</t>
  </si>
  <si>
    <t>坂東__89</t>
  </si>
  <si>
    <t>坂東境内地1</t>
  </si>
  <si>
    <t>坂東__90</t>
  </si>
  <si>
    <t>朴木宅地1</t>
  </si>
  <si>
    <t>朴木__190</t>
  </si>
  <si>
    <t>朴木公民館</t>
  </si>
  <si>
    <t>朴木__207-2</t>
  </si>
  <si>
    <t>朴木__209</t>
  </si>
  <si>
    <t>（仮称）朴木西</t>
  </si>
  <si>
    <t>朴木__272-17</t>
  </si>
  <si>
    <t>（仮称）朴木東</t>
  </si>
  <si>
    <t>朴木__5-6</t>
  </si>
  <si>
    <t>消防団　下分団屯所</t>
  </si>
  <si>
    <t>加茂中部__1050</t>
  </si>
  <si>
    <t>加茂中部__1054</t>
  </si>
  <si>
    <t>谷昌寺</t>
  </si>
  <si>
    <t>川口宮袋入会地_川口_877</t>
  </si>
  <si>
    <t>川口宮袋入会地字宮袋雑種地1</t>
  </si>
  <si>
    <t>川口宮袋入会地_宮袋_240</t>
  </si>
  <si>
    <t>宮袋公民館</t>
  </si>
  <si>
    <t>川口宮袋入会地_宮袋_298</t>
  </si>
  <si>
    <t>川口宮袋入会地字二本杉雑種地1</t>
  </si>
  <si>
    <t>川口宮袋入会地_二本杉_6765-4</t>
  </si>
  <si>
    <t>川口宮袋入会地_二本杉_6766-2</t>
  </si>
  <si>
    <t>松木</t>
  </si>
  <si>
    <t>松木__303</t>
  </si>
  <si>
    <t>松木宅地1</t>
  </si>
  <si>
    <t>松木__413</t>
  </si>
  <si>
    <t>松木雑種地1</t>
  </si>
  <si>
    <t>松木__693</t>
  </si>
  <si>
    <t>松木雑種地2</t>
  </si>
  <si>
    <t>松木__725-15</t>
  </si>
  <si>
    <t>高島公園</t>
  </si>
  <si>
    <t>作道__2144</t>
  </si>
  <si>
    <t>作道公園地1</t>
  </si>
  <si>
    <t>作道__5-9</t>
  </si>
  <si>
    <t>作道団地</t>
  </si>
  <si>
    <t>作道__570-20</t>
  </si>
  <si>
    <t>作道宅地2</t>
  </si>
  <si>
    <t>作道__59-15</t>
  </si>
  <si>
    <t>新生町公民館</t>
  </si>
  <si>
    <t>作道__59-7</t>
  </si>
  <si>
    <t>作道第１緑地</t>
  </si>
  <si>
    <t>作道__678</t>
  </si>
  <si>
    <t>作道西公園</t>
  </si>
  <si>
    <t>作道__679</t>
  </si>
  <si>
    <t>作道雑種地1</t>
  </si>
  <si>
    <t>作道__684-5</t>
  </si>
  <si>
    <t>新港の森管理事務所</t>
  </si>
  <si>
    <t>作道__690-1</t>
  </si>
  <si>
    <t>（仮称）新生南</t>
  </si>
  <si>
    <t>作道__953</t>
  </si>
  <si>
    <t>作道字苗代宅地1</t>
  </si>
  <si>
    <t>作道_苗代_1857-3</t>
  </si>
  <si>
    <t>作道字苗代宅地2</t>
  </si>
  <si>
    <t>作道_苗代_2082-1</t>
  </si>
  <si>
    <t>作道字囲ノ内宅地1</t>
  </si>
  <si>
    <t>作道_囲ノ内_2119-7</t>
  </si>
  <si>
    <t>鏡宮雑種地1</t>
  </si>
  <si>
    <t>鏡宮__169-2</t>
  </si>
  <si>
    <t>鏡宮雑種地2</t>
  </si>
  <si>
    <t>鏡宮__454</t>
  </si>
  <si>
    <t>鏡宮公民館</t>
  </si>
  <si>
    <t>鏡宮__469</t>
  </si>
  <si>
    <t>鏡宮雑種地3</t>
  </si>
  <si>
    <t>鏡宮__605</t>
  </si>
  <si>
    <t>下村デイサービスセンター</t>
  </si>
  <si>
    <t>加茂西部__62-1</t>
  </si>
  <si>
    <t>加茂西部__63-1</t>
  </si>
  <si>
    <t>加茂西部__64-1</t>
  </si>
  <si>
    <t>加茂西部__65-1</t>
  </si>
  <si>
    <t>野村雑種地1</t>
  </si>
  <si>
    <t>野村__428</t>
  </si>
  <si>
    <t>野村雑種地2</t>
  </si>
  <si>
    <t>野村__465</t>
  </si>
  <si>
    <t>野村雑種地3</t>
  </si>
  <si>
    <t>野村__624</t>
  </si>
  <si>
    <t>野村雑種地4</t>
  </si>
  <si>
    <t>野村__642</t>
  </si>
  <si>
    <t>野村私設消防団</t>
  </si>
  <si>
    <t>野村__685</t>
  </si>
  <si>
    <t>野村雑種地5</t>
  </si>
  <si>
    <t>野村__690</t>
  </si>
  <si>
    <t>野村雑種地6</t>
  </si>
  <si>
    <t>野村__720</t>
  </si>
  <si>
    <t>沖集落センター</t>
  </si>
  <si>
    <t>沖__96</t>
  </si>
  <si>
    <t>久々湊雑種地1</t>
  </si>
  <si>
    <t>久々湊__181</t>
  </si>
  <si>
    <t>大島児童館</t>
  </si>
  <si>
    <t>小林__220</t>
  </si>
  <si>
    <t>小林__221-1</t>
  </si>
  <si>
    <t>小島__676</t>
  </si>
  <si>
    <t>小島__677</t>
  </si>
  <si>
    <t>小島__678</t>
  </si>
  <si>
    <t>久々湊宅地1</t>
  </si>
  <si>
    <t>久々湊__368</t>
  </si>
  <si>
    <t>久々湊__369</t>
  </si>
  <si>
    <t>津幡江雑種地2</t>
  </si>
  <si>
    <t>津幡江__275</t>
  </si>
  <si>
    <t>津幡江宅地2</t>
  </si>
  <si>
    <t>津幡江__353-3</t>
  </si>
  <si>
    <t>津幡江雑種地3</t>
  </si>
  <si>
    <t>津幡江__391-9</t>
  </si>
  <si>
    <t>津幡江雑種地4</t>
  </si>
  <si>
    <t>津幡江__405</t>
  </si>
  <si>
    <t>津幡江宅地1</t>
  </si>
  <si>
    <t>津幡江__45</t>
  </si>
  <si>
    <t>津幡江雑種地5</t>
  </si>
  <si>
    <t>津幡江__484-13</t>
  </si>
  <si>
    <t>津幡江雑種地6</t>
  </si>
  <si>
    <t>津幡江__706-3</t>
  </si>
  <si>
    <t>津幡江__707-3</t>
  </si>
  <si>
    <t>殿村雑種地1</t>
  </si>
  <si>
    <t>殿村__217</t>
  </si>
  <si>
    <t>殿村宅地1</t>
  </si>
  <si>
    <t>殿村__319</t>
  </si>
  <si>
    <t>今井宅地2</t>
  </si>
  <si>
    <t>今井__1016</t>
  </si>
  <si>
    <t>今井宅地1</t>
  </si>
  <si>
    <t>今井__515-2</t>
  </si>
  <si>
    <t>今井雑種地1</t>
  </si>
  <si>
    <t>今井__577</t>
  </si>
  <si>
    <t>今井雑種地2</t>
  </si>
  <si>
    <t>今井__631</t>
  </si>
  <si>
    <t>今井雑種地3</t>
  </si>
  <si>
    <t>今井__698</t>
  </si>
  <si>
    <t>今井雑種地4</t>
  </si>
  <si>
    <t>今井__721</t>
  </si>
  <si>
    <t>高木雑種地2</t>
  </si>
  <si>
    <t>高木__242</t>
  </si>
  <si>
    <t>高木公民館</t>
  </si>
  <si>
    <t>高木__252-4</t>
  </si>
  <si>
    <t>高木宅地1</t>
  </si>
  <si>
    <t>高木__253-2</t>
  </si>
  <si>
    <t>布目宅地2</t>
  </si>
  <si>
    <t>布目__49</t>
  </si>
  <si>
    <t>布目雑種地2</t>
  </si>
  <si>
    <t>布目__54</t>
  </si>
  <si>
    <t>（仮称）片口北</t>
  </si>
  <si>
    <t>片口__18-3</t>
  </si>
  <si>
    <t>片口雑種地2</t>
  </si>
  <si>
    <t>片口__222</t>
  </si>
  <si>
    <t>片口宅地1</t>
  </si>
  <si>
    <t>片口__227</t>
  </si>
  <si>
    <t>（仮称）片口弁天</t>
  </si>
  <si>
    <t>片口__292-25</t>
  </si>
  <si>
    <t>片口東公園</t>
  </si>
  <si>
    <t>片口__62</t>
  </si>
  <si>
    <t>片口__63</t>
  </si>
  <si>
    <t>新片町三丁目__1-2</t>
  </si>
  <si>
    <t>片口北部１号公園</t>
  </si>
  <si>
    <t>片口__804</t>
  </si>
  <si>
    <t>片口__805</t>
  </si>
  <si>
    <t>片口北部２号公園</t>
  </si>
  <si>
    <t>片口__878</t>
  </si>
  <si>
    <t>片口__879</t>
  </si>
  <si>
    <t>高場公民館</t>
  </si>
  <si>
    <t>片口高場__112-1</t>
  </si>
  <si>
    <t>片口高場宅地2</t>
  </si>
  <si>
    <t>片口高場__160</t>
  </si>
  <si>
    <t>片口雇用促進住宅</t>
  </si>
  <si>
    <t>片口高場__242-6</t>
  </si>
  <si>
    <t>片口高場__259</t>
  </si>
  <si>
    <t>片口高場雑種地2</t>
  </si>
  <si>
    <t>片口高場__311</t>
  </si>
  <si>
    <t>片口高場宅地3</t>
  </si>
  <si>
    <t>片口高場__380-1</t>
  </si>
  <si>
    <t>片口高場__380-3</t>
  </si>
  <si>
    <t>片口高場雑種地3</t>
  </si>
  <si>
    <t>片口高場__406</t>
  </si>
  <si>
    <t>片口高場雑種地4</t>
  </si>
  <si>
    <t>片口高場__407</t>
  </si>
  <si>
    <t>片口高場宅地1</t>
  </si>
  <si>
    <t>片口高場__47</t>
  </si>
  <si>
    <t>（仮称）高場南</t>
  </si>
  <si>
    <t>片口高場__5-7</t>
  </si>
  <si>
    <t>片口高場境内地1</t>
  </si>
  <si>
    <t>片口高場__55</t>
  </si>
  <si>
    <t>（仮称）高場北</t>
  </si>
  <si>
    <t>片口高場__65-28</t>
  </si>
  <si>
    <t>片口高場雑種地1</t>
  </si>
  <si>
    <t>片口高場__70</t>
  </si>
  <si>
    <t>片口高場公園地3</t>
  </si>
  <si>
    <t>片口高場__84-34</t>
  </si>
  <si>
    <t>片口高場__84-35</t>
  </si>
  <si>
    <t>片口高場__89</t>
  </si>
  <si>
    <t>片口高場公園地4</t>
  </si>
  <si>
    <t>片口高場__84-36</t>
  </si>
  <si>
    <t>すずほ団地</t>
  </si>
  <si>
    <t>加茂中部__205-44</t>
  </si>
  <si>
    <t>加茂中部__205-46</t>
  </si>
  <si>
    <t>稲積リバーサイドポンプ場</t>
  </si>
  <si>
    <t>片口久々江_古宮_290-1</t>
  </si>
  <si>
    <t>稲積__52-14</t>
  </si>
  <si>
    <t>稲積__52-15</t>
  </si>
  <si>
    <t>稲積__52-26</t>
  </si>
  <si>
    <t>稲積__137-1</t>
  </si>
  <si>
    <t>稲積__138-3</t>
  </si>
  <si>
    <t>片口久々江字錦雑種地1</t>
  </si>
  <si>
    <t>片口久々江_錦_830-11</t>
  </si>
  <si>
    <t>奈呉の江東公園</t>
  </si>
  <si>
    <t>奈呉の江__13-2</t>
  </si>
  <si>
    <t>片口西公園</t>
  </si>
  <si>
    <t>新片町一丁目__2-1</t>
  </si>
  <si>
    <t>片口南公園</t>
  </si>
  <si>
    <t>新片町四丁目__4-1</t>
  </si>
  <si>
    <t>海老江緑地</t>
  </si>
  <si>
    <t>海老江七軒_中官_1224-4</t>
  </si>
  <si>
    <t>東明中町__150</t>
  </si>
  <si>
    <t>東明中町__151</t>
  </si>
  <si>
    <t>東明東町__150</t>
  </si>
  <si>
    <t>東明七軒__150</t>
  </si>
  <si>
    <t>東明七軒__151-1</t>
  </si>
  <si>
    <t>海老江七軒_中官_1225-2</t>
  </si>
  <si>
    <t>海老江七軒_中官_1226-1</t>
  </si>
  <si>
    <t>海老江七軒_中官_1226-2</t>
  </si>
  <si>
    <t>海老江七軒_中官_1226-4</t>
  </si>
  <si>
    <t>海老江七軒_中官_1226-8</t>
  </si>
  <si>
    <t>海老江七軒_中官_1226-9</t>
  </si>
  <si>
    <t>浜開新町__151</t>
  </si>
  <si>
    <t>東明西町__150</t>
  </si>
  <si>
    <t>東明西公園</t>
  </si>
  <si>
    <t>東明西町__200</t>
  </si>
  <si>
    <t>東明東公園</t>
  </si>
  <si>
    <t>東明東町__200</t>
  </si>
  <si>
    <t>赤井市営住宅</t>
  </si>
  <si>
    <t>赤井_下間掛_35-1</t>
  </si>
  <si>
    <t>赤井_下間掛_35-8</t>
  </si>
  <si>
    <t>小林__219-1</t>
  </si>
  <si>
    <t>八塚_土田_32-2</t>
  </si>
  <si>
    <t>八塚_土田_32-7</t>
  </si>
  <si>
    <t>東明七軒公園</t>
  </si>
  <si>
    <t>東明七軒__200</t>
  </si>
  <si>
    <t>有磯東公園</t>
  </si>
  <si>
    <t>有磯二丁目__36</t>
  </si>
  <si>
    <t>七美二丁目公園　穴場公園</t>
  </si>
  <si>
    <t>七美二丁目__11</t>
  </si>
  <si>
    <t>七美二丁目公民館</t>
  </si>
  <si>
    <t>七美二丁目__2-13</t>
  </si>
  <si>
    <t>野寺公園</t>
  </si>
  <si>
    <t>七美二丁目__26</t>
  </si>
  <si>
    <t>新堀西公園</t>
  </si>
  <si>
    <t>新堀__24</t>
  </si>
  <si>
    <t>新堀東公園</t>
  </si>
  <si>
    <t>新堀__31</t>
  </si>
  <si>
    <t>穴場公民館</t>
  </si>
  <si>
    <t>七美__1026</t>
  </si>
  <si>
    <t>野寺公民館</t>
  </si>
  <si>
    <t>七美__1168</t>
  </si>
  <si>
    <t>七美雑種地13</t>
  </si>
  <si>
    <t>七美__1235</t>
  </si>
  <si>
    <t>中村市営住宅</t>
  </si>
  <si>
    <t>中村__29-31</t>
  </si>
  <si>
    <t>中村__29-32</t>
  </si>
  <si>
    <t>中村__29-33</t>
  </si>
  <si>
    <t>七美雑種地14</t>
  </si>
  <si>
    <t>七美__1249</t>
  </si>
  <si>
    <t>八島</t>
  </si>
  <si>
    <t>七美__1352</t>
  </si>
  <si>
    <t>八島公民館</t>
  </si>
  <si>
    <t>七美__1364</t>
  </si>
  <si>
    <t>七美__1365-2</t>
  </si>
  <si>
    <t>七美西公園</t>
  </si>
  <si>
    <t>七美__137-6</t>
  </si>
  <si>
    <t>七美雑種地15</t>
  </si>
  <si>
    <t>七美__1406</t>
  </si>
  <si>
    <t>七美雑種地16</t>
  </si>
  <si>
    <t>七美__1500</t>
  </si>
  <si>
    <t>二十六町公民館</t>
  </si>
  <si>
    <t>七美__234</t>
  </si>
  <si>
    <t>七美__235</t>
  </si>
  <si>
    <t>七美雑種地2</t>
  </si>
  <si>
    <t>七美__243</t>
  </si>
  <si>
    <t>七美雑種地3</t>
  </si>
  <si>
    <t>七美__305</t>
  </si>
  <si>
    <t>七美雑種地4</t>
  </si>
  <si>
    <t>七美__321-3</t>
  </si>
  <si>
    <t>七美__326-1</t>
  </si>
  <si>
    <t>大島体育館</t>
  </si>
  <si>
    <t>新開発__300-1</t>
  </si>
  <si>
    <t>新開発__301-1</t>
  </si>
  <si>
    <t>新開発__302-1</t>
  </si>
  <si>
    <t>新開発__295-1</t>
  </si>
  <si>
    <t>新開発__296-1</t>
  </si>
  <si>
    <t>新開発__297-1</t>
  </si>
  <si>
    <t>新開発__298-1</t>
  </si>
  <si>
    <t>新開発__299-1</t>
  </si>
  <si>
    <t>下村交流センター</t>
  </si>
  <si>
    <t>加茂中部__833-4</t>
  </si>
  <si>
    <t>加茂中部__834-2</t>
  </si>
  <si>
    <t>加茂中部__835-2</t>
  </si>
  <si>
    <t>加茂中部__836-2</t>
  </si>
  <si>
    <t>加茂中部__838-2</t>
  </si>
  <si>
    <t>七美雑種地5</t>
  </si>
  <si>
    <t>七美__499</t>
  </si>
  <si>
    <t>七美雑種地6</t>
  </si>
  <si>
    <t>七美__515</t>
  </si>
  <si>
    <t>七美雑種地7</t>
  </si>
  <si>
    <t>七美__517</t>
  </si>
  <si>
    <t>七美雑種地8</t>
  </si>
  <si>
    <t>七美__533</t>
  </si>
  <si>
    <t>七美雑種地9</t>
  </si>
  <si>
    <t>七美__551</t>
  </si>
  <si>
    <t>七美雑種地1</t>
  </si>
  <si>
    <t>七美__6</t>
  </si>
  <si>
    <t>七美幼児プール</t>
  </si>
  <si>
    <t>七美__721</t>
  </si>
  <si>
    <t>七美雑種地10</t>
  </si>
  <si>
    <t>七美__761-3</t>
  </si>
  <si>
    <t>七美雑種地11</t>
  </si>
  <si>
    <t>七美__772</t>
  </si>
  <si>
    <t>七美雑種地12</t>
  </si>
  <si>
    <t>七美__903</t>
  </si>
  <si>
    <t>新片町五丁目公園</t>
  </si>
  <si>
    <t>新片町五丁目__122</t>
  </si>
  <si>
    <t>本江北宅地1</t>
  </si>
  <si>
    <t>本江北__229</t>
  </si>
  <si>
    <t>本江北宅地2</t>
  </si>
  <si>
    <t>本江北__232</t>
  </si>
  <si>
    <t>本江北雑種地1</t>
  </si>
  <si>
    <t>本江北__372</t>
  </si>
  <si>
    <t>本江中雑種地1</t>
  </si>
  <si>
    <t>本江中__54</t>
  </si>
  <si>
    <t>神楽町公園</t>
  </si>
  <si>
    <t>神楽町__49</t>
  </si>
  <si>
    <t>神楽町__50</t>
  </si>
  <si>
    <t>神楽町__52</t>
  </si>
  <si>
    <t>神楽町__53</t>
  </si>
  <si>
    <t>足洗新町公園</t>
  </si>
  <si>
    <t>足洗新町一丁目__47</t>
  </si>
  <si>
    <t>海王町公共住宅団地</t>
  </si>
  <si>
    <t>海王町__21-17</t>
  </si>
  <si>
    <t>海王町__21-26</t>
  </si>
  <si>
    <t>海王町__21-27</t>
  </si>
  <si>
    <t>海王町__21-28</t>
  </si>
  <si>
    <t>海王町__21-29</t>
  </si>
  <si>
    <t>海王町__21-30</t>
  </si>
  <si>
    <t>海王町__21-31</t>
  </si>
  <si>
    <t>海王町__21-32</t>
  </si>
  <si>
    <t>海王町__21-33</t>
  </si>
  <si>
    <t>海王町__21-34</t>
  </si>
  <si>
    <t>海王町__21-35</t>
  </si>
  <si>
    <t>海王町__21-18</t>
  </si>
  <si>
    <t>海王町__21-36</t>
  </si>
  <si>
    <t>海王町__21-37</t>
  </si>
  <si>
    <t>海王町__21-38</t>
  </si>
  <si>
    <t>海王町__21-39</t>
  </si>
  <si>
    <t>海王町__21-40</t>
  </si>
  <si>
    <t>海王町__21-41</t>
  </si>
  <si>
    <t>海王町__21-42</t>
  </si>
  <si>
    <t>海王町__21-43</t>
  </si>
  <si>
    <t>海王町__21-44</t>
  </si>
  <si>
    <t>海王町__21-45</t>
  </si>
  <si>
    <t>海王町__21-19</t>
  </si>
  <si>
    <t>海王町__21-46</t>
  </si>
  <si>
    <t>海王町__21-47</t>
  </si>
  <si>
    <t>海王町__21-48</t>
  </si>
  <si>
    <t>海王町__21-49</t>
  </si>
  <si>
    <t>海王町__21-50</t>
  </si>
  <si>
    <t>海王町__21-51</t>
  </si>
  <si>
    <t>海王町__21-52</t>
  </si>
  <si>
    <t>海王町__21-53</t>
  </si>
  <si>
    <t>海王町__21-54</t>
  </si>
  <si>
    <t>海王町__21-55</t>
  </si>
  <si>
    <t>海王町__21-20</t>
  </si>
  <si>
    <t>海王町__21-56</t>
  </si>
  <si>
    <t>海王町__21-57</t>
  </si>
  <si>
    <t>海王町__21-58</t>
  </si>
  <si>
    <t>海王町__21-62</t>
  </si>
  <si>
    <t>海王町__21-2</t>
  </si>
  <si>
    <t>海王町__21-3</t>
  </si>
  <si>
    <t>海王町__21-6</t>
  </si>
  <si>
    <t>海王町__21-7</t>
  </si>
  <si>
    <t>海王町__21-8</t>
  </si>
  <si>
    <t>海王町__21-9</t>
  </si>
  <si>
    <t>海王町__21-21</t>
  </si>
  <si>
    <t>海王町__25-15</t>
  </si>
  <si>
    <t>海王町__25-16</t>
  </si>
  <si>
    <t>海王町__25-17</t>
  </si>
  <si>
    <t>海王町__25-18</t>
  </si>
  <si>
    <t>海王町__25-19</t>
  </si>
  <si>
    <t>海王町__25-20</t>
  </si>
  <si>
    <t>海王町__25-21</t>
  </si>
  <si>
    <t>海王町__25-22</t>
  </si>
  <si>
    <t>海王町__25-23</t>
  </si>
  <si>
    <t>海王町__25-24</t>
  </si>
  <si>
    <t>海王町__21-22</t>
  </si>
  <si>
    <t>海王町__25-25</t>
  </si>
  <si>
    <t>海王町__25-26</t>
  </si>
  <si>
    <t>海王町__25-27</t>
  </si>
  <si>
    <t>海王町__25-28</t>
  </si>
  <si>
    <t>海王町__25-31</t>
  </si>
  <si>
    <t>海王町__25-32</t>
  </si>
  <si>
    <t>海王町__25-33</t>
  </si>
  <si>
    <t>海王町__25-34</t>
  </si>
  <si>
    <t>海王町__25-35</t>
  </si>
  <si>
    <t>海王町__25-36</t>
  </si>
  <si>
    <t>海王町__21-23</t>
  </si>
  <si>
    <t>海王町__25-37</t>
  </si>
  <si>
    <t>海王町__25-38</t>
  </si>
  <si>
    <t>海王町__25-39</t>
  </si>
  <si>
    <t>海王町__25-40</t>
  </si>
  <si>
    <t>海王町__25-41</t>
  </si>
  <si>
    <t>海王町__25-42</t>
  </si>
  <si>
    <t>海王町__25-43</t>
  </si>
  <si>
    <t>海王町__25-45</t>
  </si>
  <si>
    <t>海王町__25-1</t>
  </si>
  <si>
    <t>海王町__25-2</t>
  </si>
  <si>
    <t>海王町__21-24</t>
  </si>
  <si>
    <t>海王町__25-8</t>
  </si>
  <si>
    <t>海王町__21-25</t>
  </si>
  <si>
    <t>高場新町公園</t>
  </si>
  <si>
    <t>高場新町二丁目__63</t>
  </si>
  <si>
    <t>高場新町三丁目雑種地1</t>
  </si>
  <si>
    <t>高場新町三丁目__109</t>
  </si>
  <si>
    <t>高場新町自治会集会施設予定地</t>
  </si>
  <si>
    <t>高場新町三丁目__54</t>
  </si>
  <si>
    <t>高場西公園</t>
  </si>
  <si>
    <t>高場新町四丁目__98</t>
  </si>
  <si>
    <t>高場新町四丁目__123</t>
  </si>
  <si>
    <t>かもめ台西公園</t>
  </si>
  <si>
    <t>かもめ台__112</t>
  </si>
  <si>
    <t>かもめ台__113</t>
  </si>
  <si>
    <t>かもめ台東公園</t>
  </si>
  <si>
    <t>かもめ台__139</t>
  </si>
  <si>
    <t>かもめ台__140</t>
  </si>
  <si>
    <t>三ケ雑種地3</t>
  </si>
  <si>
    <t>三ケ__1012-2</t>
  </si>
  <si>
    <t>ﾛｲﾔﾙﾀｳﾝ小杉児童遊園地</t>
  </si>
  <si>
    <t>三ケ__1131-16</t>
  </si>
  <si>
    <t>三ケ宅地1</t>
  </si>
  <si>
    <t>三ケ__1163-2</t>
  </si>
  <si>
    <t>水源町公園</t>
  </si>
  <si>
    <t>三ケ__1213-1</t>
  </si>
  <si>
    <t>三ケ宅地2</t>
  </si>
  <si>
    <t>三ケ__1346-2</t>
  </si>
  <si>
    <t>かいづか児童遊園地</t>
  </si>
  <si>
    <t>三ケ__1440-8</t>
  </si>
  <si>
    <t>三ケ__1440-41</t>
  </si>
  <si>
    <t>三ケ__1460-9</t>
  </si>
  <si>
    <t>一番町公民館</t>
  </si>
  <si>
    <t>三ケ__1459-1</t>
  </si>
  <si>
    <t>三ケ__1459-3</t>
  </si>
  <si>
    <t>三ケ雑種地4</t>
  </si>
  <si>
    <t>三ケ__1478</t>
  </si>
  <si>
    <t>三ケ雑種地5</t>
  </si>
  <si>
    <t>三ケ__1479-4</t>
  </si>
  <si>
    <t>三ケ宅地3</t>
  </si>
  <si>
    <t>三ケ__1529</t>
  </si>
  <si>
    <t>三ヶ野児童遊園地</t>
  </si>
  <si>
    <t>三ケ__1530-1</t>
  </si>
  <si>
    <t>三ケ雑種地6</t>
  </si>
  <si>
    <t>三ケ__1533-15</t>
  </si>
  <si>
    <t>三ケ雑種地7</t>
  </si>
  <si>
    <t>三ケ__1533-21</t>
  </si>
  <si>
    <t>三ケ__1533-22</t>
  </si>
  <si>
    <t>三ケ雑種地8</t>
  </si>
  <si>
    <t>三ケ__1556-11</t>
  </si>
  <si>
    <t>水源町児童遊園地</t>
  </si>
  <si>
    <t>三ケ__1571-2</t>
  </si>
  <si>
    <t>三ケ__1571-3</t>
  </si>
  <si>
    <t>三ケ__1571-12</t>
  </si>
  <si>
    <t>三ケ__1571-13</t>
  </si>
  <si>
    <t>三ケ__1571-14</t>
  </si>
  <si>
    <t>三ケ雑種地10</t>
  </si>
  <si>
    <t>三ケ__1571-6</t>
  </si>
  <si>
    <t>三ケ雑種地11</t>
  </si>
  <si>
    <t>三ケ__1572</t>
  </si>
  <si>
    <t>三ケ__1573-2</t>
  </si>
  <si>
    <t>三ケ__1573-15</t>
  </si>
  <si>
    <t>三ケ__1573-16</t>
  </si>
  <si>
    <t>西町児童遊園地</t>
  </si>
  <si>
    <t>三ケ__1583-9</t>
  </si>
  <si>
    <t>三ケ__1588-4</t>
  </si>
  <si>
    <t>三ケ住吉調整池</t>
  </si>
  <si>
    <t>三ケ__1602-11</t>
  </si>
  <si>
    <t>三ケ__1602-16</t>
  </si>
  <si>
    <t>三ケ雑種地13</t>
  </si>
  <si>
    <t>三ケ__1689</t>
  </si>
  <si>
    <t>三ケ雑種地14</t>
  </si>
  <si>
    <t>三ケ__1780</t>
  </si>
  <si>
    <t>三ケ宅地5</t>
  </si>
  <si>
    <t>三ケ__2217-3</t>
  </si>
  <si>
    <t>松風台ﾆｭｳｰﾀｳﾝ児童遊園地</t>
  </si>
  <si>
    <t>三ケ__2241-2</t>
  </si>
  <si>
    <t>畠田ﾆｭｳｰﾀｳﾝ児童遊園地</t>
  </si>
  <si>
    <t>三ケ__2259-5</t>
  </si>
  <si>
    <t>三ケ雑種地16</t>
  </si>
  <si>
    <t>三ケ__2320</t>
  </si>
  <si>
    <t>伊勢領公民館</t>
  </si>
  <si>
    <t>三ケ__2338</t>
  </si>
  <si>
    <t>三ケ__2339</t>
  </si>
  <si>
    <t>三ケ__2340</t>
  </si>
  <si>
    <t>三ケ__2341</t>
  </si>
  <si>
    <t>伊勢領児童遊園地</t>
  </si>
  <si>
    <t>三ケ__2384</t>
  </si>
  <si>
    <t>三ケ宅地7</t>
  </si>
  <si>
    <t>三ケ__2540-14</t>
  </si>
  <si>
    <t>三ケ消雪施設</t>
  </si>
  <si>
    <t>三ケ__2576-1</t>
  </si>
  <si>
    <t>三ケ雑種地18</t>
  </si>
  <si>
    <t>三ケ__2642-1</t>
  </si>
  <si>
    <t>夢美野公民館</t>
  </si>
  <si>
    <t>三ケ__2643-3</t>
  </si>
  <si>
    <t>夢美野西児童遊園地</t>
  </si>
  <si>
    <t>三ケ__2643-4</t>
  </si>
  <si>
    <t>夢美野東児童遊園地</t>
  </si>
  <si>
    <t>三ケ__2650-20</t>
  </si>
  <si>
    <t>三ケ宅地8</t>
  </si>
  <si>
    <t>三ケ__483-8</t>
  </si>
  <si>
    <t>新三ヶ公民館</t>
  </si>
  <si>
    <t>三ケ__541-8</t>
  </si>
  <si>
    <t>三ケ雑種地1</t>
  </si>
  <si>
    <t>三ケ__89-4</t>
  </si>
  <si>
    <t>愛宕公民館</t>
  </si>
  <si>
    <t>三ケ__94-1</t>
  </si>
  <si>
    <t>三ケ雑種地2</t>
  </si>
  <si>
    <t>三ケ__97</t>
  </si>
  <si>
    <t>鷹尾山蓮王寺</t>
  </si>
  <si>
    <t>三ケ_茶ノ木_1597-7</t>
  </si>
  <si>
    <t>三ケ_茶ノ木_1597-8</t>
  </si>
  <si>
    <t>三ケ_茶ノ木_1597-9</t>
  </si>
  <si>
    <t>三ケちびっこ広場</t>
  </si>
  <si>
    <t>三ケ_茶ノ木_1987-3</t>
  </si>
  <si>
    <t>三ケ_茶ノ木_1987-4</t>
  </si>
  <si>
    <t>三ケ_茶ノ木_1987-8</t>
  </si>
  <si>
    <t>三ケ_茶ノ木_1989-1</t>
  </si>
  <si>
    <t>三ケ_茶ノ木_1989-10</t>
  </si>
  <si>
    <t>射水福祉会貸付地（旧小杉シルバー人材センター）</t>
  </si>
  <si>
    <t>三ケ_中原_3316-1</t>
  </si>
  <si>
    <t>三ケ_中原_3324-2</t>
  </si>
  <si>
    <t>三ケ_中原_3325-2</t>
  </si>
  <si>
    <t>三ケ_中原_3325-3</t>
  </si>
  <si>
    <t>三ケ字中吉原宅地2</t>
  </si>
  <si>
    <t>三ケ_中原_3656-4</t>
  </si>
  <si>
    <t>社会福祉会館跡地</t>
  </si>
  <si>
    <t>三ケ_中原_3721-12</t>
  </si>
  <si>
    <t>三ケ中吉原3721－12</t>
  </si>
  <si>
    <t>三ケ_中原_3757-4</t>
  </si>
  <si>
    <t>三ケ中吉原3757－4</t>
  </si>
  <si>
    <t>戸破_神川_4199-1</t>
  </si>
  <si>
    <t>三ケ_中原_3721-9</t>
  </si>
  <si>
    <t>三ケ_中原_3721-1</t>
  </si>
  <si>
    <t>三ケ字中吉原雑種地2</t>
  </si>
  <si>
    <t>三ケ_中原_3749-5</t>
  </si>
  <si>
    <t>三ケ_中原_3749-6</t>
  </si>
  <si>
    <t>市営小杉駅東駐車場</t>
  </si>
  <si>
    <t>三ケ_中原_3925-4</t>
  </si>
  <si>
    <t>三ケ字中吉原宅地3</t>
  </si>
  <si>
    <t>三ケ_中原_4000-10</t>
  </si>
  <si>
    <t>市営小杉駅前広場駐車場</t>
  </si>
  <si>
    <t>三ケ_中原_4017-1</t>
  </si>
  <si>
    <t>三ケ_中原_4018-1</t>
  </si>
  <si>
    <t>三ケ_中原_4020-1</t>
  </si>
  <si>
    <t>三ケ_中原_4156-1</t>
  </si>
  <si>
    <t>三ケ_中原_4156-5</t>
  </si>
  <si>
    <t>戸破コミュニティセンター</t>
  </si>
  <si>
    <t>戸破_神川_2905-1</t>
  </si>
  <si>
    <t>戸破_神川_2907-1</t>
  </si>
  <si>
    <t>戸破_神川_2907-2</t>
  </si>
  <si>
    <t>戸破_神川_2908</t>
  </si>
  <si>
    <t>戸破_神川_2917-1</t>
  </si>
  <si>
    <t>戸破_神川_2917-2</t>
  </si>
  <si>
    <t>戸破_神川_2918-3</t>
  </si>
  <si>
    <t>三ケ字中吉原宅地4</t>
  </si>
  <si>
    <t>三ケ_中原_4050-1</t>
  </si>
  <si>
    <t>戸破雑種地1</t>
  </si>
  <si>
    <t>戸破__7016</t>
  </si>
  <si>
    <t>戸破__7017</t>
  </si>
  <si>
    <t>戸破字針原雑種地1</t>
  </si>
  <si>
    <t>戸破_針原_1-6</t>
  </si>
  <si>
    <t>戸破_針原_1-9</t>
  </si>
  <si>
    <t>戸破_針原_8-1</t>
  </si>
  <si>
    <t>戸破_針原_8-5</t>
  </si>
  <si>
    <t>戸破字針原公園地5</t>
  </si>
  <si>
    <t>戸破_針原_223-2</t>
  </si>
  <si>
    <t>戸破_針原_223-6</t>
  </si>
  <si>
    <t>針原２号公園</t>
  </si>
  <si>
    <t>戸破_針原_8-7</t>
  </si>
  <si>
    <t>戸破_針原_24</t>
  </si>
  <si>
    <t>戸破_針原_28-4</t>
  </si>
  <si>
    <t>針原１号公園</t>
  </si>
  <si>
    <t>戸破_針原_44-13</t>
  </si>
  <si>
    <t>戸破_針原_44-8</t>
  </si>
  <si>
    <t>戸破_針原_44-9</t>
  </si>
  <si>
    <t>手崎_針原_243-1</t>
  </si>
  <si>
    <t>手崎_針原_243-6</t>
  </si>
  <si>
    <t>戸破字針原公園地2</t>
  </si>
  <si>
    <t>戸破_針原_53-24</t>
  </si>
  <si>
    <t>戸破字針原公園地3</t>
  </si>
  <si>
    <t>戸破_針原_69-1</t>
  </si>
  <si>
    <t>戸破字針原公園地4</t>
  </si>
  <si>
    <t>戸破_針原_69-26</t>
  </si>
  <si>
    <t>射水福祉会貸付地（通所センターさんが)</t>
  </si>
  <si>
    <t>三ケ__1176-1</t>
  </si>
  <si>
    <t>三ケ__1177-1</t>
  </si>
  <si>
    <t>三ケ__1180-4</t>
  </si>
  <si>
    <t>三ケコミュニティセンター</t>
  </si>
  <si>
    <t>三ケ__1045-1</t>
  </si>
  <si>
    <t>三ケ__1045-4</t>
  </si>
  <si>
    <t>三ケ__1045-5</t>
  </si>
  <si>
    <t>戸破字針原雑種地2</t>
  </si>
  <si>
    <t>戸破_針原_8-11</t>
  </si>
  <si>
    <t>手崎_針原_263-3</t>
  </si>
  <si>
    <t>手崎第４児童遊園地</t>
  </si>
  <si>
    <t>戸破_神明_699-5</t>
  </si>
  <si>
    <t>平成町児童遊園地（旧平成町東児童遊園地）</t>
  </si>
  <si>
    <t>戸破_四反田_1030-10</t>
  </si>
  <si>
    <t>江上公民館</t>
  </si>
  <si>
    <t>戸破_四反田_739</t>
  </si>
  <si>
    <t>戸破字四反田宅地1</t>
  </si>
  <si>
    <t>戸破_四反田_765-3</t>
  </si>
  <si>
    <t>旧江上消防器具置場跡地</t>
  </si>
  <si>
    <t>戸破_四反田_772</t>
  </si>
  <si>
    <t>戸破字四反田宅地2</t>
  </si>
  <si>
    <t>戸破_四反田_788-3</t>
  </si>
  <si>
    <t>南通り児童遊園地</t>
  </si>
  <si>
    <t>戸破_後宝_1099</t>
  </si>
  <si>
    <t>南通り公民館</t>
  </si>
  <si>
    <t>戸破_後宝_1176-13</t>
  </si>
  <si>
    <t>戸破_後宝_1176-14</t>
  </si>
  <si>
    <t>戸破_後宝_1176-15</t>
  </si>
  <si>
    <t>橋下条コミュニティセンター</t>
  </si>
  <si>
    <t>橋下条__550-3</t>
  </si>
  <si>
    <t>橋下条_二ノ井_1776-1</t>
  </si>
  <si>
    <t>橋下条_二ノ井_1777-1</t>
  </si>
  <si>
    <t>橋下条_二ノ井_1788</t>
  </si>
  <si>
    <t>橋下条_二ノ井_1789</t>
  </si>
  <si>
    <t>橋下条_二ノ井_1790</t>
  </si>
  <si>
    <t>橋下条_二ノ井_1791</t>
  </si>
  <si>
    <t>橋下条_二ノ井_1792</t>
  </si>
  <si>
    <t>橋下条_二ノ井_1793</t>
  </si>
  <si>
    <t>橋下条_二ノ井_1794</t>
  </si>
  <si>
    <t>橋下条_二ノ井_1795-1</t>
  </si>
  <si>
    <t>橋下条_二ノ井_1494-1</t>
  </si>
  <si>
    <t>橋下条_二ノ井_1795-2</t>
  </si>
  <si>
    <t>橋下条_二ノ井_1795-3</t>
  </si>
  <si>
    <t>橋下条_二ノ井_1795-4</t>
  </si>
  <si>
    <t>橋下条_二ノ井_1795-6</t>
  </si>
  <si>
    <t>橋下条_二ノ井_1795-7</t>
  </si>
  <si>
    <t>橋下条_二ノ井_1796</t>
  </si>
  <si>
    <t>橋下条_二ノ井_1797</t>
  </si>
  <si>
    <t>橋下条_二ノ井_1798</t>
  </si>
  <si>
    <t>橋下条_二ノ井_1799-1</t>
  </si>
  <si>
    <t>橋下条_二ノ井_1800</t>
  </si>
  <si>
    <t>橋下条_二ノ井_1494-7</t>
  </si>
  <si>
    <t>橋下条_二ノ井_1801-1</t>
  </si>
  <si>
    <t>橋下条_二ノ井_1801-2</t>
  </si>
  <si>
    <t>橋下条_二ノ井_1802-1</t>
  </si>
  <si>
    <t>橋下条_二ノ井_1803</t>
  </si>
  <si>
    <t>橋下条_二ノ井_1769</t>
  </si>
  <si>
    <t>橋下条_二ノ井_1770</t>
  </si>
  <si>
    <t>橋下条_二ノ井_1771-1</t>
  </si>
  <si>
    <t>橋下条_二ノ井_1773</t>
  </si>
  <si>
    <t>橋下条_二ノ井_1774</t>
  </si>
  <si>
    <t>橋下条_二ノ井_1775</t>
  </si>
  <si>
    <t>栄町公民館（戸破字後宝）</t>
  </si>
  <si>
    <t>戸破_後宝_1359-5</t>
  </si>
  <si>
    <t>戸破_後宝_1360-5</t>
  </si>
  <si>
    <t>宝町公民館</t>
  </si>
  <si>
    <t>戸破_後宝_1364-23</t>
  </si>
  <si>
    <t>宝町児童遊園地</t>
  </si>
  <si>
    <t>戸破_後宝_1364-22</t>
  </si>
  <si>
    <t>戸破字後宝雑種地1</t>
  </si>
  <si>
    <t>戸破_後宝_1451-4</t>
  </si>
  <si>
    <t>戸破土木南部地区雑庫貸付地</t>
  </si>
  <si>
    <t>戸破_後宝_1533-1</t>
  </si>
  <si>
    <t>戸破_後宝_1533-2</t>
  </si>
  <si>
    <t>戸破字加茂雑種地1</t>
  </si>
  <si>
    <t>戸破_加茂_2020-8</t>
  </si>
  <si>
    <t>戸破字神川公園地1</t>
  </si>
  <si>
    <t>戸破_神川_2064-1</t>
  </si>
  <si>
    <t>戸破_神川_2066-1</t>
  </si>
  <si>
    <t>戸破_神川_2063-1</t>
  </si>
  <si>
    <t>昭和通り児童遊園地（旧平成町西児童遊園地）</t>
  </si>
  <si>
    <t>戸破_神川_2129-17</t>
  </si>
  <si>
    <t>手崎_八枚田_1275-12</t>
  </si>
  <si>
    <t>手崎_八枚田_1275-14</t>
  </si>
  <si>
    <t>手崎_八枚田_1357-16</t>
  </si>
  <si>
    <t>戸破字神川雑種地1</t>
  </si>
  <si>
    <t>戸破_神川_2133-5</t>
  </si>
  <si>
    <t>戸破_神川_2133-6</t>
  </si>
  <si>
    <t>中央通り一丁目集会所</t>
  </si>
  <si>
    <t>戸破_神川_2288-1</t>
  </si>
  <si>
    <t>戸破字神川宅地1</t>
  </si>
  <si>
    <t>戸破_神川_2415-4</t>
  </si>
  <si>
    <t>末永町児童遊園地</t>
  </si>
  <si>
    <t>戸破_神川_2460-2</t>
  </si>
  <si>
    <t>戸破中央児童遊園地</t>
  </si>
  <si>
    <t>戸破_神川_2902-1</t>
  </si>
  <si>
    <t>戸破_神川_2902-2</t>
  </si>
  <si>
    <t>戸破字神川宅地2</t>
  </si>
  <si>
    <t>戸破_神川_2911-4</t>
  </si>
  <si>
    <t>戸破字神川雑種地2</t>
  </si>
  <si>
    <t>戸破_神川_3315-12</t>
  </si>
  <si>
    <t>高穂町公民館</t>
  </si>
  <si>
    <t>戸破_神川_3552-2</t>
  </si>
  <si>
    <t>戸破字神川雑種地3</t>
  </si>
  <si>
    <t>戸破_神川_4200-15</t>
  </si>
  <si>
    <t>戸破字神川宅地4</t>
  </si>
  <si>
    <t>戸破_神川_4238-1</t>
  </si>
  <si>
    <t>埋蔵文化財収蔵庫</t>
  </si>
  <si>
    <t>大江__351-1</t>
  </si>
  <si>
    <t>梶村医院跡地</t>
  </si>
  <si>
    <t>戸破_神川_4324-1</t>
  </si>
  <si>
    <t>戸破_神川_4325-1</t>
  </si>
  <si>
    <t>下条川改修残地緑地</t>
  </si>
  <si>
    <t>戸破_神川_4346-3</t>
  </si>
  <si>
    <t>戸破_神川_4346-7</t>
  </si>
  <si>
    <t>若宮第２児童遊園地</t>
  </si>
  <si>
    <t>戸破_若宮_3041-16</t>
  </si>
  <si>
    <t>いぶき野児童遊園地</t>
  </si>
  <si>
    <t>戸破_若宮_3054-17</t>
  </si>
  <si>
    <t>若宮町公民館</t>
  </si>
  <si>
    <t>戸破_若宮_3093-14</t>
  </si>
  <si>
    <t>戸破_若宮_3093-25</t>
  </si>
  <si>
    <t>戸破_若宮_3149-19</t>
  </si>
  <si>
    <t>戸破_若宮_3149-26</t>
  </si>
  <si>
    <t>戸破字若宮宅地1</t>
  </si>
  <si>
    <t>戸破_若宮_3093-32</t>
  </si>
  <si>
    <t>戸破字若宮雑種地4</t>
  </si>
  <si>
    <t>戸破_若宮_3452</t>
  </si>
  <si>
    <t>戸破字若宮境内地1</t>
  </si>
  <si>
    <t>戸破_若宮_4606-2</t>
  </si>
  <si>
    <t>戸破字若宮雑種地5</t>
  </si>
  <si>
    <t>戸破_若宮_4617-2</t>
  </si>
  <si>
    <t>戸破_若宮_4759-3</t>
  </si>
  <si>
    <t>戸破字若宮宅地2</t>
  </si>
  <si>
    <t>戸破_若宮_4750-2</t>
  </si>
  <si>
    <t>黒河コミュニティセンター</t>
  </si>
  <si>
    <t>黒河_竹山_3098</t>
  </si>
  <si>
    <t>黒河_竹山_3114-3</t>
  </si>
  <si>
    <t>黒河_竹山_3115-1</t>
  </si>
  <si>
    <t>黒河_竹山_3115-2</t>
  </si>
  <si>
    <t>黒河_竹山_3115-4</t>
  </si>
  <si>
    <t>黒河_竹山_3115-3</t>
  </si>
  <si>
    <t>黒河_竹山_3124</t>
  </si>
  <si>
    <t>黒河_竹山_3125</t>
  </si>
  <si>
    <t>黒河_竹山_3126</t>
  </si>
  <si>
    <t>黒河_竹山_3127</t>
  </si>
  <si>
    <t>黒河_竹山_3128</t>
  </si>
  <si>
    <t>黒河_竹山_3099-2</t>
  </si>
  <si>
    <t>黒河_竹山_3129</t>
  </si>
  <si>
    <t>黒河_竹山_3130</t>
  </si>
  <si>
    <t>黒河_竹山_3132</t>
  </si>
  <si>
    <t>黒河_竹山_3133</t>
  </si>
  <si>
    <t>黒河_三百野_3884-2</t>
  </si>
  <si>
    <t>黒河三百野3884-2</t>
  </si>
  <si>
    <t>黒河_竹山_3099-3</t>
  </si>
  <si>
    <t>黒河_竹山_3101-2</t>
  </si>
  <si>
    <t>黒河_竹山_3102-3</t>
  </si>
  <si>
    <t>黒河_竹山_3106</t>
  </si>
  <si>
    <t>黒河_竹山_3107-1</t>
  </si>
  <si>
    <t>黒河_竹山_3114-1</t>
  </si>
  <si>
    <t>黒河_竹山_3114-2</t>
  </si>
  <si>
    <t>小杉小学校プール北側雪捨用スロープ置場</t>
  </si>
  <si>
    <t>戸破_神田_4417-5</t>
  </si>
  <si>
    <t>戸破_神田_4417-10</t>
  </si>
  <si>
    <t>戸破_神田_4418-9</t>
  </si>
  <si>
    <t>戸破_神田_4418-10</t>
  </si>
  <si>
    <t>新ひばりヶ丘児童遊園地</t>
  </si>
  <si>
    <t>手崎_前田_212-14</t>
  </si>
  <si>
    <t>手崎字中島雑種地1</t>
  </si>
  <si>
    <t>手崎_中島_498-2</t>
  </si>
  <si>
    <t>手崎字石太郎公園地1</t>
  </si>
  <si>
    <t>手崎_石太郎_1041-18</t>
  </si>
  <si>
    <t>手崎字石太郎雑種地2</t>
  </si>
  <si>
    <t>手崎_石太郎_1125-14</t>
  </si>
  <si>
    <t>手崎集団転作組合格納庫</t>
  </si>
  <si>
    <t>手崎_石太郎_1157-2</t>
  </si>
  <si>
    <t>赤田公民館</t>
  </si>
  <si>
    <t>橋下条__1065-2</t>
  </si>
  <si>
    <t>橋下条雑種地8</t>
  </si>
  <si>
    <t>橋下条__1067</t>
  </si>
  <si>
    <t>駅南通り一丁目集会場</t>
  </si>
  <si>
    <t>橋下条__1227-2</t>
  </si>
  <si>
    <t>陶房「匠の里」</t>
  </si>
  <si>
    <t>水戸田_熊野_3303-1</t>
  </si>
  <si>
    <t>水戸田_熊野_3308-1</t>
  </si>
  <si>
    <t>水戸田_熊野_3308-2</t>
  </si>
  <si>
    <t>水戸田_熊野_3309-1</t>
  </si>
  <si>
    <t>水戸田_熊野_3309-2</t>
  </si>
  <si>
    <t>水戸田_熊野_3310</t>
  </si>
  <si>
    <t>水戸田_熊野_3312-1</t>
  </si>
  <si>
    <t>水戸田_熊野_3312-2</t>
  </si>
  <si>
    <t>水戸田_熊野_3312-3</t>
  </si>
  <si>
    <t>水戸田_熊野_3313</t>
  </si>
  <si>
    <t>水戸田_熊野_3314</t>
  </si>
  <si>
    <t>水戸田_熊野_3303-2</t>
  </si>
  <si>
    <t>水戸田_熊野_3316</t>
  </si>
  <si>
    <t>水戸田_熊野_3317</t>
  </si>
  <si>
    <t>水戸田_熊野_3355-1</t>
  </si>
  <si>
    <t>水戸田_神明堂_7-1</t>
  </si>
  <si>
    <t>水戸田_神明堂_7-2</t>
  </si>
  <si>
    <t>水戸田_神明堂_8-1</t>
  </si>
  <si>
    <t>水戸田_神明堂_8-2</t>
  </si>
  <si>
    <t>水戸田_神明堂_8-3</t>
  </si>
  <si>
    <t>水戸田_神明堂_9</t>
  </si>
  <si>
    <t>水戸田_神明堂_10-1</t>
  </si>
  <si>
    <t>水戸田_熊野_3303-3</t>
  </si>
  <si>
    <t>水戸田_神明堂_10-2</t>
  </si>
  <si>
    <t>水戸田_神明堂_17-1</t>
  </si>
  <si>
    <t>水戸田_神明堂_17-2</t>
  </si>
  <si>
    <t>水戸田_神明堂_18-乙</t>
  </si>
  <si>
    <t>水戸田_神明堂_22-1</t>
  </si>
  <si>
    <t>水戸田_神明堂_87</t>
  </si>
  <si>
    <t>水戸田_神明堂_88</t>
  </si>
  <si>
    <t>水戸田_神明堂_89-乙</t>
  </si>
  <si>
    <t>水戸田_神明堂_89-甲</t>
  </si>
  <si>
    <t>水戸田_熊野_3305-1</t>
  </si>
  <si>
    <t>水戸田_熊野_3305-2</t>
  </si>
  <si>
    <t>水戸田_熊野_3306-1</t>
  </si>
  <si>
    <t>水戸田_熊野_3306-2</t>
  </si>
  <si>
    <t>水戸田_熊野_3307-1</t>
  </si>
  <si>
    <t>水戸田_熊野_3307-2</t>
  </si>
  <si>
    <t>みゆき児童遊園地</t>
  </si>
  <si>
    <t>橋下条__1377-1</t>
  </si>
  <si>
    <t>橋下条__1379</t>
  </si>
  <si>
    <t>橋下条雑種地10</t>
  </si>
  <si>
    <t>橋下条__1399</t>
  </si>
  <si>
    <t>橋下条雑種地11</t>
  </si>
  <si>
    <t>橋下条__1533-3</t>
  </si>
  <si>
    <t>橋下条__1534-2</t>
  </si>
  <si>
    <t>橋下条雑種地12</t>
  </si>
  <si>
    <t>橋下条__1554-3</t>
  </si>
  <si>
    <t>橋下条雑種地1</t>
  </si>
  <si>
    <t>橋下条__2-7</t>
  </si>
  <si>
    <t>橋下条雑種地13</t>
  </si>
  <si>
    <t>橋下条__2038</t>
  </si>
  <si>
    <t>橋下条雑種地14</t>
  </si>
  <si>
    <t>橋下条__2090</t>
  </si>
  <si>
    <t>大白公民館</t>
  </si>
  <si>
    <t>橋下条__2091</t>
  </si>
  <si>
    <t>橋下条__2092-1</t>
  </si>
  <si>
    <t>橋下条雑種地3</t>
  </si>
  <si>
    <t>橋下条__223</t>
  </si>
  <si>
    <t>池多コミュニティセンター</t>
  </si>
  <si>
    <t>池多__633</t>
  </si>
  <si>
    <t>池多__634</t>
  </si>
  <si>
    <t>五歩一公民館</t>
  </si>
  <si>
    <t>橋下条__227-2</t>
  </si>
  <si>
    <t>橋下条__228-2</t>
  </si>
  <si>
    <t>橋下条雑種地4</t>
  </si>
  <si>
    <t>橋下条__487</t>
  </si>
  <si>
    <t>橋下条雑種地6</t>
  </si>
  <si>
    <t>橋下条__634-1</t>
  </si>
  <si>
    <t>橋下条雑種地7</t>
  </si>
  <si>
    <t>橋下条__659</t>
  </si>
  <si>
    <t>橋下条雑種地2</t>
  </si>
  <si>
    <t>橋下条__91-3</t>
  </si>
  <si>
    <t>ふれあい広場</t>
  </si>
  <si>
    <t>橋下条__923</t>
  </si>
  <si>
    <t>太閤山１１丁目__3</t>
  </si>
  <si>
    <t>橋下条__925-2</t>
  </si>
  <si>
    <t>橋下条__925-3</t>
  </si>
  <si>
    <t>橋下条__925-4</t>
  </si>
  <si>
    <t>橋下条__925-5</t>
  </si>
  <si>
    <t>橋下条__925</t>
  </si>
  <si>
    <t>橋下条_囲山_86-26</t>
  </si>
  <si>
    <t>橋下条_囲山_86-27</t>
  </si>
  <si>
    <t>太閤山１１丁目__2-1</t>
  </si>
  <si>
    <t>青井谷公民館</t>
  </si>
  <si>
    <t>青井谷__140-1</t>
  </si>
  <si>
    <t>青井谷__141</t>
  </si>
  <si>
    <t>青井谷__142-1</t>
  </si>
  <si>
    <t>青井谷__144</t>
  </si>
  <si>
    <t>青井谷宅地1</t>
  </si>
  <si>
    <t>青井谷__235-4</t>
  </si>
  <si>
    <t>青井谷__236-4</t>
  </si>
  <si>
    <t>青井谷__268-1</t>
  </si>
  <si>
    <t>青井谷__268-6</t>
  </si>
  <si>
    <t>太閤山コミュニティセンター</t>
  </si>
  <si>
    <t>太閤山８丁目__4-1</t>
  </si>
  <si>
    <t>青井谷字丸山雑種地1</t>
  </si>
  <si>
    <t>青井谷_丸山_542-1</t>
  </si>
  <si>
    <t>青井谷字丸山雑種地2</t>
  </si>
  <si>
    <t>青井谷_丸山_722-2</t>
  </si>
  <si>
    <t>青井谷字丸山雑種地3</t>
  </si>
  <si>
    <t>青井谷_丸山_728-1</t>
  </si>
  <si>
    <t>青井谷字丸山雑種地4</t>
  </si>
  <si>
    <t>青井谷_丸山_735-3</t>
  </si>
  <si>
    <t>青井谷_丸山_736-5</t>
  </si>
  <si>
    <t>青井谷字干田雑種地1</t>
  </si>
  <si>
    <t>青井谷_干田_1951-3</t>
  </si>
  <si>
    <t>青井谷字西俣雑種地1</t>
  </si>
  <si>
    <t>青井谷_西俣_4560-5</t>
  </si>
  <si>
    <t>浄土寺公民館</t>
  </si>
  <si>
    <t>浄土寺__160</t>
  </si>
  <si>
    <t>浄土寺__161</t>
  </si>
  <si>
    <t>浄土寺雑種地2</t>
  </si>
  <si>
    <t>浄土寺__440-4</t>
  </si>
  <si>
    <t>浄土寺雑種地1</t>
  </si>
  <si>
    <t>浄土寺__88-3</t>
  </si>
  <si>
    <t>浄土寺字酢川宅地1</t>
  </si>
  <si>
    <t>浄土寺_酢川_137-1</t>
  </si>
  <si>
    <t>浄土寺字酢川雑種地1</t>
  </si>
  <si>
    <t>浄土寺_酢川_141-2</t>
  </si>
  <si>
    <t>浄土寺字後山雑種地1</t>
  </si>
  <si>
    <t>浄土寺_後山_1199-3</t>
  </si>
  <si>
    <t>浄土寺字後山宅地1</t>
  </si>
  <si>
    <t>浄土寺_後山_1288-6</t>
  </si>
  <si>
    <t>浄土寺_後山_1289-2</t>
  </si>
  <si>
    <t>浄土寺字林寺雑種地1</t>
  </si>
  <si>
    <t>浄土寺_林寺_1673-7</t>
  </si>
  <si>
    <t>上野雑種地2</t>
  </si>
  <si>
    <t>上野__294-4</t>
  </si>
  <si>
    <t>上野雑種地3</t>
  </si>
  <si>
    <t>上野__475-3</t>
  </si>
  <si>
    <t>上野字赤坂雑種地1</t>
  </si>
  <si>
    <t>上野_赤坂_141-4</t>
  </si>
  <si>
    <t>上野_赤坂_141-9</t>
  </si>
  <si>
    <t>上野_赤坂_142-2</t>
  </si>
  <si>
    <t>上野字赤坂雑種地2</t>
  </si>
  <si>
    <t>上野_赤坂_141-6</t>
  </si>
  <si>
    <t>入会地字天地山林1</t>
  </si>
  <si>
    <t>入会地_天池_52-10</t>
  </si>
  <si>
    <t>上野字赤田雑種地1</t>
  </si>
  <si>
    <t>上野_赤田_456-2</t>
  </si>
  <si>
    <t>上野字高畠雑種地1</t>
  </si>
  <si>
    <t>上野_高畠_1491-3</t>
  </si>
  <si>
    <t>上野_高畠_1492-8</t>
  </si>
  <si>
    <t>上野_高畠_1496-3</t>
  </si>
  <si>
    <t>上野_高畠_1497-3</t>
  </si>
  <si>
    <t>上野_高畠_1498-3</t>
  </si>
  <si>
    <t>上野_高畠_1499-2</t>
  </si>
  <si>
    <t>消防団　大門分団屯所</t>
  </si>
  <si>
    <t>大門_道山_68-3</t>
  </si>
  <si>
    <t>水戸田コミュニティセンター</t>
  </si>
  <si>
    <t>生源寺_一里塚_532-3</t>
  </si>
  <si>
    <t>生源寺_一里塚_535-1</t>
  </si>
  <si>
    <t>生源寺_一里塚_540-4</t>
  </si>
  <si>
    <t>生源寺_一里塚_540-5</t>
  </si>
  <si>
    <t>生源寺_一里塚_540-7</t>
  </si>
  <si>
    <t>生源寺_一里塚_540-15</t>
  </si>
  <si>
    <t>生源寺_一里塚_544-11</t>
  </si>
  <si>
    <t>生源寺_一里塚_544-12</t>
  </si>
  <si>
    <t>上野字地久宅地1</t>
  </si>
  <si>
    <t>上野_地久_1750-2</t>
  </si>
  <si>
    <t>上野字地久宅地2</t>
  </si>
  <si>
    <t>上野_地久_1885-3</t>
  </si>
  <si>
    <t>上野字前田雑種地1</t>
  </si>
  <si>
    <t>上野_前田_2210-3</t>
  </si>
  <si>
    <t>平野雑種地1</t>
  </si>
  <si>
    <t>平野__304-2</t>
  </si>
  <si>
    <t>平野__307-2</t>
  </si>
  <si>
    <t>平野__311-2</t>
  </si>
  <si>
    <t>平野字木合川雑種地1</t>
  </si>
  <si>
    <t>平野_木合川_578-2</t>
  </si>
  <si>
    <t>入会地字天池雑種地2</t>
  </si>
  <si>
    <t>入会地_天池_32-14</t>
  </si>
  <si>
    <t>入会地_天池_32-12</t>
  </si>
  <si>
    <t>入会地字天池雑種地1</t>
  </si>
  <si>
    <t>入会地_天池_9-2</t>
  </si>
  <si>
    <t>入会地字水蔵場雑種地1</t>
  </si>
  <si>
    <t>入会地_水蔵場_139-6</t>
  </si>
  <si>
    <t>入会地字水蔵場雑種地2</t>
  </si>
  <si>
    <t>入会地_水蔵場_144-7</t>
  </si>
  <si>
    <t>入会地_水蔵場_144-8</t>
  </si>
  <si>
    <t>入会地字東笹鎌野雑種地1</t>
  </si>
  <si>
    <t>入会地_東笹鎌野_3-15</t>
  </si>
  <si>
    <t>南太閤山コミュニティセンター</t>
  </si>
  <si>
    <t>中太閤山１３丁目__3-1</t>
  </si>
  <si>
    <t>大江保育園駐車場</t>
  </si>
  <si>
    <t>大江__332-1</t>
  </si>
  <si>
    <t>大江忠魂碑</t>
  </si>
  <si>
    <t>大江__333-2</t>
  </si>
  <si>
    <t>大江雑種地3</t>
  </si>
  <si>
    <t>大江__532</t>
  </si>
  <si>
    <t>大江__534-3</t>
  </si>
  <si>
    <t>大江雑種地4</t>
  </si>
  <si>
    <t>大江__540</t>
  </si>
  <si>
    <t>大江雑種地5</t>
  </si>
  <si>
    <t>大江__544</t>
  </si>
  <si>
    <t>大江雑種地6</t>
  </si>
  <si>
    <t>大江__564</t>
  </si>
  <si>
    <t>大江雑種地7</t>
  </si>
  <si>
    <t>大江__674</t>
  </si>
  <si>
    <t>竹内源造記念館</t>
  </si>
  <si>
    <t>戸破_神川_2289-1</t>
  </si>
  <si>
    <t>戸破_神川_4160-1</t>
  </si>
  <si>
    <t>大江雑種地8</t>
  </si>
  <si>
    <t>大江__706-1</t>
  </si>
  <si>
    <t>鷲塚2児童遊園地</t>
  </si>
  <si>
    <t>鷲塚__142-19</t>
  </si>
  <si>
    <t>鷲塚3児童遊園地</t>
  </si>
  <si>
    <t>鷲塚__174-13</t>
  </si>
  <si>
    <t>鷲塚雑種地2</t>
  </si>
  <si>
    <t>鷲塚__497-4</t>
  </si>
  <si>
    <t>鷲塚__497-6</t>
  </si>
  <si>
    <t>パルタウン児童遊園地</t>
  </si>
  <si>
    <t>鷲塚__79-19</t>
  </si>
  <si>
    <t>鷲塚1児童遊園地</t>
  </si>
  <si>
    <t>鷲塚__86-13</t>
  </si>
  <si>
    <t>ミライクル公園</t>
  </si>
  <si>
    <t>西高木__1197-1</t>
  </si>
  <si>
    <t>西高木__1200-2</t>
  </si>
  <si>
    <t>西高木__1604-2</t>
  </si>
  <si>
    <t>西高木__1197-2</t>
  </si>
  <si>
    <t>西高木__1197-3</t>
  </si>
  <si>
    <t>西高木__1198-1</t>
  </si>
  <si>
    <t>西高木__1198-2</t>
  </si>
  <si>
    <t>西高木__1198-3</t>
  </si>
  <si>
    <t>西高木__1199-1</t>
  </si>
  <si>
    <t>西高木__1199-2</t>
  </si>
  <si>
    <t>西高木__1199-3</t>
  </si>
  <si>
    <t>西高木コミュニティーセンター</t>
  </si>
  <si>
    <t>西高木__593</t>
  </si>
  <si>
    <t>西高木__594-3</t>
  </si>
  <si>
    <t>西高木雑種地2</t>
  </si>
  <si>
    <t>西高木__678-2</t>
  </si>
  <si>
    <t>西高木雑種地1</t>
  </si>
  <si>
    <t>西高木__92-2</t>
  </si>
  <si>
    <t>西高木__93-2</t>
  </si>
  <si>
    <t>西高木__97-3</t>
  </si>
  <si>
    <t>西高木__97-4</t>
  </si>
  <si>
    <t>二口コミュニティセンター</t>
  </si>
  <si>
    <t>二口__3052</t>
  </si>
  <si>
    <t>二口__3051-1</t>
  </si>
  <si>
    <t>稲積雑種地2</t>
  </si>
  <si>
    <t>稲積__123-3</t>
  </si>
  <si>
    <t>稲積雑種地4</t>
  </si>
  <si>
    <t>稲積__351</t>
  </si>
  <si>
    <t>稲積雑種地5</t>
  </si>
  <si>
    <t>稲積__373-1</t>
  </si>
  <si>
    <t>稲積__374-1</t>
  </si>
  <si>
    <t>稲積雑種地6</t>
  </si>
  <si>
    <t>稲積__432</t>
  </si>
  <si>
    <t>稲積__434-3</t>
  </si>
  <si>
    <t>稲積雑種地7</t>
  </si>
  <si>
    <t>稲積__498-1</t>
  </si>
  <si>
    <t>稲積北公園</t>
  </si>
  <si>
    <t>稲積__52-1</t>
  </si>
  <si>
    <t>稲積雑種地1</t>
  </si>
  <si>
    <t>稲積__52-5</t>
  </si>
  <si>
    <t>稲積雑種地8</t>
  </si>
  <si>
    <t>稲積__537</t>
  </si>
  <si>
    <t>中央図書館</t>
  </si>
  <si>
    <t>戸破_後宝_1511-1</t>
  </si>
  <si>
    <t>稲積宅地1</t>
  </si>
  <si>
    <t>稲積__541-3</t>
  </si>
  <si>
    <t>稲積宅地2</t>
  </si>
  <si>
    <t>稲積__556-3</t>
  </si>
  <si>
    <t>稲積雑種地9</t>
  </si>
  <si>
    <t>稲積__606-1</t>
  </si>
  <si>
    <t>稲積雑種地10</t>
  </si>
  <si>
    <t>稲積__672-1</t>
  </si>
  <si>
    <t>稲積__673-5</t>
  </si>
  <si>
    <t>小杉白石雑種地3</t>
  </si>
  <si>
    <t>小杉白石__114-2</t>
  </si>
  <si>
    <t>小杉白石雑種地4</t>
  </si>
  <si>
    <t>小杉白石__189</t>
  </si>
  <si>
    <t>小杉白石宅地1</t>
  </si>
  <si>
    <t>小杉白石__222-2</t>
  </si>
  <si>
    <t>小杉白石雑種地1</t>
  </si>
  <si>
    <t>小杉白石__66</t>
  </si>
  <si>
    <t>小杉白石雑種地5</t>
  </si>
  <si>
    <t>小杉白石__693</t>
  </si>
  <si>
    <t>小杉白石雑種地2</t>
  </si>
  <si>
    <t>小杉白石__94-2</t>
  </si>
  <si>
    <t>黒河雑種地1</t>
  </si>
  <si>
    <t>黒河__382-2</t>
  </si>
  <si>
    <t>黒河雑種地2</t>
  </si>
  <si>
    <t>黒河__473-3</t>
  </si>
  <si>
    <t>黒河雑種地3</t>
  </si>
  <si>
    <t>黒河__474-3</t>
  </si>
  <si>
    <t>黒河公園地1</t>
  </si>
  <si>
    <t>黒河__524-1</t>
  </si>
  <si>
    <t>黒河雑種地4</t>
  </si>
  <si>
    <t>黒河__884-2</t>
  </si>
  <si>
    <t>塚越調整池</t>
  </si>
  <si>
    <t>黒河_前田_1-2</t>
  </si>
  <si>
    <t>黒河_前田_1-3</t>
  </si>
  <si>
    <t>黒河_前田_2</t>
  </si>
  <si>
    <t>塚越__1548</t>
  </si>
  <si>
    <t>黒河字前田雑種地2</t>
  </si>
  <si>
    <t>黒河_前田_1438-2</t>
  </si>
  <si>
    <t>黒河_前田_1439-2</t>
  </si>
  <si>
    <t>黒河_前田_1440-2</t>
  </si>
  <si>
    <t>大門小学校</t>
  </si>
  <si>
    <t>二口__3068</t>
  </si>
  <si>
    <t>二口__3069</t>
  </si>
  <si>
    <t>二口__3070</t>
  </si>
  <si>
    <t>二口_油免_417-1</t>
  </si>
  <si>
    <t>二口_早稲田_484-7</t>
  </si>
  <si>
    <t>中村__189</t>
  </si>
  <si>
    <t>中村__195-1</t>
  </si>
  <si>
    <t>黒河字尺目雑種地2</t>
  </si>
  <si>
    <t>黒河_尺目_2520-4</t>
  </si>
  <si>
    <t>黒河字竹山宅地1</t>
  </si>
  <si>
    <t>黒河_竹山_3103-3</t>
  </si>
  <si>
    <t>黒河字竹山宅地2</t>
  </si>
  <si>
    <t>黒河_竹山_3104-4</t>
  </si>
  <si>
    <t>黒河_竹山_3104-5</t>
  </si>
  <si>
    <t>黒河字竹山宅地3</t>
  </si>
  <si>
    <t>黒河_竹山_3747-1</t>
  </si>
  <si>
    <t>黒河字三百野宅地1</t>
  </si>
  <si>
    <t>黒河_三百野_4049-5</t>
  </si>
  <si>
    <t>黒河_三百野_4050-2</t>
  </si>
  <si>
    <t>黒河_三百野_4057-2</t>
  </si>
  <si>
    <t>黒河字小谷雑種地1</t>
  </si>
  <si>
    <t>黒河_小谷_4667-2</t>
  </si>
  <si>
    <t>県民公園太閤山ランドプール</t>
  </si>
  <si>
    <t>黒河_高山_4960</t>
  </si>
  <si>
    <t>黒河_高山_4970</t>
  </si>
  <si>
    <t>黒河_高山_4971</t>
  </si>
  <si>
    <t>黒河_高山_4961</t>
  </si>
  <si>
    <t>黒河_高山_4962</t>
  </si>
  <si>
    <t>黒河_高山_4963</t>
  </si>
  <si>
    <t>黒河_高山_4965</t>
  </si>
  <si>
    <t>黒河_高山_4966</t>
  </si>
  <si>
    <t>黒河_高山_4967</t>
  </si>
  <si>
    <t>黒河_高山_4968</t>
  </si>
  <si>
    <t>黒河_高山_4969</t>
  </si>
  <si>
    <t>富山県立大学</t>
  </si>
  <si>
    <t>黒河_笹山_5036-4</t>
  </si>
  <si>
    <t>太閤町__24</t>
  </si>
  <si>
    <t>太閤町__137</t>
  </si>
  <si>
    <t>太閤町__164</t>
  </si>
  <si>
    <t>太閤町__165</t>
  </si>
  <si>
    <t>大門わかば幼稚園</t>
  </si>
  <si>
    <t>二口_油免_416-1</t>
  </si>
  <si>
    <t>二口_油免_419-1</t>
  </si>
  <si>
    <t>二口_油免_419-2</t>
  </si>
  <si>
    <t>二口_油免_424-1</t>
  </si>
  <si>
    <t>二口_油免_427-1</t>
  </si>
  <si>
    <t>二口_油免_432-1</t>
  </si>
  <si>
    <t>二口_油免_435-1</t>
  </si>
  <si>
    <t>二口_油免_440-1</t>
  </si>
  <si>
    <t>二口_油免_442-1</t>
  </si>
  <si>
    <t>黒河新字表野雑種地3</t>
  </si>
  <si>
    <t>黒河新_表野_126-5</t>
  </si>
  <si>
    <t>黒河新字三百野宅地1</t>
  </si>
  <si>
    <t>黒河新_三百野_222</t>
  </si>
  <si>
    <t>黒河新神明社</t>
  </si>
  <si>
    <t>黒河新_西山_4795-2</t>
  </si>
  <si>
    <t>黒河新_西山_4796-2</t>
  </si>
  <si>
    <t>黒河新_西山_4797-2</t>
  </si>
  <si>
    <t>黒河新字西山雑種地1</t>
  </si>
  <si>
    <t>黒河新_西山_4798-2</t>
  </si>
  <si>
    <t>黒河新_西山_4799-3</t>
  </si>
  <si>
    <t>大江コミュニティセンター</t>
  </si>
  <si>
    <t>大江__192-1</t>
  </si>
  <si>
    <t>大江__193</t>
  </si>
  <si>
    <t>大江__196</t>
  </si>
  <si>
    <t>大江__197</t>
  </si>
  <si>
    <t>大江__201</t>
  </si>
  <si>
    <t>大江__202-1</t>
  </si>
  <si>
    <t>長尾ﾆｭｰﾀｳﾝ児童遊園地</t>
  </si>
  <si>
    <t>黒河新_長尾_4917-11</t>
  </si>
  <si>
    <t>歌の森児童遊園地</t>
  </si>
  <si>
    <t>黒河新_長尾_4945-4</t>
  </si>
  <si>
    <t>新星町公民館</t>
  </si>
  <si>
    <t>中老田新_星丸_550-12</t>
  </si>
  <si>
    <t>新星町防火水槽跡地</t>
  </si>
  <si>
    <t>中老田新_星丸_550-15</t>
  </si>
  <si>
    <t>中老田新字星丸宅地1</t>
  </si>
  <si>
    <t>中老田新_星丸_550-24</t>
  </si>
  <si>
    <t>太閤町雑種地1</t>
  </si>
  <si>
    <t>太閤町__3</t>
  </si>
  <si>
    <t>太閤山１丁目雑種地2</t>
  </si>
  <si>
    <t>太閤山１丁目__40</t>
  </si>
  <si>
    <t>土代公民館</t>
  </si>
  <si>
    <t>土代_三度山_1388</t>
  </si>
  <si>
    <t>土代_宮ノ前_1664</t>
  </si>
  <si>
    <t>池多消防器具置場</t>
  </si>
  <si>
    <t>土代_三度山_873-3</t>
  </si>
  <si>
    <t>土代_三度山_873-7</t>
  </si>
  <si>
    <t>土代字三度山雑種地1</t>
  </si>
  <si>
    <t>土代_三度山_919-1</t>
  </si>
  <si>
    <t>県民公園太閤山ランド</t>
  </si>
  <si>
    <t>土代_女池_2948</t>
  </si>
  <si>
    <t>池多__330-1</t>
  </si>
  <si>
    <t>池多__338</t>
  </si>
  <si>
    <t>椎土字村上雑種地1</t>
  </si>
  <si>
    <t>椎土_村上_640-1</t>
  </si>
  <si>
    <t>山本新字背戸雑種地1</t>
  </si>
  <si>
    <t>山本新_背戸_488-3</t>
  </si>
  <si>
    <t>小杉北野字背戸雑種地1</t>
  </si>
  <si>
    <t>小杉北野_背戸_154-4</t>
  </si>
  <si>
    <t>消防本部・射水消防署</t>
  </si>
  <si>
    <t>橋下条__1513-1</t>
  </si>
  <si>
    <t>橋下条__1524-1</t>
  </si>
  <si>
    <t>橋下条__1585-1</t>
  </si>
  <si>
    <t>橋下条__1585-3</t>
  </si>
  <si>
    <t>橋下条__1586</t>
  </si>
  <si>
    <t>橋下条__1587</t>
  </si>
  <si>
    <t>橋下条__1588-1</t>
  </si>
  <si>
    <t>橋下条__1589-1</t>
  </si>
  <si>
    <t>橋下条__1589-3</t>
  </si>
  <si>
    <t>橋下条__1589-4</t>
  </si>
  <si>
    <t>橋下条__1590-1</t>
  </si>
  <si>
    <t>橋下条__1513-5</t>
  </si>
  <si>
    <t>橋下条__1591</t>
  </si>
  <si>
    <t>橋下条__1514-1</t>
  </si>
  <si>
    <t>橋下条__1515-1</t>
  </si>
  <si>
    <t>橋下条__1521-1</t>
  </si>
  <si>
    <t>橋下条__1521-5</t>
  </si>
  <si>
    <t>橋下条__1521-6</t>
  </si>
  <si>
    <t>橋下条__1522</t>
  </si>
  <si>
    <t>橋下条__1523</t>
  </si>
  <si>
    <t>太閤山公園</t>
  </si>
  <si>
    <t>太閤山４丁目__47</t>
  </si>
  <si>
    <t>北野会館</t>
  </si>
  <si>
    <t>小杉北野_背戸_35-2</t>
  </si>
  <si>
    <t>小杉北野_背戸_57</t>
  </si>
  <si>
    <t>池多__663</t>
  </si>
  <si>
    <t>日宮字寺山雑種地1</t>
  </si>
  <si>
    <t>日宮_寺山_153-1</t>
  </si>
  <si>
    <t>日宮_寺山_153-2</t>
  </si>
  <si>
    <t>日宮_寺山_154-1</t>
  </si>
  <si>
    <t>日宮_寺山_154-2</t>
  </si>
  <si>
    <t>日宮_寺山_155-1</t>
  </si>
  <si>
    <t>日宮_寺山_155-2</t>
  </si>
  <si>
    <t>池多宅地1</t>
  </si>
  <si>
    <t>池多__2-5</t>
  </si>
  <si>
    <t>池多雑種地1</t>
  </si>
  <si>
    <t>池多__353</t>
  </si>
  <si>
    <t>池多雑種地2</t>
  </si>
  <si>
    <t>池多__675</t>
  </si>
  <si>
    <t>池多雑種地3</t>
  </si>
  <si>
    <t>池多__796-2</t>
  </si>
  <si>
    <t>池多宅地2</t>
  </si>
  <si>
    <t>池多__906-2</t>
  </si>
  <si>
    <t>池多__907-2</t>
  </si>
  <si>
    <t>池多__908-2</t>
  </si>
  <si>
    <t>囲山公園</t>
  </si>
  <si>
    <t>太閤山９丁目__2</t>
  </si>
  <si>
    <t>みずほ農場（旧小杉町指定文化財）</t>
  </si>
  <si>
    <t>太閤山１丁目__114</t>
  </si>
  <si>
    <t>太閤山１丁目__116</t>
  </si>
  <si>
    <t>太閤山１丁目__117</t>
  </si>
  <si>
    <t>太閤山１丁目__130</t>
  </si>
  <si>
    <t>太閤山１丁目__131</t>
  </si>
  <si>
    <t>太閤山１丁目__132</t>
  </si>
  <si>
    <t>太閤山１丁目宅地3</t>
  </si>
  <si>
    <t>太閤山１丁目__84-2</t>
  </si>
  <si>
    <t>太閤山１丁目__92-4</t>
  </si>
  <si>
    <t>太閤山１丁目__124-3</t>
  </si>
  <si>
    <t>太閤山１丁目宅地4</t>
  </si>
  <si>
    <t>太閤山１丁目__85-2</t>
  </si>
  <si>
    <t>太閤山１丁目__86-2</t>
  </si>
  <si>
    <t>太閤山１丁目公園地1</t>
  </si>
  <si>
    <t>太閤山１丁目__16</t>
  </si>
  <si>
    <t>天池公園</t>
  </si>
  <si>
    <t>南太閤山１１丁目__110</t>
  </si>
  <si>
    <t>太閤山１丁目宅地1</t>
  </si>
  <si>
    <t>太閤山１丁目__57</t>
  </si>
  <si>
    <t>千成広場</t>
  </si>
  <si>
    <t>太閤山１丁目__6-1</t>
  </si>
  <si>
    <t>太閤山一丁目公民館</t>
  </si>
  <si>
    <t>太閤山１丁目__80-2</t>
  </si>
  <si>
    <t>太閤山１丁目__81-2</t>
  </si>
  <si>
    <t>太閤山郵便局貸付地</t>
  </si>
  <si>
    <t>太閤山１丁目__9</t>
  </si>
  <si>
    <t>二の井公園</t>
  </si>
  <si>
    <t>太閤山４丁目__3</t>
  </si>
  <si>
    <t>太閤山５丁目宅地1</t>
  </si>
  <si>
    <t>太閤山５丁目__79</t>
  </si>
  <si>
    <t>太閤山５丁目__88</t>
  </si>
  <si>
    <t>太閤山５丁目__89</t>
  </si>
  <si>
    <t>太閤山５丁目__90</t>
  </si>
  <si>
    <t>太閤山５丁目__91</t>
  </si>
  <si>
    <t>太閤山５丁目__92</t>
  </si>
  <si>
    <t>太閤山５丁目__93</t>
  </si>
  <si>
    <t>太閤山５丁目__94</t>
  </si>
  <si>
    <t>太閤山５丁目__95</t>
  </si>
  <si>
    <t>太閤山５丁目__96</t>
  </si>
  <si>
    <t>太閤山５丁目__97</t>
  </si>
  <si>
    <t>太閤山５丁目__80</t>
  </si>
  <si>
    <t>太閤山５丁目__98</t>
  </si>
  <si>
    <t>太閤山５丁目__99</t>
  </si>
  <si>
    <t>太閤山５丁目__100</t>
  </si>
  <si>
    <t>太閤山５丁目__101</t>
  </si>
  <si>
    <t>太閤山５丁目__81</t>
  </si>
  <si>
    <t>太閤山５丁目__82</t>
  </si>
  <si>
    <t>太閤山５丁目__83</t>
  </si>
  <si>
    <t>太閤山５丁目__84</t>
  </si>
  <si>
    <t>太閤山５丁目__85</t>
  </si>
  <si>
    <t>太閤山５丁目__86</t>
  </si>
  <si>
    <t>太閤山５丁目__87</t>
  </si>
  <si>
    <t>太閤山第五集会所</t>
  </si>
  <si>
    <t>太閤山６丁目__141</t>
  </si>
  <si>
    <t>ふれあい公園</t>
  </si>
  <si>
    <t>太閤山６丁目__142</t>
  </si>
  <si>
    <t>太閤山６丁目雑種地1</t>
  </si>
  <si>
    <t>太閤山６丁目__159</t>
  </si>
  <si>
    <t>大開公園</t>
  </si>
  <si>
    <t>中太閤山１６丁目__1</t>
  </si>
  <si>
    <t>太閤山７丁目雑種地1</t>
  </si>
  <si>
    <t>太閤山７丁目__104</t>
  </si>
  <si>
    <t>太閤山第２号緑地</t>
  </si>
  <si>
    <t>太閤山７丁目__98</t>
  </si>
  <si>
    <t>太閤山７丁目__99</t>
  </si>
  <si>
    <t>太閤山９丁目__1-2</t>
  </si>
  <si>
    <t>太閤山１０丁目雑種地1</t>
  </si>
  <si>
    <t>太閤山１０丁目__10</t>
  </si>
  <si>
    <t>市営太閤山１０丁目駐車場</t>
  </si>
  <si>
    <t>太閤山１０丁目__12-1</t>
  </si>
  <si>
    <t>太閤山第１号緑地</t>
  </si>
  <si>
    <t>太閤山１１丁目__1</t>
  </si>
  <si>
    <t>太閤山第３号緑地</t>
  </si>
  <si>
    <t>中太閤山２丁目__83</t>
  </si>
  <si>
    <t>中太閤山４丁目__1</t>
  </si>
  <si>
    <t>中太閤山４丁目__83</t>
  </si>
  <si>
    <t>中太閤山５丁目__1</t>
  </si>
  <si>
    <t>寿公園</t>
  </si>
  <si>
    <t>中太閤山３丁目__108</t>
  </si>
  <si>
    <t>日宮集会所</t>
  </si>
  <si>
    <t>中太閤山４丁目__45-16</t>
  </si>
  <si>
    <t>中太閤山４丁目__45-8</t>
  </si>
  <si>
    <t>日の宮公園</t>
  </si>
  <si>
    <t>中太閤山４丁目__82</t>
  </si>
  <si>
    <t>笹山集会場</t>
  </si>
  <si>
    <t>中太閤山５丁目__32</t>
  </si>
  <si>
    <t>笹山公園</t>
  </si>
  <si>
    <t>中太閤山６丁目__64</t>
  </si>
  <si>
    <t>きのこ公園</t>
  </si>
  <si>
    <t>中太閤山８丁目__74</t>
  </si>
  <si>
    <t>黒河公園</t>
  </si>
  <si>
    <t>中太閤山１１丁目__1</t>
  </si>
  <si>
    <t>大開集会所</t>
  </si>
  <si>
    <t>中太閤山１６丁目__102</t>
  </si>
  <si>
    <t>薬勝寺池公園</t>
  </si>
  <si>
    <t>中太閤山１９丁目__1</t>
  </si>
  <si>
    <t>中太閤山１９丁目__2</t>
  </si>
  <si>
    <t>中太閤山１９丁目__3</t>
  </si>
  <si>
    <t>中太閤山17丁目広場</t>
  </si>
  <si>
    <t>中太閤山１７丁目__1-34</t>
  </si>
  <si>
    <t>中太閤山１７丁目__1-35</t>
  </si>
  <si>
    <t>中太閤山18丁目用地</t>
  </si>
  <si>
    <t>中太閤山１８丁目__1-1</t>
  </si>
  <si>
    <t>赤坂公園</t>
  </si>
  <si>
    <t>南太閤山２丁目__3</t>
  </si>
  <si>
    <t>南太閤山３丁目雑種地1</t>
  </si>
  <si>
    <t>南太閤山３丁目__1-16</t>
  </si>
  <si>
    <t>花園公園</t>
  </si>
  <si>
    <t>南太閤山４丁目__108</t>
  </si>
  <si>
    <t>ひまわり公園</t>
  </si>
  <si>
    <t>南太閤山６丁目__37</t>
  </si>
  <si>
    <t>南太閤山８丁目公園地1</t>
  </si>
  <si>
    <t>南太閤山８丁目__40</t>
  </si>
  <si>
    <t>こすもす集会所</t>
  </si>
  <si>
    <t>南太閤山８丁目__41</t>
  </si>
  <si>
    <t>太閤山第６号緑地</t>
  </si>
  <si>
    <t>南太閤山８丁目__45</t>
  </si>
  <si>
    <t>南太閤山８丁目__46</t>
  </si>
  <si>
    <t>南太閤山１８丁目__1-1</t>
  </si>
  <si>
    <t>南太閤山９丁目宅地1</t>
  </si>
  <si>
    <t>南太閤山９丁目__69-1</t>
  </si>
  <si>
    <t>南太閤山９丁目雑種地1</t>
  </si>
  <si>
    <t>南太閤山９丁目__81-2</t>
  </si>
  <si>
    <t>太閤山第４号緑地</t>
  </si>
  <si>
    <t>南太閤山９丁目__82</t>
  </si>
  <si>
    <t>南太閤山１６丁目__1-1</t>
  </si>
  <si>
    <t>南太閤山１６丁目__2</t>
  </si>
  <si>
    <t>南太閤山１６丁目__3</t>
  </si>
  <si>
    <t>すべり台公園</t>
  </si>
  <si>
    <t>南太閤山９丁目__83</t>
  </si>
  <si>
    <t>若草集会所</t>
  </si>
  <si>
    <t>南太閤山１０丁目__51</t>
  </si>
  <si>
    <t>若草公園</t>
  </si>
  <si>
    <t>南太閤山１０丁目__56</t>
  </si>
  <si>
    <t>南太閤山１５丁目雑種地1</t>
  </si>
  <si>
    <t>南太閤山１２丁目__100</t>
  </si>
  <si>
    <t>南太閤山１５丁目__82</t>
  </si>
  <si>
    <t>すずらん集会所</t>
  </si>
  <si>
    <t>南太閤山１２丁目__40</t>
  </si>
  <si>
    <t>さくら集会所</t>
  </si>
  <si>
    <t>南太閤山１４丁目__80</t>
  </si>
  <si>
    <t>タイヤ公園</t>
  </si>
  <si>
    <t>南太閤山１５丁目__1</t>
  </si>
  <si>
    <t>太閤山第７号緑地</t>
  </si>
  <si>
    <t>南太閤山１９丁目__1-1</t>
  </si>
  <si>
    <t>南太閤山１９丁目__5-1</t>
  </si>
  <si>
    <t>南太閤山１９丁目__6-1</t>
  </si>
  <si>
    <t>南太閤山１９丁目__8</t>
  </si>
  <si>
    <t>大島中央公園</t>
  </si>
  <si>
    <t>新開発__248-1</t>
  </si>
  <si>
    <t>新開発__266-1</t>
  </si>
  <si>
    <t>新開発__270-3</t>
  </si>
  <si>
    <t>新開発__270-4</t>
  </si>
  <si>
    <t>新開発__271-1</t>
  </si>
  <si>
    <t>新開発__271-3</t>
  </si>
  <si>
    <t>新開発__272-1</t>
  </si>
  <si>
    <t>新開発__272-3</t>
  </si>
  <si>
    <t>新開発__273</t>
  </si>
  <si>
    <t>新開発__274</t>
  </si>
  <si>
    <t>新開発__275</t>
  </si>
  <si>
    <t>新開発__249-1</t>
  </si>
  <si>
    <t>新開発__276</t>
  </si>
  <si>
    <t>新開発__277</t>
  </si>
  <si>
    <t>新開発__278</t>
  </si>
  <si>
    <t>新開発__279</t>
  </si>
  <si>
    <t>新開発__280</t>
  </si>
  <si>
    <t>新開発__281</t>
  </si>
  <si>
    <t>新開発__282-1</t>
  </si>
  <si>
    <t>新開発__283-1</t>
  </si>
  <si>
    <t>新開発__283-2</t>
  </si>
  <si>
    <t>新開発__284</t>
  </si>
  <si>
    <t>新開発__251-1</t>
  </si>
  <si>
    <t>新開発__285</t>
  </si>
  <si>
    <t>新開発__286</t>
  </si>
  <si>
    <t>新開発__287</t>
  </si>
  <si>
    <t>新開発__288</t>
  </si>
  <si>
    <t>新開発__289</t>
  </si>
  <si>
    <t>新開発__290</t>
  </si>
  <si>
    <t>新開発__291-1</t>
  </si>
  <si>
    <t>新開発__291-2</t>
  </si>
  <si>
    <t>新開発__292-1</t>
  </si>
  <si>
    <t>新開発__292-2</t>
  </si>
  <si>
    <t>新開発__252-1</t>
  </si>
  <si>
    <t>新開発__411</t>
  </si>
  <si>
    <t>新開発__412</t>
  </si>
  <si>
    <t>新開発__413</t>
  </si>
  <si>
    <t>新開発__414-1</t>
  </si>
  <si>
    <t>新開発__427-1</t>
  </si>
  <si>
    <t>新開発__430-1</t>
  </si>
  <si>
    <t>新開発__431-1</t>
  </si>
  <si>
    <t>新開発__431-2</t>
  </si>
  <si>
    <t>新開発__434-1</t>
  </si>
  <si>
    <t>新開発__423-1</t>
  </si>
  <si>
    <t>新開発__255-1</t>
  </si>
  <si>
    <t>新開発__424</t>
  </si>
  <si>
    <t>新開発__425</t>
  </si>
  <si>
    <t>新開発__426</t>
  </si>
  <si>
    <t>新開発__256-1</t>
  </si>
  <si>
    <t>新開発__261-1</t>
  </si>
  <si>
    <t>新開発__262-1</t>
  </si>
  <si>
    <t>新開発__265-1</t>
  </si>
  <si>
    <t>東太閤山集会所</t>
  </si>
  <si>
    <t>東太閤山１丁目__104</t>
  </si>
  <si>
    <t>東太閤山１丁目雑種地1</t>
  </si>
  <si>
    <t>東太閤山１丁目__34</t>
  </si>
  <si>
    <t>東太閤山スポーツ公園</t>
  </si>
  <si>
    <t>東太閤山１丁目__64</t>
  </si>
  <si>
    <t>東太閤山団地処理場</t>
  </si>
  <si>
    <t>東太閤山１丁目__99</t>
  </si>
  <si>
    <t>東太閤山２丁目宅地2</t>
  </si>
  <si>
    <t>東太閤山２丁目__39</t>
  </si>
  <si>
    <t>東太閤山２丁目宅地1</t>
  </si>
  <si>
    <t>東太閤山２丁目__4</t>
  </si>
  <si>
    <t>東太閤山大通り公園</t>
  </si>
  <si>
    <t>東太閤山２丁目__64</t>
  </si>
  <si>
    <t>東太閤山２丁目宅地3</t>
  </si>
  <si>
    <t>東太閤山２丁目__79</t>
  </si>
  <si>
    <t>東太閤山中央公園</t>
  </si>
  <si>
    <t>東太閤山３丁目__14</t>
  </si>
  <si>
    <t>和田川リンリン公園</t>
  </si>
  <si>
    <t>二口_道山島_2567</t>
  </si>
  <si>
    <t>二口_道山島_2568</t>
  </si>
  <si>
    <t>二口_道山島_2569</t>
  </si>
  <si>
    <t>二口_道山島_2570</t>
  </si>
  <si>
    <t>二口_道山島_2571</t>
  </si>
  <si>
    <t>二口_道山島_2572</t>
  </si>
  <si>
    <t>二口_道山島_2573</t>
  </si>
  <si>
    <t>二口_道山島_2574</t>
  </si>
  <si>
    <t>東太閤山３丁目宅地1</t>
  </si>
  <si>
    <t>東太閤山３丁目__49</t>
  </si>
  <si>
    <t>東太閤山３丁目宅地2</t>
  </si>
  <si>
    <t>東太閤山３丁目__64</t>
  </si>
  <si>
    <t>東太閤山３丁目宅地3</t>
  </si>
  <si>
    <t>東太閤山３丁目__99</t>
  </si>
  <si>
    <t>東太閤山４丁目宅地1</t>
  </si>
  <si>
    <t>東太閤山４丁目__49</t>
  </si>
  <si>
    <t>一条東公園</t>
  </si>
  <si>
    <t>一条__18-14</t>
  </si>
  <si>
    <t>一条雑種地3</t>
  </si>
  <si>
    <t>一条__65</t>
  </si>
  <si>
    <t>一条宅地1</t>
  </si>
  <si>
    <t>一条__8-5</t>
  </si>
  <si>
    <t>一条西公園</t>
  </si>
  <si>
    <t>一条__8-9</t>
  </si>
  <si>
    <t>広上工業団地用地</t>
  </si>
  <si>
    <t>広上__1000-2</t>
  </si>
  <si>
    <t>広上__2000-23</t>
  </si>
  <si>
    <t>広上__2000-5</t>
  </si>
  <si>
    <t>広上__2000-6</t>
  </si>
  <si>
    <t>広上__2000-7</t>
  </si>
  <si>
    <t>広上__2000-11</t>
  </si>
  <si>
    <t>広上__2006-1</t>
  </si>
  <si>
    <t>上条__198-3</t>
  </si>
  <si>
    <t>土合__1-1</t>
  </si>
  <si>
    <t>広上__1000-9</t>
  </si>
  <si>
    <t>広上__1000-20</t>
  </si>
  <si>
    <t>広上__1000-21</t>
  </si>
  <si>
    <t>広上__1000-22</t>
  </si>
  <si>
    <t>広上__1000-28</t>
  </si>
  <si>
    <t>広上__1000-29</t>
  </si>
  <si>
    <t>広上__1005-1</t>
  </si>
  <si>
    <t>広上__2000-13</t>
  </si>
  <si>
    <t>広上宅地2</t>
  </si>
  <si>
    <t>広上__1286-2</t>
  </si>
  <si>
    <t>鉄道用地</t>
  </si>
  <si>
    <t>庄西町二丁目__33-5</t>
  </si>
  <si>
    <t>三ケ__2602-15</t>
  </si>
  <si>
    <t>三ケ__2602-16</t>
  </si>
  <si>
    <t>三ケ__2602-17</t>
  </si>
  <si>
    <t>三ケ__2602-18</t>
  </si>
  <si>
    <t>三ケ__2602-19</t>
  </si>
  <si>
    <t>三ケ__2602-34</t>
  </si>
  <si>
    <t>三ケ_中原_3957-4</t>
  </si>
  <si>
    <t>三ケ_中原_3958-1</t>
  </si>
  <si>
    <t>三ケ_中原_3962-1</t>
  </si>
  <si>
    <t>三ケ_中原_3962-3</t>
  </si>
  <si>
    <t>庄西町二丁目__40-2</t>
  </si>
  <si>
    <t>三ケ_中原_3963-1</t>
  </si>
  <si>
    <t>三ケ_中原_3964-1</t>
  </si>
  <si>
    <t>三ケ_中原_3965-1</t>
  </si>
  <si>
    <t>三ケ_中原_3966-1</t>
  </si>
  <si>
    <t>三ケ_中原_4105-8</t>
  </si>
  <si>
    <t>三ケ_中原_4105-10</t>
  </si>
  <si>
    <t>三ケ_中原_4129-15</t>
  </si>
  <si>
    <t>三ケ_中原_4129-11</t>
  </si>
  <si>
    <t>三ケ_中原_4687-3</t>
  </si>
  <si>
    <t>三ケ_中田_5445-3</t>
  </si>
  <si>
    <t>本町一丁目__300-4</t>
  </si>
  <si>
    <t>三ケ_中田_5455-4</t>
  </si>
  <si>
    <t>戸破_神明_595-7</t>
  </si>
  <si>
    <t>戸破_神明_595-8</t>
  </si>
  <si>
    <t>戸破_神明_595-9</t>
  </si>
  <si>
    <t>戸破_神明_615-4</t>
  </si>
  <si>
    <t>戸破_神明_615-7</t>
  </si>
  <si>
    <t>戸破_神明_615-8</t>
  </si>
  <si>
    <t>戸破_四反田_873-5</t>
  </si>
  <si>
    <t>戸破_後宝_1175-2</t>
  </si>
  <si>
    <t>戸破_後宝_1175-4</t>
  </si>
  <si>
    <t>本町二丁目__1008</t>
  </si>
  <si>
    <t>戸破_加茂_1978-2</t>
  </si>
  <si>
    <t>戸破_加茂_1997-4</t>
  </si>
  <si>
    <t>戸破_加茂_1997-5</t>
  </si>
  <si>
    <t>戸破_神川_3177-3</t>
  </si>
  <si>
    <t>戸破_神川_3177-4</t>
  </si>
  <si>
    <t>戸破_神川_3341-3</t>
  </si>
  <si>
    <t>手崎_八枚田_1275-4</t>
  </si>
  <si>
    <t>手崎_八枚田_1355-5</t>
  </si>
  <si>
    <t>手崎_若宮_1491-3</t>
  </si>
  <si>
    <t>手崎_中若宮_218-6</t>
  </si>
  <si>
    <t>桜町__105</t>
  </si>
  <si>
    <t>手崎_中若宮_252-7</t>
  </si>
  <si>
    <t>手崎_中若宮_252-8</t>
  </si>
  <si>
    <t>手崎_地蔵前_106-6</t>
  </si>
  <si>
    <t>手崎_長覚坊_130-4</t>
  </si>
  <si>
    <t>犬内_砂田_1-4</t>
  </si>
  <si>
    <t>犬内_砂田_10-2</t>
  </si>
  <si>
    <t>二口_光明寺_2980-5</t>
  </si>
  <si>
    <t>越の潟町__800-4</t>
  </si>
  <si>
    <t>三ケ__2595-13</t>
  </si>
  <si>
    <t>三ケ__2595-15</t>
  </si>
  <si>
    <t>三ケ__2595-16</t>
  </si>
  <si>
    <t>大門庁舎　南側連続照明引込柱　1730ﾍ2958ﾖﾘ</t>
  </si>
  <si>
    <t>__</t>
  </si>
  <si>
    <t>子ども子育て総合支援施設　外構</t>
  </si>
  <si>
    <t>子ども子育て総合支援センター　外構</t>
  </si>
  <si>
    <t>子ども子育て総合支援センター　公園遊具</t>
  </si>
  <si>
    <t>非常通報装置設置工事</t>
  </si>
  <si>
    <t>野村地内陥没補修工事</t>
  </si>
  <si>
    <t>庄西町一丁目地内舗装工事</t>
  </si>
  <si>
    <t>水戸田地内舗装補修工事</t>
  </si>
  <si>
    <t>生源寺外地内舗装補修工事</t>
  </si>
  <si>
    <t>久々湊外地内舗装補修工事</t>
  </si>
  <si>
    <t>太閤山５丁目外地内舗装補修工事</t>
  </si>
  <si>
    <t>新神楽川踏切歩道改良工事</t>
  </si>
  <si>
    <t>パークゴルフ南郷集水桝改修</t>
  </si>
  <si>
    <t>浅井コミュニティセンター　外構</t>
  </si>
  <si>
    <t>浅井コミュニティセンター排水溝設置工事</t>
  </si>
  <si>
    <t>浅井グラウンドバックネット設置工事</t>
  </si>
  <si>
    <t>小杉小学校　照明灯（増設）</t>
  </si>
  <si>
    <t>小杉小学校側溝グレーチング敷設外（その３）工事</t>
  </si>
  <si>
    <t>小杉小学校プール　ろ過機循環装置</t>
  </si>
  <si>
    <t>小杉小学校　北側駐車場</t>
  </si>
  <si>
    <t>小杉小学校　外構</t>
  </si>
  <si>
    <t>小杉小学校プール</t>
  </si>
  <si>
    <t>小杉小学校側溝グレーチング敷設外工事</t>
  </si>
  <si>
    <t>小杉小学校側溝グレーチング敷設外（その２）工事</t>
  </si>
  <si>
    <t>金山小学校　外周フェンス</t>
  </si>
  <si>
    <t>金山小学校プール</t>
  </si>
  <si>
    <t>金山小学校　放課後児童クラブ室前庇</t>
  </si>
  <si>
    <t>金山小学校プール塗装</t>
  </si>
  <si>
    <t>歌の森小学校プール　ろ過機</t>
  </si>
  <si>
    <t>歌の森小学校　太陽光発電パネル</t>
  </si>
  <si>
    <t>歌の森小学校プール</t>
  </si>
  <si>
    <t>射水市立歌の森小学校グラウンド改修</t>
  </si>
  <si>
    <t>歌の森小学校ロスナイ虫侵入防止ユニット取付</t>
  </si>
  <si>
    <t>小杉流通業務団地　調整池（排水施設）</t>
  </si>
  <si>
    <t>小杉流通業務団地　緑地</t>
  </si>
  <si>
    <t>中太閤山小学校プール</t>
  </si>
  <si>
    <t>中太閤山小学校間知ブロック倒壊防止ネット設置工事</t>
  </si>
  <si>
    <t>小杉中学校　自転車置場</t>
  </si>
  <si>
    <t>小杉中学校　外構</t>
  </si>
  <si>
    <t>新湊中学校　自転車置場</t>
  </si>
  <si>
    <t>新湊中学校　外構</t>
  </si>
  <si>
    <t>新湊中学校　テニス場</t>
  </si>
  <si>
    <t>新湊中学校野球グラウンド改修</t>
  </si>
  <si>
    <t>太閤山小学校プール</t>
  </si>
  <si>
    <t>下村小学校プール</t>
  </si>
  <si>
    <t>下村小学校グラウンドフェンス設置</t>
  </si>
  <si>
    <t>立町ポケットパーク　公園施設</t>
  </si>
  <si>
    <t>小杉西部保育園ブロック塀改修</t>
  </si>
  <si>
    <t>金山保育園すべり台新設工事</t>
  </si>
  <si>
    <t>大江保育園　駐車場</t>
  </si>
  <si>
    <t>池多保育園　砂場設置工事</t>
  </si>
  <si>
    <t>太閤山保育園　汚水ます</t>
  </si>
  <si>
    <t>千成保育園　駐車場</t>
  </si>
  <si>
    <t>いみず市民交流プラザ駐車場サイン設置工事</t>
  </si>
  <si>
    <t>いみず市民交流プラザ駐車場標示板設置工事</t>
  </si>
  <si>
    <t>いみず市民交流プラザ駐車場整備工事</t>
  </si>
  <si>
    <t>戸破地内　車止め（旧小杉庁舎跡地）</t>
  </si>
  <si>
    <t>大島南部公園整備工事</t>
  </si>
  <si>
    <t>大島南部公園遊具設置工事</t>
  </si>
  <si>
    <t>小杉体育館駐車場（旧射水市小杉勤労青少年ホーム跡地整備）</t>
  </si>
  <si>
    <t>大島小学校プール</t>
  </si>
  <si>
    <t>大島小学校グラウンド改修</t>
  </si>
  <si>
    <t>大島小学校井戸水中ポンプ取替</t>
  </si>
  <si>
    <t>大島小学校　駐車場</t>
  </si>
  <si>
    <t>大島小学校　外構</t>
  </si>
  <si>
    <t>グリーンパークだいもん　相撲場（改修）</t>
  </si>
  <si>
    <t>グリーンパークだいもん遊具改修</t>
  </si>
  <si>
    <t>グリーンパークだいもん遊具更新工事</t>
  </si>
  <si>
    <t>グリーンパークだいもん噴水遊具安全ポール設置</t>
  </si>
  <si>
    <t>グリーンパークだいもん相撲場外構整備工事</t>
  </si>
  <si>
    <t>グリーンパークだいもん防犯カメラ等設置工事</t>
  </si>
  <si>
    <t>歌の森運動公園駐車場整備2</t>
  </si>
  <si>
    <t>歌の森運動公園北側駐車場乗入口外仮舗装工事</t>
  </si>
  <si>
    <t>歌の森運動公園北側駐車場外舗装工事</t>
  </si>
  <si>
    <t>歌の森運動公園張芝工事</t>
  </si>
  <si>
    <t>歌の森運動公園迷路遊具更新工事</t>
  </si>
  <si>
    <t>歌の森運動公園防犯カメラ等設置工事</t>
  </si>
  <si>
    <t>歌の森運動公園駐車場案内看板設置工事</t>
  </si>
  <si>
    <t>歌の森運動公園園内案内看板設置工事</t>
  </si>
  <si>
    <t>歌の森運動公園平和都市宣言看板設置工事</t>
  </si>
  <si>
    <t>歌の森運動公園すごろく広場遊具更新工事</t>
  </si>
  <si>
    <t>歌の森運動公園駐車場整備</t>
  </si>
  <si>
    <t>歌の森運動公園高圧ケーブル更新工事</t>
  </si>
  <si>
    <t>歌の森運動公園植栽照明設置工事</t>
  </si>
  <si>
    <t>歌の森運動公園遊具更新工事</t>
  </si>
  <si>
    <t>歌の森運動公園バスケットコート防護マット取付</t>
  </si>
  <si>
    <t>歌の森運動公園駐車場整備3</t>
  </si>
  <si>
    <t>歌の森運動公園西側駐車場整備工事</t>
  </si>
  <si>
    <t>歌の森運動公園北側駐車場外改修工事</t>
  </si>
  <si>
    <t>歌の森運動公園テナント用受変電設備設置工事</t>
  </si>
  <si>
    <t>小杉文化ホール駐車場</t>
  </si>
  <si>
    <t>小杉文化ホール照明灯</t>
  </si>
  <si>
    <t>田町緑地　遊具</t>
  </si>
  <si>
    <t>戸破神明すぎの森公園地内防犯カメラ等設置工事</t>
  </si>
  <si>
    <t>布目庁舎別館高圧引込ケーブル更新工事</t>
  </si>
  <si>
    <t>大門中学校プール</t>
  </si>
  <si>
    <t>港町市営住宅　津波避難所</t>
  </si>
  <si>
    <t>櫛田グラウンド　防球ﾈｯﾄ設備</t>
  </si>
  <si>
    <t>八幡市営住宅1号棟給水管改修</t>
  </si>
  <si>
    <t>新湊中央文化会館　照明施設</t>
  </si>
  <si>
    <t>新湊中央文化会館　誘導案内標識</t>
  </si>
  <si>
    <t>新湊中央文化会館大ホール照明用ボーダーケーブル更新工事</t>
  </si>
  <si>
    <t>大島中央公園グラウンド照明</t>
  </si>
  <si>
    <t>庄西市営住宅　ゴミ集積場フェンス</t>
  </si>
  <si>
    <t>川の駅新湊　案内看板</t>
  </si>
  <si>
    <t>川の駅新湊　駐車場</t>
  </si>
  <si>
    <t>学校給食センター　外構</t>
  </si>
  <si>
    <t>放生津小学校　太陽光発電パネル</t>
  </si>
  <si>
    <t>放生津小学校　防球ネット</t>
  </si>
  <si>
    <t>放生津小学校　ジャングルジム</t>
  </si>
  <si>
    <t>放生津小学校プール</t>
  </si>
  <si>
    <t>放生津小学校プール　女子更衣室フェンス</t>
  </si>
  <si>
    <t>新湊小学校プール</t>
  </si>
  <si>
    <t>新湊小学校ジャングルジム設置</t>
  </si>
  <si>
    <t>新湊小学校小プール漏水補償</t>
  </si>
  <si>
    <t>作道小学校　外構</t>
  </si>
  <si>
    <t>作道小学校プール</t>
  </si>
  <si>
    <t>作道小学校　プール（塗装）</t>
  </si>
  <si>
    <t>作道小学校正面昇降口側溝グレーチング取替工事</t>
  </si>
  <si>
    <t>片口小学校屋内運動場　外構</t>
  </si>
  <si>
    <t>片口小学校　中庭雨水排水</t>
  </si>
  <si>
    <t>片口小学校　外構</t>
  </si>
  <si>
    <t>片口小学校プール</t>
  </si>
  <si>
    <t>片口小学校グラウンド水栓柱取付</t>
  </si>
  <si>
    <t>片口小学校高圧引込ケーブル更新工事</t>
  </si>
  <si>
    <t>堀岡小学校　太陽光発電パネル</t>
  </si>
  <si>
    <t>堀岡小学校　グラウンド夜間照明設備</t>
  </si>
  <si>
    <t>夜間照明設備</t>
  </si>
  <si>
    <t>東明小学校　外構</t>
  </si>
  <si>
    <t>東明小学校　配膳室前コンクリート舗装</t>
  </si>
  <si>
    <t>東明小学校プール</t>
  </si>
  <si>
    <t>塚原小学校　外構</t>
  </si>
  <si>
    <t>塚原小学校プール</t>
  </si>
  <si>
    <t>塚原小学校グラウンド改修</t>
  </si>
  <si>
    <t>新湊南部中学校　外構（増改築）</t>
  </si>
  <si>
    <t>新湊南部中学校　屋外運動場及び外構</t>
  </si>
  <si>
    <t>新湊南部中学校　植栽（増改築）</t>
  </si>
  <si>
    <t>新湊南部中学校　植栽</t>
  </si>
  <si>
    <t>新湊南部中学校グラウンド防砂ネット設置</t>
  </si>
  <si>
    <t>射北中学校　駐輪場（増設）</t>
  </si>
  <si>
    <t>射北中学校　防球ネット</t>
  </si>
  <si>
    <t>射北中学校　自転車置場（改修）</t>
  </si>
  <si>
    <t>射北中学校　外構</t>
  </si>
  <si>
    <t>射北中学校グラウンド改修</t>
  </si>
  <si>
    <t>本江幼稚園　ネットフェンス</t>
  </si>
  <si>
    <t>新湊総合体育館監視カメラ設備</t>
  </si>
  <si>
    <t>新湊総合体育館武道館監視カメラ</t>
  </si>
  <si>
    <t>射水市新湊テニスコート改修</t>
  </si>
  <si>
    <t>サン・ビレッジ新湊　グラウンド照明設備</t>
  </si>
  <si>
    <t>庄西コミュニティセンター　外構</t>
  </si>
  <si>
    <t>避難誘導看板（庄西コミュニティセンター）</t>
  </si>
  <si>
    <t>作道コミュニティセンター　駐車場</t>
  </si>
  <si>
    <t>作道コミュニティセンター　駐車場（改修）</t>
  </si>
  <si>
    <t>塚原コミュニティセンター　外構</t>
  </si>
  <si>
    <t>射水市塚原コミュニティセンター駐車場照明器具取替</t>
  </si>
  <si>
    <t>本江コミュニティセンター　駐車場</t>
  </si>
  <si>
    <t>下村パークゴルフ場　木橋</t>
  </si>
  <si>
    <t>下村パークゴルフ場　散水栓</t>
  </si>
  <si>
    <t>針原企業団地　調整池（調整池、沈砂池）</t>
  </si>
  <si>
    <t>港町地内　高潮対策施設</t>
  </si>
  <si>
    <t>高潮対策システムハードディスク</t>
  </si>
  <si>
    <t>内川高潮対策　ポンプゲート</t>
  </si>
  <si>
    <t>内川高潮対策　常設ポンプ</t>
  </si>
  <si>
    <t>内川高潮対策　遠隔監視ｼｽﾃﾑ</t>
  </si>
  <si>
    <t>内川高潮対策　カメラシステム</t>
  </si>
  <si>
    <t>内川防災ライブカメラシステム</t>
  </si>
  <si>
    <t>高潮対策　安全柵</t>
  </si>
  <si>
    <t>日宮地区急傾斜地　崩壊対策吹付法枠工</t>
  </si>
  <si>
    <t>日宮地区急傾斜地崩壊対策　吹付法枠工</t>
  </si>
  <si>
    <t>日宮地区急傾斜地崩壊対策吹付法枠工</t>
  </si>
  <si>
    <t>日宮地区急傾斜地崩壊対策吹付法枠工工事</t>
  </si>
  <si>
    <t>二口観測所　地下水観測井ほか</t>
  </si>
  <si>
    <t>下条観測所　地下水観測井ほか</t>
  </si>
  <si>
    <t>広上観測所　地下水観測井ほか</t>
  </si>
  <si>
    <t>串田観測所　地下水観測井ほか</t>
  </si>
  <si>
    <t>新庁舎　職員駐車場</t>
  </si>
  <si>
    <t>市庁舎　外構（付帯）</t>
  </si>
  <si>
    <t>職員専用駐車場内注意看板</t>
  </si>
  <si>
    <t>庁舎外構（建築、電気、機械）　</t>
  </si>
  <si>
    <t>いさりび緑道　照明灯</t>
  </si>
  <si>
    <t>コミュニティバス待機所</t>
  </si>
  <si>
    <t>コミュニティバス待合所</t>
  </si>
  <si>
    <t>下条川散策路　車止</t>
  </si>
  <si>
    <t>大江外地内下条川散策路ベンチ設置工事</t>
  </si>
  <si>
    <t>下条川散策路　照明灯</t>
  </si>
  <si>
    <t>下条川散策路　散策路施設</t>
  </si>
  <si>
    <t>下条川散策路　散策路（舗装）</t>
  </si>
  <si>
    <t>下条川散策路　照明灯（その2）</t>
  </si>
  <si>
    <t>防犯灯GID_19715</t>
  </si>
  <si>
    <t>道路照明灯GID_19881</t>
  </si>
  <si>
    <t>街路灯GID_20041</t>
  </si>
  <si>
    <t>道路照明灯GID_20049</t>
  </si>
  <si>
    <t>道路照明灯GID_21589</t>
  </si>
  <si>
    <t>道路照明灯GID_22187</t>
  </si>
  <si>
    <t>道路照明灯GID_22615</t>
  </si>
  <si>
    <t>道路照明灯GID_22631</t>
  </si>
  <si>
    <t>道路照明灯GID_23053</t>
  </si>
  <si>
    <t>道路照明灯GID_23059</t>
  </si>
  <si>
    <t>防犯灯GID_2243</t>
  </si>
  <si>
    <t>道路照明灯GID_23747</t>
  </si>
  <si>
    <t>道路照明灯GID_23769</t>
  </si>
  <si>
    <t>防犯灯GID_24643</t>
  </si>
  <si>
    <t>道路照明灯GID_24911</t>
  </si>
  <si>
    <t>道路照明灯GID_24913</t>
  </si>
  <si>
    <t>道路照明灯GID_25785</t>
  </si>
  <si>
    <t>防犯灯GID_26299</t>
  </si>
  <si>
    <t>防犯灯GID_28535</t>
  </si>
  <si>
    <t>防犯灯GID_28603</t>
  </si>
  <si>
    <t>防犯灯GID_28607</t>
  </si>
  <si>
    <t>防犯灯GID_28613</t>
  </si>
  <si>
    <t>防犯灯GID_28629</t>
  </si>
  <si>
    <t>防犯灯GID_28633</t>
  </si>
  <si>
    <t>防犯灯GID_28635</t>
  </si>
  <si>
    <t>防犯灯GID_28637</t>
  </si>
  <si>
    <t>防犯灯GID_28641</t>
  </si>
  <si>
    <t>防犯灯GID_28643</t>
  </si>
  <si>
    <t>防犯灯GID_28685</t>
  </si>
  <si>
    <t>防犯灯GID_28885</t>
  </si>
  <si>
    <t>防犯灯GID_28887</t>
  </si>
  <si>
    <t>防犯灯GID_28889</t>
  </si>
  <si>
    <t>防犯灯GID_28891</t>
  </si>
  <si>
    <t>防犯灯GID_28893</t>
  </si>
  <si>
    <t>防犯灯GID_28895</t>
  </si>
  <si>
    <t>道路照明灯GID_28915</t>
  </si>
  <si>
    <t>防犯灯GID_29033</t>
  </si>
  <si>
    <t>防犯灯GID_29143</t>
  </si>
  <si>
    <t>防犯灯GID_29145</t>
  </si>
  <si>
    <t>防犯灯GID_29147</t>
  </si>
  <si>
    <t>防犯灯GID_29149</t>
  </si>
  <si>
    <t>防犯灯GID_29151</t>
  </si>
  <si>
    <t>防犯灯GID_29153</t>
  </si>
  <si>
    <t>防犯灯GID_29155</t>
  </si>
  <si>
    <t>防犯灯GID_29157</t>
  </si>
  <si>
    <t>防犯灯GID_29159</t>
  </si>
  <si>
    <t>防犯灯GID_29161</t>
  </si>
  <si>
    <t>防犯灯GID_29163</t>
  </si>
  <si>
    <t>防犯灯GID_29165</t>
  </si>
  <si>
    <t>防犯灯GID_29167</t>
  </si>
  <si>
    <t>防犯灯GID_29169</t>
  </si>
  <si>
    <t>防犯灯GID_29171</t>
  </si>
  <si>
    <t>防犯灯GID_29445</t>
  </si>
  <si>
    <t>防犯灯GID_29447</t>
  </si>
  <si>
    <t>防犯灯GID_29531</t>
  </si>
  <si>
    <t>防犯灯GID_29617</t>
  </si>
  <si>
    <t>防犯灯GID_29619</t>
  </si>
  <si>
    <t>防犯灯GID_29621</t>
  </si>
  <si>
    <t>防犯灯GID_29627</t>
  </si>
  <si>
    <t>防犯灯GID_29629</t>
  </si>
  <si>
    <t>防犯灯GID_29631</t>
  </si>
  <si>
    <t>防犯灯GID_29635</t>
  </si>
  <si>
    <t>防犯灯GID_29651</t>
  </si>
  <si>
    <t>防犯灯GID_29707</t>
  </si>
  <si>
    <t>防犯灯GID_29709</t>
  </si>
  <si>
    <t>防犯灯GID_29713</t>
  </si>
  <si>
    <t>防犯灯GID_29735</t>
  </si>
  <si>
    <t>防犯灯GID_29741</t>
  </si>
  <si>
    <t>防犯灯GID_29949</t>
  </si>
  <si>
    <t>防犯灯GID_29975</t>
  </si>
  <si>
    <t>防犯灯GID_29983</t>
  </si>
  <si>
    <t>防犯灯GID_29995</t>
  </si>
  <si>
    <t>防犯灯GID_30019</t>
  </si>
  <si>
    <t>防犯灯GID_30075</t>
  </si>
  <si>
    <t>防犯灯GID_30077</t>
  </si>
  <si>
    <t>防犯灯GID_30079</t>
  </si>
  <si>
    <t>防犯灯GID_30081</t>
  </si>
  <si>
    <t>防犯灯GID_30083</t>
  </si>
  <si>
    <t>防犯灯GID_30085</t>
  </si>
  <si>
    <t>防犯灯GID_30087</t>
  </si>
  <si>
    <t>防犯灯GID_30089</t>
  </si>
  <si>
    <t>防犯灯GID_30091</t>
  </si>
  <si>
    <t>防犯灯GID_30093</t>
  </si>
  <si>
    <t>防犯灯GID_30095</t>
  </si>
  <si>
    <t>防犯灯GID_30097</t>
  </si>
  <si>
    <t>防犯灯GID_30099</t>
  </si>
  <si>
    <t>防犯灯GID_30101</t>
  </si>
  <si>
    <t>防犯灯GID_30103</t>
  </si>
  <si>
    <t>防犯灯GID_30105</t>
  </si>
  <si>
    <t>防犯灯GID_30107</t>
  </si>
  <si>
    <t>防犯灯GID_30109</t>
  </si>
  <si>
    <t>防犯灯GID_30111</t>
  </si>
  <si>
    <t>防犯灯GID_30113</t>
  </si>
  <si>
    <t>防犯灯GID_30115</t>
  </si>
  <si>
    <t>防犯灯GID_30117</t>
  </si>
  <si>
    <t>防犯灯GID_30119</t>
  </si>
  <si>
    <t>防犯灯GID_30121</t>
  </si>
  <si>
    <t>防犯灯GID_30123</t>
  </si>
  <si>
    <t>防犯灯GID_30125</t>
  </si>
  <si>
    <t>防犯灯GID_30127</t>
  </si>
  <si>
    <t>防犯灯GID_30129</t>
  </si>
  <si>
    <t>防犯灯GID_30131</t>
  </si>
  <si>
    <t>防犯灯GID_30133</t>
  </si>
  <si>
    <t>防犯灯GID_30135</t>
  </si>
  <si>
    <t>防犯灯GID_30137</t>
  </si>
  <si>
    <t>防犯灯GID_30139</t>
  </si>
  <si>
    <t>防犯灯GID_30141</t>
  </si>
  <si>
    <t>防犯灯GID_30143</t>
  </si>
  <si>
    <t>防犯灯GID_30149</t>
  </si>
  <si>
    <t>防犯灯GID_30177</t>
  </si>
  <si>
    <t>防犯灯GID_30179</t>
  </si>
  <si>
    <t>防犯灯GID_30243</t>
  </si>
  <si>
    <t>防犯灯GID_30369</t>
  </si>
  <si>
    <t>道路照明灯GID_30385</t>
  </si>
  <si>
    <t>道路照明灯GID_30387</t>
  </si>
  <si>
    <t>道路照明灯GID_30389</t>
  </si>
  <si>
    <t>道路照明灯GID_30391</t>
  </si>
  <si>
    <t>道路照明灯GID_30393</t>
  </si>
  <si>
    <t>道路照明灯GID_30395</t>
  </si>
  <si>
    <t>防犯灯GID_30525</t>
  </si>
  <si>
    <t>市道金山315号線　防犯灯</t>
  </si>
  <si>
    <t>市道塚原135号線　道路照明</t>
  </si>
  <si>
    <t>市道久々湊殿村線道路照明灯</t>
  </si>
  <si>
    <t>防犯灯GID_30725、30711、30713、30715、30717、30719、30721、30723</t>
  </si>
  <si>
    <t>道路照明灯GID_24657、24647、24645</t>
  </si>
  <si>
    <t>防犯灯GID_30783、30785、30787</t>
  </si>
  <si>
    <t>道路照明灯GID_18785</t>
  </si>
  <si>
    <t>防犯灯GID_30811、30813</t>
  </si>
  <si>
    <t>防犯灯GID_21131</t>
  </si>
  <si>
    <t>防犯灯GID_30865、30869、30867、30863</t>
  </si>
  <si>
    <t>防犯灯GID_30871、30861</t>
  </si>
  <si>
    <t>防犯灯GID_30887、30889、30891</t>
  </si>
  <si>
    <t>防犯灯GID_30743、30745、30747、30749、30751、30753、30761</t>
  </si>
  <si>
    <t>防犯灯GID_30661</t>
  </si>
  <si>
    <t>防犯灯GID_30755、30757、30759</t>
  </si>
  <si>
    <t>防犯灯GID_30665、30667、30669</t>
  </si>
  <si>
    <t>防犯灯GID_30677、30679、30681</t>
  </si>
  <si>
    <t>防犯灯GID_30685、30683、30687、30689</t>
  </si>
  <si>
    <t>防犯灯GID_30691、30693、30695</t>
  </si>
  <si>
    <t>防犯灯GID_30699</t>
  </si>
  <si>
    <t>防犯灯GID_30709、30705、30707</t>
  </si>
  <si>
    <t>防犯灯GID_30781</t>
  </si>
  <si>
    <t>防犯灯GID_30733、30735</t>
  </si>
  <si>
    <t>防犯灯GID_30895</t>
  </si>
  <si>
    <t>防犯灯GID_30877、30879、30881、30883</t>
  </si>
  <si>
    <t>防犯灯GID_30875</t>
  </si>
  <si>
    <t>防犯灯GID_30897</t>
  </si>
  <si>
    <t>道路照明灯GID_24643、24661</t>
  </si>
  <si>
    <t>作道地内防犯灯設置</t>
  </si>
  <si>
    <t>本田地内外防犯灯新設</t>
  </si>
  <si>
    <t>櫛田地区外電柱共架ＬＥＤ防犯灯設置</t>
  </si>
  <si>
    <t>塚原地区外電柱共架ＬＥＤ防犯灯設置</t>
  </si>
  <si>
    <t>戸破地区外電柱共架LED防犯灯設置</t>
  </si>
  <si>
    <t>中太閤山4丁目地内防犯灯建替</t>
  </si>
  <si>
    <t>南太閤山1丁目地内防犯灯設置</t>
  </si>
  <si>
    <t>中太閤山・南太閤山地区 防犯灯設置</t>
  </si>
  <si>
    <t>片口地内防犯灯設置</t>
  </si>
  <si>
    <t>黒河・池多地区 LED防犯灯設置</t>
  </si>
  <si>
    <t>中太閤山15丁目地内防犯灯設置</t>
  </si>
  <si>
    <t>久々江地内防犯灯設置</t>
  </si>
  <si>
    <t>橋下条赤田外地内 LED防犯灯設置</t>
  </si>
  <si>
    <t>土合地内防犯灯設置</t>
  </si>
  <si>
    <t>新開発地内 防犯灯新設</t>
  </si>
  <si>
    <t>浅井・大門地区 LED防犯灯設置</t>
  </si>
  <si>
    <t>大島地区 LED防犯灯設置</t>
  </si>
  <si>
    <t>三ケ地区 LED防犯灯設置</t>
  </si>
  <si>
    <t>海老江地区 LED防犯灯設置</t>
  </si>
  <si>
    <t>本江地区　防犯灯新設設置</t>
  </si>
  <si>
    <t>中央町地内 道路照明灯新設</t>
  </si>
  <si>
    <t>北高木地内外防犯灯設置</t>
  </si>
  <si>
    <t>防犯灯LED化工事　　塚原・作道地区</t>
  </si>
  <si>
    <t>防犯灯LED化工事　庄西・放生津地区</t>
  </si>
  <si>
    <t>防犯灯LED化工事　戸破・太閤山地区</t>
  </si>
  <si>
    <t>防犯灯LED化工事　下南部地区</t>
  </si>
  <si>
    <t>防犯灯LED化工事　橋下条・金山地区</t>
  </si>
  <si>
    <t>防犯灯LED化工事　浅井地区</t>
  </si>
  <si>
    <t>防犯灯LED化工事　海老江地区</t>
  </si>
  <si>
    <t>海老江地内防犯灯ポール建替</t>
  </si>
  <si>
    <t>防犯灯LED化工事　二口地区</t>
  </si>
  <si>
    <t>防犯灯LED化工事　大島東部地区</t>
  </si>
  <si>
    <t>防犯灯LED化工事　三ケ地区</t>
  </si>
  <si>
    <t>戸破地内防犯灯設置</t>
  </si>
  <si>
    <t>防犯灯LED化工事　大江地区</t>
  </si>
  <si>
    <t>防犯灯LED化工事　大島西部地区</t>
  </si>
  <si>
    <t>防犯灯LED化工事　堀岡地区</t>
  </si>
  <si>
    <t>防犯灯LED化工事　中・南太閤山地区</t>
  </si>
  <si>
    <t>防犯灯LED化工事　黒河・池多地区</t>
  </si>
  <si>
    <t>防犯灯LED化工事　七美・堀岡地区</t>
  </si>
  <si>
    <t>防犯灯LED化工事　加茂地区</t>
  </si>
  <si>
    <t>防犯灯LED化工事　放生津地区　その２</t>
  </si>
  <si>
    <t>防犯灯LED化工事　三ケ地区　その２</t>
  </si>
  <si>
    <t>防犯灯LED化工事　水戸田地区　その２</t>
  </si>
  <si>
    <t>防犯灯LED化工事　浅井・櫛田地区　その２</t>
  </si>
  <si>
    <t>防犯灯LED化工事　橋下条地区　その２</t>
  </si>
  <si>
    <t>防犯灯LED化工事　中太閤山地区　その２</t>
  </si>
  <si>
    <t>太閤山地内（中山公園）防犯灯設置</t>
  </si>
  <si>
    <t>庄西町二丁目地内防犯灯新設</t>
  </si>
  <si>
    <t>朴木地内防犯灯新設</t>
  </si>
  <si>
    <t>沖塚原地内防犯灯新設</t>
  </si>
  <si>
    <t>大江地内防犯灯新設</t>
  </si>
  <si>
    <t>寺塚原地内防犯灯新設工事</t>
  </si>
  <si>
    <t>小島２区地内防犯灯新設工事</t>
  </si>
  <si>
    <t>中太閤山１７丁目地内防犯灯新設工事</t>
  </si>
  <si>
    <t>太閤山４丁目地内防犯灯新設工事</t>
  </si>
  <si>
    <t>太閤山６丁目地内防犯灯新設工事</t>
  </si>
  <si>
    <t>下条川散策路ガーデンライト配線取替工事</t>
  </si>
  <si>
    <t>海老江（東町）地内防犯灯新設工事</t>
  </si>
  <si>
    <t>棚田地内防犯灯新設工事</t>
  </si>
  <si>
    <t>金山地内防犯灯新設工事</t>
  </si>
  <si>
    <t>戸破(針原ﾃｸﾉﾊﾟｰｸ)地内防犯灯設置工事</t>
  </si>
  <si>
    <t>橋下条(二の井)地内防犯灯設置工事</t>
  </si>
  <si>
    <t>塚原・作道・片口・新湊地区電柱共架LED防犯灯設置</t>
  </si>
  <si>
    <t>作道・野村地内防犯灯設置</t>
  </si>
  <si>
    <t>橋下条・金山地区 電柱共架LED防犯灯設置</t>
  </si>
  <si>
    <t>櫛田・水戸田・二口・大島地区電柱共架LED防犯灯設置</t>
  </si>
  <si>
    <t>浅井報徳地区電柱共架LED防犯灯設置工事</t>
  </si>
  <si>
    <t>三ケ(水源町)地内防犯灯設置工事</t>
  </si>
  <si>
    <t>三ケ地区 電柱共架LED防犯灯設置</t>
  </si>
  <si>
    <t>二口(緑ヶ丘)地内防犯灯設置</t>
  </si>
  <si>
    <t>中野・若杉地内 電柱共架LED防犯灯設置</t>
  </si>
  <si>
    <t>黒河・池多地区 電柱共架LED防犯灯設置</t>
  </si>
  <si>
    <t>白石地内 電柱共架LED防犯灯設置</t>
  </si>
  <si>
    <t>戸破・太閤山・大江地区 電柱共架LED防犯灯設置</t>
  </si>
  <si>
    <t>七美中野地内 電柱共架LED防犯灯設置</t>
  </si>
  <si>
    <t>中太閤山11丁目地内 電柱共架LED防犯灯設置</t>
  </si>
  <si>
    <t>戸破地区 電柱共架LED防犯灯設置工事</t>
  </si>
  <si>
    <t>今開発地内 電柱共架LED防犯灯設置工事</t>
  </si>
  <si>
    <t>棚田地内 電柱共架LED防犯灯設置工事</t>
  </si>
  <si>
    <t>海老江地区 電柱共架LED防犯灯設置工事</t>
  </si>
  <si>
    <t>中太閤山7丁目地内 電柱共架LED防犯灯設置工事</t>
  </si>
  <si>
    <t>小島1区地内 電柱共架LED防犯灯設置工事</t>
  </si>
  <si>
    <t>新生町地内 電柱共架LED防犯灯設置工事</t>
  </si>
  <si>
    <t>作道・塚原・片口地区 電柱共架LED防犯灯設置工事</t>
  </si>
  <si>
    <t>浅井地区 電柱共架LED防犯灯設置工事</t>
  </si>
  <si>
    <t>庄西2丁目(中伏木)地内 電柱共架LED防犯灯設置工事</t>
  </si>
  <si>
    <t>櫛田・大島地区 電柱共架LED防犯灯設置工事（単価契約済）</t>
  </si>
  <si>
    <t>橋下条・金山地区 電柱共架LED防犯灯設置工事（単価契約済）</t>
  </si>
  <si>
    <t>中村地内 LED防犯灯設置工事</t>
  </si>
  <si>
    <t>二の丸町地内 電柱共架LED防犯灯設置工事（単価契約済）</t>
  </si>
  <si>
    <t>黒河地区 電柱共架LED防犯灯設置工事（単価契約済）</t>
  </si>
  <si>
    <t>戸破地区 電柱共架LED防犯灯設置工事（単価契約済）</t>
  </si>
  <si>
    <t>小島(小島2区)地内 LED防犯灯設置工事</t>
  </si>
  <si>
    <t>大島地区 電柱共架LED防犯灯設置工事（単価契約済）</t>
  </si>
  <si>
    <t>海老江七軒地内 電柱共架LED防犯灯設置工事（単価契約済）</t>
  </si>
  <si>
    <t>鏡宮地内 防犯灯設置工事</t>
  </si>
  <si>
    <t>七美地内 LED防犯灯設置工事</t>
  </si>
  <si>
    <t>市井地内 ｱﾝﾀﾞｰﾊﾟｽLED防犯灯設置工事</t>
  </si>
  <si>
    <t>西高木地内 LED防犯灯設置工事</t>
  </si>
  <si>
    <t>坂東地内 LED防犯灯設置工事</t>
  </si>
  <si>
    <t>防犯灯GID_13169</t>
  </si>
  <si>
    <t>防犯灯GID_13287</t>
  </si>
  <si>
    <t>防犯灯GID_14717</t>
  </si>
  <si>
    <t>防犯灯GID_14719</t>
  </si>
  <si>
    <t>防犯灯GID_14935</t>
  </si>
  <si>
    <t>道路照明灯GID_16129</t>
  </si>
  <si>
    <t>道路照明灯GID_16167</t>
  </si>
  <si>
    <t>道路照明灯GID_18039</t>
  </si>
  <si>
    <t>道路照明灯GID_18139</t>
  </si>
  <si>
    <t>道路照明灯GID_18339</t>
  </si>
  <si>
    <t>道路照明灯GID_18763</t>
  </si>
  <si>
    <t>道路照明灯GID_18845</t>
  </si>
  <si>
    <t>道路照明灯GID_18895</t>
  </si>
  <si>
    <t>道路照明灯GID_19623</t>
  </si>
  <si>
    <t>屋外避難誘導標識</t>
  </si>
  <si>
    <t>小杉地区情報案内板その１</t>
  </si>
  <si>
    <t>小杉地区情報案内板その２</t>
  </si>
  <si>
    <t>中新湊駅　周辺総合案内板</t>
  </si>
  <si>
    <t>新町口駅　周辺総合案内板</t>
  </si>
  <si>
    <t>津波避難施設表示看板</t>
  </si>
  <si>
    <t>海水浴場案内板</t>
  </si>
  <si>
    <t>避難誘導標識</t>
  </si>
  <si>
    <t>外国語観光サイン標識板</t>
  </si>
  <si>
    <t>外国語観光サイン標識板（海老江海浜公園）</t>
  </si>
  <si>
    <t>海抜表示板_市指定避難所等（市内10箇所）</t>
  </si>
  <si>
    <t>市道片口36号線外　交通安全施設</t>
  </si>
  <si>
    <t>射水市指定文化財解説板（三ヶ新道標解説板）</t>
  </si>
  <si>
    <t>射水市指定文化財解説板（気比住吉神社の木造狛犬解説版）</t>
  </si>
  <si>
    <t>射水市役所前地点名標識</t>
  </si>
  <si>
    <t>海抜表示板</t>
  </si>
  <si>
    <t>三ケ・戸破地区内　地域資源解説板　16箇所</t>
  </si>
  <si>
    <t>三ケ・戸破地区内　地域資源誘導標識</t>
  </si>
  <si>
    <t>七美八島地内　道路安全施設視線誘導標</t>
  </si>
  <si>
    <t>上野地内　安全施設</t>
  </si>
  <si>
    <t>六渡寺日枝神社文化財標柱</t>
  </si>
  <si>
    <t>市道善光寺港町線警戒標識</t>
  </si>
  <si>
    <t>射水市小林地内視線誘導標</t>
  </si>
  <si>
    <t>海抜表示板（市指定避難所・海岸堤防）</t>
  </si>
  <si>
    <t>「売地」看板</t>
  </si>
  <si>
    <t>文化財看板設置工事（ｳﾗｼﾞﾛｶﾞｼ）</t>
  </si>
  <si>
    <t>避難誘導標識設置工事（子育て支援センター・いきいき長寿館）</t>
  </si>
  <si>
    <t>堀岡コミュニティセンター誘導看板製作･設置</t>
  </si>
  <si>
    <t>売地看板設置工事（二口）</t>
  </si>
  <si>
    <t>駐車禁止看板設置工事</t>
  </si>
  <si>
    <t>専念寺の傘松・早稲の香句碑文化財解説板設置工事</t>
  </si>
  <si>
    <t>布目地内注意喚起標識設置工事</t>
  </si>
  <si>
    <t>市道大江1410号線外交通安全施設設置工事</t>
  </si>
  <si>
    <t>光専寺鐘楼門文化財解説板</t>
  </si>
  <si>
    <t>新湊地区情報案内板整備</t>
  </si>
  <si>
    <t>沖地内警戒標識</t>
  </si>
  <si>
    <t>旧ごみ焼却施設跡地緑地帯アスファルト舗装</t>
  </si>
  <si>
    <t>水門・樋門　二口外地内フラップゲート</t>
  </si>
  <si>
    <t>西部7号排水路張ブロック改修工事</t>
  </si>
  <si>
    <t>大門前田360-2地先フラップゲート更新工事</t>
  </si>
  <si>
    <t>大門前田361-2地先フラップゲート更新工事</t>
  </si>
  <si>
    <t>大門前田363-8地先フラップゲート更新工事</t>
  </si>
  <si>
    <t>水門・樋門　二口地内フラップゲート</t>
  </si>
  <si>
    <t>水門・樋門　堀内地内外簡易水門</t>
  </si>
  <si>
    <t>水門・樋門　鏡宮地内国道８号線高架下除雪車置場門扉</t>
  </si>
  <si>
    <t>水門・樋門　国道472号高架下資材置場門扉</t>
  </si>
  <si>
    <t>水門・樋門　作道地内門扉</t>
  </si>
  <si>
    <t>大門地内浄園寺西側フラップゲート更新工事</t>
  </si>
  <si>
    <t>大門地内柳橋北側フラップゲート更新工事</t>
  </si>
  <si>
    <t>大門前田367-2地先フラップゲート更新工事</t>
  </si>
  <si>
    <t>大島雪捨場地内防護柵</t>
  </si>
  <si>
    <t>大門雪捨場防護柵</t>
  </si>
  <si>
    <t>山本新地内転落防止柵</t>
  </si>
  <si>
    <t>七美地内防護柵</t>
  </si>
  <si>
    <t>土合地内防護柵</t>
  </si>
  <si>
    <t>小泉地内転落防止柵</t>
  </si>
  <si>
    <t>七美二十六町地内防護柵</t>
  </si>
  <si>
    <t>市道大島北野鷲塚線　防護柵</t>
  </si>
  <si>
    <t>市道枇杷首2号線　防護柵</t>
  </si>
  <si>
    <t>市道市井開口線外　防護柵</t>
  </si>
  <si>
    <t>市道片口68号線　防護柵</t>
  </si>
  <si>
    <t>市道本村西広上線　防護柵</t>
  </si>
  <si>
    <t>射水市中太閤山12丁目地内　防護柵</t>
  </si>
  <si>
    <t>市道大島北野鷲塚線　横断転落防止柵</t>
  </si>
  <si>
    <t>市道七美3号線　防護柵</t>
  </si>
  <si>
    <t>七美二十六町地内　防護柵</t>
  </si>
  <si>
    <t>三ケ地内外防護柵</t>
  </si>
  <si>
    <t>市道金山312号線防護柵</t>
  </si>
  <si>
    <t>市道戸破1093号線防護柵</t>
  </si>
  <si>
    <t>市道作道三ケ線防護柵</t>
  </si>
  <si>
    <t>市道作道２２３号線転落防止柵</t>
  </si>
  <si>
    <t>市道二口13号線外防護柵</t>
  </si>
  <si>
    <t>市道立町八幡町3丁目線防護柵</t>
  </si>
  <si>
    <t>市道大江496号線防護柵</t>
  </si>
  <si>
    <t>西町地内横断防止柵</t>
  </si>
  <si>
    <t>水源町地内横断防止柵</t>
  </si>
  <si>
    <t>国道472号高架下除雪車置場防護柵</t>
  </si>
  <si>
    <t>黒河地内娶川護岸</t>
  </si>
  <si>
    <t>三の谷地区護岸</t>
  </si>
  <si>
    <t>海王町　電気管路</t>
  </si>
  <si>
    <t>海王町　管路</t>
  </si>
  <si>
    <t>消防水利標識_射水市大島北野外12箇所</t>
  </si>
  <si>
    <t>消防水利標識（白石他５箇所）</t>
  </si>
  <si>
    <t>消防水利標識_射水市今井外6箇所</t>
  </si>
  <si>
    <t>消防水利標識</t>
  </si>
  <si>
    <t>消防水利標識設置工事</t>
  </si>
  <si>
    <t>消防水利標識_射水市野手外36箇所</t>
  </si>
  <si>
    <t>消防水利標識_射水市庄西町一丁目外16箇所</t>
  </si>
  <si>
    <t>消防水利標識_射水市戸破（新町）　他　１６箇所</t>
  </si>
  <si>
    <t>消防水利標識_射水市戸破（中央通り三丁目）　他　8箇所</t>
  </si>
  <si>
    <t>消防水利標識_射水市戸破（中央通り二丁目）他8箇所</t>
  </si>
  <si>
    <t>消防水利標識_射水市上野　他8箇所</t>
  </si>
  <si>
    <t>消防水利標識_射水市一条　他8箇所</t>
  </si>
  <si>
    <t>消防水利標識_射水市下村三箇　他6箇所</t>
  </si>
  <si>
    <t>新湊地区公園　休憩施設</t>
  </si>
  <si>
    <t>都市・その他公園　遊具</t>
  </si>
  <si>
    <t>都市・その他公園　照明灯</t>
  </si>
  <si>
    <t>藤井右門公園　園路広場</t>
  </si>
  <si>
    <t>藤井右門公園　駐車場</t>
  </si>
  <si>
    <t>藤井右門公園　照明灯</t>
  </si>
  <si>
    <t>藤井右門公園　植栽</t>
  </si>
  <si>
    <t>港町緑地内川沿い　内川遊歩道</t>
  </si>
  <si>
    <t>善光寺地区用水ポンプ施設</t>
  </si>
  <si>
    <t>二の丸川排水ポンプ施設</t>
  </si>
  <si>
    <t>二口地内雨水排水ポンプ設備</t>
  </si>
  <si>
    <t>二口地内雨水排水施設</t>
  </si>
  <si>
    <t>市井（東）高岡小杉線　アンダー外排水ポンプ設備（補修）</t>
  </si>
  <si>
    <t>庄川本町雨水ポンプ場外　排水ポンプ設備（補修）</t>
  </si>
  <si>
    <t>県道広上高岡小杉線アンダー№1排水ポンプ取替</t>
  </si>
  <si>
    <t>県道広上高岡小杉線アンダー№２排水ポンプ取替</t>
  </si>
  <si>
    <t>大石川高潮対策ゲートポンプ</t>
  </si>
  <si>
    <t>作道コミュニティセンター外構</t>
  </si>
  <si>
    <t>海王丸パーク・新湊大橋　外国語観光サイン標識</t>
  </si>
  <si>
    <t>海王丸パーク・新湊大橋　外国語観光サイン標識板（海王丸パーク内大型観光案内看板）</t>
  </si>
  <si>
    <t>新湊大橋　アプローチ部橋梁照明電線管</t>
  </si>
  <si>
    <t>新湊大橋　西側アプローチ部電線管</t>
  </si>
  <si>
    <t>新湊大橋　アプローチ部橋梁照明</t>
  </si>
  <si>
    <t>新湊大橋　アプローチ部橋梁照明（その２）</t>
  </si>
  <si>
    <t>小杉インターパーク　周辺環境（その２）</t>
  </si>
  <si>
    <t>小杉インターパーク　周辺環境（その１）</t>
  </si>
  <si>
    <t>小杉インターパーク　周辺環境（その３）</t>
  </si>
  <si>
    <t>小杉インターパーク　周辺環境（その４）</t>
  </si>
  <si>
    <t>小杉インターパーク　周辺環境（その５）</t>
  </si>
  <si>
    <t>奈呉町第一街区管理用通路</t>
  </si>
  <si>
    <t>奈呉町第一街区集水枡</t>
  </si>
  <si>
    <t>放生津地区　住宅市街地総合整備事業　奈呉町第一街区　舗装</t>
  </si>
  <si>
    <t>いきいき長寿館　フェンス</t>
  </si>
  <si>
    <t>いきいき長寿館自転車置場設置工事</t>
  </si>
  <si>
    <t>誘導ブロック</t>
  </si>
  <si>
    <t>県道新湊庄川線誘導ブロック設置</t>
  </si>
  <si>
    <t>県道新湊庄川線誘導ブロック設置工事</t>
  </si>
  <si>
    <t>公共サイン（設置・改修）</t>
  </si>
  <si>
    <t>公共サイン（改修）（その３）</t>
  </si>
  <si>
    <t>公共サイン（改修）（その２）</t>
  </si>
  <si>
    <t>屋外拡声子局（標準局）工作物</t>
  </si>
  <si>
    <t>屋外拡声子局（サイレン局）工作物</t>
  </si>
  <si>
    <t>屋外拡声子局（サイレン局＋カメラ局）工作物</t>
  </si>
  <si>
    <t>上野地区急傾斜地崩壊対策簡易吹付法枠工事</t>
  </si>
  <si>
    <t>下条川ポケットパーク　公園施設（H28測量・設計分）</t>
  </si>
  <si>
    <t>下条川千本桜ポケットパーク整備その３工事</t>
  </si>
  <si>
    <t>下条川千本桜ポケットパーク整備その２</t>
  </si>
  <si>
    <t>下条川千本桜ポケットパーク看板設置工事</t>
  </si>
  <si>
    <t>下条川千本桜ポケットパーク船着場工事</t>
  </si>
  <si>
    <t>避難誘導標識（堀岡コミュニティセンター）</t>
  </si>
  <si>
    <t>堀岡コミュニティセンター（外構）</t>
  </si>
  <si>
    <t>片口保育園　駐車場</t>
  </si>
  <si>
    <t>無名橋104補修工事</t>
  </si>
  <si>
    <t>市道今井小杉白石線舗装補修工事</t>
  </si>
  <si>
    <t>道の駅新湊空調設備改修工事</t>
  </si>
  <si>
    <t>新伝馬橋補修工事</t>
  </si>
  <si>
    <t>【前払金】市道黒河508号線舗装工事</t>
  </si>
  <si>
    <t>市道黒河508号線舗装工事</t>
  </si>
  <si>
    <t>【前払金】布目分庁舎別館エレベータ改修工事</t>
  </si>
  <si>
    <t>市道堀岡109号線舗装補修工事</t>
  </si>
  <si>
    <t>布目分庁舎別館エレベータ改修工事</t>
  </si>
  <si>
    <t>市道池多602号線道路改良事業に係る公共嘱託登記事務委託</t>
  </si>
  <si>
    <t>土合地内照明灯建替工事</t>
  </si>
  <si>
    <t>小杉南中学校グラウンド物置更新工事</t>
  </si>
  <si>
    <t>【前払金】都市計画道路駅前線消雪取水施設設置工事</t>
  </si>
  <si>
    <t>【前払金】沖塚原地区消雪施設取水施設設置工事</t>
  </si>
  <si>
    <t>都市計画道路駅前線消雪施設電気機械設備工事</t>
  </si>
  <si>
    <t>沖塚原地区消雪施設取水施設設置工事</t>
  </si>
  <si>
    <t>都市計画道路駅前線消雪取水施設設置工事</t>
  </si>
  <si>
    <t>小杉13号消雪施設送水ポンプ更新工事</t>
  </si>
  <si>
    <t>新湊総合体育館非常用放送設備取替工事</t>
  </si>
  <si>
    <t>庄西市営住宅１号棟・２号棟屋上防水工事</t>
  </si>
  <si>
    <t>三日曽根公園複合遊具更新工事</t>
  </si>
  <si>
    <t>市道松木寺塚原線側溝蓋設置工事</t>
  </si>
  <si>
    <t>五官野橋補修工事</t>
  </si>
  <si>
    <t>市道庄和町土合線外舗装補修工事</t>
  </si>
  <si>
    <t>市道堀岡57号線側溝補修工事</t>
  </si>
  <si>
    <t>庄西市営住宅２号棟水道集中検針盤取替工事</t>
  </si>
  <si>
    <t>放生津小学校職員室エアコン更新工事</t>
  </si>
  <si>
    <t>市道片口36号線道路改良工事</t>
  </si>
  <si>
    <t>市道金山356号線改修(その2)工事</t>
  </si>
  <si>
    <t>片口久々江地区消雪施設配管工事　前払金</t>
  </si>
  <si>
    <t>東橋補修耐震対策工事</t>
  </si>
  <si>
    <t>市道片口64号線側溝改良工事</t>
  </si>
  <si>
    <t>【繰越】（仮称）沖塚原緑地公園整備駐車場等整備工事</t>
  </si>
  <si>
    <t>小杉体育館灯油タンク更新工事</t>
  </si>
  <si>
    <t>片口久々江地区消雪施設配管工事</t>
  </si>
  <si>
    <t>市道七美中野海老江七軒線舗装補修工事</t>
  </si>
  <si>
    <t>【前払金】市道大江479号線舗装補修工事</t>
  </si>
  <si>
    <t>市道大江479号線舗装補修工事</t>
  </si>
  <si>
    <t>市道新湊270号線歩道整備工事</t>
  </si>
  <si>
    <t>【前払金】市道大門本江大白線舗装補修工事</t>
  </si>
  <si>
    <t>市道作道22号線外舗装補修工事</t>
  </si>
  <si>
    <t>市道大門本江大白線舗装補修工事</t>
  </si>
  <si>
    <t>市道八塚串田線舗装補修工事</t>
  </si>
  <si>
    <t>市道港町善光寺線側溝補修工事</t>
  </si>
  <si>
    <t>大江保育園遊戯室西側エアコン更新工事</t>
  </si>
  <si>
    <t>無名橋50補修工事</t>
  </si>
  <si>
    <t>八幡市営住宅２・３・４号棟水道集中検針盤取替工事</t>
  </si>
  <si>
    <t>新湊交流会館２階多目的ホール南側系統空調設備更新工事</t>
  </si>
  <si>
    <t>大門18号消雪施設取水ポンプ更新工事</t>
  </si>
  <si>
    <t>【前払金】市道今井小杉白石線舗装補修(その2)工事</t>
  </si>
  <si>
    <t>市道今井小杉白石線舗装補修(その2)工事</t>
  </si>
  <si>
    <t>歌の森運動公園　歩道橋更新工事</t>
  </si>
  <si>
    <t>射水市立小杉南中学校グラウンド改修工事</t>
  </si>
  <si>
    <t>市道金山310号線外ガードレール外補修工事</t>
  </si>
  <si>
    <t>市道三ケ19号線外横断暗渠外補修工事</t>
  </si>
  <si>
    <t>新湊39号消雪施設電動弁更新工事</t>
  </si>
  <si>
    <t>旧大島コミュニティセンター解体に伴う壁設置工事</t>
  </si>
  <si>
    <t>【前払金】中央児童公園複合遊具更新工事</t>
  </si>
  <si>
    <t>小杉5号消雪施設取水ポンプ更新工事</t>
  </si>
  <si>
    <t>小杉20号消雪施設取水ポンプ更新工事</t>
  </si>
  <si>
    <t>中央児童公園複合遊具更新工事</t>
  </si>
  <si>
    <t>【前払金】都市計画道路駅前線道路改良（その２）工事</t>
  </si>
  <si>
    <t>都市計画道路駅前線道路改良（その２）工事</t>
  </si>
  <si>
    <t>市道金山356号線改修工事</t>
  </si>
  <si>
    <t>庄川本町市営住宅給水ユニット取替工事</t>
  </si>
  <si>
    <t>本江市営住宅１号棟給水ユニット取替工事</t>
  </si>
  <si>
    <t>市道海老江白石線舗装補修工事</t>
  </si>
  <si>
    <t>市道港町線舗装補修工事</t>
  </si>
  <si>
    <t>市道木戸口線外陥没補修工事</t>
  </si>
  <si>
    <t>市道橋下条219号線路肩補修工事</t>
  </si>
  <si>
    <t>市道塚原中野線路肩補修工事</t>
  </si>
  <si>
    <t>歌の森運動公園バスケットコートネットフェンス設置工事</t>
  </si>
  <si>
    <t>大門小学校プール塗装改修工事</t>
  </si>
  <si>
    <t>薬勝寺池南公園4連ブランコ更新工事</t>
  </si>
  <si>
    <t>悠基橋補修工事</t>
  </si>
  <si>
    <t>市道大門西広上線舗装補修工事</t>
  </si>
  <si>
    <t>太閤山小学校プール塗装改修工事</t>
  </si>
  <si>
    <t>桜町公園4連ブランコ更新工事</t>
  </si>
  <si>
    <t>（前払）小杉4号消雪施設さく井工事</t>
  </si>
  <si>
    <t>市道池多602号線道路改良工事</t>
  </si>
  <si>
    <t>小杉4号消雪施設さく井工事</t>
  </si>
  <si>
    <t>市道片口55号線外石積擁壁外補修工事</t>
  </si>
  <si>
    <t>【前払金】市道三ケ1102号線シェルター設置工事</t>
  </si>
  <si>
    <t>市道二口1号線（米山橋）塗替塗装工事</t>
  </si>
  <si>
    <t>市道三ケ1102号線シェルター設置工事</t>
  </si>
  <si>
    <t>【繰越】市道塚原154号線道路改良工事</t>
  </si>
  <si>
    <t>市道三ケ1102号線キャノピー解体工事</t>
  </si>
  <si>
    <t>【前払金】市道中太閤山876号線側溝改良工事</t>
  </si>
  <si>
    <t>【前払い】橋梁詳細点検（その2）業務委託</t>
  </si>
  <si>
    <t>大門11号消雪施設スクリーン取替工事</t>
  </si>
  <si>
    <t>市道中太閤山876号線側溝改良工事</t>
  </si>
  <si>
    <t>橋梁詳細点検（その2）業務委託</t>
  </si>
  <si>
    <t>市井地内排水ポンプ補修工事</t>
  </si>
  <si>
    <t>足洗新町公園すべり台更新工事</t>
  </si>
  <si>
    <t>荒町地内法面復旧工事</t>
  </si>
  <si>
    <t>市道塚原114号線舗装外補修工事</t>
  </si>
  <si>
    <t>旧大島社会福祉センター消防用設備改修工事</t>
  </si>
  <si>
    <t>市道中央町八幡町三丁目線外舗装補修工事</t>
  </si>
  <si>
    <t>市道庄西1号線舗装補修工事</t>
  </si>
  <si>
    <t>大島12号消雪施設井戸再生工事</t>
  </si>
  <si>
    <t>新湊26号消雪施設電動弁更新工事</t>
  </si>
  <si>
    <t>ひまわり公園遊具更新工事</t>
  </si>
  <si>
    <t>和田川フラップゲート更新工事</t>
  </si>
  <si>
    <t>市道池多602号線舗装工事</t>
  </si>
  <si>
    <t>市道塚原62号線側溝設置工事</t>
  </si>
  <si>
    <t>池多保育園サッシ改修工事</t>
  </si>
  <si>
    <t>海王町地内道路照明灯LED化工事</t>
  </si>
  <si>
    <t>下河原橋補修耐震対策(その2)工事</t>
  </si>
  <si>
    <t>市道新湊２７０号線歩道整備工事</t>
  </si>
  <si>
    <t>市道七美２３号線外道路改良工事</t>
  </si>
  <si>
    <t>都市計画道路駅前線道路改良に伴う消雪管工事</t>
  </si>
  <si>
    <t>市道本村小泉線防護柵補修工事</t>
  </si>
  <si>
    <t>市道堀岡2号線外側溝外補修工事</t>
  </si>
  <si>
    <t>市道海老江115号線外立入防止柵外補修工事</t>
  </si>
  <si>
    <t>青井谷地内法面復旧工事</t>
  </si>
  <si>
    <t>放生津地区住宅市街地総合整備事業　市道新湊183号線外道路改良(その2)工事</t>
  </si>
  <si>
    <t>新湊農村環境改善センター　雪止め増設及び箱樋改修工事</t>
  </si>
  <si>
    <t>中太閤山外地内道路照明灯LED化工事</t>
  </si>
  <si>
    <t>大島中央公園園路更新工事</t>
  </si>
  <si>
    <t>市道作道145号線路肩補修工事</t>
  </si>
  <si>
    <t>市道塚原中野線路肩補修(その２）工事</t>
  </si>
  <si>
    <t>放生津小学校　体育館屋上補修工事</t>
  </si>
  <si>
    <t>市道本村西広上線外縁石外補修工事</t>
  </si>
  <si>
    <t>大門中学校グラウンドバックネット設置工事</t>
  </si>
  <si>
    <t>【前払金】大島コミュニティセンター外構工事</t>
  </si>
  <si>
    <t>大島コミュニティセンター外構工事</t>
  </si>
  <si>
    <t>フラワーパーク沖塚原パークゴルフ場表面排水補強工事</t>
  </si>
  <si>
    <t>大門中学校　グラウンド防球ネット設置工事</t>
  </si>
  <si>
    <t>嘱託登記事務等委託（射水市庄川本町1-12）</t>
  </si>
  <si>
    <t>海竜スポーツランド屋上防水改修工事</t>
  </si>
  <si>
    <t>市道八塚4号線舗装補修工事</t>
  </si>
  <si>
    <t>射水市立千成保育園小荷物専用昇降機改修工事</t>
  </si>
  <si>
    <t>小杉駅地下道内壁補修工事</t>
  </si>
  <si>
    <t>【前払金】市道新湊270号線舗装工事</t>
  </si>
  <si>
    <t>都市計画道路駅前線標識設置工事</t>
  </si>
  <si>
    <t>市道新湊270号線舗装工事</t>
  </si>
  <si>
    <t>市道作道194号線外側溝蓋設置外工事</t>
  </si>
  <si>
    <t>歌の森運動公園園路更新工事</t>
  </si>
  <si>
    <t>射水市七美コミュニティセンター新築工事監理業務委託</t>
  </si>
  <si>
    <t>市道作道145号線路肩補修(その２）工事</t>
  </si>
  <si>
    <t>都市計画道路駅前線道路照明灯設置工事</t>
  </si>
  <si>
    <t>都市計画道路駅前線　植栽工事</t>
  </si>
  <si>
    <t>市道大門針原線歩道補修工事</t>
  </si>
  <si>
    <t>射北中学校（印刷室）空調設備工事</t>
  </si>
  <si>
    <t>市道塚原75号線外マンホール蓋補修工事</t>
  </si>
  <si>
    <t>小杉駅地下道床補修工事</t>
  </si>
  <si>
    <t>市道片口6号線外側溝補修工事</t>
  </si>
  <si>
    <t>市道新開発14号線外防護柵補修工事</t>
  </si>
  <si>
    <t>国道472号高架下資材置場門扉補修工事</t>
  </si>
  <si>
    <t>令和３年度分 クリーンピア射水基幹的設備改良工事設計施工監理業務委託</t>
  </si>
  <si>
    <t>小杉中学校　３階学習室Ａ３エアコン設置工事</t>
  </si>
  <si>
    <t>市道大江429号線法面整備工事　前払金</t>
  </si>
  <si>
    <t>市道片口49号線側溝設置工事</t>
  </si>
  <si>
    <t>市道大江429号線法面整備工事</t>
  </si>
  <si>
    <t>小杉小学校パソコン室改修（電気設備）工事</t>
  </si>
  <si>
    <t>小杉小学校パソコン室改修（建築主体）工事</t>
  </si>
  <si>
    <t>放生津地区住宅市街地総合整備事業　市道新湊183号線外道路改良(その3)工事</t>
  </si>
  <si>
    <t>放生津地区住宅市街地総合整備事業　市道新湊204号線道路改良(その１)工事</t>
  </si>
  <si>
    <t>小杉4号消雪ノズル更新工事</t>
  </si>
  <si>
    <t>市道三ケ1102号線歩車道境界ブロック外補修工事</t>
  </si>
  <si>
    <t>令和３年度分 クリーンピア射水基幹的設備改良工事</t>
  </si>
  <si>
    <t>放生津地区住宅市街地総合整備事業　市道新湊204号線道路改良(その２)工事</t>
  </si>
  <si>
    <t>市道塚原63号線側溝改修工事</t>
  </si>
  <si>
    <t>市道松木朴木線舗装補修外工事</t>
  </si>
  <si>
    <t>市道三ケ1102号線スロープ外補修工事</t>
  </si>
  <si>
    <t>市道黒河502号線側溝改良工事</t>
  </si>
  <si>
    <t>市道塚原134号線側溝補修工事</t>
  </si>
  <si>
    <t>市道塚原70号線舗装補修工事</t>
  </si>
  <si>
    <t>市道塚原154号線舗装(その２)工事</t>
  </si>
  <si>
    <t>射水市立歌の森小学校特別支援学級整備工事</t>
  </si>
  <si>
    <t>市道作道143号線路肩舗装工事</t>
  </si>
  <si>
    <t>都市計画道路駅前線　交通安全施設設置（その２）工事</t>
  </si>
  <si>
    <t>海王町雪捨場不陸整地工事</t>
  </si>
  <si>
    <t>市道片口94号線外マンホール蓋外補修工事</t>
  </si>
  <si>
    <t>市道塚原64号線舗装補修工事</t>
  </si>
  <si>
    <t>市道戸破176号線舗装補修工事</t>
  </si>
  <si>
    <t>市道金山343号線外舗装補修工事</t>
  </si>
  <si>
    <t>市道西部通学路線外集水桝蓋外補修工事</t>
  </si>
  <si>
    <t>大江保育園遊戯室エアコン更新工事</t>
  </si>
  <si>
    <t>旧大島コミュニティセンター解体に伴う喫煙所設置工事</t>
  </si>
  <si>
    <t>いきいき長寿館外壁塗装他工事</t>
  </si>
  <si>
    <t>小杉駅地下道改修（建築主体）工事</t>
  </si>
  <si>
    <t>射水市大門総合会館駐輪場復旧工事</t>
  </si>
  <si>
    <t>大島コミュニティセンター排水設備改修工事</t>
  </si>
  <si>
    <t>大島コミュニティセンター茶室給水設備等改修工事</t>
  </si>
  <si>
    <t>小杉文化ホール空調機等修繕工事</t>
  </si>
  <si>
    <t>新湊中央文化会館空調機修繕等工事</t>
  </si>
  <si>
    <t>射水市松木地内小口径マンホール補修工事　ほか11件</t>
  </si>
  <si>
    <t>射水市寺塚原地内陥没補修工事　ほか11件</t>
  </si>
  <si>
    <t>市道高木新開発線交差点改良(その2)工事</t>
  </si>
  <si>
    <t>市道上条団地8号線舗装補修工事</t>
  </si>
  <si>
    <t>小杉南中学校部室棟軒天補修工事</t>
  </si>
  <si>
    <t>新湊南部中学校通級指導教室エアコン整備工事</t>
  </si>
  <si>
    <t>射水市高齢者ふれあい健康農園給水引込工事</t>
  </si>
  <si>
    <t>市道本開発8号線側溝補修工事</t>
  </si>
  <si>
    <t>市道八塚串田線外縁石補修工事</t>
  </si>
  <si>
    <t>市道大江419号線舗装補修工事</t>
  </si>
  <si>
    <t>市道小島26号線側溝改良工事</t>
  </si>
  <si>
    <t>中太閤山3丁目外地内防護柵補修工事</t>
  </si>
  <si>
    <t>市道新湊209号線側溝補修工事</t>
  </si>
  <si>
    <t>道の駅新湊空調設備改修工事設計業務委託</t>
  </si>
  <si>
    <t>市道戸破1009号線外マンホール蓋外補修工事</t>
  </si>
  <si>
    <t>万葉パークゴルフ場洋式トイレ設置工事</t>
  </si>
  <si>
    <t>海老江児童センタートイレ改修工事</t>
  </si>
  <si>
    <t>片口高場地内張ブロック補修工事</t>
  </si>
  <si>
    <t>市道戸破195号線外側溝外補修工事</t>
  </si>
  <si>
    <t>市道新開発1号線外転落防止柵外補修工事</t>
  </si>
  <si>
    <t>市道大江467号線外側溝外補修工事</t>
  </si>
  <si>
    <t>金山小学校ガスバルク更新工事</t>
  </si>
  <si>
    <t>小杉駅南線区画線設置工事</t>
  </si>
  <si>
    <t>市道新湊142号線側溝補修工事</t>
  </si>
  <si>
    <t>無名橋106補修工事</t>
  </si>
  <si>
    <t>【前払い】放生津地区住宅市街地総合整備事業　市道新湊183号線外道路改良工事</t>
  </si>
  <si>
    <t>衛生センターし渣・脱水汚泥場外搬出設備整備工事</t>
  </si>
  <si>
    <t>放生津地区住宅市街地総合整備事業　市道新湊183号線外道路改良工事</t>
  </si>
  <si>
    <t>市道堀岡東町東明七軒線舗装補修工事</t>
  </si>
  <si>
    <t>市道七美44号線外舗装補修工事</t>
  </si>
  <si>
    <t>市道国平4号線側溝蓋設置工事</t>
  </si>
  <si>
    <t>市道戸破154号線側溝改良工事</t>
  </si>
  <si>
    <t>市道中太閤山849号線外立入防止柵外補修工事</t>
  </si>
  <si>
    <t>市道戸破1006号線外転落防止柵外補修工事</t>
  </si>
  <si>
    <t>市道小島49号線外転落防止柵外補修工事</t>
  </si>
  <si>
    <t>市道塚原142号線外転落防止柵外補修工事</t>
  </si>
  <si>
    <t>作道地内除雪車置場整地工事</t>
  </si>
  <si>
    <t>【前払金】越中大門駅前広場整備（第３工区）工事</t>
  </si>
  <si>
    <t>越中大門駅前広場整備（第３工区）工事</t>
  </si>
  <si>
    <t>新湊総合体育館直流電源装置改修工事</t>
  </si>
  <si>
    <t>市道本江42号線陥没外補修工事</t>
  </si>
  <si>
    <t>射水市消防団片口分団屯所大規模改修工事</t>
  </si>
  <si>
    <t>【前払金】市道小島5号線外道路改良工事</t>
  </si>
  <si>
    <t>【前払金】都市計画道路駅前線道路改良工事</t>
  </si>
  <si>
    <t>市道小島5号線外道路改良工事</t>
  </si>
  <si>
    <t>【繰越】（仮称）沖塚原緑地公園整備造園（その４）工事</t>
  </si>
  <si>
    <t>【中間前払金】都市計画道路駅前線道路改良工事</t>
  </si>
  <si>
    <t>射水市消防団片口分団屯所大規模改修工事監理業務委託</t>
  </si>
  <si>
    <t>都市計画道路駅前線道路改良工事</t>
  </si>
  <si>
    <t>薬勝寺池南公園手摺設置工事</t>
  </si>
  <si>
    <t>市道本村常国線測量設計業務委託</t>
  </si>
  <si>
    <t>市道塚原154号線安全施設設置工事</t>
  </si>
  <si>
    <t>市道本江80号線測量設計業務委託</t>
  </si>
  <si>
    <t>沖塚原地区消雪施設配管工事（前払金）</t>
  </si>
  <si>
    <t>【前払金】市道作道三ケ線外区画線設置工事</t>
  </si>
  <si>
    <t>市道大門針原線外区画線設置工事</t>
  </si>
  <si>
    <t>無名橋33補修工事</t>
  </si>
  <si>
    <t>市道作道三ケ線外区画線設置工事</t>
  </si>
  <si>
    <t>市道大島北野鷲塚線外区画線設置工事</t>
  </si>
  <si>
    <t>小杉11号消雪施設電気機械設備設置工事</t>
  </si>
  <si>
    <t>沖塚原地区消雪施設配管工事</t>
  </si>
  <si>
    <t>薬勝寺池雪捨場防護柵外補修工事</t>
  </si>
  <si>
    <t>作道地内除雪車置場改修工事</t>
  </si>
  <si>
    <t>市道片口11号線舗装補修工事</t>
  </si>
  <si>
    <t>【前払金】布目分庁舎別館空調設備更新工事</t>
  </si>
  <si>
    <t>市道片口92号線舗装補修工事</t>
  </si>
  <si>
    <t>布目分庁舎別館空調設備更新工事</t>
  </si>
  <si>
    <t>無名橋142補修工事</t>
  </si>
  <si>
    <t>空間賑わい創出支援電源設備設置(その２)工事</t>
  </si>
  <si>
    <t>市道久々湊殿村線道路改良工事</t>
  </si>
  <si>
    <t>放生津地区住宅市街地総合整備事業市道新湊183号線外道路改良に伴う分水栓切替工事</t>
  </si>
  <si>
    <t>市道小杉駅南線舗装外補修工事</t>
  </si>
  <si>
    <t>市道小杉駅南線縁石外補修工事</t>
  </si>
  <si>
    <t>新湊南部中学校排水路改修工事</t>
  </si>
  <si>
    <t>沖塚原地区消雪施設電気機械設備設置工事</t>
  </si>
  <si>
    <t>市道塚原154号線舗装工事</t>
  </si>
  <si>
    <t>放生津地区住宅市街地総合整備事業市道新湊183号線外道路改良に伴う下水道取付管切替工事</t>
  </si>
  <si>
    <t>市道金山333号線外ガードレール外補修工事</t>
  </si>
  <si>
    <t>塚原保育園　外構</t>
  </si>
  <si>
    <t>塚原保育園　外灯</t>
  </si>
  <si>
    <t>海老江児童センター　駐車場</t>
  </si>
  <si>
    <t>放生津分団屯所　外構（改修）</t>
  </si>
  <si>
    <t>消雪工</t>
  </si>
  <si>
    <t>揚水施設設備工</t>
  </si>
  <si>
    <t>新湊1号外消雪取水ポンプ更新工事</t>
  </si>
  <si>
    <t>庄川本町地区　消雪取水施設</t>
  </si>
  <si>
    <t>庄川本町地区　消雪管（その２）</t>
  </si>
  <si>
    <t>庄川本町地区　消雪管（その１）</t>
  </si>
  <si>
    <t>港町善光寺線　消雪配管</t>
  </si>
  <si>
    <t>新湊８号線　消雪管</t>
  </si>
  <si>
    <t>新湊5号消雪電気施設更新</t>
  </si>
  <si>
    <t>新湊６号消雪さく井工事</t>
  </si>
  <si>
    <t>新湊6号外消雪ノズル更新</t>
  </si>
  <si>
    <t>新湊6号消雪施設更新工事</t>
  </si>
  <si>
    <t>新湊9号消雪ノズル更新工事</t>
  </si>
  <si>
    <t>新湊9号消雪井戸施設更新工事</t>
  </si>
  <si>
    <t>新湊14号　消雪電気設備（更新）</t>
  </si>
  <si>
    <t>新湊14号消雪施設除塵機更新工事</t>
  </si>
  <si>
    <t>新湊14号消雪施設ノズル更新</t>
  </si>
  <si>
    <t>新湊14号消雪ポンプ更新工事</t>
  </si>
  <si>
    <t>新湊19号消雪施設外2工業用量水器取替工事</t>
  </si>
  <si>
    <t>新湊20号消雪施設送水ポンプ更新</t>
  </si>
  <si>
    <t>新湊23号　消雪電機操作盤外（更新）</t>
  </si>
  <si>
    <t>新湊23号外消雪施設ノズル更新工事</t>
  </si>
  <si>
    <t>新湊27号消雪電気施設更新</t>
  </si>
  <si>
    <t>新湊27号消雪井戸補修</t>
  </si>
  <si>
    <t>新湊29号消雪施設更新工事</t>
  </si>
  <si>
    <t>新湊36号消雪井戸再生</t>
  </si>
  <si>
    <t>新湊36号消雪ポンプ更新工事</t>
  </si>
  <si>
    <t>新湊42号外除塵機更新工事</t>
  </si>
  <si>
    <t>新湊44号消雪施設電動弁更新</t>
  </si>
  <si>
    <t>小杉6号消雪施設　さく井（更新）</t>
  </si>
  <si>
    <t>小杉８号　消雪施設歩道乗入れ口</t>
  </si>
  <si>
    <t>小杉9号消雪施設外1工業用量水器取替</t>
  </si>
  <si>
    <t>小杉11号消雪施設電気設備移設工事</t>
  </si>
  <si>
    <t>小杉12号外消雪施設電動弁更新工事</t>
  </si>
  <si>
    <t>小杉14号消雪施設送水ポンプ更新工事</t>
  </si>
  <si>
    <t>小杉21号消雪施設降雪検知器更新工事</t>
  </si>
  <si>
    <t>小杉23号消雪交互運転シーケンス</t>
  </si>
  <si>
    <t>小杉23号除塵機改修工事</t>
  </si>
  <si>
    <t>県小杉4号　消雪送水管（更新）</t>
  </si>
  <si>
    <t>大門5号消雪ノズル更新工事</t>
  </si>
  <si>
    <t>大門6号外消雪施設電動弁更新工事</t>
  </si>
  <si>
    <t>二口東廻り線　消雪配管</t>
  </si>
  <si>
    <t>大門7号消雪揚水管更新工事</t>
  </si>
  <si>
    <t>大門8号消雪取水施設さく井更新</t>
  </si>
  <si>
    <t>大門12号外4消雪電気設備更新工事</t>
  </si>
  <si>
    <t>大門12号消雪施設高圧変圧器更新工事</t>
  </si>
  <si>
    <t>大門20号　消雪配管（更新）</t>
  </si>
  <si>
    <t>消雪施設防護柵</t>
  </si>
  <si>
    <t>大島４号消雪井戸</t>
  </si>
  <si>
    <t>大島9号消雪電気設備更新工事</t>
  </si>
  <si>
    <t>大島9号消雪施設電動弁更新工事</t>
  </si>
  <si>
    <t>大島15号消雪電気設備更新工事</t>
  </si>
  <si>
    <t>大島16号消雪施設ポンプ更新工事</t>
  </si>
  <si>
    <t>大島18号消雪施設電動弁更新工事</t>
  </si>
  <si>
    <t>下2号消雪ノズル更新</t>
  </si>
  <si>
    <t>摺出寺地内消雪ノズル更新工事</t>
  </si>
  <si>
    <t>摺出寺地区消雪施設</t>
  </si>
  <si>
    <t>摺出寺地内消雪ノズル更新（その２）</t>
  </si>
  <si>
    <t>取水施設設備工</t>
  </si>
  <si>
    <t>除塵施設設備工</t>
  </si>
  <si>
    <t>作道分団屯所散水栓取付</t>
  </si>
  <si>
    <t>新湊消防署東部出張所　オイルタンク</t>
  </si>
  <si>
    <t>新湊消防署東部出張所　ホース乾燥柱</t>
  </si>
  <si>
    <t>海老江1号線</t>
  </si>
  <si>
    <t>海老江2号線</t>
  </si>
  <si>
    <t>海老江9号線</t>
  </si>
  <si>
    <t>海老江10号線</t>
  </si>
  <si>
    <t>海老江11号線</t>
  </si>
  <si>
    <t>海老江3号線</t>
  </si>
  <si>
    <t>海老江12号線</t>
  </si>
  <si>
    <t>海老江13号線</t>
  </si>
  <si>
    <t>海老江14号線</t>
  </si>
  <si>
    <t>海老江15号線</t>
  </si>
  <si>
    <t>海老江16号線</t>
  </si>
  <si>
    <t>海老江17号線</t>
  </si>
  <si>
    <t>海老江18号線</t>
  </si>
  <si>
    <t>海老江19号線</t>
  </si>
  <si>
    <t>海老江20号線</t>
  </si>
  <si>
    <t>海老江21号線</t>
  </si>
  <si>
    <t>海老江22号線</t>
  </si>
  <si>
    <t>海老江23号線</t>
  </si>
  <si>
    <t>海老江24号線</t>
  </si>
  <si>
    <t>海老江26号線</t>
  </si>
  <si>
    <t>海老江27号線</t>
  </si>
  <si>
    <t>海老江28号線</t>
  </si>
  <si>
    <t>海老江29号線</t>
  </si>
  <si>
    <t>海老江30号線</t>
  </si>
  <si>
    <t>海老江32号線</t>
  </si>
  <si>
    <t>海老江89号線</t>
  </si>
  <si>
    <t>無名橋</t>
  </si>
  <si>
    <t>海老江34号線</t>
  </si>
  <si>
    <t>市道海老江34号線  側溝改良</t>
  </si>
  <si>
    <t>海老江34号線外　側溝（改良）</t>
  </si>
  <si>
    <t>海老江36号線</t>
  </si>
  <si>
    <t>海老江37号線</t>
  </si>
  <si>
    <t>海老江38号線</t>
  </si>
  <si>
    <t>海老江39号線</t>
  </si>
  <si>
    <t>海老江40号線</t>
  </si>
  <si>
    <t>海老江41号線</t>
  </si>
  <si>
    <t>海老江42号線</t>
  </si>
  <si>
    <t>海老江43号線</t>
  </si>
  <si>
    <t>海老江45号線</t>
  </si>
  <si>
    <t>海老江46号線</t>
  </si>
  <si>
    <t>海老江47号線</t>
  </si>
  <si>
    <t>海老江48号線</t>
  </si>
  <si>
    <t>海老江49号線</t>
  </si>
  <si>
    <t>海老江50号線</t>
  </si>
  <si>
    <t>海老江51号線</t>
  </si>
  <si>
    <t>海老江52号線</t>
  </si>
  <si>
    <t>海老江53号線</t>
  </si>
  <si>
    <t>海老江54号線</t>
  </si>
  <si>
    <t>海老江55号線</t>
  </si>
  <si>
    <t>海老江56号線</t>
  </si>
  <si>
    <t>海老江91号線</t>
  </si>
  <si>
    <t>海老江92号線</t>
  </si>
  <si>
    <t>海老江57号線</t>
  </si>
  <si>
    <t>海老江58号線</t>
  </si>
  <si>
    <t>海老江59号線</t>
  </si>
  <si>
    <t>海老江60号線</t>
  </si>
  <si>
    <t>海老江61号線</t>
  </si>
  <si>
    <t>海老江62号線</t>
  </si>
  <si>
    <t>海老江63号線</t>
  </si>
  <si>
    <t>海老江64号線</t>
  </si>
  <si>
    <t>海老江65号線</t>
  </si>
  <si>
    <t>海老江66号線</t>
  </si>
  <si>
    <t>海老江67号線</t>
  </si>
  <si>
    <t>海老江68号線</t>
  </si>
  <si>
    <t>海老江93号線</t>
  </si>
  <si>
    <t>海老江69号線</t>
  </si>
  <si>
    <t>海老江70号線</t>
  </si>
  <si>
    <t>海老江71号線</t>
  </si>
  <si>
    <t>海老江72号線</t>
  </si>
  <si>
    <t>海老江73号線</t>
  </si>
  <si>
    <t>海老江74号線</t>
  </si>
  <si>
    <t>海老江75号線</t>
  </si>
  <si>
    <t>海老江76号線</t>
  </si>
  <si>
    <t>海老江77号線</t>
  </si>
  <si>
    <t>海老江78号線</t>
  </si>
  <si>
    <t>海老江79号線</t>
  </si>
  <si>
    <t>海老江80号線</t>
  </si>
  <si>
    <t>海老江81号線</t>
  </si>
  <si>
    <t>海老江94号線</t>
  </si>
  <si>
    <t>海老江95号線</t>
  </si>
  <si>
    <t>海老江96号線</t>
  </si>
  <si>
    <t>海老江97号線</t>
  </si>
  <si>
    <t>海老江98号線</t>
  </si>
  <si>
    <t>海老江100号線</t>
  </si>
  <si>
    <t>海老江82号線</t>
  </si>
  <si>
    <t>海老江83号線</t>
  </si>
  <si>
    <t>海老江84号線</t>
  </si>
  <si>
    <t>海老江85号線</t>
  </si>
  <si>
    <t>海老江86号線</t>
  </si>
  <si>
    <t>海老江87号線</t>
  </si>
  <si>
    <t>海老江88号線</t>
  </si>
  <si>
    <t>海老江103号線</t>
  </si>
  <si>
    <t>海老江104号線</t>
  </si>
  <si>
    <t>海老江105号線</t>
  </si>
  <si>
    <t>海老江106号線</t>
  </si>
  <si>
    <t>海老江107号線</t>
  </si>
  <si>
    <t>海老江108号線</t>
  </si>
  <si>
    <t>海老江153号線</t>
  </si>
  <si>
    <t>海老江154号線</t>
  </si>
  <si>
    <t>海老江154号線　道路改良</t>
  </si>
  <si>
    <t>海老江155号線</t>
  </si>
  <si>
    <t>海老江156号線</t>
  </si>
  <si>
    <t>海老江157号線</t>
  </si>
  <si>
    <t>射水市新湊庁舎前駅周辺総合案内板</t>
  </si>
  <si>
    <t>駐車場看板等設置工事</t>
  </si>
  <si>
    <t>クロスベイ新湊案内サイン改修工事</t>
  </si>
  <si>
    <t>屋外充電コンセント200V化工事</t>
  </si>
  <si>
    <t>公共交通広場区画線設置工事</t>
  </si>
  <si>
    <t>クロスベイ新湊出入口サイン看板設置工事</t>
  </si>
  <si>
    <t>公共交通広場整備付帯工事</t>
  </si>
  <si>
    <t>サイクルステーション等設置工事</t>
  </si>
  <si>
    <t>旧新湊庁舎跡地側溝整備</t>
  </si>
  <si>
    <t>公共交通広場外工作物工事</t>
  </si>
  <si>
    <t>公共交通広場整備工事</t>
  </si>
  <si>
    <t>公共交通広場扉設置工事</t>
  </si>
  <si>
    <t>複合交流施設建築付帯工事</t>
  </si>
  <si>
    <t>複合交流施設外構整備工事</t>
  </si>
  <si>
    <t>新湊複合交流施設整備に伴う道路照明灯外移設工事</t>
  </si>
  <si>
    <t>クロスベイ新湊コンセント増設工事</t>
  </si>
  <si>
    <t>海老江158号線</t>
  </si>
  <si>
    <t>海老江159号線</t>
  </si>
  <si>
    <t>海老江4号線</t>
  </si>
  <si>
    <t>海老江5号線</t>
  </si>
  <si>
    <t>海老江6号線</t>
  </si>
  <si>
    <t>海老江7号線</t>
  </si>
  <si>
    <t>海老江8号線</t>
  </si>
  <si>
    <t>海老江25号線</t>
  </si>
  <si>
    <t>海老江31号線</t>
  </si>
  <si>
    <t>海老江33号線</t>
  </si>
  <si>
    <t>海老江35号線</t>
  </si>
  <si>
    <t>海老江44号線</t>
  </si>
  <si>
    <t>海老江90号線</t>
  </si>
  <si>
    <t>海老江102号線</t>
  </si>
  <si>
    <t>海老江109号線</t>
  </si>
  <si>
    <t>海老江110号線</t>
  </si>
  <si>
    <t>海老江111号線</t>
  </si>
  <si>
    <t>海老江112号線</t>
  </si>
  <si>
    <t>海老江113号線</t>
  </si>
  <si>
    <t>海老江114号線</t>
  </si>
  <si>
    <t>海老江115号線</t>
  </si>
  <si>
    <t>海老江116号線</t>
  </si>
  <si>
    <t>海老江117号線</t>
  </si>
  <si>
    <t>海老江118号線</t>
  </si>
  <si>
    <t>海老江119号線</t>
  </si>
  <si>
    <t>海老江120号線</t>
  </si>
  <si>
    <t>海老江121号線</t>
  </si>
  <si>
    <t>海老江122号線</t>
  </si>
  <si>
    <t>海老江123号線</t>
  </si>
  <si>
    <t>海老江124号線</t>
  </si>
  <si>
    <t>海老江125号線</t>
  </si>
  <si>
    <t>海老江126号線</t>
  </si>
  <si>
    <t>海老江127号線</t>
  </si>
  <si>
    <t>海老江128号線</t>
  </si>
  <si>
    <t>海老江129号線</t>
  </si>
  <si>
    <t>海老江130号線</t>
  </si>
  <si>
    <t>海老江131号線</t>
  </si>
  <si>
    <t>海老江132号線</t>
  </si>
  <si>
    <t>海老江133号線</t>
  </si>
  <si>
    <t>海老江134号線</t>
  </si>
  <si>
    <t>海老江135号線</t>
  </si>
  <si>
    <t>海老江136号線</t>
  </si>
  <si>
    <t>海老江137号線</t>
  </si>
  <si>
    <t>海老江138号線</t>
  </si>
  <si>
    <t>海老江139号線</t>
  </si>
  <si>
    <t>海老江140号線</t>
  </si>
  <si>
    <t>海老江141号線</t>
  </si>
  <si>
    <t>海老江142号線</t>
  </si>
  <si>
    <t>海老江143号線</t>
  </si>
  <si>
    <t>海老江144号線</t>
  </si>
  <si>
    <t>海老江145号線</t>
  </si>
  <si>
    <t>海老江146号線</t>
  </si>
  <si>
    <t>海老江147号線</t>
  </si>
  <si>
    <t>海老江148号線</t>
  </si>
  <si>
    <t>海老江149号線</t>
  </si>
  <si>
    <t>海老江150号線</t>
  </si>
  <si>
    <t>海老江151号線</t>
  </si>
  <si>
    <t>海老江152号線</t>
  </si>
  <si>
    <t>海老江160号線</t>
  </si>
  <si>
    <t>海老江162号線</t>
  </si>
  <si>
    <t>海老江163号線</t>
  </si>
  <si>
    <t>海老江164号線</t>
  </si>
  <si>
    <t>海老江165号線</t>
  </si>
  <si>
    <t>海老江166号線</t>
  </si>
  <si>
    <t>海老江167号線</t>
  </si>
  <si>
    <t>海老江168号線</t>
  </si>
  <si>
    <t>海老江169号線</t>
  </si>
  <si>
    <t>海老江170号線</t>
  </si>
  <si>
    <t>海老江171号線</t>
  </si>
  <si>
    <t>海老江白石線</t>
  </si>
  <si>
    <t>村道下村東部線３号橋</t>
  </si>
  <si>
    <t>市道海老江白石線  道路改良</t>
  </si>
  <si>
    <t>市道海老江白石線道路反射鏡設置工事</t>
  </si>
  <si>
    <t>村道下村東部線2号橋</t>
  </si>
  <si>
    <t>八島橋</t>
  </si>
  <si>
    <t>長島橋</t>
  </si>
  <si>
    <t>村道下村東部線１号橋</t>
  </si>
  <si>
    <t>海老江173号線</t>
  </si>
  <si>
    <t>海老江174号線</t>
  </si>
  <si>
    <t>海老江176号線</t>
  </si>
  <si>
    <t>海老江177号線</t>
  </si>
  <si>
    <t>海老江178号線</t>
  </si>
  <si>
    <t>海老江179号線</t>
  </si>
  <si>
    <t>海老江180号線</t>
  </si>
  <si>
    <t>海老江181号線</t>
  </si>
  <si>
    <t>海老江182号線</t>
  </si>
  <si>
    <t>海老江183号線</t>
  </si>
  <si>
    <t>海老江184号線</t>
  </si>
  <si>
    <t>海老江185号線</t>
  </si>
  <si>
    <t>海老江186号線</t>
  </si>
  <si>
    <t>片口1号線</t>
  </si>
  <si>
    <t>片口2号線</t>
  </si>
  <si>
    <t>片口3号線</t>
  </si>
  <si>
    <t>片口4号線</t>
  </si>
  <si>
    <t>片口5号線</t>
  </si>
  <si>
    <t>片口6号線</t>
  </si>
  <si>
    <t>片口7号線</t>
  </si>
  <si>
    <t>片口8号線</t>
  </si>
  <si>
    <t>片口9号線</t>
  </si>
  <si>
    <t>片口10号線</t>
  </si>
  <si>
    <t>片口11号線</t>
  </si>
  <si>
    <t>市道片口11号線  自由勾配側溝</t>
  </si>
  <si>
    <t>片口12号線</t>
  </si>
  <si>
    <t>片口13号線</t>
  </si>
  <si>
    <t>片口14号線</t>
  </si>
  <si>
    <t>片口15号線</t>
  </si>
  <si>
    <t>片口16号線</t>
  </si>
  <si>
    <t>片口17号線</t>
  </si>
  <si>
    <t>片口18号線</t>
  </si>
  <si>
    <t>片口19号線</t>
  </si>
  <si>
    <t>片口20号線</t>
  </si>
  <si>
    <t>片口21号線</t>
  </si>
  <si>
    <t>片口22号線</t>
  </si>
  <si>
    <t>片口23号線</t>
  </si>
  <si>
    <t>片口24号線</t>
  </si>
  <si>
    <t>片口25号線</t>
  </si>
  <si>
    <t>片口26号線</t>
  </si>
  <si>
    <t>片口27号線</t>
  </si>
  <si>
    <t>片口28号線</t>
  </si>
  <si>
    <t>片口29号線</t>
  </si>
  <si>
    <t>片口30号線</t>
  </si>
  <si>
    <t>片口31号線</t>
  </si>
  <si>
    <t>片口32号線</t>
  </si>
  <si>
    <t>片口33号線</t>
  </si>
  <si>
    <t>片口34号線</t>
  </si>
  <si>
    <t>片口35号線</t>
  </si>
  <si>
    <t>片口36号線</t>
  </si>
  <si>
    <t>片口36号線　側溝</t>
  </si>
  <si>
    <t>市道片口36号線横断防止柵設置工事</t>
  </si>
  <si>
    <t>市道片口36号線　道路改良工事</t>
  </si>
  <si>
    <t>片口37号線</t>
  </si>
  <si>
    <t>片口38号線</t>
  </si>
  <si>
    <t>片口39号線</t>
  </si>
  <si>
    <t>片口40号線</t>
  </si>
  <si>
    <t>片口41号線</t>
  </si>
  <si>
    <t>片口42号線</t>
  </si>
  <si>
    <t>市道片口４２号線横断防止柵設置工事</t>
  </si>
  <si>
    <t>片口43号線</t>
  </si>
  <si>
    <t>悠基橋</t>
  </si>
  <si>
    <t>片口43号線　側溝</t>
  </si>
  <si>
    <t>片口44号線</t>
  </si>
  <si>
    <t>片口45号線</t>
  </si>
  <si>
    <t>片口46号線</t>
  </si>
  <si>
    <t>片口47号線</t>
  </si>
  <si>
    <t>片口48号線</t>
  </si>
  <si>
    <t>片口49号線</t>
  </si>
  <si>
    <t>片口50号線</t>
  </si>
  <si>
    <t>久々江橋</t>
  </si>
  <si>
    <t>片口51号線</t>
  </si>
  <si>
    <t>片口52号線</t>
  </si>
  <si>
    <t>市道片口52号線外側溝補修工事</t>
  </si>
  <si>
    <t>片口53号線</t>
  </si>
  <si>
    <t>片口54号線</t>
  </si>
  <si>
    <t>片口55号線</t>
  </si>
  <si>
    <t>片口56号線</t>
  </si>
  <si>
    <t>片口57号線</t>
  </si>
  <si>
    <t>片口58号線</t>
  </si>
  <si>
    <t>片口58号線　植樹帯</t>
  </si>
  <si>
    <t>片口60号線</t>
  </si>
  <si>
    <t>片口61号線</t>
  </si>
  <si>
    <t>片口62号線</t>
  </si>
  <si>
    <t>市道片口62号線グレーチング蓋設置工事</t>
  </si>
  <si>
    <t>片口64号線</t>
  </si>
  <si>
    <t>片口65号線</t>
  </si>
  <si>
    <t>片口66号線</t>
  </si>
  <si>
    <t>片口67号線</t>
  </si>
  <si>
    <t>片口68号線</t>
  </si>
  <si>
    <t>片口69号線</t>
  </si>
  <si>
    <t>片口70号線</t>
  </si>
  <si>
    <t>片口71号線</t>
  </si>
  <si>
    <t>片口72号線</t>
  </si>
  <si>
    <t>片口73号線</t>
  </si>
  <si>
    <t>片口74号線</t>
  </si>
  <si>
    <t>片口75号線</t>
  </si>
  <si>
    <t>片口76号線</t>
  </si>
  <si>
    <t>片口77号線</t>
  </si>
  <si>
    <t>片口78号線</t>
  </si>
  <si>
    <t>片口79号線</t>
  </si>
  <si>
    <t>片口80号線</t>
  </si>
  <si>
    <t>片口81号線</t>
  </si>
  <si>
    <t>片口82号線</t>
  </si>
  <si>
    <t>片口83号線</t>
  </si>
  <si>
    <t>片口84号線</t>
  </si>
  <si>
    <t>片口85号線</t>
  </si>
  <si>
    <t>片口86号線</t>
  </si>
  <si>
    <t>片口87号線</t>
  </si>
  <si>
    <t>片口88号線</t>
  </si>
  <si>
    <t>片口89号線</t>
  </si>
  <si>
    <t>片口90号線</t>
  </si>
  <si>
    <t>片口91号線</t>
  </si>
  <si>
    <t>片口92号線</t>
  </si>
  <si>
    <t>片口93号線</t>
  </si>
  <si>
    <t>片口94号線</t>
  </si>
  <si>
    <t>片口95号線</t>
  </si>
  <si>
    <t>片口96号線</t>
  </si>
  <si>
    <t>片口97号線</t>
  </si>
  <si>
    <t>片口98号線</t>
  </si>
  <si>
    <t>片口99号線</t>
  </si>
  <si>
    <t>片口100号線</t>
  </si>
  <si>
    <t>片口101号線</t>
  </si>
  <si>
    <t>片口102号線</t>
  </si>
  <si>
    <t>片口103号線</t>
  </si>
  <si>
    <t>片口104号線</t>
  </si>
  <si>
    <t>片口105号線</t>
  </si>
  <si>
    <t>片口106号線</t>
  </si>
  <si>
    <t>片口107号線</t>
  </si>
  <si>
    <t>片口108号線</t>
  </si>
  <si>
    <t>片口109号線</t>
  </si>
  <si>
    <t>片口110号線</t>
  </si>
  <si>
    <t>片口111号線</t>
  </si>
  <si>
    <t>市道片口111号線視線誘導標</t>
  </si>
  <si>
    <t>片口112号線</t>
  </si>
  <si>
    <t>片口113号線</t>
  </si>
  <si>
    <t>片口114号線</t>
  </si>
  <si>
    <t>片口115号線</t>
  </si>
  <si>
    <t>片口116号線</t>
  </si>
  <si>
    <t>片口117号線</t>
  </si>
  <si>
    <t>片口118号線</t>
  </si>
  <si>
    <t>片口119号線</t>
  </si>
  <si>
    <t>旧新湊清掃事務所　側溝等</t>
  </si>
  <si>
    <t>片口120号線</t>
  </si>
  <si>
    <t>新湊1号線</t>
  </si>
  <si>
    <t>市道新湊1号線道路側溝</t>
  </si>
  <si>
    <t>新湊2号線</t>
  </si>
  <si>
    <t>茂八橋</t>
  </si>
  <si>
    <t>新湊3号線</t>
  </si>
  <si>
    <t>新湊4号線</t>
  </si>
  <si>
    <t>新湊5号線</t>
  </si>
  <si>
    <t>新湊6号線</t>
  </si>
  <si>
    <t>新湊7号線</t>
  </si>
  <si>
    <t>新湊8号線</t>
  </si>
  <si>
    <t>新湊9号線</t>
  </si>
  <si>
    <t>新湊10号線</t>
  </si>
  <si>
    <t>新湊11号線</t>
  </si>
  <si>
    <t>新湊12号線</t>
  </si>
  <si>
    <t>新湊13号線</t>
  </si>
  <si>
    <t>新湊14号線</t>
  </si>
  <si>
    <t>新湊15号線</t>
  </si>
  <si>
    <t>新湊16号線</t>
  </si>
  <si>
    <t>新湊17号線</t>
  </si>
  <si>
    <t>新湊18号線</t>
  </si>
  <si>
    <t>新湊19号線</t>
  </si>
  <si>
    <t>新湊20号線</t>
  </si>
  <si>
    <t>桜橋</t>
  </si>
  <si>
    <t>新湊21号線</t>
  </si>
  <si>
    <t>新湊22号線</t>
  </si>
  <si>
    <t>新湊23号線</t>
  </si>
  <si>
    <t>新湊24号線</t>
  </si>
  <si>
    <t>新湊25号線</t>
  </si>
  <si>
    <t>新湊26号線</t>
  </si>
  <si>
    <t>新湊27号線</t>
  </si>
  <si>
    <t>新湊28号線</t>
  </si>
  <si>
    <t>新湊29号線</t>
  </si>
  <si>
    <t>新湊30号線</t>
  </si>
  <si>
    <t>新湊31号線</t>
  </si>
  <si>
    <t>新湊32号線</t>
  </si>
  <si>
    <t>新湊33号線</t>
  </si>
  <si>
    <t>新湊34号線</t>
  </si>
  <si>
    <t>新湊35号線</t>
  </si>
  <si>
    <t>新湊36号線</t>
  </si>
  <si>
    <t>新湊37号線</t>
  </si>
  <si>
    <t>新湊38号線</t>
  </si>
  <si>
    <t>新湊38号線外1　道路改良</t>
  </si>
  <si>
    <t>新湊39号線</t>
  </si>
  <si>
    <t>新湊40号線</t>
  </si>
  <si>
    <t>新湊41号線</t>
  </si>
  <si>
    <t>新湊42号線</t>
  </si>
  <si>
    <t>新湊43号線</t>
  </si>
  <si>
    <t>新湊44号線</t>
  </si>
  <si>
    <t>新湊45号線</t>
  </si>
  <si>
    <t>新湊46号線</t>
  </si>
  <si>
    <t>新湊47号線</t>
  </si>
  <si>
    <t>新湊48号線</t>
  </si>
  <si>
    <t>新湊49号線</t>
  </si>
  <si>
    <t>新湊50号線</t>
  </si>
  <si>
    <t>新湊51号線</t>
  </si>
  <si>
    <t>新湊52号線</t>
  </si>
  <si>
    <t>新湊53号線</t>
  </si>
  <si>
    <t>新湊54号線</t>
  </si>
  <si>
    <t>新湊54号線　集水桝</t>
  </si>
  <si>
    <t>新湊55号線</t>
  </si>
  <si>
    <t>新湊56号線</t>
  </si>
  <si>
    <t>新湊57号線</t>
  </si>
  <si>
    <t>新湊58号線</t>
  </si>
  <si>
    <t>新湊59号線</t>
  </si>
  <si>
    <t>市道新湊59号線側溝補修工事</t>
  </si>
  <si>
    <t>新湊60号線</t>
  </si>
  <si>
    <t>新湊61号線</t>
  </si>
  <si>
    <t>新湊62号線</t>
  </si>
  <si>
    <t>新湊63号線</t>
  </si>
  <si>
    <t>新湊64号線</t>
  </si>
  <si>
    <t>新湊65号線</t>
  </si>
  <si>
    <t>新湊66号線</t>
  </si>
  <si>
    <t>新湊67号線</t>
  </si>
  <si>
    <t>新湊68号線</t>
  </si>
  <si>
    <t>新湊69号線</t>
  </si>
  <si>
    <t>新湊70号線</t>
  </si>
  <si>
    <t>新湊71号線</t>
  </si>
  <si>
    <t>新湊72号線</t>
  </si>
  <si>
    <t>新湊73号線</t>
  </si>
  <si>
    <t>新湊74号線</t>
  </si>
  <si>
    <t>新湊75号線</t>
  </si>
  <si>
    <t>新湊76号線</t>
  </si>
  <si>
    <t>新湊77号線</t>
  </si>
  <si>
    <t>新湊78号線</t>
  </si>
  <si>
    <t>新湊79号線</t>
  </si>
  <si>
    <t>新湊80号線</t>
  </si>
  <si>
    <t>新湊81号線</t>
  </si>
  <si>
    <t>新湊82号線</t>
  </si>
  <si>
    <t>新湊83号線</t>
  </si>
  <si>
    <t>新湊84号線</t>
  </si>
  <si>
    <t>新西橋</t>
  </si>
  <si>
    <t>新湊85号線</t>
  </si>
  <si>
    <t>新湊86号線</t>
  </si>
  <si>
    <t>新湊87号線</t>
  </si>
  <si>
    <t>新湊88号線</t>
  </si>
  <si>
    <t>新湊89号線</t>
  </si>
  <si>
    <t>新湊90号線</t>
  </si>
  <si>
    <t>新湊91号線</t>
  </si>
  <si>
    <t>新湊92号線</t>
  </si>
  <si>
    <t>新湊93号線</t>
  </si>
  <si>
    <t>新湊94号線</t>
  </si>
  <si>
    <t>新湊95号線</t>
  </si>
  <si>
    <t>新湊96号線</t>
  </si>
  <si>
    <t>新湊97号線</t>
  </si>
  <si>
    <t>新湊98号線</t>
  </si>
  <si>
    <t>新湊99号線</t>
  </si>
  <si>
    <t>新湊中部公園　園路広場</t>
  </si>
  <si>
    <t>新湊中部公園　公園施設</t>
  </si>
  <si>
    <t>新湊100号線</t>
  </si>
  <si>
    <t>新湊101号線</t>
  </si>
  <si>
    <t>新湊102号線</t>
  </si>
  <si>
    <t>新湊103号線</t>
  </si>
  <si>
    <t>新湊104号線</t>
  </si>
  <si>
    <t>新湊105号線</t>
  </si>
  <si>
    <t>新湊106号線</t>
  </si>
  <si>
    <t>新湊107号線</t>
  </si>
  <si>
    <t>新湊108号線</t>
  </si>
  <si>
    <t>新湊109号線</t>
  </si>
  <si>
    <t>新湊110号線</t>
  </si>
  <si>
    <t>新湊111号線</t>
  </si>
  <si>
    <t>新湊112号線</t>
  </si>
  <si>
    <t>新湊113号線</t>
  </si>
  <si>
    <t>新湊114号線</t>
  </si>
  <si>
    <t>新湊115号線</t>
  </si>
  <si>
    <t>新湊116号線</t>
  </si>
  <si>
    <t>新湊117号線</t>
  </si>
  <si>
    <t>新湊118号線</t>
  </si>
  <si>
    <t>新湊119号線</t>
  </si>
  <si>
    <t>新湊120号線</t>
  </si>
  <si>
    <t>新湊121号線</t>
  </si>
  <si>
    <t>新湊122号線</t>
  </si>
  <si>
    <t>新湊123号線</t>
  </si>
  <si>
    <t>新湊124号線</t>
  </si>
  <si>
    <t>新湊125号線</t>
  </si>
  <si>
    <t>新湊126号線</t>
  </si>
  <si>
    <t>新湊127号線</t>
  </si>
  <si>
    <t>新湊128号線</t>
  </si>
  <si>
    <t>新湊129号線</t>
  </si>
  <si>
    <t>新湊130号線</t>
  </si>
  <si>
    <t>新湊131号線</t>
  </si>
  <si>
    <t>新湊132号線</t>
  </si>
  <si>
    <t>新湊133号線</t>
  </si>
  <si>
    <t>新湊134号線</t>
  </si>
  <si>
    <t>新湊135号線</t>
  </si>
  <si>
    <t>新湊136号線</t>
  </si>
  <si>
    <t>新湊137号線</t>
  </si>
  <si>
    <t>新湊138号線</t>
  </si>
  <si>
    <t>新湊139号線</t>
  </si>
  <si>
    <t>新湊140号線</t>
  </si>
  <si>
    <t>新湊141号線</t>
  </si>
  <si>
    <t>新湊142号線</t>
  </si>
  <si>
    <t>新湊143号線</t>
  </si>
  <si>
    <t>新湊144号線</t>
  </si>
  <si>
    <t>新湊145号線</t>
  </si>
  <si>
    <t>新湊145号線　暗渠</t>
  </si>
  <si>
    <t>新湊146号線</t>
  </si>
  <si>
    <t>新湊147号線</t>
  </si>
  <si>
    <t>新湊148号線</t>
  </si>
  <si>
    <t>新湊148号線　横断暗渠</t>
  </si>
  <si>
    <t>新湊149号線</t>
  </si>
  <si>
    <t>新湊150号線</t>
  </si>
  <si>
    <t>新湊151号線</t>
  </si>
  <si>
    <t>新湊152号線</t>
  </si>
  <si>
    <t>新湊153号線</t>
  </si>
  <si>
    <t>新湊154号線</t>
  </si>
  <si>
    <t>新湊155号線</t>
  </si>
  <si>
    <t>新湊156号線</t>
  </si>
  <si>
    <t>新湊157号線</t>
  </si>
  <si>
    <t>新湊158号線</t>
  </si>
  <si>
    <t>新湊159号線</t>
  </si>
  <si>
    <t>新湊160号線</t>
  </si>
  <si>
    <t>新湊161号線</t>
  </si>
  <si>
    <t>新湊162号線</t>
  </si>
  <si>
    <t>新湊163号線</t>
  </si>
  <si>
    <t>新湊164号線</t>
  </si>
  <si>
    <t>新湊165号線</t>
  </si>
  <si>
    <t>新湊166号線</t>
  </si>
  <si>
    <t>新湊167号線</t>
  </si>
  <si>
    <t>新湊168号線</t>
  </si>
  <si>
    <t>新湊169号線</t>
  </si>
  <si>
    <t>新湊170号線</t>
  </si>
  <si>
    <t>新湊171号線</t>
  </si>
  <si>
    <t>新湊172号線</t>
  </si>
  <si>
    <t>新湊173号線</t>
  </si>
  <si>
    <t>新湊174号線</t>
  </si>
  <si>
    <t>新湊175号線</t>
  </si>
  <si>
    <t>新湊176号線</t>
  </si>
  <si>
    <t>新湊177号線</t>
  </si>
  <si>
    <t>新湊178号線</t>
  </si>
  <si>
    <t>新湊179号線</t>
  </si>
  <si>
    <t>新湊180号線</t>
  </si>
  <si>
    <t>新湊181号線</t>
  </si>
  <si>
    <t>新湊182号線</t>
  </si>
  <si>
    <t>新湊183号線</t>
  </si>
  <si>
    <t>新湊184号線</t>
  </si>
  <si>
    <t>新湊185号線</t>
  </si>
  <si>
    <t>新湊186号線</t>
  </si>
  <si>
    <t>新湊188号線</t>
  </si>
  <si>
    <t>新湊189号線</t>
  </si>
  <si>
    <t>市道新湊189号線　道路改良</t>
  </si>
  <si>
    <t>新湊190号線</t>
  </si>
  <si>
    <t>新湊191号線</t>
  </si>
  <si>
    <t>新湊192号線</t>
  </si>
  <si>
    <t>中の橋</t>
  </si>
  <si>
    <t>新湊193号線</t>
  </si>
  <si>
    <t>新湊196号線</t>
  </si>
  <si>
    <t>新湊197号線</t>
  </si>
  <si>
    <t>新湊198号線</t>
  </si>
  <si>
    <t>中新橋</t>
  </si>
  <si>
    <t>歩道橋</t>
  </si>
  <si>
    <t>新湊199号線</t>
  </si>
  <si>
    <t>新湊201号線</t>
  </si>
  <si>
    <t>新湊202号線</t>
  </si>
  <si>
    <t>新湊203号線</t>
  </si>
  <si>
    <t>新湊204号線</t>
  </si>
  <si>
    <t>放生津地区住宅市街地総合整備事業　市道新湊２０４号線側溝整備（その2）工事</t>
  </si>
  <si>
    <t>新湊205号線</t>
  </si>
  <si>
    <t>新湊206号線</t>
  </si>
  <si>
    <t>新湊207号線</t>
  </si>
  <si>
    <t>新湊208号線</t>
  </si>
  <si>
    <t>新湊209号線</t>
  </si>
  <si>
    <t>新湊210号線</t>
  </si>
  <si>
    <t>新湊211号線</t>
  </si>
  <si>
    <t>新湊212号線</t>
  </si>
  <si>
    <t>新湊213号線</t>
  </si>
  <si>
    <t>新湊214号線</t>
  </si>
  <si>
    <t>新湊215号線</t>
  </si>
  <si>
    <t>新湊216号線</t>
  </si>
  <si>
    <t>新湊217号線</t>
  </si>
  <si>
    <t>新湊218号線</t>
  </si>
  <si>
    <t>新湊219号線</t>
  </si>
  <si>
    <t>新湊220号線</t>
  </si>
  <si>
    <t>新湊221号線</t>
  </si>
  <si>
    <t>新湊222号線</t>
  </si>
  <si>
    <t>新湊223号線</t>
  </si>
  <si>
    <t>新湊225号線</t>
  </si>
  <si>
    <t>新湊227号線</t>
  </si>
  <si>
    <t>新湊228号線</t>
  </si>
  <si>
    <t>新湊229号線</t>
  </si>
  <si>
    <t>新湊230号線</t>
  </si>
  <si>
    <t>新湊231号線</t>
  </si>
  <si>
    <t>新湊232号線</t>
  </si>
  <si>
    <t>新湊233号線</t>
  </si>
  <si>
    <t>新湊234号線</t>
  </si>
  <si>
    <t>新湊235号線</t>
  </si>
  <si>
    <t>新湊236号線</t>
  </si>
  <si>
    <t>新湊237号線</t>
  </si>
  <si>
    <t>新湊238号線</t>
  </si>
  <si>
    <t>新湊239号線</t>
  </si>
  <si>
    <t>新湊240号線</t>
  </si>
  <si>
    <t>新湊241号線</t>
  </si>
  <si>
    <t>新湊243号線</t>
  </si>
  <si>
    <t>新湊244号線</t>
  </si>
  <si>
    <t>新湊245号線</t>
  </si>
  <si>
    <t>新湊246号線</t>
  </si>
  <si>
    <t>新湊248号線</t>
  </si>
  <si>
    <t>新湊249号線</t>
  </si>
  <si>
    <t>市道新湊249号線道路横断側溝</t>
  </si>
  <si>
    <t>新湊250号線</t>
  </si>
  <si>
    <t>新湊251号線</t>
  </si>
  <si>
    <t>新湊252号線</t>
  </si>
  <si>
    <t>新湊253号線</t>
  </si>
  <si>
    <t>新湊254号線</t>
  </si>
  <si>
    <t>新湊255号線</t>
  </si>
  <si>
    <t>新湊256号線</t>
  </si>
  <si>
    <t>新湊257号線</t>
  </si>
  <si>
    <t>新湊258号線</t>
  </si>
  <si>
    <t>新湊259号線</t>
  </si>
  <si>
    <t>新湊260号線</t>
  </si>
  <si>
    <t>新湊262号線</t>
  </si>
  <si>
    <t>新湊263号線</t>
  </si>
  <si>
    <t>新湊264号線</t>
  </si>
  <si>
    <t>新湊265号線</t>
  </si>
  <si>
    <t>新湊266号線</t>
  </si>
  <si>
    <t>新湊267号線</t>
  </si>
  <si>
    <t>新湊268号線</t>
  </si>
  <si>
    <t>新湊269号線</t>
  </si>
  <si>
    <t>新湊270号線</t>
  </si>
  <si>
    <t>新湊271号線</t>
  </si>
  <si>
    <t>新湊272号線</t>
  </si>
  <si>
    <t>新湊274号線</t>
  </si>
  <si>
    <t>新湊275号線</t>
  </si>
  <si>
    <t>新湊276号線</t>
  </si>
  <si>
    <t>新湊277号線</t>
  </si>
  <si>
    <t>新湊278号線</t>
  </si>
  <si>
    <t>新湊279号線</t>
  </si>
  <si>
    <t>新湊280号線</t>
  </si>
  <si>
    <t>東橋</t>
  </si>
  <si>
    <t>新湊281号線</t>
  </si>
  <si>
    <t>新湊282号線</t>
  </si>
  <si>
    <t>新湊283号線</t>
  </si>
  <si>
    <t>新湊284号線</t>
  </si>
  <si>
    <t>新湊285号線</t>
  </si>
  <si>
    <t>新湊286号線</t>
  </si>
  <si>
    <t>新湊287号線</t>
  </si>
  <si>
    <t>新湊288号線</t>
  </si>
  <si>
    <t>新湊289号線</t>
  </si>
  <si>
    <t>新湊290号線</t>
  </si>
  <si>
    <t>新湊291号線</t>
  </si>
  <si>
    <t>新湊292号線</t>
  </si>
  <si>
    <t>新湊293号線</t>
  </si>
  <si>
    <t>新湊242-2号線</t>
  </si>
  <si>
    <t>作道1号線</t>
  </si>
  <si>
    <t>作道2号線</t>
  </si>
  <si>
    <t>作道3号線</t>
  </si>
  <si>
    <t>作道4号線</t>
  </si>
  <si>
    <t>作道5号線</t>
  </si>
  <si>
    <t>作道6号線</t>
  </si>
  <si>
    <t>作道7号線</t>
  </si>
  <si>
    <t>作道8号線</t>
  </si>
  <si>
    <t>作道9号線</t>
  </si>
  <si>
    <t>作道10号線</t>
  </si>
  <si>
    <t>作道11号線</t>
  </si>
  <si>
    <t>作道12号線</t>
  </si>
  <si>
    <t>作道13号線</t>
  </si>
  <si>
    <t>作道14号線</t>
  </si>
  <si>
    <t>作道15号線</t>
  </si>
  <si>
    <t>作道16号線</t>
  </si>
  <si>
    <t>作道17号線</t>
  </si>
  <si>
    <t>作道18号線</t>
  </si>
  <si>
    <t>作道18号線　転落防止柵</t>
  </si>
  <si>
    <t>作道19号線</t>
  </si>
  <si>
    <t>作道20号線</t>
  </si>
  <si>
    <t>作道21号線</t>
  </si>
  <si>
    <t>作道22号線</t>
  </si>
  <si>
    <t>作道23号線</t>
  </si>
  <si>
    <t>作道24号線</t>
  </si>
  <si>
    <t>作道25号線</t>
  </si>
  <si>
    <t>作道26号線</t>
  </si>
  <si>
    <t>作道27号線</t>
  </si>
  <si>
    <t>作道28号線</t>
  </si>
  <si>
    <t>作道29号線</t>
  </si>
  <si>
    <t>作道30号線</t>
  </si>
  <si>
    <t>作道31号線</t>
  </si>
  <si>
    <t>作道32号線</t>
  </si>
  <si>
    <t>作道33号線</t>
  </si>
  <si>
    <t>作道34号線</t>
  </si>
  <si>
    <t>作道35号線</t>
  </si>
  <si>
    <t>作道36号線</t>
  </si>
  <si>
    <t>作道37号線</t>
  </si>
  <si>
    <t>作道38号線</t>
  </si>
  <si>
    <t>作道39号線</t>
  </si>
  <si>
    <t>作道40号線</t>
  </si>
  <si>
    <t>作道41号線</t>
  </si>
  <si>
    <t>作道42号線</t>
  </si>
  <si>
    <t>作道43号線</t>
  </si>
  <si>
    <t>作道44号線</t>
  </si>
  <si>
    <t>作道45号線</t>
  </si>
  <si>
    <t>作道46号線</t>
  </si>
  <si>
    <t>作道47号線</t>
  </si>
  <si>
    <t>作道48号線</t>
  </si>
  <si>
    <t>作道49号線</t>
  </si>
  <si>
    <t>高島橋</t>
  </si>
  <si>
    <t>作道50号線</t>
  </si>
  <si>
    <t>市道作道50号線道路反射鏡設置工事</t>
  </si>
  <si>
    <t>作道51号線</t>
  </si>
  <si>
    <t>作道52号線</t>
  </si>
  <si>
    <t>作道54号線</t>
  </si>
  <si>
    <t>作道55号線</t>
  </si>
  <si>
    <t>東神楽橋</t>
  </si>
  <si>
    <t>作道５５号線　道路反射鏡</t>
  </si>
  <si>
    <t>作道56号線</t>
  </si>
  <si>
    <t>作道57号線</t>
  </si>
  <si>
    <t>作道58号線</t>
  </si>
  <si>
    <t>作道59号線</t>
  </si>
  <si>
    <t>作道60号線</t>
  </si>
  <si>
    <t>作道61号線</t>
  </si>
  <si>
    <t>御神巌橋</t>
  </si>
  <si>
    <t>作道62号線</t>
  </si>
  <si>
    <t>作道63号線</t>
  </si>
  <si>
    <t>作道64号線</t>
  </si>
  <si>
    <t>作道65号線</t>
  </si>
  <si>
    <t>作道66号線</t>
  </si>
  <si>
    <t>作道67号線</t>
  </si>
  <si>
    <t>作道68号線</t>
  </si>
  <si>
    <t>作道69号線</t>
  </si>
  <si>
    <t>作道70号線</t>
  </si>
  <si>
    <t>市道作道70号線  自由勾配側溝</t>
  </si>
  <si>
    <t>作道70号線　側溝</t>
  </si>
  <si>
    <t>作道71号線</t>
  </si>
  <si>
    <t>作道72号線</t>
  </si>
  <si>
    <t>作道73号線</t>
  </si>
  <si>
    <t>作道74号線</t>
  </si>
  <si>
    <t>作道75号線</t>
  </si>
  <si>
    <t>市道作道75号線集水桝外</t>
  </si>
  <si>
    <t>作道76号線</t>
  </si>
  <si>
    <t>作道77号線</t>
  </si>
  <si>
    <t>作道77号線　自由勾配側溝</t>
  </si>
  <si>
    <t>作道78号線</t>
  </si>
  <si>
    <t>作道79号線</t>
  </si>
  <si>
    <t>作道80号線</t>
  </si>
  <si>
    <t>作道81号線</t>
  </si>
  <si>
    <t>作道82号線</t>
  </si>
  <si>
    <t>作道83号線</t>
  </si>
  <si>
    <t>作道84号線</t>
  </si>
  <si>
    <t>作道85号線</t>
  </si>
  <si>
    <t>作道86号線</t>
  </si>
  <si>
    <t>作道87号線</t>
  </si>
  <si>
    <t>作道88号線</t>
  </si>
  <si>
    <t>作道89号線</t>
  </si>
  <si>
    <t>作道90号線</t>
  </si>
  <si>
    <t>作道91号線</t>
  </si>
  <si>
    <t>作道91号線　防護柵</t>
  </si>
  <si>
    <t>作道92号線</t>
  </si>
  <si>
    <t>作道93号線</t>
  </si>
  <si>
    <t>作道94号線</t>
  </si>
  <si>
    <t>作道95号線</t>
  </si>
  <si>
    <t>作道96号線</t>
  </si>
  <si>
    <t>作道97号線</t>
  </si>
  <si>
    <t>作道98号線</t>
  </si>
  <si>
    <t>作道99号線</t>
  </si>
  <si>
    <t>作道100号線</t>
  </si>
  <si>
    <t>作道101号線</t>
  </si>
  <si>
    <t>作道102号線</t>
  </si>
  <si>
    <t>作道103号線</t>
  </si>
  <si>
    <t>作道104号線</t>
  </si>
  <si>
    <t>作道105号線</t>
  </si>
  <si>
    <t>作道106号線</t>
  </si>
  <si>
    <t>作道107号線</t>
  </si>
  <si>
    <t>作道108号線</t>
  </si>
  <si>
    <t>作道109号線</t>
  </si>
  <si>
    <t>作道110号線</t>
  </si>
  <si>
    <t>作道111号線</t>
  </si>
  <si>
    <t>作道112号線</t>
  </si>
  <si>
    <t>作道113号線</t>
  </si>
  <si>
    <t>作道114号線</t>
  </si>
  <si>
    <t>作道115号線</t>
  </si>
  <si>
    <t>作道116号線</t>
  </si>
  <si>
    <t>作道117号線</t>
  </si>
  <si>
    <t>作道118号線</t>
  </si>
  <si>
    <t>作道119号線</t>
  </si>
  <si>
    <t>作道120号線</t>
  </si>
  <si>
    <t>作道121号線</t>
  </si>
  <si>
    <t>作道122号線</t>
  </si>
  <si>
    <t>作道123号線</t>
  </si>
  <si>
    <t>作道124号線</t>
  </si>
  <si>
    <t>作道125号線</t>
  </si>
  <si>
    <t>作道126号線</t>
  </si>
  <si>
    <t>作道127号線</t>
  </si>
  <si>
    <t>作道128号線</t>
  </si>
  <si>
    <t>作道129号線</t>
  </si>
  <si>
    <t>作道130号線</t>
  </si>
  <si>
    <t>作道131号線</t>
  </si>
  <si>
    <t>作道132号線</t>
  </si>
  <si>
    <t>作道133号線</t>
  </si>
  <si>
    <t>作道134号線</t>
  </si>
  <si>
    <t>作道135号線</t>
  </si>
  <si>
    <t>作道136号線</t>
  </si>
  <si>
    <t>作道137号線</t>
  </si>
  <si>
    <t>作道138号線</t>
  </si>
  <si>
    <t>作道139号線</t>
  </si>
  <si>
    <t>作道140号線</t>
  </si>
  <si>
    <t>作道141号線</t>
  </si>
  <si>
    <t>作道142号線</t>
  </si>
  <si>
    <t>作道143号線</t>
  </si>
  <si>
    <t>作道144号線</t>
  </si>
  <si>
    <t>作道145号線</t>
  </si>
  <si>
    <t>市道作道145号線側溝設置</t>
  </si>
  <si>
    <t>作道146号線</t>
  </si>
  <si>
    <t>作道147号線</t>
  </si>
  <si>
    <t>作道148号線</t>
  </si>
  <si>
    <t>作道149号線</t>
  </si>
  <si>
    <t>作道150号線</t>
  </si>
  <si>
    <t>１５０－1号橋</t>
  </si>
  <si>
    <t>市道作道150号線側溝設置工事</t>
  </si>
  <si>
    <t>作道151号線</t>
  </si>
  <si>
    <t>作道152号線</t>
  </si>
  <si>
    <t>作道153号線</t>
  </si>
  <si>
    <t>作道154号線</t>
  </si>
  <si>
    <t>作道155号線</t>
  </si>
  <si>
    <t>作道156号線</t>
  </si>
  <si>
    <t>作道157号線</t>
  </si>
  <si>
    <t>作道158号線</t>
  </si>
  <si>
    <t>作道159号線</t>
  </si>
  <si>
    <t>作道160号線</t>
  </si>
  <si>
    <t>作道161号線</t>
  </si>
  <si>
    <t>作道162号線</t>
  </si>
  <si>
    <t>作道163号線</t>
  </si>
  <si>
    <t>作道164号線</t>
  </si>
  <si>
    <t>市道作道164号線外道路反射鏡設置</t>
  </si>
  <si>
    <t>作道165号線</t>
  </si>
  <si>
    <t>作道166号線</t>
  </si>
  <si>
    <t>作道167号線</t>
  </si>
  <si>
    <t>作道168号線</t>
  </si>
  <si>
    <t>作道169号線</t>
  </si>
  <si>
    <t>作道170号線</t>
  </si>
  <si>
    <t>市道作道170号線　道路改良</t>
  </si>
  <si>
    <t>作道171号線</t>
  </si>
  <si>
    <t>作道172号線</t>
  </si>
  <si>
    <t>作道173号線</t>
  </si>
  <si>
    <t>作道174号線</t>
  </si>
  <si>
    <t>作道175号線</t>
  </si>
  <si>
    <t>市道作道175号線　路肩改良</t>
  </si>
  <si>
    <t>作道175号線　路肩（改良）</t>
  </si>
  <si>
    <t>作道176号線</t>
  </si>
  <si>
    <t>作道177号線</t>
  </si>
  <si>
    <t>高島橋２</t>
  </si>
  <si>
    <t>作道179号線</t>
  </si>
  <si>
    <t>作道180号線</t>
  </si>
  <si>
    <t>作道181号線</t>
  </si>
  <si>
    <t>作道182号線</t>
  </si>
  <si>
    <t>作道183号線</t>
  </si>
  <si>
    <t>作道184号線</t>
  </si>
  <si>
    <t>作道184号線橋</t>
  </si>
  <si>
    <t>作道185号線</t>
  </si>
  <si>
    <t>市道作道185号線  道路舗装</t>
  </si>
  <si>
    <t>作道186号線</t>
  </si>
  <si>
    <t>作道187号線</t>
  </si>
  <si>
    <t>作道188号線</t>
  </si>
  <si>
    <t>作道189号線</t>
  </si>
  <si>
    <t>作道190号線</t>
  </si>
  <si>
    <t>作道191号線</t>
  </si>
  <si>
    <t>作道192号線</t>
  </si>
  <si>
    <t>作道193号線</t>
  </si>
  <si>
    <t>作道194号線</t>
  </si>
  <si>
    <t>作道195号線</t>
  </si>
  <si>
    <t>作道三ケ線</t>
  </si>
  <si>
    <t>今開発橋</t>
  </si>
  <si>
    <t>市道作道三ケ線  側溝</t>
  </si>
  <si>
    <t>市道作道三ケ線  道路改良</t>
  </si>
  <si>
    <t>市道作道三ケ線側溝蓋設置</t>
  </si>
  <si>
    <t>市道作道三ヶ線外側溝蓋設置工事</t>
  </si>
  <si>
    <t>作道橋</t>
  </si>
  <si>
    <t>作道歩道橋</t>
  </si>
  <si>
    <t>第二号橋</t>
  </si>
  <si>
    <t>作道197号線</t>
  </si>
  <si>
    <t>作道198号線</t>
  </si>
  <si>
    <t>作道200号線</t>
  </si>
  <si>
    <t>作道201号線</t>
  </si>
  <si>
    <t>作道202号線</t>
  </si>
  <si>
    <t>作道203号線</t>
  </si>
  <si>
    <t>作道204号線</t>
  </si>
  <si>
    <t>作道205号線</t>
  </si>
  <si>
    <t>作道206号線</t>
  </si>
  <si>
    <t>作道207号線</t>
  </si>
  <si>
    <t>作道208号線</t>
  </si>
  <si>
    <t>作道209号線</t>
  </si>
  <si>
    <t>作道210号線</t>
  </si>
  <si>
    <t>作道211号線</t>
  </si>
  <si>
    <t>作道212号線</t>
  </si>
  <si>
    <t>作道213号線</t>
  </si>
  <si>
    <t>作道214号線</t>
  </si>
  <si>
    <t>作道215号線</t>
  </si>
  <si>
    <t>作道216号線</t>
  </si>
  <si>
    <t>作道218号線</t>
  </si>
  <si>
    <t>作道219号線</t>
  </si>
  <si>
    <t>作道220号線</t>
  </si>
  <si>
    <t>作道222号線</t>
  </si>
  <si>
    <t>作道222号線　道路改良</t>
  </si>
  <si>
    <t>作道223号線</t>
  </si>
  <si>
    <t>作道224号線</t>
  </si>
  <si>
    <t>作道225号線</t>
  </si>
  <si>
    <t>作道226号線</t>
  </si>
  <si>
    <t>作道227号線</t>
  </si>
  <si>
    <t>作道228号線</t>
  </si>
  <si>
    <t>今井小杉白石線</t>
  </si>
  <si>
    <t>ふるさと大橋</t>
  </si>
  <si>
    <t>小杉白石地内　道路反射鏡</t>
  </si>
  <si>
    <t>作道230号線</t>
  </si>
  <si>
    <t>七美1号線</t>
  </si>
  <si>
    <t>七美2号線</t>
  </si>
  <si>
    <t>七美3号線</t>
  </si>
  <si>
    <t>市道七美3号線  道路改良</t>
  </si>
  <si>
    <t>七美4号線</t>
  </si>
  <si>
    <t>七美5号線</t>
  </si>
  <si>
    <t>七美6号線</t>
  </si>
  <si>
    <t>七美7号線</t>
  </si>
  <si>
    <t>七美8号線</t>
  </si>
  <si>
    <t>七美9号線</t>
  </si>
  <si>
    <t>七美10号線</t>
  </si>
  <si>
    <t>七美11号線</t>
  </si>
  <si>
    <t>七美12号線</t>
  </si>
  <si>
    <t>七美13号線</t>
  </si>
  <si>
    <t>七美14号線</t>
  </si>
  <si>
    <t>七美15号線</t>
  </si>
  <si>
    <t>七美16号線</t>
  </si>
  <si>
    <t>七美17号線</t>
  </si>
  <si>
    <t>七美18号線</t>
  </si>
  <si>
    <t>七美19号線</t>
  </si>
  <si>
    <t>七美20号線</t>
  </si>
  <si>
    <t>七美21号線</t>
  </si>
  <si>
    <t>七美22号線</t>
  </si>
  <si>
    <t>七美23号線</t>
  </si>
  <si>
    <t>東四郎橋</t>
  </si>
  <si>
    <t>七美24号線</t>
  </si>
  <si>
    <t>七美25号線</t>
  </si>
  <si>
    <t>七美26号線</t>
  </si>
  <si>
    <t>市道七美26号線  路肩改良</t>
  </si>
  <si>
    <t>七美26号線　路肩（改良）</t>
  </si>
  <si>
    <t>七美27号線</t>
  </si>
  <si>
    <t>七美28号線</t>
  </si>
  <si>
    <t>七美29号線</t>
  </si>
  <si>
    <t>七美30号線</t>
  </si>
  <si>
    <t>七美31号線</t>
  </si>
  <si>
    <t>七美32号線</t>
  </si>
  <si>
    <t>七美33号線</t>
  </si>
  <si>
    <t>七美34号線</t>
  </si>
  <si>
    <t>七美35号線</t>
  </si>
  <si>
    <t>七美36号線</t>
  </si>
  <si>
    <t>七美37号線</t>
  </si>
  <si>
    <t>七美38号線</t>
  </si>
  <si>
    <t>七美39号線</t>
  </si>
  <si>
    <t>七美40号線</t>
  </si>
  <si>
    <t>七美41号線</t>
  </si>
  <si>
    <t>七美42号線</t>
  </si>
  <si>
    <t>七美43号線</t>
  </si>
  <si>
    <t>七美44号線</t>
  </si>
  <si>
    <t>七美45号線</t>
  </si>
  <si>
    <t>七美46号線</t>
  </si>
  <si>
    <t>七美47号線</t>
  </si>
  <si>
    <t>七美48号線</t>
  </si>
  <si>
    <t>七美49号線</t>
  </si>
  <si>
    <t>七美51号線</t>
  </si>
  <si>
    <t>七美52号線</t>
  </si>
  <si>
    <t>七美53号線</t>
  </si>
  <si>
    <t>七美54号線</t>
  </si>
  <si>
    <t>七美55号線</t>
  </si>
  <si>
    <t>七美56号線</t>
  </si>
  <si>
    <t>七美57号線</t>
  </si>
  <si>
    <t>七美57号線　道路改良</t>
  </si>
  <si>
    <t>七美58号線</t>
  </si>
  <si>
    <t>七美59号線</t>
  </si>
  <si>
    <t>七美60号線</t>
  </si>
  <si>
    <t>七美61号線</t>
  </si>
  <si>
    <t>七美62号線</t>
  </si>
  <si>
    <t>七美63号線</t>
  </si>
  <si>
    <t>七美64号線</t>
  </si>
  <si>
    <t>七美65号線</t>
  </si>
  <si>
    <t>七美66号線</t>
  </si>
  <si>
    <t>七美67号線</t>
  </si>
  <si>
    <t>庄西1号線</t>
  </si>
  <si>
    <t>庄西2号線</t>
  </si>
  <si>
    <t>庄西3号線</t>
  </si>
  <si>
    <t>庄西4号線</t>
  </si>
  <si>
    <t>庄西5号線</t>
  </si>
  <si>
    <t>庄西6号線</t>
  </si>
  <si>
    <t>庄西7号線</t>
  </si>
  <si>
    <t>庄西8号線</t>
  </si>
  <si>
    <t>庄西9号線</t>
  </si>
  <si>
    <t>庄西10号線</t>
  </si>
  <si>
    <t>庄西11号線</t>
  </si>
  <si>
    <t>庄西12号線</t>
  </si>
  <si>
    <t>庄西13号線</t>
  </si>
  <si>
    <t>庄西14号線</t>
  </si>
  <si>
    <t>庄西15号線</t>
  </si>
  <si>
    <t>庄西16号線</t>
  </si>
  <si>
    <t>庄西17号線</t>
  </si>
  <si>
    <t>庄西18号線</t>
  </si>
  <si>
    <t>庄西19号線</t>
  </si>
  <si>
    <t>庄西20号線</t>
  </si>
  <si>
    <t>庄西21号線</t>
  </si>
  <si>
    <t>庄西22号線</t>
  </si>
  <si>
    <t>鹿子浦橋</t>
  </si>
  <si>
    <t>庄西23号線</t>
  </si>
  <si>
    <t>庄西24号線</t>
  </si>
  <si>
    <t>庄西25号線</t>
  </si>
  <si>
    <t>庄西26号線</t>
  </si>
  <si>
    <t>庄西27号線</t>
  </si>
  <si>
    <t>庄西27号線　側溝（改良）</t>
  </si>
  <si>
    <t>庄西28号線</t>
  </si>
  <si>
    <t>庄西28号線　道路安全施設　道路反射鏡</t>
  </si>
  <si>
    <t>庄西29号線</t>
  </si>
  <si>
    <t>庄西30号線</t>
  </si>
  <si>
    <t>庄西31号線</t>
  </si>
  <si>
    <t>庄西32号線</t>
  </si>
  <si>
    <t>庄西33号線</t>
  </si>
  <si>
    <t>庄西34号線</t>
  </si>
  <si>
    <t>庄西35号線</t>
  </si>
  <si>
    <t>庄西36号線</t>
  </si>
  <si>
    <t>庄西37号線</t>
  </si>
  <si>
    <t>庄西38号線</t>
  </si>
  <si>
    <t>庄西39号線</t>
  </si>
  <si>
    <t>庄西40号線</t>
  </si>
  <si>
    <t>庄西41号線</t>
  </si>
  <si>
    <t>庄西42号線</t>
  </si>
  <si>
    <t>庄西43号線</t>
  </si>
  <si>
    <t>庄西44号線</t>
  </si>
  <si>
    <t>庄西45号線</t>
  </si>
  <si>
    <t>庄西46号線</t>
  </si>
  <si>
    <t>庄西47号線</t>
  </si>
  <si>
    <t>塚原1号線</t>
  </si>
  <si>
    <t>塚原2号線</t>
  </si>
  <si>
    <t>塚原3号線</t>
  </si>
  <si>
    <t>塚原4号線</t>
  </si>
  <si>
    <t>塚原5号線</t>
  </si>
  <si>
    <t>塚原6号線</t>
  </si>
  <si>
    <t>塚原7号線</t>
  </si>
  <si>
    <t>塚原8号線</t>
  </si>
  <si>
    <t>塚原9号線</t>
  </si>
  <si>
    <t>塚原10号線</t>
  </si>
  <si>
    <t>市道塚原10号線道路改良工事</t>
  </si>
  <si>
    <t>塚原11号線</t>
  </si>
  <si>
    <t>塚原12号線</t>
  </si>
  <si>
    <t>塚原13号線</t>
  </si>
  <si>
    <t>塚原14号線</t>
  </si>
  <si>
    <t>塚原15号線</t>
  </si>
  <si>
    <t>塚原16号線</t>
  </si>
  <si>
    <t>塚原17号線</t>
  </si>
  <si>
    <t>塚原18号線</t>
  </si>
  <si>
    <t>塚原19号線</t>
  </si>
  <si>
    <t>塚原20号線</t>
  </si>
  <si>
    <t>塚原21号線</t>
  </si>
  <si>
    <t>塚原22号線</t>
  </si>
  <si>
    <t>塚原23号線</t>
  </si>
  <si>
    <t>塚原24号線</t>
  </si>
  <si>
    <t>塚原25号線</t>
  </si>
  <si>
    <t>塚原26号線</t>
  </si>
  <si>
    <t>塚原27号線</t>
  </si>
  <si>
    <t>塚原28号線</t>
  </si>
  <si>
    <t>塚原29号線</t>
  </si>
  <si>
    <t>塚原30号線</t>
  </si>
  <si>
    <t>塚原31号線</t>
  </si>
  <si>
    <t>塚原32号線</t>
  </si>
  <si>
    <t>塚原33号線</t>
  </si>
  <si>
    <t>塚原34号線</t>
  </si>
  <si>
    <t>塚原35号線</t>
  </si>
  <si>
    <t>塚原36号線</t>
  </si>
  <si>
    <t>塚原37号線</t>
  </si>
  <si>
    <t>塚原38号線</t>
  </si>
  <si>
    <t>塚原39号線</t>
  </si>
  <si>
    <t>塚原40号線</t>
  </si>
  <si>
    <t>塚原41号線</t>
  </si>
  <si>
    <t>塚原42号線</t>
  </si>
  <si>
    <t>塚原43号線</t>
  </si>
  <si>
    <t>塚原43号線　道路反射鏡</t>
  </si>
  <si>
    <t>塚原44号線</t>
  </si>
  <si>
    <t>塚原45号線</t>
  </si>
  <si>
    <t>塚原46号線</t>
  </si>
  <si>
    <t>塚原47号線</t>
  </si>
  <si>
    <t>市道塚原47号線  道路舗装付帯</t>
  </si>
  <si>
    <t>塚原48号線</t>
  </si>
  <si>
    <t>塚原49号線</t>
  </si>
  <si>
    <t>塚原50号線</t>
  </si>
  <si>
    <t>塚原51号線</t>
  </si>
  <si>
    <t>塚原52号線</t>
  </si>
  <si>
    <t>塚原53号線</t>
  </si>
  <si>
    <t>塚原54号線</t>
  </si>
  <si>
    <t>塚原55号線</t>
  </si>
  <si>
    <t>塚原56号線</t>
  </si>
  <si>
    <t>塚原57号線</t>
  </si>
  <si>
    <t>塚原58号線</t>
  </si>
  <si>
    <t>塚原59号線</t>
  </si>
  <si>
    <t>塚原60号線</t>
  </si>
  <si>
    <t>塚原61号線</t>
  </si>
  <si>
    <t>塚原62号線</t>
  </si>
  <si>
    <t>塚原63号線</t>
  </si>
  <si>
    <t>塚原64号線</t>
  </si>
  <si>
    <t>塚原65号線</t>
  </si>
  <si>
    <t>塚原66号線</t>
  </si>
  <si>
    <t>塚原67号線</t>
  </si>
  <si>
    <t>塚原68号線</t>
  </si>
  <si>
    <t>塚原69号線</t>
  </si>
  <si>
    <t>塚原70号線</t>
  </si>
  <si>
    <t>塚原71号線</t>
  </si>
  <si>
    <t>塚原72号線</t>
  </si>
  <si>
    <t>塚原73号線</t>
  </si>
  <si>
    <t>塚原74号線</t>
  </si>
  <si>
    <t>塚原75号線</t>
  </si>
  <si>
    <t>塚原76号線</t>
  </si>
  <si>
    <t>塚原77号線</t>
  </si>
  <si>
    <t>市道塚原77号線外側溝改修</t>
  </si>
  <si>
    <t>塚原79号線</t>
  </si>
  <si>
    <t>塚原80号線</t>
  </si>
  <si>
    <t>塚原81号線</t>
  </si>
  <si>
    <t>塚原82号線</t>
  </si>
  <si>
    <t>塚原83号線</t>
  </si>
  <si>
    <t>塚原84号線</t>
  </si>
  <si>
    <t>塚原85号線</t>
  </si>
  <si>
    <t>塚原86号線</t>
  </si>
  <si>
    <t>塚原87号線</t>
  </si>
  <si>
    <t>塚原88号線</t>
  </si>
  <si>
    <t>塚原89号線</t>
  </si>
  <si>
    <t>塚原90号線</t>
  </si>
  <si>
    <t>塚原91号線</t>
  </si>
  <si>
    <t>塚原92号線</t>
  </si>
  <si>
    <t>塚原93号線</t>
  </si>
  <si>
    <t>塚原94号線</t>
  </si>
  <si>
    <t>塚原95号線</t>
  </si>
  <si>
    <t>塚原96号線</t>
  </si>
  <si>
    <t>塚原97号線</t>
  </si>
  <si>
    <t>塚原98号線</t>
  </si>
  <si>
    <t>塚原99号線</t>
  </si>
  <si>
    <t>塚原100号線</t>
  </si>
  <si>
    <t>塚原101号線</t>
  </si>
  <si>
    <t>塚原102号線</t>
  </si>
  <si>
    <t>塚原103号線</t>
  </si>
  <si>
    <t>塚原104号線</t>
  </si>
  <si>
    <t>塚原105号線</t>
  </si>
  <si>
    <t>塚原106号線</t>
  </si>
  <si>
    <t>塚原107号線</t>
  </si>
  <si>
    <t>塚原108号線</t>
  </si>
  <si>
    <t>塚原109号線</t>
  </si>
  <si>
    <t>塚原110号線</t>
  </si>
  <si>
    <t>塚原111号線</t>
  </si>
  <si>
    <t>塚原112号線</t>
  </si>
  <si>
    <t>塚原113号線</t>
  </si>
  <si>
    <t>塚原114号線</t>
  </si>
  <si>
    <t>塚原115号線</t>
  </si>
  <si>
    <t>塚原116号線</t>
  </si>
  <si>
    <t>塚原117号線</t>
  </si>
  <si>
    <t>塚原118号線</t>
  </si>
  <si>
    <t>塚原119号線</t>
  </si>
  <si>
    <t>塚原120号線</t>
  </si>
  <si>
    <t>塚原121号線</t>
  </si>
  <si>
    <t>塚原122号線</t>
  </si>
  <si>
    <t>塚原123号線</t>
  </si>
  <si>
    <t>塚原124号線</t>
  </si>
  <si>
    <t>塚原125号線</t>
  </si>
  <si>
    <t>塚原126号線</t>
  </si>
  <si>
    <t>塚原127号線</t>
  </si>
  <si>
    <t>塚原128号線</t>
  </si>
  <si>
    <t>塚原129号線</t>
  </si>
  <si>
    <t>塚原130号線</t>
  </si>
  <si>
    <t>塚原131号線</t>
  </si>
  <si>
    <t>塚原132号線</t>
  </si>
  <si>
    <t>塚原133号線</t>
  </si>
  <si>
    <t>塚原134号線</t>
  </si>
  <si>
    <t>塚原135号線</t>
  </si>
  <si>
    <t>一重橋</t>
  </si>
  <si>
    <t>市道塚原135号線  道路改良</t>
  </si>
  <si>
    <t>塚原136号線</t>
  </si>
  <si>
    <t>塚原137号線</t>
  </si>
  <si>
    <t>塚原138号線</t>
  </si>
  <si>
    <t>塚原139号線</t>
  </si>
  <si>
    <t>塚原140号線</t>
  </si>
  <si>
    <t>塚原141号線</t>
  </si>
  <si>
    <t>塚原142号線</t>
  </si>
  <si>
    <t>塚原143号線</t>
  </si>
  <si>
    <t>塚原144号線</t>
  </si>
  <si>
    <t>塚原145号線</t>
  </si>
  <si>
    <t>塚原146号線</t>
  </si>
  <si>
    <t>塚原147号線</t>
  </si>
  <si>
    <t>塚原148号線</t>
  </si>
  <si>
    <t>堀岡1号線</t>
  </si>
  <si>
    <t>堀岡2号線</t>
  </si>
  <si>
    <t>旧堀岡福祉センター解体に伴う側溝復旧（その２）</t>
  </si>
  <si>
    <t>堀岡3号線</t>
  </si>
  <si>
    <t>市道堀岡3号線　自由勾配側溝</t>
  </si>
  <si>
    <t>堀岡3号線　自由勾配側溝</t>
  </si>
  <si>
    <t>堀岡4号線</t>
  </si>
  <si>
    <t>堀岡5号線</t>
  </si>
  <si>
    <t>堀岡6号線</t>
  </si>
  <si>
    <t>堀岡7号線</t>
  </si>
  <si>
    <t>堀岡8号線</t>
  </si>
  <si>
    <t>堀岡9号線</t>
  </si>
  <si>
    <t>堀岡10号線</t>
  </si>
  <si>
    <t>堀岡11号線</t>
  </si>
  <si>
    <t>堀岡12号線</t>
  </si>
  <si>
    <t>堀岡13号線</t>
  </si>
  <si>
    <t>堀岡14号線</t>
  </si>
  <si>
    <t>堀岡15号線</t>
  </si>
  <si>
    <t>堀岡16号線</t>
  </si>
  <si>
    <t>堀岡17号線</t>
  </si>
  <si>
    <t>堀岡18号線</t>
  </si>
  <si>
    <t>堀岡19号線</t>
  </si>
  <si>
    <t>堀岡20号線</t>
  </si>
  <si>
    <t>堀岡23号線</t>
  </si>
  <si>
    <t>堀岡24号線</t>
  </si>
  <si>
    <t>堀岡25号線</t>
  </si>
  <si>
    <t>堀岡26号線</t>
  </si>
  <si>
    <t>堀岡27号線</t>
  </si>
  <si>
    <t>堀岡28号線</t>
  </si>
  <si>
    <t>堀岡29号線</t>
  </si>
  <si>
    <t>堀岡30号線</t>
  </si>
  <si>
    <t>堀岡31号線</t>
  </si>
  <si>
    <t>堀岡32号線</t>
  </si>
  <si>
    <t>堀岡33号線</t>
  </si>
  <si>
    <t>堀岡34号線</t>
  </si>
  <si>
    <t>堀岡35号線</t>
  </si>
  <si>
    <t>堀岡36号線</t>
  </si>
  <si>
    <t>堀岡37号線</t>
  </si>
  <si>
    <t>堀岡38号線</t>
  </si>
  <si>
    <t>堀岡39号線</t>
  </si>
  <si>
    <t>堀岡40号線</t>
  </si>
  <si>
    <t>堀岡41号線</t>
  </si>
  <si>
    <t>堀岡42号線</t>
  </si>
  <si>
    <t>旧堀岡福祉センター解体に伴う側溝復旧（その１）</t>
  </si>
  <si>
    <t>堀岡43号線</t>
  </si>
  <si>
    <t>堀岡44号線</t>
  </si>
  <si>
    <t>堀岡45号線</t>
  </si>
  <si>
    <t>堀岡46号線</t>
  </si>
  <si>
    <t>堀岡47号線</t>
  </si>
  <si>
    <t>堀岡48号線</t>
  </si>
  <si>
    <t>堀岡49号線</t>
  </si>
  <si>
    <t>堀岡50号線</t>
  </si>
  <si>
    <t>堀岡51号線</t>
  </si>
  <si>
    <t>堀岡52号線</t>
  </si>
  <si>
    <t>堀岡53号線</t>
  </si>
  <si>
    <t>堀岡54号線</t>
  </si>
  <si>
    <t>堀岡55号線</t>
  </si>
  <si>
    <t>堀岡56号線</t>
  </si>
  <si>
    <t>堀岡57号線</t>
  </si>
  <si>
    <t>堀岡58号線</t>
  </si>
  <si>
    <t>堀岡59号線</t>
  </si>
  <si>
    <t>堀岡60号線</t>
  </si>
  <si>
    <t>堀岡60号線　側溝（改良）</t>
  </si>
  <si>
    <t>市道堀岡60号線道路側溝</t>
  </si>
  <si>
    <t>市道堀岡60号線側溝改良工事</t>
  </si>
  <si>
    <t>堀岡61号線</t>
  </si>
  <si>
    <t>堀岡62号線</t>
  </si>
  <si>
    <t>堀岡63号線</t>
  </si>
  <si>
    <t>堀岡64号線</t>
  </si>
  <si>
    <t>堀岡65号線</t>
  </si>
  <si>
    <t>堀岡66号線</t>
  </si>
  <si>
    <t>堀岡67号線</t>
  </si>
  <si>
    <t>堀岡68号線</t>
  </si>
  <si>
    <t>堀岡69号線</t>
  </si>
  <si>
    <t>堀岡70号線</t>
  </si>
  <si>
    <t>堀岡71号線</t>
  </si>
  <si>
    <t>堀岡72号線</t>
  </si>
  <si>
    <t>堀岡73号線</t>
  </si>
  <si>
    <t>堀岡74号線</t>
  </si>
  <si>
    <t>堀岡75号線</t>
  </si>
  <si>
    <t>堀岡76号線</t>
  </si>
  <si>
    <t>堀岡78号線</t>
  </si>
  <si>
    <t>堀岡79号線</t>
  </si>
  <si>
    <t>堀岡80号線</t>
  </si>
  <si>
    <t>堀岡81号線</t>
  </si>
  <si>
    <t>堀岡82号線</t>
  </si>
  <si>
    <t>堀岡83号線</t>
  </si>
  <si>
    <t>堀岡84号線</t>
  </si>
  <si>
    <t>堀岡85号線</t>
  </si>
  <si>
    <t>堀岡86号線</t>
  </si>
  <si>
    <t>堀岡87号線</t>
  </si>
  <si>
    <t>堀岡88号線</t>
  </si>
  <si>
    <t>堀岡89号線</t>
  </si>
  <si>
    <t>堀岡90号線</t>
  </si>
  <si>
    <t>堀岡91号線</t>
  </si>
  <si>
    <t>堀岡92号線</t>
  </si>
  <si>
    <t>堀岡93号線</t>
  </si>
  <si>
    <t>堀岡94号線</t>
  </si>
  <si>
    <t>堀岡95号線</t>
  </si>
  <si>
    <t>堀岡96号線</t>
  </si>
  <si>
    <t>堀岡97号線</t>
  </si>
  <si>
    <t>堀岡98号線</t>
  </si>
  <si>
    <t>堀岡99号線</t>
  </si>
  <si>
    <t>堀岡100号線</t>
  </si>
  <si>
    <t>堀岡101号線</t>
  </si>
  <si>
    <t>堀岡103号線</t>
  </si>
  <si>
    <t>堀岡107号線</t>
  </si>
  <si>
    <t>堀岡108号線</t>
  </si>
  <si>
    <t>堀岡109号線</t>
  </si>
  <si>
    <t>堀岡110号線</t>
  </si>
  <si>
    <t>堀岡111号線</t>
  </si>
  <si>
    <t>堀岡112号線</t>
  </si>
  <si>
    <t>堀岡113号線</t>
  </si>
  <si>
    <t>堀岡114号線</t>
  </si>
  <si>
    <t>堀岡119号線</t>
  </si>
  <si>
    <t>堀岡120号線</t>
  </si>
  <si>
    <t>堀岡121号線</t>
  </si>
  <si>
    <t>堀岡122号線</t>
  </si>
  <si>
    <t>堀岡123号線</t>
  </si>
  <si>
    <t>堀岡124号線</t>
  </si>
  <si>
    <t>堀岡125号線</t>
  </si>
  <si>
    <t>堀岡126号線</t>
  </si>
  <si>
    <t>堀岡127号線</t>
  </si>
  <si>
    <t>堀岡128号線</t>
  </si>
  <si>
    <t>堀岡129号線</t>
  </si>
  <si>
    <t>堀岡130号線</t>
  </si>
  <si>
    <t>堀岡131号線</t>
  </si>
  <si>
    <t>堀岡132号線</t>
  </si>
  <si>
    <t>堀岡133号線</t>
  </si>
  <si>
    <t>堀岡134号線</t>
  </si>
  <si>
    <t>堀岡135号線</t>
  </si>
  <si>
    <t>堀岡136号線</t>
  </si>
  <si>
    <t>堀岡137号線</t>
  </si>
  <si>
    <t>堀岡138号線</t>
  </si>
  <si>
    <t>堀岡139号線</t>
  </si>
  <si>
    <t>堀岡140号線</t>
  </si>
  <si>
    <t>堀岡141号線</t>
  </si>
  <si>
    <t>堀岡142号線</t>
  </si>
  <si>
    <t>堀岡143号線</t>
  </si>
  <si>
    <t>堀岡144号線</t>
  </si>
  <si>
    <t>堀岡145号線</t>
  </si>
  <si>
    <t>堀岡146号線</t>
  </si>
  <si>
    <t>堀岡147号線</t>
  </si>
  <si>
    <t>堀岡148号線</t>
  </si>
  <si>
    <t>堀岡149号線</t>
  </si>
  <si>
    <t>堀岡150号線</t>
  </si>
  <si>
    <t>堀岡151号線</t>
  </si>
  <si>
    <t>堀岡152号線</t>
  </si>
  <si>
    <t>堀岡153号線</t>
  </si>
  <si>
    <t>堀岡154号線</t>
  </si>
  <si>
    <t>本江2号線</t>
  </si>
  <si>
    <t>本江3号線</t>
  </si>
  <si>
    <t>本江4号線</t>
  </si>
  <si>
    <t>本江5号線</t>
  </si>
  <si>
    <t>本江6号線</t>
  </si>
  <si>
    <t>本江7号線</t>
  </si>
  <si>
    <t>市道本江7号線　側溝改良</t>
  </si>
  <si>
    <t>本江8号線</t>
  </si>
  <si>
    <t>本江9号線</t>
  </si>
  <si>
    <t>本江10号線</t>
  </si>
  <si>
    <t>本江11号線</t>
  </si>
  <si>
    <t>本江12号線</t>
  </si>
  <si>
    <t>本江15号線</t>
  </si>
  <si>
    <t>本江16号線</t>
  </si>
  <si>
    <t>本江17号線</t>
  </si>
  <si>
    <t>本江18号線</t>
  </si>
  <si>
    <t>本江19号線</t>
  </si>
  <si>
    <t>本江20号線</t>
  </si>
  <si>
    <t>本江21号線</t>
  </si>
  <si>
    <t>本江22号線</t>
  </si>
  <si>
    <t>本江23号線</t>
  </si>
  <si>
    <t>本江24号線</t>
  </si>
  <si>
    <t>本江25号線</t>
  </si>
  <si>
    <t>本江26号線</t>
  </si>
  <si>
    <t>本江27号線</t>
  </si>
  <si>
    <t>本江28号線</t>
  </si>
  <si>
    <t>本江29号線</t>
  </si>
  <si>
    <t>本江30号線</t>
  </si>
  <si>
    <t>本江32号線</t>
  </si>
  <si>
    <t>本江33号線</t>
  </si>
  <si>
    <t>本江36号線</t>
  </si>
  <si>
    <t>本江37号線</t>
  </si>
  <si>
    <t>市道本江37号線　側溝改良</t>
  </si>
  <si>
    <t>本江38号線</t>
  </si>
  <si>
    <t>本江39号線</t>
  </si>
  <si>
    <t>本江40号線</t>
  </si>
  <si>
    <t>４０－１号橋</t>
  </si>
  <si>
    <t>本江41号線</t>
  </si>
  <si>
    <t>本江42号線</t>
  </si>
  <si>
    <t>本江43号線</t>
  </si>
  <si>
    <t>本江43号線　L形側溝</t>
  </si>
  <si>
    <t>本江44号線</t>
  </si>
  <si>
    <t>本江45号線</t>
  </si>
  <si>
    <t>本江46号線</t>
  </si>
  <si>
    <t>本江47号線</t>
  </si>
  <si>
    <t>本江48号線</t>
  </si>
  <si>
    <t>本江49号線</t>
  </si>
  <si>
    <t>本江50号線</t>
  </si>
  <si>
    <t>本江51号線</t>
  </si>
  <si>
    <t>本江52号線</t>
  </si>
  <si>
    <t>本江53号線</t>
  </si>
  <si>
    <t>本江54号線</t>
  </si>
  <si>
    <t>本江55号線</t>
  </si>
  <si>
    <t>本江56号線</t>
  </si>
  <si>
    <t>本江57号線</t>
  </si>
  <si>
    <t>本江58号線</t>
  </si>
  <si>
    <t>本江59号線</t>
  </si>
  <si>
    <t>本江60号線</t>
  </si>
  <si>
    <t>本江61号線</t>
  </si>
  <si>
    <t>本江62号線</t>
  </si>
  <si>
    <t>本江63号線</t>
  </si>
  <si>
    <t>本江64号線</t>
  </si>
  <si>
    <t>本江65号線</t>
  </si>
  <si>
    <t>本江66号線</t>
  </si>
  <si>
    <t>本江67号線</t>
  </si>
  <si>
    <t>本江68号線</t>
  </si>
  <si>
    <t>本江69号線</t>
  </si>
  <si>
    <t>本江70号線</t>
  </si>
  <si>
    <t>本江71号線</t>
  </si>
  <si>
    <t>本江72号線</t>
  </si>
  <si>
    <t>本江73号線</t>
  </si>
  <si>
    <t>本江74号線</t>
  </si>
  <si>
    <t>本江75号線</t>
  </si>
  <si>
    <t>本江76号線</t>
  </si>
  <si>
    <t>本江77号線</t>
  </si>
  <si>
    <t>本江78号線</t>
  </si>
  <si>
    <t>庄川本町線</t>
  </si>
  <si>
    <t>港町善光寺線</t>
  </si>
  <si>
    <t>藤見橋</t>
  </si>
  <si>
    <t>市道港町善光寺線集水桝設置</t>
  </si>
  <si>
    <t>市道港町善光寺線歩道整備工事</t>
  </si>
  <si>
    <t>善光寺緑町線</t>
  </si>
  <si>
    <t>市道善光寺緑町線防護柵設置工事</t>
  </si>
  <si>
    <t>本町三丁目善光寺線</t>
  </si>
  <si>
    <t>放生津町中新湊線</t>
  </si>
  <si>
    <t>神楽橋</t>
  </si>
  <si>
    <t>立町八幡町三丁目線</t>
  </si>
  <si>
    <t>放生津橋</t>
  </si>
  <si>
    <t>市道立町八幡町三丁目線側溝改修</t>
  </si>
  <si>
    <t>堀岡西新明神堀岡中町線</t>
  </si>
  <si>
    <t>堀岡東町東明七軒線</t>
  </si>
  <si>
    <t>七美中野海老江七軒線</t>
  </si>
  <si>
    <t>下戸橋</t>
  </si>
  <si>
    <t>中戸橋</t>
  </si>
  <si>
    <t>本江針山下村三箇線</t>
  </si>
  <si>
    <t>七美本江中線</t>
  </si>
  <si>
    <t>柳瀬新橋</t>
  </si>
  <si>
    <t>片口津幡江線</t>
  </si>
  <si>
    <t>野村津幡江線</t>
  </si>
  <si>
    <t>久々湊殿村線</t>
  </si>
  <si>
    <t>市道久々湊殿村線  道路改良</t>
  </si>
  <si>
    <t>松木作道線</t>
  </si>
  <si>
    <t>朴木新橋</t>
  </si>
  <si>
    <t>作道線</t>
  </si>
  <si>
    <t>第二朴木橋</t>
  </si>
  <si>
    <t>朴木赤井線</t>
  </si>
  <si>
    <t>高木橋</t>
  </si>
  <si>
    <t>朴木橋</t>
  </si>
  <si>
    <t>法蔵橋</t>
  </si>
  <si>
    <t>高塚橋</t>
  </si>
  <si>
    <t>市道朴木赤井線  道路改良</t>
  </si>
  <si>
    <t>朴木赤井線　道路改良</t>
  </si>
  <si>
    <t>松木朴木線</t>
  </si>
  <si>
    <t>松木寺塚原線</t>
  </si>
  <si>
    <t>寺塚原沖塚原線</t>
  </si>
  <si>
    <t>寺塚原西園線</t>
  </si>
  <si>
    <t>第３号橋</t>
  </si>
  <si>
    <t>宮袋坂東線</t>
  </si>
  <si>
    <t>川口線</t>
  </si>
  <si>
    <t>庄西町一丁目線</t>
  </si>
  <si>
    <t>内川橋</t>
  </si>
  <si>
    <t>庄西町二丁目線</t>
  </si>
  <si>
    <t>市道庄西町二丁目線  側溝改良</t>
  </si>
  <si>
    <t>庄西町２丁目線　側溝（改良）</t>
  </si>
  <si>
    <t>市道庄西町2丁目線側溝改良工事</t>
  </si>
  <si>
    <t>港町線</t>
  </si>
  <si>
    <t>市道港町線道路反射鏡</t>
  </si>
  <si>
    <t>市道港町線側溝蓋</t>
  </si>
  <si>
    <t>港町地内道路側溝補修工事</t>
  </si>
  <si>
    <t>庄川本町本町三丁目線</t>
  </si>
  <si>
    <t>船附橋</t>
  </si>
  <si>
    <t>庄川本町三日曽根線</t>
  </si>
  <si>
    <t>三日曽根橋</t>
  </si>
  <si>
    <t>本町二丁目立町線</t>
  </si>
  <si>
    <t>中央町緑町線</t>
  </si>
  <si>
    <t>中央町八幡町三丁目線</t>
  </si>
  <si>
    <t>二の丸橋</t>
  </si>
  <si>
    <t>放生津町立町線</t>
  </si>
  <si>
    <t>山王橋</t>
  </si>
  <si>
    <t>元気橋</t>
  </si>
  <si>
    <t>本江本江東線</t>
  </si>
  <si>
    <t>七美二十六町線</t>
  </si>
  <si>
    <t>七美橋</t>
  </si>
  <si>
    <t>津幡江沖線</t>
  </si>
  <si>
    <t>作道久々湊線</t>
  </si>
  <si>
    <t>朴木鏡宮線</t>
  </si>
  <si>
    <t>市道朴木鏡宮線  側溝改良</t>
  </si>
  <si>
    <t>松木線</t>
  </si>
  <si>
    <t>市道松木線転落防止柵</t>
  </si>
  <si>
    <t>沖塚原線</t>
  </si>
  <si>
    <t>宮袋松木線</t>
  </si>
  <si>
    <t>本江79号線</t>
  </si>
  <si>
    <t>新湊294号線</t>
  </si>
  <si>
    <t>新湊295号線</t>
  </si>
  <si>
    <t>新湊296号線</t>
  </si>
  <si>
    <t>新湊297号線</t>
  </si>
  <si>
    <t>七美68号線</t>
  </si>
  <si>
    <t>片口北部1号線</t>
  </si>
  <si>
    <t>片口北部2号線</t>
  </si>
  <si>
    <t>片口北部3号線</t>
  </si>
  <si>
    <t>片口北部4号線</t>
  </si>
  <si>
    <t>片口北部5号線</t>
  </si>
  <si>
    <t>片口北部6号線</t>
  </si>
  <si>
    <t>片口北部7号線</t>
  </si>
  <si>
    <t>片口北部8号線</t>
  </si>
  <si>
    <t>片口北部9号線</t>
  </si>
  <si>
    <t>片口北部10号線</t>
  </si>
  <si>
    <t>塚原149号線</t>
  </si>
  <si>
    <t>塚原150号線</t>
  </si>
  <si>
    <t>作道231号線</t>
  </si>
  <si>
    <t>作道232号線</t>
  </si>
  <si>
    <t>作道233号線</t>
  </si>
  <si>
    <t>作道234号線</t>
  </si>
  <si>
    <t>作道235号線</t>
  </si>
  <si>
    <t>作道236号線</t>
  </si>
  <si>
    <t>作道237号線</t>
  </si>
  <si>
    <t>作道238号線</t>
  </si>
  <si>
    <t>作道239号線</t>
  </si>
  <si>
    <t>作道240号線</t>
  </si>
  <si>
    <t>作道250号線</t>
  </si>
  <si>
    <t>作道251号線</t>
  </si>
  <si>
    <t>作道252号線</t>
  </si>
  <si>
    <t>海老江187号線</t>
  </si>
  <si>
    <t>新湊298号線</t>
  </si>
  <si>
    <t>作道253号線</t>
  </si>
  <si>
    <t>庄西48号線</t>
  </si>
  <si>
    <t>海老江188号線</t>
  </si>
  <si>
    <t>片口121号線</t>
  </si>
  <si>
    <t>塚原151号線</t>
  </si>
  <si>
    <t>堀岡155号線</t>
  </si>
  <si>
    <t>堀岡156号線</t>
  </si>
  <si>
    <t>堀岡157号線</t>
  </si>
  <si>
    <t>堀岡158号線</t>
  </si>
  <si>
    <t>堀岡159号線</t>
  </si>
  <si>
    <t>堀岡160号線</t>
  </si>
  <si>
    <t>堀岡161号線</t>
  </si>
  <si>
    <t>七美69号線</t>
  </si>
  <si>
    <t>市道七美69号線道路改良工事</t>
  </si>
  <si>
    <t>七美70号線</t>
  </si>
  <si>
    <t>作道254号線</t>
  </si>
  <si>
    <t>作道255号線</t>
  </si>
  <si>
    <t>作道256号線</t>
  </si>
  <si>
    <t>作道257号線</t>
  </si>
  <si>
    <t>作道２５８号線</t>
  </si>
  <si>
    <t>高木新開発線</t>
  </si>
  <si>
    <t>市道高木新開発線  道路改良</t>
  </si>
  <si>
    <t>市道高木新開発線道路反射鏡設置</t>
  </si>
  <si>
    <t>市道高木新開発線案内標識設置(その1)工事</t>
  </si>
  <si>
    <t>市道高木新開発線道路整備</t>
  </si>
  <si>
    <t>七美71号線</t>
  </si>
  <si>
    <t>本江針山加茂中部線</t>
  </si>
  <si>
    <t>新湊300号線</t>
  </si>
  <si>
    <t>塚原152号線</t>
  </si>
  <si>
    <t>塚原152号線　道路改良</t>
  </si>
  <si>
    <t>三ケ1号線</t>
  </si>
  <si>
    <t>三ケ2号線</t>
  </si>
  <si>
    <t>三ケ3号線</t>
  </si>
  <si>
    <t>三ケ4号線</t>
  </si>
  <si>
    <t>三ケ5号線</t>
  </si>
  <si>
    <t>三ケ6号線</t>
  </si>
  <si>
    <t>三ケ7号線</t>
  </si>
  <si>
    <t>三ケ8号線</t>
  </si>
  <si>
    <t>三ケ9号線</t>
  </si>
  <si>
    <t>三ケ10号線</t>
  </si>
  <si>
    <t>三ケ11号線</t>
  </si>
  <si>
    <t>十念寺橋</t>
  </si>
  <si>
    <t>三ケ12号線</t>
  </si>
  <si>
    <t>三ケ13号線</t>
  </si>
  <si>
    <t>三ケ14号線</t>
  </si>
  <si>
    <t>三ケ15号線</t>
  </si>
  <si>
    <t>三ケ15号線　側溝</t>
  </si>
  <si>
    <t>三ケ16号線</t>
  </si>
  <si>
    <t>三ケ17号線</t>
  </si>
  <si>
    <t>三ケ18号線</t>
  </si>
  <si>
    <t>三ケ19号線</t>
  </si>
  <si>
    <t>市道三ケ19号線側溝改良工事</t>
  </si>
  <si>
    <t>三ケ20号線</t>
  </si>
  <si>
    <t>三ケ21号線</t>
  </si>
  <si>
    <t>三ケ22号線</t>
  </si>
  <si>
    <t>三ケ23号線</t>
  </si>
  <si>
    <t>三ケ24号線</t>
  </si>
  <si>
    <t>三ケ25号線</t>
  </si>
  <si>
    <t>三ケ26号線</t>
  </si>
  <si>
    <t>三ケ27号線</t>
  </si>
  <si>
    <t>三ケ28号線</t>
  </si>
  <si>
    <t>三ケ29号線</t>
  </si>
  <si>
    <t>三ケ30号線</t>
  </si>
  <si>
    <t>三ケ31号線</t>
  </si>
  <si>
    <t>市道三ヶ31号線  側溝改良</t>
  </si>
  <si>
    <t>三ケ31号線　側溝改良（その1）</t>
  </si>
  <si>
    <t>三ケ31号線　側溝改良（その2）</t>
  </si>
  <si>
    <t>市道三ケ31号線側溝改良</t>
  </si>
  <si>
    <t>市道三ケ31号線道路反射鏡設置工事</t>
  </si>
  <si>
    <t>三ケ32号線</t>
  </si>
  <si>
    <t>三ケ33号線</t>
  </si>
  <si>
    <t>三ケ34号線</t>
  </si>
  <si>
    <t>市道三ケ34号線  道路改良付帯</t>
  </si>
  <si>
    <t>三ケ34号線　道路改良</t>
  </si>
  <si>
    <t>三ケ35号線</t>
  </si>
  <si>
    <t>三ケ37号線</t>
  </si>
  <si>
    <t>市道三ケ37号線側溝補修</t>
  </si>
  <si>
    <t>三ケ38号線</t>
  </si>
  <si>
    <t>三ケ39号線</t>
  </si>
  <si>
    <t>三ケ40号線</t>
  </si>
  <si>
    <t>三ケ41号線</t>
  </si>
  <si>
    <t>三ケ42号線</t>
  </si>
  <si>
    <t>三ケ43号線</t>
  </si>
  <si>
    <t>三ケ44号線</t>
  </si>
  <si>
    <t>三ケ45号線</t>
  </si>
  <si>
    <t>三ケ46号線</t>
  </si>
  <si>
    <t>三ケ47号線</t>
  </si>
  <si>
    <t>三ケ48号線</t>
  </si>
  <si>
    <t>三ケ49号線</t>
  </si>
  <si>
    <t>高寺橋</t>
  </si>
  <si>
    <t>三ケ50号線</t>
  </si>
  <si>
    <t>市道三ケ50号線道路反射鏡設置工事</t>
  </si>
  <si>
    <t>三ケ51号線</t>
  </si>
  <si>
    <t>三ケ52号線</t>
  </si>
  <si>
    <t>三ケ53号線</t>
  </si>
  <si>
    <t>三ケ54号線</t>
  </si>
  <si>
    <t>三ケ55号線</t>
  </si>
  <si>
    <t>三ケ56号線</t>
  </si>
  <si>
    <t>三ケ57号線</t>
  </si>
  <si>
    <t>三ケ58号線</t>
  </si>
  <si>
    <t>三ケ59号線</t>
  </si>
  <si>
    <t>三ケ60号線</t>
  </si>
  <si>
    <t>三ケ61号線</t>
  </si>
  <si>
    <t>三ケ62号線</t>
  </si>
  <si>
    <t>三ケ63号線</t>
  </si>
  <si>
    <t>三ケ64号線</t>
  </si>
  <si>
    <t>三ケ65号線</t>
  </si>
  <si>
    <t>三ケ66号線</t>
  </si>
  <si>
    <t>三ケ67号線</t>
  </si>
  <si>
    <t>三ケ68号線</t>
  </si>
  <si>
    <t>三ケ69号線</t>
  </si>
  <si>
    <t>三ケ70号線</t>
  </si>
  <si>
    <t>三ケ71号線</t>
  </si>
  <si>
    <t>三ケ72号線</t>
  </si>
  <si>
    <t>三ケ73号線</t>
  </si>
  <si>
    <t>三ケ74号線</t>
  </si>
  <si>
    <t>三ケ75号線</t>
  </si>
  <si>
    <t>三ケ76号線</t>
  </si>
  <si>
    <t>三ケ77号線</t>
  </si>
  <si>
    <t>三ケ79号線</t>
  </si>
  <si>
    <t>伊勢領橋</t>
  </si>
  <si>
    <t>伊勢領さくら橋</t>
  </si>
  <si>
    <t>市道三ケ79号線道路側溝蓋</t>
  </si>
  <si>
    <t>市道三ヶ79号線暗渠補修工事</t>
  </si>
  <si>
    <t>三ケ80号線</t>
  </si>
  <si>
    <t>三ケ81号線</t>
  </si>
  <si>
    <t>三ケ82号線</t>
  </si>
  <si>
    <t>市道三ヶ82号線　側溝改良</t>
  </si>
  <si>
    <t>三ケ83号線</t>
  </si>
  <si>
    <t>三ケ84号線</t>
  </si>
  <si>
    <t>三ケ85号線</t>
  </si>
  <si>
    <t>三ケ86号線</t>
  </si>
  <si>
    <t>三ケ87号線</t>
  </si>
  <si>
    <t>三ケ88号線</t>
  </si>
  <si>
    <t>三ケ89号線</t>
  </si>
  <si>
    <t>三ケ90号線</t>
  </si>
  <si>
    <t>三ケ91号線</t>
  </si>
  <si>
    <t>三ケ92号線</t>
  </si>
  <si>
    <t>三ケ93号線</t>
  </si>
  <si>
    <t>三ケ94号線</t>
  </si>
  <si>
    <t>三ケ95号線</t>
  </si>
  <si>
    <t>三ケ96号線</t>
  </si>
  <si>
    <t>三ケ97号線</t>
  </si>
  <si>
    <t>三ケ98号線</t>
  </si>
  <si>
    <t>三ケ99号線</t>
  </si>
  <si>
    <t>三ケ1088号線</t>
  </si>
  <si>
    <t>三ケ1089号線</t>
  </si>
  <si>
    <t>停車場線</t>
  </si>
  <si>
    <t>小杉駅南線</t>
  </si>
  <si>
    <t>駅南大橋</t>
  </si>
  <si>
    <t>三ケ1100号線</t>
  </si>
  <si>
    <t>三ケ1101号線</t>
  </si>
  <si>
    <t>三ケ1102号線</t>
  </si>
  <si>
    <t>三ケ1103号線</t>
  </si>
  <si>
    <t>三ケ1104号線</t>
  </si>
  <si>
    <t>三ケ1107号線</t>
  </si>
  <si>
    <t>三ケ1108号線</t>
  </si>
  <si>
    <t>三ケ1109号線</t>
  </si>
  <si>
    <t>三ケ1110号線</t>
  </si>
  <si>
    <t>三ケ1111号線</t>
  </si>
  <si>
    <t>三ケ1112号線</t>
  </si>
  <si>
    <t>三ケ1113号線</t>
  </si>
  <si>
    <t>三ケ1114号線</t>
  </si>
  <si>
    <t>三ケ1115号線</t>
  </si>
  <si>
    <t>三ケ1116号線</t>
  </si>
  <si>
    <t>三ケ1117号線</t>
  </si>
  <si>
    <t>三ケ1118号線</t>
  </si>
  <si>
    <t>三ケ1119号線</t>
  </si>
  <si>
    <t>三ケ1120号線</t>
  </si>
  <si>
    <t>三ケ1121号線</t>
  </si>
  <si>
    <t>三ケ1122号線</t>
  </si>
  <si>
    <t>三ケ1123号線</t>
  </si>
  <si>
    <t>三ケ1124号線</t>
  </si>
  <si>
    <t>三ケ1125号線</t>
  </si>
  <si>
    <t>三ケ1126号線</t>
  </si>
  <si>
    <t>三ケ1127号線</t>
  </si>
  <si>
    <t>三ケ1128号線</t>
  </si>
  <si>
    <t>三ケ1129号線</t>
  </si>
  <si>
    <t>三ケ1096号線</t>
  </si>
  <si>
    <t>戸破100号線</t>
  </si>
  <si>
    <t>戸破101号線</t>
  </si>
  <si>
    <t>新伝馬橋</t>
  </si>
  <si>
    <t>戸破102号線</t>
  </si>
  <si>
    <t>戸破103号線</t>
  </si>
  <si>
    <t>戸破104号線</t>
  </si>
  <si>
    <t>戸破105号線</t>
  </si>
  <si>
    <t>戸破106号線</t>
  </si>
  <si>
    <t>戸破107号線</t>
  </si>
  <si>
    <t>戸破108号線</t>
  </si>
  <si>
    <t>戸破109号線</t>
  </si>
  <si>
    <t>戸破110号線</t>
  </si>
  <si>
    <t>戸破111号線</t>
  </si>
  <si>
    <t>戸破112号線</t>
  </si>
  <si>
    <t>戸破113号線</t>
  </si>
  <si>
    <t>戸破114号線</t>
  </si>
  <si>
    <t>戸破115号線</t>
  </si>
  <si>
    <t>戸破116号線</t>
  </si>
  <si>
    <t>戸破117号線</t>
  </si>
  <si>
    <t>戸破118号線</t>
  </si>
  <si>
    <t>戸破119号線</t>
  </si>
  <si>
    <t>戸破120号線</t>
  </si>
  <si>
    <t>戸破121号線</t>
  </si>
  <si>
    <t>戸破122号線</t>
  </si>
  <si>
    <t>戸破123号線</t>
  </si>
  <si>
    <t>市道戸破23号線車止め設置工事</t>
  </si>
  <si>
    <t>戸破124号線</t>
  </si>
  <si>
    <t>戸破125号線</t>
  </si>
  <si>
    <t>戸破126号線</t>
  </si>
  <si>
    <t>戸破127号線</t>
  </si>
  <si>
    <t>戸破128号線</t>
  </si>
  <si>
    <t>戸破129号線</t>
  </si>
  <si>
    <t>戸破130号線</t>
  </si>
  <si>
    <t>戸破130号線　道路改良</t>
  </si>
  <si>
    <t>戸破131号線</t>
  </si>
  <si>
    <t>戸破132号線</t>
  </si>
  <si>
    <t>戸破133号線</t>
  </si>
  <si>
    <t>戸破134号線</t>
  </si>
  <si>
    <t>戸破135号線</t>
  </si>
  <si>
    <t>戸破136号線</t>
  </si>
  <si>
    <t>戸破137号線</t>
  </si>
  <si>
    <t>戸破138号線</t>
  </si>
  <si>
    <t>戸破139号線</t>
  </si>
  <si>
    <t>戸破140号線</t>
  </si>
  <si>
    <t>戸破141号線</t>
  </si>
  <si>
    <t>戸破142号線</t>
  </si>
  <si>
    <t>市道戸破142号線排水桝設置</t>
  </si>
  <si>
    <t>戸破143号線</t>
  </si>
  <si>
    <t>戸破144号線</t>
  </si>
  <si>
    <t>戸破145号線</t>
  </si>
  <si>
    <t>戸破146号線</t>
  </si>
  <si>
    <t>戸破147号線</t>
  </si>
  <si>
    <t>戸破148号線</t>
  </si>
  <si>
    <t>１４８号線　歩道（改修）</t>
  </si>
  <si>
    <t>戸破149号線</t>
  </si>
  <si>
    <t>市道戸破149号線側溝補修工事</t>
  </si>
  <si>
    <t>市道戸破149号線横断側溝補修工事</t>
  </si>
  <si>
    <t>戸破150号線</t>
  </si>
  <si>
    <t>戸破151号線</t>
  </si>
  <si>
    <t>戸破152号線</t>
  </si>
  <si>
    <t>戸破153号線</t>
  </si>
  <si>
    <t>戸破154号線</t>
  </si>
  <si>
    <t>戸破155号線</t>
  </si>
  <si>
    <t>市道戸破155号線道路側溝</t>
  </si>
  <si>
    <t>市道戸破155号線側溝改良工事</t>
  </si>
  <si>
    <t>戸破156号線</t>
  </si>
  <si>
    <t>戸破157号線</t>
  </si>
  <si>
    <t>戸破158号線</t>
  </si>
  <si>
    <t>戸破159号線</t>
  </si>
  <si>
    <t>戸破160号線</t>
  </si>
  <si>
    <t>戸破161号線</t>
  </si>
  <si>
    <t>戸破163号線</t>
  </si>
  <si>
    <t>戸破164号線</t>
  </si>
  <si>
    <t>戸破165号線</t>
  </si>
  <si>
    <t>戸破166号線</t>
  </si>
  <si>
    <t>戸破167号線</t>
  </si>
  <si>
    <t>戸破168号線</t>
  </si>
  <si>
    <t>戸破169号線</t>
  </si>
  <si>
    <t>戸破170号線</t>
  </si>
  <si>
    <t>戸破171号線</t>
  </si>
  <si>
    <t>戸破172号線</t>
  </si>
  <si>
    <t>戸破173号線</t>
  </si>
  <si>
    <t>戸破174号線</t>
  </si>
  <si>
    <t>戸破175号線</t>
  </si>
  <si>
    <t>市道戸破175号線道路反射鏡設置工事</t>
  </si>
  <si>
    <t>戸破176号線</t>
  </si>
  <si>
    <t>戸破177号線</t>
  </si>
  <si>
    <t>針原橋</t>
  </si>
  <si>
    <t>戸破178号線</t>
  </si>
  <si>
    <t>戸破179号線</t>
  </si>
  <si>
    <t>戸破180号線</t>
  </si>
  <si>
    <t>戸破181号線</t>
  </si>
  <si>
    <t>戸破182号線</t>
  </si>
  <si>
    <t>戸破183号線</t>
  </si>
  <si>
    <t>戸破184号線</t>
  </si>
  <si>
    <t>戸破185号線</t>
  </si>
  <si>
    <t>戸破186号線</t>
  </si>
  <si>
    <t>戸破187号線</t>
  </si>
  <si>
    <t>戸破188号線</t>
  </si>
  <si>
    <t>歴史と文化を巡る道(市道戸破188号線)歩道整備</t>
  </si>
  <si>
    <t>市道戸破188号線視線誘導標設置工事</t>
  </si>
  <si>
    <t>戸破189号線</t>
  </si>
  <si>
    <t>戸破190号線</t>
  </si>
  <si>
    <t>戸破191号線</t>
  </si>
  <si>
    <t>戸破192号線</t>
  </si>
  <si>
    <t>戸破193号線</t>
  </si>
  <si>
    <t>戸破194号線</t>
  </si>
  <si>
    <t>戸破195号線</t>
  </si>
  <si>
    <t>戸破196号線</t>
  </si>
  <si>
    <t>戸破197号線</t>
  </si>
  <si>
    <t>戸破198号線</t>
  </si>
  <si>
    <t>戸破199号線</t>
  </si>
  <si>
    <t>戸破1000号線</t>
  </si>
  <si>
    <t>市道戸破1000号線  道路反射鏡</t>
  </si>
  <si>
    <t>戸破1001号線</t>
  </si>
  <si>
    <t>戸破1002号線</t>
  </si>
  <si>
    <t>戸破1003号線</t>
  </si>
  <si>
    <t>戸破1004号線</t>
  </si>
  <si>
    <t>戸破1005号線</t>
  </si>
  <si>
    <t>戸破1006号線</t>
  </si>
  <si>
    <t>戸破1007号線</t>
  </si>
  <si>
    <t>戸破1008号線</t>
  </si>
  <si>
    <t>戸破1009号線</t>
  </si>
  <si>
    <t>戸破1010号線</t>
  </si>
  <si>
    <t>戸破1011号線</t>
  </si>
  <si>
    <t>戸破1012号線</t>
  </si>
  <si>
    <t>戸破1013号線</t>
  </si>
  <si>
    <t>戸破1014号線</t>
  </si>
  <si>
    <t>戸破1015号線</t>
  </si>
  <si>
    <t>戸破1016号線</t>
  </si>
  <si>
    <t>戸破1017号線</t>
  </si>
  <si>
    <t>戸破1018号線</t>
  </si>
  <si>
    <t>戸破1019号線</t>
  </si>
  <si>
    <t>戸破1020号線</t>
  </si>
  <si>
    <t>戸破1021号線</t>
  </si>
  <si>
    <t>戸破1022号線</t>
  </si>
  <si>
    <t>戸破1024号線</t>
  </si>
  <si>
    <t>戸破1025号線</t>
  </si>
  <si>
    <t>戸破1026号線</t>
  </si>
  <si>
    <t>戸破1027号線</t>
  </si>
  <si>
    <t>戸破1028号線</t>
  </si>
  <si>
    <t>戸破1029号線</t>
  </si>
  <si>
    <t>戸破1030号線</t>
  </si>
  <si>
    <t>戸破1031号線</t>
  </si>
  <si>
    <t>戸破1032号線</t>
  </si>
  <si>
    <t>戸破1033号線</t>
  </si>
  <si>
    <t>戸破1034号線</t>
  </si>
  <si>
    <t>戸破1035号線</t>
  </si>
  <si>
    <t>戸破1036号線</t>
  </si>
  <si>
    <t>戸破1038号線</t>
  </si>
  <si>
    <t>戸破1039号線</t>
  </si>
  <si>
    <t>戸破1040号線</t>
  </si>
  <si>
    <t>戸破1041号線</t>
  </si>
  <si>
    <t>戸破1042号線</t>
  </si>
  <si>
    <t>戸破1043号線</t>
  </si>
  <si>
    <t>戸破1044号線</t>
  </si>
  <si>
    <t>戸破1045号線</t>
  </si>
  <si>
    <t>戸破1046号線</t>
  </si>
  <si>
    <t>戸破1047号線</t>
  </si>
  <si>
    <t>戸破1048号線</t>
  </si>
  <si>
    <t>戸破1049号線</t>
  </si>
  <si>
    <t>戸破1050号線</t>
  </si>
  <si>
    <t>戸破1051号線</t>
  </si>
  <si>
    <t>戸破1052号線</t>
  </si>
  <si>
    <t>戸破1053号線</t>
  </si>
  <si>
    <t>戸破1054号線</t>
  </si>
  <si>
    <t>戸破1055号線</t>
  </si>
  <si>
    <t>戸破1056号線</t>
  </si>
  <si>
    <t>戸破1057号線</t>
  </si>
  <si>
    <t>戸破1058号線</t>
  </si>
  <si>
    <t>戸破1059号線</t>
  </si>
  <si>
    <t>戸破1060号線</t>
  </si>
  <si>
    <t>戸破1061号線</t>
  </si>
  <si>
    <t>戸破1062号線</t>
  </si>
  <si>
    <t>戸破1063号線</t>
  </si>
  <si>
    <t>戸破1064号線</t>
  </si>
  <si>
    <t>戸破1065号線</t>
  </si>
  <si>
    <t>戸破1066号線</t>
  </si>
  <si>
    <t>戸破1067号線</t>
  </si>
  <si>
    <t>戸破1068号線</t>
  </si>
  <si>
    <t>戸破1069号線</t>
  </si>
  <si>
    <t>戸破1070号線</t>
  </si>
  <si>
    <t>戸破1071号線</t>
  </si>
  <si>
    <t>戸破1072号線</t>
  </si>
  <si>
    <t>戸破1073号線</t>
  </si>
  <si>
    <t>戸破1074号線</t>
  </si>
  <si>
    <t>戸破1075号線</t>
  </si>
  <si>
    <t>戸破1075号線　道路改良</t>
  </si>
  <si>
    <t>戸破1076号線</t>
  </si>
  <si>
    <t>戸破1077号線</t>
  </si>
  <si>
    <t>戸破1078号線</t>
  </si>
  <si>
    <t>戸破1079号線</t>
  </si>
  <si>
    <t>戸破1080号線</t>
  </si>
  <si>
    <t>戸破1081号線</t>
  </si>
  <si>
    <t>戸破1081号線　道路改良</t>
  </si>
  <si>
    <t>戸破1082号線</t>
  </si>
  <si>
    <t>戸破1083号線</t>
  </si>
  <si>
    <t>戸破1084号線</t>
  </si>
  <si>
    <t>戸破1085号線</t>
  </si>
  <si>
    <t>戸破1086号線</t>
  </si>
  <si>
    <t>戸破1087号線</t>
  </si>
  <si>
    <t>戸破1090号線</t>
  </si>
  <si>
    <t>戸破1091号線</t>
  </si>
  <si>
    <t>戸破1092号線</t>
  </si>
  <si>
    <t>戸破1093号線</t>
  </si>
  <si>
    <t>戸破1094号線</t>
  </si>
  <si>
    <t>戸破1095号線</t>
  </si>
  <si>
    <t>戸破1097号線</t>
  </si>
  <si>
    <t>戸破黒河線</t>
  </si>
  <si>
    <t>手崎鷲塚線</t>
  </si>
  <si>
    <t>市道手崎鷲塚線  側溝改良</t>
  </si>
  <si>
    <t>手崎鷲塚線　側溝（改良）</t>
  </si>
  <si>
    <t>市道手崎鷲塚線側溝蓋設置工事</t>
  </si>
  <si>
    <t>橋下条200号線</t>
  </si>
  <si>
    <t>橋下条201号線</t>
  </si>
  <si>
    <t>橋下条202号線</t>
  </si>
  <si>
    <t>橋下条203号線</t>
  </si>
  <si>
    <t>橋下条204号線</t>
  </si>
  <si>
    <t>橋下条205号線</t>
  </si>
  <si>
    <t>下条新橋</t>
  </si>
  <si>
    <t>橋下条206号線</t>
  </si>
  <si>
    <t>橋下条207号線</t>
  </si>
  <si>
    <t>橋下条208号線</t>
  </si>
  <si>
    <t>橋下条209号線</t>
  </si>
  <si>
    <t>橋下条210号線</t>
  </si>
  <si>
    <t>橋下条211号線</t>
  </si>
  <si>
    <t>橋下条212号線</t>
  </si>
  <si>
    <t>橋下条213号線</t>
  </si>
  <si>
    <t>橋下条214号線</t>
  </si>
  <si>
    <t>赤田橋</t>
  </si>
  <si>
    <t>市道橋下条214号線  道路改良</t>
  </si>
  <si>
    <t>市道橋下条214号線道路反射鏡設置工事</t>
  </si>
  <si>
    <t>橋下条215号線</t>
  </si>
  <si>
    <t>橋下条216号線</t>
  </si>
  <si>
    <t>橋下条217号線</t>
  </si>
  <si>
    <t>橋下条218号線</t>
  </si>
  <si>
    <t>二ノ井橋</t>
  </si>
  <si>
    <t>橋下条219号線</t>
  </si>
  <si>
    <t>橋下条219号線　道路改良</t>
  </si>
  <si>
    <t>橋下条220号線</t>
  </si>
  <si>
    <t>橋下条221号線</t>
  </si>
  <si>
    <t>橋下条222号線</t>
  </si>
  <si>
    <t>橋下条223号線</t>
  </si>
  <si>
    <t>橋下条224号線</t>
  </si>
  <si>
    <t>橋下条225号線</t>
  </si>
  <si>
    <t>橋下条226号線</t>
  </si>
  <si>
    <t>橋下条227号線</t>
  </si>
  <si>
    <t>橋下条228号線</t>
  </si>
  <si>
    <t>橋下条229号線</t>
  </si>
  <si>
    <t>橋下条230号線</t>
  </si>
  <si>
    <t>橋下条231号線</t>
  </si>
  <si>
    <t>橋下条232号線</t>
  </si>
  <si>
    <t>橋下条233号線</t>
  </si>
  <si>
    <t>橋下条234号線</t>
  </si>
  <si>
    <t>橋下条235号線</t>
  </si>
  <si>
    <t>五歩一橋</t>
  </si>
  <si>
    <t>橋下条236号線</t>
  </si>
  <si>
    <t>橋下条237号線</t>
  </si>
  <si>
    <t>橋下条238号線</t>
  </si>
  <si>
    <t>橋下条239号線</t>
  </si>
  <si>
    <t>橋下条240号線</t>
  </si>
  <si>
    <t>橋下条241号線</t>
  </si>
  <si>
    <t>橋下条242号線</t>
  </si>
  <si>
    <t>橋下条243号線</t>
  </si>
  <si>
    <t>橋下条244号線</t>
  </si>
  <si>
    <t>橋下条245号線</t>
  </si>
  <si>
    <t>橋下条246号線</t>
  </si>
  <si>
    <t>橋下条247号線</t>
  </si>
  <si>
    <t>橋下条248号線</t>
  </si>
  <si>
    <t>橋下条249号線</t>
  </si>
  <si>
    <t>橋下条250号線</t>
  </si>
  <si>
    <t>橋下条251号線</t>
  </si>
  <si>
    <t>橋下条252号線</t>
  </si>
  <si>
    <t>橋下条253号線</t>
  </si>
  <si>
    <t>橋下条255号線</t>
  </si>
  <si>
    <t>狩場橋</t>
  </si>
  <si>
    <t>橋下条256号線</t>
  </si>
  <si>
    <t>橋下条257号線</t>
  </si>
  <si>
    <t>橋下条258号線</t>
  </si>
  <si>
    <t>橋下条259号線</t>
  </si>
  <si>
    <t>橋下条260号線</t>
  </si>
  <si>
    <t>橋下条261号線</t>
  </si>
  <si>
    <t>橋下条262号線</t>
  </si>
  <si>
    <t>橋下条263号線</t>
  </si>
  <si>
    <t>橋下条264号線</t>
  </si>
  <si>
    <t>橋下条265号線</t>
  </si>
  <si>
    <t>橋下条266号線</t>
  </si>
  <si>
    <t>橋下条267号線</t>
  </si>
  <si>
    <t>橋下条268号線</t>
  </si>
  <si>
    <t>橋下条269号線</t>
  </si>
  <si>
    <t>二ノ井赤田線</t>
  </si>
  <si>
    <t>二ノ井赤田線　植樹帯舗装</t>
  </si>
  <si>
    <t>金山300号線</t>
  </si>
  <si>
    <t>石坂橋</t>
  </si>
  <si>
    <t>金山301号線</t>
  </si>
  <si>
    <t>金山302号線</t>
  </si>
  <si>
    <t>金山303号線</t>
  </si>
  <si>
    <t>丸山橋</t>
  </si>
  <si>
    <t>金山304号線</t>
  </si>
  <si>
    <t>金山305号線</t>
  </si>
  <si>
    <t>新屋敷橋</t>
  </si>
  <si>
    <t>金山306号線</t>
  </si>
  <si>
    <t>五官野橋</t>
  </si>
  <si>
    <t>金山307号線</t>
  </si>
  <si>
    <t>うまかけ橋</t>
  </si>
  <si>
    <t>うまかけ橋・米山橋　補修耐震対策</t>
  </si>
  <si>
    <t>うまかけ橋補修耐震補強</t>
  </si>
  <si>
    <t>金山308号線</t>
  </si>
  <si>
    <t>金山309号線</t>
  </si>
  <si>
    <t>金山310号線</t>
  </si>
  <si>
    <t>金山311号線</t>
  </si>
  <si>
    <t>金山312号線</t>
  </si>
  <si>
    <t>しょうじ橋</t>
  </si>
  <si>
    <t>金山313号線</t>
  </si>
  <si>
    <t>金山314号線</t>
  </si>
  <si>
    <t>市道金山314号線　道路標識</t>
  </si>
  <si>
    <t>金山315号線</t>
  </si>
  <si>
    <t>市道金山315号線　冠水表示標識</t>
  </si>
  <si>
    <t>市道金山315号線　道路改良</t>
  </si>
  <si>
    <t>市道工作物（金山315号線の一部、金山359号線及び金山360号線）</t>
  </si>
  <si>
    <t>金山315号線　道路改良（付帯）</t>
  </si>
  <si>
    <t>金山315号線　視線誘導標</t>
  </si>
  <si>
    <t>市道金山315号線外道路付属物設置</t>
  </si>
  <si>
    <t>市道金山315号線防護柵設置工事</t>
  </si>
  <si>
    <t>金山316号線</t>
  </si>
  <si>
    <t>金山317号線</t>
  </si>
  <si>
    <t>金山318号線</t>
  </si>
  <si>
    <t>金山319号線</t>
  </si>
  <si>
    <t>金山320号線</t>
  </si>
  <si>
    <t>金山321号線</t>
  </si>
  <si>
    <t>金山322号線</t>
  </si>
  <si>
    <t>市道金山322号線函渠標識板設置工事</t>
  </si>
  <si>
    <t>金山323号線</t>
  </si>
  <si>
    <t>金山324号線</t>
  </si>
  <si>
    <t>金山325号線</t>
  </si>
  <si>
    <t>宿屋橋</t>
  </si>
  <si>
    <t>金山326号線</t>
  </si>
  <si>
    <t>金山327号線</t>
  </si>
  <si>
    <t>金山328号線</t>
  </si>
  <si>
    <t>金山329号線</t>
  </si>
  <si>
    <t>金山330号線</t>
  </si>
  <si>
    <t>金山331号線</t>
  </si>
  <si>
    <t>金山332号線</t>
  </si>
  <si>
    <t>金山333号線</t>
  </si>
  <si>
    <t>浄土寺川橋</t>
  </si>
  <si>
    <t>金山334号線</t>
  </si>
  <si>
    <t>金山335号線</t>
  </si>
  <si>
    <t>市道金山335号線　道路改良</t>
  </si>
  <si>
    <t>金山336号線</t>
  </si>
  <si>
    <t>金山337号線</t>
  </si>
  <si>
    <t>金山338号線</t>
  </si>
  <si>
    <t>金山339号線</t>
  </si>
  <si>
    <t>金山340号線</t>
  </si>
  <si>
    <t>金山341号線</t>
  </si>
  <si>
    <t>金山342号線</t>
  </si>
  <si>
    <t>金山343号線</t>
  </si>
  <si>
    <t>福寺橋</t>
  </si>
  <si>
    <t>市道金山343号線　交差点改良</t>
  </si>
  <si>
    <t>金山343号線　道路改良（付帯）</t>
  </si>
  <si>
    <t>金山344号線</t>
  </si>
  <si>
    <t>金山345号線</t>
  </si>
  <si>
    <t>金山346号線</t>
  </si>
  <si>
    <t>金山347号線</t>
  </si>
  <si>
    <t>西向橋</t>
  </si>
  <si>
    <t>金山348号線</t>
  </si>
  <si>
    <t>金山349号線</t>
  </si>
  <si>
    <t>金山350号線</t>
  </si>
  <si>
    <t>金山351号線</t>
  </si>
  <si>
    <t>金山352号線</t>
  </si>
  <si>
    <t>金山353号線</t>
  </si>
  <si>
    <t>金山354号線</t>
  </si>
  <si>
    <t>金山355号線</t>
  </si>
  <si>
    <t>金山357号線</t>
  </si>
  <si>
    <t>金山358号線</t>
  </si>
  <si>
    <t>大江400号線</t>
  </si>
  <si>
    <t>大江401号線</t>
  </si>
  <si>
    <t>大江402号線</t>
  </si>
  <si>
    <t>大江403号線</t>
  </si>
  <si>
    <t>大江404号線</t>
  </si>
  <si>
    <t>大江405号線</t>
  </si>
  <si>
    <t>大江406号線</t>
  </si>
  <si>
    <t>大江407号線</t>
  </si>
  <si>
    <t>大江408号線</t>
  </si>
  <si>
    <t>大江409号線</t>
  </si>
  <si>
    <t>大江410号線</t>
  </si>
  <si>
    <t>大江411号線</t>
  </si>
  <si>
    <t>大江412号線</t>
  </si>
  <si>
    <t>大江413号線</t>
  </si>
  <si>
    <t>大江414号線</t>
  </si>
  <si>
    <t>大江415号線</t>
  </si>
  <si>
    <t>大江416号線</t>
  </si>
  <si>
    <t>大江417号線</t>
  </si>
  <si>
    <t>大江418号線</t>
  </si>
  <si>
    <t>大江４１８号線　道路側溝（改良）</t>
  </si>
  <si>
    <t>市道大江418号線道路側溝</t>
  </si>
  <si>
    <t>市道大江418号線側溝補修工事</t>
  </si>
  <si>
    <t>大江419号線</t>
  </si>
  <si>
    <t>大江420号線</t>
  </si>
  <si>
    <t>大江421号線</t>
  </si>
  <si>
    <t>大江422号線</t>
  </si>
  <si>
    <t>大江423号線</t>
  </si>
  <si>
    <t>大江424号線</t>
  </si>
  <si>
    <t>大江425号線</t>
  </si>
  <si>
    <t>大江426号線</t>
  </si>
  <si>
    <t>大江427号線</t>
  </si>
  <si>
    <t>大江428号線</t>
  </si>
  <si>
    <t>大江429号線</t>
  </si>
  <si>
    <t>大江430号線</t>
  </si>
  <si>
    <t>大江431号線</t>
  </si>
  <si>
    <t>大江432号線</t>
  </si>
  <si>
    <t>新高木橋</t>
  </si>
  <si>
    <t>大江433号線</t>
  </si>
  <si>
    <t>大江434号線</t>
  </si>
  <si>
    <t>大江435号線</t>
  </si>
  <si>
    <t>大江436号線</t>
  </si>
  <si>
    <t>大江437号線</t>
  </si>
  <si>
    <t>大江438号線</t>
  </si>
  <si>
    <t>大江439号線</t>
  </si>
  <si>
    <t>大江440号線</t>
  </si>
  <si>
    <t>稲積橋</t>
  </si>
  <si>
    <t>大江441号線</t>
  </si>
  <si>
    <t>大江442号線</t>
  </si>
  <si>
    <t>大江443号線</t>
  </si>
  <si>
    <t>大江444号線</t>
  </si>
  <si>
    <t>大江445号線</t>
  </si>
  <si>
    <t>大江446号線</t>
  </si>
  <si>
    <t>大江447号線</t>
  </si>
  <si>
    <t>大江448号線</t>
  </si>
  <si>
    <t>大江449号線</t>
  </si>
  <si>
    <t>大江450号線</t>
  </si>
  <si>
    <t>大江451号線</t>
  </si>
  <si>
    <t>大江452号線</t>
  </si>
  <si>
    <t>大江453号線</t>
  </si>
  <si>
    <t>大江454号線</t>
  </si>
  <si>
    <t>大江455号線</t>
  </si>
  <si>
    <t>大江456号線</t>
  </si>
  <si>
    <t>大江457号線</t>
  </si>
  <si>
    <t>大江458号線</t>
  </si>
  <si>
    <t>大江459号線</t>
  </si>
  <si>
    <t>大江460号線</t>
  </si>
  <si>
    <t>大江461号線</t>
  </si>
  <si>
    <t>大江462号線</t>
  </si>
  <si>
    <t>大江463号線</t>
  </si>
  <si>
    <t>大江464号線</t>
  </si>
  <si>
    <t>大江465号線</t>
  </si>
  <si>
    <t>大江466号線</t>
  </si>
  <si>
    <t>大江467号線</t>
  </si>
  <si>
    <t>大江468号線</t>
  </si>
  <si>
    <t>大江469号線</t>
  </si>
  <si>
    <t>大江470号線</t>
  </si>
  <si>
    <t>大江471号線</t>
  </si>
  <si>
    <t>大江472号線</t>
  </si>
  <si>
    <t>大江473号線</t>
  </si>
  <si>
    <t>大江474号線</t>
  </si>
  <si>
    <t>大江475号線</t>
  </si>
  <si>
    <t>大江476号線</t>
  </si>
  <si>
    <t>大江477号線</t>
  </si>
  <si>
    <t>大江478号線</t>
  </si>
  <si>
    <t>大江479号線</t>
  </si>
  <si>
    <t>大江480号線</t>
  </si>
  <si>
    <t>大江481号線</t>
  </si>
  <si>
    <t>大江482号線</t>
  </si>
  <si>
    <t>大江483号線</t>
  </si>
  <si>
    <t>大江484号線</t>
  </si>
  <si>
    <t>大江485号線</t>
  </si>
  <si>
    <t>大江486号線</t>
  </si>
  <si>
    <t>大江487号線</t>
  </si>
  <si>
    <t>大江488号線</t>
  </si>
  <si>
    <t>大江489号線</t>
  </si>
  <si>
    <t>大江490号線</t>
  </si>
  <si>
    <t>大江491号線</t>
  </si>
  <si>
    <t>大江492号線</t>
  </si>
  <si>
    <t>大江493号線</t>
  </si>
  <si>
    <t>大江494号線</t>
  </si>
  <si>
    <t>大江495号線</t>
  </si>
  <si>
    <t>大江496号線</t>
  </si>
  <si>
    <t>大江497号線</t>
  </si>
  <si>
    <t>大江498号線</t>
  </si>
  <si>
    <t>大江499号線</t>
  </si>
  <si>
    <t>大江1400号線</t>
  </si>
  <si>
    <t>大江1401号線</t>
  </si>
  <si>
    <t>大江1402号線</t>
  </si>
  <si>
    <t>大江1403号線</t>
  </si>
  <si>
    <t>黒河500号線</t>
  </si>
  <si>
    <t>黒河501号線</t>
  </si>
  <si>
    <t>黒河502号線</t>
  </si>
  <si>
    <t>尺目橋</t>
  </si>
  <si>
    <t>市道黒河502号線  側溝改良</t>
  </si>
  <si>
    <t>黒河502号線　側溝（改良）</t>
  </si>
  <si>
    <t>市道黒河502号線道路側溝</t>
  </si>
  <si>
    <t>市道黒河502号線側溝改良その2工事</t>
  </si>
  <si>
    <t>黒河503号線</t>
  </si>
  <si>
    <t>黒河504号線</t>
  </si>
  <si>
    <t>黒河505号線</t>
  </si>
  <si>
    <t>黒河506号線</t>
  </si>
  <si>
    <t>黒河507号線</t>
  </si>
  <si>
    <t>黒河508号線</t>
  </si>
  <si>
    <t>市道黒河508号線  道路改良</t>
  </si>
  <si>
    <t>黒河509号線</t>
  </si>
  <si>
    <t>黒河509号線　ドレン管</t>
  </si>
  <si>
    <t>黒河510号線</t>
  </si>
  <si>
    <t>黒河511号線</t>
  </si>
  <si>
    <t>黒河512号線</t>
  </si>
  <si>
    <t>前田橋</t>
  </si>
  <si>
    <t>黒河513号線</t>
  </si>
  <si>
    <t>黒河514号線</t>
  </si>
  <si>
    <t>荒窪橋</t>
  </si>
  <si>
    <t>黒河515号線</t>
  </si>
  <si>
    <t>黒河516号線</t>
  </si>
  <si>
    <t>第４号橋</t>
  </si>
  <si>
    <t>黒河517号線</t>
  </si>
  <si>
    <t>黒河518号線</t>
  </si>
  <si>
    <t>黒河519号線</t>
  </si>
  <si>
    <t>黒河地区(新星町)消雪管</t>
  </si>
  <si>
    <t>黒河520号線</t>
  </si>
  <si>
    <t>黒河521号線</t>
  </si>
  <si>
    <t>黒河522号線</t>
  </si>
  <si>
    <t>黒河523号線</t>
  </si>
  <si>
    <t>市道黒河523号線横断防止柵設置</t>
  </si>
  <si>
    <t>黒河524号線</t>
  </si>
  <si>
    <t>黒河525号線</t>
  </si>
  <si>
    <t>黒河526号線</t>
  </si>
  <si>
    <t>黒河527号線</t>
  </si>
  <si>
    <t>黒河528号線</t>
  </si>
  <si>
    <t>黒河529号線</t>
  </si>
  <si>
    <t>黒河530号線</t>
  </si>
  <si>
    <t>黒河531号線</t>
  </si>
  <si>
    <t>黒河532号線</t>
  </si>
  <si>
    <t>黒河533号線</t>
  </si>
  <si>
    <t>黒河534号線</t>
  </si>
  <si>
    <t>黒河535号線</t>
  </si>
  <si>
    <t>黒河536号線</t>
  </si>
  <si>
    <t>黒河537号線</t>
  </si>
  <si>
    <t>黒河539号線</t>
  </si>
  <si>
    <t>黒河540号線</t>
  </si>
  <si>
    <t>黒河541号線</t>
  </si>
  <si>
    <t>娶橋</t>
  </si>
  <si>
    <t>黒河542号線</t>
  </si>
  <si>
    <t>市道黒河542号線  道路改良</t>
  </si>
  <si>
    <t>黒河542号線　道路改良</t>
  </si>
  <si>
    <t>黒河543号線</t>
  </si>
  <si>
    <t>黒河544号線</t>
  </si>
  <si>
    <t>黒河545号線</t>
  </si>
  <si>
    <t>黒河546号線</t>
  </si>
  <si>
    <t>黒河547号線</t>
  </si>
  <si>
    <t>黒河548号線</t>
  </si>
  <si>
    <t>市道黒河548号線  道路改良</t>
  </si>
  <si>
    <t>黒河549号線</t>
  </si>
  <si>
    <t>黒河550号線</t>
  </si>
  <si>
    <t>黒河551号線</t>
  </si>
  <si>
    <t>黒河552号線</t>
  </si>
  <si>
    <t>黒河553号線</t>
  </si>
  <si>
    <t>黒河554号線</t>
  </si>
  <si>
    <t>黒河555号線</t>
  </si>
  <si>
    <t>黒河556号線</t>
  </si>
  <si>
    <t>黒河557号線</t>
  </si>
  <si>
    <t>黒河557号線　注意喚起標識</t>
  </si>
  <si>
    <t>黒河558号線</t>
  </si>
  <si>
    <t>黒河559号線</t>
  </si>
  <si>
    <t>黒河560号線</t>
  </si>
  <si>
    <t>黒河561号線</t>
  </si>
  <si>
    <t>黒河562号線</t>
  </si>
  <si>
    <t>黒河563号線</t>
  </si>
  <si>
    <t>黒河564号線</t>
  </si>
  <si>
    <t>黒河565号線</t>
  </si>
  <si>
    <t>黒河566号線</t>
  </si>
  <si>
    <t>黒河567号線</t>
  </si>
  <si>
    <t>黒河568号線</t>
  </si>
  <si>
    <t>黒河569号線</t>
  </si>
  <si>
    <t>黒河570号線</t>
  </si>
  <si>
    <t>黒河571号線</t>
  </si>
  <si>
    <t>黒河572号線</t>
  </si>
  <si>
    <t>黒河573号線</t>
  </si>
  <si>
    <t>黒河574号線</t>
  </si>
  <si>
    <t>黒河575号線</t>
  </si>
  <si>
    <t>針原テクノパーク線</t>
  </si>
  <si>
    <t>池多600号線</t>
  </si>
  <si>
    <t>池多601号線</t>
  </si>
  <si>
    <t>池多602号線</t>
  </si>
  <si>
    <t>池多603号線</t>
  </si>
  <si>
    <t>池多604号線</t>
  </si>
  <si>
    <t>池多605号線</t>
  </si>
  <si>
    <t>市道池多605号線側溝補修工事</t>
  </si>
  <si>
    <t>池多606号線</t>
  </si>
  <si>
    <t>池多607号線</t>
  </si>
  <si>
    <t>池多608号線</t>
  </si>
  <si>
    <t>池多609号線</t>
  </si>
  <si>
    <t>池多610号線</t>
  </si>
  <si>
    <t>池多611号線</t>
  </si>
  <si>
    <t>池多612号線</t>
  </si>
  <si>
    <t>池多613号線</t>
  </si>
  <si>
    <t>池多615号線</t>
  </si>
  <si>
    <t>市道池多615号線  道路改良</t>
  </si>
  <si>
    <t>池多615号線　排水路水門</t>
  </si>
  <si>
    <t>池多615号線　道路改良</t>
  </si>
  <si>
    <t>池多616号線</t>
  </si>
  <si>
    <t>池多617号線</t>
  </si>
  <si>
    <t>池多618号線</t>
  </si>
  <si>
    <t>池多619号線</t>
  </si>
  <si>
    <t>池多620号線</t>
  </si>
  <si>
    <t>池多621号線</t>
  </si>
  <si>
    <t>池多622号線</t>
  </si>
  <si>
    <t>池多623号線</t>
  </si>
  <si>
    <t>池多624号線</t>
  </si>
  <si>
    <t>池多627号線</t>
  </si>
  <si>
    <t>池多628号線</t>
  </si>
  <si>
    <t>池多629号線</t>
  </si>
  <si>
    <t>池多630号線</t>
  </si>
  <si>
    <t>池多631号線</t>
  </si>
  <si>
    <t>池多632号線</t>
  </si>
  <si>
    <t>池多633号線</t>
  </si>
  <si>
    <t>池多634号線</t>
  </si>
  <si>
    <t>太閤山700号線</t>
  </si>
  <si>
    <t>太閤山701号線</t>
  </si>
  <si>
    <t>太閤山702号線</t>
  </si>
  <si>
    <t>太閤山703号線</t>
  </si>
  <si>
    <t>太閤山704号線</t>
  </si>
  <si>
    <t>太閤山705号線</t>
  </si>
  <si>
    <t>太閤山706号線</t>
  </si>
  <si>
    <t>太閤山706号線　防護柵</t>
  </si>
  <si>
    <t>太閤山707号線</t>
  </si>
  <si>
    <t>市道太閤山707号線転落防止柵設置工事</t>
  </si>
  <si>
    <t>市道太閤山707号線外道路反射鏡設置工事</t>
  </si>
  <si>
    <t>太閤山708号線</t>
  </si>
  <si>
    <t>太閤山709号線</t>
  </si>
  <si>
    <t>太閤山710号線</t>
  </si>
  <si>
    <t>太閤山711号線</t>
  </si>
  <si>
    <t>太閤山712号線</t>
  </si>
  <si>
    <t>太閤山713号線</t>
  </si>
  <si>
    <t>太閤山714号線</t>
  </si>
  <si>
    <t>太閤山715号線</t>
  </si>
  <si>
    <t>太閤山716号線</t>
  </si>
  <si>
    <t>太閤山717号線</t>
  </si>
  <si>
    <t>太閤山718号線</t>
  </si>
  <si>
    <t>市道太閤山718号線側溝改良工事</t>
  </si>
  <si>
    <t>太閤山719号線</t>
  </si>
  <si>
    <t>太閤山720号線</t>
  </si>
  <si>
    <t>太閤山721号線</t>
  </si>
  <si>
    <t>太閤山722号線</t>
  </si>
  <si>
    <t>太閤山723号線</t>
  </si>
  <si>
    <t>太閤山724号線</t>
  </si>
  <si>
    <t>太閤山725号線</t>
  </si>
  <si>
    <t>太閤山726号線</t>
  </si>
  <si>
    <t>太閤山727号線</t>
  </si>
  <si>
    <t>太閤山728号線</t>
  </si>
  <si>
    <t>太閤山730号線</t>
  </si>
  <si>
    <t>太閤山731号線</t>
  </si>
  <si>
    <t>太閤山734号線</t>
  </si>
  <si>
    <t>太閤山735号線</t>
  </si>
  <si>
    <t>太閤山736号線</t>
  </si>
  <si>
    <t>太閤山737号線</t>
  </si>
  <si>
    <t>太閤山738号線</t>
  </si>
  <si>
    <t>太閤山739号線</t>
  </si>
  <si>
    <t>太閤山740号線</t>
  </si>
  <si>
    <t>太閤山741号線</t>
  </si>
  <si>
    <t>太閤山742号線</t>
  </si>
  <si>
    <t>太閤山743号線</t>
  </si>
  <si>
    <t>太閤山744号線</t>
  </si>
  <si>
    <t>太閤山745号線</t>
  </si>
  <si>
    <t>太閤山746号線</t>
  </si>
  <si>
    <t>太閤山747号線</t>
  </si>
  <si>
    <t>太閤山748号線</t>
  </si>
  <si>
    <t>太閤山768号線</t>
  </si>
  <si>
    <t>太閤山769号線</t>
  </si>
  <si>
    <t>太閤山770号線</t>
  </si>
  <si>
    <t>太閤山771号線</t>
  </si>
  <si>
    <t>太閤山773号線</t>
  </si>
  <si>
    <t>太閤山774号線</t>
  </si>
  <si>
    <t>太閤山775号線</t>
  </si>
  <si>
    <t>太閤山776号線</t>
  </si>
  <si>
    <t>太閤山777号線</t>
  </si>
  <si>
    <t>太閤山778号線</t>
  </si>
  <si>
    <t>太閤山779号線</t>
  </si>
  <si>
    <t>太閤山780号線</t>
  </si>
  <si>
    <t>太閤山781号線</t>
  </si>
  <si>
    <t>太閤山782号線</t>
  </si>
  <si>
    <t>太閤山783号線</t>
  </si>
  <si>
    <t>太閤山784号線</t>
  </si>
  <si>
    <t>太閤山785号線</t>
  </si>
  <si>
    <t>太閤山786号線</t>
  </si>
  <si>
    <t>太閤山787号線</t>
  </si>
  <si>
    <t>太閤山788号線</t>
  </si>
  <si>
    <t>太閤山789号線</t>
  </si>
  <si>
    <t>太閤山790号線</t>
  </si>
  <si>
    <t>太閤山791号線</t>
  </si>
  <si>
    <t>太閤山792号線</t>
  </si>
  <si>
    <t>太閤山環状線</t>
  </si>
  <si>
    <t>太閤山環状線　注意喚起標識</t>
  </si>
  <si>
    <t>中太閤山800号線</t>
  </si>
  <si>
    <t>中太閤山801号線</t>
  </si>
  <si>
    <t>中太閤山802号線</t>
  </si>
  <si>
    <t>市道中太閤山802号線　道路改良</t>
  </si>
  <si>
    <t>中太閤山802号線外　道路舗装</t>
  </si>
  <si>
    <t>市道中太閤山802号線横断防止柵設置工事</t>
  </si>
  <si>
    <t>市道中太閤山802号線視線誘導標設置工事</t>
  </si>
  <si>
    <t>中太閤山803号線</t>
  </si>
  <si>
    <t>中太閤山804号線</t>
  </si>
  <si>
    <t>中太閤山805号線</t>
  </si>
  <si>
    <t>中太閤山806号線</t>
  </si>
  <si>
    <t>中太閤山807号線</t>
  </si>
  <si>
    <t>中太閤山808号線</t>
  </si>
  <si>
    <t>中太閤山809号線</t>
  </si>
  <si>
    <t>中太閤山810号線</t>
  </si>
  <si>
    <t>中太閤山811号線</t>
  </si>
  <si>
    <t>中太閤山812号線</t>
  </si>
  <si>
    <t>中太閤山813号線</t>
  </si>
  <si>
    <t>中太閤山814号線</t>
  </si>
  <si>
    <t>中太閤山815号線</t>
  </si>
  <si>
    <t>中太閤山816号線</t>
  </si>
  <si>
    <t>中太閤山817号線</t>
  </si>
  <si>
    <t>中太閤山818号線</t>
  </si>
  <si>
    <t>中太閤山819号線</t>
  </si>
  <si>
    <t>中太閤山820号線</t>
  </si>
  <si>
    <t>中太閤山821号線</t>
  </si>
  <si>
    <t>中太閤山822号線</t>
  </si>
  <si>
    <t>市道中太閤山822号線集水桝設置</t>
  </si>
  <si>
    <t>中太閤山823号線</t>
  </si>
  <si>
    <t>中太閤山824号線</t>
  </si>
  <si>
    <t>中太閤山825号線</t>
  </si>
  <si>
    <t>中太閤山826号線</t>
  </si>
  <si>
    <t>中太閤山827号線</t>
  </si>
  <si>
    <t>中太閤山828号線</t>
  </si>
  <si>
    <t>中太閤山829号線</t>
  </si>
  <si>
    <t>中太閤山830号線</t>
  </si>
  <si>
    <t>中太閤山831号線</t>
  </si>
  <si>
    <t>中太閤山832号線</t>
  </si>
  <si>
    <t>中太閤山833号線</t>
  </si>
  <si>
    <t>中太閤山834号線</t>
  </si>
  <si>
    <t>中太閤山835号線</t>
  </si>
  <si>
    <t>中太閤山836号線</t>
  </si>
  <si>
    <t>中太閤山837号線</t>
  </si>
  <si>
    <t>中太閤山838号線</t>
  </si>
  <si>
    <t>中太閤山839号線</t>
  </si>
  <si>
    <t>中太閤山840号線</t>
  </si>
  <si>
    <t>中太閤山841号線</t>
  </si>
  <si>
    <t>中太閤山842号線</t>
  </si>
  <si>
    <t>中太閤山843号線</t>
  </si>
  <si>
    <t>中太閤山876号線</t>
  </si>
  <si>
    <t>中太閤山877号線</t>
  </si>
  <si>
    <t>中太閤山881号線</t>
  </si>
  <si>
    <t>中太閤山882号線</t>
  </si>
  <si>
    <t>中太閤山883号線</t>
  </si>
  <si>
    <t>中太閤山884号線</t>
  </si>
  <si>
    <t>中太閤山885号線</t>
  </si>
  <si>
    <t>中太閤山889号線</t>
  </si>
  <si>
    <t>中太閤山890号線</t>
  </si>
  <si>
    <t>中太閤山891号線</t>
  </si>
  <si>
    <t>中太閤山892号線</t>
  </si>
  <si>
    <t>中太閤山894号線</t>
  </si>
  <si>
    <t>中太閤山895号線</t>
  </si>
  <si>
    <t>中太閤山896号線</t>
  </si>
  <si>
    <t>中太閤山897号線</t>
  </si>
  <si>
    <t>中太閤山898号線</t>
  </si>
  <si>
    <t>中太閤山899号線</t>
  </si>
  <si>
    <t>南太閤山900号線</t>
  </si>
  <si>
    <t>南太閤山901号線</t>
  </si>
  <si>
    <t>市道南太閤山901号線集水桝設置工事</t>
  </si>
  <si>
    <t>南太閤山902号線</t>
  </si>
  <si>
    <t>南太閤山903号線</t>
  </si>
  <si>
    <t>南太閤山904号線</t>
  </si>
  <si>
    <t>南太閤山905号線</t>
  </si>
  <si>
    <t>南太閤山906号線</t>
  </si>
  <si>
    <t>南太閤山907号線</t>
  </si>
  <si>
    <t>南太閤山908号線</t>
  </si>
  <si>
    <t>南太閤山909号線</t>
  </si>
  <si>
    <t>南太閤山910号線</t>
  </si>
  <si>
    <t>南太閤山911号線</t>
  </si>
  <si>
    <t>南太閤山912号線</t>
  </si>
  <si>
    <t>南太閤山913号線</t>
  </si>
  <si>
    <t>南太閤山914号線</t>
  </si>
  <si>
    <t>南太閤山915号線</t>
  </si>
  <si>
    <t>南太閤山916号線</t>
  </si>
  <si>
    <t>南太閤山917号線</t>
  </si>
  <si>
    <t>南太閤山918号線</t>
  </si>
  <si>
    <t>南太閤山919号線</t>
  </si>
  <si>
    <t>南太閤山920号線</t>
  </si>
  <si>
    <t>南太閤山921号線</t>
  </si>
  <si>
    <t>南太閤山922号線</t>
  </si>
  <si>
    <t>南太閤山923号線</t>
  </si>
  <si>
    <t>南太閤山924号線</t>
  </si>
  <si>
    <t>南太閤山925号線</t>
  </si>
  <si>
    <t>南太閤山926号線</t>
  </si>
  <si>
    <t>南太閤山927号線</t>
  </si>
  <si>
    <t>南太閤山928号線</t>
  </si>
  <si>
    <t>南太閤山929号線</t>
  </si>
  <si>
    <t>南太閤山930号線</t>
  </si>
  <si>
    <t>南太閤山931号線</t>
  </si>
  <si>
    <t>南太閤山932号線</t>
  </si>
  <si>
    <t>南太閤山933号線</t>
  </si>
  <si>
    <t>南太閤山934号線</t>
  </si>
  <si>
    <t>南太閤山935号線</t>
  </si>
  <si>
    <t>南太閤山936号線</t>
  </si>
  <si>
    <t>南太閤山937号線</t>
  </si>
  <si>
    <t>南太閤山938号線</t>
  </si>
  <si>
    <t>南太閤山939号線</t>
  </si>
  <si>
    <t>南太閤山940号線</t>
  </si>
  <si>
    <t>南太閤山941号線</t>
  </si>
  <si>
    <t>南太閤山942号線</t>
  </si>
  <si>
    <t>南太閤山943号線</t>
  </si>
  <si>
    <t>南太閤山944号線</t>
  </si>
  <si>
    <t>南太閤山945号線</t>
  </si>
  <si>
    <t>南太閤山946号線</t>
  </si>
  <si>
    <t>南太閤山947号線</t>
  </si>
  <si>
    <t>南太閤山948号線</t>
  </si>
  <si>
    <t>南太閤山949号線</t>
  </si>
  <si>
    <t>南太閤山950号線</t>
  </si>
  <si>
    <t>南太閤山951号線</t>
  </si>
  <si>
    <t>南太閤山952号線</t>
  </si>
  <si>
    <t>南太閤山953号線</t>
  </si>
  <si>
    <t>南太閤山954号線</t>
  </si>
  <si>
    <t>南太閤山955号線</t>
  </si>
  <si>
    <t>南太閤山956号線</t>
  </si>
  <si>
    <t>南太閤山957号線</t>
  </si>
  <si>
    <t>南太閤山958号線</t>
  </si>
  <si>
    <t>南太閤山959号線</t>
  </si>
  <si>
    <t>南太閤山960号線</t>
  </si>
  <si>
    <t>南太閤山961号線</t>
  </si>
  <si>
    <t>南太閤山962号線</t>
  </si>
  <si>
    <t>南太閤山963号線</t>
  </si>
  <si>
    <t>南太閤山964号線</t>
  </si>
  <si>
    <t>南太閤山965号線</t>
  </si>
  <si>
    <t>南太閤山966号線</t>
  </si>
  <si>
    <t>南太閤山967号線</t>
  </si>
  <si>
    <t>南太閤山967号線　側溝（改良）</t>
  </si>
  <si>
    <t>南太閤山968号線</t>
  </si>
  <si>
    <t>南太閤山969号線</t>
  </si>
  <si>
    <t>南太閤山970号線</t>
  </si>
  <si>
    <t>南太閤山971号線</t>
  </si>
  <si>
    <t>南太閤山972号線</t>
  </si>
  <si>
    <t>南太閤山973号線</t>
  </si>
  <si>
    <t>南太閤山974号線</t>
  </si>
  <si>
    <t>南太閤山976号線</t>
  </si>
  <si>
    <t>南太閤山977号線</t>
  </si>
  <si>
    <t>南太閤山978号線</t>
  </si>
  <si>
    <t>南太閤山979号線</t>
  </si>
  <si>
    <t>南太閤山980号線</t>
  </si>
  <si>
    <t>南太閤山981号線</t>
  </si>
  <si>
    <t>南太閤山982号線</t>
  </si>
  <si>
    <t>南太閤山983号線</t>
  </si>
  <si>
    <t>南太閤山984号線</t>
  </si>
  <si>
    <t>南太閤山985号線</t>
  </si>
  <si>
    <t>南太閤山986号線</t>
  </si>
  <si>
    <t>南太閤山987号線</t>
  </si>
  <si>
    <t>三ケ1130号線</t>
  </si>
  <si>
    <t>三ケ1131号線</t>
  </si>
  <si>
    <t>戸破1098号線</t>
  </si>
  <si>
    <t>戸破1099号線</t>
  </si>
  <si>
    <t>戸破2100号線</t>
  </si>
  <si>
    <t>戸破2101号線</t>
  </si>
  <si>
    <t>戸破2102号線</t>
  </si>
  <si>
    <t>戸破2103号線</t>
  </si>
  <si>
    <t>橋下条270号線</t>
  </si>
  <si>
    <t>橋下条271号線</t>
  </si>
  <si>
    <t>橋下条272号線</t>
  </si>
  <si>
    <t>橋下条273号線</t>
  </si>
  <si>
    <t>橋下条274号線</t>
  </si>
  <si>
    <t>橋下条275号線</t>
  </si>
  <si>
    <t>橋下条276号線</t>
  </si>
  <si>
    <t>橋下条277号線</t>
  </si>
  <si>
    <t>橋下条278号線</t>
  </si>
  <si>
    <t>橋下条279号線</t>
  </si>
  <si>
    <t>橋下条280号線</t>
  </si>
  <si>
    <t>橋下条281号線</t>
  </si>
  <si>
    <t>橋下条282号線</t>
  </si>
  <si>
    <t>橋下条283号線</t>
  </si>
  <si>
    <t>橋下条284号線</t>
  </si>
  <si>
    <t>橋下条285号線</t>
  </si>
  <si>
    <t>橋下条286号線</t>
  </si>
  <si>
    <t>橋下条287号線</t>
  </si>
  <si>
    <t>橋下条288号線</t>
  </si>
  <si>
    <t>橋下条289号線</t>
  </si>
  <si>
    <t>橋下条290号線</t>
  </si>
  <si>
    <t>橋下条291号線</t>
  </si>
  <si>
    <t>黒河576号線</t>
  </si>
  <si>
    <t>黒河577号線</t>
  </si>
  <si>
    <t>三ケ1132号線</t>
  </si>
  <si>
    <t>金山356号線</t>
  </si>
  <si>
    <t>新湊博物館　池循環ポンプ</t>
  </si>
  <si>
    <t>新湊博物館　融雪ポンプ（SWP-3歩道無散水）</t>
  </si>
  <si>
    <t>新湊博物館企画展等掲示板</t>
  </si>
  <si>
    <t>新湊博物館物館看板</t>
  </si>
  <si>
    <t>戸破2104号線</t>
  </si>
  <si>
    <t>橋下条292号線</t>
  </si>
  <si>
    <t>三ケ1133号線</t>
  </si>
  <si>
    <t>三ケ1134号線</t>
  </si>
  <si>
    <t>三ケ1135号線</t>
  </si>
  <si>
    <t>戸破2105号線</t>
  </si>
  <si>
    <t>中太閤山8100号線</t>
  </si>
  <si>
    <t>中太閤山8101号線</t>
  </si>
  <si>
    <t>中太閤山8102号線</t>
  </si>
  <si>
    <t>戸破2106号線</t>
  </si>
  <si>
    <t>戸破2107号線</t>
  </si>
  <si>
    <t>大江1404号線</t>
  </si>
  <si>
    <t>大江1405号線</t>
  </si>
  <si>
    <t>大江1405号線　道路改良</t>
  </si>
  <si>
    <t>三ケ1136号線</t>
  </si>
  <si>
    <t>戸破2108号線</t>
  </si>
  <si>
    <t>戸破2109号線</t>
  </si>
  <si>
    <t>戸破2110号線</t>
  </si>
  <si>
    <t>大江1406号線</t>
  </si>
  <si>
    <t>大江1407号線</t>
  </si>
  <si>
    <t>太閤山７９３号線</t>
  </si>
  <si>
    <t>三ケ１１３７号線</t>
  </si>
  <si>
    <t>戸破２１１１号線</t>
  </si>
  <si>
    <t>戸破２１１２号線</t>
  </si>
  <si>
    <t>戸破２１１３号線</t>
  </si>
  <si>
    <t>戸破２１１４号線</t>
  </si>
  <si>
    <t>戸破２１１５号線</t>
  </si>
  <si>
    <t>戸破２１１６号線</t>
  </si>
  <si>
    <t>戸破２１１７号線</t>
  </si>
  <si>
    <t>戸破２１１８号線</t>
  </si>
  <si>
    <t>橋下条２９３号線</t>
  </si>
  <si>
    <t>黒河５７８号線</t>
  </si>
  <si>
    <t>戸破2119号線</t>
  </si>
  <si>
    <t>大江1408号線</t>
  </si>
  <si>
    <t>市道大江1408号線  道路改良</t>
  </si>
  <si>
    <t>大江1408号線　道路改良（その２）</t>
  </si>
  <si>
    <t>大江1408号線　道路舗装</t>
  </si>
  <si>
    <t>橋下条294号線</t>
  </si>
  <si>
    <t>戸破2120号線</t>
  </si>
  <si>
    <t>戸破2121号線</t>
  </si>
  <si>
    <t>三ケ1138号線</t>
  </si>
  <si>
    <t>三ケ今開発線</t>
  </si>
  <si>
    <t>戸破2122号線</t>
  </si>
  <si>
    <t>戸破2123号線</t>
  </si>
  <si>
    <t>戸破2124号線</t>
  </si>
  <si>
    <t>戸破2124号線　道路改良</t>
  </si>
  <si>
    <t>金山359号線</t>
  </si>
  <si>
    <t>金山360号線</t>
  </si>
  <si>
    <t>金山361号線</t>
  </si>
  <si>
    <t>市道金山361号線　道路改良</t>
  </si>
  <si>
    <t>南太閤山988号線</t>
  </si>
  <si>
    <t>南太閤山989号線</t>
  </si>
  <si>
    <t>雄神町停車場線</t>
  </si>
  <si>
    <t>雄神町停車場線外（H28測量設計分）</t>
  </si>
  <si>
    <t>大門針原線</t>
  </si>
  <si>
    <t>市道大門針原線　誘導ブロック</t>
  </si>
  <si>
    <t>市道大門針原線  右折レーン</t>
  </si>
  <si>
    <t>市道大門針原線  歩道整備</t>
  </si>
  <si>
    <t>大門針原線　歩道</t>
  </si>
  <si>
    <t>大門針原線　舗装（改修）</t>
  </si>
  <si>
    <t>大門針原線　転落防止柵</t>
  </si>
  <si>
    <t>市道大門針原線歩道整備</t>
  </si>
  <si>
    <t>市道大門針原線転落防止柵設置</t>
  </si>
  <si>
    <t>市道大門針原線外歩道整備</t>
  </si>
  <si>
    <t>射水市八塚外地内道路反射鏡設置</t>
  </si>
  <si>
    <t>橋下条大橋</t>
  </si>
  <si>
    <t>市道大門針原線外安全施設補修工事</t>
  </si>
  <si>
    <t>神楽川橋</t>
  </si>
  <si>
    <t>大門二口線</t>
  </si>
  <si>
    <t>本田土合線</t>
  </si>
  <si>
    <t>土合橋</t>
  </si>
  <si>
    <t>土合棚田線</t>
  </si>
  <si>
    <t>土合大門本江線</t>
  </si>
  <si>
    <t>神明橋</t>
  </si>
  <si>
    <t>八幡橋</t>
  </si>
  <si>
    <t>鴨川橋</t>
  </si>
  <si>
    <t>安吉赤井線</t>
  </si>
  <si>
    <t>竹鼻線</t>
  </si>
  <si>
    <t>水戸田本田線</t>
  </si>
  <si>
    <t>生源寺若林線</t>
  </si>
  <si>
    <t>市道生源寺若林線若林バス停交通安全施設整備工事</t>
  </si>
  <si>
    <t>水戸田山手線</t>
  </si>
  <si>
    <t>寺橋</t>
  </si>
  <si>
    <t>本村小泉線</t>
  </si>
  <si>
    <t>広上中田線</t>
  </si>
  <si>
    <t>本村常国線</t>
  </si>
  <si>
    <t>緑地公園線</t>
  </si>
  <si>
    <t>二口停車場線</t>
  </si>
  <si>
    <t>土合1号線</t>
  </si>
  <si>
    <t>二口1号線</t>
  </si>
  <si>
    <t>米山橋</t>
  </si>
  <si>
    <t>米山橋補修耐震補強工事</t>
  </si>
  <si>
    <t>米山橋高欄設置工事</t>
  </si>
  <si>
    <t>本田橋下条線</t>
  </si>
  <si>
    <t>若林本田線</t>
  </si>
  <si>
    <t>市井藤巻線</t>
  </si>
  <si>
    <t>藤巻2号橋</t>
  </si>
  <si>
    <t>島堀内線</t>
  </si>
  <si>
    <t>桃井橋</t>
  </si>
  <si>
    <t>牧田橋</t>
  </si>
  <si>
    <t>島広上線</t>
  </si>
  <si>
    <t>水戸田宿屋線</t>
  </si>
  <si>
    <t>布目沢鎧塚線</t>
  </si>
  <si>
    <t>上河原橋</t>
  </si>
  <si>
    <t>水門橋</t>
  </si>
  <si>
    <t>上河原橋　補修耐震補強</t>
  </si>
  <si>
    <t>布目沢荒町線</t>
  </si>
  <si>
    <t>本村西広上線</t>
  </si>
  <si>
    <t>八幡川10号橋</t>
  </si>
  <si>
    <t>串田新梅ノ木線</t>
  </si>
  <si>
    <t>松原山ノ谷線</t>
  </si>
  <si>
    <t>宮新田橋</t>
  </si>
  <si>
    <t>大久保竹原線</t>
  </si>
  <si>
    <t>竹原大橋</t>
  </si>
  <si>
    <t>大門西広上線</t>
  </si>
  <si>
    <t>大門西広上線　舗装（補修）</t>
  </si>
  <si>
    <t>市道大門西広上線舗装補修その1工事</t>
  </si>
  <si>
    <t>市道大門西広上線舗装補修その2工事</t>
  </si>
  <si>
    <t>市道大門西広上線　道路反射鏡</t>
  </si>
  <si>
    <t>市道大門西広上線サイクリングコース整備工事</t>
  </si>
  <si>
    <t>枇杷首1号線</t>
  </si>
  <si>
    <t>市道枇杷首1号線道路反射鏡設置工事</t>
  </si>
  <si>
    <t>枇杷首2号線</t>
  </si>
  <si>
    <t>戎橋</t>
  </si>
  <si>
    <t>西町雄神町線</t>
  </si>
  <si>
    <t>柳町雄神町線</t>
  </si>
  <si>
    <t>柳橋</t>
  </si>
  <si>
    <t>倉町1号線</t>
  </si>
  <si>
    <t>倉町2号線</t>
  </si>
  <si>
    <t>雄神町1号線</t>
  </si>
  <si>
    <t>雄神町2号線</t>
  </si>
  <si>
    <t>文京町1号線</t>
  </si>
  <si>
    <t>文京町2号線</t>
  </si>
  <si>
    <t>田町文京町線</t>
  </si>
  <si>
    <t>田町飛地線</t>
  </si>
  <si>
    <t>田町若葉町線</t>
  </si>
  <si>
    <t>市道田町若葉町線  路肩拡幅</t>
  </si>
  <si>
    <t>錦町田町線</t>
  </si>
  <si>
    <t>中町栄町線</t>
  </si>
  <si>
    <t>市道中町栄町線道路反射鏡設置工事</t>
  </si>
  <si>
    <t>錦町長割線</t>
  </si>
  <si>
    <t>市道錦町長割線道路側溝</t>
  </si>
  <si>
    <t>錦町種村線</t>
  </si>
  <si>
    <t>庄和町線</t>
  </si>
  <si>
    <t>栄町住宅線</t>
  </si>
  <si>
    <t>栄町1号線</t>
  </si>
  <si>
    <t>栄町2号線</t>
  </si>
  <si>
    <t>栄町3号線</t>
  </si>
  <si>
    <t>栄町4号線</t>
  </si>
  <si>
    <t>道の駅「新湊」　電気自動車充電設備</t>
  </si>
  <si>
    <t>道の駅新湊　公園ネットフェンス</t>
  </si>
  <si>
    <t>道の駅新湊地内防犯カメラ設置工事費</t>
  </si>
  <si>
    <t>栄町5号線</t>
  </si>
  <si>
    <t>二口西廻り線</t>
  </si>
  <si>
    <t>市道二口西廻線側溝補修工事</t>
  </si>
  <si>
    <t>雇用促進住宅線</t>
  </si>
  <si>
    <t>二口東廻り線</t>
  </si>
  <si>
    <t>二口2号線</t>
  </si>
  <si>
    <t>二口3号線</t>
  </si>
  <si>
    <t>土合2号線</t>
  </si>
  <si>
    <t>庄和町土合線</t>
  </si>
  <si>
    <t>土合団地1号線</t>
  </si>
  <si>
    <t>土合団地2号線</t>
  </si>
  <si>
    <t>土合団地3号線</t>
  </si>
  <si>
    <t>土合団地4号線</t>
  </si>
  <si>
    <t>土合団地5号線</t>
  </si>
  <si>
    <t>土合団地6号線</t>
  </si>
  <si>
    <t>土合団地7号線</t>
  </si>
  <si>
    <t>土合団地8号線</t>
  </si>
  <si>
    <t>土合団地9号線</t>
  </si>
  <si>
    <t>土合団地10号線</t>
  </si>
  <si>
    <t>土合団地11号線</t>
  </si>
  <si>
    <t>幸町1号線</t>
  </si>
  <si>
    <t>幸町2号線</t>
  </si>
  <si>
    <t>幸町3号線</t>
  </si>
  <si>
    <t>幸町4号線</t>
  </si>
  <si>
    <t>幸町5号線</t>
  </si>
  <si>
    <t>市道幸町5号線側溝設置工事</t>
  </si>
  <si>
    <t>轟1号線</t>
  </si>
  <si>
    <t>轟2号線</t>
  </si>
  <si>
    <t>市道轟2号線側溝蓋</t>
  </si>
  <si>
    <t>轟3号線</t>
  </si>
  <si>
    <t>轟4号線</t>
  </si>
  <si>
    <t>轟5号線</t>
  </si>
  <si>
    <t>二口赤井線</t>
  </si>
  <si>
    <t>二口赤井線　安全設備</t>
  </si>
  <si>
    <t>二口中村線</t>
  </si>
  <si>
    <t>大門本江八塚線</t>
  </si>
  <si>
    <t>市井二口線</t>
  </si>
  <si>
    <t>若林新開発線</t>
  </si>
  <si>
    <t>水戸田下若線</t>
  </si>
  <si>
    <t>市道水戸田下若線  自由勾配側溝</t>
  </si>
  <si>
    <t>水戸田本田西線</t>
  </si>
  <si>
    <t>大門本江大白線</t>
  </si>
  <si>
    <t>市井開口線</t>
  </si>
  <si>
    <t>水戸田裏線</t>
  </si>
  <si>
    <t>生源寺水戸田線</t>
  </si>
  <si>
    <t>水戸田公民館線</t>
  </si>
  <si>
    <t>水戸田6区線</t>
  </si>
  <si>
    <t>六ヶ用水渕線</t>
  </si>
  <si>
    <t>生源寺市井線</t>
  </si>
  <si>
    <t>鎧塚線</t>
  </si>
  <si>
    <t>木戸口線</t>
  </si>
  <si>
    <t>土合東廻り線</t>
  </si>
  <si>
    <t>土合西廻り線</t>
  </si>
  <si>
    <t>下条土合線</t>
  </si>
  <si>
    <t>一丁田橋</t>
  </si>
  <si>
    <t>下条土合線　道路改良</t>
  </si>
  <si>
    <t>土合堤防線</t>
  </si>
  <si>
    <t>島堤防線</t>
  </si>
  <si>
    <t>川原橋</t>
  </si>
  <si>
    <t>上条線</t>
  </si>
  <si>
    <t>布目沢藤巻線</t>
  </si>
  <si>
    <t>市道布目沢藤巻線側溝補修</t>
  </si>
  <si>
    <t>牧田市井線</t>
  </si>
  <si>
    <t>下河原橋</t>
  </si>
  <si>
    <t>下河原橋補修耐震対策</t>
  </si>
  <si>
    <t>小泉牧田線</t>
  </si>
  <si>
    <t>上条広上線</t>
  </si>
  <si>
    <t>広上小泉線</t>
  </si>
  <si>
    <t>広上西広上線</t>
  </si>
  <si>
    <t>西村線</t>
  </si>
  <si>
    <t>本村1号線</t>
  </si>
  <si>
    <t>本村2号線</t>
  </si>
  <si>
    <t>本村西廻り線</t>
  </si>
  <si>
    <t>円池荒町線</t>
  </si>
  <si>
    <t>円池橋</t>
  </si>
  <si>
    <t>荒町鎧塚線</t>
  </si>
  <si>
    <t>荒町鎧塚線　防護柵</t>
  </si>
  <si>
    <t>荒町山ノ谷線</t>
  </si>
  <si>
    <t>荒町大久保線</t>
  </si>
  <si>
    <t>桐ノ木橋</t>
  </si>
  <si>
    <t>桐ノ木橋耐震補強補修</t>
  </si>
  <si>
    <t>小山線</t>
  </si>
  <si>
    <t>宮新田松原線</t>
  </si>
  <si>
    <t>串田新大久保線</t>
  </si>
  <si>
    <t>新田中道線</t>
  </si>
  <si>
    <t>竹原梅ノ木線</t>
  </si>
  <si>
    <t>市道竹原梅ノ木線法面保護工</t>
  </si>
  <si>
    <t>市道竹原梅ノ木線法面補修工事</t>
  </si>
  <si>
    <t>流通センター1号線</t>
  </si>
  <si>
    <t>流通センター2号線</t>
  </si>
  <si>
    <t>流通センター3号線</t>
  </si>
  <si>
    <t>流通センター4号線</t>
  </si>
  <si>
    <t>本田西線</t>
  </si>
  <si>
    <t>庄和町2号線</t>
  </si>
  <si>
    <t>松原本村線</t>
  </si>
  <si>
    <t>新田松原線</t>
  </si>
  <si>
    <t>布目沢団地線</t>
  </si>
  <si>
    <t>緑団地線</t>
  </si>
  <si>
    <t>島土合線</t>
  </si>
  <si>
    <t>鷲尾橋</t>
  </si>
  <si>
    <t>荒町六ヶ渕線</t>
  </si>
  <si>
    <t>牧田藤巻線</t>
  </si>
  <si>
    <t>牧田布目沢線</t>
  </si>
  <si>
    <t>棚田線</t>
  </si>
  <si>
    <t>流通センター5号線</t>
  </si>
  <si>
    <t>流通センター6号線</t>
  </si>
  <si>
    <t>流通センター8号線</t>
  </si>
  <si>
    <t>土合団地12号線</t>
  </si>
  <si>
    <t>広上土合線</t>
  </si>
  <si>
    <t>御奉行橋</t>
  </si>
  <si>
    <t>御奉行歩道橋</t>
  </si>
  <si>
    <t>布目沢線</t>
  </si>
  <si>
    <t>二口6号線</t>
  </si>
  <si>
    <t>轟6号線</t>
  </si>
  <si>
    <t>轟7号線</t>
  </si>
  <si>
    <t>枇杷首3号線</t>
  </si>
  <si>
    <t>広上水源地線</t>
  </si>
  <si>
    <t>竹原山ノ谷線</t>
  </si>
  <si>
    <t>竹原橋</t>
  </si>
  <si>
    <t>上条団地2号線</t>
  </si>
  <si>
    <t>流通センター7号線</t>
  </si>
  <si>
    <t>土合3号線</t>
  </si>
  <si>
    <t>土合4号線</t>
  </si>
  <si>
    <t>松原布目沢線</t>
  </si>
  <si>
    <t>山ノ谷生源寺線</t>
  </si>
  <si>
    <t>市道山ノ谷生源寺線法面保護工事</t>
  </si>
  <si>
    <t>二口東線</t>
  </si>
  <si>
    <t>市道二口東線外視線誘導標設置工事</t>
  </si>
  <si>
    <t>錦町栄町線</t>
  </si>
  <si>
    <t>轟8号線</t>
  </si>
  <si>
    <t>轟9号線</t>
  </si>
  <si>
    <t>轟10号線</t>
  </si>
  <si>
    <t>轟11号線</t>
  </si>
  <si>
    <t>轟12号線</t>
  </si>
  <si>
    <t>轟13号線</t>
  </si>
  <si>
    <t>上条団地1号線</t>
  </si>
  <si>
    <t>上条団地3号線</t>
  </si>
  <si>
    <t>上条団地4号線</t>
  </si>
  <si>
    <t>上条団地5号線</t>
  </si>
  <si>
    <t>上条団地6号線</t>
  </si>
  <si>
    <t>上条団地7号線</t>
  </si>
  <si>
    <t>上条団地8号線</t>
  </si>
  <si>
    <t>上条団地9号線</t>
  </si>
  <si>
    <t>上条団地10号線</t>
  </si>
  <si>
    <t>上条団地11号線</t>
  </si>
  <si>
    <t>市井若林線</t>
  </si>
  <si>
    <t>広上工業団地線</t>
  </si>
  <si>
    <t>一本橋</t>
  </si>
  <si>
    <t>轟14号線</t>
  </si>
  <si>
    <t>中村1号線</t>
  </si>
  <si>
    <t>中村2号線</t>
  </si>
  <si>
    <t>二口4号線</t>
  </si>
  <si>
    <t>二口5号線</t>
  </si>
  <si>
    <t>二口7号線</t>
  </si>
  <si>
    <t>二口8号線</t>
  </si>
  <si>
    <t>二口9号線</t>
  </si>
  <si>
    <t>二口10号線</t>
  </si>
  <si>
    <t>二口11号線</t>
  </si>
  <si>
    <t>二口12号線</t>
  </si>
  <si>
    <t>二口13号線</t>
  </si>
  <si>
    <t>中村3号線</t>
  </si>
  <si>
    <t>中村4号線</t>
  </si>
  <si>
    <t>中村5号線</t>
  </si>
  <si>
    <t>轟15号線</t>
  </si>
  <si>
    <t>轟16号線</t>
  </si>
  <si>
    <t>大久保線</t>
  </si>
  <si>
    <t>広上線</t>
  </si>
  <si>
    <t>本村牧田線</t>
  </si>
  <si>
    <t>下若線</t>
  </si>
  <si>
    <t>柳町大門本江線</t>
  </si>
  <si>
    <t>中町駐車場線</t>
  </si>
  <si>
    <t>西町線</t>
  </si>
  <si>
    <t>庄和町3号線</t>
  </si>
  <si>
    <t>二口若葉町線</t>
  </si>
  <si>
    <t>轟17号線</t>
  </si>
  <si>
    <t>轟18号線</t>
  </si>
  <si>
    <t>轟19号線</t>
  </si>
  <si>
    <t>本田線</t>
  </si>
  <si>
    <t>安吉線</t>
  </si>
  <si>
    <t>棚田2号線</t>
  </si>
  <si>
    <t>小泉島線</t>
  </si>
  <si>
    <t>本村3号線</t>
  </si>
  <si>
    <t>本村4号線</t>
  </si>
  <si>
    <t>本村5号線</t>
  </si>
  <si>
    <t>本村西村線</t>
  </si>
  <si>
    <t>荒町1号線</t>
  </si>
  <si>
    <t>荒町2号線</t>
  </si>
  <si>
    <t>荒町3号線</t>
  </si>
  <si>
    <t>パークゴルフ場線</t>
  </si>
  <si>
    <t>庄和町４号線</t>
  </si>
  <si>
    <t>島下条線</t>
  </si>
  <si>
    <t>枇杷首4号線</t>
  </si>
  <si>
    <t>上条小泉線</t>
  </si>
  <si>
    <t>高土合線</t>
  </si>
  <si>
    <t>本田2号線</t>
  </si>
  <si>
    <t>広上工業団地2号線</t>
  </si>
  <si>
    <t>二口14号線</t>
  </si>
  <si>
    <t>広上団地1号線</t>
  </si>
  <si>
    <t>広上団地2号線</t>
  </si>
  <si>
    <t>広上団地3号線</t>
  </si>
  <si>
    <t>広上団地4号線</t>
  </si>
  <si>
    <t>広上団地5号線</t>
  </si>
  <si>
    <t>広上団地6号線</t>
  </si>
  <si>
    <t>広上団地7号線</t>
  </si>
  <si>
    <t>広上団地8号線</t>
  </si>
  <si>
    <t>広上団地9号線</t>
  </si>
  <si>
    <t>広上団地10号線</t>
  </si>
  <si>
    <t>広上団地11号線</t>
  </si>
  <si>
    <t>堀内土合線</t>
  </si>
  <si>
    <t>堀内土合線　道路付属物</t>
  </si>
  <si>
    <t>あおば台4号線</t>
  </si>
  <si>
    <t>上条2号線</t>
  </si>
  <si>
    <t>若林1号線</t>
  </si>
  <si>
    <t>市道若林1号線  道路改良</t>
  </si>
  <si>
    <t>若林1号線　道路舗装</t>
  </si>
  <si>
    <t>中村6号線</t>
  </si>
  <si>
    <t>あおば台1号線</t>
  </si>
  <si>
    <t>あおば台2号線</t>
  </si>
  <si>
    <t>あおば台3号線</t>
  </si>
  <si>
    <t>あおば台5号線</t>
  </si>
  <si>
    <t>あおば台6号線</t>
  </si>
  <si>
    <t>あおば台8号線</t>
  </si>
  <si>
    <t>あおば台10号線</t>
  </si>
  <si>
    <t>あおば台11号線</t>
  </si>
  <si>
    <t>堀内1号線</t>
  </si>
  <si>
    <t>安吉2号線</t>
  </si>
  <si>
    <t>轟20号線</t>
  </si>
  <si>
    <t>広上工業団地3号線</t>
  </si>
  <si>
    <t>串田新線</t>
  </si>
  <si>
    <t>水戸田生源寺線</t>
  </si>
  <si>
    <t>棚田3号線</t>
  </si>
  <si>
    <t>大門本江線</t>
  </si>
  <si>
    <t>あおば台14号線</t>
  </si>
  <si>
    <t>あおば台15号線</t>
  </si>
  <si>
    <t>藤巻線</t>
  </si>
  <si>
    <t>市井線</t>
  </si>
  <si>
    <t>市井2号線</t>
  </si>
  <si>
    <t>水戸田線</t>
  </si>
  <si>
    <t>生源寺線</t>
  </si>
  <si>
    <t>生源寺2号線</t>
  </si>
  <si>
    <t>水戸田生源寺2号線</t>
  </si>
  <si>
    <t>本村6号線</t>
  </si>
  <si>
    <t>水戸田２号線</t>
  </si>
  <si>
    <t>生源寺水戸田２号線</t>
  </si>
  <si>
    <t>生源寺水戸田３号線</t>
  </si>
  <si>
    <t>生源寺３号線</t>
  </si>
  <si>
    <t>藤巻２号線</t>
  </si>
  <si>
    <t>藤巻2号線　安全施設</t>
  </si>
  <si>
    <t>藤巻2号線　道路改良</t>
  </si>
  <si>
    <t>中村７号線</t>
  </si>
  <si>
    <t>本田３号線</t>
  </si>
  <si>
    <t>西広上広上線</t>
  </si>
  <si>
    <t>広上２号線</t>
  </si>
  <si>
    <t>広上３号線</t>
  </si>
  <si>
    <t>枇杷首５号線</t>
  </si>
  <si>
    <t>二口15号線</t>
  </si>
  <si>
    <t>土合5号線</t>
  </si>
  <si>
    <t>布目沢2号線</t>
  </si>
  <si>
    <t>布目沢3号線</t>
  </si>
  <si>
    <t>土合6号線</t>
  </si>
  <si>
    <t>大門本江2号線</t>
  </si>
  <si>
    <t>大門本江3号線</t>
  </si>
  <si>
    <t>大門本江3号線　側溝（改良）</t>
  </si>
  <si>
    <t>中村8号線</t>
  </si>
  <si>
    <t>大門本江4号線</t>
  </si>
  <si>
    <t>大島北野鷲塚線</t>
  </si>
  <si>
    <t>市道大島北野鷲塚線横断柵設置</t>
  </si>
  <si>
    <t>市道大島北野鷲塚線外横断防止柵設置工事</t>
  </si>
  <si>
    <t>市道大島北野鷲塚線防護柵設置工事</t>
  </si>
  <si>
    <t>市道大島北野鷲塚線安全施設補修工事</t>
  </si>
  <si>
    <t>小杉大橋</t>
  </si>
  <si>
    <t>八月橋</t>
  </si>
  <si>
    <t>大島北野鷲塚線外　歩車道境界ブロック</t>
  </si>
  <si>
    <t>中野本開発線</t>
  </si>
  <si>
    <t>野田橋</t>
  </si>
  <si>
    <t>中野若杉線</t>
  </si>
  <si>
    <t>中野神田線</t>
  </si>
  <si>
    <t>新町八塚線</t>
  </si>
  <si>
    <t>新町1号線</t>
  </si>
  <si>
    <t>北高木新町線</t>
  </si>
  <si>
    <t>北高木新町線　舗装（補修）</t>
  </si>
  <si>
    <t>市道北高木新町線 都市計画施設（Ｈ28測量設計分）</t>
  </si>
  <si>
    <t>市道北高木新町線路面標示用反射ステッカー設置工事</t>
  </si>
  <si>
    <t>市道北高木新町線復旧測量業務委託</t>
  </si>
  <si>
    <t>鳥取新開発線</t>
  </si>
  <si>
    <t>赤井生源寺線</t>
  </si>
  <si>
    <t>市道赤井生源寺線交通安全施設</t>
  </si>
  <si>
    <t>北高木1号線</t>
  </si>
  <si>
    <t>小島26号線</t>
  </si>
  <si>
    <t>倉町停車場線</t>
  </si>
  <si>
    <t>八塚串田線</t>
  </si>
  <si>
    <t>藤巻１号橋</t>
  </si>
  <si>
    <t>八塚串田線　舗装（補修）</t>
  </si>
  <si>
    <t>市道八塚串田線警戒標識補修</t>
  </si>
  <si>
    <t>布目沢地内集水桝工事</t>
  </si>
  <si>
    <t>市道八塚串田線防護柵補修工事</t>
  </si>
  <si>
    <t>北高木南高木線</t>
  </si>
  <si>
    <t>五反橋</t>
  </si>
  <si>
    <t>大島北野公園線</t>
  </si>
  <si>
    <t>越中大門駅前線</t>
  </si>
  <si>
    <t>越中大門駅前広場整備（第１工区）</t>
  </si>
  <si>
    <t>越中大門駅前広場整備（第2工区）工事</t>
  </si>
  <si>
    <t>大島3号線</t>
  </si>
  <si>
    <t>大島北野1号線</t>
  </si>
  <si>
    <t>大島北野若杉線</t>
  </si>
  <si>
    <t>若杉1号線</t>
  </si>
  <si>
    <t>中野1号線</t>
  </si>
  <si>
    <t>小島1号線</t>
  </si>
  <si>
    <t>小島2号線</t>
  </si>
  <si>
    <t>市道小島2号線集水桝設置工事</t>
  </si>
  <si>
    <t>小島3号線</t>
  </si>
  <si>
    <t>小島4号線</t>
  </si>
  <si>
    <t>小島5号線</t>
  </si>
  <si>
    <t>小島5号線　自由勾配側溝</t>
  </si>
  <si>
    <t>小島9号線</t>
  </si>
  <si>
    <t>小島27号線</t>
  </si>
  <si>
    <t>新町2号線</t>
  </si>
  <si>
    <t>市道新町2号線  側溝改良</t>
  </si>
  <si>
    <t>新町3号線</t>
  </si>
  <si>
    <t>新町4号線</t>
  </si>
  <si>
    <t>小島常磐町線</t>
  </si>
  <si>
    <t>常磐町1号線</t>
  </si>
  <si>
    <t>八塚1号線</t>
  </si>
  <si>
    <t>八塚2号線</t>
  </si>
  <si>
    <t>八塚3号線</t>
  </si>
  <si>
    <t>土田1号線</t>
  </si>
  <si>
    <t>土田2号線</t>
  </si>
  <si>
    <t>北高木2号線</t>
  </si>
  <si>
    <t>小林赤井線</t>
  </si>
  <si>
    <t>小林赤井線外　側溝（改良）</t>
  </si>
  <si>
    <t>赤井2号線</t>
  </si>
  <si>
    <t>赤井3号線</t>
  </si>
  <si>
    <t>赤井4号線</t>
  </si>
  <si>
    <t>赤井5号線</t>
  </si>
  <si>
    <t>新開発1号線</t>
  </si>
  <si>
    <t>新開発2号線</t>
  </si>
  <si>
    <t>本開発1号線</t>
  </si>
  <si>
    <t>本開発１号線　横断防止柵</t>
  </si>
  <si>
    <t>本開発2号線</t>
  </si>
  <si>
    <t>今開発1号線</t>
  </si>
  <si>
    <t>今開発2号線</t>
  </si>
  <si>
    <t>西部通学路線</t>
  </si>
  <si>
    <t>東部通学路線</t>
  </si>
  <si>
    <t>市道東部通学路線集水枡補修工事</t>
  </si>
  <si>
    <t>八塚13号線</t>
  </si>
  <si>
    <t>大島北野2号線</t>
  </si>
  <si>
    <t>市道大島北野2号線横断防止柵設置工事</t>
  </si>
  <si>
    <t>大島北野3号線</t>
  </si>
  <si>
    <t>大島北野4号線</t>
  </si>
  <si>
    <t>大島北野5号線</t>
  </si>
  <si>
    <t>大島北野6号線</t>
  </si>
  <si>
    <t>大島北野7号線</t>
  </si>
  <si>
    <t>大島北野8号線</t>
  </si>
  <si>
    <t>大島北野9号線</t>
  </si>
  <si>
    <t>大島北野10号線</t>
  </si>
  <si>
    <t>北の杜1号線</t>
  </si>
  <si>
    <t>北の杜2号線</t>
  </si>
  <si>
    <t>北の杜3号線</t>
  </si>
  <si>
    <t>若杉2号線</t>
  </si>
  <si>
    <t>若杉3号線</t>
  </si>
  <si>
    <t>若杉4号線</t>
  </si>
  <si>
    <t>みどり台1号線</t>
  </si>
  <si>
    <t>若杉5号線</t>
  </si>
  <si>
    <t>塚原中野線</t>
  </si>
  <si>
    <t>市道塚原中野線　ボックスカルバート</t>
  </si>
  <si>
    <t>中野2号線</t>
  </si>
  <si>
    <t>中野3号線</t>
  </si>
  <si>
    <t>中野4号線</t>
  </si>
  <si>
    <t>市道中野4号線道路横断側溝</t>
  </si>
  <si>
    <t>中野5号線</t>
  </si>
  <si>
    <t>中野6号線</t>
  </si>
  <si>
    <t>中野7号線</t>
  </si>
  <si>
    <t>中野8号線</t>
  </si>
  <si>
    <t>中野9号線</t>
  </si>
  <si>
    <t>中野10号線</t>
  </si>
  <si>
    <t>中野11号線</t>
  </si>
  <si>
    <t>小島6号線</t>
  </si>
  <si>
    <t>小島7号線</t>
  </si>
  <si>
    <t>小島8号線</t>
  </si>
  <si>
    <t>小島10号線</t>
  </si>
  <si>
    <t>小島11号線</t>
  </si>
  <si>
    <t>小島12号線</t>
  </si>
  <si>
    <t>小島13号線</t>
  </si>
  <si>
    <t>小島14号線</t>
  </si>
  <si>
    <t>小島15号線</t>
  </si>
  <si>
    <t>小島16号線</t>
  </si>
  <si>
    <t>小島17号線</t>
  </si>
  <si>
    <t>小島18号線</t>
  </si>
  <si>
    <t>小島19号線</t>
  </si>
  <si>
    <t>市道小島19号線消雪管布設</t>
  </si>
  <si>
    <t>小島20号線</t>
  </si>
  <si>
    <t>小島21号線</t>
  </si>
  <si>
    <t>小島22号線</t>
  </si>
  <si>
    <t>小島23号線</t>
  </si>
  <si>
    <t>小島24号線</t>
  </si>
  <si>
    <t>小島25号線</t>
  </si>
  <si>
    <t>小島28号線</t>
  </si>
  <si>
    <t>小島29号線</t>
  </si>
  <si>
    <t>小島30号線</t>
  </si>
  <si>
    <t>小島31号線</t>
  </si>
  <si>
    <t>小島32号線</t>
  </si>
  <si>
    <t>小島33号線</t>
  </si>
  <si>
    <t>小島34号線</t>
  </si>
  <si>
    <t>小島35号線</t>
  </si>
  <si>
    <t>小島36号線</t>
  </si>
  <si>
    <t>小島37号線</t>
  </si>
  <si>
    <t>小島38号線</t>
  </si>
  <si>
    <t>小島39号線</t>
  </si>
  <si>
    <t>小島40号線</t>
  </si>
  <si>
    <t>小島41号線</t>
  </si>
  <si>
    <t>小島42号線</t>
  </si>
  <si>
    <t>小島43号線</t>
  </si>
  <si>
    <t>小島44号線</t>
  </si>
  <si>
    <t>小島45号線</t>
  </si>
  <si>
    <t>小島46号線</t>
  </si>
  <si>
    <t>小島47号線</t>
  </si>
  <si>
    <t>小島48号線</t>
  </si>
  <si>
    <t>小島49号線</t>
  </si>
  <si>
    <t>小島50号線</t>
  </si>
  <si>
    <t>小島51号線</t>
  </si>
  <si>
    <t>小島52号線</t>
  </si>
  <si>
    <t>小島53号線</t>
  </si>
  <si>
    <t>穂野香1号線</t>
  </si>
  <si>
    <t>穂野香2号線</t>
  </si>
  <si>
    <t>新町5号線</t>
  </si>
  <si>
    <t>新町6号線</t>
  </si>
  <si>
    <t>新町7号線</t>
  </si>
  <si>
    <t>新町8号線</t>
  </si>
  <si>
    <t>新富町1号線</t>
  </si>
  <si>
    <t>新富町3号線</t>
  </si>
  <si>
    <t>新富町5号線</t>
  </si>
  <si>
    <t>新富町6号線</t>
  </si>
  <si>
    <t>三島野1号線</t>
  </si>
  <si>
    <t>三島野2号線</t>
  </si>
  <si>
    <t>三島野3号線</t>
  </si>
  <si>
    <t>三島野4号線</t>
  </si>
  <si>
    <t>常磐町八塚線</t>
  </si>
  <si>
    <t>常磐町2号線</t>
  </si>
  <si>
    <t>常磐町3号線</t>
  </si>
  <si>
    <t>常磐町4号線</t>
  </si>
  <si>
    <t>八塚4号線</t>
  </si>
  <si>
    <t>八塚5号線</t>
  </si>
  <si>
    <t>八塚6号線</t>
  </si>
  <si>
    <t>八塚7号線</t>
  </si>
  <si>
    <t>八塚8号線</t>
  </si>
  <si>
    <t>八塚9号線</t>
  </si>
  <si>
    <t>八塚10号線</t>
  </si>
  <si>
    <t>八塚11号線</t>
  </si>
  <si>
    <t>八塚14号線</t>
  </si>
  <si>
    <t>八塚15号線</t>
  </si>
  <si>
    <t>八塚16号線</t>
  </si>
  <si>
    <t>土田3号線</t>
  </si>
  <si>
    <t>土田4号線</t>
  </si>
  <si>
    <t>土田5号線</t>
  </si>
  <si>
    <t>土田6号線</t>
  </si>
  <si>
    <t>土田7号線</t>
  </si>
  <si>
    <t>小林1号線</t>
  </si>
  <si>
    <t>小林2号線</t>
  </si>
  <si>
    <t>小林3号線</t>
  </si>
  <si>
    <t>小林4号線</t>
  </si>
  <si>
    <t>小林5号線</t>
  </si>
  <si>
    <t>中野公園　照明灯</t>
  </si>
  <si>
    <t>小林6号線</t>
  </si>
  <si>
    <t>小林7号線</t>
  </si>
  <si>
    <t>小林8号線</t>
  </si>
  <si>
    <t>小林9号線</t>
  </si>
  <si>
    <t>小林10号線</t>
  </si>
  <si>
    <t>塚原北高木線</t>
  </si>
  <si>
    <t>北高木3号線</t>
  </si>
  <si>
    <t>北高木4号線</t>
  </si>
  <si>
    <t>北高木5号線</t>
  </si>
  <si>
    <t>北高木6号線</t>
  </si>
  <si>
    <t>北高木7号線</t>
  </si>
  <si>
    <t>北高木8号線</t>
  </si>
  <si>
    <t>鳥取1号線</t>
  </si>
  <si>
    <t>鳥取2号線</t>
  </si>
  <si>
    <t>鳥取3号線</t>
  </si>
  <si>
    <t>鳥取4号線</t>
  </si>
  <si>
    <t>赤井6号線</t>
  </si>
  <si>
    <t>赤井7号線</t>
  </si>
  <si>
    <t>赤井8号線</t>
  </si>
  <si>
    <t>赤井9号線</t>
  </si>
  <si>
    <t>赤井10号線</t>
  </si>
  <si>
    <t>赤井11号線</t>
  </si>
  <si>
    <t>赤井12号線</t>
  </si>
  <si>
    <t>赤井13号線</t>
  </si>
  <si>
    <t>赤井14号線</t>
  </si>
  <si>
    <t>市道赤井14号線  道路改良</t>
  </si>
  <si>
    <t>赤井15号線</t>
  </si>
  <si>
    <t>赤井16号線</t>
  </si>
  <si>
    <t>赤井17号線</t>
  </si>
  <si>
    <t>赤井18号線</t>
  </si>
  <si>
    <t>赤井19号線</t>
  </si>
  <si>
    <t>赤井20号線</t>
  </si>
  <si>
    <t>ポエムの街1号線</t>
  </si>
  <si>
    <t>ポエムの街2号線</t>
  </si>
  <si>
    <t>ポエムの街3号線</t>
  </si>
  <si>
    <t>ポエムの街4号線</t>
  </si>
  <si>
    <t>赤井21号線</t>
  </si>
  <si>
    <t>新開発赤井線</t>
  </si>
  <si>
    <t>長割1号線</t>
  </si>
  <si>
    <t>新開発3号線</t>
  </si>
  <si>
    <t>新開発4号線</t>
  </si>
  <si>
    <t>新開発5号線</t>
  </si>
  <si>
    <t>新開発6号線</t>
  </si>
  <si>
    <t>新開発7号線</t>
  </si>
  <si>
    <t>新開発8号線</t>
  </si>
  <si>
    <t>新開発9号線</t>
  </si>
  <si>
    <t>新開発10号線</t>
  </si>
  <si>
    <t>新開発11号線</t>
  </si>
  <si>
    <t>新開発12号線</t>
  </si>
  <si>
    <t>新開発13号線</t>
  </si>
  <si>
    <t>新開発14号線</t>
  </si>
  <si>
    <t>新開発15号線</t>
  </si>
  <si>
    <t>新開発16号線</t>
  </si>
  <si>
    <t>新開発17号線</t>
  </si>
  <si>
    <t>新開発18号線</t>
  </si>
  <si>
    <t>新開発19号線</t>
  </si>
  <si>
    <t>新開発20号線</t>
  </si>
  <si>
    <t>本開発3号線</t>
  </si>
  <si>
    <t>本開発4号線</t>
  </si>
  <si>
    <t>本開発4号線外1　道路改良</t>
  </si>
  <si>
    <t>本開発5号線</t>
  </si>
  <si>
    <t>本開発6号線</t>
  </si>
  <si>
    <t>本開発7号線</t>
  </si>
  <si>
    <t>本開発8号線</t>
  </si>
  <si>
    <t>今開発3号線</t>
  </si>
  <si>
    <t>今開発4号線</t>
  </si>
  <si>
    <t>今開発5号線</t>
  </si>
  <si>
    <t>今開発6号線</t>
  </si>
  <si>
    <t>今開発7号線</t>
  </si>
  <si>
    <t>今開発8号線</t>
  </si>
  <si>
    <t>今開発9号線</t>
  </si>
  <si>
    <t>今開発10号線</t>
  </si>
  <si>
    <t>今開発11号線</t>
  </si>
  <si>
    <t>住吉台1号線</t>
  </si>
  <si>
    <t>住吉台2号線</t>
  </si>
  <si>
    <t>住吉台3号線</t>
  </si>
  <si>
    <t>住吉台4号線</t>
  </si>
  <si>
    <t>住吉台5号線</t>
  </si>
  <si>
    <t>住吉台6号線</t>
  </si>
  <si>
    <t>住吉台7号線</t>
  </si>
  <si>
    <t>住吉台8号線</t>
  </si>
  <si>
    <t>住吉台9号線</t>
  </si>
  <si>
    <t>住吉台10号線</t>
  </si>
  <si>
    <t>住吉台11号線</t>
  </si>
  <si>
    <t>住吉台12号線</t>
  </si>
  <si>
    <t>住吉台13号線</t>
  </si>
  <si>
    <t>住吉台14号線</t>
  </si>
  <si>
    <t>みなみの台1号線</t>
  </si>
  <si>
    <t>みなみの台2号線</t>
  </si>
  <si>
    <t>みなみの台3号線</t>
  </si>
  <si>
    <t>みなみの台4号線</t>
  </si>
  <si>
    <t>みなみの台5号線</t>
  </si>
  <si>
    <t>みなみの台6号線</t>
  </si>
  <si>
    <t>みなみの台7号線</t>
  </si>
  <si>
    <t>みなみの台8号線</t>
  </si>
  <si>
    <t>桜台1号線</t>
  </si>
  <si>
    <t>桜台2号線</t>
  </si>
  <si>
    <t>桜台3号線</t>
  </si>
  <si>
    <t>桜台4号線</t>
  </si>
  <si>
    <t>桜台5号線</t>
  </si>
  <si>
    <t>桜台6号線</t>
  </si>
  <si>
    <t>桜台7号線</t>
  </si>
  <si>
    <t>桜台8号線</t>
  </si>
  <si>
    <t>桜台9号線</t>
  </si>
  <si>
    <t>桜台10号線</t>
  </si>
  <si>
    <t>北高木9号線</t>
  </si>
  <si>
    <t>大島北野11号線</t>
  </si>
  <si>
    <t>赤井22号線</t>
  </si>
  <si>
    <t>北高木10号線</t>
  </si>
  <si>
    <t>小島54号線</t>
  </si>
  <si>
    <t>小島55号線</t>
  </si>
  <si>
    <t>小島５６号線</t>
  </si>
  <si>
    <t>若杉中野線</t>
  </si>
  <si>
    <t>小島57号線</t>
  </si>
  <si>
    <t>小島58号線</t>
  </si>
  <si>
    <t>小島59号線</t>
  </si>
  <si>
    <t>小島60号線</t>
  </si>
  <si>
    <t>小島61号線</t>
  </si>
  <si>
    <t>小島62号線</t>
  </si>
  <si>
    <t>小島63号線</t>
  </si>
  <si>
    <t>小島64号線</t>
  </si>
  <si>
    <t>小島65号線</t>
  </si>
  <si>
    <t>八講線</t>
  </si>
  <si>
    <t>市道八講線外横断暗渠補修工事</t>
  </si>
  <si>
    <t>倉垣小杉線</t>
  </si>
  <si>
    <t>倉垣小杉神明線</t>
  </si>
  <si>
    <t>加茂神社線</t>
  </si>
  <si>
    <t>二枚橋線</t>
  </si>
  <si>
    <t>白石線</t>
  </si>
  <si>
    <t>白石1号線</t>
  </si>
  <si>
    <t>白山線</t>
  </si>
  <si>
    <t>白石1号線(1)</t>
  </si>
  <si>
    <t>白石1号線(2)</t>
  </si>
  <si>
    <t>白石2号線</t>
  </si>
  <si>
    <t>白石3号線</t>
  </si>
  <si>
    <t>白石4号線</t>
  </si>
  <si>
    <t>若宮線</t>
  </si>
  <si>
    <t>加茂神社2号線</t>
  </si>
  <si>
    <t>新川線</t>
  </si>
  <si>
    <t>新村8号線</t>
  </si>
  <si>
    <t>市道新村８号線法面張ブロック補修工事</t>
  </si>
  <si>
    <t>新村線</t>
  </si>
  <si>
    <t>高場線</t>
  </si>
  <si>
    <t>江道線</t>
  </si>
  <si>
    <t>山屋線</t>
  </si>
  <si>
    <t>山屋線　道路改良</t>
  </si>
  <si>
    <t>市道山屋線側溝設置</t>
  </si>
  <si>
    <t>土田線</t>
  </si>
  <si>
    <t>摺出寺線</t>
  </si>
  <si>
    <t>摺出寺1号線</t>
  </si>
  <si>
    <t>高畑線</t>
  </si>
  <si>
    <t>白山2号線</t>
  </si>
  <si>
    <t>中の原線</t>
  </si>
  <si>
    <t>西光１号線</t>
  </si>
  <si>
    <t>高場2号線</t>
  </si>
  <si>
    <t>穂長宝田線</t>
  </si>
  <si>
    <t>穂長国平線</t>
  </si>
  <si>
    <t>太子田2号線</t>
  </si>
  <si>
    <t>太子田1号線</t>
  </si>
  <si>
    <t>白石公園線</t>
  </si>
  <si>
    <t>白石倉垣小杉線</t>
  </si>
  <si>
    <t>上の口3号線</t>
  </si>
  <si>
    <t>上の口2号線</t>
  </si>
  <si>
    <t>上の口1号線</t>
  </si>
  <si>
    <t>上の口辰の口線</t>
  </si>
  <si>
    <t>西光2号線</t>
  </si>
  <si>
    <t>下村三箇2号線</t>
  </si>
  <si>
    <t>太子田3号線</t>
  </si>
  <si>
    <t>太子田4号線</t>
  </si>
  <si>
    <t>加茂神社線（2）</t>
  </si>
  <si>
    <t>加茂神社2号線（2）</t>
  </si>
  <si>
    <t>白石西部1号線</t>
  </si>
  <si>
    <t>白石西部2号線</t>
  </si>
  <si>
    <t>白石西部3号線</t>
  </si>
  <si>
    <t>上の口4号線</t>
  </si>
  <si>
    <t>白石東部1号線</t>
  </si>
  <si>
    <t>倉垣小杉東部1号線</t>
  </si>
  <si>
    <t>倉垣小杉東部2号線</t>
  </si>
  <si>
    <t>加茂西部1号線</t>
  </si>
  <si>
    <t>摺出寺2号線</t>
  </si>
  <si>
    <t>加茂穂長1号線</t>
  </si>
  <si>
    <t>下村三箇4号線</t>
  </si>
  <si>
    <t>鍛冶川線</t>
  </si>
  <si>
    <t>白城台4号線</t>
  </si>
  <si>
    <t>白城台7号線</t>
  </si>
  <si>
    <t>白城台8号線</t>
  </si>
  <si>
    <t>白城台5号線</t>
  </si>
  <si>
    <t>白城台6号線</t>
  </si>
  <si>
    <t>白城台1号線</t>
  </si>
  <si>
    <t>白城台2号線</t>
  </si>
  <si>
    <t>白城台3号線</t>
  </si>
  <si>
    <t>国平2号線</t>
  </si>
  <si>
    <t>国平3号線</t>
  </si>
  <si>
    <t>下村中部線</t>
  </si>
  <si>
    <t>水郷大橋２</t>
  </si>
  <si>
    <t>水郷大橋１</t>
  </si>
  <si>
    <t>国平4号線</t>
  </si>
  <si>
    <t>国平5号線</t>
  </si>
  <si>
    <t>国平6号線</t>
  </si>
  <si>
    <t>倉垣小杉1号線</t>
  </si>
  <si>
    <t>摺出寺3号線</t>
  </si>
  <si>
    <t>馬場田1号線</t>
  </si>
  <si>
    <t>馬場田2号線</t>
  </si>
  <si>
    <t>高場3号線</t>
  </si>
  <si>
    <t>江満1号線</t>
  </si>
  <si>
    <t>江満1号線　自由勾配側溝</t>
  </si>
  <si>
    <t>江満1号線　集水桝</t>
  </si>
  <si>
    <t>西光3号線</t>
  </si>
  <si>
    <t>辰の口1号線</t>
  </si>
  <si>
    <t>高場公園フェンス設置</t>
  </si>
  <si>
    <t>高場公園フェンス</t>
  </si>
  <si>
    <t>辰の口2号線</t>
  </si>
  <si>
    <t>辰の口3号線</t>
  </si>
  <si>
    <t>辰の口4号線</t>
  </si>
  <si>
    <t>白石5号線</t>
  </si>
  <si>
    <t>白石6号線</t>
  </si>
  <si>
    <t>若宮1号線</t>
  </si>
  <si>
    <t>加茂神社3号線</t>
  </si>
  <si>
    <t>太子田5号線</t>
  </si>
  <si>
    <t>太子田6号線</t>
  </si>
  <si>
    <t>太子田7号線</t>
  </si>
  <si>
    <t>太子田8号線</t>
  </si>
  <si>
    <t>新村1号線</t>
  </si>
  <si>
    <t>八講1号線</t>
  </si>
  <si>
    <t>摺出寺4号線</t>
  </si>
  <si>
    <t>摺出寺5号線</t>
  </si>
  <si>
    <t>山屋1号線</t>
  </si>
  <si>
    <t>山屋2号線</t>
  </si>
  <si>
    <t>白石7号線</t>
  </si>
  <si>
    <t>白石8号線</t>
  </si>
  <si>
    <t>若宮2号線</t>
  </si>
  <si>
    <t>穂長2号線</t>
  </si>
  <si>
    <t>穂長3号線</t>
  </si>
  <si>
    <t>国平7号線</t>
  </si>
  <si>
    <t>国平8号線</t>
  </si>
  <si>
    <t>太子田９号線</t>
  </si>
  <si>
    <t>白石９号線</t>
  </si>
  <si>
    <t>白石10号線</t>
  </si>
  <si>
    <t>三ケ1105号線</t>
  </si>
  <si>
    <t>下条川河川公園地下道（射水市道三ヶ1105号線）防犯カメラ設置工事</t>
  </si>
  <si>
    <t>三ケ1106号線</t>
  </si>
  <si>
    <t>花見橋</t>
  </si>
  <si>
    <t>戸破162号線</t>
  </si>
  <si>
    <t>市道戸破162号線側溝改良工事</t>
  </si>
  <si>
    <t>戸破1023号線</t>
  </si>
  <si>
    <t>戸破1037号線</t>
  </si>
  <si>
    <t>太閤山749号線</t>
  </si>
  <si>
    <t>太閤山750号線</t>
  </si>
  <si>
    <t>太閤山751号線</t>
  </si>
  <si>
    <t>太閤山752号線</t>
  </si>
  <si>
    <t>太閤山753号線</t>
  </si>
  <si>
    <t>太閤山754号線</t>
  </si>
  <si>
    <t>太閤山755号線</t>
  </si>
  <si>
    <t>太閤山756号線</t>
  </si>
  <si>
    <t>太閤山757号線</t>
  </si>
  <si>
    <t>太閤山763号線</t>
  </si>
  <si>
    <t>太閤山764号線</t>
  </si>
  <si>
    <t>太閤山765号線</t>
  </si>
  <si>
    <t>太閤山772号線</t>
  </si>
  <si>
    <t>中太閤山844号線</t>
  </si>
  <si>
    <t>中太閤山845号線</t>
  </si>
  <si>
    <t>中太閤山846号線</t>
  </si>
  <si>
    <t>中太閤山847号線</t>
  </si>
  <si>
    <t>中太閤山848号線</t>
  </si>
  <si>
    <t>中太閤山849号線</t>
  </si>
  <si>
    <t>中太閤山850号線</t>
  </si>
  <si>
    <t>中太閤山851号線</t>
  </si>
  <si>
    <t>中太閤山852号線</t>
  </si>
  <si>
    <t>中太閤山853号線</t>
  </si>
  <si>
    <t>中太閤山854号線</t>
  </si>
  <si>
    <t>中太閤山855号線</t>
  </si>
  <si>
    <t>中太閤山856号線</t>
  </si>
  <si>
    <t>中太閤山857号線</t>
  </si>
  <si>
    <t>中太閤山858号線</t>
  </si>
  <si>
    <t>中太閤山859号線</t>
  </si>
  <si>
    <t>中太閤山860号線</t>
  </si>
  <si>
    <t>中太閤山861号線</t>
  </si>
  <si>
    <t>中太閤山862号線</t>
  </si>
  <si>
    <t>中太閤山863号線</t>
  </si>
  <si>
    <t>中太閤山864号線</t>
  </si>
  <si>
    <t>中太閤山865号線</t>
  </si>
  <si>
    <t>中太閤山866号線</t>
  </si>
  <si>
    <t>中太閤山867号線</t>
  </si>
  <si>
    <t>中太閤山868号線</t>
  </si>
  <si>
    <t>中太閤山869号線</t>
  </si>
  <si>
    <t>中太閤山870号線</t>
  </si>
  <si>
    <t>中太閤山871号線</t>
  </si>
  <si>
    <t>中太閤山872号線</t>
  </si>
  <si>
    <t>中太閤山873号線</t>
  </si>
  <si>
    <t>中太閤山893号線</t>
  </si>
  <si>
    <t>南太閤山9001号線</t>
  </si>
  <si>
    <t>南太閤山9002号線</t>
  </si>
  <si>
    <t>南太閤山9003号線</t>
  </si>
  <si>
    <t>南太閤山9004号線</t>
  </si>
  <si>
    <t>南太閤山9005号線</t>
  </si>
  <si>
    <t>南太閤山9006号線</t>
  </si>
  <si>
    <t>南太閤山9007号線</t>
  </si>
  <si>
    <t>南太閤山9008号線</t>
  </si>
  <si>
    <t>南太閤山9009号線</t>
  </si>
  <si>
    <t>南太閤山9010号線</t>
  </si>
  <si>
    <t>南太閤山9011号線</t>
  </si>
  <si>
    <t>南太閤山9012号線</t>
  </si>
  <si>
    <t>南太閤山9013号線</t>
  </si>
  <si>
    <t>南太閤山9014号線</t>
  </si>
  <si>
    <t>南太閤山9015号線</t>
  </si>
  <si>
    <t>南太閤山9016号線</t>
  </si>
  <si>
    <t>南太閤山9017号線</t>
  </si>
  <si>
    <t>南太閤山9018号線</t>
  </si>
  <si>
    <t>南太閤山9019号線</t>
  </si>
  <si>
    <t>南太閤山9020号線</t>
  </si>
  <si>
    <t>南太閤山9021号線</t>
  </si>
  <si>
    <t>南太閤山9022号線</t>
  </si>
  <si>
    <t>南太閤山9023号線</t>
  </si>
  <si>
    <t>南太閤山9024号線</t>
  </si>
  <si>
    <t>南太閤山9025号線</t>
  </si>
  <si>
    <t>南太閤山9026号線</t>
  </si>
  <si>
    <t>南太閤山9027号線</t>
  </si>
  <si>
    <t>南太閤山9028号線</t>
  </si>
  <si>
    <t>南太閤山9029号線</t>
  </si>
  <si>
    <t>南太閤山9030号線</t>
  </si>
  <si>
    <t>南太閤山9031号線</t>
  </si>
  <si>
    <t>南太閤山9032号線</t>
  </si>
  <si>
    <t>南太閤山9033号線</t>
  </si>
  <si>
    <t>南太閤山9034号線</t>
  </si>
  <si>
    <t>南太閤山9035号線</t>
  </si>
  <si>
    <t>作道241号線</t>
  </si>
  <si>
    <t>作道242号線</t>
  </si>
  <si>
    <t>作道243号線</t>
  </si>
  <si>
    <t>作道244号線</t>
  </si>
  <si>
    <t>作道245号線</t>
  </si>
  <si>
    <t>作道246号線</t>
  </si>
  <si>
    <t>作道247号線</t>
  </si>
  <si>
    <t>作道248号線</t>
  </si>
  <si>
    <t>作道249号線</t>
  </si>
  <si>
    <t>堀岡162号線</t>
  </si>
  <si>
    <t>堀岡163号線</t>
  </si>
  <si>
    <t>堀岡164号線</t>
  </si>
  <si>
    <t>堀岡165号線</t>
  </si>
  <si>
    <t>堀岡166号線</t>
  </si>
  <si>
    <t>新湊299号線</t>
  </si>
  <si>
    <t>新湊301号線</t>
  </si>
  <si>
    <t>二口1号自転車道線</t>
  </si>
  <si>
    <t>二口2号自転車道線</t>
  </si>
  <si>
    <t>二口3号自転車道線</t>
  </si>
  <si>
    <t>広上1号自歩道線</t>
  </si>
  <si>
    <t>広上2号自歩道線</t>
  </si>
  <si>
    <t>広上3号自歩道線</t>
  </si>
  <si>
    <t>広上4号自歩道線</t>
  </si>
  <si>
    <t>広上5号自歩道線</t>
  </si>
  <si>
    <t>広上6号自歩道線</t>
  </si>
  <si>
    <t>あおば台7号線</t>
  </si>
  <si>
    <t>あおば台9号線</t>
  </si>
  <si>
    <t>あおば台12号線</t>
  </si>
  <si>
    <t>あおば台13号線</t>
  </si>
  <si>
    <t>通学路1号線</t>
  </si>
  <si>
    <t>白城台9号線</t>
  </si>
  <si>
    <t>白城台10号線</t>
  </si>
  <si>
    <t>白城台11号線</t>
  </si>
  <si>
    <t>国平9号線</t>
  </si>
  <si>
    <t>国平10号線</t>
  </si>
  <si>
    <t>国平11号線</t>
  </si>
  <si>
    <t>新湊246号線（側道）</t>
  </si>
  <si>
    <t>八幡町一丁目中新湊線(側道)</t>
  </si>
  <si>
    <t>明神新堀岡中町線(側道)</t>
  </si>
  <si>
    <t>市道金山362号線　道路改良</t>
  </si>
  <si>
    <t>金山362号線</t>
  </si>
  <si>
    <t>市道2403_七美72号線</t>
  </si>
  <si>
    <t>市道2404_本江80号線</t>
  </si>
  <si>
    <t>市道2405_作道260号線</t>
  </si>
  <si>
    <t>市道2406_作道261号線</t>
  </si>
  <si>
    <t>市道3973_三ケ1139号線</t>
  </si>
  <si>
    <t>市道3974_戸破2128号線</t>
  </si>
  <si>
    <t>市道3975_戸破2129号線</t>
  </si>
  <si>
    <t>市道5293_本村7号線</t>
  </si>
  <si>
    <t>市道5294_生源寺4号線</t>
  </si>
  <si>
    <t>市道5295_棚田4号線</t>
  </si>
  <si>
    <t>市道6291_小林12号線</t>
  </si>
  <si>
    <t>市道6292_小林13号線</t>
  </si>
  <si>
    <t>市道6293_小林14号線</t>
  </si>
  <si>
    <t>市道6294_小林15号線</t>
  </si>
  <si>
    <t>市道6295_小林16号線</t>
  </si>
  <si>
    <t>市道6296_小林17号線</t>
  </si>
  <si>
    <t>市道6297_小林18号線</t>
  </si>
  <si>
    <t>市道6298_小林19号線</t>
  </si>
  <si>
    <t>市道6299_赤井23号線</t>
  </si>
  <si>
    <t>戸破2125号線　道路改良</t>
  </si>
  <si>
    <t>八幡公園　園路</t>
  </si>
  <si>
    <t>八幡公園　遊具</t>
  </si>
  <si>
    <t>高木農村公園滑り台更新工事</t>
  </si>
  <si>
    <t>新湊１号線</t>
  </si>
  <si>
    <t>新湊２号線</t>
  </si>
  <si>
    <t>新湊３号線</t>
  </si>
  <si>
    <t>新湊４号線</t>
  </si>
  <si>
    <t>新湊６号線</t>
  </si>
  <si>
    <t>新湊７号線</t>
  </si>
  <si>
    <t>稲成橋</t>
  </si>
  <si>
    <t>新湊８号線</t>
  </si>
  <si>
    <t>新湊９号線</t>
  </si>
  <si>
    <t>新湊１０号線</t>
  </si>
  <si>
    <t>新湊11-1号線</t>
  </si>
  <si>
    <t>新湊11-2号線</t>
  </si>
  <si>
    <t>新湊１２号線</t>
  </si>
  <si>
    <t>新湊１７号線</t>
  </si>
  <si>
    <t>新湊１８号線</t>
  </si>
  <si>
    <t>新湊20-1号線</t>
  </si>
  <si>
    <t>新湊20-2号線</t>
  </si>
  <si>
    <t>新湊２１号線</t>
  </si>
  <si>
    <t>新湊２２号線</t>
  </si>
  <si>
    <t>新湊２３号線</t>
  </si>
  <si>
    <t>新湊25-1号線</t>
  </si>
  <si>
    <t>新湊25-2号線</t>
  </si>
  <si>
    <t>新湊２９号線</t>
  </si>
  <si>
    <t>新湊３０号線</t>
  </si>
  <si>
    <t>新湊３１号線</t>
  </si>
  <si>
    <t>新湊３５号線</t>
  </si>
  <si>
    <t>新湊３７号線</t>
  </si>
  <si>
    <t>三ｹ１号線</t>
  </si>
  <si>
    <t>金山２号線</t>
  </si>
  <si>
    <t>金山３号線</t>
  </si>
  <si>
    <t>池多１号線</t>
  </si>
  <si>
    <t>池多２号線</t>
  </si>
  <si>
    <t>竹鼻本田線</t>
  </si>
  <si>
    <t>若林線</t>
  </si>
  <si>
    <t>市井円池線</t>
  </si>
  <si>
    <t>市井西廻線</t>
  </si>
  <si>
    <t>円池線</t>
  </si>
  <si>
    <t>宮新田東線</t>
  </si>
  <si>
    <t>串田新竹原線</t>
  </si>
  <si>
    <t>小泉線</t>
  </si>
  <si>
    <t>布目沢１号線</t>
  </si>
  <si>
    <t>布目沢２号線</t>
  </si>
  <si>
    <t>下条１号線</t>
  </si>
  <si>
    <t>下条３号線</t>
  </si>
  <si>
    <t>下条４号線</t>
  </si>
  <si>
    <t>下条５号線</t>
  </si>
  <si>
    <t>荒町３号線</t>
  </si>
  <si>
    <t>荒町西廻線</t>
  </si>
  <si>
    <t>土合４号線</t>
  </si>
  <si>
    <t>牧田線</t>
  </si>
  <si>
    <t>小泉２号線</t>
  </si>
  <si>
    <t>北野1号線</t>
  </si>
  <si>
    <t>神田2号線</t>
  </si>
  <si>
    <t>南高木2号線</t>
  </si>
  <si>
    <t>下村農道４号線</t>
  </si>
  <si>
    <t>下村農道６号線</t>
  </si>
  <si>
    <t>下村農道８号線</t>
  </si>
  <si>
    <t>下村農道９号線</t>
  </si>
  <si>
    <t>下村農道１０号線</t>
  </si>
  <si>
    <t>下村農道１３号線</t>
  </si>
  <si>
    <t>下村農道２２号線</t>
  </si>
  <si>
    <t>下村農道２３号線</t>
  </si>
  <si>
    <t>下村農道２４号線</t>
  </si>
  <si>
    <t>下村農道２５号線</t>
  </si>
  <si>
    <t>下村農道２７号線</t>
  </si>
  <si>
    <t>下村農道３１号線</t>
  </si>
  <si>
    <t>下村農道３２号線</t>
  </si>
  <si>
    <t>下村農道３３号線</t>
  </si>
  <si>
    <t>下村農道３６号線</t>
  </si>
  <si>
    <t>下村農道３９号線</t>
  </si>
  <si>
    <t>下村農道４１号線</t>
  </si>
  <si>
    <t>下村農道４６号線</t>
  </si>
  <si>
    <t>下村農道４７号線</t>
  </si>
  <si>
    <t>下村農道４８号線</t>
  </si>
  <si>
    <t>下村農道５０号線</t>
  </si>
  <si>
    <t>三日曽根公園　公園施設</t>
  </si>
  <si>
    <t>下村農道５４号線</t>
  </si>
  <si>
    <t>下村農道５５号線</t>
  </si>
  <si>
    <t>下村農道５８号線</t>
  </si>
  <si>
    <t>下村農道５９号線</t>
  </si>
  <si>
    <t>下村農道６０号線</t>
  </si>
  <si>
    <t>下村農道６１号線</t>
  </si>
  <si>
    <t>下村農道６２号線</t>
  </si>
  <si>
    <t>下村農道６３号線</t>
  </si>
  <si>
    <t>下村農道６４号線</t>
  </si>
  <si>
    <t>下村農道６６号線</t>
  </si>
  <si>
    <t>下村農道７０号線</t>
  </si>
  <si>
    <t>下村農道７１号線</t>
  </si>
  <si>
    <t>下村農道７３号線</t>
  </si>
  <si>
    <t>下村農道７４号線</t>
  </si>
  <si>
    <t>奈呉の江西公園　浄化槽</t>
  </si>
  <si>
    <t>足洗潟公園　ターザンロープ</t>
  </si>
  <si>
    <t>足洗潟公園　遊具</t>
  </si>
  <si>
    <t>足洗潟公園照明灯更新</t>
  </si>
  <si>
    <t>足洗潟公園時計台更新</t>
  </si>
  <si>
    <t>足洗潟公園遊具更新</t>
  </si>
  <si>
    <t>足洗潟公園遊具更新工事</t>
  </si>
  <si>
    <t>内川緑地　緑地施設</t>
  </si>
  <si>
    <t>内川周辺情報板</t>
  </si>
  <si>
    <t>内川周辺誘導案内看板</t>
  </si>
  <si>
    <t>内川周辺誘導案内板</t>
  </si>
  <si>
    <t>内川周辺誘導案内板（その２）</t>
  </si>
  <si>
    <t>衛生センター　井戸ポンプ</t>
  </si>
  <si>
    <t>衛生センター　トラックスケール等</t>
  </si>
  <si>
    <t>衛生センター　気中開閉器</t>
  </si>
  <si>
    <t>衛生センター　ろ布洗浄ポンプ</t>
  </si>
  <si>
    <t>衛生センター　生し尿受入槽及び生し尿貯留槽レベル発信器</t>
  </si>
  <si>
    <t>衛生センター　再燃炉パイロットバーナー</t>
  </si>
  <si>
    <t>衛生センター　事務所棟汚水ポンプ</t>
  </si>
  <si>
    <t>衛生センター　貯留槽液面計発信器</t>
  </si>
  <si>
    <t>衛生センター　乾燥焼却設備熱交換器及び付帯設備</t>
  </si>
  <si>
    <t>衛生センター　生し尿受入槽液面発信器</t>
  </si>
  <si>
    <t>衛生センター　計装用コンプレッサー</t>
  </si>
  <si>
    <t>衛生センター　斎場再燃炉ブロワー</t>
  </si>
  <si>
    <t>衛生センター　循環液ポンプ出口流量計</t>
  </si>
  <si>
    <t>大門コミュニティセンター通信・情報設備</t>
  </si>
  <si>
    <t>大門コミュニティセンターTV及びNET光化</t>
  </si>
  <si>
    <t>大門コミュニティセンター駐車場整備</t>
  </si>
  <si>
    <t>上野線</t>
  </si>
  <si>
    <t>東谷線</t>
  </si>
  <si>
    <t>浄土寺線</t>
  </si>
  <si>
    <t>板谷線</t>
  </si>
  <si>
    <t>二本松線</t>
  </si>
  <si>
    <t>行福線</t>
  </si>
  <si>
    <t>鳥越線</t>
  </si>
  <si>
    <t>茗ヶ谷線</t>
  </si>
  <si>
    <t>野手浄土寺線</t>
  </si>
  <si>
    <t>向野線</t>
  </si>
  <si>
    <t>東笹鎌野線</t>
  </si>
  <si>
    <t>ニの谷線</t>
  </si>
  <si>
    <t>天池上線</t>
  </si>
  <si>
    <t>赤坂線</t>
  </si>
  <si>
    <t>正権寺野手線</t>
  </si>
  <si>
    <t>生源寺野大山</t>
  </si>
  <si>
    <t>明地黒河新</t>
  </si>
  <si>
    <t>明地丸山1号</t>
  </si>
  <si>
    <t>明地鳥越</t>
  </si>
  <si>
    <t>鳥越1号</t>
  </si>
  <si>
    <t>大山丸山</t>
  </si>
  <si>
    <t>明地丸山2号</t>
  </si>
  <si>
    <t>防火水槽（小杉）101</t>
  </si>
  <si>
    <t>防火水槽（小杉）102</t>
  </si>
  <si>
    <t>防火水槽（小杉）103</t>
  </si>
  <si>
    <t>防火水槽（小杉）104</t>
  </si>
  <si>
    <t>防火水槽（小杉）105</t>
  </si>
  <si>
    <t>防火水槽（小杉）106</t>
  </si>
  <si>
    <t>防火水槽（小杉）107</t>
  </si>
  <si>
    <t>防火水槽（小杉）108</t>
  </si>
  <si>
    <t>防火水槽（小杉）109</t>
  </si>
  <si>
    <t>防火水槽（小杉）110</t>
  </si>
  <si>
    <t>防火水槽（小杉）111</t>
  </si>
  <si>
    <t>防火水槽（小杉）112</t>
  </si>
  <si>
    <t>防火水槽（小杉）113</t>
  </si>
  <si>
    <t>防火水槽（小杉）114</t>
  </si>
  <si>
    <t>防火水槽（小杉）115</t>
  </si>
  <si>
    <t>防火水槽（小杉）116</t>
  </si>
  <si>
    <t>防火水槽（小杉）117</t>
  </si>
  <si>
    <t>防火水槽（小杉）119</t>
  </si>
  <si>
    <t>防火水槽（小杉）120</t>
  </si>
  <si>
    <t>防火水槽（小杉）121</t>
  </si>
  <si>
    <t>防火水槽（小杉）122</t>
  </si>
  <si>
    <t>防火水槽（小杉）123</t>
  </si>
  <si>
    <t>防火水槽（小杉）124</t>
  </si>
  <si>
    <t>防火水槽（小杉）201</t>
  </si>
  <si>
    <t>防火水槽（小杉）202</t>
  </si>
  <si>
    <t>防火水槽（小杉）203</t>
  </si>
  <si>
    <t>防火水槽（小杉）204</t>
  </si>
  <si>
    <t>防火水槽（小杉）205</t>
  </si>
  <si>
    <t>防火水槽（小杉）206</t>
  </si>
  <si>
    <t>防火水槽（小杉）207</t>
  </si>
  <si>
    <t>防火水槽（小杉）208</t>
  </si>
  <si>
    <t>防火水槽（小杉）209</t>
  </si>
  <si>
    <t>防火水槽（小杉）210</t>
  </si>
  <si>
    <t>防火水槽（小杉）211</t>
  </si>
  <si>
    <t>防火水槽（小杉）212</t>
  </si>
  <si>
    <t>防火水槽（小杉）213</t>
  </si>
  <si>
    <t>防火水槽（小杉）214</t>
  </si>
  <si>
    <t>防火水槽（小杉）215</t>
  </si>
  <si>
    <t>防火水槽（小杉）216</t>
  </si>
  <si>
    <t>防火水槽（小杉）217</t>
  </si>
  <si>
    <t>防火水槽（小杉）218</t>
  </si>
  <si>
    <t>防火水槽（小杉）219</t>
  </si>
  <si>
    <t>防火水槽（小杉）220</t>
  </si>
  <si>
    <t>防火水槽（小杉）301</t>
  </si>
  <si>
    <t>防火水槽（小杉）302</t>
  </si>
  <si>
    <t>防火水槽（小杉）303</t>
  </si>
  <si>
    <t>防火水槽（小杉）304</t>
  </si>
  <si>
    <t>防火水槽（小杉）305</t>
  </si>
  <si>
    <t>防火水槽（小杉）306</t>
  </si>
  <si>
    <t>防火水槽（小杉）307</t>
  </si>
  <si>
    <t>防火水槽（小杉）308</t>
  </si>
  <si>
    <t>防火水槽（小杉）309</t>
  </si>
  <si>
    <t>防火水槽（小杉）310</t>
  </si>
  <si>
    <t>防火水槽（小杉）311</t>
  </si>
  <si>
    <t>防火水槽（小杉）312</t>
  </si>
  <si>
    <t>防火水槽（小杉）313</t>
  </si>
  <si>
    <t>防火水槽（小杉）314</t>
  </si>
  <si>
    <t>防火水槽（小杉）315</t>
  </si>
  <si>
    <t>防火水槽（小杉）401</t>
  </si>
  <si>
    <t>防火水槽（小杉）402</t>
  </si>
  <si>
    <t>防火水槽（小杉）403</t>
  </si>
  <si>
    <t>防火水槽（小杉）404</t>
  </si>
  <si>
    <t>防火水槽（小杉）405</t>
  </si>
  <si>
    <t>防火水槽（小杉）406</t>
  </si>
  <si>
    <t>防火水槽（小杉）407</t>
  </si>
  <si>
    <t>防火水槽（小杉）408</t>
  </si>
  <si>
    <t>防火水槽（小杉）409</t>
  </si>
  <si>
    <t>防火水槽（小杉）410</t>
  </si>
  <si>
    <t>防火水槽（小杉）411</t>
  </si>
  <si>
    <t>防火水槽（小杉）412</t>
  </si>
  <si>
    <t>防火水槽（小杉）413</t>
  </si>
  <si>
    <t>防火水槽（小杉）414</t>
  </si>
  <si>
    <t>防火水槽（小杉）415</t>
  </si>
  <si>
    <t>防火水槽（小杉）416</t>
  </si>
  <si>
    <t>防火水槽（小杉）417</t>
  </si>
  <si>
    <t>防火水槽（小杉）418</t>
  </si>
  <si>
    <t>防火水槽（小杉）419</t>
  </si>
  <si>
    <t>防火水槽（小杉）420</t>
  </si>
  <si>
    <t>防火水槽（小杉）421</t>
  </si>
  <si>
    <t>防火水槽（小杉）422</t>
  </si>
  <si>
    <t>防火水槽（小杉）423</t>
  </si>
  <si>
    <t>防火水槽（小杉）424</t>
  </si>
  <si>
    <t>防火水槽（小杉）425</t>
  </si>
  <si>
    <t>防火水槽（小杉）426</t>
  </si>
  <si>
    <t>防火水槽（小杉）427</t>
  </si>
  <si>
    <t>防火水槽（小杉）428</t>
  </si>
  <si>
    <t>防火水槽（小杉）429</t>
  </si>
  <si>
    <t>防火水槽（小杉）430</t>
  </si>
  <si>
    <t>防火水槽（小杉）431</t>
  </si>
  <si>
    <t>防火水槽（小杉）501</t>
  </si>
  <si>
    <t>防火水槽（小杉）502</t>
  </si>
  <si>
    <t>防火水槽（小杉）503</t>
  </si>
  <si>
    <t>防火水槽（小杉）504</t>
  </si>
  <si>
    <t>防火水槽（小杉）505</t>
  </si>
  <si>
    <t>防火水槽（小杉）506</t>
  </si>
  <si>
    <t>防火水槽（小杉）507</t>
  </si>
  <si>
    <t>防火水槽（小杉）508</t>
  </si>
  <si>
    <t>防火水槽（小杉）509</t>
  </si>
  <si>
    <t>防火水槽（小杉）510</t>
  </si>
  <si>
    <t>防火水槽（小杉）511</t>
  </si>
  <si>
    <t>防火水槽（小杉）512</t>
  </si>
  <si>
    <t>防火水槽（小杉）513</t>
  </si>
  <si>
    <t>防火水槽（小杉）514</t>
  </si>
  <si>
    <t>防火水槽（小杉）515</t>
  </si>
  <si>
    <t>防火水槽（小杉）516</t>
  </si>
  <si>
    <t>防火水槽（小杉）517</t>
  </si>
  <si>
    <t>防火水槽（小杉）518</t>
  </si>
  <si>
    <t>防火水槽（小杉）519</t>
  </si>
  <si>
    <t>防火水槽（小杉）520</t>
  </si>
  <si>
    <t>防火水槽（小杉）521</t>
  </si>
  <si>
    <t>防火水槽（小杉）522</t>
  </si>
  <si>
    <t>防火水槽（小杉）523</t>
  </si>
  <si>
    <t>防火水槽（小杉）524</t>
  </si>
  <si>
    <t>防火水槽（小杉）525</t>
  </si>
  <si>
    <t>防火水槽（小杉）601</t>
  </si>
  <si>
    <t>防火水槽（小杉）602</t>
  </si>
  <si>
    <t>防火水槽（小杉）603</t>
  </si>
  <si>
    <t>防火水槽（小杉）604</t>
  </si>
  <si>
    <t>防火水槽（小杉）605</t>
  </si>
  <si>
    <t>防火水槽（小杉）606</t>
  </si>
  <si>
    <t>防火水槽（小杉）607</t>
  </si>
  <si>
    <t>防火水槽（小杉）608</t>
  </si>
  <si>
    <t>防火水槽（小杉）610</t>
  </si>
  <si>
    <t>防火水槽（小杉）611</t>
  </si>
  <si>
    <t>防火水槽（小杉）612</t>
  </si>
  <si>
    <t>防火水槽（小杉）613</t>
  </si>
  <si>
    <t>防火水槽（小杉）614</t>
  </si>
  <si>
    <t>防火水槽（小杉）615</t>
  </si>
  <si>
    <t>防火水槽（小杉）616</t>
  </si>
  <si>
    <t>防火水槽（小杉）617</t>
  </si>
  <si>
    <t>防火水槽（小杉）701</t>
  </si>
  <si>
    <t>防火水槽（小杉）702</t>
  </si>
  <si>
    <t>防火水槽（小杉）703</t>
  </si>
  <si>
    <t>防火水槽（小杉）704</t>
  </si>
  <si>
    <t>防火水槽（小杉）705</t>
  </si>
  <si>
    <t>防火水槽（小杉）706</t>
  </si>
  <si>
    <t>防火水槽（小杉）707</t>
  </si>
  <si>
    <t>防火水槽（小杉）708</t>
  </si>
  <si>
    <t>防火水槽（小杉）709</t>
  </si>
  <si>
    <t>防火水槽（小杉）710</t>
  </si>
  <si>
    <t>防火水槽（小杉）801</t>
  </si>
  <si>
    <t>太閤山地内防火水槽(№801)安全柵</t>
  </si>
  <si>
    <t>防火水槽（小杉）802</t>
  </si>
  <si>
    <t>防火水槽（小杉）803</t>
  </si>
  <si>
    <t>防火水槽（小杉）804</t>
  </si>
  <si>
    <t>防火水槽（小杉）805</t>
  </si>
  <si>
    <t>防火水槽（小杉）806</t>
  </si>
  <si>
    <t>防火水槽（小杉）807</t>
  </si>
  <si>
    <t>防火水槽（小杉）808</t>
  </si>
  <si>
    <t>防火水槽（小杉）809</t>
  </si>
  <si>
    <t>防火水槽（小杉）810</t>
  </si>
  <si>
    <t>防火水槽（小杉）811</t>
  </si>
  <si>
    <t>防火水槽（小杉）812</t>
  </si>
  <si>
    <t>防火水槽（小杉）813</t>
  </si>
  <si>
    <t>防火水槽（小杉）814</t>
  </si>
  <si>
    <t>防火水槽（小杉）815</t>
  </si>
  <si>
    <t>防火水槽（小杉）816</t>
  </si>
  <si>
    <t>防火水槽（小杉）817</t>
  </si>
  <si>
    <t>防火水槽（小杉）818</t>
  </si>
  <si>
    <t>防火水槽（小杉）819</t>
  </si>
  <si>
    <t>防火水槽（大門）101</t>
  </si>
  <si>
    <t>防火水槽（大門）102</t>
  </si>
  <si>
    <t>防火水槽（大門）103</t>
  </si>
  <si>
    <t>防火水槽（大門）104</t>
  </si>
  <si>
    <t>防火水槽（大門）105</t>
  </si>
  <si>
    <t>防火水槽（大門）106</t>
  </si>
  <si>
    <t>防火水槽（大門）107</t>
  </si>
  <si>
    <t>防火水槽（大門）108</t>
  </si>
  <si>
    <t>防火水槽（大門）201</t>
  </si>
  <si>
    <t>防火水槽（大門）202</t>
  </si>
  <si>
    <t>防火水槽（大門）203</t>
  </si>
  <si>
    <t>防火水槽（大門）204</t>
  </si>
  <si>
    <t>防火水槽（大門）205</t>
  </si>
  <si>
    <t>防火水槽（大門）206</t>
  </si>
  <si>
    <t>防火水槽（大門）207</t>
  </si>
  <si>
    <t>防火水槽（大門）208</t>
  </si>
  <si>
    <t>防火水槽（大門）209</t>
  </si>
  <si>
    <t>防火水槽（大門）210</t>
  </si>
  <si>
    <t>防火水槽（大門）211</t>
  </si>
  <si>
    <t>防火水槽（大門）212</t>
  </si>
  <si>
    <t>防火水槽（大門）213</t>
  </si>
  <si>
    <t>防火水槽（大門）214</t>
  </si>
  <si>
    <t>防火水槽（大門）215</t>
  </si>
  <si>
    <t>防火水槽（大門）302</t>
  </si>
  <si>
    <t>防火水槽（大門）303</t>
  </si>
  <si>
    <t>防火水槽（大門）304</t>
  </si>
  <si>
    <t>防火水槽（大門）305</t>
  </si>
  <si>
    <t>防火水槽（大門）306</t>
  </si>
  <si>
    <t>防火水槽（大門）307</t>
  </si>
  <si>
    <t>防火水槽（大門）308</t>
  </si>
  <si>
    <t>防火水槽（大門）309</t>
  </si>
  <si>
    <t>防火水槽（大門）311</t>
  </si>
  <si>
    <t>防火水槽（大門）312</t>
  </si>
  <si>
    <t>防火水槽（大門）313</t>
  </si>
  <si>
    <t>防火水槽（大門）402</t>
  </si>
  <si>
    <t>防火水槽（大門）403</t>
  </si>
  <si>
    <t>防火水槽（大門）404</t>
  </si>
  <si>
    <t>防火水槽（大門）405</t>
  </si>
  <si>
    <t>防火水槽（大門）406</t>
  </si>
  <si>
    <t>防火水槽（大門）408</t>
  </si>
  <si>
    <t>防火水槽（大門）409</t>
  </si>
  <si>
    <t>防火水槽（大門）410</t>
  </si>
  <si>
    <t>防火水槽（大門）411</t>
  </si>
  <si>
    <t>防火水槽（大門）412</t>
  </si>
  <si>
    <t>防火水槽（大門）413</t>
  </si>
  <si>
    <t>防火水槽（大門）414</t>
  </si>
  <si>
    <t>防火水槽（大門）415</t>
  </si>
  <si>
    <t>防火水槽（大門）416</t>
  </si>
  <si>
    <t>防火水槽（大門）417</t>
  </si>
  <si>
    <t>防火水槽（大門）418</t>
  </si>
  <si>
    <t>防火水槽（大門）419</t>
  </si>
  <si>
    <t>防火水槽（大門）501</t>
  </si>
  <si>
    <t>防火水槽（大門）502</t>
  </si>
  <si>
    <t>防火水槽（大門）503</t>
  </si>
  <si>
    <t>防火水槽（大門）504</t>
  </si>
  <si>
    <t>防火水槽（大門）505</t>
  </si>
  <si>
    <t>防火水槽（大門）506</t>
  </si>
  <si>
    <t>防火水槽（大門）507</t>
  </si>
  <si>
    <t>防火水槽（大島）101</t>
  </si>
  <si>
    <t>防火水槽（大島）102</t>
  </si>
  <si>
    <t>防火水槽（大島）103</t>
  </si>
  <si>
    <t>防火水槽（大島）106</t>
  </si>
  <si>
    <t>防火水槽（大島）107</t>
  </si>
  <si>
    <t>防火水槽（大島）108</t>
  </si>
  <si>
    <t>防火水槽（大島）202</t>
  </si>
  <si>
    <t>防火水槽（大島）203</t>
  </si>
  <si>
    <t>防火水槽（大島）204</t>
  </si>
  <si>
    <t>防火水槽（大島）205</t>
  </si>
  <si>
    <t>防火水槽（大島）206</t>
  </si>
  <si>
    <t>防火水槽（大島）207</t>
  </si>
  <si>
    <t>防火水槽（大島）208</t>
  </si>
  <si>
    <t>防火水槽（大島）209</t>
  </si>
  <si>
    <t>防火水槽（大島）210</t>
  </si>
  <si>
    <t>防火水槽（大島）211</t>
  </si>
  <si>
    <t>防火水槽（大島）212</t>
  </si>
  <si>
    <t>防火水槽（大島）213</t>
  </si>
  <si>
    <t>防火水槽（大島）301</t>
  </si>
  <si>
    <t>防火水槽（大島）401</t>
  </si>
  <si>
    <t>防火水槽（大島）402</t>
  </si>
  <si>
    <t>防火水槽（大島）403</t>
  </si>
  <si>
    <t>防火水槽（大島）405</t>
  </si>
  <si>
    <t>防火水槽（大島）406</t>
  </si>
  <si>
    <t>防火水槽（大島）501</t>
  </si>
  <si>
    <t>防火水槽（大島）601</t>
  </si>
  <si>
    <t>防火水槽（大島）602</t>
  </si>
  <si>
    <t>防火水槽（大島）603</t>
  </si>
  <si>
    <t>防火水槽（大島）604</t>
  </si>
  <si>
    <t>防火水槽（大島）605</t>
  </si>
  <si>
    <t>防火水槽（大島）606</t>
  </si>
  <si>
    <t>防火水槽（大島）607</t>
  </si>
  <si>
    <t>防火水槽（大島）701</t>
  </si>
  <si>
    <t>防火水槽（大島）702</t>
  </si>
  <si>
    <t>防火水槽（大島）703</t>
  </si>
  <si>
    <t>防火水槽（大島）704</t>
  </si>
  <si>
    <t>防火水槽（大島）705</t>
  </si>
  <si>
    <t>防火水槽（大島）706</t>
  </si>
  <si>
    <t>防火水槽（大島）109</t>
  </si>
  <si>
    <t>防火水槽（大島）608</t>
  </si>
  <si>
    <t>防火水槽（大島）801</t>
  </si>
  <si>
    <t>防火水槽（大島）901</t>
  </si>
  <si>
    <t>防火水槽（大島）1001</t>
  </si>
  <si>
    <t>防火水槽（大島）1002</t>
  </si>
  <si>
    <t>防火水槽（大島）1003</t>
  </si>
  <si>
    <t>防火水槽（大島）1101</t>
  </si>
  <si>
    <t>防火水槽（大島）1102</t>
  </si>
  <si>
    <t>防火水槽（大島）1103</t>
  </si>
  <si>
    <t>防火水槽（大島）1104</t>
  </si>
  <si>
    <t>防火水槽（大島）1204</t>
  </si>
  <si>
    <t>防火水槽（大島）1205</t>
  </si>
  <si>
    <t>防火水槽（大島）1206</t>
  </si>
  <si>
    <t>防火水槽（大島）1207</t>
  </si>
  <si>
    <t>防火水槽（大島）1301</t>
  </si>
  <si>
    <t>防火水槽（大島）1302</t>
  </si>
  <si>
    <t>防火水槽（大島）1004</t>
  </si>
  <si>
    <t>防火水槽（大島）902</t>
  </si>
  <si>
    <t>防火水槽（下村）3</t>
  </si>
  <si>
    <t>防火水槽（下村）4</t>
  </si>
  <si>
    <t>防火水槽（下村）5</t>
  </si>
  <si>
    <t>防火水槽（下村）6</t>
  </si>
  <si>
    <t>防火水槽（下村）7</t>
  </si>
  <si>
    <t>防火水槽（下村）8</t>
  </si>
  <si>
    <t>防火水槽（下村）9</t>
  </si>
  <si>
    <t>防火水槽（下村）11</t>
  </si>
  <si>
    <t>防火水槽（下村）12</t>
  </si>
  <si>
    <t>防火水槽（下村）30</t>
  </si>
  <si>
    <t>防火水槽（下村）31</t>
  </si>
  <si>
    <t>防火水槽（下村）13</t>
  </si>
  <si>
    <t>防火水槽（下村）14</t>
  </si>
  <si>
    <t>防火水槽（下村）15</t>
  </si>
  <si>
    <t>防火水槽（下村）16</t>
  </si>
  <si>
    <t>防火水槽（下村）17</t>
  </si>
  <si>
    <t>防火水槽（下村）18</t>
  </si>
  <si>
    <t>防火水槽（下村）19</t>
  </si>
  <si>
    <t>防火水槽（下村）20</t>
  </si>
  <si>
    <t>防火水槽（下村）21</t>
  </si>
  <si>
    <t>防火水槽（下村）22</t>
  </si>
  <si>
    <t>防火水槽（下村）23</t>
  </si>
  <si>
    <t>防火水槽（下村）24</t>
  </si>
  <si>
    <t>防火水槽（下村）25</t>
  </si>
  <si>
    <t>防火水槽（下村）26</t>
  </si>
  <si>
    <t>防火水槽（下村）27</t>
  </si>
  <si>
    <t>防火水槽（下村）28</t>
  </si>
  <si>
    <t>防火水槽（下村）29</t>
  </si>
  <si>
    <t>防火水槽（庄西）1</t>
  </si>
  <si>
    <t>防火水槽（庄西）2</t>
  </si>
  <si>
    <t>防火水槽（庄西）3</t>
  </si>
  <si>
    <t>防火水槽（庄西）4</t>
  </si>
  <si>
    <t>防火水槽（庄西）5</t>
  </si>
  <si>
    <t>防火水槽（庄西）9</t>
  </si>
  <si>
    <t>防火水槽（庄西）6</t>
  </si>
  <si>
    <t>防火水槽（庄西）7</t>
  </si>
  <si>
    <t>防火水槽（庄西）8</t>
  </si>
  <si>
    <t>防火水槽（庄西）10</t>
  </si>
  <si>
    <t>防火水槽（庄西）指定水利</t>
  </si>
  <si>
    <t>防火水槽（新湊）21</t>
  </si>
  <si>
    <t>防火水槽（新湊）22</t>
  </si>
  <si>
    <t>防火水槽（新湊）23</t>
  </si>
  <si>
    <t>防火水槽（新湊）24</t>
  </si>
  <si>
    <t>防火水槽（新湊）25</t>
  </si>
  <si>
    <t>防火水槽（新湊）26</t>
  </si>
  <si>
    <t>防火水槽（新湊）27</t>
  </si>
  <si>
    <t>防火水槽（新湊）28</t>
  </si>
  <si>
    <t>防火水槽（新湊）29</t>
  </si>
  <si>
    <t>防火水槽（新湊）56</t>
  </si>
  <si>
    <t>防火水槽（新湊）30</t>
  </si>
  <si>
    <t>防火水槽（新湊）58</t>
  </si>
  <si>
    <t>防火水槽（新湊）31</t>
  </si>
  <si>
    <t>防火水槽（新湊）32</t>
  </si>
  <si>
    <t>防火水槽（新湊）33</t>
  </si>
  <si>
    <t>防火水槽（新湊）34</t>
  </si>
  <si>
    <t>防火水槽（新湊）35</t>
  </si>
  <si>
    <t>防火水槽（新湊）36</t>
  </si>
  <si>
    <t>防火水槽（新湊）37</t>
  </si>
  <si>
    <t>防火水槽（新湊）38</t>
  </si>
  <si>
    <t>防火水槽（新湊）39</t>
  </si>
  <si>
    <t>防火水槽（新湊）40</t>
  </si>
  <si>
    <t>防火水槽（新湊）41</t>
  </si>
  <si>
    <t>防火水槽（新湊）42</t>
  </si>
  <si>
    <t>防火水槽（新湊）54</t>
  </si>
  <si>
    <t>防火水槽（新湊）55</t>
  </si>
  <si>
    <t>防火水槽（新湊）61</t>
  </si>
  <si>
    <t>防火水槽（新湊）43</t>
  </si>
  <si>
    <t>防火水槽（新湊）44</t>
  </si>
  <si>
    <t>防火水槽（新湊）45</t>
  </si>
  <si>
    <t>防火水槽（新湊）60</t>
  </si>
  <si>
    <t>防火水槽（新湊）46</t>
  </si>
  <si>
    <t>防火水槽（新湊）47</t>
  </si>
  <si>
    <t>防火水槽（新湊）48</t>
  </si>
  <si>
    <t>防火水槽（新湊）49</t>
  </si>
  <si>
    <t>防火水槽（新湊）50</t>
  </si>
  <si>
    <t>防火水槽（新湊）59</t>
  </si>
  <si>
    <t>防火水槽（新湊）51</t>
  </si>
  <si>
    <t>防火水槽（新湊）52</t>
  </si>
  <si>
    <t>防火水槽（新湊）53</t>
  </si>
  <si>
    <t>防火水槽（新湊）57</t>
  </si>
  <si>
    <t>防火水槽（放生津）81</t>
  </si>
  <si>
    <t>防火水槽（放生津）82</t>
  </si>
  <si>
    <t>防火水槽（放生津）83</t>
  </si>
  <si>
    <t>防火水槽（放生津）84</t>
  </si>
  <si>
    <t>防火水槽（放生津）85</t>
  </si>
  <si>
    <t>防火水槽（放生津）86</t>
  </si>
  <si>
    <t>防火水槽（放生津）87</t>
  </si>
  <si>
    <t>防火水槽（放生津）101</t>
  </si>
  <si>
    <t>防火水槽（放生津）105</t>
  </si>
  <si>
    <t>防火水槽（放生津）88</t>
  </si>
  <si>
    <t>防火水槽（放生津）89</t>
  </si>
  <si>
    <t>防火水槽（放生津）90</t>
  </si>
  <si>
    <t>防火水槽（放生津）91</t>
  </si>
  <si>
    <t>防火水槽（放生津）106</t>
  </si>
  <si>
    <t>防火水槽（放生津）92</t>
  </si>
  <si>
    <t>防火水槽（放生津）110</t>
  </si>
  <si>
    <t>防火水槽（放生津）452</t>
  </si>
  <si>
    <t>防火水槽（放生津）93</t>
  </si>
  <si>
    <t>防火水槽（放生津）94</t>
  </si>
  <si>
    <t>防火水槽（放生津）95</t>
  </si>
  <si>
    <t>防火水槽（放生津）96</t>
  </si>
  <si>
    <t>防火水槽（放生津）97</t>
  </si>
  <si>
    <t>防火水槽（放生津）98</t>
  </si>
  <si>
    <t>防火水槽（放生津）99</t>
  </si>
  <si>
    <t>防火水槽（放生津）104</t>
  </si>
  <si>
    <t>防火水槽（放生津）なし</t>
  </si>
  <si>
    <t>防火水槽（放生津）100</t>
  </si>
  <si>
    <t>防火水槽（放生津）102</t>
  </si>
  <si>
    <t>防火水槽（放生津）指定水利①</t>
  </si>
  <si>
    <t>防火水槽（放生津）指定水利②</t>
  </si>
  <si>
    <t>防火水槽（放生津）103</t>
  </si>
  <si>
    <t>防火水槽（放生津）107</t>
  </si>
  <si>
    <t>防火水槽（放生津）451</t>
  </si>
  <si>
    <t>防火水槽（放生津）108</t>
  </si>
  <si>
    <t>防火水槽（放生津）109</t>
  </si>
  <si>
    <t>防火水槽（放生津）453</t>
  </si>
  <si>
    <t>防火水槽（放生津）454</t>
  </si>
  <si>
    <t>防火水槽（放生津）455</t>
  </si>
  <si>
    <t>防火水槽（塚原）111</t>
  </si>
  <si>
    <t>防火水槽（塚原）112</t>
  </si>
  <si>
    <t>防火水槽（塚原）143</t>
  </si>
  <si>
    <t>小杉駅前自転車駐車場改築付帯工事</t>
  </si>
  <si>
    <t>防火水槽（塚原）113</t>
  </si>
  <si>
    <t>防火水槽（塚原）114</t>
  </si>
  <si>
    <t>防火水槽（塚原）115</t>
  </si>
  <si>
    <t>防火水槽（塚原）136</t>
  </si>
  <si>
    <t>防火水槽（塚原）148</t>
  </si>
  <si>
    <t>防火水槽（塚原）116</t>
  </si>
  <si>
    <t>防火水槽（塚原）117</t>
  </si>
  <si>
    <t>防火水槽（塚原）118</t>
  </si>
  <si>
    <t>防火水槽（塚原）119</t>
  </si>
  <si>
    <t>防火水槽（塚原）120</t>
  </si>
  <si>
    <t>防火水槽（塚原）134</t>
  </si>
  <si>
    <t>防火水槽（塚原）138</t>
  </si>
  <si>
    <t>防火水槽（塚原）140</t>
  </si>
  <si>
    <t>防火水槽（塚原）141</t>
  </si>
  <si>
    <t>防火水槽（塚原）※番号なし</t>
  </si>
  <si>
    <t>防火水槽（塚原）121</t>
  </si>
  <si>
    <t>防火水槽（塚原）122</t>
  </si>
  <si>
    <t>防火水槽（塚原）123</t>
  </si>
  <si>
    <t>防火水槽（塚原）137</t>
  </si>
  <si>
    <t>防火水槽（塚原）146</t>
  </si>
  <si>
    <t>防火水槽（塚原）124</t>
  </si>
  <si>
    <t>防火水槽（塚原）144</t>
  </si>
  <si>
    <t>防火水槽（塚原）125</t>
  </si>
  <si>
    <t>防火水槽（塚原）126</t>
  </si>
  <si>
    <t>防火水槽（塚原）127</t>
  </si>
  <si>
    <t>防火水槽（塚原）128</t>
  </si>
  <si>
    <t>防火水槽（塚原）129</t>
  </si>
  <si>
    <t>防火水槽（塚原）133</t>
  </si>
  <si>
    <t>防火水槽（塚原）139</t>
  </si>
  <si>
    <t>防火水槽（塚原）145</t>
  </si>
  <si>
    <t>防火水槽（塚原）147</t>
  </si>
  <si>
    <t>防火水槽（塚原）130</t>
  </si>
  <si>
    <t>防火水槽（塚原）131</t>
  </si>
  <si>
    <t>防火水槽（塚原）132</t>
  </si>
  <si>
    <t>防火水槽（塚原）135</t>
  </si>
  <si>
    <t>防火水槽（塚原）142</t>
  </si>
  <si>
    <t>防火水槽（作道）151</t>
  </si>
  <si>
    <t>防火水槽（作道）152</t>
  </si>
  <si>
    <t>防火水槽（作道）153</t>
  </si>
  <si>
    <t>防火水槽（作道）504</t>
  </si>
  <si>
    <t>防火水槽（作道）155</t>
  </si>
  <si>
    <t>防火水槽（作道）156</t>
  </si>
  <si>
    <t>防火水槽（作道）157</t>
  </si>
  <si>
    <t>防火水槽（作道）158</t>
  </si>
  <si>
    <t>防火水槽（作道）159</t>
  </si>
  <si>
    <t>防火水槽（作道）160</t>
  </si>
  <si>
    <t>防火水槽（作道）205</t>
  </si>
  <si>
    <t>防火水槽（作道）209</t>
  </si>
  <si>
    <t>防火水槽（作道）213</t>
  </si>
  <si>
    <t>防火水槽（作道）216</t>
  </si>
  <si>
    <t>防火水槽（作道）217</t>
  </si>
  <si>
    <t>防火水槽（作道）161</t>
  </si>
  <si>
    <t>防火水槽（作道）162</t>
  </si>
  <si>
    <t>防火水槽（作道）163</t>
  </si>
  <si>
    <t>防火水槽（作道）164</t>
  </si>
  <si>
    <t>防火水槽（作道）165</t>
  </si>
  <si>
    <t>防火水槽（作道）166</t>
  </si>
  <si>
    <t>防火水槽（作道）204</t>
  </si>
  <si>
    <t>防火水槽（作道）210</t>
  </si>
  <si>
    <t>防火水槽（作道）215</t>
  </si>
  <si>
    <t>防火水槽（作道）218</t>
  </si>
  <si>
    <t>防火水槽（作道）505</t>
  </si>
  <si>
    <t>防火水槽（作道）167</t>
  </si>
  <si>
    <t>防火水槽（作道）168</t>
  </si>
  <si>
    <t>防火水槽（作道）169</t>
  </si>
  <si>
    <t>防火水槽（作道）170</t>
  </si>
  <si>
    <t>防火水槽（作道）171</t>
  </si>
  <si>
    <t>防火水槽（作道）172</t>
  </si>
  <si>
    <t>防火水槽（作道）173</t>
  </si>
  <si>
    <t>防火水槽（作道）174</t>
  </si>
  <si>
    <t>防火水槽（作道）175</t>
  </si>
  <si>
    <t>防火水槽（作道）501</t>
  </si>
  <si>
    <t>防火水槽（作道）176</t>
  </si>
  <si>
    <t>防火水槽（作道）177</t>
  </si>
  <si>
    <t>防火水槽（作道）178</t>
  </si>
  <si>
    <t>防火水槽（作道）179</t>
  </si>
  <si>
    <t>防火水槽（作道）180</t>
  </si>
  <si>
    <t>防火水槽（作道）211</t>
  </si>
  <si>
    <t>防火水槽（作道）506</t>
  </si>
  <si>
    <t>防火水槽（作道）201</t>
  </si>
  <si>
    <t>防火水槽（作道）181</t>
  </si>
  <si>
    <t>防火水槽（作道）182</t>
  </si>
  <si>
    <t>防火水槽（作道）154</t>
  </si>
  <si>
    <t>防火水槽（作道）183</t>
  </si>
  <si>
    <t>防火水槽（作道）184</t>
  </si>
  <si>
    <t>防火水槽（作道）185</t>
  </si>
  <si>
    <t>防火水槽（作道）503</t>
  </si>
  <si>
    <t>防火水槽（作道）※番号なし</t>
  </si>
  <si>
    <t>防火水槽（作道）608</t>
  </si>
  <si>
    <t>防火水槽（作道）186</t>
  </si>
  <si>
    <t>防火水槽（作道）187</t>
  </si>
  <si>
    <t>防火水槽（作道）207</t>
  </si>
  <si>
    <t>防火水槽（作道）188</t>
  </si>
  <si>
    <t>防火水槽（作道）189</t>
  </si>
  <si>
    <t>防火水槽（作道）190</t>
  </si>
  <si>
    <t>防火水槽（作道）191</t>
  </si>
  <si>
    <t>防火水槽（作道）192</t>
  </si>
  <si>
    <t>防火水槽（作道）193</t>
  </si>
  <si>
    <t>防火水槽（作道）208</t>
  </si>
  <si>
    <t>小杉駅南自転車駐車場看板設置</t>
  </si>
  <si>
    <t>防火水槽（作道）507</t>
  </si>
  <si>
    <t>防火水槽（作道）194</t>
  </si>
  <si>
    <t>防火水槽（作道）195</t>
  </si>
  <si>
    <t>防火水槽（作道）196</t>
  </si>
  <si>
    <t>防火水槽（作道）197</t>
  </si>
  <si>
    <t>防火水槽（作道）198</t>
  </si>
  <si>
    <t>防火水槽（作道）199</t>
  </si>
  <si>
    <t>防火水槽（作道）200</t>
  </si>
  <si>
    <t>防火水槽（作道）206</t>
  </si>
  <si>
    <t>防火水槽（作道）214</t>
  </si>
  <si>
    <t>防火水槽（作道）219</t>
  </si>
  <si>
    <t>防火水槽（作道）202</t>
  </si>
  <si>
    <t>防火水槽（作道）203</t>
  </si>
  <si>
    <t>防火水槽（作道）220</t>
  </si>
  <si>
    <t>防火水槽（作道）212</t>
  </si>
  <si>
    <t>防火水槽（作道）502</t>
  </si>
  <si>
    <t>防火水槽（片口）221</t>
  </si>
  <si>
    <t>防火水槽（片口）222</t>
  </si>
  <si>
    <t>防火水槽（片口）223</t>
  </si>
  <si>
    <t>防火水槽（片口）240</t>
  </si>
  <si>
    <t>防火水槽（片口）551</t>
  </si>
  <si>
    <t>防火水槽（片口）556</t>
  </si>
  <si>
    <t>防火水槽（片口）557</t>
  </si>
  <si>
    <t>防火水槽（片口）558</t>
  </si>
  <si>
    <t>防火水槽（片口）224</t>
  </si>
  <si>
    <t>防火水槽（片口）245</t>
  </si>
  <si>
    <t>防火水槽（片口）225</t>
  </si>
  <si>
    <t>防火水槽（片口）244</t>
  </si>
  <si>
    <t>防火水槽（片口）226</t>
  </si>
  <si>
    <t>防火水槽（片口）227</t>
  </si>
  <si>
    <t>防火水槽（片口）243</t>
  </si>
  <si>
    <t>防火水槽（片口）241</t>
  </si>
  <si>
    <t>防火水槽（片口）249</t>
  </si>
  <si>
    <t>防火水槽（片口）554</t>
  </si>
  <si>
    <t>防火水槽（片口）555</t>
  </si>
  <si>
    <t>防火水槽（片口）228</t>
  </si>
  <si>
    <t>防火水槽（片口）229</t>
  </si>
  <si>
    <t>防火水槽（片口）230</t>
  </si>
  <si>
    <t>防火水槽（片口）231</t>
  </si>
  <si>
    <t>防火水槽（片口）242</t>
  </si>
  <si>
    <t>防火水槽（片口）246</t>
  </si>
  <si>
    <t>防火水槽（片口）247</t>
  </si>
  <si>
    <t>防火水槽（片口）248</t>
  </si>
  <si>
    <t>防火水槽（片口）250</t>
  </si>
  <si>
    <t>防火水槽（片口）553</t>
  </si>
  <si>
    <t>防火水槽（片口）プール</t>
  </si>
  <si>
    <t>防火水槽（片口）232</t>
  </si>
  <si>
    <t>防火水槽（片口）233</t>
  </si>
  <si>
    <t>防火水槽（片口）234</t>
  </si>
  <si>
    <t>防火水槽（片口）604</t>
  </si>
  <si>
    <t>防火水槽（片口）235</t>
  </si>
  <si>
    <t>防火水槽（片口）236</t>
  </si>
  <si>
    <t>防火水槽（片口）237</t>
  </si>
  <si>
    <t>防火水槽（片口）238</t>
  </si>
  <si>
    <t>防火水槽（片口）239</t>
  </si>
  <si>
    <t>防火水槽（片口）552</t>
  </si>
  <si>
    <t>防火水槽（七美）251</t>
  </si>
  <si>
    <t>防火水槽（七美）252</t>
  </si>
  <si>
    <t>防火水槽（七美）253</t>
  </si>
  <si>
    <t>防火水槽（七美）254</t>
  </si>
  <si>
    <t>防火水槽（七美）255</t>
  </si>
  <si>
    <t>防火水槽（七美）279</t>
  </si>
  <si>
    <t>防火水槽（七美）282</t>
  </si>
  <si>
    <t>防火水槽（七美）288</t>
  </si>
  <si>
    <t>防火水槽（七美）256</t>
  </si>
  <si>
    <t>防火水槽（七美）257</t>
  </si>
  <si>
    <t>防火水槽（七美）258</t>
  </si>
  <si>
    <t>防火水槽（七美）278</t>
  </si>
  <si>
    <t>防火水槽（七美）284</t>
  </si>
  <si>
    <t>防火水槽（七美）259</t>
  </si>
  <si>
    <t>防火水槽（七美）260</t>
  </si>
  <si>
    <t>防火水槽（七美）280</t>
  </si>
  <si>
    <t>防火水槽（七美）283</t>
  </si>
  <si>
    <t>防火水槽（七美）261</t>
  </si>
  <si>
    <t>防火水槽（七美）262</t>
  </si>
  <si>
    <t>防火水槽（七美）263</t>
  </si>
  <si>
    <t>防火水槽（七美）プール</t>
  </si>
  <si>
    <t>防火水槽（七美）264</t>
  </si>
  <si>
    <t>防火水槽（七美）265</t>
  </si>
  <si>
    <t>防火水槽（七美）266</t>
  </si>
  <si>
    <t>防火水槽（七美）267</t>
  </si>
  <si>
    <t>防火水槽（七美）268</t>
  </si>
  <si>
    <t>防火水槽（七美）269</t>
  </si>
  <si>
    <t>防火水槽（七美）270</t>
  </si>
  <si>
    <t>防火水槽（七美）285</t>
  </si>
  <si>
    <t>防火水槽（七美）286</t>
  </si>
  <si>
    <t>防火水槽（七美）271</t>
  </si>
  <si>
    <t>防火水槽（七美）272</t>
  </si>
  <si>
    <t>防火水槽（七美）281</t>
  </si>
  <si>
    <t>防火水槽（七美）273</t>
  </si>
  <si>
    <t>防火水槽（七美）274</t>
  </si>
  <si>
    <t>防火水槽（七美）275</t>
  </si>
  <si>
    <t>防火水槽（七美）276</t>
  </si>
  <si>
    <t>防火水槽（七美）277</t>
  </si>
  <si>
    <t>防火水槽（七美）287</t>
  </si>
  <si>
    <t>防火水槽（七美）289</t>
  </si>
  <si>
    <t>防火水槽（堀岡）291</t>
  </si>
  <si>
    <t>防火水槽（堀岡）292</t>
  </si>
  <si>
    <t>防火水槽（堀岡）293</t>
  </si>
  <si>
    <t>防火水槽（堀岡）315</t>
  </si>
  <si>
    <t>小杉駅前西自転車駐車場看板設置</t>
  </si>
  <si>
    <t>防火水槽（堀岡）295</t>
  </si>
  <si>
    <t>防火水槽（堀岡）296</t>
  </si>
  <si>
    <t>防火水槽（堀岡）297</t>
  </si>
  <si>
    <t>防火水槽（堀岡）299</t>
  </si>
  <si>
    <t>防火水槽（堀岡）300</t>
  </si>
  <si>
    <t>防火水槽（堀岡）312</t>
  </si>
  <si>
    <t>防火水槽（堀岡）318</t>
  </si>
  <si>
    <t>防火水槽（堀岡）602</t>
  </si>
  <si>
    <t>防火水槽（堀岡）601</t>
  </si>
  <si>
    <t>防火水槽（堀岡）301</t>
  </si>
  <si>
    <t>防火水槽（堀岡）302</t>
  </si>
  <si>
    <t>防火水槽（堀岡）303</t>
  </si>
  <si>
    <t>防火水槽（堀岡）316</t>
  </si>
  <si>
    <t>防火水槽（堀岡）304</t>
  </si>
  <si>
    <t>防火水槽（堀岡）313</t>
  </si>
  <si>
    <t>防火水槽（堀岡）314</t>
  </si>
  <si>
    <t>防火水槽（堀岡）305</t>
  </si>
  <si>
    <t>防火水槽（堀岡）306</t>
  </si>
  <si>
    <t>防火水槽（堀岡）317</t>
  </si>
  <si>
    <t>防火水槽（堀岡）307</t>
  </si>
  <si>
    <t>防火水槽（堀岡）308</t>
  </si>
  <si>
    <t>防火水槽（堀岡）309</t>
  </si>
  <si>
    <t>防火水槽（堀岡）310</t>
  </si>
  <si>
    <t>防火水槽（堀岡）311</t>
  </si>
  <si>
    <t>防火水槽（堀岡）319</t>
  </si>
  <si>
    <t>防火水槽（堀岡）320</t>
  </si>
  <si>
    <t>防火水槽（堀岡）603</t>
  </si>
  <si>
    <t>防火水槽（堀岡）605</t>
  </si>
  <si>
    <t>防火水槽（堀岡）606</t>
  </si>
  <si>
    <t>防火水槽（海老江）321</t>
  </si>
  <si>
    <t>防火水槽（海老江）322</t>
  </si>
  <si>
    <t>防火水槽（海老江）323</t>
  </si>
  <si>
    <t>防火水槽（海老江）324</t>
  </si>
  <si>
    <t>防火水槽（海老江）325</t>
  </si>
  <si>
    <t>防火水槽（海老江）353</t>
  </si>
  <si>
    <t>防火水槽（海老江）354</t>
  </si>
  <si>
    <t>防火水槽（海老江）326</t>
  </si>
  <si>
    <t>防火水槽（海老江）328</t>
  </si>
  <si>
    <t>防火水槽（海老江）358</t>
  </si>
  <si>
    <t>防火水槽（海老江）329</t>
  </si>
  <si>
    <t>防火水槽（海老江）330</t>
  </si>
  <si>
    <t>防火水槽（海老江）331</t>
  </si>
  <si>
    <t>防火水槽（海老江）332</t>
  </si>
  <si>
    <t>防火水槽（海老江）333</t>
  </si>
  <si>
    <t>防火水槽（海老江）359</t>
  </si>
  <si>
    <t>防火水槽（海老江）334</t>
  </si>
  <si>
    <t>防火水槽（海老江）335</t>
  </si>
  <si>
    <t>防火水槽（海老江）336</t>
  </si>
  <si>
    <t>防火水槽（海老江）337</t>
  </si>
  <si>
    <t>防火水槽（海老江）338</t>
  </si>
  <si>
    <t>防火水槽（海老江）339</t>
  </si>
  <si>
    <t>防火水槽（海老江）340</t>
  </si>
  <si>
    <t>防火水槽（海老江）341</t>
  </si>
  <si>
    <t>防火水槽（海老江）342</t>
  </si>
  <si>
    <t>防火水槽（海老江）343</t>
  </si>
  <si>
    <t>防火水槽（海老江）360</t>
  </si>
  <si>
    <t>防火水槽（海老江）362</t>
  </si>
  <si>
    <t>防火水槽（海老江）363</t>
  </si>
  <si>
    <t>防火水槽（海老江）364</t>
  </si>
  <si>
    <t>防火水槽（海老江）344</t>
  </si>
  <si>
    <t>防火水槽（海老江）345</t>
  </si>
  <si>
    <t>防火水槽（海老江）346</t>
  </si>
  <si>
    <t>防火水槽（海老江）347</t>
  </si>
  <si>
    <t>防火水槽（海老江）348</t>
  </si>
  <si>
    <t>防火水槽（海老江）349</t>
  </si>
  <si>
    <t>防火水槽（海老江）350</t>
  </si>
  <si>
    <t>防火水槽（海老江）351</t>
  </si>
  <si>
    <t>防火水槽（海老江）352</t>
  </si>
  <si>
    <t>防火水槽（海老江）355</t>
  </si>
  <si>
    <t>防火水槽（海老江）356</t>
  </si>
  <si>
    <t>防火水槽（海老江）357</t>
  </si>
  <si>
    <t>防火水槽（海老江）361</t>
  </si>
  <si>
    <t>防火水槽（海老江）プール</t>
  </si>
  <si>
    <t>防火水槽（本江）371</t>
  </si>
  <si>
    <t>防火水槽（本江）372</t>
  </si>
  <si>
    <t>防火水槽（本江）373</t>
  </si>
  <si>
    <t>防火水槽（本江）374</t>
  </si>
  <si>
    <t>防火水槽（本江）375</t>
  </si>
  <si>
    <t>防火水槽（本江）376</t>
  </si>
  <si>
    <t>防火水槽（本江）396</t>
  </si>
  <si>
    <t>防火水槽（本江）377</t>
  </si>
  <si>
    <t>防火水槽（本江）378</t>
  </si>
  <si>
    <t>防火水槽（本江）391</t>
  </si>
  <si>
    <t>防火水槽（本江）392</t>
  </si>
  <si>
    <t>防火水槽（本江）394</t>
  </si>
  <si>
    <t>防火水槽（本江）397</t>
  </si>
  <si>
    <t>防火水槽（本江）404</t>
  </si>
  <si>
    <t>防火水槽（本江）379</t>
  </si>
  <si>
    <t>防火水槽（本江）380</t>
  </si>
  <si>
    <t>防火水槽（本江）401</t>
  </si>
  <si>
    <t>防火水槽（本江）381</t>
  </si>
  <si>
    <t>防火水槽（本江）382</t>
  </si>
  <si>
    <t>防火水槽（本江）383</t>
  </si>
  <si>
    <t>防火水槽（本江）384</t>
  </si>
  <si>
    <t>防火水槽（本江）385</t>
  </si>
  <si>
    <t>防火水槽（本江）386</t>
  </si>
  <si>
    <t>防火水槽（本江）393</t>
  </si>
  <si>
    <t>防火水槽（本江）398</t>
  </si>
  <si>
    <t>防火水槽（本江）402</t>
  </si>
  <si>
    <t>防火水槽（本江）403</t>
  </si>
  <si>
    <t>防火水槽（本江）387</t>
  </si>
  <si>
    <t>防火水槽（本江）388</t>
  </si>
  <si>
    <t>防火水槽（本江）389</t>
  </si>
  <si>
    <t>防火水槽（本江）390</t>
  </si>
  <si>
    <t>防火水槽（本江）395</t>
  </si>
  <si>
    <t>防火水槽（本江）400</t>
  </si>
  <si>
    <t>防火水槽（本江）399</t>
  </si>
  <si>
    <t>防火水槽（海老江）365</t>
  </si>
  <si>
    <t>薬勝寺池南公園サッカー場法面盛土</t>
  </si>
  <si>
    <t>薬勝寺池南公園サッカー場防砂ネット取付</t>
  </si>
  <si>
    <t>消火栓_287　串田（山ノ谷）地内　1基</t>
  </si>
  <si>
    <t>消火栓_156 緑町地内</t>
  </si>
  <si>
    <t>消火栓_156 鷲塚地内</t>
  </si>
  <si>
    <t>消火栓_255,256 串田新地内</t>
  </si>
  <si>
    <t>消火栓_446,447 南太閤山12丁目地内</t>
  </si>
  <si>
    <t>消火栓_727 足洗新町一丁目地内</t>
  </si>
  <si>
    <t>消火栓_320 上野地内</t>
  </si>
  <si>
    <t>消火栓_198,199 鷲塚地内</t>
  </si>
  <si>
    <t>消火栓_574 西高木地内</t>
  </si>
  <si>
    <t>消火栓_575 白石地内</t>
  </si>
  <si>
    <t>消火栓_448 南太閤山1丁目地内</t>
  </si>
  <si>
    <t>消火栓_492　作道（新生町）地内　1基</t>
  </si>
  <si>
    <t>消火栓_157 鷲塚地内</t>
  </si>
  <si>
    <t>消火栓_45,51 太閤山4丁目外地内</t>
  </si>
  <si>
    <t>消火栓_97 本町二丁目地内</t>
  </si>
  <si>
    <t>消火栓_425,142 水戸田地内</t>
  </si>
  <si>
    <t>消火栓_126 大門地内</t>
  </si>
  <si>
    <t>消火栓_402,403 作道地内</t>
  </si>
  <si>
    <t>消火栓_246 三ケ（錦町）外地内</t>
  </si>
  <si>
    <t>消火栓_314 橋下条地内</t>
  </si>
  <si>
    <t>消火栓_653  東明七軒地内　1基</t>
  </si>
  <si>
    <t>消火栓_1052　手崎（昭和通）地内　1基</t>
  </si>
  <si>
    <t>消火栓_654 東明七軒地内</t>
  </si>
  <si>
    <t>消火栓_575 本田地内</t>
  </si>
  <si>
    <t>消火栓_158 鷲塚地内</t>
  </si>
  <si>
    <t>消火栓_41,43 太閤山7丁目地内</t>
  </si>
  <si>
    <t>消火栓_257,258,259 荒町地内</t>
  </si>
  <si>
    <t>駅南広場　連絡地下歩道建屋（軒裏補修）</t>
  </si>
  <si>
    <t>小杉駅南口テント修繕工事</t>
  </si>
  <si>
    <t>下村コミュニティセンター改築（外構）工事</t>
  </si>
  <si>
    <t>加茂中部コミュニティ防災センターブロック塀補強</t>
  </si>
  <si>
    <t>水戸田保育園　公共ます</t>
  </si>
  <si>
    <t>水戸田保育園　防護柵</t>
  </si>
  <si>
    <t>都市計画道路駅前線側溝整備（その１）</t>
  </si>
  <si>
    <t>都市計画道路駅前線仮設防護柵</t>
  </si>
  <si>
    <t>都市計画道路駅前線境界杭設置測量業務委託</t>
  </si>
  <si>
    <t>都市計画道路駅前線越中大門駅前広場修正設計業務</t>
  </si>
  <si>
    <t>都市計画道路駅前線仮設水路設置工事</t>
  </si>
  <si>
    <t>越中大門駅前広場移設補償工事設計業務委託</t>
  </si>
  <si>
    <t>都市計画道路駅前線道路改良に伴う消雪施設改良設計業務委託</t>
  </si>
  <si>
    <t>都市計画道路駅前線信号機移設工事</t>
  </si>
  <si>
    <t>都市計画道路駅前線外灯移設工事</t>
  </si>
  <si>
    <t>射水ベイエリア観光案内看板</t>
  </si>
  <si>
    <t>海老江横断地下道照明器具更新</t>
  </si>
  <si>
    <t>海老江横断地下道通路改修</t>
  </si>
  <si>
    <t>南部防火水槽（大門）109</t>
  </si>
  <si>
    <t>小杉駅地下通路防犯カメラ2設置</t>
  </si>
  <si>
    <t>クリーンピア射水　灰出し設備</t>
  </si>
  <si>
    <t>クリーンピア射水　灰出し設備（２）</t>
  </si>
  <si>
    <t>クリーンピア射水　灰出し設備（１－１）</t>
  </si>
  <si>
    <t>ミライクル館　粗大ごみ処理施設外周</t>
  </si>
  <si>
    <t>ミライクル館　粗大ごみ処理施設</t>
  </si>
  <si>
    <t>ミライクル館　処理棟廻り消雪ポンプ及び外灯電源</t>
  </si>
  <si>
    <t>ミライクル館　粗大ゴミ処理施設設備</t>
  </si>
  <si>
    <t>ミライクル館　プラザ棟電気自動車用急速充電器</t>
  </si>
  <si>
    <t>ミライクル館　処理棟_機械装置</t>
  </si>
  <si>
    <t>野手埋立処分所　外灯</t>
  </si>
  <si>
    <t>野手埋立処分所 浸出水処理施設 汚泥濃縮装置No3蒸発缶設置工事(野手埋立処)</t>
  </si>
  <si>
    <t>庄川水辺の交流館　周辺施設</t>
  </si>
  <si>
    <t>庄川水辺の楽校看板</t>
  </si>
  <si>
    <t>庄川水辺の交流館散水栓設置工事</t>
  </si>
  <si>
    <t>放生津地区住宅市街地総合整備事業　奈呉町第一街区側溝整備</t>
  </si>
  <si>
    <t>内川散策観光客専用駐車場　照明設備</t>
  </si>
  <si>
    <t>内川散策用観光案内看板</t>
  </si>
  <si>
    <t>内川散策用観光案内看板No2</t>
  </si>
  <si>
    <t>奈呉町駐車場における防犯カメラ設置工事</t>
  </si>
  <si>
    <t>防犯カメラ周知用看板設置工事</t>
  </si>
  <si>
    <t>旧田中家住宅文化財解説板</t>
  </si>
  <si>
    <t>久々湊地内　道路反射鏡</t>
  </si>
  <si>
    <t>射水市太閤山9丁目地内反射鏡</t>
  </si>
  <si>
    <t>射水市小林地内道路反射鏡</t>
  </si>
  <si>
    <t>射水市中太閤山16丁目地内道路反射鏡</t>
  </si>
  <si>
    <t>市道塚原23号線道路反射鏡</t>
  </si>
  <si>
    <t>射水市中太閤山1丁目地内道路反射鏡</t>
  </si>
  <si>
    <t>海老江浜開地内　道路反射鏡</t>
  </si>
  <si>
    <t>放生津地区住宅市街地総合整備事業　道路反射鏡設置工事</t>
  </si>
  <si>
    <t>作道地内　道路反射鏡</t>
  </si>
  <si>
    <t>小杉28号施設補修工事</t>
  </si>
  <si>
    <t>高木地区消雪施設取水設備設置工事</t>
  </si>
  <si>
    <t>高木地区消雪施設整備工事</t>
  </si>
  <si>
    <t>作道259号線</t>
  </si>
  <si>
    <t>庄西町一丁目道路冠水対策（ポンプ）</t>
  </si>
  <si>
    <t>市道庄西２４号線道路冠水対策付帯工事</t>
  </si>
  <si>
    <t>今井北高木線</t>
  </si>
  <si>
    <t>戸破2126号線</t>
  </si>
  <si>
    <t>戸破2127号線</t>
  </si>
  <si>
    <t>太閤山794号線</t>
  </si>
  <si>
    <t>太閤山795号線</t>
  </si>
  <si>
    <t>太閤山796号線</t>
  </si>
  <si>
    <t>太閤山797号線</t>
  </si>
  <si>
    <t>市井3号線</t>
  </si>
  <si>
    <t>新町9号線</t>
  </si>
  <si>
    <t>作道橋（歩道橋）橋梁塗装塗替</t>
  </si>
  <si>
    <t>作道橋補修工事</t>
  </si>
  <si>
    <t>北部防火水槽（作道）508</t>
  </si>
  <si>
    <t>新湊うみいろこども園整備に伴う給水管設置</t>
  </si>
  <si>
    <t>新湊うみいろこども園整備に伴う汚水管布設工事</t>
  </si>
  <si>
    <t>市道大江1409号線　道路改良</t>
  </si>
  <si>
    <t>市道大江1409号線　道路舗装</t>
  </si>
  <si>
    <t>西高木地内用地測量業務委託</t>
  </si>
  <si>
    <t>市道新湊304号線外道路改良工事</t>
  </si>
  <si>
    <t>沖塚原緑地公園整備造園</t>
  </si>
  <si>
    <t>沖塚原緑地公園整備敷地造成</t>
  </si>
  <si>
    <t>沖塚原緑地公園整備電気設備</t>
  </si>
  <si>
    <t>市井地内防火水槽</t>
  </si>
  <si>
    <t>海竜スポーツランド　プールろ過装置</t>
  </si>
  <si>
    <t>海竜スポーツランド　井水槽（防水補修）</t>
  </si>
  <si>
    <t>大門保健センター　駐車場（増設）</t>
  </si>
  <si>
    <t>新湊消防署　気象観測装置</t>
  </si>
  <si>
    <t>白石コミュニティ施設ブロック塀補強</t>
  </si>
  <si>
    <t>給水栓設置工事</t>
  </si>
  <si>
    <t>荒間公園　公園施設</t>
  </si>
  <si>
    <t>荒間公園　植栽</t>
  </si>
  <si>
    <t>大島図書館跡地ブロック塀補強</t>
  </si>
  <si>
    <t>大島庁舎　駐車場排水</t>
  </si>
  <si>
    <t>大島分庁舎　外灯（更新）</t>
  </si>
  <si>
    <t>下分団屯所フェンス設置</t>
  </si>
  <si>
    <t>高島公園　防護柵</t>
  </si>
  <si>
    <t>大島児童館　駐車場</t>
  </si>
  <si>
    <t>射水市大島児童館外構</t>
  </si>
  <si>
    <t>大島弓道場　乗入口（拡幅）</t>
  </si>
  <si>
    <t>すずほ市営住宅　自転車置場</t>
  </si>
  <si>
    <t>稲積リバーサイド　調整池（排水施設）</t>
  </si>
  <si>
    <t>大島体育館　北側駐車場</t>
  </si>
  <si>
    <t>高場新町公園4連ブランコ安全柵設置工事</t>
  </si>
  <si>
    <t>高場新町公園乗入舗装工事</t>
  </si>
  <si>
    <t>かもめ台西公園　フェンス</t>
  </si>
  <si>
    <t>かもめ台東公園　フェンス</t>
  </si>
  <si>
    <t>戸破コミュニティセンター駐車場整備</t>
  </si>
  <si>
    <t>三ケコミュニティセンター　駐車場</t>
  </si>
  <si>
    <t>金山コミュニティセンター　自転車置場</t>
  </si>
  <si>
    <t>陶房「匠の里」　粘土工芸センター棟　油タンク防油堤</t>
  </si>
  <si>
    <t>陶房「匠の里」　灯油タンク防油堤</t>
  </si>
  <si>
    <t>陶房「匠の里」電気陶芸窯</t>
  </si>
  <si>
    <t>池多コミュニティセンター　外灯</t>
  </si>
  <si>
    <t>太閤山コミュニティセンター　外構</t>
  </si>
  <si>
    <t>中太閤山コミュニティセンター　駐車場等</t>
  </si>
  <si>
    <t>水戸田コミュニティセンター　駐車場</t>
  </si>
  <si>
    <t>大江保育園　職員駐車場ブロック塀補強</t>
  </si>
  <si>
    <t>三ケ・戸破地区内地域資源解説板</t>
  </si>
  <si>
    <t>二口コミュニティセンター　外構</t>
  </si>
  <si>
    <t>中央図書館　スロープ</t>
  </si>
  <si>
    <t>中央図書館駐車場</t>
  </si>
  <si>
    <t>大門小学校　遊具</t>
  </si>
  <si>
    <t>大門小学校　連絡通路</t>
  </si>
  <si>
    <t>大門小学校　スクールバスUターン場</t>
  </si>
  <si>
    <t>大門小学校プール</t>
  </si>
  <si>
    <t>射水消防グランド舗装工事</t>
  </si>
  <si>
    <t>囲山公園　公園施設</t>
  </si>
  <si>
    <t>囲山公園　遊具</t>
  </si>
  <si>
    <t>囲山公園　園路</t>
  </si>
  <si>
    <t>囲山公園　フェンス</t>
  </si>
  <si>
    <t>囲山公園　遊具（その１）</t>
  </si>
  <si>
    <t>囲山公園　遊具（その２）</t>
  </si>
  <si>
    <t>囲山公園　フェンス（その２）</t>
  </si>
  <si>
    <t>天池公園　公園施設</t>
  </si>
  <si>
    <t>天池公園　遊具</t>
  </si>
  <si>
    <t>太閤山10丁目駐車場車止め設置工事</t>
  </si>
  <si>
    <t>笹山公園外2箇所手摺設置工事</t>
  </si>
  <si>
    <t>黒河公園　パーゴラ</t>
  </si>
  <si>
    <t>黒河公園　公園施設</t>
  </si>
  <si>
    <t>黒河公園　遊具</t>
  </si>
  <si>
    <t>薬勝寺池公園　公園施設</t>
  </si>
  <si>
    <t>薬勝寺池公園　公園施設（その３）</t>
  </si>
  <si>
    <t>薬勝寺池公園　公園施設（その４）</t>
  </si>
  <si>
    <t>薬勝寺池公園　園路</t>
  </si>
  <si>
    <t>薬勝寺池公園　注意看板</t>
  </si>
  <si>
    <t>薬勝寺池公園　公園施設（その５）</t>
  </si>
  <si>
    <t>薬勝寺池公園　張芝</t>
  </si>
  <si>
    <t>薬勝寺池公園　船舶格納庫</t>
  </si>
  <si>
    <t>薬勝寺池公園園路復旧工事</t>
  </si>
  <si>
    <t>薬勝寺池公園　公園施設（その２）</t>
  </si>
  <si>
    <t>薬勝寺池公園　安全施設</t>
  </si>
  <si>
    <t>薬勝寺池公園　集水桝</t>
  </si>
  <si>
    <t>薬勝寺池公園　案内板</t>
  </si>
  <si>
    <t>タイヤ公園　遊具</t>
  </si>
  <si>
    <t>大島中央公園　駐車場</t>
  </si>
  <si>
    <t>大島中央公園　植栽</t>
  </si>
  <si>
    <t>大島中央公園　大型遊具</t>
  </si>
  <si>
    <t>大島中央公園　公園施設（その５）</t>
  </si>
  <si>
    <t>大島中央公園　駐車場看板</t>
  </si>
  <si>
    <t>大島中央公園　公園施設（その６）</t>
  </si>
  <si>
    <t>大島中央公園　遊具広場園路舗装（その2）</t>
  </si>
  <si>
    <t>大島中央公園　電気設備（その２）</t>
  </si>
  <si>
    <t>大島中央公園　電気設備（その３）</t>
  </si>
  <si>
    <t>大島中央公園　電気設備（その４）</t>
  </si>
  <si>
    <t>大島中央公園　公園施設（その７）</t>
  </si>
  <si>
    <t>大島中央公園　公園施設（その８）</t>
  </si>
  <si>
    <t>大島中央公園　植栽（その２）</t>
  </si>
  <si>
    <t>大島中央公園　植栽（その３）</t>
  </si>
  <si>
    <t>大島中央公園　公園施設（その９）</t>
  </si>
  <si>
    <t>大島中央公園　植栽（その４）</t>
  </si>
  <si>
    <t>大島中央公園園路灯更新</t>
  </si>
  <si>
    <t>大島中央公園　公園施設</t>
  </si>
  <si>
    <t>大島中央公園　電気設備</t>
  </si>
  <si>
    <t>大島中央公園　遊具広場園路舗装</t>
  </si>
  <si>
    <t>一条東公園　ネットフェンス</t>
  </si>
  <si>
    <t>一条東公園ネットフェンス設置工事</t>
  </si>
  <si>
    <t>一条西公園　フェンス</t>
  </si>
  <si>
    <t>広上工業団地　調整池（排水施設）</t>
  </si>
  <si>
    <t>富山県射水市二口1081番地</t>
  </si>
  <si>
    <t>大門庁舎車庫棟1</t>
  </si>
  <si>
    <t>大門庁舎車庫棟2</t>
  </si>
  <si>
    <t>大門庁舎車庫棟3</t>
  </si>
  <si>
    <t>大門庁舎倉庫</t>
  </si>
  <si>
    <t>兜山公園便所</t>
  </si>
  <si>
    <t>富山県射水市黒河字二十石5431番地2</t>
  </si>
  <si>
    <t>南郷霊園トイレ</t>
  </si>
  <si>
    <t>富山県射水市串田字鳥越223番地</t>
  </si>
  <si>
    <t>消防団屯所</t>
  </si>
  <si>
    <t>富山県射水市東明中町5-4</t>
  </si>
  <si>
    <t>越中大門駅多目的トイレ</t>
  </si>
  <si>
    <t>富山県射水市北野大島1441-2</t>
  </si>
  <si>
    <t>富山県射水市片口高場175</t>
  </si>
  <si>
    <t>富山県射水市海竜町118-5</t>
  </si>
  <si>
    <t>パークゴルフ南郷クラブハウス</t>
  </si>
  <si>
    <t>富山県射水市生源寺260番地2</t>
  </si>
  <si>
    <t>パークゴルフ南郷倉庫</t>
  </si>
  <si>
    <t>射水消防署　大門出張所</t>
  </si>
  <si>
    <t>常備消防出張所</t>
  </si>
  <si>
    <t>浅井コミュニティセンター</t>
  </si>
  <si>
    <t>富山県射水市島1394番地1</t>
  </si>
  <si>
    <t>富山県射水市島1512番地</t>
  </si>
  <si>
    <t>串田新遺跡公園公衆便所</t>
  </si>
  <si>
    <t>富山県射水市串田新出字大沢287</t>
  </si>
  <si>
    <t>富山県射水市串田866番地1</t>
  </si>
  <si>
    <t>小杉小学校校舎普通教室5</t>
  </si>
  <si>
    <t>富山県射水市戸破4100番地</t>
  </si>
  <si>
    <t>小杉小学校校舎特別教室</t>
  </si>
  <si>
    <t>小杉小学校渡り廊下1</t>
  </si>
  <si>
    <t>小杉小学校渡り廊下2</t>
  </si>
  <si>
    <t>小杉小学校プール附属棟</t>
  </si>
  <si>
    <t>小杉小学校校舎普通教室1</t>
  </si>
  <si>
    <t>小杉小学校体育館</t>
  </si>
  <si>
    <t>小杉小学校車庫</t>
  </si>
  <si>
    <t>小杉小学校ポンプ室</t>
  </si>
  <si>
    <t>小杉小学校校舎普通教室2</t>
  </si>
  <si>
    <t>小杉小学校校舎給食室</t>
  </si>
  <si>
    <t>小杉小学校校舎管理室</t>
  </si>
  <si>
    <t>金山小学校校舎1</t>
  </si>
  <si>
    <t>富山県射水市青井谷1648番地</t>
  </si>
  <si>
    <t>金山小学校校舎特別教室</t>
  </si>
  <si>
    <t>金山小学校体育館</t>
  </si>
  <si>
    <t>金山小学校プール附属棟</t>
  </si>
  <si>
    <t>金山小学校校舎2</t>
  </si>
  <si>
    <t>金山小学校体育館便所</t>
  </si>
  <si>
    <t>歌の森小学校校舎普通教室</t>
  </si>
  <si>
    <t>富山県射水市黒河560番地</t>
  </si>
  <si>
    <t>歌の森小学校　エレベータ室</t>
  </si>
  <si>
    <t>歌の森小学校給食室</t>
  </si>
  <si>
    <t>歌の森小学校校舎5</t>
  </si>
  <si>
    <t>歌の森小学校体育館</t>
  </si>
  <si>
    <t>歌の森小学校プール附属棟</t>
  </si>
  <si>
    <t>歌の森小学校校舎管理・特別教室</t>
  </si>
  <si>
    <t>歌の森小学校校舎渡り廊下</t>
  </si>
  <si>
    <t>歌の森小学校校舎4</t>
  </si>
  <si>
    <t>消防団　浅井分団屯所</t>
  </si>
  <si>
    <t>富山県射水市島1366番地2</t>
  </si>
  <si>
    <t>中太閤山小学校プール附属室</t>
  </si>
  <si>
    <t>富山県射水市中太閤山11丁目3番地</t>
  </si>
  <si>
    <t>中太閤山小学校体育館器具庫2</t>
  </si>
  <si>
    <t>中太閤山小学校校舎普通教室</t>
  </si>
  <si>
    <t>中太閤山小学校校舎2</t>
  </si>
  <si>
    <t>中太閤山小学校体育館</t>
  </si>
  <si>
    <t>中太閤山小学校トイレ</t>
  </si>
  <si>
    <t>中太閤山小学校校舎特別教室</t>
  </si>
  <si>
    <t>中太閤山小学校校舎4</t>
  </si>
  <si>
    <t>中太閤山小学校体育館渡り廊下</t>
  </si>
  <si>
    <t>中太閤山小学校体育館器具庫1</t>
  </si>
  <si>
    <t>水戸田グラウンド公衆便所(水戸田農村広場公共トイレ）</t>
  </si>
  <si>
    <t>富山県射水市生源寺350番地</t>
  </si>
  <si>
    <t>小杉中学校機械室（棟）</t>
  </si>
  <si>
    <t>富山県射水市戸破2013番地</t>
  </si>
  <si>
    <t>小杉中学校校舎C棟</t>
  </si>
  <si>
    <t>小杉中学校校舎D棟（給食棟）</t>
  </si>
  <si>
    <t>小杉中学校体育館連携施設</t>
  </si>
  <si>
    <t>小杉中学校体育館部室</t>
  </si>
  <si>
    <t>小杉中学校体育館武道場</t>
  </si>
  <si>
    <t>小杉中学校校舎A棟</t>
  </si>
  <si>
    <t>小杉中学校渡廊下（南）</t>
  </si>
  <si>
    <t>小杉中学校渡廊下（北）</t>
  </si>
  <si>
    <t>小杉中学校体育館</t>
  </si>
  <si>
    <t>小杉中学校物置</t>
  </si>
  <si>
    <t>小杉中学校校舎B棟</t>
  </si>
  <si>
    <t>小杉南中学校校舎（給食棟）</t>
  </si>
  <si>
    <t>富山県射水市南太閤山1丁目2番地</t>
  </si>
  <si>
    <t>小杉南中学校校舎3</t>
  </si>
  <si>
    <t>小杉南中学校校舎4</t>
  </si>
  <si>
    <t>小杉南中学校校舎5</t>
  </si>
  <si>
    <t>小杉南中学校体育館連携施設</t>
  </si>
  <si>
    <t>小杉南中学校校舎（特別教室）</t>
  </si>
  <si>
    <t>小杉南中学校体育館</t>
  </si>
  <si>
    <t>小杉南中学校体育館武道館</t>
  </si>
  <si>
    <t>小杉南中学校ﾌﾟ-ﾙ附属棟</t>
  </si>
  <si>
    <t>小杉南中学校校舎部室</t>
  </si>
  <si>
    <t>小杉南中学校校舎1</t>
  </si>
  <si>
    <t>小杉南中学校校舎2</t>
  </si>
  <si>
    <t>新湊中学校校舎1</t>
  </si>
  <si>
    <t>富山県射水市八幡町３丁目１４－４</t>
  </si>
  <si>
    <t>新湊中学校校舎2</t>
  </si>
  <si>
    <t>新湊中学校体育館</t>
  </si>
  <si>
    <t>新湊中学校ゴミ置場</t>
  </si>
  <si>
    <t>太閤山小学校小屋</t>
  </si>
  <si>
    <t>富山県射水市橋下条926番地</t>
  </si>
  <si>
    <t>太閤山小学校温室</t>
  </si>
  <si>
    <t>太閤山小学校校舎1</t>
  </si>
  <si>
    <t>太閤山小学校体育館1</t>
  </si>
  <si>
    <t>太閤山小学校プール附属棟</t>
  </si>
  <si>
    <t>太閤山小学校トイレ</t>
  </si>
  <si>
    <t>太閤山小学校ゴミ置場</t>
  </si>
  <si>
    <t>太閤山小学校校舎2</t>
  </si>
  <si>
    <t>太閤山小学校体育館2</t>
  </si>
  <si>
    <t>富山県射水市戸破1416番地3</t>
  </si>
  <si>
    <t>富山県射水市三ケ930番地1</t>
  </si>
  <si>
    <t>消防団　橋下条分団屯所</t>
  </si>
  <si>
    <t>富山県射水市橋下条1771番地</t>
  </si>
  <si>
    <t>消防団　金山分団屯所</t>
  </si>
  <si>
    <t>富山県射水市青井谷1660番地</t>
  </si>
  <si>
    <t>富山県射水市黒河3856番地</t>
  </si>
  <si>
    <t>富山県射水市池多640番地</t>
  </si>
  <si>
    <t>下村小学校校舎管理・普通教室</t>
  </si>
  <si>
    <t>富山県射水市加茂中部1051番地</t>
  </si>
  <si>
    <t>下村小学校プール附属棟</t>
  </si>
  <si>
    <t>下村小学校プロパン庫</t>
  </si>
  <si>
    <t>下村小学校校舎体育館1</t>
  </si>
  <si>
    <t>下村小学校校舎体育館2</t>
  </si>
  <si>
    <t>下村小学校屋内運動場</t>
  </si>
  <si>
    <t>下村小学校校舎2</t>
  </si>
  <si>
    <t>下村小学校校舎3</t>
  </si>
  <si>
    <t>下村小学校校舎4</t>
  </si>
  <si>
    <t>消防団　中・南太閤山分団屯所</t>
  </si>
  <si>
    <t>富山県射水市中太閤山19丁目1番地</t>
  </si>
  <si>
    <t>富山県射水市青井谷8番地</t>
  </si>
  <si>
    <t>金山保育園物置</t>
  </si>
  <si>
    <t>富山県射水市大江1464番地</t>
  </si>
  <si>
    <t>大江保育園増築</t>
  </si>
  <si>
    <t>池多保育園調理室</t>
  </si>
  <si>
    <t>富山県射水市池多641番地</t>
  </si>
  <si>
    <t>池多保育園物置</t>
  </si>
  <si>
    <t>池多保育園増築</t>
  </si>
  <si>
    <t>富山県射水市中太閤山11丁目2番地</t>
  </si>
  <si>
    <t>消防団　櫛田分団屯所</t>
  </si>
  <si>
    <t>富山県射水市串田860番地</t>
  </si>
  <si>
    <t>富山県射水市戸破4200番地11</t>
  </si>
  <si>
    <t>富山県射水市太閤町4</t>
  </si>
  <si>
    <t>小杉庁舎都市ガス供給設備倉庫</t>
  </si>
  <si>
    <t>富山県射水市戸破1511番地</t>
  </si>
  <si>
    <t>射水市小杉体育館</t>
  </si>
  <si>
    <t>富山県射水市黒河712番地</t>
  </si>
  <si>
    <t>富山県射水市戸破1032番地3</t>
  </si>
  <si>
    <t>附属設備</t>
  </si>
  <si>
    <t>大島小学校体育館連携施設</t>
  </si>
  <si>
    <t>富山県射水市小島675番地1</t>
  </si>
  <si>
    <t>大島小学校体育館</t>
  </si>
  <si>
    <t>大島小学校マルチホール</t>
  </si>
  <si>
    <t>大島小学校倉庫</t>
  </si>
  <si>
    <t>大島小学校校舎校舎（西棟）</t>
  </si>
  <si>
    <t>大島小学校校舎校舎（南棟）</t>
  </si>
  <si>
    <t>大島小学校校舎（北棟）</t>
  </si>
  <si>
    <t>大島小学校プール附属室</t>
  </si>
  <si>
    <t>大島小学校校舎（渡り廊下棟）</t>
  </si>
  <si>
    <t>富山県射水市三ケ1769番地10</t>
  </si>
  <si>
    <t>除雪機器格納庫1</t>
  </si>
  <si>
    <t>富山県射水市日の宮字寺山148番</t>
  </si>
  <si>
    <t>除雪機器格納庫2</t>
  </si>
  <si>
    <t>除雪機器格納庫3</t>
  </si>
  <si>
    <t>グリーンパークだいもんトイレ（南）</t>
  </si>
  <si>
    <t>グリーンパークだいもんトイレ（北）</t>
  </si>
  <si>
    <t>グリーンパーク大門格納庫</t>
  </si>
  <si>
    <t>歌の森運動公園第一便所</t>
  </si>
  <si>
    <t>富山県射水市黒河687番地</t>
  </si>
  <si>
    <t>歌の森運動公園第二便所</t>
  </si>
  <si>
    <t>歌の森運動公園第三便所</t>
  </si>
  <si>
    <t>射水市小杉展示館</t>
  </si>
  <si>
    <t>富山県射水市戸破4286番地1</t>
  </si>
  <si>
    <t>射水市小杉総合体育センターポンプ室</t>
  </si>
  <si>
    <t>富山県射水市戸破3111番地</t>
  </si>
  <si>
    <t>射水市小杉総合体育センター</t>
  </si>
  <si>
    <t>射水市小杉文化ホール</t>
  </si>
  <si>
    <t>富山県射水市戸破1500番地</t>
  </si>
  <si>
    <t>富山県射水市三ケ880番地1</t>
  </si>
  <si>
    <t>射水市小杉駅南口駅舎</t>
  </si>
  <si>
    <t>富山県射水市三ケ4129番地-12</t>
  </si>
  <si>
    <t>富山県射水市生源寺317番地1</t>
  </si>
  <si>
    <t>加茂緑地公園トイレ</t>
  </si>
  <si>
    <t>富山県射水市戸破字加茂2036番地1</t>
  </si>
  <si>
    <t>田町緑地トイレ</t>
  </si>
  <si>
    <t>富山県射水市三ケ947番地</t>
  </si>
  <si>
    <t>荒町緑地トイレ</t>
  </si>
  <si>
    <t>富山県射水市戸破字神田6383番地1</t>
  </si>
  <si>
    <t>三ヶ公園トイレ</t>
  </si>
  <si>
    <t>富山県射水市三ケ1050番地2</t>
  </si>
  <si>
    <t>布目庁舎･別館</t>
  </si>
  <si>
    <t>布目庁舎･別館ワークセンター射水</t>
  </si>
  <si>
    <t>富山県射水市布目1番地</t>
  </si>
  <si>
    <t>庄川本町市営住宅4号棟</t>
  </si>
  <si>
    <t>富山県射水市庄川本町13番</t>
  </si>
  <si>
    <t>庄川本町市営住宅集会室</t>
  </si>
  <si>
    <t>庄川本町市営住宅プロパン庫</t>
  </si>
  <si>
    <t>大門中学校物置</t>
  </si>
  <si>
    <t>富山県射水市二口258番地</t>
  </si>
  <si>
    <t>大門中学校校舎管理普通教室棟3</t>
  </si>
  <si>
    <t>大門中学校校舎廊下2</t>
  </si>
  <si>
    <t>大門中学校校舎普通教室棟4</t>
  </si>
  <si>
    <t>大門中学校校舎特別教室棟</t>
  </si>
  <si>
    <t>大門中学校校舎技術室棟</t>
  </si>
  <si>
    <t>大門中学校校舎エレベーター</t>
  </si>
  <si>
    <t>大門中学校体育館武道場</t>
  </si>
  <si>
    <t>大門中学校体育館廊下3</t>
  </si>
  <si>
    <t>大門中学校体育館廊下4</t>
  </si>
  <si>
    <t>大門中学校校舎普通教室棟1</t>
  </si>
  <si>
    <t>大門中学校校舎多目的棟</t>
  </si>
  <si>
    <t>大門中学校グラウンド倉庫</t>
  </si>
  <si>
    <t>大門中学校校舎多目的棟多目的教室</t>
  </si>
  <si>
    <t>大門中学校体育館</t>
  </si>
  <si>
    <t>大門中学校プール付属室</t>
  </si>
  <si>
    <t>大門中学校部室</t>
  </si>
  <si>
    <t>大門中学校校舎廊下1</t>
  </si>
  <si>
    <t>大門中学校校舎管理普通教室棟2</t>
  </si>
  <si>
    <t>富山県射水市港町1番22号</t>
  </si>
  <si>
    <t>港町市営住宅増築部分</t>
  </si>
  <si>
    <t>港町市営住宅プロパン庫</t>
  </si>
  <si>
    <t>器具庫・トイレ</t>
  </si>
  <si>
    <t>富山県射水市串田860番地1</t>
  </si>
  <si>
    <t>八幡市営住宅1号棟増築</t>
  </si>
  <si>
    <t>富山県射水市八幡町二丁目12番</t>
  </si>
  <si>
    <t>八幡市営住宅1号棟</t>
  </si>
  <si>
    <t>八幡市営住宅2号棟増築部分</t>
  </si>
  <si>
    <t>八幡市営住宅2号棟</t>
  </si>
  <si>
    <t>八幡市営住宅3号棟増築部分</t>
  </si>
  <si>
    <t>八幡市営住宅3号棟</t>
  </si>
  <si>
    <t>八幡市営住宅4号棟</t>
  </si>
  <si>
    <t>八幡市営住宅4号棟増築</t>
  </si>
  <si>
    <t>八幡市営住宅集会所</t>
  </si>
  <si>
    <t>加茂中部除雪車車庫</t>
  </si>
  <si>
    <t>富山県射水市加茂中部1050</t>
  </si>
  <si>
    <t>新湊中央文化会館</t>
  </si>
  <si>
    <t>射水市新湊中央文化会館</t>
  </si>
  <si>
    <t>富山県射水市三日曽根3-23</t>
  </si>
  <si>
    <t>七美公園倉庫</t>
  </si>
  <si>
    <t>射水市七美公園倉庫</t>
  </si>
  <si>
    <t>富山県射水市七美894</t>
  </si>
  <si>
    <t>下村三箇公民館</t>
  </si>
  <si>
    <t>富山県射水市下村三箇115-1</t>
  </si>
  <si>
    <t>大島中央公園野球場</t>
  </si>
  <si>
    <t>射水市大島中央公園トイレ2</t>
  </si>
  <si>
    <t>富山県射水市新開発424</t>
  </si>
  <si>
    <t>野球場物置</t>
  </si>
  <si>
    <t>野球場三塁側ベンチ</t>
  </si>
  <si>
    <t>野球場管理棟</t>
  </si>
  <si>
    <t>野球場一塁側ベンチ</t>
  </si>
  <si>
    <t>射水市大島中央公園トイレ1</t>
  </si>
  <si>
    <t>中山公園パークゴルフ事務所</t>
  </si>
  <si>
    <t>パークゴルフ事務所</t>
  </si>
  <si>
    <t>富山県射水市太閤山1丁目19</t>
  </si>
  <si>
    <t>庄西市営住宅1号棟</t>
  </si>
  <si>
    <t>富山県射水市庄西町一丁目3番20号</t>
  </si>
  <si>
    <t>庄西市営住宅2号棟</t>
  </si>
  <si>
    <t>庄西市営住宅プロパン庫</t>
  </si>
  <si>
    <t>歌の森運動公園野球場</t>
  </si>
  <si>
    <t>器具庫・雑庫1</t>
  </si>
  <si>
    <t>器具庫・雑庫2</t>
  </si>
  <si>
    <t>歌の森運動公園野球場管理棟</t>
  </si>
  <si>
    <t>薬勝寺池南公園野球場</t>
  </si>
  <si>
    <t>野球場審判控え室</t>
  </si>
  <si>
    <t>富山県射水市南太閤山7丁目63番地</t>
  </si>
  <si>
    <t>野球場倉庫</t>
  </si>
  <si>
    <t>ふれあい農園管理棟</t>
  </si>
  <si>
    <t>射水市ふれあい農園管理棟</t>
  </si>
  <si>
    <t>富山県射水市加茂中部569-2</t>
  </si>
  <si>
    <t>殿村市営住宅1号棟</t>
  </si>
  <si>
    <t>富山県射水市殿村83番地</t>
  </si>
  <si>
    <t>殿村市営住宅2号棟</t>
  </si>
  <si>
    <t>殿村市営住宅ポンプ室</t>
  </si>
  <si>
    <t>旧大江グラウンドトイレ</t>
  </si>
  <si>
    <t>富山県射水市大江151番地</t>
  </si>
  <si>
    <t>射水市川の駅新湊資料館・店舗</t>
  </si>
  <si>
    <t>富山県射水市立町1番26号</t>
  </si>
  <si>
    <t>海王町市営住宅2号棟</t>
  </si>
  <si>
    <t>富山県射水市海王町25番地</t>
  </si>
  <si>
    <t>海王町市営住宅1号棟</t>
  </si>
  <si>
    <t>海王町市営住宅3号棟</t>
  </si>
  <si>
    <t>海王町市営住宅3号棟電気室</t>
  </si>
  <si>
    <t>立町特定公共賃貸住宅（あゆの風センター内）</t>
  </si>
  <si>
    <t>富山県射水市立町10番20号</t>
  </si>
  <si>
    <t>あゆの風センター（共有部分及び307号室）</t>
  </si>
  <si>
    <t>本江市営住宅1号棟</t>
  </si>
  <si>
    <t>富山県射水市本江北379番地</t>
  </si>
  <si>
    <t>本江市営住宅2号棟</t>
  </si>
  <si>
    <t>本江市営住宅2号棟物置</t>
  </si>
  <si>
    <t>本江市営住宅ポンプ室</t>
  </si>
  <si>
    <t>学校給食センター（新）</t>
  </si>
  <si>
    <t>富山県射水市鏡宮203番地1</t>
  </si>
  <si>
    <t>放生津小学校校舎</t>
  </si>
  <si>
    <t>富山県射水市中新湊23番10号</t>
  </si>
  <si>
    <t>放生津小学校体育館</t>
  </si>
  <si>
    <t>放生津小学校物置</t>
  </si>
  <si>
    <t>放生津小学校プール附属棟更衣室1</t>
  </si>
  <si>
    <t>放生津小学校プール附属棟更衣室2</t>
  </si>
  <si>
    <t>放生津小学校体育館渡り廊下1</t>
  </si>
  <si>
    <t>放生津小学校体育館渡り廊下2</t>
  </si>
  <si>
    <t>放生津小学校体育館雑庫</t>
  </si>
  <si>
    <t>放生津小学校体育館器具庫棟</t>
  </si>
  <si>
    <t>新湊小学校体育館</t>
  </si>
  <si>
    <t>富山県射水市桜町6番1号</t>
  </si>
  <si>
    <t>新湊小学校体育館器具室</t>
  </si>
  <si>
    <t>新湊小学校校舎1</t>
  </si>
  <si>
    <t>新湊小学校倉庫1</t>
  </si>
  <si>
    <t>新湊小学校倉庫2</t>
  </si>
  <si>
    <t>新湊小学校プール附属棟女子用更衣室</t>
  </si>
  <si>
    <t>新湊小学校プール附属棟男子用更衣室</t>
  </si>
  <si>
    <t>新湊小学校校舎2</t>
  </si>
  <si>
    <t>新湊小学校校舎3</t>
  </si>
  <si>
    <t>新湊小学校体育館渡り廊下(3F)</t>
  </si>
  <si>
    <t>中伏木小学校物置</t>
  </si>
  <si>
    <t>富山県射水市庄西町二丁目12番50号</t>
  </si>
  <si>
    <t>中伏木小学校校舎</t>
  </si>
  <si>
    <t>中伏木小学校配膳室</t>
  </si>
  <si>
    <t>中伏木小学校体育館</t>
  </si>
  <si>
    <t>中伏木小学校倉庫</t>
  </si>
  <si>
    <t>中伏木小学校プロパン庫</t>
  </si>
  <si>
    <t>旧二口分団屯所</t>
  </si>
  <si>
    <t>車庫（旧二口分団屯所）</t>
  </si>
  <si>
    <t>富山県射水市二口轟1368</t>
  </si>
  <si>
    <t>作道小学校物置</t>
  </si>
  <si>
    <t>富山県射水市作道913番地</t>
  </si>
  <si>
    <t>作道小学校校舎普通教室</t>
  </si>
  <si>
    <t>作道小学校体育館</t>
  </si>
  <si>
    <t>作道小学校倉庫</t>
  </si>
  <si>
    <t>作道小学校プール附属棟</t>
  </si>
  <si>
    <t>作道小学校校舎管理棟</t>
  </si>
  <si>
    <t>作道小学校校舎特別教室</t>
  </si>
  <si>
    <t>作道小学校校舎図書室棟</t>
  </si>
  <si>
    <t>作道小学校校舎EV</t>
  </si>
  <si>
    <t>片口小学校体育館渡り廊下1</t>
  </si>
  <si>
    <t>富山県射水市片口高場48番地</t>
  </si>
  <si>
    <t>片口小学校体育館渡り廊下2</t>
  </si>
  <si>
    <t>片口小学校体育館多目的室</t>
  </si>
  <si>
    <t>片口小学校校舎特別教室渡り廊下</t>
  </si>
  <si>
    <t>片口小学校校舎普通教室3-1</t>
  </si>
  <si>
    <t>片口小学校校舎普通教室3-2</t>
  </si>
  <si>
    <t>片口小学校校舎普通教室3-3</t>
  </si>
  <si>
    <t>片口小学校校舎普通教室3-4</t>
  </si>
  <si>
    <t>片口小学校雑庫</t>
  </si>
  <si>
    <t>片口小学校校舎特別教室1</t>
  </si>
  <si>
    <t>片口小学校校舎普通教室2</t>
  </si>
  <si>
    <t>片口小学校校舎普通教室4</t>
  </si>
  <si>
    <t>片口小学校プール附属棟</t>
  </si>
  <si>
    <t>片口小学校プール附属棟倉庫</t>
  </si>
  <si>
    <t>片口小学校体育館</t>
  </si>
  <si>
    <t>片口小学校屋外器具保管庫</t>
  </si>
  <si>
    <t>旧堀岡小学校体育館</t>
  </si>
  <si>
    <t>富山県射水市射水町一丁目17番地</t>
  </si>
  <si>
    <t>堀岡小学校校舎</t>
  </si>
  <si>
    <t>富山県射水市海竜町118番地2</t>
  </si>
  <si>
    <t>堀岡小学校体育館1</t>
  </si>
  <si>
    <t>堀岡小学校体育館2</t>
  </si>
  <si>
    <t>堀岡小学校倉庫</t>
  </si>
  <si>
    <t>東明小学校プール附属室1</t>
  </si>
  <si>
    <t>富山県射水市海老江七軒1347番地</t>
  </si>
  <si>
    <t>東明小学校校舎渡り廊下</t>
  </si>
  <si>
    <t>東明小学校プール附属室2</t>
  </si>
  <si>
    <t>東明小学校校舎普通教室1</t>
  </si>
  <si>
    <t>東明小学校校舎普通教室2</t>
  </si>
  <si>
    <t>東明小学校車庫</t>
  </si>
  <si>
    <t>東明小学校体育館</t>
  </si>
  <si>
    <t>東明小学校運動器具置場</t>
  </si>
  <si>
    <t>東明小学校校舎プレイルーム</t>
  </si>
  <si>
    <t>東明小学校校舎管理・特別教室</t>
  </si>
  <si>
    <t>塚原小学校倉庫</t>
  </si>
  <si>
    <t>富山県射水市松木715番地</t>
  </si>
  <si>
    <t>塚原小学校校舎普通教室</t>
  </si>
  <si>
    <t>塚原小学校校舎管理・特別教室</t>
  </si>
  <si>
    <t>塚原小学校体育館</t>
  </si>
  <si>
    <t>塚原小学校校舎昇降口</t>
  </si>
  <si>
    <t>塚原小学校プール更衣室</t>
  </si>
  <si>
    <t>新湊南部中学校屋内運動場</t>
  </si>
  <si>
    <t>富山県射水市鏡宮193番地1</t>
  </si>
  <si>
    <t>新湊南部中学校校舎</t>
  </si>
  <si>
    <t>新湊南部中学校武道館1</t>
  </si>
  <si>
    <t>新湊南部中学校屋外器具保管庫</t>
  </si>
  <si>
    <t>射北中学校校舎特別教室</t>
  </si>
  <si>
    <t>富山県射水市堀岡古明神20番地</t>
  </si>
  <si>
    <t>射北中学校部室改築</t>
  </si>
  <si>
    <t>射北中学校校舎普通教室</t>
  </si>
  <si>
    <t>射北中学校渡り廊下</t>
  </si>
  <si>
    <t>射北中学校体育館・柔剣道場</t>
  </si>
  <si>
    <t>射北中学校管理棟</t>
  </si>
  <si>
    <t>射北中学校雑庫</t>
  </si>
  <si>
    <t>七美幼稚園保育室</t>
  </si>
  <si>
    <t>富山県射水市七美1014番地</t>
  </si>
  <si>
    <t>七美幼稚園園舎</t>
  </si>
  <si>
    <t>新湊総合体育館武道場1</t>
  </si>
  <si>
    <t>富山県射水市久々湊467番地</t>
  </si>
  <si>
    <t>新湊総合体育館武道場2</t>
  </si>
  <si>
    <t>新湊総合体育館空調機械室</t>
  </si>
  <si>
    <t>新湊総合体育館テニスコートトイレ・雑庫</t>
  </si>
  <si>
    <t>七美体育館</t>
  </si>
  <si>
    <t>サン・ビレッジ新湊</t>
  </si>
  <si>
    <t>富山県射水市新湊有磯一丁目6番地の</t>
  </si>
  <si>
    <t>富山県射水市本町一丁目12番24号</t>
  </si>
  <si>
    <t>庄西コミュニティセンター</t>
  </si>
  <si>
    <t>富山県射水市庄西町一丁目１７番４８号</t>
  </si>
  <si>
    <t>富山県射水市松木761番地</t>
  </si>
  <si>
    <t>富山県射水市海老江1082番地</t>
  </si>
  <si>
    <t>七美コミュニティセンター</t>
  </si>
  <si>
    <t>富山県射水市七美1258番地</t>
  </si>
  <si>
    <t>新本江コミュニティセンター</t>
  </si>
  <si>
    <t>富山県射水市本江北142番地</t>
  </si>
  <si>
    <t>放生津コミュニティセンター</t>
  </si>
  <si>
    <t>放生津コミュニティセンター（あゆの風センター内）</t>
  </si>
  <si>
    <t>富山県射水市立町10番20号（あゆの風センター内）</t>
  </si>
  <si>
    <t>富山県射水市中新湊17番10号</t>
  </si>
  <si>
    <t>富山県射水市八幡町二丁目12番56号</t>
  </si>
  <si>
    <t>下村パークゴルフ場トイレ</t>
  </si>
  <si>
    <t>富山県射水市加茂中部569</t>
  </si>
  <si>
    <t>下村パークゴルフ場クラブハウス</t>
  </si>
  <si>
    <t>下村水郷の里自転車置場</t>
  </si>
  <si>
    <t>大島南部保育園園舎</t>
  </si>
  <si>
    <t>富山県射水市北野1494番地2</t>
  </si>
  <si>
    <t>大島南部保育園物置</t>
  </si>
  <si>
    <t>富山県射水市本町一丁目10番34号</t>
  </si>
  <si>
    <t>本町一丁目10番34号</t>
  </si>
  <si>
    <t>射水市庁舎</t>
  </si>
  <si>
    <t>富山県射水市新開発410番地1</t>
  </si>
  <si>
    <t>駐車場</t>
  </si>
  <si>
    <t>ポンプ室・車庫</t>
  </si>
  <si>
    <t>新湊漁港東地区便所</t>
  </si>
  <si>
    <t>新湊漁港（東地区）公衆便所</t>
  </si>
  <si>
    <t>富山県射水市八幡町一丁目</t>
  </si>
  <si>
    <t>歌の森小学校放課後児童クラブ室</t>
  </si>
  <si>
    <t>小杉小学校放課後児童クラブ室</t>
  </si>
  <si>
    <t>富山県射水市戸破2475番地</t>
  </si>
  <si>
    <t>いみず観光情報館</t>
  </si>
  <si>
    <t>富山県射水市海王町2番地</t>
  </si>
  <si>
    <t>太閤山公園墓苑</t>
  </si>
  <si>
    <t>太閤山公園墓苑トイレ</t>
  </si>
  <si>
    <t>富山県射水市入会地字赤坂11番地1</t>
  </si>
  <si>
    <t>太閤山公園墓苑（納骨堂）</t>
  </si>
  <si>
    <t>富山県射水市太閤山１丁目１番地</t>
  </si>
  <si>
    <t>富山県射水市作道907-2</t>
  </si>
  <si>
    <t>富山県射水市庄川本町11</t>
  </si>
  <si>
    <t>富山県射水市庄西町二丁目12番41号</t>
  </si>
  <si>
    <t>下条川ポケットパーク</t>
  </si>
  <si>
    <t>下条川千本桜ポケットパークトイレ</t>
  </si>
  <si>
    <t>堀岡コミュニティセンター</t>
  </si>
  <si>
    <t>片口保育園雑庫2</t>
  </si>
  <si>
    <t>富山県射水市高場新町二丁目75番地</t>
  </si>
  <si>
    <t>片口保育園園舎1</t>
  </si>
  <si>
    <t>片口保育園園舎2</t>
  </si>
  <si>
    <t>片口保育園園舎3</t>
  </si>
  <si>
    <t>片口保育園園舎4</t>
  </si>
  <si>
    <t>片口保育園園舎5</t>
  </si>
  <si>
    <t>片口保育園雑庫1</t>
  </si>
  <si>
    <t>【中間前払金】射水市七美コミュニティセンター新築（建築主体）工事</t>
  </si>
  <si>
    <t>射水市七美コミュニティセンター新築（建築主体）工事</t>
  </si>
  <si>
    <t>射水市七美コミュニティセンター新築（機械設備）工事</t>
  </si>
  <si>
    <t>射水市七美コミュニティセンター新築（電気設備）工事</t>
  </si>
  <si>
    <t>片口小学校放課後児童クラブ（とねりこ学級）</t>
  </si>
  <si>
    <t>とねりこ学級1</t>
  </si>
  <si>
    <t>富山県射水市片口高場48</t>
  </si>
  <si>
    <t>とねりこ学級2</t>
  </si>
  <si>
    <t>富山県射水市松木633番地</t>
  </si>
  <si>
    <t>富山県射水市東明東町3番地5</t>
  </si>
  <si>
    <t>消防団　放生津分団屯所</t>
  </si>
  <si>
    <t>富山県射水市二口轟1034-7</t>
  </si>
  <si>
    <t>富山県射水市港町24番1号</t>
  </si>
  <si>
    <t>消雪施設_新湊-03</t>
  </si>
  <si>
    <t>庄川本町消雪施設</t>
  </si>
  <si>
    <t>庄川本町三日曽根（西部中学校内）</t>
  </si>
  <si>
    <t>消雪施設_新湊-06</t>
  </si>
  <si>
    <t>射水市役所新湊庁舎消雪ポンプ棟</t>
  </si>
  <si>
    <t>本町３丁目放生津町（新湊庁舎内）</t>
  </si>
  <si>
    <t>消雪施設_新湊-24</t>
  </si>
  <si>
    <t>ポンプ室</t>
  </si>
  <si>
    <t>射水町２丁目（堀岡緑地内）</t>
  </si>
  <si>
    <t>射水市堀岡運動公園機械室</t>
  </si>
  <si>
    <t>消雪施設_新湊-29</t>
  </si>
  <si>
    <t>消雪施設</t>
  </si>
  <si>
    <t>七美二十六町（二十六町公園内）</t>
  </si>
  <si>
    <t>消雪施設_新湊-39</t>
  </si>
  <si>
    <t>高場西公園ポンプ室</t>
  </si>
  <si>
    <t>片口高場（高場新町四丁目98番地）</t>
  </si>
  <si>
    <t>消雪施設_小杉-05</t>
  </si>
  <si>
    <t>一番町ポンプ場（十念寺橋西側）</t>
  </si>
  <si>
    <t>消雪施設_小杉-08</t>
  </si>
  <si>
    <t>小杉庁舎道路消雪用ポンプ室</t>
  </si>
  <si>
    <t>元町ポンプ場（小杉庁舎内）</t>
  </si>
  <si>
    <t>消雪施設_小杉-09</t>
  </si>
  <si>
    <t>射水市薬勝寺池公園消雪ポンプ室</t>
  </si>
  <si>
    <t>第１薬勝寺池ポンプ場（薬勝寺公園北側）</t>
  </si>
  <si>
    <t>消雪施設_小杉-21</t>
  </si>
  <si>
    <t>戸破消雪施設</t>
  </si>
  <si>
    <t>神川用水ポンプ場（小杉南中学校東側）</t>
  </si>
  <si>
    <t>消雪施設_小杉-23-1</t>
  </si>
  <si>
    <t>中・南太閤山地区消雪ピット上屋</t>
  </si>
  <si>
    <t>第４薬勝寺池ポンプ場（薬勝寺公園東側）</t>
  </si>
  <si>
    <t>消雪施設_大門-10</t>
  </si>
  <si>
    <t>消雪ポンプ小屋</t>
  </si>
  <si>
    <t>水戸田取水場（水戸田公民館東側）</t>
  </si>
  <si>
    <t>中野西宮消雪施設</t>
  </si>
  <si>
    <t>中野3（中野６１０番地）</t>
  </si>
  <si>
    <t>消雪施設_下-05</t>
  </si>
  <si>
    <t>消雪工揚水施設整備工</t>
  </si>
  <si>
    <t>白石２１区ポンプ場（白石２１区公園内）</t>
  </si>
  <si>
    <t>富山県射水市新片町5丁目24番地</t>
  </si>
  <si>
    <t>消防団　本江分団屯所</t>
  </si>
  <si>
    <t>富山県射水市本江北2469番地</t>
  </si>
  <si>
    <t>富山県射水市殿村89番地</t>
  </si>
  <si>
    <t>殿村89</t>
  </si>
  <si>
    <t>新湊消防署　東部出張所</t>
  </si>
  <si>
    <t>富山県射水市草岡町二丁目52番地</t>
  </si>
  <si>
    <t>消防団　庄西分団屯所</t>
  </si>
  <si>
    <t>射水市消防団庄西分団屯所</t>
  </si>
  <si>
    <t>富山県射水市庄西町一丁目17番地49</t>
  </si>
  <si>
    <t>消防団　七美分団屯所</t>
  </si>
  <si>
    <t>消防団　塚原分団屯所</t>
  </si>
  <si>
    <t>射水市大門総合会館プロパン庫</t>
  </si>
  <si>
    <t>富山県射水市大門67番地</t>
  </si>
  <si>
    <t>射水市大門総合会館</t>
  </si>
  <si>
    <t>富山県射水市堀岡新明神80番地1</t>
  </si>
  <si>
    <t>富山県射水市三日曽根9番15号</t>
  </si>
  <si>
    <t>新湊交流会館2</t>
  </si>
  <si>
    <t>富山県射水市八幡町二丁目3番30号</t>
  </si>
  <si>
    <t>東町東部荒屋東部公民館倉庫</t>
  </si>
  <si>
    <t>下地区センター</t>
  </si>
  <si>
    <t>射水市役所下庁舎</t>
  </si>
  <si>
    <t>富山県射水市加茂中部893番地</t>
  </si>
  <si>
    <t>加茂中部893</t>
  </si>
  <si>
    <t>射水市役所下庁舎車庫</t>
  </si>
  <si>
    <t>堀岡大気汚染常時観測局</t>
  </si>
  <si>
    <t>富山県射水市射水町二丁目1-1</t>
  </si>
  <si>
    <t>富山県射水市立町12番35号</t>
  </si>
  <si>
    <t>ｼﾙﾊﾞｰﾜｰｸﾌﾟﾗｻﾞ年輪館</t>
  </si>
  <si>
    <t>富山県射水市善光寺37番12号</t>
  </si>
  <si>
    <t>新湊交流会館分館</t>
  </si>
  <si>
    <t>あゆの風センターホール</t>
  </si>
  <si>
    <t>射水市新湊博物館ガスガバナー室</t>
  </si>
  <si>
    <t>富山県射水市鏡宮299番地</t>
  </si>
  <si>
    <t>射水市新湊博物館</t>
  </si>
  <si>
    <t>道の駅「新湊」</t>
  </si>
  <si>
    <t>富山県射水市鏡宮296番地</t>
  </si>
  <si>
    <t>射水市中野公園トイレ</t>
  </si>
  <si>
    <t>射水市七美中野111・112番地</t>
  </si>
  <si>
    <t>射水市久々江公園トイレ</t>
  </si>
  <si>
    <t>射水市片口久々江40番</t>
  </si>
  <si>
    <t>射水市堀岡公園トイレ</t>
  </si>
  <si>
    <t>富山県射水市射水町二丁目1番地１</t>
  </si>
  <si>
    <t>射水市四日曽根公園トイレ</t>
  </si>
  <si>
    <t>富山県射水市緑町2-1</t>
  </si>
  <si>
    <t>射水市善光寺公園トイレ</t>
  </si>
  <si>
    <t>射水市西新湊23番</t>
  </si>
  <si>
    <t>八幡公園トイレ</t>
  </si>
  <si>
    <t>射水市八幡町二丁目494</t>
  </si>
  <si>
    <t>射水市浜開公園トイレ</t>
  </si>
  <si>
    <t>富山県射水市浜開新町200</t>
  </si>
  <si>
    <t>射水市七美公園トイレ</t>
  </si>
  <si>
    <t>射水市七美894～897番地</t>
  </si>
  <si>
    <t>二の丸公園</t>
  </si>
  <si>
    <t>射水市二の丸公園トイレ</t>
  </si>
  <si>
    <t>射水市二の丸町346番</t>
  </si>
  <si>
    <t>射水市有磯西公園トイレ</t>
  </si>
  <si>
    <t>射水市有磯一丁目2番</t>
  </si>
  <si>
    <t>射水市針山農村公園トイレ</t>
  </si>
  <si>
    <t>射水市本江針山212番地</t>
  </si>
  <si>
    <t>消防団　二口分団屯所</t>
  </si>
  <si>
    <t>射水市高木農村公園トイレ</t>
  </si>
  <si>
    <t>射水市高木245-1外</t>
  </si>
  <si>
    <t>射水市三日曽根公園トイレ</t>
  </si>
  <si>
    <t>富山県射水市三日曽根16番</t>
  </si>
  <si>
    <t>射水市三日曽根公園多目的トイレ</t>
  </si>
  <si>
    <t>射水市奈呉の江西公園トイレ</t>
  </si>
  <si>
    <t>富山県射水市奈呉の江11番地</t>
  </si>
  <si>
    <t>射水市足洗潟公園北側トイレ</t>
  </si>
  <si>
    <t>富山県射水市本江２９２４番地</t>
  </si>
  <si>
    <t>射水市足洗潟公園南側トイレ</t>
  </si>
  <si>
    <t>内川緑地</t>
  </si>
  <si>
    <t>内川緑地公園多目的トイレ</t>
  </si>
  <si>
    <t>新湊市八幡町三丁目地内</t>
  </si>
  <si>
    <t>富山県射水市本町二丁目1099-2</t>
  </si>
  <si>
    <t>射水市衛生センター管理棟</t>
  </si>
  <si>
    <t>富山県射水市寺塚原904番地</t>
  </si>
  <si>
    <t>射水市衛生センター処理場</t>
  </si>
  <si>
    <t>射水市衛生センター車庫</t>
  </si>
  <si>
    <t>富山県射水市大門164番地2</t>
  </si>
  <si>
    <t>旧斎場</t>
  </si>
  <si>
    <t>寺塚原904</t>
  </si>
  <si>
    <t>待合室</t>
  </si>
  <si>
    <t>事務所</t>
  </si>
  <si>
    <t>物置</t>
  </si>
  <si>
    <t>射水市七美229・230・231番</t>
  </si>
  <si>
    <t>八幡宮境内公衆便所</t>
  </si>
  <si>
    <t>富山県射水市八幡町二丁目561</t>
  </si>
  <si>
    <t>射水市下村体育館</t>
  </si>
  <si>
    <t>富山県射水市加茂中部843番地</t>
  </si>
  <si>
    <t>小杉駅前自転車駐車場改築</t>
  </si>
  <si>
    <t>富山県射水市三ケ中吉原4149-3</t>
  </si>
  <si>
    <t>富山県射水市三ケ2595-21</t>
  </si>
  <si>
    <t>富山県射水市三ケ中吉原4134-7</t>
  </si>
  <si>
    <t>トイレ</t>
  </si>
  <si>
    <t>射水市薬勝寺池南公園トイレ</t>
  </si>
  <si>
    <t>富山県射水市南太閤山7丁目</t>
  </si>
  <si>
    <t>駅南広場公共トイレ</t>
  </si>
  <si>
    <t>富山県射水市三ケ2595-14</t>
  </si>
  <si>
    <t>新下村コミュニティセンター</t>
  </si>
  <si>
    <t>富山県射水市二口字道山島2613－53</t>
  </si>
  <si>
    <t>富山県射水市上条105-6</t>
  </si>
  <si>
    <t>防災広場便所</t>
  </si>
  <si>
    <t>富山県射水市二口光明寺2920</t>
  </si>
  <si>
    <t>市営越中大門駅前駐輪場</t>
  </si>
  <si>
    <t>越中大門駅前駐輪場1</t>
  </si>
  <si>
    <t>富山県射水市北野字大島1444-1</t>
  </si>
  <si>
    <t>越中大門駅前駐輪場2</t>
  </si>
  <si>
    <t>越中大門駅前駐輪場3</t>
  </si>
  <si>
    <t>越中大門駅前駐輪場4</t>
  </si>
  <si>
    <t>越中大門駅前駐輪場5</t>
  </si>
  <si>
    <t>越中大門駅前駐輪場6</t>
  </si>
  <si>
    <t>コミュニティ防災センター車庫</t>
  </si>
  <si>
    <t>射水市大島絵本館</t>
  </si>
  <si>
    <t>富山県射水市鳥取50番地</t>
  </si>
  <si>
    <t>水戸田保育園物置</t>
  </si>
  <si>
    <t>富山県射水市生源寺132番地1</t>
  </si>
  <si>
    <t>富山県射水市大島北野252番地</t>
  </si>
  <si>
    <t>大島農村環境改善センター付属棟</t>
  </si>
  <si>
    <t>富山県射水市串田1395番地</t>
  </si>
  <si>
    <t>大門コミュニティセントー</t>
  </si>
  <si>
    <t>富山県射水市鏡宮301番地</t>
  </si>
  <si>
    <t>クリーンピア射水ごみ焼却施設工場棟及び管理棟</t>
  </si>
  <si>
    <t>富山県射水市西高木1150番地</t>
  </si>
  <si>
    <t>クリーンピア射水ごみ焼却施設車庫棟</t>
  </si>
  <si>
    <t>クリーンピア射水ごみ焼却施設洗車棟</t>
  </si>
  <si>
    <t>クリーンピア射水ごみ焼却施設予備ボイラー</t>
  </si>
  <si>
    <t>旧射水郷清掃センター車庫</t>
  </si>
  <si>
    <t>クリーンピア射水溶融スラグストックヤード</t>
  </si>
  <si>
    <t>ミライクル館</t>
  </si>
  <si>
    <t>ミライクル館ストックヤードA</t>
  </si>
  <si>
    <t>ミライクル館ゴミ庫</t>
  </si>
  <si>
    <t>ミライクル館プラザ棟</t>
  </si>
  <si>
    <t>ミライクル館ストックヤードB</t>
  </si>
  <si>
    <t>ミライクル館粗大・不燃物処理施設（受入供給施設）</t>
  </si>
  <si>
    <t>ミライクル館粗大・不燃物処理施設（破砕施設）</t>
  </si>
  <si>
    <t>ミライクル館粗大・不燃物処理施設（排出選別等施設）</t>
  </si>
  <si>
    <t>ミライクル館粗大・不燃物処理施設（洗場）</t>
  </si>
  <si>
    <t>ミライクル館粗大・不燃物処理施設（切断施設）</t>
  </si>
  <si>
    <t>ミライクル館処理棟</t>
  </si>
  <si>
    <t>ごみ減量化資源化施設</t>
  </si>
  <si>
    <t>野手埋立処分所車庫1</t>
  </si>
  <si>
    <t>富山県射水市入会地字東笹鎌野90番地</t>
  </si>
  <si>
    <t>野手埋立処分所車庫2</t>
  </si>
  <si>
    <t>野手埋立処分所物置</t>
  </si>
  <si>
    <t>流入設備棟</t>
  </si>
  <si>
    <t>計量棟</t>
  </si>
  <si>
    <t>浸出水処理棟</t>
  </si>
  <si>
    <t>庄川水辺の交流館</t>
  </si>
  <si>
    <t>富山県射水市大門新70番地</t>
  </si>
  <si>
    <t>内川奈古トイレ</t>
  </si>
  <si>
    <t>富山県射水市放生津町19番2号</t>
  </si>
  <si>
    <t>作道小学校放課後児童クラブ室</t>
  </si>
  <si>
    <t>作道小学校　放課後児童クラブ室</t>
  </si>
  <si>
    <t>射水市沖塚原</t>
  </si>
  <si>
    <t>新大島コミュニティセンター</t>
  </si>
  <si>
    <t>富山県射水市小島700番地1</t>
  </si>
  <si>
    <t>フラワーパーク沖塚原管理棟</t>
  </si>
  <si>
    <t>富山県射水市沖塚原143番地</t>
  </si>
  <si>
    <t>フラワーパーク沖塚原トイレ</t>
  </si>
  <si>
    <t>射水市消防団北部方面団作道分団屯所</t>
  </si>
  <si>
    <t>富山県射水市殿村105番地</t>
  </si>
  <si>
    <t>海竜スポーツランド</t>
  </si>
  <si>
    <t>富山県射水市海竜町29番地</t>
  </si>
  <si>
    <t>射水市下村民俗資料館</t>
  </si>
  <si>
    <t>富山県射水市加茂中部827-1</t>
  </si>
  <si>
    <t>大門保健センター</t>
  </si>
  <si>
    <t>富山県射水市中村38番地</t>
  </si>
  <si>
    <t>新湊消防署庁舎</t>
  </si>
  <si>
    <t>富山県射水市本町二丁目13-1</t>
  </si>
  <si>
    <t>訓練（倉庫）棟</t>
  </si>
  <si>
    <t>山王町公園トイレ</t>
  </si>
  <si>
    <t>射水市放生津1,097番2・3</t>
  </si>
  <si>
    <t>大門きらら保育園1</t>
  </si>
  <si>
    <t>富山県射水市中村111番地1</t>
  </si>
  <si>
    <t>大門きらら保育園ゴミ置場</t>
  </si>
  <si>
    <t>大門きらら保育園2（増築分）</t>
  </si>
  <si>
    <t>大門きらら保育園車庫</t>
  </si>
  <si>
    <t>大門きらら保育園プロパン庫</t>
  </si>
  <si>
    <t>摺出寺コミュニティーセンター</t>
  </si>
  <si>
    <t>富山県射水市摺出寺91</t>
  </si>
  <si>
    <t>富山県射水市白石558-5</t>
  </si>
  <si>
    <t>放牧場厩舎</t>
  </si>
  <si>
    <t>富山県射水市加茂西部49-3</t>
  </si>
  <si>
    <t>富山県射水市加茂中部1068番地</t>
  </si>
  <si>
    <t>富山県射水市加茂中部817番地1</t>
  </si>
  <si>
    <t>下村保育園飼育小屋</t>
  </si>
  <si>
    <t>下村保育園プロパン庫</t>
  </si>
  <si>
    <t>東用馬厩舎</t>
  </si>
  <si>
    <t>富山県射水市加茂中部638番地</t>
  </si>
  <si>
    <t>飼料置場1</t>
  </si>
  <si>
    <t>飼料置場2</t>
  </si>
  <si>
    <t>クラブハウス</t>
  </si>
  <si>
    <t>外来厩舎</t>
  </si>
  <si>
    <t>旧北陸銀行CD施設</t>
  </si>
  <si>
    <t>富山県射水市小島703番地</t>
  </si>
  <si>
    <t>射水市役所大島庁舎</t>
  </si>
  <si>
    <t>射水市役所大島庁舎車庫</t>
  </si>
  <si>
    <t>射水市役所大島庁舎車庫２</t>
  </si>
  <si>
    <t>消防団　大島分団屯所</t>
  </si>
  <si>
    <t>富山県射水市小島725番地</t>
  </si>
  <si>
    <t>大門市営住宅1号棟</t>
  </si>
  <si>
    <t>富山県射水市二口2578番地</t>
  </si>
  <si>
    <t>大門市営住宅2号棟</t>
  </si>
  <si>
    <t>大門市営住宅2号棟物置2</t>
  </si>
  <si>
    <t>大門市営住宅2号棟物置1</t>
  </si>
  <si>
    <t>大門市営住宅1号棟物置1</t>
  </si>
  <si>
    <t>大門市営住宅1号棟物置2</t>
  </si>
  <si>
    <t>富山県射水市加茂中部1050番地</t>
  </si>
  <si>
    <t>射水市消防団下分団資機材格納庫</t>
  </si>
  <si>
    <t>旧大島コミュニティセンター</t>
  </si>
  <si>
    <t>大島コミュニティセンター</t>
  </si>
  <si>
    <t>富山県射水市加茂西部64番地</t>
  </si>
  <si>
    <t>下村デイサービスセンター車庫</t>
  </si>
  <si>
    <t>富山県射水市小島677番地</t>
  </si>
  <si>
    <t>旧下村保健センター</t>
  </si>
  <si>
    <t>富山県射水市加茂西部63番地1</t>
  </si>
  <si>
    <t>大島弓道場</t>
  </si>
  <si>
    <t>射水市大島弓道場</t>
  </si>
  <si>
    <t>富山県射水市新開発296</t>
  </si>
  <si>
    <t>はぎの里診療所</t>
  </si>
  <si>
    <t>下村はぎ診療所</t>
  </si>
  <si>
    <t>富山県射水市加茂西部63－1</t>
  </si>
  <si>
    <t>すずほ特定公共賃貸住宅A棟101・102</t>
  </si>
  <si>
    <t>富山県射水市加茂中部205番地44</t>
  </si>
  <si>
    <t>すずほ特定公共賃貸住宅B棟101・102</t>
  </si>
  <si>
    <t>すずほ特定公共賃貸住宅C棟101・102</t>
  </si>
  <si>
    <t>すずほ特定公共賃貸住宅D棟101・103、すずほ市営住宅Ｄ棟102・104</t>
  </si>
  <si>
    <t>すずほ特定公共賃貸住宅物置1</t>
  </si>
  <si>
    <t>すずほ特定公共賃貸住宅物置2</t>
  </si>
  <si>
    <t>すずほ特定公共賃貸住宅ゴミ庫</t>
  </si>
  <si>
    <t>機械室</t>
  </si>
  <si>
    <t>富山県射水市片口久々江古宮290-1</t>
  </si>
  <si>
    <t>富山県射水市赤井35番地</t>
  </si>
  <si>
    <t>赤井市営住宅物置4</t>
  </si>
  <si>
    <t>赤井市営住宅物置5</t>
  </si>
  <si>
    <t>赤井市営住宅物置6</t>
  </si>
  <si>
    <t>赤井市営住宅物置7</t>
  </si>
  <si>
    <t>赤井市営住宅ゴミ置場</t>
  </si>
  <si>
    <t>赤井市営住宅自転車置場1</t>
  </si>
  <si>
    <t>赤井市営住宅自転車置場2</t>
  </si>
  <si>
    <t>赤井市営住宅自転車置場3</t>
  </si>
  <si>
    <t>赤井市営住宅自転車置場4</t>
  </si>
  <si>
    <t>赤井市営住宅物置1</t>
  </si>
  <si>
    <t>赤井市営住宅物置2</t>
  </si>
  <si>
    <t>赤井市営住宅物置3</t>
  </si>
  <si>
    <t>中村市営住宅3</t>
  </si>
  <si>
    <t>富山県射水市中村29番地33</t>
  </si>
  <si>
    <t>中村市営住宅2</t>
  </si>
  <si>
    <t>中村市営住宅1</t>
  </si>
  <si>
    <t>中村市営住宅物置1</t>
  </si>
  <si>
    <t>中村市営住宅物置2</t>
  </si>
  <si>
    <t>中村市営住宅物置3</t>
  </si>
  <si>
    <t>中村市営住宅物置4</t>
  </si>
  <si>
    <t>中村市営住宅物置5</t>
  </si>
  <si>
    <t>中村市営住宅物置6</t>
  </si>
  <si>
    <t>射水市大島体育館</t>
  </si>
  <si>
    <t>富山県射水市新開発300番地</t>
  </si>
  <si>
    <t>富山県射水市加茂中部838番地2</t>
  </si>
  <si>
    <t>下村交流センター物置</t>
  </si>
  <si>
    <t>下村交流センター収納庫</t>
  </si>
  <si>
    <t>戸破コミュニティセンター物置</t>
  </si>
  <si>
    <t>富山県射水市戸破2917番地1</t>
  </si>
  <si>
    <t>三ヶコミュニティセンター</t>
  </si>
  <si>
    <t>富山県射水市三ケ1045番地1</t>
  </si>
  <si>
    <t>三ヶコミュニティセンター物置</t>
  </si>
  <si>
    <t>ふれあい館</t>
  </si>
  <si>
    <t>金山コミュニティセンター</t>
  </si>
  <si>
    <t>金山コミュニティセンター物置</t>
  </si>
  <si>
    <t>金山小学校放課後児童会室</t>
  </si>
  <si>
    <t>富山県射水市大江351番地1</t>
  </si>
  <si>
    <t>富山県射水市黒河3106番地</t>
  </si>
  <si>
    <t>黒河コミュニティセンター倉庫</t>
  </si>
  <si>
    <t>匠の里展示館</t>
  </si>
  <si>
    <t>富山県射水市水戸田17甲</t>
  </si>
  <si>
    <t>射水市陶房「匠の里」宿泊研修棟</t>
  </si>
  <si>
    <t>射水市陶房「匠の里」陶芸工房棟</t>
  </si>
  <si>
    <t>射水市陶房「匠の里」窯室棟</t>
  </si>
  <si>
    <t>粘土工芸センター</t>
  </si>
  <si>
    <t>粘土工芸センター物置</t>
  </si>
  <si>
    <t>匠の里穴窯棟</t>
  </si>
  <si>
    <t>富山県射水市池多633番地</t>
  </si>
  <si>
    <t>池多コミュニティセンター物置</t>
  </si>
  <si>
    <t>外部倉庫</t>
  </si>
  <si>
    <t>富山県射水市太閤山８丁目4-1</t>
  </si>
  <si>
    <t>集会場</t>
  </si>
  <si>
    <t>大門総合体育館</t>
  </si>
  <si>
    <t>射水市大門総合体育館</t>
  </si>
  <si>
    <t>富山県射水市二口3142番地</t>
  </si>
  <si>
    <t>中太閤山コミュニティセンター</t>
  </si>
  <si>
    <t>中太閤山コミュニティセンター物置</t>
  </si>
  <si>
    <t>中太閤山コミュニティセンター 増築1</t>
  </si>
  <si>
    <t>富山県射水市大門68番地3</t>
  </si>
  <si>
    <t>富山県射水市生源寺532番地3</t>
  </si>
  <si>
    <t>富山県射水市中太閤山13丁目3番地1</t>
  </si>
  <si>
    <t>南太閤山コミュニティセンター物置</t>
  </si>
  <si>
    <t>射水市竹内源造記念館</t>
  </si>
  <si>
    <t>富山県射水市戸破2289-1</t>
  </si>
  <si>
    <t>竹内源造記念館鏝絵体験棟</t>
  </si>
  <si>
    <t>竹内源造記念館　収納庫</t>
  </si>
  <si>
    <t>富山県射水市二口3051番地</t>
  </si>
  <si>
    <t>二口コミュニティセンター 増築1</t>
  </si>
  <si>
    <t>二口コミュニティセンター 増築2</t>
  </si>
  <si>
    <t>櫛田コミュニティセンター</t>
  </si>
  <si>
    <t>富山県射水市串田864番地1</t>
  </si>
  <si>
    <t>大門小学校飼育小屋</t>
  </si>
  <si>
    <t>富山県射水市二口417番地1</t>
  </si>
  <si>
    <t>大門小学校校舎ランチルーム</t>
  </si>
  <si>
    <t>大門小学校校舎5</t>
  </si>
  <si>
    <t>大門小学校校舎1</t>
  </si>
  <si>
    <t>大門小学校体育館</t>
  </si>
  <si>
    <t>大門小学校プール附属棟</t>
  </si>
  <si>
    <t>大門小学校集会施設</t>
  </si>
  <si>
    <t>大門小学校倉庫</t>
  </si>
  <si>
    <t>大門小学校ゴミ置場</t>
  </si>
  <si>
    <t>大門小学校校舎特別教室1</t>
  </si>
  <si>
    <t>大門小学校校舎特別教室2</t>
  </si>
  <si>
    <t>大門わかば幼稚園園舎</t>
  </si>
  <si>
    <t>富山県射水市二口427番地1</t>
  </si>
  <si>
    <t>富山県射水市大江201番地</t>
  </si>
  <si>
    <t>大江コミュニティセンター物置</t>
  </si>
  <si>
    <t>大江コミュニティセンター駐輪場</t>
  </si>
  <si>
    <t>消防団　大江分団屯所</t>
  </si>
  <si>
    <t>富山県射水市大江192番地1</t>
  </si>
  <si>
    <t>射水消防庁舎</t>
  </si>
  <si>
    <t>富山県射水市橋下条1522番地</t>
  </si>
  <si>
    <t>訓練塔</t>
  </si>
  <si>
    <t>公衆便所</t>
  </si>
  <si>
    <t>射水市太閤山公園トイレ</t>
  </si>
  <si>
    <t>富山県射水市太閤山4丁目47</t>
  </si>
  <si>
    <t>囲山公園トイレ</t>
  </si>
  <si>
    <t>富山県射水市太閤山9丁目2</t>
  </si>
  <si>
    <t>射水市天池公園トイレ</t>
  </si>
  <si>
    <t>富山県射水市南太閤山11丁目</t>
  </si>
  <si>
    <t>射水市大開公園トイレ</t>
  </si>
  <si>
    <t>射水市中太閤山16丁目1</t>
  </si>
  <si>
    <t>射水市薬勝寺池公園トイレ（南）</t>
  </si>
  <si>
    <t>射水市中太閤山19丁目</t>
  </si>
  <si>
    <t>射水市薬勝寺池公園トイレ（北）</t>
  </si>
  <si>
    <t>射水市薬勝寺池公園（南）多目的トイレ</t>
  </si>
  <si>
    <t>大島北野河川公園</t>
  </si>
  <si>
    <t>射水市北野河川公園トイレ</t>
  </si>
  <si>
    <t>富山県射水市北野253番地2</t>
  </si>
  <si>
    <t>大島中央公園屋内遊具場</t>
  </si>
  <si>
    <t>富山県射水市新開発424番地</t>
  </si>
  <si>
    <t>和田川リンリン公園トイレ</t>
  </si>
  <si>
    <t>富山県射水市二口字道山島2567外</t>
  </si>
  <si>
    <t>射水市立大門中学校長寿命化改良第Ⅲ期（建築主体）工事</t>
  </si>
  <si>
    <t>市道塚原156号線舗装（その1）工事</t>
  </si>
  <si>
    <t>射水市フットボールセンター整備（電気設備）工事</t>
  </si>
  <si>
    <t>【前払金】射水市フットボールセンター整備工事</t>
  </si>
  <si>
    <t>射水市立大門中学校長寿命化改良に伴う仮職員室等整備（電気設備）工事</t>
  </si>
  <si>
    <t>射水市立大門中学校長寿命化改良に伴う仮職員室等整備（建築主体）工事</t>
  </si>
  <si>
    <t>射水市立大門中学校長寿命化改良に伴う仮職員室等整備（LAN設備）工事</t>
  </si>
  <si>
    <t>射水市フットボールセンター整備工事（第1回部分払）</t>
  </si>
  <si>
    <t>射水市フットボールセンター整備工事</t>
  </si>
  <si>
    <t>射水市消防団七美分団屯所増築・改修工事実施設計業務委託</t>
  </si>
  <si>
    <t>射水市立大門中学校長寿命化改良第Ⅲ期（電気設備）工事</t>
  </si>
  <si>
    <t>射水市消防団二口分団屯所移転・改修工事実施設計業務委託</t>
  </si>
  <si>
    <t>射水市立大門中学校長寿命化改良第Ⅳ期（機械設備）工事</t>
  </si>
  <si>
    <t>市道朴木赤井線道路詳細設計業務委託</t>
  </si>
  <si>
    <t>【前払金】射水市立大門中学校長寿命化改良第Ⅳ期（電気設備）工事</t>
  </si>
  <si>
    <t>射水市立大門中学校長寿命化改良第Ⅳ期（電気設備）工事</t>
  </si>
  <si>
    <t>【前払金】射水市立大門中学校長寿命化改良第Ⅳ期（建築主体）工事</t>
  </si>
  <si>
    <t>【中間前払金】射水市立大門中学校長寿命化改良第Ⅳ期（建築主体）工事</t>
  </si>
  <si>
    <t>射水市立大門中学校長寿命化改良第Ⅳ期（建築主体）工事</t>
  </si>
  <si>
    <t>市道大門針原線測量設計業務委託</t>
  </si>
  <si>
    <t>市道新町八塚線橋梁詳細設計業務委託</t>
  </si>
  <si>
    <t>射水市立大門中学校長寿命化改良第Ⅲ期（機械設備）工事</t>
  </si>
  <si>
    <t>【前払金】足洗潟公園東広場改修工事</t>
  </si>
  <si>
    <t>足洗潟公園東広場改修工事</t>
  </si>
  <si>
    <t>市道朴木赤井線道路詳細設計業務委託に伴う掘削工事</t>
  </si>
  <si>
    <t>射水市フットボールセンター整備に伴う付帯工事</t>
  </si>
  <si>
    <t>【前払金】射水市フットボールセンター整備（外構）工事</t>
  </si>
  <si>
    <t>射水市フットボールセンター整備（外構）工事</t>
  </si>
  <si>
    <t>【前払金】市道塚原156号線道路改良(その5)工事</t>
  </si>
  <si>
    <t>市道塚原156号線道路改良(その5)工事</t>
  </si>
  <si>
    <t>日の宮地区急傾斜地崩壊対策事業用地測量業務委託</t>
  </si>
  <si>
    <t>【前払金】市道今井北高木線交差点改良工事</t>
  </si>
  <si>
    <t>市道今井北高木線交差点改良工事</t>
  </si>
  <si>
    <t>【前払金】市道塚原156号線道路改良(その4)工事</t>
  </si>
  <si>
    <t>市道塚原156号線道路改良(その4)工事</t>
  </si>
  <si>
    <t>【前払】市道生源寺4号線道路改良工事</t>
  </si>
  <si>
    <t>【前払金】市道作道263号線道路改良工事</t>
  </si>
  <si>
    <t>【前払金】市道大門針原線歩道整備工事</t>
  </si>
  <si>
    <t>市道生源寺4号線道路改良工事</t>
  </si>
  <si>
    <t>市道大門針原線歩道整備工事</t>
  </si>
  <si>
    <t>市道作道263号線道路改良工事</t>
  </si>
  <si>
    <t>【前払金】射水市フットボールセンター整備（造成）工事</t>
  </si>
  <si>
    <t>市道塚原156号線舗装(その2)工事</t>
  </si>
  <si>
    <t>市道今井北高木線舗装工事</t>
  </si>
  <si>
    <t>【前払金】市道作道203号線道路改良工事</t>
  </si>
  <si>
    <t>市道作道203号線道路改良工事</t>
  </si>
  <si>
    <t>【前払金】射水市立歌の森小学校プール改築（機械設備）工事</t>
  </si>
  <si>
    <t>市道作道55号線道路改良工事</t>
  </si>
  <si>
    <t>射水市立大門中学校長寿命化改良第Ⅳ期（ＬＡＮ設備）工事</t>
  </si>
  <si>
    <t>射水市フットボールセンターＡＩカメラ設置工事</t>
  </si>
  <si>
    <t>【前払金】市道大門針原線歩道整備（その２）工事</t>
  </si>
  <si>
    <t>射水市フットボールセンター整備（造成）工事</t>
  </si>
  <si>
    <t>【前払金】市道三ケ34号線舗装工事</t>
  </si>
  <si>
    <t>射水市立大門中学校長寿命化改良第Ⅳ期（電気付帯）工事</t>
  </si>
  <si>
    <t>射水市立大門中学校長寿命化改良第Ⅳ期（機械付帯）工事</t>
  </si>
  <si>
    <t>射水市立大門中学校長寿命化改良第Ⅳ期（建築付帯）工事</t>
  </si>
  <si>
    <t>市道朴木赤井線道路改良工事に伴う庁舎間ネットワーク仮設工事</t>
  </si>
  <si>
    <t>射水市フットボールセンター整備に伴う付帯（その２）工事</t>
  </si>
  <si>
    <t>市道塚原156号線道路改良に伴う側溝補修工事</t>
  </si>
  <si>
    <t>【前払金】市道朴木赤井線道路改良工事</t>
  </si>
  <si>
    <t>射水市フットボールセンター整備工事監理業務委託</t>
  </si>
  <si>
    <t>【前払金】射水市フットボールセンター整備（機械設備）工事</t>
  </si>
  <si>
    <t>射水市フットボールセンター整備（機械設備）工事</t>
  </si>
  <si>
    <t>市道戸破2130号線</t>
  </si>
  <si>
    <t>市道塚原156号線道路改良</t>
  </si>
  <si>
    <t>市道塚原152号線</t>
  </si>
  <si>
    <t>沖塚原地内消雪施設</t>
  </si>
  <si>
    <t>大門中学校耐震改修</t>
  </si>
  <si>
    <t>市道作道55号線・作道58号線</t>
  </si>
  <si>
    <t>市道作道79号線</t>
  </si>
  <si>
    <t>市道黒河579号線</t>
  </si>
  <si>
    <t>市道黒河508号線</t>
  </si>
  <si>
    <t>市道大門針原線</t>
  </si>
  <si>
    <t>大門中学校長寿命化改良</t>
  </si>
  <si>
    <t>市道作道79号線道路改良</t>
  </si>
  <si>
    <t>準用河川前田川冠水対策</t>
  </si>
  <si>
    <t>悠基橋補修</t>
  </si>
  <si>
    <t>沖塚原地区消雪施設整備</t>
  </si>
  <si>
    <t>射水市七美コミュニティセンター新築</t>
  </si>
  <si>
    <t>市道塚原154号線道路改良</t>
  </si>
  <si>
    <t>新伝馬橋補修</t>
  </si>
  <si>
    <t>沖塚原緑地公園</t>
  </si>
  <si>
    <t>市道二口17号線</t>
  </si>
  <si>
    <t>クリーンピア射水基幹的設備改良</t>
  </si>
  <si>
    <t>市道久々湊殿村線</t>
  </si>
  <si>
    <t>東橋補修耐震対策</t>
  </si>
  <si>
    <t>小杉駅地下道改修</t>
  </si>
  <si>
    <t>射水市立歌の森小学校プール改築工事</t>
  </si>
  <si>
    <t>市道七美二十六町線</t>
  </si>
  <si>
    <t>市道作道263号線</t>
  </si>
  <si>
    <t>市道生源寺4号線</t>
  </si>
  <si>
    <t>市道塚原132号線</t>
  </si>
  <si>
    <t>資産完成時に№64片口久々江地区消雪施設と統合予定</t>
  </si>
  <si>
    <t>片口久々江地区消雪施設</t>
  </si>
  <si>
    <t>小杉11号消雪施設取水ピット</t>
  </si>
  <si>
    <t>山王橋補修</t>
  </si>
  <si>
    <t>旧新湊中学校跡地内道路整備</t>
  </si>
  <si>
    <t>市道朴木赤井線道路予備設計</t>
  </si>
  <si>
    <t>旧新湊庁舎跡地利活用事業</t>
  </si>
  <si>
    <t>市道本村常国線</t>
  </si>
  <si>
    <t>五官野橋補修</t>
  </si>
  <si>
    <t>市道三ケ34号線</t>
  </si>
  <si>
    <t>射水市立小学校普通教室等空調設備整備</t>
  </si>
  <si>
    <t>小杉南中学校グラウンド改修</t>
  </si>
  <si>
    <t>射水市フットボールセンター</t>
  </si>
  <si>
    <t>市道今井北高木線</t>
  </si>
  <si>
    <t>資産完成時に№66沖塚原緑地公園と統合予定</t>
  </si>
  <si>
    <t>市道新湊270号線歩道整備事業</t>
  </si>
  <si>
    <t>射水市消防団片口分団屯所大規模改修</t>
  </si>
  <si>
    <t>市道作道203号線</t>
  </si>
  <si>
    <t>大門きらら保育園外壁等改修</t>
  </si>
  <si>
    <t>その他ＰＣソフト</t>
  </si>
  <si>
    <t>人事給与システムバージョンアップ</t>
  </si>
  <si>
    <t>財務会計伝票照会システム</t>
  </si>
  <si>
    <t>幼児教育無償化システム（改修）</t>
  </si>
  <si>
    <t>生活保護システム（更新）</t>
  </si>
  <si>
    <t>人事給与システム（改修）</t>
  </si>
  <si>
    <t>財務会計システム（改修）</t>
  </si>
  <si>
    <t>契約管理システム（改修）</t>
  </si>
  <si>
    <t>高齢者向け給付金システム（改修）</t>
  </si>
  <si>
    <t>臨時福祉給付金及び障害・遺族年金受給者向け給付金システム（改修）</t>
  </si>
  <si>
    <t>保育園栄養計算・給食管理システム導入整備</t>
  </si>
  <si>
    <t>個人情報取扱台帳及び台帳ＷＥＢシステム構築</t>
  </si>
  <si>
    <t>収集指定袋管理システム（改修）</t>
  </si>
  <si>
    <t>バイオマス特許</t>
  </si>
  <si>
    <t>バイオマス特許海外</t>
  </si>
  <si>
    <t>射水市地籍調査支援システム導入業務</t>
  </si>
  <si>
    <t>消防ＯＡシステム（救急統計システム変更）改修</t>
  </si>
  <si>
    <t>防災用具類_子ども子育て総合支援センター</t>
  </si>
  <si>
    <t>排水ポンプパッケージ_子ども子育て総合支援センター</t>
  </si>
  <si>
    <t>会計機_子ども子育て総合支援センター</t>
  </si>
  <si>
    <t>普通乗用自動車_子ども子育て総合支援センター</t>
  </si>
  <si>
    <t>舟艇_子ども子育て総合支援センター</t>
  </si>
  <si>
    <t>普通貨物自動車_子ども子育て総合支援センター</t>
  </si>
  <si>
    <t>大型特殊自動車_子ども子育て総合支援センター</t>
  </si>
  <si>
    <t>除雪車_子ども子育て総合支援センター</t>
  </si>
  <si>
    <t>歩道除雪機_子ども子育て総合支援センター</t>
  </si>
  <si>
    <t>ホイルローダ_子ども子育て総合支援センター</t>
  </si>
  <si>
    <t>その他これに類するもの_子ども子育て総合支援センター</t>
  </si>
  <si>
    <t>ミニタイヤショベル　0.4m3級_子ども子育て総合支援センター</t>
  </si>
  <si>
    <t>ハンドガイド式小型除雪機_子ども子育て総合支援センター</t>
  </si>
  <si>
    <t>新幹線型遊具_子ども子育て総合支援センター</t>
  </si>
  <si>
    <t>気象観測器具_子ども子育て総合支援センター</t>
  </si>
  <si>
    <t>自動体外式除細動器（ＡＥＤ）_大島コミュニティー体育館</t>
  </si>
  <si>
    <t>消防自動車（化学消防車を含む）_消防団 海老江分団屯所</t>
  </si>
  <si>
    <t>ゴムボート_消防団 海老江分団屯所</t>
  </si>
  <si>
    <t>除細動器（ＡＥＤ）_射水消防署　大門出張所</t>
  </si>
  <si>
    <t>車載無線機_射水消防署　大門出張所</t>
  </si>
  <si>
    <t>車載ＡＶＭ装置_射水消防署　大門出張所</t>
  </si>
  <si>
    <t>その他の防災用具_射水消防署　大門出張所</t>
  </si>
  <si>
    <t>救急自動車_射水消防署　大門出張所</t>
  </si>
  <si>
    <t>スクリーン_小杉小学校</t>
  </si>
  <si>
    <t>大型バス（30人以上）_小杉小学校</t>
  </si>
  <si>
    <t>小杉小学校スクールバス（富山230さ55）車両売買代金として</t>
  </si>
  <si>
    <t>その他これに類するもの_小杉小学校</t>
  </si>
  <si>
    <t>電子式複写黒板_小杉小学校</t>
  </si>
  <si>
    <t>電子式複写黒板_金山小学校</t>
  </si>
  <si>
    <t>ピアノ_歌の森小学校</t>
  </si>
  <si>
    <t>電子式複写黒板_歌の森小学校</t>
  </si>
  <si>
    <t>可搬式ポンプ_消防団　浅井分団屯所</t>
  </si>
  <si>
    <t>消防自動車（化学消防車を含む）_消防団　浅井分団屯所</t>
  </si>
  <si>
    <t>冷蔵庫、冷凍庫_中太閤山小学校</t>
  </si>
  <si>
    <t>電子式複写黒板_中太閤山小学校</t>
  </si>
  <si>
    <t>小学校教材（特別支援教育）_中太閤山小学校</t>
  </si>
  <si>
    <t>旗（長期使用のもの）_小杉中学校</t>
  </si>
  <si>
    <t>ピアノ_小杉中学校</t>
  </si>
  <si>
    <t>野菜裁断機_小杉南中学校</t>
  </si>
  <si>
    <t>食器保管庫（消毒器含む）_小杉南中学校</t>
  </si>
  <si>
    <t>その他道具・実習用具教材類_新湊中学校</t>
  </si>
  <si>
    <t>電子式複写黒板_太閤山小学校</t>
  </si>
  <si>
    <t>ピアノ_太閤山小学校</t>
  </si>
  <si>
    <t>真空冷却機（学校給食用）_太閤山小学校</t>
  </si>
  <si>
    <t>可搬式ポンプ_消防団　戸破分団屯所</t>
  </si>
  <si>
    <t>消防自動車（化学消防車を含む）_消防団　戸破分団屯所</t>
  </si>
  <si>
    <t>可搬式ポンプ_消防団　三ケ分団屯所</t>
  </si>
  <si>
    <t>消防自動車（化学消防車を含む）_消防団　三ケ分団屯所</t>
  </si>
  <si>
    <t>消防自動車（化学消防車を含む）_消防団　橋下条分団屯所</t>
  </si>
  <si>
    <t>消防ポンプ自動車CD-1②（いすゞエルフ 富山800さ2013）売買代金</t>
  </si>
  <si>
    <t>可搬式ポンプ_消防団　金山分団屯所</t>
  </si>
  <si>
    <t>消防自動車（化学消防車を含む）_消防団　金山分団屯所</t>
  </si>
  <si>
    <t>消防ポンプ自動車（いすゞエルフ 富山800さ2014）売買代金</t>
  </si>
  <si>
    <t>可搬式ポンプ_消防団　黒河分団屯所</t>
  </si>
  <si>
    <t>消防自動車（化学消防車を含む）_消防団　黒河分団屯所</t>
  </si>
  <si>
    <t>消防ポンプ自動車（CD-Ⅰ型）黒河分団_消防団　黒河分団屯所</t>
  </si>
  <si>
    <t>可搬式ポンプ_消防団　池多分団屯所</t>
  </si>
  <si>
    <t>消防自動車（化学消防車を含む）_消防団　池多分団屯所</t>
  </si>
  <si>
    <t>電子式複写黒板_下村小学校</t>
  </si>
  <si>
    <t>その他道具・実習用具教材類_下村小学校</t>
  </si>
  <si>
    <t>可搬式ポンプ_消防団　中・南太閤山分団屯所</t>
  </si>
  <si>
    <t>消防自動車（化学消防車を含む）_消防団　中・南太閤山分団屯所</t>
  </si>
  <si>
    <t>消防ポンプ自動車（ＣＤ－Ｉ型）中・南太閤山分団車_消防団　中・南太閤山分団屯所</t>
  </si>
  <si>
    <t>スベリ台_千成保育園</t>
  </si>
  <si>
    <t>可搬式ポンプ_消防団　櫛田分団屯所</t>
  </si>
  <si>
    <t>消防ポンプ自動車（ＣＤ－１型）消防団用_消防団　櫛田分団屯所</t>
  </si>
  <si>
    <t>軽四輪自動車_旧小杉庁舎</t>
  </si>
  <si>
    <t>トレッドミル_小杉体育館</t>
  </si>
  <si>
    <t>バタフライ_小杉体育館</t>
  </si>
  <si>
    <t>バックエクステンション_小杉体育館</t>
  </si>
  <si>
    <t>その他のフットネス用具_小杉体育館</t>
  </si>
  <si>
    <t>電気機械類_小杉ふれあいセンター</t>
  </si>
  <si>
    <t>ピアノ_大島小学校</t>
  </si>
  <si>
    <t>電子式複写黒板_大島小学校</t>
  </si>
  <si>
    <t>ハンドボールゴール_小杉総合体育センター</t>
  </si>
  <si>
    <t>ハンドボールシステムカウンター・退場タイマー_小杉総合体育センター</t>
  </si>
  <si>
    <t>カセット・ＣＤ・ＭＤプレーヤー_小杉文化ホール</t>
  </si>
  <si>
    <t>プロジェクター_小杉文化ホール</t>
  </si>
  <si>
    <t>ティンパニ_小杉文化ホール</t>
  </si>
  <si>
    <t>ビブラフォン_小杉文化ホール</t>
  </si>
  <si>
    <t>ファゴット_小杉文化ホール</t>
  </si>
  <si>
    <t>クラリネット_小杉文化ホール</t>
  </si>
  <si>
    <t>その他これに類するもの_小杉文化ホール</t>
  </si>
  <si>
    <t>ホール用楽器_小杉文化ホール</t>
  </si>
  <si>
    <t>小杉文化ホールひびきホールプロジェクター_小杉文化ホール</t>
  </si>
  <si>
    <t>まどかホールワイヤレスマイクシステム更新_小杉文化ホール</t>
  </si>
  <si>
    <t>サーバ_射水市小杉駅南口駅舎</t>
  </si>
  <si>
    <t>可搬式ポンプ_消防団　水戸田分団屯所</t>
  </si>
  <si>
    <t>消防自動車（化学消防車を含む）_消防団　水戸田分団屯所</t>
  </si>
  <si>
    <t>スクリーン_大門中学校</t>
  </si>
  <si>
    <t>旗（長期使用のもの）_大門中学校</t>
  </si>
  <si>
    <t>その他これに類するもの_大門中学校</t>
  </si>
  <si>
    <t>野菜裁断機_大門中学校</t>
  </si>
  <si>
    <t>丸のこ盤_大門中学校</t>
  </si>
  <si>
    <t>増設外部記憶装置_大門中学校</t>
  </si>
  <si>
    <t>製本機_大門中学校</t>
  </si>
  <si>
    <t>その他照明機器_新湊中央文化会館</t>
  </si>
  <si>
    <t>プロジェクター_新湊中央文化会館</t>
  </si>
  <si>
    <t>洋画_新湊中央文化会館</t>
  </si>
  <si>
    <t>日本画_新湊中央文化会館</t>
  </si>
  <si>
    <t>配ぜん台・車_学校給食センター</t>
  </si>
  <si>
    <t>電子式複写黒板_放生津小学校</t>
  </si>
  <si>
    <t>電子式複写黒板_新湊小学校</t>
  </si>
  <si>
    <t>大型教材提示装置_新湊小学校</t>
  </si>
  <si>
    <t>放送設備一式_作道小学校</t>
  </si>
  <si>
    <t>その他道具・実習用具教材類_作道小学校</t>
  </si>
  <si>
    <t>その他これに類するもの_片口小学校</t>
  </si>
  <si>
    <t>暗幕・展示幕・天幕_片口小学校</t>
  </si>
  <si>
    <t>電子式複写黒板_片口小学校</t>
  </si>
  <si>
    <t>スピーカ・アンプ類_堀岡小学校</t>
  </si>
  <si>
    <t>彫刻_堀岡小学校</t>
  </si>
  <si>
    <t>電子式複写黒板_堀岡小学校</t>
  </si>
  <si>
    <t>電子オルガン_堀岡小学校</t>
  </si>
  <si>
    <t>舞台照明装置_東明小学校</t>
  </si>
  <si>
    <t>音響・放送装置_東明小学校</t>
  </si>
  <si>
    <t>マイクロバス_東明小学校</t>
  </si>
  <si>
    <t>ピアノ_東明小学校</t>
  </si>
  <si>
    <t>電子式複写黒板_東明小学校</t>
  </si>
  <si>
    <t>スピーカ・アンプ類_塚原小学校</t>
  </si>
  <si>
    <t>エアコン_塚原小学校</t>
  </si>
  <si>
    <t>電子式複写黒板_塚原小学校</t>
  </si>
  <si>
    <t>ビデオプロジェクター_塚原小学校</t>
  </si>
  <si>
    <t>サーバ_塚原小学校</t>
  </si>
  <si>
    <t>シート_新湊南部中学校</t>
  </si>
  <si>
    <t>ピアノ_新湊南部中学校</t>
  </si>
  <si>
    <t>ピアノ_射北中学校</t>
  </si>
  <si>
    <t>マット_新湊総合体育館</t>
  </si>
  <si>
    <t>床_新湊総合体育館</t>
  </si>
  <si>
    <t>バスケットボール　台_新湊総合体育館</t>
  </si>
  <si>
    <t>トレッドミル_新湊総合体育館</t>
  </si>
  <si>
    <t>ツイストマシン_新湊総合体育館</t>
  </si>
  <si>
    <t>その他これに類するもの_新湊総合体育館</t>
  </si>
  <si>
    <t>新体操マット_新湊総合体育館</t>
  </si>
  <si>
    <t>電動式バスケットゴール_新湊総合体育館</t>
  </si>
  <si>
    <t>レッグエクステンション_サン・ビレッジ新湊</t>
  </si>
  <si>
    <t>芸能・年中行事_庄西コミュニティセンター</t>
  </si>
  <si>
    <t>カラオケ_庄西コミュニティセンター</t>
  </si>
  <si>
    <t>その他これに類するもの_海老江コミュニティセンター</t>
  </si>
  <si>
    <t>スベリ台_大島南部保育園</t>
  </si>
  <si>
    <t>ブランコ_大島南部保育園</t>
  </si>
  <si>
    <t>カーテン_新湊保育園</t>
  </si>
  <si>
    <t>ジャングルジム_新湊保育園</t>
  </si>
  <si>
    <t>騒音・振動測定器_射水市新庁舎</t>
  </si>
  <si>
    <t>被災者支援システム導入_射水市新庁舎</t>
  </si>
  <si>
    <t>保育園緊急連絡メール配信システム構築_射水市新庁舎</t>
  </si>
  <si>
    <t>戸籍副本データ管理システム導入_射水市新庁舎</t>
  </si>
  <si>
    <t>子育て世帯臨時特例給付金システム構築_射水市新庁舎</t>
  </si>
  <si>
    <t>普通乗用自動車_射水市新庁舎</t>
  </si>
  <si>
    <t>普通貨物自動車_射水市新庁舎</t>
  </si>
  <si>
    <t>軽四輪自動車_射水市新庁舎</t>
  </si>
  <si>
    <t>大型バス（30人以上）_射水市新庁舎</t>
  </si>
  <si>
    <t>マイクロバス_射水市新庁舎</t>
  </si>
  <si>
    <t>その他これに類するもの_射水市新庁舎</t>
  </si>
  <si>
    <t>パソコン_射水市新庁舎</t>
  </si>
  <si>
    <t>プリンタ_射水市新庁舎</t>
  </si>
  <si>
    <t>子ども子育て支援システム導入_射水市新庁舎</t>
  </si>
  <si>
    <t>投票用紙分類機_射水市新庁舎</t>
  </si>
  <si>
    <t>戸籍システム更新_射水市新庁舎</t>
  </si>
  <si>
    <t>住基ネットシステム賃貸借_射水市新庁舎</t>
  </si>
  <si>
    <t>電気自動車_射水市新庁舎</t>
  </si>
  <si>
    <t>戸籍・住基関係ＰＯＳレジスター６式_射水市新庁舎</t>
  </si>
  <si>
    <t>射水市役所　トイレジェットタオル_射水市新庁舎</t>
  </si>
  <si>
    <t>郵便料金計器_射水市新庁舎</t>
  </si>
  <si>
    <t>普通乗用自動車（トヨタハイエース）_射水市新庁舎</t>
  </si>
  <si>
    <t>軽乗用自動車（スズキアルト(青パト)）_射水市新庁舎</t>
  </si>
  <si>
    <t>軽乗用自動車（スズキアルト（青パト））_射水市新庁舎</t>
  </si>
  <si>
    <t>共用シュレッダー_射水市新庁舎</t>
  </si>
  <si>
    <t>シュレッダー_射水市新庁舎</t>
  </si>
  <si>
    <t>テレビ会議システム_射水市新庁舎</t>
  </si>
  <si>
    <t>小型貨物自動車_射水市新庁舎</t>
  </si>
  <si>
    <t>可搬式ポンプ_消防団　太閤山分団屯所</t>
  </si>
  <si>
    <t>消防自動車（化学消防車を含む）_消防団　太閤山分団屯所</t>
  </si>
  <si>
    <t>地域ぐるみ除雪車(作道)_作道コミュニティセンター</t>
  </si>
  <si>
    <t>同報系　親局設備_デジタル防災行政無線（市内全域）</t>
  </si>
  <si>
    <t>移動系　統制局設備_デジタル防災行政無線（市内全域）</t>
  </si>
  <si>
    <t>屋外拡声子局設備_デジタル防災行政無線（市内全域）</t>
  </si>
  <si>
    <t>総合防災情報システム_デジタル防災行政無線（市内全域）</t>
  </si>
  <si>
    <t>マルチデバイス（災対本部映像視聴設備）_デジタル防災行政無線（市内全域）</t>
  </si>
  <si>
    <t>遠隔監視カメラ（カメラ・視聴設備）_デジタル防災行政無線（市内全域）</t>
  </si>
  <si>
    <t>その他カメラ（スマートテレキャスター）_デジタル防災行政無線（市内全域）</t>
  </si>
  <si>
    <t>コミュニティＦＭ連携_デジタル防災行政無線（市内全域）</t>
  </si>
  <si>
    <t>同報系　遠隔制御局_デジタル防災行政無線（市内全域）</t>
  </si>
  <si>
    <t>移動系　副統制局設備_デジタル防災行政無線（市内全域）</t>
  </si>
  <si>
    <t>移動系　遠隔制御局設備_デジタル防災行政無線（市内全域）</t>
  </si>
  <si>
    <t>屋外拡声子局（標準局）設備_デジタル防災行政無線（市内全域）</t>
  </si>
  <si>
    <t>屋外拡声子局（サイレン局）設備_デジタル防災行政無線（市内全域）</t>
  </si>
  <si>
    <t>屋外拡声子局（サイレン局＋カメラ）設備_デジタル防災行政無線（市内全域）</t>
  </si>
  <si>
    <t>屋外拡声子局（既設柱17.4ｍ利用）設備_デジタル防災行政無線（市内全域）</t>
  </si>
  <si>
    <t>屋外拡声子局（既設柱21.6ｍ利用）設備_デジタル防災行政無線（市内全域）</t>
  </si>
  <si>
    <t>遠隔監視カメラ_デジタル防災行政無線（市内全域）</t>
  </si>
  <si>
    <t>携帯型無線機（空中線あり）_デジタル防災行政無線（市内全域）</t>
  </si>
  <si>
    <t>携帯型無線機（空中線なし）_デジタル防災行政無線（市内全域）</t>
  </si>
  <si>
    <t>車載形無線機_デジタル防災行政無線（市内全域）</t>
  </si>
  <si>
    <t>食器食缶洗浄機_片口保育園</t>
  </si>
  <si>
    <t>電動缶切機_片口保育園</t>
  </si>
  <si>
    <t>その他これに類するもの_片口保育園</t>
  </si>
  <si>
    <t>片口保育園　保育室エアコン_片口保育園</t>
  </si>
  <si>
    <t>業務用食器洗浄機_片口保育園</t>
  </si>
  <si>
    <t>小杉小学校スクールバスの購入</t>
  </si>
  <si>
    <t>半自動式除細動器</t>
  </si>
  <si>
    <t>衆議院議員総選挙及び最高裁判所裁判官国民審査における投票用紙読取分類機増設部</t>
  </si>
  <si>
    <t>隊員搬送車</t>
  </si>
  <si>
    <t>電動カート（2台）</t>
  </si>
  <si>
    <t>コンテナ脱着式ダンプ車</t>
  </si>
  <si>
    <t>消防ポンプ自動車（ＣＤ－Ｉ型）消防団用</t>
  </si>
  <si>
    <t>フラワーパーク沖塚原　パークゴルフ場用芝管理のための小型乗用式芝刈り機</t>
  </si>
  <si>
    <t>消防ポンプ自動車（ＣＤ－Ｉ型）</t>
  </si>
  <si>
    <t>ミニタイヤショベル0.4?級（2台）</t>
  </si>
  <si>
    <t>ハンドガイド式小型除雪機 (1台)</t>
  </si>
  <si>
    <t>消防自動車（化学消防車を含む）_消防団　放生津分団屯所</t>
  </si>
  <si>
    <t>消防自動車（化学消防車を含む）_消防団　新湊分団屯所</t>
  </si>
  <si>
    <t>消防自動車（化学消防車を含む）_消防団　片口分団屯所</t>
  </si>
  <si>
    <t>消防自動車（化学消防車を含む）_消防団　本江分団屯所</t>
  </si>
  <si>
    <t>消防ポンプ自動車（CD-Ⅰ型）作道分団_消防団　旧作道分団屯所</t>
  </si>
  <si>
    <t>除細動器（ＡＥＤ）_新湊消防署　東部出張所</t>
  </si>
  <si>
    <t>車載無線機_新湊消防署　東部出張所</t>
  </si>
  <si>
    <t>車載ＡＶＭ装置_新湊消防署　東部出張所</t>
  </si>
  <si>
    <t>その他の防災用具_新湊消防署　東部出張所</t>
  </si>
  <si>
    <t>消防自動車（化学消防車を含む）_新湊消防署　東部出張所</t>
  </si>
  <si>
    <t>大型化学高所放水車（いすゞギガ 富山800は425）売買代金</t>
  </si>
  <si>
    <t>消防自動車（化学消防車を含む）_消防団　庄西分団屯所</t>
  </si>
  <si>
    <t>消防自動車（化学消防車を含む）_消防団　七美分団屯所</t>
  </si>
  <si>
    <t>消防ポンプ自動車　塚原分団　富山800す4176_消防団　塚原分団屯所</t>
  </si>
  <si>
    <t>テレビ_大門総合会館</t>
  </si>
  <si>
    <t>拡声装置_大門総合会館</t>
  </si>
  <si>
    <t>蓄電器_大門総合会館</t>
  </si>
  <si>
    <t>ピアノ_大門総合会館</t>
  </si>
  <si>
    <t>消防自動車（化学消防車を含む）_消防団　堀岡分団屯所</t>
  </si>
  <si>
    <t>電気三輪自動車_旧新湊庁舎・旧新湊消防署</t>
  </si>
  <si>
    <t>キッチンカー_旧新湊庁舎・旧新湊消防署</t>
  </si>
  <si>
    <t>体表温度検知カメラシステム_旧新湊庁舎・旧新湊消防署</t>
  </si>
  <si>
    <t>体表温度検知カメラシステム（録画機能付き）_旧新湊庁舎・旧新湊消防署</t>
  </si>
  <si>
    <t>プリンタ_新湊交流会館</t>
  </si>
  <si>
    <t>その他これに類するもの_下地区センター</t>
  </si>
  <si>
    <t>プールロボット_下地区センター</t>
  </si>
  <si>
    <t>会計機_下地区センター</t>
  </si>
  <si>
    <t>普通乗用自動車_下地区センター</t>
  </si>
  <si>
    <t>普通貨物自動車_下地区センター</t>
  </si>
  <si>
    <t>舟艇_下地区センター</t>
  </si>
  <si>
    <t>日本画_下地区センター</t>
  </si>
  <si>
    <t>金庫_下地区センター</t>
  </si>
  <si>
    <t>書架_下地区センター</t>
  </si>
  <si>
    <t>射水市小中学校教職員用コンピュータシステムサーバ機器等賃貸借　一式_下地区センター</t>
  </si>
  <si>
    <t>教職員用コンピュータシステムクライアント機器賃貸借　一式_下地区センター</t>
  </si>
  <si>
    <t>教職員用及び内部事務用クライアント機器一式_下地区センター</t>
  </si>
  <si>
    <t>防犯セキュリティシステム機器一式_下地区センター</t>
  </si>
  <si>
    <t>防犯カメラ機器一式賃貸借_下地区センター</t>
  </si>
  <si>
    <t>防犯カメラ機器一式賃貸借（その２）_下地区センター</t>
  </si>
  <si>
    <t>パソコン教室用クライアント機器一式賃貸借_下地区センター</t>
  </si>
  <si>
    <t>環境成分測定器_堀岡大気汚染常時観測局</t>
  </si>
  <si>
    <t>風向風速計_堀岡大気汚染常時観測局</t>
  </si>
  <si>
    <t>撮影用ライト_新湊博物館</t>
  </si>
  <si>
    <t>その他これに類するもの_新湊博物館</t>
  </si>
  <si>
    <t>日本画_新湊博物館</t>
  </si>
  <si>
    <t>陶磁器_新湊博物館</t>
  </si>
  <si>
    <t>小杉焼等_新湊博物館</t>
  </si>
  <si>
    <t>歩道除雪機_道の駅「新湊」</t>
  </si>
  <si>
    <t>可搬式ポンプ_消防団　二口分団屯所</t>
  </si>
  <si>
    <t>消防自動車（化学消防車を含む）_消防団　二口分団屯所</t>
  </si>
  <si>
    <t>普通貨物自動車_衛生センター</t>
  </si>
  <si>
    <t>その他これに類するもの_衛生センター</t>
  </si>
  <si>
    <t>小型貨物自動車（トヨタダイナ）_衛生センター</t>
  </si>
  <si>
    <t>スベリ台_大島つばさ保育園</t>
  </si>
  <si>
    <t>その他これに類するもの_大島つばさ保育園</t>
  </si>
  <si>
    <t>その他これに類するもの_大島絵本館</t>
  </si>
  <si>
    <t>券売機_大島絵本館</t>
  </si>
  <si>
    <t>カラオケ_大島農村環境改善センター</t>
  </si>
  <si>
    <t>スピーカ・アンプ類_大島農村環境改善センター</t>
  </si>
  <si>
    <t>複写機_大島農村環境改善センター</t>
  </si>
  <si>
    <t>その他のフットネス用具_農村公園整備事業（大門コミュニティセントー）</t>
  </si>
  <si>
    <t>その他これに類するもの_新湊農村環境改善センター</t>
  </si>
  <si>
    <t>陶芸用具_新湊農村環境改善センター</t>
  </si>
  <si>
    <t>書庫・戸棚（金属製）_クリーンピア射水</t>
  </si>
  <si>
    <t>普通貨物自動車_ミライクル館</t>
  </si>
  <si>
    <t>ホイルローダ_ミライクル館</t>
  </si>
  <si>
    <t>フォークリフト_ミライクル館</t>
  </si>
  <si>
    <t>炭焼き器_ミライクル館</t>
  </si>
  <si>
    <t>その他これに類するもの_ミライクル館</t>
  </si>
  <si>
    <t>風力発電実験器_ミライクル館</t>
  </si>
  <si>
    <t>大型特殊自動車_野手埋立処分所</t>
  </si>
  <si>
    <t>集草装置付き乗用芝刈り機_万葉パークゴルフ場</t>
  </si>
  <si>
    <t>競泳用自動審判計時システム_海竜スポーツランド</t>
  </si>
  <si>
    <t>トレッドミル_海竜スポーツランド</t>
  </si>
  <si>
    <t>その他これに類するもの_保健センター</t>
  </si>
  <si>
    <t>普通貨物自動車_保健センター</t>
  </si>
  <si>
    <t>普通乗用自動車_保健センター</t>
  </si>
  <si>
    <t>軽四輪自動車_保健センター</t>
  </si>
  <si>
    <t>小型乗用自動車（ニッサンアベニール）_保健センター</t>
  </si>
  <si>
    <t>小型貨物自動車（ニッサンADバン）_保健センター</t>
  </si>
  <si>
    <t>除細動器（ＡＥＤ）_新湊消防署</t>
  </si>
  <si>
    <t>救助用簡易起重機_新湊消防署</t>
  </si>
  <si>
    <t>車載無線機_新湊消防署</t>
  </si>
  <si>
    <t>その他の防災用具_新湊消防署</t>
  </si>
  <si>
    <t>その他これに類するもの_新湊消防署</t>
  </si>
  <si>
    <t>マイクロバス_新湊消防署</t>
  </si>
  <si>
    <t>隊員搬送車(25人乗り)（富山22 に1933）売買代金</t>
  </si>
  <si>
    <t>消防自動車（化学消防車を含む）_新湊消防署</t>
  </si>
  <si>
    <t>消防ポンプ自動車CD-1①（いすゞエルフ 富山800さ4153）売買代金</t>
  </si>
  <si>
    <t>救急自動車_新湊消防署</t>
  </si>
  <si>
    <t>ゴムボート_新湊消防署</t>
  </si>
  <si>
    <t>食器食缶洗浄機_大門きらら保育園</t>
  </si>
  <si>
    <t>食器保管庫（消毒器含む）_大門きらら保育園</t>
  </si>
  <si>
    <t>冷蔵庫、冷凍庫_大門きらら保育園</t>
  </si>
  <si>
    <t>焼物器_大門きらら保育園</t>
  </si>
  <si>
    <t>エアコン_下村保育園</t>
  </si>
  <si>
    <t>時計_下村馬事公園</t>
  </si>
  <si>
    <t>普通貨物自動車_大島分庁舎</t>
  </si>
  <si>
    <t>普通乗用自動車_大島分庁舎</t>
  </si>
  <si>
    <t>軽四輪自動車_大島分庁舎</t>
  </si>
  <si>
    <t>会計機_大島分庁舎</t>
  </si>
  <si>
    <t>日本画_大島分庁舎</t>
  </si>
  <si>
    <t>ファイリングキャビネット_大島分庁舎</t>
  </si>
  <si>
    <t>ミニタイヤショベル0.4㎥級×2台　射水市あ2507、2506_大島分庁舎</t>
  </si>
  <si>
    <t>ハンドガイド式小型除雪機2016H28-1_大島分庁舎</t>
  </si>
  <si>
    <t>ハンドガイド式小型除雪機2016H28-2_大島分庁舎</t>
  </si>
  <si>
    <t>小型貨物自動車（トヨタライトエース）_大島分庁舎</t>
  </si>
  <si>
    <t>除雪用ミニタイヤショベル（0.4㎥級）_大島分庁舎</t>
  </si>
  <si>
    <t>ハンドガイド式小型除雪機（除雪幅1100mm）_大島分庁舎</t>
  </si>
  <si>
    <t>ミニタイヤショベル0.4㎥級×2台　射水市あ3766、3767_大島分庁舎</t>
  </si>
  <si>
    <t>ハンドガイド式小型除雪機（2019R1-1）_大島分庁舎</t>
  </si>
  <si>
    <t>ハンドガイド式小型除雪機（2019R1-2）_大島分庁舎</t>
  </si>
  <si>
    <t>ハンドガイド式小型除雪機（2019R1-3）_大島分庁舎</t>
  </si>
  <si>
    <t>ハンドガイド式小型除雪機_大島分庁舎</t>
  </si>
  <si>
    <t>ミニタイヤショベル0.4㎥級×2台_大島分庁舎</t>
  </si>
  <si>
    <t>消防ポンプ自動車 大島分団 富山800す4175_消防団　大島分団屯所</t>
  </si>
  <si>
    <t>消防自動車（化学消防車を含む）_消防団　下分団屯所</t>
  </si>
  <si>
    <t>消防ポンプ自動車（CD-Ⅰ型）消防団用（富山800す4788）_消防団　下分団屯所</t>
  </si>
  <si>
    <t>その他これに類するもの_大島体育館</t>
  </si>
  <si>
    <t>鋳金_大島体育館</t>
  </si>
  <si>
    <t>パソコン_大島体育館</t>
  </si>
  <si>
    <t>券売機_大島体育館</t>
  </si>
  <si>
    <t>書庫・戸棚（金属製）_橋下条コミュニティセンター</t>
  </si>
  <si>
    <t>地域ぐるみ除雪車(黒河)_黒河コミュニティセンター</t>
  </si>
  <si>
    <t>その他これに類するもの_陶房「匠の里」</t>
  </si>
  <si>
    <t>陶芸用具_陶房「匠の里」</t>
  </si>
  <si>
    <t>陶房「匠の里」電気陶芸窯温度制御盤_陶房「匠の里」</t>
  </si>
  <si>
    <t>陶房「匠の里」電気陶芸窯_陶房「匠の里」</t>
  </si>
  <si>
    <t>エアコン_大門総合体育館</t>
  </si>
  <si>
    <t>消防ポンプ自動車（CD-Ⅰ型）消防団用（富山800す4787）_消防団　大門分団屯所</t>
  </si>
  <si>
    <t>全館案内板_中央図書館</t>
  </si>
  <si>
    <t>普通貨物自動車_中央図書館</t>
  </si>
  <si>
    <t>図書館システム機器等賃貸借_中央図書館</t>
  </si>
  <si>
    <t>ハンドル式移動書架_中央図書館</t>
  </si>
  <si>
    <t>図書消毒機_中央図書館</t>
  </si>
  <si>
    <t>サーバ_中央図書館</t>
  </si>
  <si>
    <t>野菜裁断機_大門小学校</t>
  </si>
  <si>
    <t>食器保管庫（消毒器含む）_大門小学校</t>
  </si>
  <si>
    <t>冷蔵庫、冷凍庫_大門小学校</t>
  </si>
  <si>
    <t>電子式複写黒板_大門小学校</t>
  </si>
  <si>
    <t>その他パソコン関係類_大門小学校</t>
  </si>
  <si>
    <t>真空冷却機（学校給食用）_大門小学校</t>
  </si>
  <si>
    <t>大型バス（30人以上）_大門わかば幼稚園</t>
  </si>
  <si>
    <t>可搬式ポンプ_消防団　大江分団屯所</t>
  </si>
  <si>
    <t>消防自動車（化学消防車を含む）_消防団　大江分団屯所</t>
  </si>
  <si>
    <t>テレビ_消防本部・射水消防署</t>
  </si>
  <si>
    <t>無線機_消防本部・射水消防署</t>
  </si>
  <si>
    <t>その他これに類するもの_消防本部・射水消防署</t>
  </si>
  <si>
    <t>投光器・スポットライト_消防本部・射水消防署</t>
  </si>
  <si>
    <t>プロジェクター_消防本部・射水消防署</t>
  </si>
  <si>
    <t>可搬式ポンプ_消防本部・射水消防署</t>
  </si>
  <si>
    <t>ベッドサイドモニタ_消防本部・射水消防署</t>
  </si>
  <si>
    <t>救命ボート_消防本部・射水消防署</t>
  </si>
  <si>
    <t>マット型空気ジャッキ一式_消防本部・射水消防署</t>
  </si>
  <si>
    <t>油圧救助器具　電動ポンプ_消防本部・射水消防署</t>
  </si>
  <si>
    <t>コンクリート鉄筋切断用チェーンソー_消防本部・射水消防署</t>
  </si>
  <si>
    <t>エンジンカッター_消防本部・射水消防署</t>
  </si>
  <si>
    <t>救助用三脚・マンホール救助器具_消防本部・射水消防署</t>
  </si>
  <si>
    <t>救助用簡易起重機_消防本部・射水消防署</t>
  </si>
  <si>
    <t>救助用支柱器具_消防本部・射水消防署</t>
  </si>
  <si>
    <t>簡易画像探索機_消防本部・射水消防署</t>
  </si>
  <si>
    <t>熱画像探索機_消防本部・射水消防署</t>
  </si>
  <si>
    <t>はしご_消防本部・射水消防署</t>
  </si>
  <si>
    <t>車載無線機_消防本部・射水消防署</t>
  </si>
  <si>
    <t>緊急支援物品_消防本部・射水消防署</t>
  </si>
  <si>
    <t>その他の防災用具_消防本部・射水消防署</t>
  </si>
  <si>
    <t>消防自動車（化学消防車を含む）_消防本部・射水消防署</t>
  </si>
  <si>
    <t>救急自動車_消防本部・射水消防署</t>
  </si>
  <si>
    <t>コンプレッサー_消防本部・射水消防署</t>
  </si>
  <si>
    <t>その他のフットネス用具_消防本部・射水消防署</t>
  </si>
  <si>
    <t>高機能消防指令センター機器賃貸借_消防本部・射水消防署</t>
  </si>
  <si>
    <t>消防本部　統合型位置情報通知システム（更新）_消防本部・射水消防署</t>
  </si>
  <si>
    <t>消防査察車_消防本部・射水消防署</t>
  </si>
  <si>
    <t>30m級はしご付消防車_消防本部・射水消防署</t>
  </si>
  <si>
    <t>消防車（日野　射水３）_消防本部・射水消防署</t>
  </si>
  <si>
    <t>消防車（マツダボンゴ）_消防本部・射水消防署</t>
  </si>
  <si>
    <t>消防車（日野(支援車1)）_消防本部・射水消防署</t>
  </si>
  <si>
    <t>消防車（いすず（消防団資機材搭載車）)_消防本部・射水消防署</t>
  </si>
  <si>
    <t>消防資機材搬送車_消防本部・射水消防署</t>
  </si>
  <si>
    <t>消防査察車　富山800す3834_消防本部・射水消防署</t>
  </si>
  <si>
    <t>化学消防ポンプ自動車 富山800は1870_消防本部・射水消防署</t>
  </si>
  <si>
    <t>災害対応特殊救急自動車　高度救命処置用資機材（半自動除細動器分）_消防本部・射水消防署</t>
  </si>
  <si>
    <t>災害対応特殊救急自動車　高度救命処置用資機材_消防本部・射水消防署</t>
  </si>
  <si>
    <t>特殊災害対応資機材_消防本部・射水消防署</t>
  </si>
  <si>
    <t>消防ポンプ自動車（CD-Ⅰ型）_消防本部・射水消防署</t>
  </si>
  <si>
    <t>ベッドサイドモニター_消防本部・射水消防署</t>
  </si>
  <si>
    <t>半自動式除細動器_消防本部・射水消防署</t>
  </si>
  <si>
    <t>高規格救急自動車（富山800す4745）_消防本部・射水消防署</t>
  </si>
  <si>
    <t>泡原液搬送車（富山800は2022）_消防本部・射水消防署</t>
  </si>
  <si>
    <t>オゾン発生装置_消防本部・射水消防署</t>
  </si>
  <si>
    <t>高度救急処置訓練人形_消防本部・射水消防署</t>
  </si>
  <si>
    <t>大型化学高所放水車_消防本部・射水消防署</t>
  </si>
  <si>
    <t>高規格救急自動車（富山800す5357）_消防本部・射水消防署</t>
  </si>
  <si>
    <t>音響・放送装置_</t>
  </si>
  <si>
    <t>プロジェクター_</t>
  </si>
  <si>
    <t>発電機_</t>
  </si>
  <si>
    <t>暗幕・展示幕・天幕_</t>
  </si>
  <si>
    <t>文書・地図類_</t>
  </si>
  <si>
    <t>財産区分</t>
    <phoneticPr fontId="2"/>
  </si>
  <si>
    <r>
      <rPr>
        <sz val="11"/>
        <color rgb="FF000000"/>
        <rFont val="ＭＳ Ｐゴシック"/>
        <family val="3"/>
        <charset val="128"/>
        <scheme val="minor"/>
      </rPr>
      <t>富山県射水市八幡町</t>
    </r>
    <r>
      <rPr>
        <sz val="11"/>
        <color rgb="FF000000"/>
        <rFont val="Calibri"/>
        <family val="2"/>
        <scheme val="minor"/>
      </rPr>
      <t>3</t>
    </r>
    <r>
      <rPr>
        <sz val="11"/>
        <color rgb="FF000000"/>
        <rFont val="ＭＳ Ｐゴシック"/>
        <family val="3"/>
        <charset val="128"/>
        <scheme val="minor"/>
      </rPr>
      <t>丁目</t>
    </r>
    <r>
      <rPr>
        <sz val="11"/>
        <color rgb="FF000000"/>
        <rFont val="Calibri"/>
        <family val="2"/>
        <scheme val="minor"/>
      </rPr>
      <t>14</t>
    </r>
    <r>
      <rPr>
        <sz val="11"/>
        <color rgb="FF000000"/>
        <rFont val="ＭＳ Ｐゴシック"/>
        <family val="3"/>
        <charset val="128"/>
        <scheme val="minor"/>
      </rPr>
      <t>番</t>
    </r>
    <r>
      <rPr>
        <sz val="11"/>
        <color rgb="FFFF0000"/>
        <rFont val="Calibri"/>
        <family val="2"/>
      </rPr>
      <t>29</t>
    </r>
    <r>
      <rPr>
        <sz val="11"/>
        <color rgb="FF000000"/>
        <rFont val="ＭＳ Ｐゴシック"/>
        <family val="3"/>
        <charset val="128"/>
        <scheme val="minor"/>
      </rPr>
      <t>号</t>
    </r>
    <phoneticPr fontId="2"/>
  </si>
  <si>
    <t>資産名称</t>
    <rPh sb="0" eb="4">
      <t>シサンメイショウ</t>
    </rPh>
    <phoneticPr fontId="9"/>
  </si>
  <si>
    <t>帳簿価格</t>
    <rPh sb="0" eb="4">
      <t>チョウボカカク</t>
    </rPh>
    <phoneticPr fontId="9"/>
  </si>
  <si>
    <t>（延床）面積</t>
    <rPh sb="1" eb="3">
      <t>ノベユカ</t>
    </rPh>
    <rPh sb="4" eb="6">
      <t>メンセキ</t>
    </rPh>
    <phoneticPr fontId="2"/>
  </si>
  <si>
    <t>建物所在地</t>
    <rPh sb="0" eb="2">
      <t>タテモノ</t>
    </rPh>
    <phoneticPr fontId="2"/>
  </si>
  <si>
    <r>
      <rPr>
        <sz val="11"/>
        <rFont val="ＭＳ ゴシック"/>
        <family val="3"/>
        <charset val="128"/>
      </rPr>
      <t>いみず</t>
    </r>
    <r>
      <rPr>
        <sz val="11"/>
        <rFont val="游ゴシック"/>
        <family val="3"/>
        <charset val="128"/>
      </rPr>
      <t>市民交流プラザ</t>
    </r>
    <rPh sb="3" eb="5">
      <t>シミン</t>
    </rPh>
    <rPh sb="5" eb="7">
      <t>コウリュウ</t>
    </rPh>
    <phoneticPr fontId="2"/>
  </si>
  <si>
    <r>
      <t>埋蔵文化財</t>
    </r>
    <r>
      <rPr>
        <sz val="11"/>
        <rFont val="ＭＳ ゴシック"/>
        <family val="3"/>
        <charset val="128"/>
        <scheme val="minor"/>
      </rPr>
      <t>センター</t>
    </r>
    <rPh sb="0" eb="5">
      <t>マイブン</t>
    </rPh>
    <phoneticPr fontId="2"/>
  </si>
  <si>
    <r>
      <rPr>
        <sz val="11"/>
        <color rgb="FF000000"/>
        <rFont val="ＭＳ ゴシック"/>
        <family val="3"/>
        <charset val="128"/>
        <scheme val="minor"/>
      </rPr>
      <t>富山県射水市太閤山</t>
    </r>
    <r>
      <rPr>
        <sz val="11"/>
        <color rgb="FF000000"/>
        <rFont val="Calibri"/>
        <family val="2"/>
        <scheme val="minor"/>
      </rPr>
      <t>1</t>
    </r>
    <r>
      <rPr>
        <sz val="11"/>
        <color rgb="FF000000"/>
        <rFont val="ＭＳ ゴシック"/>
        <family val="3"/>
        <charset val="128"/>
        <scheme val="minor"/>
      </rPr>
      <t>丁目</t>
    </r>
    <r>
      <rPr>
        <sz val="11"/>
        <color rgb="FF000000"/>
        <rFont val="Calibri"/>
        <family val="2"/>
        <scheme val="minor"/>
      </rPr>
      <t>19</t>
    </r>
    <phoneticPr fontId="9"/>
  </si>
  <si>
    <r>
      <rPr>
        <sz val="11"/>
        <color rgb="FF000000"/>
        <rFont val="ＭＳ ゴシック"/>
        <family val="3"/>
        <charset val="128"/>
        <scheme val="minor"/>
      </rPr>
      <t>富山県射水市中太閤山</t>
    </r>
    <r>
      <rPr>
        <sz val="11"/>
        <color rgb="FF000000"/>
        <rFont val="Calibri"/>
        <family val="2"/>
        <scheme val="minor"/>
      </rPr>
      <t>11</t>
    </r>
    <r>
      <rPr>
        <sz val="11"/>
        <color rgb="FF000000"/>
        <rFont val="ＭＳ ゴシック"/>
        <family val="3"/>
        <charset val="128"/>
        <scheme val="minor"/>
      </rPr>
      <t>丁目</t>
    </r>
    <r>
      <rPr>
        <sz val="11"/>
        <color rgb="FF000000"/>
        <rFont val="Calibri"/>
        <family val="2"/>
        <scheme val="minor"/>
      </rPr>
      <t>3</t>
    </r>
    <r>
      <rPr>
        <sz val="11"/>
        <color rgb="FF000000"/>
        <rFont val="ＭＳ ゴシック"/>
        <family val="3"/>
        <charset val="128"/>
        <scheme val="minor"/>
      </rPr>
      <t>番地</t>
    </r>
    <phoneticPr fontId="9"/>
  </si>
  <si>
    <r>
      <rPr>
        <sz val="11"/>
        <color rgb="FF000000"/>
        <rFont val="ＭＳ ゴシック"/>
        <family val="3"/>
        <charset val="128"/>
        <scheme val="minor"/>
      </rPr>
      <t>富山県射水市中太閤山</t>
    </r>
    <r>
      <rPr>
        <sz val="11"/>
        <color rgb="FF000000"/>
        <rFont val="Calibri"/>
        <family val="2"/>
        <scheme val="minor"/>
      </rPr>
      <t>13</t>
    </r>
    <r>
      <rPr>
        <sz val="11"/>
        <color rgb="FF000000"/>
        <rFont val="ＭＳ ゴシック"/>
        <family val="3"/>
        <charset val="128"/>
        <scheme val="minor"/>
      </rPr>
      <t>丁目</t>
    </r>
    <r>
      <rPr>
        <sz val="11"/>
        <color rgb="FF000000"/>
        <rFont val="Calibri"/>
        <family val="2"/>
        <scheme val="minor"/>
      </rPr>
      <t>3</t>
    </r>
    <r>
      <rPr>
        <sz val="11"/>
        <color rgb="FF000000"/>
        <rFont val="ＭＳ ゴシック"/>
        <family val="3"/>
        <charset val="128"/>
        <scheme val="minor"/>
      </rPr>
      <t>番地</t>
    </r>
    <phoneticPr fontId="9"/>
  </si>
  <si>
    <r>
      <rPr>
        <sz val="11"/>
        <color rgb="FF000000"/>
        <rFont val="ＭＳ ゴシック"/>
        <family val="3"/>
        <charset val="128"/>
        <scheme val="minor"/>
      </rPr>
      <t>射水市射水町一丁目</t>
    </r>
    <r>
      <rPr>
        <sz val="11"/>
        <color rgb="FF000000"/>
        <rFont val="Calibri"/>
        <family val="2"/>
        <scheme val="minor"/>
      </rPr>
      <t>17</t>
    </r>
    <r>
      <rPr>
        <sz val="11"/>
        <color rgb="FF000000"/>
        <rFont val="ＭＳ ゴシック"/>
        <family val="3"/>
        <charset val="128"/>
        <scheme val="minor"/>
      </rPr>
      <t>番地</t>
    </r>
    <phoneticPr fontId="9"/>
  </si>
  <si>
    <r>
      <t>いみず市民交流プラザ</t>
    </r>
    <r>
      <rPr>
        <sz val="11"/>
        <rFont val="ＭＳ ゴシック"/>
        <family val="3"/>
        <charset val="128"/>
        <scheme val="minor"/>
      </rPr>
      <t>駐車場</t>
    </r>
    <phoneticPr fontId="2"/>
  </si>
  <si>
    <r>
      <t>いみず市民交流プラザ</t>
    </r>
    <r>
      <rPr>
        <sz val="11"/>
        <rFont val="ＭＳ ゴシック"/>
        <family val="3"/>
        <charset val="128"/>
        <scheme val="minor"/>
      </rPr>
      <t>駐車場外灯整備等</t>
    </r>
    <phoneticPr fontId="2"/>
  </si>
  <si>
    <r>
      <t>いみず市民交流プラザ</t>
    </r>
    <r>
      <rPr>
        <sz val="11"/>
        <rFont val="ＭＳ ゴシック"/>
        <family val="3"/>
        <charset val="128"/>
        <scheme val="minor"/>
      </rPr>
      <t>花壇</t>
    </r>
    <phoneticPr fontId="2"/>
  </si>
  <si>
    <r>
      <rPr>
        <sz val="11"/>
        <rFont val="Calibri"/>
        <family val="2"/>
        <scheme val="minor"/>
      </rPr>
      <t>普通貨物自動車_下地区センター</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0_);[Red]\(0.00\)"/>
    <numFmt numFmtId="177" formatCode="[$-411]ggge&quot;年&quot;m&quot;月&quot;d&quot;日&quot;;@"/>
  </numFmts>
  <fonts count="16">
    <font>
      <sz val="11"/>
      <color rgb="FF000000"/>
      <name val="Calibri"/>
      <family val="2"/>
      <scheme val="minor"/>
    </font>
    <font>
      <sz val="11"/>
      <color rgb="FF000000"/>
      <name val="Calibri"/>
      <family val="2"/>
    </font>
    <font>
      <sz val="6"/>
      <name val="Tsukushi A Round Gothic Bold"/>
      <family val="3"/>
      <charset val="128"/>
      <scheme val="minor"/>
    </font>
    <font>
      <sz val="11"/>
      <color rgb="FF000000"/>
      <name val="ＭＳ ゴシック"/>
      <family val="3"/>
      <charset val="128"/>
    </font>
    <font>
      <sz val="11"/>
      <color rgb="FFFF0000"/>
      <name val="Calibri"/>
      <family val="2"/>
    </font>
    <font>
      <sz val="11"/>
      <color rgb="FF000000"/>
      <name val="ＭＳ Ｐゴシック"/>
      <family val="3"/>
      <charset val="128"/>
      <scheme val="minor"/>
    </font>
    <font>
      <sz val="11"/>
      <color rgb="FF000000"/>
      <name val="ＭＳ ゴシック"/>
      <family val="2"/>
      <charset val="128"/>
    </font>
    <font>
      <sz val="11"/>
      <color rgb="FF000000"/>
      <name val="ＭＳ ゴシック"/>
      <family val="3"/>
      <charset val="128"/>
      <scheme val="minor"/>
    </font>
    <font>
      <sz val="11"/>
      <name val="ＭＳ ゴシック"/>
      <family val="3"/>
      <charset val="128"/>
    </font>
    <font>
      <sz val="6"/>
      <name val="ＭＳ Ｐゴシック"/>
      <family val="3"/>
      <charset val="128"/>
      <scheme val="minor"/>
    </font>
    <font>
      <sz val="11"/>
      <name val="Calibri"/>
      <family val="3"/>
      <charset val="128"/>
    </font>
    <font>
      <sz val="11"/>
      <name val="游ゴシック"/>
      <family val="3"/>
      <charset val="128"/>
    </font>
    <font>
      <sz val="11"/>
      <name val="ＭＳ ゴシック"/>
      <family val="3"/>
      <charset val="128"/>
      <scheme val="minor"/>
    </font>
    <font>
      <sz val="11"/>
      <color rgb="FF000000"/>
      <name val="Calibri"/>
      <family val="3"/>
      <charset val="128"/>
      <scheme val="minor"/>
    </font>
    <font>
      <sz val="11"/>
      <name val="Calibri"/>
      <family val="2"/>
      <scheme val="minor"/>
    </font>
    <font>
      <sz val="11"/>
      <name val="Calibri"/>
      <family val="2"/>
    </font>
  </fonts>
  <fills count="3">
    <fill>
      <patternFill patternType="none"/>
    </fill>
    <fill>
      <patternFill patternType="gray125"/>
    </fill>
    <fill>
      <patternFill patternType="solid">
        <fgColor rgb="FFD7FED0"/>
      </patternFill>
    </fill>
  </fills>
  <borders count="2">
    <border>
      <left/>
      <right/>
      <top/>
      <bottom/>
      <diagonal/>
    </border>
    <border>
      <left style="thin">
        <color auto="1"/>
      </left>
      <right style="thin">
        <color auto="1"/>
      </right>
      <top style="thin">
        <color auto="1"/>
      </top>
      <bottom style="thin">
        <color auto="1"/>
      </bottom>
      <diagonal/>
    </border>
  </borders>
  <cellStyleXfs count="1">
    <xf numFmtId="0" fontId="0" fillId="0" borderId="0"/>
  </cellStyleXfs>
  <cellXfs count="28">
    <xf numFmtId="0" fontId="0" fillId="0" borderId="0" xfId="0"/>
    <xf numFmtId="0" fontId="1" fillId="2" borderId="1" xfId="0" applyFont="1" applyFill="1" applyBorder="1" applyAlignment="1">
      <alignment horizontal="center" vertical="center"/>
    </xf>
    <xf numFmtId="0" fontId="3" fillId="2" borderId="1" xfId="0" applyFont="1" applyFill="1" applyBorder="1" applyAlignment="1">
      <alignment horizontal="center" vertical="center"/>
    </xf>
    <xf numFmtId="177" fontId="1" fillId="2" borderId="1" xfId="0" applyNumberFormat="1" applyFont="1" applyFill="1" applyBorder="1" applyAlignment="1">
      <alignment horizontal="center" vertical="center"/>
    </xf>
    <xf numFmtId="0" fontId="6" fillId="2" borderId="1" xfId="0" applyFont="1" applyFill="1" applyBorder="1" applyAlignment="1">
      <alignment horizontal="center" vertical="center"/>
    </xf>
    <xf numFmtId="176" fontId="3" fillId="2" borderId="1" xfId="0" applyNumberFormat="1" applyFont="1" applyFill="1" applyBorder="1" applyAlignment="1">
      <alignment horizontal="center" vertical="center"/>
    </xf>
    <xf numFmtId="0" fontId="0" fillId="0" borderId="1" xfId="0" applyBorder="1"/>
    <xf numFmtId="177" fontId="1" fillId="0" borderId="1" xfId="0" applyNumberFormat="1" applyFont="1" applyBorder="1"/>
    <xf numFmtId="3" fontId="1" fillId="0" borderId="1" xfId="0" applyNumberFormat="1" applyFont="1" applyBorder="1"/>
    <xf numFmtId="176" fontId="0" fillId="0" borderId="1" xfId="0" applyNumberFormat="1" applyBorder="1"/>
    <xf numFmtId="176" fontId="4" fillId="0" borderId="1" xfId="0" applyNumberFormat="1" applyFont="1" applyBorder="1"/>
    <xf numFmtId="0" fontId="4" fillId="0" borderId="1" xfId="0" applyFont="1" applyBorder="1"/>
    <xf numFmtId="177" fontId="4" fillId="0" borderId="1" xfId="0" applyNumberFormat="1" applyFont="1" applyBorder="1"/>
    <xf numFmtId="0" fontId="0" fillId="0" borderId="0" xfId="0" applyBorder="1"/>
    <xf numFmtId="177" fontId="0" fillId="0" borderId="0" xfId="0" applyNumberFormat="1" applyBorder="1"/>
    <xf numFmtId="176" fontId="0" fillId="0" borderId="0" xfId="0" applyNumberFormat="1" applyBorder="1"/>
    <xf numFmtId="3" fontId="1" fillId="0" borderId="0" xfId="0" applyNumberFormat="1" applyFont="1" applyBorder="1"/>
    <xf numFmtId="0" fontId="4" fillId="0" borderId="0" xfId="0" applyFont="1" applyBorder="1"/>
    <xf numFmtId="0" fontId="8" fillId="2" borderId="1" xfId="0" applyFont="1" applyFill="1" applyBorder="1" applyAlignment="1">
      <alignment horizontal="center" vertical="center"/>
    </xf>
    <xf numFmtId="0" fontId="10" fillId="0" borderId="1" xfId="0" applyFont="1" applyBorder="1"/>
    <xf numFmtId="0" fontId="8" fillId="0" borderId="1" xfId="0" applyFont="1" applyBorder="1"/>
    <xf numFmtId="0" fontId="13" fillId="0" borderId="1" xfId="0" applyFont="1" applyBorder="1"/>
    <xf numFmtId="0" fontId="14" fillId="0" borderId="1" xfId="0" applyFont="1" applyBorder="1"/>
    <xf numFmtId="177" fontId="15" fillId="0" borderId="1" xfId="0" applyNumberFormat="1" applyFont="1" applyBorder="1"/>
    <xf numFmtId="3" fontId="15" fillId="0" borderId="1" xfId="0" applyNumberFormat="1" applyFont="1" applyBorder="1"/>
    <xf numFmtId="176" fontId="14" fillId="0" borderId="1" xfId="0" applyNumberFormat="1" applyFont="1" applyBorder="1"/>
    <xf numFmtId="0" fontId="15" fillId="0" borderId="1" xfId="0" applyFont="1" applyBorder="1"/>
    <xf numFmtId="176" fontId="15" fillId="0" borderId="1" xfId="0" applyNumberFormat="1" applyFont="1" applyBorder="1"/>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152158B-9B44-4205-A934-46CC95E0652F}">
  <sheetPr>
    <tabColor rgb="FF0000FF"/>
    <pageSetUpPr fitToPage="1"/>
  </sheetPr>
  <dimension ref="A1:L47605"/>
  <sheetViews>
    <sheetView tabSelected="1" zoomScaleNormal="93" workbookViewId="0">
      <pane ySplit="1" topLeftCell="A39353" activePane="bottomLeft" state="frozen"/>
      <selection pane="bottomLeft" activeCell="C39481" sqref="C39481"/>
    </sheetView>
  </sheetViews>
  <sheetFormatPr defaultColWidth="11.42578125" defaultRowHeight="15"/>
  <cols>
    <col min="1" max="4" width="25.7109375" style="13" customWidth="1"/>
    <col min="5" max="5" width="20.42578125" style="13" customWidth="1"/>
    <col min="6" max="6" width="20.7109375" style="14" customWidth="1"/>
    <col min="7" max="10" width="15.7109375" style="13" customWidth="1"/>
    <col min="11" max="11" width="10.7109375" style="15" customWidth="1"/>
    <col min="12" max="12" width="10.7109375" style="13" customWidth="1"/>
    <col min="13" max="13" width="11.42578125" style="13" customWidth="1"/>
    <col min="14" max="16384" width="11.42578125" style="13"/>
  </cols>
  <sheetData>
    <row r="1" spans="1:12">
      <c r="A1" s="4" t="s">
        <v>39166</v>
      </c>
      <c r="B1" s="1" t="s">
        <v>0</v>
      </c>
      <c r="C1" s="1" t="s">
        <v>1</v>
      </c>
      <c r="D1" s="18" t="s">
        <v>39169</v>
      </c>
      <c r="E1" s="2" t="s">
        <v>39164</v>
      </c>
      <c r="F1" s="3" t="s">
        <v>2</v>
      </c>
      <c r="G1" s="1" t="s">
        <v>3</v>
      </c>
      <c r="H1" s="1" t="s">
        <v>4</v>
      </c>
      <c r="I1" s="1" t="s">
        <v>5</v>
      </c>
      <c r="J1" s="4" t="s">
        <v>39167</v>
      </c>
      <c r="K1" s="5" t="s">
        <v>39168</v>
      </c>
      <c r="L1" s="1" t="s">
        <v>6</v>
      </c>
    </row>
    <row r="2" spans="1:12">
      <c r="A2" s="6" t="s">
        <v>7</v>
      </c>
      <c r="B2" s="6"/>
      <c r="C2" s="6" t="s">
        <v>8</v>
      </c>
      <c r="D2" s="6"/>
      <c r="E2" s="6" t="s">
        <v>9</v>
      </c>
      <c r="F2" s="7">
        <v>38657</v>
      </c>
      <c r="G2" s="8">
        <v>253291500</v>
      </c>
      <c r="H2" s="8">
        <v>253291500</v>
      </c>
      <c r="I2" s="8">
        <v>0</v>
      </c>
      <c r="J2" s="8">
        <v>253291500</v>
      </c>
      <c r="K2" s="9">
        <v>6579</v>
      </c>
      <c r="L2" s="6" t="s">
        <v>10</v>
      </c>
    </row>
    <row r="3" spans="1:12">
      <c r="A3" s="6" t="s">
        <v>7</v>
      </c>
      <c r="B3" s="6"/>
      <c r="C3" s="6" t="s">
        <v>11</v>
      </c>
      <c r="D3" s="6"/>
      <c r="E3" s="6" t="s">
        <v>9</v>
      </c>
      <c r="F3" s="7">
        <v>38657</v>
      </c>
      <c r="G3" s="8">
        <v>256015152</v>
      </c>
      <c r="H3" s="8">
        <v>256015152</v>
      </c>
      <c r="I3" s="8">
        <v>0</v>
      </c>
      <c r="J3" s="8">
        <v>256015152</v>
      </c>
      <c r="K3" s="9">
        <v>6938.08</v>
      </c>
      <c r="L3" s="6" t="s">
        <v>10</v>
      </c>
    </row>
    <row r="4" spans="1:12">
      <c r="A4" s="6" t="s">
        <v>12</v>
      </c>
      <c r="B4" s="6"/>
      <c r="C4" s="6" t="s">
        <v>13</v>
      </c>
      <c r="D4" s="6"/>
      <c r="E4" s="6" t="s">
        <v>9</v>
      </c>
      <c r="F4" s="7">
        <v>38657</v>
      </c>
      <c r="G4" s="8">
        <v>148248</v>
      </c>
      <c r="H4" s="8">
        <v>148248</v>
      </c>
      <c r="I4" s="8">
        <v>0</v>
      </c>
      <c r="J4" s="8">
        <v>148248</v>
      </c>
      <c r="K4" s="9">
        <v>29</v>
      </c>
      <c r="L4" s="6" t="s">
        <v>14</v>
      </c>
    </row>
    <row r="5" spans="1:12">
      <c r="A5" s="6" t="s">
        <v>12</v>
      </c>
      <c r="B5" s="6"/>
      <c r="C5" s="6" t="s">
        <v>15</v>
      </c>
      <c r="D5" s="6"/>
      <c r="E5" s="6" t="s">
        <v>9</v>
      </c>
      <c r="F5" s="7">
        <v>38657</v>
      </c>
      <c r="G5" s="8">
        <v>3108096</v>
      </c>
      <c r="H5" s="8">
        <v>3108096</v>
      </c>
      <c r="I5" s="8">
        <v>0</v>
      </c>
      <c r="J5" s="8">
        <v>3108096</v>
      </c>
      <c r="K5" s="9">
        <v>608</v>
      </c>
      <c r="L5" s="6" t="s">
        <v>14</v>
      </c>
    </row>
    <row r="6" spans="1:12">
      <c r="A6" s="6" t="s">
        <v>12</v>
      </c>
      <c r="B6" s="6"/>
      <c r="C6" s="6" t="s">
        <v>16</v>
      </c>
      <c r="D6" s="6"/>
      <c r="E6" s="6" t="s">
        <v>9</v>
      </c>
      <c r="F6" s="7">
        <v>38657</v>
      </c>
      <c r="G6" s="8">
        <v>2111256</v>
      </c>
      <c r="H6" s="8">
        <v>2111256</v>
      </c>
      <c r="I6" s="8">
        <v>0</v>
      </c>
      <c r="J6" s="8">
        <v>2111256</v>
      </c>
      <c r="K6" s="9">
        <v>413</v>
      </c>
      <c r="L6" s="6" t="s">
        <v>14</v>
      </c>
    </row>
    <row r="7" spans="1:12">
      <c r="A7" s="6" t="s">
        <v>12</v>
      </c>
      <c r="B7" s="6"/>
      <c r="C7" s="6" t="s">
        <v>17</v>
      </c>
      <c r="D7" s="6"/>
      <c r="E7" s="6" t="s">
        <v>9</v>
      </c>
      <c r="F7" s="7">
        <v>38657</v>
      </c>
      <c r="G7" s="8">
        <v>3159216</v>
      </c>
      <c r="H7" s="8">
        <v>3159216</v>
      </c>
      <c r="I7" s="8">
        <v>0</v>
      </c>
      <c r="J7" s="8">
        <v>3159216</v>
      </c>
      <c r="K7" s="9">
        <v>618</v>
      </c>
      <c r="L7" s="6" t="s">
        <v>14</v>
      </c>
    </row>
    <row r="8" spans="1:12">
      <c r="A8" s="6" t="s">
        <v>12</v>
      </c>
      <c r="B8" s="6"/>
      <c r="C8" s="6" t="s">
        <v>18</v>
      </c>
      <c r="D8" s="6"/>
      <c r="E8" s="6" t="s">
        <v>9</v>
      </c>
      <c r="F8" s="7">
        <v>38657</v>
      </c>
      <c r="G8" s="8">
        <v>3241008</v>
      </c>
      <c r="H8" s="8">
        <v>3241008</v>
      </c>
      <c r="I8" s="8">
        <v>0</v>
      </c>
      <c r="J8" s="8">
        <v>3241008</v>
      </c>
      <c r="K8" s="9">
        <v>634</v>
      </c>
      <c r="L8" s="6" t="s">
        <v>14</v>
      </c>
    </row>
    <row r="9" spans="1:12">
      <c r="A9" s="6" t="s">
        <v>12</v>
      </c>
      <c r="B9" s="6"/>
      <c r="C9" s="6" t="s">
        <v>19</v>
      </c>
      <c r="D9" s="6"/>
      <c r="E9" s="6" t="s">
        <v>9</v>
      </c>
      <c r="F9" s="7">
        <v>38657</v>
      </c>
      <c r="G9" s="8">
        <v>2090808</v>
      </c>
      <c r="H9" s="8">
        <v>2090808</v>
      </c>
      <c r="I9" s="8">
        <v>0</v>
      </c>
      <c r="J9" s="8">
        <v>2090808</v>
      </c>
      <c r="K9" s="9">
        <v>409</v>
      </c>
      <c r="L9" s="6" t="s">
        <v>14</v>
      </c>
    </row>
    <row r="10" spans="1:12">
      <c r="A10" s="6" t="s">
        <v>12</v>
      </c>
      <c r="B10" s="6"/>
      <c r="C10" s="6" t="s">
        <v>20</v>
      </c>
      <c r="D10" s="6"/>
      <c r="E10" s="6" t="s">
        <v>9</v>
      </c>
      <c r="F10" s="7">
        <v>38657</v>
      </c>
      <c r="G10" s="8">
        <v>1482480</v>
      </c>
      <c r="H10" s="8">
        <v>1482480</v>
      </c>
      <c r="I10" s="8">
        <v>0</v>
      </c>
      <c r="J10" s="8">
        <v>1482480</v>
      </c>
      <c r="K10" s="9">
        <v>290</v>
      </c>
      <c r="L10" s="6" t="s">
        <v>14</v>
      </c>
    </row>
    <row r="11" spans="1:12">
      <c r="A11" s="6" t="s">
        <v>21</v>
      </c>
      <c r="B11" s="6"/>
      <c r="C11" s="6" t="s">
        <v>22</v>
      </c>
      <c r="D11" s="6"/>
      <c r="E11" s="6" t="s">
        <v>9</v>
      </c>
      <c r="F11" s="7">
        <v>38657</v>
      </c>
      <c r="G11" s="8">
        <v>153360</v>
      </c>
      <c r="H11" s="8">
        <v>153360</v>
      </c>
      <c r="I11" s="8">
        <v>0</v>
      </c>
      <c r="J11" s="8">
        <v>153360</v>
      </c>
      <c r="K11" s="9">
        <v>30</v>
      </c>
      <c r="L11" s="6" t="s">
        <v>23</v>
      </c>
    </row>
    <row r="12" spans="1:12">
      <c r="A12" s="6" t="s">
        <v>21</v>
      </c>
      <c r="B12" s="6"/>
      <c r="C12" s="6" t="s">
        <v>24</v>
      </c>
      <c r="D12" s="6"/>
      <c r="E12" s="6" t="s">
        <v>9</v>
      </c>
      <c r="F12" s="7">
        <v>38657</v>
      </c>
      <c r="G12" s="8">
        <v>1278000</v>
      </c>
      <c r="H12" s="8">
        <v>1278000</v>
      </c>
      <c r="I12" s="8">
        <v>0</v>
      </c>
      <c r="J12" s="8">
        <v>1278000</v>
      </c>
      <c r="K12" s="9">
        <v>250</v>
      </c>
      <c r="L12" s="6" t="s">
        <v>23</v>
      </c>
    </row>
    <row r="13" spans="1:12">
      <c r="A13" s="6" t="s">
        <v>21</v>
      </c>
      <c r="B13" s="6"/>
      <c r="C13" s="6" t="s">
        <v>25</v>
      </c>
      <c r="D13" s="6"/>
      <c r="E13" s="6" t="s">
        <v>9</v>
      </c>
      <c r="F13" s="7">
        <v>38657</v>
      </c>
      <c r="G13" s="8">
        <v>736128</v>
      </c>
      <c r="H13" s="8">
        <v>736128</v>
      </c>
      <c r="I13" s="8">
        <v>0</v>
      </c>
      <c r="J13" s="8">
        <v>736128</v>
      </c>
      <c r="K13" s="9">
        <v>144</v>
      </c>
      <c r="L13" s="6" t="s">
        <v>23</v>
      </c>
    </row>
    <row r="14" spans="1:12">
      <c r="A14" s="6" t="s">
        <v>21</v>
      </c>
      <c r="B14" s="6"/>
      <c r="C14" s="6" t="s">
        <v>26</v>
      </c>
      <c r="D14" s="6"/>
      <c r="E14" s="6" t="s">
        <v>9</v>
      </c>
      <c r="F14" s="7">
        <v>38657</v>
      </c>
      <c r="G14" s="8">
        <v>2888280</v>
      </c>
      <c r="H14" s="8">
        <v>2888280</v>
      </c>
      <c r="I14" s="8">
        <v>0</v>
      </c>
      <c r="J14" s="8">
        <v>2888280</v>
      </c>
      <c r="K14" s="9">
        <v>565</v>
      </c>
      <c r="L14" s="6" t="s">
        <v>23</v>
      </c>
    </row>
    <row r="15" spans="1:12">
      <c r="A15" s="6" t="s">
        <v>21</v>
      </c>
      <c r="B15" s="6"/>
      <c r="C15" s="6" t="s">
        <v>27</v>
      </c>
      <c r="D15" s="6"/>
      <c r="E15" s="6" t="s">
        <v>9</v>
      </c>
      <c r="F15" s="7">
        <v>38657</v>
      </c>
      <c r="G15" s="8">
        <v>14303376</v>
      </c>
      <c r="H15" s="8">
        <v>14303376</v>
      </c>
      <c r="I15" s="8">
        <v>0</v>
      </c>
      <c r="J15" s="8">
        <v>14303376</v>
      </c>
      <c r="K15" s="9">
        <v>2798</v>
      </c>
      <c r="L15" s="6" t="s">
        <v>23</v>
      </c>
    </row>
    <row r="16" spans="1:12">
      <c r="A16" s="6" t="s">
        <v>21</v>
      </c>
      <c r="B16" s="6"/>
      <c r="C16" s="6" t="s">
        <v>28</v>
      </c>
      <c r="D16" s="6"/>
      <c r="E16" s="6" t="s">
        <v>9</v>
      </c>
      <c r="F16" s="7">
        <v>38657</v>
      </c>
      <c r="G16" s="8">
        <v>40272336</v>
      </c>
      <c r="H16" s="8">
        <v>40272336</v>
      </c>
      <c r="I16" s="8">
        <v>0</v>
      </c>
      <c r="J16" s="8">
        <v>40272336</v>
      </c>
      <c r="K16" s="9">
        <v>7878</v>
      </c>
      <c r="L16" s="6" t="s">
        <v>23</v>
      </c>
    </row>
    <row r="17" spans="1:12">
      <c r="A17" s="6" t="s">
        <v>21</v>
      </c>
      <c r="B17" s="6"/>
      <c r="C17" s="6" t="s">
        <v>29</v>
      </c>
      <c r="D17" s="6"/>
      <c r="E17" s="6" t="s">
        <v>9</v>
      </c>
      <c r="F17" s="7">
        <v>38657</v>
      </c>
      <c r="G17" s="8">
        <v>173808</v>
      </c>
      <c r="H17" s="8">
        <v>173808</v>
      </c>
      <c r="I17" s="8">
        <v>0</v>
      </c>
      <c r="J17" s="8">
        <v>173808</v>
      </c>
      <c r="K17" s="9">
        <v>34</v>
      </c>
      <c r="L17" s="6" t="s">
        <v>23</v>
      </c>
    </row>
    <row r="18" spans="1:12">
      <c r="A18" s="6" t="s">
        <v>21</v>
      </c>
      <c r="B18" s="6"/>
      <c r="C18" s="6" t="s">
        <v>30</v>
      </c>
      <c r="D18" s="6"/>
      <c r="E18" s="6" t="s">
        <v>9</v>
      </c>
      <c r="F18" s="7">
        <v>38657</v>
      </c>
      <c r="G18" s="8">
        <v>9283392</v>
      </c>
      <c r="H18" s="8">
        <v>9283392</v>
      </c>
      <c r="I18" s="8">
        <v>0</v>
      </c>
      <c r="J18" s="8">
        <v>9283392</v>
      </c>
      <c r="K18" s="9">
        <v>1816</v>
      </c>
      <c r="L18" s="6" t="s">
        <v>23</v>
      </c>
    </row>
    <row r="19" spans="1:12">
      <c r="A19" s="6" t="s">
        <v>21</v>
      </c>
      <c r="B19" s="6"/>
      <c r="C19" s="6" t="s">
        <v>31</v>
      </c>
      <c r="D19" s="6"/>
      <c r="E19" s="6" t="s">
        <v>9</v>
      </c>
      <c r="F19" s="7">
        <v>38657</v>
      </c>
      <c r="G19" s="8">
        <v>45016272</v>
      </c>
      <c r="H19" s="8">
        <v>45016272</v>
      </c>
      <c r="I19" s="8">
        <v>0</v>
      </c>
      <c r="J19" s="8">
        <v>45016272</v>
      </c>
      <c r="K19" s="9">
        <v>8806</v>
      </c>
      <c r="L19" s="6" t="s">
        <v>23</v>
      </c>
    </row>
    <row r="20" spans="1:12">
      <c r="A20" s="6" t="s">
        <v>21</v>
      </c>
      <c r="B20" s="6"/>
      <c r="C20" s="6" t="s">
        <v>32</v>
      </c>
      <c r="D20" s="6"/>
      <c r="E20" s="6" t="s">
        <v>9</v>
      </c>
      <c r="F20" s="7">
        <v>38657</v>
      </c>
      <c r="G20" s="8">
        <v>506088</v>
      </c>
      <c r="H20" s="8">
        <v>506088</v>
      </c>
      <c r="I20" s="8">
        <v>0</v>
      </c>
      <c r="J20" s="8">
        <v>506088</v>
      </c>
      <c r="K20" s="9">
        <v>99</v>
      </c>
      <c r="L20" s="6" t="s">
        <v>23</v>
      </c>
    </row>
    <row r="21" spans="1:12">
      <c r="A21" s="6" t="s">
        <v>21</v>
      </c>
      <c r="B21" s="6"/>
      <c r="C21" s="6" t="s">
        <v>33</v>
      </c>
      <c r="D21" s="6"/>
      <c r="E21" s="6" t="s">
        <v>9</v>
      </c>
      <c r="F21" s="7">
        <v>38657</v>
      </c>
      <c r="G21" s="8">
        <v>163584</v>
      </c>
      <c r="H21" s="8">
        <v>163584</v>
      </c>
      <c r="I21" s="8">
        <v>0</v>
      </c>
      <c r="J21" s="8">
        <v>163584</v>
      </c>
      <c r="K21" s="9">
        <v>32</v>
      </c>
      <c r="L21" s="6" t="s">
        <v>23</v>
      </c>
    </row>
    <row r="22" spans="1:12">
      <c r="A22" s="6" t="s">
        <v>21</v>
      </c>
      <c r="B22" s="6"/>
      <c r="C22" s="6" t="s">
        <v>34</v>
      </c>
      <c r="D22" s="6"/>
      <c r="E22" s="6" t="s">
        <v>9</v>
      </c>
      <c r="F22" s="7">
        <v>38657</v>
      </c>
      <c r="G22" s="8">
        <v>153360</v>
      </c>
      <c r="H22" s="8">
        <v>153360</v>
      </c>
      <c r="I22" s="8">
        <v>0</v>
      </c>
      <c r="J22" s="8">
        <v>153360</v>
      </c>
      <c r="K22" s="9">
        <v>30</v>
      </c>
      <c r="L22" s="6" t="s">
        <v>23</v>
      </c>
    </row>
    <row r="23" spans="1:12">
      <c r="A23" s="6" t="s">
        <v>21</v>
      </c>
      <c r="B23" s="6"/>
      <c r="C23" s="6" t="s">
        <v>35</v>
      </c>
      <c r="D23" s="6"/>
      <c r="E23" s="6" t="s">
        <v>9</v>
      </c>
      <c r="F23" s="7">
        <v>38657</v>
      </c>
      <c r="G23" s="8">
        <v>1569384</v>
      </c>
      <c r="H23" s="8">
        <v>1569384</v>
      </c>
      <c r="I23" s="8">
        <v>0</v>
      </c>
      <c r="J23" s="8">
        <v>1569384</v>
      </c>
      <c r="K23" s="9">
        <v>307</v>
      </c>
      <c r="L23" s="6" t="s">
        <v>23</v>
      </c>
    </row>
    <row r="24" spans="1:12">
      <c r="A24" s="6" t="s">
        <v>21</v>
      </c>
      <c r="B24" s="6"/>
      <c r="C24" s="6" t="s">
        <v>36</v>
      </c>
      <c r="D24" s="6"/>
      <c r="E24" s="6" t="s">
        <v>9</v>
      </c>
      <c r="F24" s="7">
        <v>38657</v>
      </c>
      <c r="G24" s="8">
        <v>1252440</v>
      </c>
      <c r="H24" s="8">
        <v>1252440</v>
      </c>
      <c r="I24" s="8">
        <v>0</v>
      </c>
      <c r="J24" s="8">
        <v>1252440</v>
      </c>
      <c r="K24" s="9">
        <v>245</v>
      </c>
      <c r="L24" s="6" t="s">
        <v>23</v>
      </c>
    </row>
    <row r="25" spans="1:12">
      <c r="A25" s="6" t="s">
        <v>21</v>
      </c>
      <c r="B25" s="6"/>
      <c r="C25" s="6" t="s">
        <v>37</v>
      </c>
      <c r="D25" s="6"/>
      <c r="E25" s="6" t="s">
        <v>9</v>
      </c>
      <c r="F25" s="7">
        <v>38657</v>
      </c>
      <c r="G25" s="8">
        <v>1012176</v>
      </c>
      <c r="H25" s="8">
        <v>1012176</v>
      </c>
      <c r="I25" s="8">
        <v>0</v>
      </c>
      <c r="J25" s="8">
        <v>1012176</v>
      </c>
      <c r="K25" s="9">
        <v>198</v>
      </c>
      <c r="L25" s="6" t="s">
        <v>23</v>
      </c>
    </row>
    <row r="26" spans="1:12">
      <c r="A26" s="6" t="s">
        <v>21</v>
      </c>
      <c r="B26" s="6"/>
      <c r="C26" s="6" t="s">
        <v>38</v>
      </c>
      <c r="D26" s="6"/>
      <c r="E26" s="6" t="s">
        <v>9</v>
      </c>
      <c r="F26" s="7">
        <v>38657</v>
      </c>
      <c r="G26" s="8">
        <v>935496</v>
      </c>
      <c r="H26" s="8">
        <v>935496</v>
      </c>
      <c r="I26" s="8">
        <v>0</v>
      </c>
      <c r="J26" s="8">
        <v>935496</v>
      </c>
      <c r="K26" s="9">
        <v>183</v>
      </c>
      <c r="L26" s="6" t="s">
        <v>23</v>
      </c>
    </row>
    <row r="27" spans="1:12">
      <c r="A27" s="6" t="s">
        <v>21</v>
      </c>
      <c r="B27" s="6"/>
      <c r="C27" s="6" t="s">
        <v>39</v>
      </c>
      <c r="D27" s="6"/>
      <c r="E27" s="6" t="s">
        <v>9</v>
      </c>
      <c r="F27" s="7">
        <v>38657</v>
      </c>
      <c r="G27" s="8">
        <v>1165536</v>
      </c>
      <c r="H27" s="8">
        <v>1165536</v>
      </c>
      <c r="I27" s="8">
        <v>0</v>
      </c>
      <c r="J27" s="8">
        <v>1165536</v>
      </c>
      <c r="K27" s="9">
        <v>228</v>
      </c>
      <c r="L27" s="6" t="s">
        <v>23</v>
      </c>
    </row>
    <row r="28" spans="1:12">
      <c r="A28" s="6" t="s">
        <v>21</v>
      </c>
      <c r="B28" s="6"/>
      <c r="C28" s="6" t="s">
        <v>40</v>
      </c>
      <c r="D28" s="6"/>
      <c r="E28" s="6" t="s">
        <v>9</v>
      </c>
      <c r="F28" s="7">
        <v>38657</v>
      </c>
      <c r="G28" s="8">
        <v>720792</v>
      </c>
      <c r="H28" s="8">
        <v>720792</v>
      </c>
      <c r="I28" s="8">
        <v>0</v>
      </c>
      <c r="J28" s="8">
        <v>720792</v>
      </c>
      <c r="K28" s="9">
        <v>141</v>
      </c>
      <c r="L28" s="6" t="s">
        <v>23</v>
      </c>
    </row>
    <row r="29" spans="1:12">
      <c r="A29" s="6" t="s">
        <v>21</v>
      </c>
      <c r="B29" s="6"/>
      <c r="C29" s="6" t="s">
        <v>41</v>
      </c>
      <c r="D29" s="6"/>
      <c r="E29" s="6" t="s">
        <v>9</v>
      </c>
      <c r="F29" s="7">
        <v>38657</v>
      </c>
      <c r="G29" s="8">
        <v>1129752</v>
      </c>
      <c r="H29" s="8">
        <v>1129752</v>
      </c>
      <c r="I29" s="8">
        <v>0</v>
      </c>
      <c r="J29" s="8">
        <v>1129752</v>
      </c>
      <c r="K29" s="9">
        <v>221</v>
      </c>
      <c r="L29" s="6" t="s">
        <v>23</v>
      </c>
    </row>
    <row r="30" spans="1:12">
      <c r="A30" s="6" t="s">
        <v>21</v>
      </c>
      <c r="B30" s="6"/>
      <c r="C30" s="6" t="s">
        <v>42</v>
      </c>
      <c r="D30" s="6"/>
      <c r="E30" s="6" t="s">
        <v>9</v>
      </c>
      <c r="F30" s="7">
        <v>38657</v>
      </c>
      <c r="G30" s="8">
        <v>2402640</v>
      </c>
      <c r="H30" s="8">
        <v>2402640</v>
      </c>
      <c r="I30" s="8">
        <v>0</v>
      </c>
      <c r="J30" s="8">
        <v>2402640</v>
      </c>
      <c r="K30" s="9">
        <v>470</v>
      </c>
      <c r="L30" s="6" t="s">
        <v>23</v>
      </c>
    </row>
    <row r="31" spans="1:12">
      <c r="A31" s="6" t="s">
        <v>21</v>
      </c>
      <c r="B31" s="6"/>
      <c r="C31" s="6" t="s">
        <v>43</v>
      </c>
      <c r="D31" s="6"/>
      <c r="E31" s="6" t="s">
        <v>9</v>
      </c>
      <c r="F31" s="7">
        <v>38657</v>
      </c>
      <c r="G31" s="8">
        <v>2632680</v>
      </c>
      <c r="H31" s="8">
        <v>2632680</v>
      </c>
      <c r="I31" s="8">
        <v>0</v>
      </c>
      <c r="J31" s="8">
        <v>2632680</v>
      </c>
      <c r="K31" s="9">
        <v>515</v>
      </c>
      <c r="L31" s="6" t="s">
        <v>23</v>
      </c>
    </row>
    <row r="32" spans="1:12">
      <c r="A32" s="6" t="s">
        <v>21</v>
      </c>
      <c r="B32" s="6"/>
      <c r="C32" s="6" t="s">
        <v>44</v>
      </c>
      <c r="D32" s="6"/>
      <c r="E32" s="6" t="s">
        <v>9</v>
      </c>
      <c r="F32" s="7">
        <v>38657</v>
      </c>
      <c r="G32" s="8">
        <v>1068408</v>
      </c>
      <c r="H32" s="8">
        <v>1068408</v>
      </c>
      <c r="I32" s="8">
        <v>0</v>
      </c>
      <c r="J32" s="8">
        <v>1068408</v>
      </c>
      <c r="K32" s="9">
        <v>209</v>
      </c>
      <c r="L32" s="6" t="s">
        <v>23</v>
      </c>
    </row>
    <row r="33" spans="1:12">
      <c r="A33" s="6" t="s">
        <v>21</v>
      </c>
      <c r="B33" s="6"/>
      <c r="C33" s="6" t="s">
        <v>45</v>
      </c>
      <c r="D33" s="6"/>
      <c r="E33" s="6" t="s">
        <v>9</v>
      </c>
      <c r="F33" s="7">
        <v>38657</v>
      </c>
      <c r="G33" s="8">
        <v>184032</v>
      </c>
      <c r="H33" s="8">
        <v>184032</v>
      </c>
      <c r="I33" s="8">
        <v>0</v>
      </c>
      <c r="J33" s="8">
        <v>184032</v>
      </c>
      <c r="K33" s="9">
        <v>36</v>
      </c>
      <c r="L33" s="6" t="s">
        <v>23</v>
      </c>
    </row>
    <row r="34" spans="1:12">
      <c r="A34" s="6" t="s">
        <v>21</v>
      </c>
      <c r="B34" s="6"/>
      <c r="C34" s="6" t="s">
        <v>46</v>
      </c>
      <c r="D34" s="6"/>
      <c r="E34" s="6" t="s">
        <v>9</v>
      </c>
      <c r="F34" s="7">
        <v>38657</v>
      </c>
      <c r="G34" s="8">
        <v>3419928</v>
      </c>
      <c r="H34" s="8">
        <v>3419928</v>
      </c>
      <c r="I34" s="8">
        <v>0</v>
      </c>
      <c r="J34" s="8">
        <v>3419928</v>
      </c>
      <c r="K34" s="9">
        <v>669</v>
      </c>
      <c r="L34" s="6" t="s">
        <v>23</v>
      </c>
    </row>
    <row r="35" spans="1:12">
      <c r="A35" s="6" t="s">
        <v>21</v>
      </c>
      <c r="B35" s="6"/>
      <c r="C35" s="6" t="s">
        <v>47</v>
      </c>
      <c r="D35" s="6"/>
      <c r="E35" s="6" t="s">
        <v>9</v>
      </c>
      <c r="F35" s="7">
        <v>38657</v>
      </c>
      <c r="G35" s="8">
        <v>1262664</v>
      </c>
      <c r="H35" s="8">
        <v>1262664</v>
      </c>
      <c r="I35" s="8">
        <v>0</v>
      </c>
      <c r="J35" s="8">
        <v>1262664</v>
      </c>
      <c r="K35" s="9">
        <v>247</v>
      </c>
      <c r="L35" s="6" t="s">
        <v>23</v>
      </c>
    </row>
    <row r="36" spans="1:12">
      <c r="A36" s="6" t="s">
        <v>21</v>
      </c>
      <c r="B36" s="6"/>
      <c r="C36" s="6" t="s">
        <v>48</v>
      </c>
      <c r="D36" s="6"/>
      <c r="E36" s="6" t="s">
        <v>9</v>
      </c>
      <c r="F36" s="7">
        <v>38657</v>
      </c>
      <c r="G36" s="8">
        <v>669672</v>
      </c>
      <c r="H36" s="8">
        <v>669672</v>
      </c>
      <c r="I36" s="8">
        <v>0</v>
      </c>
      <c r="J36" s="8">
        <v>669672</v>
      </c>
      <c r="K36" s="9">
        <v>131</v>
      </c>
      <c r="L36" s="6" t="s">
        <v>23</v>
      </c>
    </row>
    <row r="37" spans="1:12">
      <c r="A37" s="6" t="s">
        <v>49</v>
      </c>
      <c r="B37" s="6"/>
      <c r="C37" s="6" t="s">
        <v>50</v>
      </c>
      <c r="D37" s="6"/>
      <c r="E37" s="6" t="s">
        <v>9</v>
      </c>
      <c r="F37" s="7">
        <v>38657</v>
      </c>
      <c r="G37" s="8">
        <v>1</v>
      </c>
      <c r="H37" s="8">
        <v>1</v>
      </c>
      <c r="I37" s="8">
        <v>0</v>
      </c>
      <c r="J37" s="8">
        <v>1</v>
      </c>
      <c r="K37" s="9">
        <v>58.87</v>
      </c>
      <c r="L37" s="6" t="s">
        <v>51</v>
      </c>
    </row>
    <row r="38" spans="1:12">
      <c r="A38" s="6" t="s">
        <v>49</v>
      </c>
      <c r="B38" s="6"/>
      <c r="C38" s="6" t="s">
        <v>52</v>
      </c>
      <c r="D38" s="6"/>
      <c r="E38" s="6" t="s">
        <v>9</v>
      </c>
      <c r="F38" s="7">
        <v>38657</v>
      </c>
      <c r="G38" s="8">
        <v>1</v>
      </c>
      <c r="H38" s="8">
        <v>1</v>
      </c>
      <c r="I38" s="8">
        <v>0</v>
      </c>
      <c r="J38" s="8">
        <v>1</v>
      </c>
      <c r="K38" s="9">
        <v>92</v>
      </c>
      <c r="L38" s="6" t="s">
        <v>51</v>
      </c>
    </row>
    <row r="39" spans="1:12">
      <c r="A39" s="6" t="s">
        <v>49</v>
      </c>
      <c r="B39" s="6"/>
      <c r="C39" s="6" t="s">
        <v>53</v>
      </c>
      <c r="D39" s="6"/>
      <c r="E39" s="6" t="s">
        <v>9</v>
      </c>
      <c r="F39" s="7">
        <v>38657</v>
      </c>
      <c r="G39" s="8">
        <v>1</v>
      </c>
      <c r="H39" s="8">
        <v>1</v>
      </c>
      <c r="I39" s="8">
        <v>0</v>
      </c>
      <c r="J39" s="8">
        <v>1</v>
      </c>
      <c r="K39" s="9">
        <v>11.86</v>
      </c>
      <c r="L39" s="6" t="s">
        <v>51</v>
      </c>
    </row>
    <row r="40" spans="1:12">
      <c r="A40" s="6" t="s">
        <v>49</v>
      </c>
      <c r="B40" s="6"/>
      <c r="C40" s="6" t="s">
        <v>54</v>
      </c>
      <c r="D40" s="6"/>
      <c r="E40" s="6" t="s">
        <v>9</v>
      </c>
      <c r="F40" s="7">
        <v>38657</v>
      </c>
      <c r="G40" s="8">
        <v>1</v>
      </c>
      <c r="H40" s="8">
        <v>1</v>
      </c>
      <c r="I40" s="8">
        <v>0</v>
      </c>
      <c r="J40" s="8">
        <v>1</v>
      </c>
      <c r="K40" s="9">
        <v>398</v>
      </c>
      <c r="L40" s="6" t="s">
        <v>51</v>
      </c>
    </row>
    <row r="41" spans="1:12">
      <c r="A41" s="6" t="s">
        <v>49</v>
      </c>
      <c r="B41" s="6"/>
      <c r="C41" s="6" t="s">
        <v>55</v>
      </c>
      <c r="D41" s="6"/>
      <c r="E41" s="6" t="s">
        <v>9</v>
      </c>
      <c r="F41" s="7">
        <v>38657</v>
      </c>
      <c r="G41" s="8">
        <v>1</v>
      </c>
      <c r="H41" s="8">
        <v>1</v>
      </c>
      <c r="I41" s="8">
        <v>0</v>
      </c>
      <c r="J41" s="8">
        <v>1</v>
      </c>
      <c r="K41" s="9">
        <v>3.72</v>
      </c>
      <c r="L41" s="6" t="s">
        <v>51</v>
      </c>
    </row>
    <row r="42" spans="1:12">
      <c r="A42" s="6" t="s">
        <v>49</v>
      </c>
      <c r="B42" s="6"/>
      <c r="C42" s="6" t="s">
        <v>56</v>
      </c>
      <c r="D42" s="6"/>
      <c r="E42" s="6" t="s">
        <v>9</v>
      </c>
      <c r="F42" s="7">
        <v>38657</v>
      </c>
      <c r="G42" s="8">
        <v>1</v>
      </c>
      <c r="H42" s="8">
        <v>1</v>
      </c>
      <c r="I42" s="8">
        <v>0</v>
      </c>
      <c r="J42" s="8">
        <v>1</v>
      </c>
      <c r="K42" s="9">
        <v>2.29</v>
      </c>
      <c r="L42" s="6" t="s">
        <v>51</v>
      </c>
    </row>
    <row r="43" spans="1:12">
      <c r="A43" s="6" t="s">
        <v>49</v>
      </c>
      <c r="B43" s="6"/>
      <c r="C43" s="6" t="s">
        <v>57</v>
      </c>
      <c r="D43" s="6"/>
      <c r="E43" s="6" t="s">
        <v>9</v>
      </c>
      <c r="F43" s="7">
        <v>38657</v>
      </c>
      <c r="G43" s="8">
        <v>1</v>
      </c>
      <c r="H43" s="8">
        <v>1</v>
      </c>
      <c r="I43" s="8">
        <v>0</v>
      </c>
      <c r="J43" s="8">
        <v>1</v>
      </c>
      <c r="K43" s="9">
        <v>2.58</v>
      </c>
      <c r="L43" s="6" t="s">
        <v>51</v>
      </c>
    </row>
    <row r="44" spans="1:12">
      <c r="A44" s="6" t="s">
        <v>49</v>
      </c>
      <c r="B44" s="6"/>
      <c r="C44" s="6" t="s">
        <v>58</v>
      </c>
      <c r="D44" s="6"/>
      <c r="E44" s="6" t="s">
        <v>9</v>
      </c>
      <c r="F44" s="7">
        <v>38657</v>
      </c>
      <c r="G44" s="8">
        <v>1</v>
      </c>
      <c r="H44" s="8">
        <v>1</v>
      </c>
      <c r="I44" s="8">
        <v>0</v>
      </c>
      <c r="J44" s="8">
        <v>1</v>
      </c>
      <c r="K44" s="9">
        <v>50</v>
      </c>
      <c r="L44" s="6" t="s">
        <v>51</v>
      </c>
    </row>
    <row r="45" spans="1:12">
      <c r="A45" s="6" t="s">
        <v>49</v>
      </c>
      <c r="B45" s="6"/>
      <c r="C45" s="6" t="s">
        <v>59</v>
      </c>
      <c r="D45" s="6"/>
      <c r="E45" s="6" t="s">
        <v>9</v>
      </c>
      <c r="F45" s="7">
        <v>38657</v>
      </c>
      <c r="G45" s="8">
        <v>1</v>
      </c>
      <c r="H45" s="8">
        <v>1</v>
      </c>
      <c r="I45" s="8">
        <v>0</v>
      </c>
      <c r="J45" s="8">
        <v>1</v>
      </c>
      <c r="K45" s="9">
        <v>130</v>
      </c>
      <c r="L45" s="6" t="s">
        <v>51</v>
      </c>
    </row>
    <row r="46" spans="1:12">
      <c r="A46" s="6" t="s">
        <v>49</v>
      </c>
      <c r="B46" s="6"/>
      <c r="C46" s="6" t="s">
        <v>60</v>
      </c>
      <c r="D46" s="6"/>
      <c r="E46" s="6" t="s">
        <v>9</v>
      </c>
      <c r="F46" s="7">
        <v>38657</v>
      </c>
      <c r="G46" s="8">
        <v>1</v>
      </c>
      <c r="H46" s="8">
        <v>1</v>
      </c>
      <c r="I46" s="8">
        <v>0</v>
      </c>
      <c r="J46" s="8">
        <v>1</v>
      </c>
      <c r="K46" s="9">
        <v>38</v>
      </c>
      <c r="L46" s="6" t="s">
        <v>51</v>
      </c>
    </row>
    <row r="47" spans="1:12">
      <c r="A47" s="6" t="s">
        <v>49</v>
      </c>
      <c r="B47" s="6"/>
      <c r="C47" s="6" t="s">
        <v>61</v>
      </c>
      <c r="D47" s="6"/>
      <c r="E47" s="6" t="s">
        <v>9</v>
      </c>
      <c r="F47" s="7">
        <v>38657</v>
      </c>
      <c r="G47" s="8">
        <v>1</v>
      </c>
      <c r="H47" s="8">
        <v>1</v>
      </c>
      <c r="I47" s="8">
        <v>0</v>
      </c>
      <c r="J47" s="8">
        <v>1</v>
      </c>
      <c r="K47" s="9">
        <v>65</v>
      </c>
      <c r="L47" s="6" t="s">
        <v>51</v>
      </c>
    </row>
    <row r="48" spans="1:12">
      <c r="A48" s="6" t="s">
        <v>49</v>
      </c>
      <c r="B48" s="6"/>
      <c r="C48" s="6" t="s">
        <v>62</v>
      </c>
      <c r="D48" s="6"/>
      <c r="E48" s="6" t="s">
        <v>9</v>
      </c>
      <c r="F48" s="7">
        <v>38657</v>
      </c>
      <c r="G48" s="8">
        <v>1</v>
      </c>
      <c r="H48" s="8">
        <v>1</v>
      </c>
      <c r="I48" s="8">
        <v>0</v>
      </c>
      <c r="J48" s="8">
        <v>1</v>
      </c>
      <c r="K48" s="9">
        <v>30</v>
      </c>
      <c r="L48" s="6" t="s">
        <v>51</v>
      </c>
    </row>
    <row r="49" spans="1:12">
      <c r="A49" s="6" t="s">
        <v>49</v>
      </c>
      <c r="B49" s="6"/>
      <c r="C49" s="6" t="s">
        <v>63</v>
      </c>
      <c r="D49" s="6"/>
      <c r="E49" s="6" t="s">
        <v>9</v>
      </c>
      <c r="F49" s="7">
        <v>38657</v>
      </c>
      <c r="G49" s="8">
        <v>1</v>
      </c>
      <c r="H49" s="8">
        <v>1</v>
      </c>
      <c r="I49" s="8">
        <v>0</v>
      </c>
      <c r="J49" s="8">
        <v>1</v>
      </c>
      <c r="K49" s="9">
        <v>30</v>
      </c>
      <c r="L49" s="6" t="s">
        <v>51</v>
      </c>
    </row>
    <row r="50" spans="1:12">
      <c r="A50" s="6" t="s">
        <v>49</v>
      </c>
      <c r="B50" s="6"/>
      <c r="C50" s="6" t="s">
        <v>64</v>
      </c>
      <c r="D50" s="6"/>
      <c r="E50" s="6" t="s">
        <v>9</v>
      </c>
      <c r="F50" s="7">
        <v>38657</v>
      </c>
      <c r="G50" s="8">
        <v>1</v>
      </c>
      <c r="H50" s="8">
        <v>1</v>
      </c>
      <c r="I50" s="8">
        <v>0</v>
      </c>
      <c r="J50" s="8">
        <v>1</v>
      </c>
      <c r="K50" s="9">
        <v>14</v>
      </c>
      <c r="L50" s="6" t="s">
        <v>51</v>
      </c>
    </row>
    <row r="51" spans="1:12">
      <c r="A51" s="6" t="s">
        <v>49</v>
      </c>
      <c r="B51" s="6"/>
      <c r="C51" s="6" t="s">
        <v>65</v>
      </c>
      <c r="D51" s="6"/>
      <c r="E51" s="6" t="s">
        <v>9</v>
      </c>
      <c r="F51" s="7">
        <v>38657</v>
      </c>
      <c r="G51" s="8">
        <v>1</v>
      </c>
      <c r="H51" s="8">
        <v>1</v>
      </c>
      <c r="I51" s="8">
        <v>0</v>
      </c>
      <c r="J51" s="8">
        <v>1</v>
      </c>
      <c r="K51" s="9">
        <v>408</v>
      </c>
      <c r="L51" s="6" t="s">
        <v>51</v>
      </c>
    </row>
    <row r="52" spans="1:12">
      <c r="A52" s="6" t="s">
        <v>49</v>
      </c>
      <c r="B52" s="6"/>
      <c r="C52" s="6" t="s">
        <v>66</v>
      </c>
      <c r="D52" s="6"/>
      <c r="E52" s="6" t="s">
        <v>9</v>
      </c>
      <c r="F52" s="7">
        <v>38657</v>
      </c>
      <c r="G52" s="8">
        <v>1</v>
      </c>
      <c r="H52" s="8">
        <v>1</v>
      </c>
      <c r="I52" s="8">
        <v>0</v>
      </c>
      <c r="J52" s="8">
        <v>1</v>
      </c>
      <c r="K52" s="9">
        <v>16</v>
      </c>
      <c r="L52" s="6" t="s">
        <v>51</v>
      </c>
    </row>
    <row r="53" spans="1:12">
      <c r="A53" s="6" t="s">
        <v>49</v>
      </c>
      <c r="B53" s="6"/>
      <c r="C53" s="6" t="s">
        <v>67</v>
      </c>
      <c r="D53" s="6"/>
      <c r="E53" s="6" t="s">
        <v>9</v>
      </c>
      <c r="F53" s="7">
        <v>38657</v>
      </c>
      <c r="G53" s="8">
        <v>1</v>
      </c>
      <c r="H53" s="8">
        <v>1</v>
      </c>
      <c r="I53" s="8">
        <v>0</v>
      </c>
      <c r="J53" s="8">
        <v>1</v>
      </c>
      <c r="K53" s="9">
        <v>29</v>
      </c>
      <c r="L53" s="6" t="s">
        <v>51</v>
      </c>
    </row>
    <row r="54" spans="1:12">
      <c r="A54" s="6" t="s">
        <v>49</v>
      </c>
      <c r="B54" s="6"/>
      <c r="C54" s="6" t="s">
        <v>68</v>
      </c>
      <c r="D54" s="6"/>
      <c r="E54" s="6" t="s">
        <v>9</v>
      </c>
      <c r="F54" s="7">
        <v>40090</v>
      </c>
      <c r="G54" s="8">
        <v>1</v>
      </c>
      <c r="H54" s="8">
        <v>1</v>
      </c>
      <c r="I54" s="8">
        <v>0</v>
      </c>
      <c r="J54" s="8">
        <v>1</v>
      </c>
      <c r="K54" s="9">
        <v>177</v>
      </c>
      <c r="L54" s="6" t="s">
        <v>51</v>
      </c>
    </row>
    <row r="55" spans="1:12">
      <c r="A55" s="6" t="s">
        <v>49</v>
      </c>
      <c r="B55" s="6"/>
      <c r="C55" s="6" t="s">
        <v>69</v>
      </c>
      <c r="D55" s="6"/>
      <c r="E55" s="6" t="s">
        <v>9</v>
      </c>
      <c r="F55" s="7">
        <v>40090</v>
      </c>
      <c r="G55" s="8">
        <v>1</v>
      </c>
      <c r="H55" s="8">
        <v>1</v>
      </c>
      <c r="I55" s="8">
        <v>0</v>
      </c>
      <c r="J55" s="8">
        <v>1</v>
      </c>
      <c r="K55" s="9">
        <v>240</v>
      </c>
      <c r="L55" s="6" t="s">
        <v>51</v>
      </c>
    </row>
    <row r="56" spans="1:12">
      <c r="A56" s="6" t="s">
        <v>49</v>
      </c>
      <c r="B56" s="6"/>
      <c r="C56" s="6" t="s">
        <v>70</v>
      </c>
      <c r="D56" s="6"/>
      <c r="E56" s="6" t="s">
        <v>9</v>
      </c>
      <c r="F56" s="7">
        <v>40090</v>
      </c>
      <c r="G56" s="8">
        <v>1</v>
      </c>
      <c r="H56" s="8">
        <v>1</v>
      </c>
      <c r="I56" s="8">
        <v>0</v>
      </c>
      <c r="J56" s="8">
        <v>1</v>
      </c>
      <c r="K56" s="9">
        <v>290</v>
      </c>
      <c r="L56" s="6" t="s">
        <v>51</v>
      </c>
    </row>
    <row r="57" spans="1:12">
      <c r="A57" s="6" t="s">
        <v>49</v>
      </c>
      <c r="B57" s="6"/>
      <c r="C57" s="6" t="s">
        <v>71</v>
      </c>
      <c r="D57" s="6"/>
      <c r="E57" s="6" t="s">
        <v>9</v>
      </c>
      <c r="F57" s="7">
        <v>40090</v>
      </c>
      <c r="G57" s="8">
        <v>1</v>
      </c>
      <c r="H57" s="8">
        <v>1</v>
      </c>
      <c r="I57" s="8">
        <v>0</v>
      </c>
      <c r="J57" s="8">
        <v>1</v>
      </c>
      <c r="K57" s="9">
        <v>111</v>
      </c>
      <c r="L57" s="6" t="s">
        <v>51</v>
      </c>
    </row>
    <row r="58" spans="1:12">
      <c r="A58" s="6" t="s">
        <v>49</v>
      </c>
      <c r="B58" s="6"/>
      <c r="C58" s="6" t="s">
        <v>72</v>
      </c>
      <c r="D58" s="6"/>
      <c r="E58" s="6" t="s">
        <v>9</v>
      </c>
      <c r="F58" s="7">
        <v>40090</v>
      </c>
      <c r="G58" s="8">
        <v>1</v>
      </c>
      <c r="H58" s="8">
        <v>1</v>
      </c>
      <c r="I58" s="8">
        <v>0</v>
      </c>
      <c r="J58" s="8">
        <v>1</v>
      </c>
      <c r="K58" s="9">
        <v>142</v>
      </c>
      <c r="L58" s="6" t="s">
        <v>51</v>
      </c>
    </row>
    <row r="59" spans="1:12">
      <c r="A59" s="6" t="s">
        <v>49</v>
      </c>
      <c r="B59" s="6"/>
      <c r="C59" s="6" t="s">
        <v>73</v>
      </c>
      <c r="D59" s="6"/>
      <c r="E59" s="6" t="s">
        <v>9</v>
      </c>
      <c r="F59" s="7">
        <v>40090</v>
      </c>
      <c r="G59" s="8">
        <v>1</v>
      </c>
      <c r="H59" s="8">
        <v>1</v>
      </c>
      <c r="I59" s="8">
        <v>0</v>
      </c>
      <c r="J59" s="8">
        <v>1</v>
      </c>
      <c r="K59" s="9">
        <v>254</v>
      </c>
      <c r="L59" s="6" t="s">
        <v>51</v>
      </c>
    </row>
    <row r="60" spans="1:12">
      <c r="A60" s="6" t="s">
        <v>49</v>
      </c>
      <c r="B60" s="6"/>
      <c r="C60" s="6" t="s">
        <v>74</v>
      </c>
      <c r="D60" s="6"/>
      <c r="E60" s="6" t="s">
        <v>9</v>
      </c>
      <c r="F60" s="7">
        <v>40090</v>
      </c>
      <c r="G60" s="8">
        <v>1</v>
      </c>
      <c r="H60" s="8">
        <v>1</v>
      </c>
      <c r="I60" s="8">
        <v>0</v>
      </c>
      <c r="J60" s="8">
        <v>1</v>
      </c>
      <c r="K60" s="9">
        <v>277</v>
      </c>
      <c r="L60" s="6" t="s">
        <v>51</v>
      </c>
    </row>
    <row r="61" spans="1:12">
      <c r="A61" s="6" t="s">
        <v>49</v>
      </c>
      <c r="B61" s="6"/>
      <c r="C61" s="6" t="s">
        <v>75</v>
      </c>
      <c r="D61" s="6"/>
      <c r="E61" s="6" t="s">
        <v>9</v>
      </c>
      <c r="F61" s="7">
        <v>40090</v>
      </c>
      <c r="G61" s="8">
        <v>1</v>
      </c>
      <c r="H61" s="8">
        <v>1</v>
      </c>
      <c r="I61" s="8">
        <v>0</v>
      </c>
      <c r="J61" s="8">
        <v>1</v>
      </c>
      <c r="K61" s="9">
        <v>326</v>
      </c>
      <c r="L61" s="6" t="s">
        <v>51</v>
      </c>
    </row>
    <row r="62" spans="1:12">
      <c r="A62" s="6" t="s">
        <v>49</v>
      </c>
      <c r="B62" s="6"/>
      <c r="C62" s="6" t="s">
        <v>76</v>
      </c>
      <c r="D62" s="6"/>
      <c r="E62" s="6" t="s">
        <v>9</v>
      </c>
      <c r="F62" s="7">
        <v>38657</v>
      </c>
      <c r="G62" s="8">
        <v>1</v>
      </c>
      <c r="H62" s="8">
        <v>1</v>
      </c>
      <c r="I62" s="8">
        <v>0</v>
      </c>
      <c r="J62" s="8">
        <v>1</v>
      </c>
      <c r="K62" s="9">
        <v>1297</v>
      </c>
      <c r="L62" s="6" t="s">
        <v>51</v>
      </c>
    </row>
    <row r="63" spans="1:12">
      <c r="A63" s="6" t="s">
        <v>49</v>
      </c>
      <c r="B63" s="6"/>
      <c r="C63" s="6" t="s">
        <v>77</v>
      </c>
      <c r="D63" s="6"/>
      <c r="E63" s="6" t="s">
        <v>9</v>
      </c>
      <c r="F63" s="7">
        <v>40090</v>
      </c>
      <c r="G63" s="8">
        <v>1</v>
      </c>
      <c r="H63" s="8">
        <v>1</v>
      </c>
      <c r="I63" s="8">
        <v>0</v>
      </c>
      <c r="J63" s="8">
        <v>1</v>
      </c>
      <c r="K63" s="9">
        <v>251</v>
      </c>
      <c r="L63" s="6" t="s">
        <v>51</v>
      </c>
    </row>
    <row r="64" spans="1:12">
      <c r="A64" s="6" t="s">
        <v>49</v>
      </c>
      <c r="B64" s="6"/>
      <c r="C64" s="6" t="s">
        <v>78</v>
      </c>
      <c r="D64" s="6"/>
      <c r="E64" s="6" t="s">
        <v>9</v>
      </c>
      <c r="F64" s="7">
        <v>40090</v>
      </c>
      <c r="G64" s="8">
        <v>1</v>
      </c>
      <c r="H64" s="8">
        <v>1</v>
      </c>
      <c r="I64" s="8">
        <v>0</v>
      </c>
      <c r="J64" s="8">
        <v>1</v>
      </c>
      <c r="K64" s="9">
        <v>178</v>
      </c>
      <c r="L64" s="6" t="s">
        <v>51</v>
      </c>
    </row>
    <row r="65" spans="1:12">
      <c r="A65" s="6" t="s">
        <v>49</v>
      </c>
      <c r="B65" s="6"/>
      <c r="C65" s="6" t="s">
        <v>79</v>
      </c>
      <c r="D65" s="6"/>
      <c r="E65" s="6" t="s">
        <v>9</v>
      </c>
      <c r="F65" s="7">
        <v>40090</v>
      </c>
      <c r="G65" s="8">
        <v>1</v>
      </c>
      <c r="H65" s="8">
        <v>1</v>
      </c>
      <c r="I65" s="8">
        <v>0</v>
      </c>
      <c r="J65" s="8">
        <v>1</v>
      </c>
      <c r="K65" s="9">
        <v>45</v>
      </c>
      <c r="L65" s="6" t="s">
        <v>51</v>
      </c>
    </row>
    <row r="66" spans="1:12">
      <c r="A66" s="6" t="s">
        <v>49</v>
      </c>
      <c r="B66" s="6"/>
      <c r="C66" s="6" t="s">
        <v>80</v>
      </c>
      <c r="D66" s="6"/>
      <c r="E66" s="6" t="s">
        <v>9</v>
      </c>
      <c r="F66" s="7">
        <v>40090</v>
      </c>
      <c r="G66" s="8">
        <v>1</v>
      </c>
      <c r="H66" s="8">
        <v>1</v>
      </c>
      <c r="I66" s="8">
        <v>0</v>
      </c>
      <c r="J66" s="8">
        <v>1</v>
      </c>
      <c r="K66" s="9">
        <v>165</v>
      </c>
      <c r="L66" s="6" t="s">
        <v>51</v>
      </c>
    </row>
    <row r="67" spans="1:12">
      <c r="A67" s="6" t="s">
        <v>49</v>
      </c>
      <c r="B67" s="6"/>
      <c r="C67" s="6" t="s">
        <v>81</v>
      </c>
      <c r="D67" s="6"/>
      <c r="E67" s="6" t="s">
        <v>9</v>
      </c>
      <c r="F67" s="7">
        <v>40090</v>
      </c>
      <c r="G67" s="8">
        <v>1</v>
      </c>
      <c r="H67" s="8">
        <v>1</v>
      </c>
      <c r="I67" s="8">
        <v>0</v>
      </c>
      <c r="J67" s="8">
        <v>1</v>
      </c>
      <c r="K67" s="9">
        <v>440</v>
      </c>
      <c r="L67" s="6" t="s">
        <v>51</v>
      </c>
    </row>
    <row r="68" spans="1:12">
      <c r="A68" s="6" t="s">
        <v>49</v>
      </c>
      <c r="B68" s="6"/>
      <c r="C68" s="6" t="s">
        <v>82</v>
      </c>
      <c r="D68" s="6"/>
      <c r="E68" s="6" t="s">
        <v>9</v>
      </c>
      <c r="F68" s="7">
        <v>40090</v>
      </c>
      <c r="G68" s="8">
        <v>1</v>
      </c>
      <c r="H68" s="8">
        <v>1</v>
      </c>
      <c r="I68" s="8">
        <v>0</v>
      </c>
      <c r="J68" s="8">
        <v>1</v>
      </c>
      <c r="K68" s="9">
        <v>87</v>
      </c>
      <c r="L68" s="6" t="s">
        <v>51</v>
      </c>
    </row>
    <row r="69" spans="1:12">
      <c r="A69" s="6" t="s">
        <v>49</v>
      </c>
      <c r="B69" s="6"/>
      <c r="C69" s="6" t="s">
        <v>83</v>
      </c>
      <c r="D69" s="6"/>
      <c r="E69" s="6" t="s">
        <v>9</v>
      </c>
      <c r="F69" s="7">
        <v>40090</v>
      </c>
      <c r="G69" s="8">
        <v>1</v>
      </c>
      <c r="H69" s="8">
        <v>1</v>
      </c>
      <c r="I69" s="8">
        <v>0</v>
      </c>
      <c r="J69" s="8">
        <v>1</v>
      </c>
      <c r="K69" s="9">
        <v>23</v>
      </c>
      <c r="L69" s="6" t="s">
        <v>51</v>
      </c>
    </row>
    <row r="70" spans="1:12">
      <c r="A70" s="6" t="s">
        <v>49</v>
      </c>
      <c r="B70" s="6"/>
      <c r="C70" s="6" t="s">
        <v>84</v>
      </c>
      <c r="D70" s="6"/>
      <c r="E70" s="6" t="s">
        <v>9</v>
      </c>
      <c r="F70" s="7">
        <v>40090</v>
      </c>
      <c r="G70" s="8">
        <v>1</v>
      </c>
      <c r="H70" s="8">
        <v>1</v>
      </c>
      <c r="I70" s="8">
        <v>0</v>
      </c>
      <c r="J70" s="8">
        <v>1</v>
      </c>
      <c r="K70" s="9">
        <v>98</v>
      </c>
      <c r="L70" s="6" t="s">
        <v>51</v>
      </c>
    </row>
    <row r="71" spans="1:12">
      <c r="A71" s="6" t="s">
        <v>49</v>
      </c>
      <c r="B71" s="6"/>
      <c r="C71" s="6" t="s">
        <v>85</v>
      </c>
      <c r="D71" s="6"/>
      <c r="E71" s="6" t="s">
        <v>9</v>
      </c>
      <c r="F71" s="7">
        <v>40090</v>
      </c>
      <c r="G71" s="8">
        <v>1</v>
      </c>
      <c r="H71" s="8">
        <v>1</v>
      </c>
      <c r="I71" s="8">
        <v>0</v>
      </c>
      <c r="J71" s="8">
        <v>1</v>
      </c>
      <c r="K71" s="9">
        <v>20</v>
      </c>
      <c r="L71" s="6" t="s">
        <v>51</v>
      </c>
    </row>
    <row r="72" spans="1:12">
      <c r="A72" s="6" t="s">
        <v>49</v>
      </c>
      <c r="B72" s="6"/>
      <c r="C72" s="6" t="s">
        <v>86</v>
      </c>
      <c r="D72" s="6"/>
      <c r="E72" s="6" t="s">
        <v>9</v>
      </c>
      <c r="F72" s="7">
        <v>40090</v>
      </c>
      <c r="G72" s="8">
        <v>1</v>
      </c>
      <c r="H72" s="8">
        <v>1</v>
      </c>
      <c r="I72" s="8">
        <v>0</v>
      </c>
      <c r="J72" s="8">
        <v>1</v>
      </c>
      <c r="K72" s="9">
        <v>67</v>
      </c>
      <c r="L72" s="6" t="s">
        <v>51</v>
      </c>
    </row>
    <row r="73" spans="1:12">
      <c r="A73" s="6" t="s">
        <v>49</v>
      </c>
      <c r="B73" s="6"/>
      <c r="C73" s="6" t="s">
        <v>87</v>
      </c>
      <c r="D73" s="6"/>
      <c r="E73" s="6" t="s">
        <v>9</v>
      </c>
      <c r="F73" s="7">
        <v>38657</v>
      </c>
      <c r="G73" s="8">
        <v>1</v>
      </c>
      <c r="H73" s="8">
        <v>1</v>
      </c>
      <c r="I73" s="8">
        <v>0</v>
      </c>
      <c r="J73" s="8">
        <v>1</v>
      </c>
      <c r="K73" s="9">
        <v>58</v>
      </c>
      <c r="L73" s="6" t="s">
        <v>51</v>
      </c>
    </row>
    <row r="74" spans="1:12">
      <c r="A74" s="6" t="s">
        <v>49</v>
      </c>
      <c r="B74" s="6"/>
      <c r="C74" s="6" t="s">
        <v>88</v>
      </c>
      <c r="D74" s="6"/>
      <c r="E74" s="6" t="s">
        <v>9</v>
      </c>
      <c r="F74" s="7">
        <v>40090</v>
      </c>
      <c r="G74" s="8">
        <v>1</v>
      </c>
      <c r="H74" s="8">
        <v>1</v>
      </c>
      <c r="I74" s="8">
        <v>0</v>
      </c>
      <c r="J74" s="8">
        <v>1</v>
      </c>
      <c r="K74" s="9">
        <v>160</v>
      </c>
      <c r="L74" s="6" t="s">
        <v>51</v>
      </c>
    </row>
    <row r="75" spans="1:12">
      <c r="A75" s="6" t="s">
        <v>49</v>
      </c>
      <c r="B75" s="6"/>
      <c r="C75" s="6" t="s">
        <v>89</v>
      </c>
      <c r="D75" s="6"/>
      <c r="E75" s="6" t="s">
        <v>9</v>
      </c>
      <c r="F75" s="7">
        <v>40090</v>
      </c>
      <c r="G75" s="8">
        <v>1</v>
      </c>
      <c r="H75" s="8">
        <v>1</v>
      </c>
      <c r="I75" s="8">
        <v>0</v>
      </c>
      <c r="J75" s="8">
        <v>1</v>
      </c>
      <c r="K75" s="9">
        <v>302</v>
      </c>
      <c r="L75" s="6" t="s">
        <v>51</v>
      </c>
    </row>
    <row r="76" spans="1:12">
      <c r="A76" s="6" t="s">
        <v>49</v>
      </c>
      <c r="B76" s="6"/>
      <c r="C76" s="6" t="s">
        <v>90</v>
      </c>
      <c r="D76" s="6"/>
      <c r="E76" s="6" t="s">
        <v>9</v>
      </c>
      <c r="F76" s="7">
        <v>40090</v>
      </c>
      <c r="G76" s="8">
        <v>1</v>
      </c>
      <c r="H76" s="8">
        <v>1</v>
      </c>
      <c r="I76" s="8">
        <v>0</v>
      </c>
      <c r="J76" s="8">
        <v>1</v>
      </c>
      <c r="K76" s="9">
        <v>146</v>
      </c>
      <c r="L76" s="6" t="s">
        <v>51</v>
      </c>
    </row>
    <row r="77" spans="1:12">
      <c r="A77" s="6" t="s">
        <v>49</v>
      </c>
      <c r="B77" s="6"/>
      <c r="C77" s="6" t="s">
        <v>91</v>
      </c>
      <c r="D77" s="6"/>
      <c r="E77" s="6" t="s">
        <v>9</v>
      </c>
      <c r="F77" s="7">
        <v>40090</v>
      </c>
      <c r="G77" s="8">
        <v>1</v>
      </c>
      <c r="H77" s="8">
        <v>1</v>
      </c>
      <c r="I77" s="8">
        <v>0</v>
      </c>
      <c r="J77" s="8">
        <v>1</v>
      </c>
      <c r="K77" s="9">
        <v>552</v>
      </c>
      <c r="L77" s="6" t="s">
        <v>51</v>
      </c>
    </row>
    <row r="78" spans="1:12">
      <c r="A78" s="6" t="s">
        <v>49</v>
      </c>
      <c r="B78" s="6"/>
      <c r="C78" s="6" t="s">
        <v>92</v>
      </c>
      <c r="D78" s="6"/>
      <c r="E78" s="6" t="s">
        <v>9</v>
      </c>
      <c r="F78" s="7">
        <v>40090</v>
      </c>
      <c r="G78" s="8">
        <v>1</v>
      </c>
      <c r="H78" s="8">
        <v>1</v>
      </c>
      <c r="I78" s="8">
        <v>0</v>
      </c>
      <c r="J78" s="8">
        <v>1</v>
      </c>
      <c r="K78" s="9">
        <v>19</v>
      </c>
      <c r="L78" s="6" t="s">
        <v>51</v>
      </c>
    </row>
    <row r="79" spans="1:12">
      <c r="A79" s="6" t="s">
        <v>49</v>
      </c>
      <c r="B79" s="6"/>
      <c r="C79" s="6" t="s">
        <v>93</v>
      </c>
      <c r="D79" s="6"/>
      <c r="E79" s="6" t="s">
        <v>9</v>
      </c>
      <c r="F79" s="7">
        <v>40090</v>
      </c>
      <c r="G79" s="8">
        <v>1</v>
      </c>
      <c r="H79" s="8">
        <v>1</v>
      </c>
      <c r="I79" s="8">
        <v>0</v>
      </c>
      <c r="J79" s="8">
        <v>1</v>
      </c>
      <c r="K79" s="9">
        <v>6.38</v>
      </c>
      <c r="L79" s="6" t="s">
        <v>51</v>
      </c>
    </row>
    <row r="80" spans="1:12">
      <c r="A80" s="6" t="s">
        <v>49</v>
      </c>
      <c r="B80" s="6"/>
      <c r="C80" s="6" t="s">
        <v>94</v>
      </c>
      <c r="D80" s="6"/>
      <c r="E80" s="6" t="s">
        <v>9</v>
      </c>
      <c r="F80" s="7">
        <v>41950</v>
      </c>
      <c r="G80" s="8">
        <v>1</v>
      </c>
      <c r="H80" s="8">
        <v>1</v>
      </c>
      <c r="I80" s="8">
        <v>0</v>
      </c>
      <c r="J80" s="8">
        <v>1</v>
      </c>
      <c r="K80" s="9">
        <v>1688</v>
      </c>
      <c r="L80" s="6" t="s">
        <v>51</v>
      </c>
    </row>
    <row r="81" spans="1:12">
      <c r="A81" s="6" t="s">
        <v>49</v>
      </c>
      <c r="B81" s="6"/>
      <c r="C81" s="6" t="s">
        <v>95</v>
      </c>
      <c r="D81" s="6"/>
      <c r="E81" s="6" t="s">
        <v>9</v>
      </c>
      <c r="F81" s="7">
        <v>41950</v>
      </c>
      <c r="G81" s="8">
        <v>1</v>
      </c>
      <c r="H81" s="8">
        <v>1</v>
      </c>
      <c r="I81" s="8">
        <v>0</v>
      </c>
      <c r="J81" s="8">
        <v>1</v>
      </c>
      <c r="K81" s="9">
        <v>519</v>
      </c>
      <c r="L81" s="6" t="s">
        <v>51</v>
      </c>
    </row>
    <row r="82" spans="1:12">
      <c r="A82" s="6" t="s">
        <v>49</v>
      </c>
      <c r="B82" s="6"/>
      <c r="C82" s="6" t="s">
        <v>96</v>
      </c>
      <c r="D82" s="6"/>
      <c r="E82" s="6" t="s">
        <v>9</v>
      </c>
      <c r="F82" s="7">
        <v>38657</v>
      </c>
      <c r="G82" s="8">
        <v>1</v>
      </c>
      <c r="H82" s="8">
        <v>1</v>
      </c>
      <c r="I82" s="8">
        <v>0</v>
      </c>
      <c r="J82" s="8">
        <v>1</v>
      </c>
      <c r="K82" s="9">
        <v>209</v>
      </c>
      <c r="L82" s="6" t="s">
        <v>51</v>
      </c>
    </row>
    <row r="83" spans="1:12">
      <c r="A83" s="6" t="s">
        <v>49</v>
      </c>
      <c r="B83" s="6"/>
      <c r="C83" s="6" t="s">
        <v>97</v>
      </c>
      <c r="D83" s="6"/>
      <c r="E83" s="6" t="s">
        <v>9</v>
      </c>
      <c r="F83" s="7">
        <v>38657</v>
      </c>
      <c r="G83" s="8">
        <v>1</v>
      </c>
      <c r="H83" s="8">
        <v>1</v>
      </c>
      <c r="I83" s="8">
        <v>0</v>
      </c>
      <c r="J83" s="8">
        <v>1</v>
      </c>
      <c r="K83" s="9">
        <v>113</v>
      </c>
      <c r="L83" s="6" t="s">
        <v>51</v>
      </c>
    </row>
    <row r="84" spans="1:12">
      <c r="A84" s="6" t="s">
        <v>49</v>
      </c>
      <c r="B84" s="6"/>
      <c r="C84" s="6" t="s">
        <v>98</v>
      </c>
      <c r="D84" s="6"/>
      <c r="E84" s="6" t="s">
        <v>9</v>
      </c>
      <c r="F84" s="7">
        <v>38657</v>
      </c>
      <c r="G84" s="8">
        <v>1</v>
      </c>
      <c r="H84" s="8">
        <v>1</v>
      </c>
      <c r="I84" s="8">
        <v>0</v>
      </c>
      <c r="J84" s="8">
        <v>1</v>
      </c>
      <c r="K84" s="9">
        <v>690</v>
      </c>
      <c r="L84" s="6" t="s">
        <v>51</v>
      </c>
    </row>
    <row r="85" spans="1:12">
      <c r="A85" s="6" t="s">
        <v>49</v>
      </c>
      <c r="B85" s="6"/>
      <c r="C85" s="6" t="s">
        <v>99</v>
      </c>
      <c r="D85" s="6"/>
      <c r="E85" s="6" t="s">
        <v>9</v>
      </c>
      <c r="F85" s="7">
        <v>38657</v>
      </c>
      <c r="G85" s="8">
        <v>1</v>
      </c>
      <c r="H85" s="8">
        <v>1</v>
      </c>
      <c r="I85" s="8">
        <v>0</v>
      </c>
      <c r="J85" s="8">
        <v>1</v>
      </c>
      <c r="K85" s="9">
        <v>18</v>
      </c>
      <c r="L85" s="6" t="s">
        <v>51</v>
      </c>
    </row>
    <row r="86" spans="1:12">
      <c r="A86" s="6" t="s">
        <v>49</v>
      </c>
      <c r="B86" s="6"/>
      <c r="C86" s="6" t="s">
        <v>100</v>
      </c>
      <c r="D86" s="6"/>
      <c r="E86" s="6" t="s">
        <v>9</v>
      </c>
      <c r="F86" s="7">
        <v>38657</v>
      </c>
      <c r="G86" s="8">
        <v>1</v>
      </c>
      <c r="H86" s="8">
        <v>1</v>
      </c>
      <c r="I86" s="8">
        <v>0</v>
      </c>
      <c r="J86" s="8">
        <v>1</v>
      </c>
      <c r="K86" s="9">
        <v>774</v>
      </c>
      <c r="L86" s="6" t="s">
        <v>51</v>
      </c>
    </row>
    <row r="87" spans="1:12">
      <c r="A87" s="6" t="s">
        <v>49</v>
      </c>
      <c r="B87" s="6"/>
      <c r="C87" s="6" t="s">
        <v>101</v>
      </c>
      <c r="D87" s="6"/>
      <c r="E87" s="6" t="s">
        <v>9</v>
      </c>
      <c r="F87" s="7">
        <v>38657</v>
      </c>
      <c r="G87" s="8">
        <v>1</v>
      </c>
      <c r="H87" s="8">
        <v>1</v>
      </c>
      <c r="I87" s="8">
        <v>0</v>
      </c>
      <c r="J87" s="8">
        <v>1</v>
      </c>
      <c r="K87" s="9">
        <v>24</v>
      </c>
      <c r="L87" s="6" t="s">
        <v>51</v>
      </c>
    </row>
    <row r="88" spans="1:12">
      <c r="A88" s="6" t="s">
        <v>49</v>
      </c>
      <c r="B88" s="6"/>
      <c r="C88" s="6" t="s">
        <v>102</v>
      </c>
      <c r="D88" s="6"/>
      <c r="E88" s="6" t="s">
        <v>9</v>
      </c>
      <c r="F88" s="7">
        <v>38657</v>
      </c>
      <c r="G88" s="8">
        <v>1</v>
      </c>
      <c r="H88" s="8">
        <v>1</v>
      </c>
      <c r="I88" s="8">
        <v>0</v>
      </c>
      <c r="J88" s="8">
        <v>1</v>
      </c>
      <c r="K88" s="9">
        <v>668</v>
      </c>
      <c r="L88" s="6" t="s">
        <v>51</v>
      </c>
    </row>
    <row r="89" spans="1:12">
      <c r="A89" s="6" t="s">
        <v>49</v>
      </c>
      <c r="B89" s="6"/>
      <c r="C89" s="6" t="s">
        <v>103</v>
      </c>
      <c r="D89" s="6"/>
      <c r="E89" s="6" t="s">
        <v>9</v>
      </c>
      <c r="F89" s="7">
        <v>38657</v>
      </c>
      <c r="G89" s="8">
        <v>1</v>
      </c>
      <c r="H89" s="8">
        <v>1</v>
      </c>
      <c r="I89" s="8">
        <v>0</v>
      </c>
      <c r="J89" s="8">
        <v>1</v>
      </c>
      <c r="K89" s="9">
        <v>411</v>
      </c>
      <c r="L89" s="6" t="s">
        <v>51</v>
      </c>
    </row>
    <row r="90" spans="1:12">
      <c r="A90" s="6" t="s">
        <v>49</v>
      </c>
      <c r="B90" s="6"/>
      <c r="C90" s="6" t="s">
        <v>104</v>
      </c>
      <c r="D90" s="6"/>
      <c r="E90" s="6" t="s">
        <v>9</v>
      </c>
      <c r="F90" s="7">
        <v>41950</v>
      </c>
      <c r="G90" s="8">
        <v>1</v>
      </c>
      <c r="H90" s="8">
        <v>1</v>
      </c>
      <c r="I90" s="8">
        <v>0</v>
      </c>
      <c r="J90" s="8">
        <v>1</v>
      </c>
      <c r="K90" s="9">
        <v>362</v>
      </c>
      <c r="L90" s="6" t="s">
        <v>51</v>
      </c>
    </row>
    <row r="91" spans="1:12">
      <c r="A91" s="6" t="s">
        <v>49</v>
      </c>
      <c r="B91" s="6"/>
      <c r="C91" s="6" t="s">
        <v>105</v>
      </c>
      <c r="D91" s="6"/>
      <c r="E91" s="6" t="s">
        <v>9</v>
      </c>
      <c r="F91" s="7">
        <v>41950</v>
      </c>
      <c r="G91" s="8">
        <v>1</v>
      </c>
      <c r="H91" s="8">
        <v>1</v>
      </c>
      <c r="I91" s="8">
        <v>0</v>
      </c>
      <c r="J91" s="8">
        <v>1</v>
      </c>
      <c r="K91" s="9">
        <v>37</v>
      </c>
      <c r="L91" s="6" t="s">
        <v>51</v>
      </c>
    </row>
    <row r="92" spans="1:12">
      <c r="A92" s="6" t="s">
        <v>49</v>
      </c>
      <c r="B92" s="6"/>
      <c r="C92" s="6" t="s">
        <v>106</v>
      </c>
      <c r="D92" s="6"/>
      <c r="E92" s="6" t="s">
        <v>9</v>
      </c>
      <c r="F92" s="7">
        <v>41950</v>
      </c>
      <c r="G92" s="8">
        <v>1</v>
      </c>
      <c r="H92" s="8">
        <v>1</v>
      </c>
      <c r="I92" s="8">
        <v>0</v>
      </c>
      <c r="J92" s="8">
        <v>1</v>
      </c>
      <c r="K92" s="9">
        <v>80</v>
      </c>
      <c r="L92" s="6" t="s">
        <v>51</v>
      </c>
    </row>
    <row r="93" spans="1:12">
      <c r="A93" s="6" t="s">
        <v>49</v>
      </c>
      <c r="B93" s="6"/>
      <c r="C93" s="6" t="s">
        <v>107</v>
      </c>
      <c r="D93" s="6"/>
      <c r="E93" s="6" t="s">
        <v>9</v>
      </c>
      <c r="F93" s="7">
        <v>41950</v>
      </c>
      <c r="G93" s="8">
        <v>1</v>
      </c>
      <c r="H93" s="8">
        <v>1</v>
      </c>
      <c r="I93" s="8">
        <v>0</v>
      </c>
      <c r="J93" s="8">
        <v>1</v>
      </c>
      <c r="K93" s="9">
        <v>414</v>
      </c>
      <c r="L93" s="6" t="s">
        <v>51</v>
      </c>
    </row>
    <row r="94" spans="1:12">
      <c r="A94" s="6" t="s">
        <v>49</v>
      </c>
      <c r="B94" s="6"/>
      <c r="C94" s="6" t="s">
        <v>108</v>
      </c>
      <c r="D94" s="6"/>
      <c r="E94" s="6" t="s">
        <v>9</v>
      </c>
      <c r="F94" s="7">
        <v>41950</v>
      </c>
      <c r="G94" s="8">
        <v>1</v>
      </c>
      <c r="H94" s="8">
        <v>1</v>
      </c>
      <c r="I94" s="8">
        <v>0</v>
      </c>
      <c r="J94" s="8">
        <v>1</v>
      </c>
      <c r="K94" s="9">
        <v>253</v>
      </c>
      <c r="L94" s="6" t="s">
        <v>51</v>
      </c>
    </row>
    <row r="95" spans="1:12">
      <c r="A95" s="6" t="s">
        <v>49</v>
      </c>
      <c r="B95" s="6"/>
      <c r="C95" s="6" t="s">
        <v>109</v>
      </c>
      <c r="D95" s="6"/>
      <c r="E95" s="6" t="s">
        <v>9</v>
      </c>
      <c r="F95" s="7">
        <v>38657</v>
      </c>
      <c r="G95" s="8">
        <v>1</v>
      </c>
      <c r="H95" s="8">
        <v>1</v>
      </c>
      <c r="I95" s="8">
        <v>0</v>
      </c>
      <c r="J95" s="8">
        <v>1</v>
      </c>
      <c r="K95" s="9">
        <v>902</v>
      </c>
      <c r="L95" s="6" t="s">
        <v>51</v>
      </c>
    </row>
    <row r="96" spans="1:12">
      <c r="A96" s="6" t="s">
        <v>49</v>
      </c>
      <c r="B96" s="6"/>
      <c r="C96" s="6" t="s">
        <v>110</v>
      </c>
      <c r="D96" s="6"/>
      <c r="E96" s="6" t="s">
        <v>9</v>
      </c>
      <c r="F96" s="7">
        <v>40583</v>
      </c>
      <c r="G96" s="8">
        <v>1</v>
      </c>
      <c r="H96" s="8">
        <v>1</v>
      </c>
      <c r="I96" s="8">
        <v>0</v>
      </c>
      <c r="J96" s="8">
        <v>1</v>
      </c>
      <c r="K96" s="9">
        <v>246</v>
      </c>
      <c r="L96" s="6" t="s">
        <v>51</v>
      </c>
    </row>
    <row r="97" spans="1:12">
      <c r="A97" s="6" t="s">
        <v>49</v>
      </c>
      <c r="B97" s="6"/>
      <c r="C97" s="6" t="s">
        <v>111</v>
      </c>
      <c r="D97" s="6"/>
      <c r="E97" s="6" t="s">
        <v>9</v>
      </c>
      <c r="F97" s="7">
        <v>40581</v>
      </c>
      <c r="G97" s="8">
        <v>1</v>
      </c>
      <c r="H97" s="8">
        <v>1</v>
      </c>
      <c r="I97" s="8">
        <v>0</v>
      </c>
      <c r="J97" s="8">
        <v>1</v>
      </c>
      <c r="K97" s="9">
        <v>329</v>
      </c>
      <c r="L97" s="6" t="s">
        <v>51</v>
      </c>
    </row>
    <row r="98" spans="1:12">
      <c r="A98" s="6" t="s">
        <v>49</v>
      </c>
      <c r="B98" s="6"/>
      <c r="C98" s="6" t="s">
        <v>112</v>
      </c>
      <c r="D98" s="6"/>
      <c r="E98" s="6" t="s">
        <v>9</v>
      </c>
      <c r="F98" s="7">
        <v>40582</v>
      </c>
      <c r="G98" s="8">
        <v>1</v>
      </c>
      <c r="H98" s="8">
        <v>1</v>
      </c>
      <c r="I98" s="8">
        <v>0</v>
      </c>
      <c r="J98" s="8">
        <v>1</v>
      </c>
      <c r="K98" s="9">
        <v>48</v>
      </c>
      <c r="L98" s="6" t="s">
        <v>51</v>
      </c>
    </row>
    <row r="99" spans="1:12">
      <c r="A99" s="6" t="s">
        <v>49</v>
      </c>
      <c r="B99" s="6"/>
      <c r="C99" s="6" t="s">
        <v>113</v>
      </c>
      <c r="D99" s="6"/>
      <c r="E99" s="6" t="s">
        <v>9</v>
      </c>
      <c r="F99" s="7">
        <v>38657</v>
      </c>
      <c r="G99" s="8">
        <v>1</v>
      </c>
      <c r="H99" s="8">
        <v>1</v>
      </c>
      <c r="I99" s="8">
        <v>0</v>
      </c>
      <c r="J99" s="8">
        <v>1</v>
      </c>
      <c r="K99" s="9">
        <v>70</v>
      </c>
      <c r="L99" s="6" t="s">
        <v>51</v>
      </c>
    </row>
    <row r="100" spans="1:12">
      <c r="A100" s="6" t="s">
        <v>49</v>
      </c>
      <c r="B100" s="6"/>
      <c r="C100" s="6" t="s">
        <v>114</v>
      </c>
      <c r="D100" s="6"/>
      <c r="E100" s="6" t="s">
        <v>9</v>
      </c>
      <c r="F100" s="7">
        <v>38657</v>
      </c>
      <c r="G100" s="8">
        <v>1</v>
      </c>
      <c r="H100" s="8">
        <v>1</v>
      </c>
      <c r="I100" s="8">
        <v>0</v>
      </c>
      <c r="J100" s="8">
        <v>1</v>
      </c>
      <c r="K100" s="9">
        <v>30</v>
      </c>
      <c r="L100" s="6" t="s">
        <v>51</v>
      </c>
    </row>
    <row r="101" spans="1:12">
      <c r="A101" s="6" t="s">
        <v>49</v>
      </c>
      <c r="B101" s="6"/>
      <c r="C101" s="6" t="s">
        <v>115</v>
      </c>
      <c r="D101" s="6"/>
      <c r="E101" s="6" t="s">
        <v>9</v>
      </c>
      <c r="F101" s="7">
        <v>38657</v>
      </c>
      <c r="G101" s="8">
        <v>1</v>
      </c>
      <c r="H101" s="8">
        <v>1</v>
      </c>
      <c r="I101" s="8">
        <v>0</v>
      </c>
      <c r="J101" s="8">
        <v>1</v>
      </c>
      <c r="K101" s="9">
        <v>10</v>
      </c>
      <c r="L101" s="6" t="s">
        <v>51</v>
      </c>
    </row>
    <row r="102" spans="1:12">
      <c r="A102" s="6" t="s">
        <v>49</v>
      </c>
      <c r="B102" s="6"/>
      <c r="C102" s="6" t="s">
        <v>116</v>
      </c>
      <c r="D102" s="6"/>
      <c r="E102" s="6" t="s">
        <v>9</v>
      </c>
      <c r="F102" s="7">
        <v>38657</v>
      </c>
      <c r="G102" s="8">
        <v>1</v>
      </c>
      <c r="H102" s="8">
        <v>1</v>
      </c>
      <c r="I102" s="8">
        <v>0</v>
      </c>
      <c r="J102" s="8">
        <v>1</v>
      </c>
      <c r="K102" s="9">
        <v>21</v>
      </c>
      <c r="L102" s="6" t="s">
        <v>51</v>
      </c>
    </row>
    <row r="103" spans="1:12">
      <c r="A103" s="6" t="s">
        <v>49</v>
      </c>
      <c r="B103" s="6"/>
      <c r="C103" s="6" t="s">
        <v>117</v>
      </c>
      <c r="D103" s="6"/>
      <c r="E103" s="6" t="s">
        <v>9</v>
      </c>
      <c r="F103" s="7">
        <v>38657</v>
      </c>
      <c r="G103" s="8">
        <v>1</v>
      </c>
      <c r="H103" s="8">
        <v>1</v>
      </c>
      <c r="I103" s="8">
        <v>0</v>
      </c>
      <c r="J103" s="8">
        <v>1</v>
      </c>
      <c r="K103" s="9">
        <v>21</v>
      </c>
      <c r="L103" s="6" t="s">
        <v>51</v>
      </c>
    </row>
    <row r="104" spans="1:12">
      <c r="A104" s="6" t="s">
        <v>49</v>
      </c>
      <c r="B104" s="6"/>
      <c r="C104" s="6" t="s">
        <v>118</v>
      </c>
      <c r="D104" s="6"/>
      <c r="E104" s="6" t="s">
        <v>9</v>
      </c>
      <c r="F104" s="7">
        <v>38657</v>
      </c>
      <c r="G104" s="8">
        <v>1</v>
      </c>
      <c r="H104" s="8">
        <v>1</v>
      </c>
      <c r="I104" s="8">
        <v>0</v>
      </c>
      <c r="J104" s="8">
        <v>1</v>
      </c>
      <c r="K104" s="9">
        <v>64</v>
      </c>
      <c r="L104" s="6" t="s">
        <v>51</v>
      </c>
    </row>
    <row r="105" spans="1:12">
      <c r="A105" s="6" t="s">
        <v>49</v>
      </c>
      <c r="B105" s="6"/>
      <c r="C105" s="6" t="s">
        <v>119</v>
      </c>
      <c r="D105" s="6"/>
      <c r="E105" s="6" t="s">
        <v>9</v>
      </c>
      <c r="F105" s="7">
        <v>38657</v>
      </c>
      <c r="G105" s="8">
        <v>1</v>
      </c>
      <c r="H105" s="8">
        <v>1</v>
      </c>
      <c r="I105" s="8">
        <v>0</v>
      </c>
      <c r="J105" s="8">
        <v>1</v>
      </c>
      <c r="K105" s="9">
        <v>13</v>
      </c>
      <c r="L105" s="6" t="s">
        <v>51</v>
      </c>
    </row>
    <row r="106" spans="1:12">
      <c r="A106" s="6" t="s">
        <v>49</v>
      </c>
      <c r="B106" s="6"/>
      <c r="C106" s="6" t="s">
        <v>120</v>
      </c>
      <c r="D106" s="6"/>
      <c r="E106" s="6" t="s">
        <v>9</v>
      </c>
      <c r="F106" s="7">
        <v>38657</v>
      </c>
      <c r="G106" s="8">
        <v>1</v>
      </c>
      <c r="H106" s="8">
        <v>1</v>
      </c>
      <c r="I106" s="8">
        <v>0</v>
      </c>
      <c r="J106" s="8">
        <v>1</v>
      </c>
      <c r="K106" s="9">
        <v>1729</v>
      </c>
      <c r="L106" s="6" t="s">
        <v>51</v>
      </c>
    </row>
    <row r="107" spans="1:12">
      <c r="A107" s="6" t="s">
        <v>49</v>
      </c>
      <c r="B107" s="6"/>
      <c r="C107" s="6" t="s">
        <v>121</v>
      </c>
      <c r="D107" s="6"/>
      <c r="E107" s="6" t="s">
        <v>9</v>
      </c>
      <c r="F107" s="7">
        <v>38657</v>
      </c>
      <c r="G107" s="8">
        <v>1</v>
      </c>
      <c r="H107" s="8">
        <v>1</v>
      </c>
      <c r="I107" s="8">
        <v>0</v>
      </c>
      <c r="J107" s="8">
        <v>1</v>
      </c>
      <c r="K107" s="9">
        <v>22</v>
      </c>
      <c r="L107" s="6" t="s">
        <v>51</v>
      </c>
    </row>
    <row r="108" spans="1:12">
      <c r="A108" s="6" t="s">
        <v>49</v>
      </c>
      <c r="B108" s="6"/>
      <c r="C108" s="6" t="s">
        <v>122</v>
      </c>
      <c r="D108" s="6"/>
      <c r="E108" s="6" t="s">
        <v>9</v>
      </c>
      <c r="F108" s="7">
        <v>38657</v>
      </c>
      <c r="G108" s="8">
        <v>1</v>
      </c>
      <c r="H108" s="8">
        <v>1</v>
      </c>
      <c r="I108" s="8">
        <v>0</v>
      </c>
      <c r="J108" s="8">
        <v>1</v>
      </c>
      <c r="K108" s="9">
        <v>22</v>
      </c>
      <c r="L108" s="6" t="s">
        <v>51</v>
      </c>
    </row>
    <row r="109" spans="1:12">
      <c r="A109" s="6" t="s">
        <v>49</v>
      </c>
      <c r="B109" s="6"/>
      <c r="C109" s="6" t="s">
        <v>123</v>
      </c>
      <c r="D109" s="6"/>
      <c r="E109" s="6" t="s">
        <v>9</v>
      </c>
      <c r="F109" s="7">
        <v>38657</v>
      </c>
      <c r="G109" s="8">
        <v>1</v>
      </c>
      <c r="H109" s="8">
        <v>1</v>
      </c>
      <c r="I109" s="8">
        <v>0</v>
      </c>
      <c r="J109" s="8">
        <v>1</v>
      </c>
      <c r="K109" s="9">
        <v>22</v>
      </c>
      <c r="L109" s="6" t="s">
        <v>51</v>
      </c>
    </row>
    <row r="110" spans="1:12">
      <c r="A110" s="6" t="s">
        <v>49</v>
      </c>
      <c r="B110" s="6"/>
      <c r="C110" s="6" t="s">
        <v>124</v>
      </c>
      <c r="D110" s="6"/>
      <c r="E110" s="6" t="s">
        <v>9</v>
      </c>
      <c r="F110" s="7">
        <v>38657</v>
      </c>
      <c r="G110" s="8">
        <v>1</v>
      </c>
      <c r="H110" s="8">
        <v>1</v>
      </c>
      <c r="I110" s="8">
        <v>0</v>
      </c>
      <c r="J110" s="8">
        <v>1</v>
      </c>
      <c r="K110" s="9">
        <v>22</v>
      </c>
      <c r="L110" s="6" t="s">
        <v>51</v>
      </c>
    </row>
    <row r="111" spans="1:12">
      <c r="A111" s="6" t="s">
        <v>49</v>
      </c>
      <c r="B111" s="6"/>
      <c r="C111" s="6" t="s">
        <v>125</v>
      </c>
      <c r="D111" s="6"/>
      <c r="E111" s="6" t="s">
        <v>9</v>
      </c>
      <c r="F111" s="7">
        <v>38657</v>
      </c>
      <c r="G111" s="8">
        <v>1</v>
      </c>
      <c r="H111" s="8">
        <v>1</v>
      </c>
      <c r="I111" s="8">
        <v>0</v>
      </c>
      <c r="J111" s="8">
        <v>1</v>
      </c>
      <c r="K111" s="9">
        <v>22</v>
      </c>
      <c r="L111" s="6" t="s">
        <v>51</v>
      </c>
    </row>
    <row r="112" spans="1:12">
      <c r="A112" s="6" t="s">
        <v>49</v>
      </c>
      <c r="B112" s="6"/>
      <c r="C112" s="6" t="s">
        <v>126</v>
      </c>
      <c r="D112" s="6"/>
      <c r="E112" s="6" t="s">
        <v>9</v>
      </c>
      <c r="F112" s="7">
        <v>38657</v>
      </c>
      <c r="G112" s="8">
        <v>1</v>
      </c>
      <c r="H112" s="8">
        <v>1</v>
      </c>
      <c r="I112" s="8">
        <v>0</v>
      </c>
      <c r="J112" s="8">
        <v>1</v>
      </c>
      <c r="K112" s="9">
        <v>22</v>
      </c>
      <c r="L112" s="6" t="s">
        <v>51</v>
      </c>
    </row>
    <row r="113" spans="1:12">
      <c r="A113" s="6" t="s">
        <v>49</v>
      </c>
      <c r="B113" s="6"/>
      <c r="C113" s="6" t="s">
        <v>127</v>
      </c>
      <c r="D113" s="6"/>
      <c r="E113" s="6" t="s">
        <v>9</v>
      </c>
      <c r="F113" s="7">
        <v>38657</v>
      </c>
      <c r="G113" s="8">
        <v>1</v>
      </c>
      <c r="H113" s="8">
        <v>1</v>
      </c>
      <c r="I113" s="8">
        <v>0</v>
      </c>
      <c r="J113" s="8">
        <v>1</v>
      </c>
      <c r="K113" s="9">
        <v>22</v>
      </c>
      <c r="L113" s="6" t="s">
        <v>51</v>
      </c>
    </row>
    <row r="114" spans="1:12">
      <c r="A114" s="6" t="s">
        <v>49</v>
      </c>
      <c r="B114" s="6"/>
      <c r="C114" s="6" t="s">
        <v>128</v>
      </c>
      <c r="D114" s="6"/>
      <c r="E114" s="6" t="s">
        <v>9</v>
      </c>
      <c r="F114" s="7">
        <v>38657</v>
      </c>
      <c r="G114" s="8">
        <v>1</v>
      </c>
      <c r="H114" s="8">
        <v>1</v>
      </c>
      <c r="I114" s="8">
        <v>0</v>
      </c>
      <c r="J114" s="8">
        <v>1</v>
      </c>
      <c r="K114" s="9">
        <v>22</v>
      </c>
      <c r="L114" s="6" t="s">
        <v>51</v>
      </c>
    </row>
    <row r="115" spans="1:12">
      <c r="A115" s="6" t="s">
        <v>49</v>
      </c>
      <c r="B115" s="6"/>
      <c r="C115" s="6" t="s">
        <v>129</v>
      </c>
      <c r="D115" s="6"/>
      <c r="E115" s="6" t="s">
        <v>9</v>
      </c>
      <c r="F115" s="7">
        <v>38657</v>
      </c>
      <c r="G115" s="8">
        <v>1</v>
      </c>
      <c r="H115" s="8">
        <v>1</v>
      </c>
      <c r="I115" s="8">
        <v>0</v>
      </c>
      <c r="J115" s="8">
        <v>1</v>
      </c>
      <c r="K115" s="9">
        <v>22</v>
      </c>
      <c r="L115" s="6" t="s">
        <v>51</v>
      </c>
    </row>
    <row r="116" spans="1:12">
      <c r="A116" s="6" t="s">
        <v>49</v>
      </c>
      <c r="B116" s="6"/>
      <c r="C116" s="6" t="s">
        <v>130</v>
      </c>
      <c r="D116" s="6"/>
      <c r="E116" s="6" t="s">
        <v>9</v>
      </c>
      <c r="F116" s="7">
        <v>38657</v>
      </c>
      <c r="G116" s="8">
        <v>1</v>
      </c>
      <c r="H116" s="8">
        <v>1</v>
      </c>
      <c r="I116" s="8">
        <v>0</v>
      </c>
      <c r="J116" s="8">
        <v>1</v>
      </c>
      <c r="K116" s="9">
        <v>22</v>
      </c>
      <c r="L116" s="6" t="s">
        <v>51</v>
      </c>
    </row>
    <row r="117" spans="1:12">
      <c r="A117" s="6" t="s">
        <v>49</v>
      </c>
      <c r="B117" s="6"/>
      <c r="C117" s="6" t="s">
        <v>131</v>
      </c>
      <c r="D117" s="6"/>
      <c r="E117" s="6" t="s">
        <v>9</v>
      </c>
      <c r="F117" s="7">
        <v>38657</v>
      </c>
      <c r="G117" s="8">
        <v>1</v>
      </c>
      <c r="H117" s="8">
        <v>1</v>
      </c>
      <c r="I117" s="8">
        <v>0</v>
      </c>
      <c r="J117" s="8">
        <v>1</v>
      </c>
      <c r="K117" s="9">
        <v>7.44</v>
      </c>
      <c r="L117" s="6" t="s">
        <v>51</v>
      </c>
    </row>
    <row r="118" spans="1:12">
      <c r="A118" s="6" t="s">
        <v>49</v>
      </c>
      <c r="B118" s="6"/>
      <c r="C118" s="6" t="s">
        <v>132</v>
      </c>
      <c r="D118" s="6"/>
      <c r="E118" s="6" t="s">
        <v>9</v>
      </c>
      <c r="F118" s="7">
        <v>38657</v>
      </c>
      <c r="G118" s="8">
        <v>1</v>
      </c>
      <c r="H118" s="8">
        <v>1</v>
      </c>
      <c r="I118" s="8">
        <v>0</v>
      </c>
      <c r="J118" s="8">
        <v>1</v>
      </c>
      <c r="K118" s="9">
        <v>22</v>
      </c>
      <c r="L118" s="6" t="s">
        <v>51</v>
      </c>
    </row>
    <row r="119" spans="1:12">
      <c r="A119" s="6" t="s">
        <v>49</v>
      </c>
      <c r="B119" s="6"/>
      <c r="C119" s="6" t="s">
        <v>133</v>
      </c>
      <c r="D119" s="6"/>
      <c r="E119" s="6" t="s">
        <v>9</v>
      </c>
      <c r="F119" s="7">
        <v>38657</v>
      </c>
      <c r="G119" s="8">
        <v>1</v>
      </c>
      <c r="H119" s="8">
        <v>1</v>
      </c>
      <c r="I119" s="8">
        <v>0</v>
      </c>
      <c r="J119" s="8">
        <v>1</v>
      </c>
      <c r="K119" s="9">
        <v>22</v>
      </c>
      <c r="L119" s="6" t="s">
        <v>51</v>
      </c>
    </row>
    <row r="120" spans="1:12">
      <c r="A120" s="6" t="s">
        <v>49</v>
      </c>
      <c r="B120" s="6"/>
      <c r="C120" s="6" t="s">
        <v>134</v>
      </c>
      <c r="D120" s="6"/>
      <c r="E120" s="6" t="s">
        <v>9</v>
      </c>
      <c r="F120" s="7">
        <v>38657</v>
      </c>
      <c r="G120" s="8">
        <v>1</v>
      </c>
      <c r="H120" s="8">
        <v>1</v>
      </c>
      <c r="I120" s="8">
        <v>0</v>
      </c>
      <c r="J120" s="8">
        <v>1</v>
      </c>
      <c r="K120" s="9">
        <v>22</v>
      </c>
      <c r="L120" s="6" t="s">
        <v>51</v>
      </c>
    </row>
    <row r="121" spans="1:12">
      <c r="A121" s="6" t="s">
        <v>49</v>
      </c>
      <c r="B121" s="6"/>
      <c r="C121" s="6" t="s">
        <v>135</v>
      </c>
      <c r="D121" s="6"/>
      <c r="E121" s="6" t="s">
        <v>9</v>
      </c>
      <c r="F121" s="7">
        <v>38657</v>
      </c>
      <c r="G121" s="8">
        <v>1</v>
      </c>
      <c r="H121" s="8">
        <v>1</v>
      </c>
      <c r="I121" s="8">
        <v>0</v>
      </c>
      <c r="J121" s="8">
        <v>1</v>
      </c>
      <c r="K121" s="9">
        <v>81</v>
      </c>
      <c r="L121" s="6" t="s">
        <v>51</v>
      </c>
    </row>
    <row r="122" spans="1:12">
      <c r="A122" s="6" t="s">
        <v>49</v>
      </c>
      <c r="B122" s="6"/>
      <c r="C122" s="6" t="s">
        <v>136</v>
      </c>
      <c r="D122" s="6"/>
      <c r="E122" s="6" t="s">
        <v>9</v>
      </c>
      <c r="F122" s="7">
        <v>38657</v>
      </c>
      <c r="G122" s="8">
        <v>1</v>
      </c>
      <c r="H122" s="8">
        <v>1</v>
      </c>
      <c r="I122" s="8">
        <v>0</v>
      </c>
      <c r="J122" s="8">
        <v>1</v>
      </c>
      <c r="K122" s="9">
        <v>21</v>
      </c>
      <c r="L122" s="6" t="s">
        <v>51</v>
      </c>
    </row>
    <row r="123" spans="1:12">
      <c r="A123" s="6" t="s">
        <v>49</v>
      </c>
      <c r="B123" s="6"/>
      <c r="C123" s="6" t="s">
        <v>137</v>
      </c>
      <c r="D123" s="6"/>
      <c r="E123" s="6" t="s">
        <v>9</v>
      </c>
      <c r="F123" s="7">
        <v>38657</v>
      </c>
      <c r="G123" s="8">
        <v>1</v>
      </c>
      <c r="H123" s="8">
        <v>1</v>
      </c>
      <c r="I123" s="8">
        <v>0</v>
      </c>
      <c r="J123" s="8">
        <v>1</v>
      </c>
      <c r="K123" s="9">
        <v>10</v>
      </c>
      <c r="L123" s="6" t="s">
        <v>51</v>
      </c>
    </row>
    <row r="124" spans="1:12">
      <c r="A124" s="6" t="s">
        <v>49</v>
      </c>
      <c r="B124" s="6"/>
      <c r="C124" s="6" t="s">
        <v>138</v>
      </c>
      <c r="D124" s="6"/>
      <c r="E124" s="6" t="s">
        <v>9</v>
      </c>
      <c r="F124" s="7">
        <v>38657</v>
      </c>
      <c r="G124" s="8">
        <v>1</v>
      </c>
      <c r="H124" s="8">
        <v>1</v>
      </c>
      <c r="I124" s="8">
        <v>0</v>
      </c>
      <c r="J124" s="8">
        <v>1</v>
      </c>
      <c r="K124" s="9">
        <v>17</v>
      </c>
      <c r="L124" s="6" t="s">
        <v>51</v>
      </c>
    </row>
    <row r="125" spans="1:12">
      <c r="A125" s="6" t="s">
        <v>49</v>
      </c>
      <c r="B125" s="6"/>
      <c r="C125" s="6" t="s">
        <v>139</v>
      </c>
      <c r="D125" s="6"/>
      <c r="E125" s="6" t="s">
        <v>9</v>
      </c>
      <c r="F125" s="7">
        <v>38657</v>
      </c>
      <c r="G125" s="8">
        <v>1</v>
      </c>
      <c r="H125" s="8">
        <v>1</v>
      </c>
      <c r="I125" s="8">
        <v>0</v>
      </c>
      <c r="J125" s="8">
        <v>1</v>
      </c>
      <c r="K125" s="9">
        <v>10</v>
      </c>
      <c r="L125" s="6" t="s">
        <v>51</v>
      </c>
    </row>
    <row r="126" spans="1:12">
      <c r="A126" s="6" t="s">
        <v>49</v>
      </c>
      <c r="B126" s="6"/>
      <c r="C126" s="6" t="s">
        <v>140</v>
      </c>
      <c r="D126" s="6"/>
      <c r="E126" s="6" t="s">
        <v>9</v>
      </c>
      <c r="F126" s="7">
        <v>38657</v>
      </c>
      <c r="G126" s="8">
        <v>1</v>
      </c>
      <c r="H126" s="8">
        <v>1</v>
      </c>
      <c r="I126" s="8">
        <v>0</v>
      </c>
      <c r="J126" s="8">
        <v>1</v>
      </c>
      <c r="K126" s="9">
        <v>10</v>
      </c>
      <c r="L126" s="6" t="s">
        <v>51</v>
      </c>
    </row>
    <row r="127" spans="1:12">
      <c r="A127" s="6" t="s">
        <v>49</v>
      </c>
      <c r="B127" s="6"/>
      <c r="C127" s="6" t="s">
        <v>141</v>
      </c>
      <c r="D127" s="6"/>
      <c r="E127" s="6" t="s">
        <v>9</v>
      </c>
      <c r="F127" s="7">
        <v>38657</v>
      </c>
      <c r="G127" s="8">
        <v>1</v>
      </c>
      <c r="H127" s="8">
        <v>1</v>
      </c>
      <c r="I127" s="8">
        <v>0</v>
      </c>
      <c r="J127" s="8">
        <v>1</v>
      </c>
      <c r="K127" s="9">
        <v>21</v>
      </c>
      <c r="L127" s="6" t="s">
        <v>51</v>
      </c>
    </row>
    <row r="128" spans="1:12">
      <c r="A128" s="6" t="s">
        <v>49</v>
      </c>
      <c r="B128" s="6"/>
      <c r="C128" s="6" t="s">
        <v>142</v>
      </c>
      <c r="D128" s="6"/>
      <c r="E128" s="6" t="s">
        <v>9</v>
      </c>
      <c r="F128" s="7">
        <v>38657</v>
      </c>
      <c r="G128" s="8">
        <v>1</v>
      </c>
      <c r="H128" s="8">
        <v>1</v>
      </c>
      <c r="I128" s="8">
        <v>0</v>
      </c>
      <c r="J128" s="8">
        <v>1</v>
      </c>
      <c r="K128" s="9">
        <v>10</v>
      </c>
      <c r="L128" s="6" t="s">
        <v>51</v>
      </c>
    </row>
    <row r="129" spans="1:12">
      <c r="A129" s="6" t="s">
        <v>49</v>
      </c>
      <c r="B129" s="6"/>
      <c r="C129" s="6" t="s">
        <v>143</v>
      </c>
      <c r="D129" s="6"/>
      <c r="E129" s="6" t="s">
        <v>9</v>
      </c>
      <c r="F129" s="7">
        <v>38657</v>
      </c>
      <c r="G129" s="8">
        <v>1</v>
      </c>
      <c r="H129" s="8">
        <v>1</v>
      </c>
      <c r="I129" s="8">
        <v>0</v>
      </c>
      <c r="J129" s="8">
        <v>1</v>
      </c>
      <c r="K129" s="9">
        <v>21</v>
      </c>
      <c r="L129" s="6" t="s">
        <v>51</v>
      </c>
    </row>
    <row r="130" spans="1:12">
      <c r="A130" s="6" t="s">
        <v>49</v>
      </c>
      <c r="B130" s="6"/>
      <c r="C130" s="6" t="s">
        <v>144</v>
      </c>
      <c r="D130" s="6"/>
      <c r="E130" s="6" t="s">
        <v>9</v>
      </c>
      <c r="F130" s="7">
        <v>38657</v>
      </c>
      <c r="G130" s="8">
        <v>1</v>
      </c>
      <c r="H130" s="8">
        <v>1</v>
      </c>
      <c r="I130" s="8">
        <v>0</v>
      </c>
      <c r="J130" s="8">
        <v>1</v>
      </c>
      <c r="K130" s="9">
        <v>21</v>
      </c>
      <c r="L130" s="6" t="s">
        <v>51</v>
      </c>
    </row>
    <row r="131" spans="1:12">
      <c r="A131" s="6" t="s">
        <v>49</v>
      </c>
      <c r="B131" s="6"/>
      <c r="C131" s="6" t="s">
        <v>145</v>
      </c>
      <c r="D131" s="6"/>
      <c r="E131" s="6" t="s">
        <v>9</v>
      </c>
      <c r="F131" s="7">
        <v>38657</v>
      </c>
      <c r="G131" s="8">
        <v>1</v>
      </c>
      <c r="H131" s="8">
        <v>1</v>
      </c>
      <c r="I131" s="8">
        <v>0</v>
      </c>
      <c r="J131" s="8">
        <v>1</v>
      </c>
      <c r="K131" s="9">
        <v>21</v>
      </c>
      <c r="L131" s="6" t="s">
        <v>51</v>
      </c>
    </row>
    <row r="132" spans="1:12">
      <c r="A132" s="6" t="s">
        <v>49</v>
      </c>
      <c r="B132" s="6"/>
      <c r="C132" s="6" t="s">
        <v>146</v>
      </c>
      <c r="D132" s="6"/>
      <c r="E132" s="6" t="s">
        <v>9</v>
      </c>
      <c r="F132" s="7">
        <v>38657</v>
      </c>
      <c r="G132" s="8">
        <v>1</v>
      </c>
      <c r="H132" s="8">
        <v>1</v>
      </c>
      <c r="I132" s="8">
        <v>0</v>
      </c>
      <c r="J132" s="8">
        <v>1</v>
      </c>
      <c r="K132" s="9">
        <v>21</v>
      </c>
      <c r="L132" s="6" t="s">
        <v>51</v>
      </c>
    </row>
    <row r="133" spans="1:12">
      <c r="A133" s="6" t="s">
        <v>49</v>
      </c>
      <c r="B133" s="6"/>
      <c r="C133" s="6" t="s">
        <v>147</v>
      </c>
      <c r="D133" s="6"/>
      <c r="E133" s="6" t="s">
        <v>9</v>
      </c>
      <c r="F133" s="7">
        <v>38657</v>
      </c>
      <c r="G133" s="8">
        <v>1</v>
      </c>
      <c r="H133" s="8">
        <v>1</v>
      </c>
      <c r="I133" s="8">
        <v>0</v>
      </c>
      <c r="J133" s="8">
        <v>1</v>
      </c>
      <c r="K133" s="9">
        <v>21</v>
      </c>
      <c r="L133" s="6" t="s">
        <v>51</v>
      </c>
    </row>
    <row r="134" spans="1:12">
      <c r="A134" s="6" t="s">
        <v>49</v>
      </c>
      <c r="B134" s="6"/>
      <c r="C134" s="6" t="s">
        <v>148</v>
      </c>
      <c r="D134" s="6"/>
      <c r="E134" s="6" t="s">
        <v>9</v>
      </c>
      <c r="F134" s="7">
        <v>38657</v>
      </c>
      <c r="G134" s="8">
        <v>1</v>
      </c>
      <c r="H134" s="8">
        <v>1</v>
      </c>
      <c r="I134" s="8">
        <v>0</v>
      </c>
      <c r="J134" s="8">
        <v>1</v>
      </c>
      <c r="K134" s="9">
        <v>21</v>
      </c>
      <c r="L134" s="6" t="s">
        <v>51</v>
      </c>
    </row>
    <row r="135" spans="1:12">
      <c r="A135" s="6" t="s">
        <v>49</v>
      </c>
      <c r="B135" s="6"/>
      <c r="C135" s="6" t="s">
        <v>149</v>
      </c>
      <c r="D135" s="6"/>
      <c r="E135" s="6" t="s">
        <v>9</v>
      </c>
      <c r="F135" s="7">
        <v>38657</v>
      </c>
      <c r="G135" s="8">
        <v>1</v>
      </c>
      <c r="H135" s="8">
        <v>1</v>
      </c>
      <c r="I135" s="8">
        <v>0</v>
      </c>
      <c r="J135" s="8">
        <v>1</v>
      </c>
      <c r="K135" s="9">
        <v>21</v>
      </c>
      <c r="L135" s="6" t="s">
        <v>51</v>
      </c>
    </row>
    <row r="136" spans="1:12">
      <c r="A136" s="6" t="s">
        <v>49</v>
      </c>
      <c r="B136" s="6"/>
      <c r="C136" s="6" t="s">
        <v>150</v>
      </c>
      <c r="D136" s="6"/>
      <c r="E136" s="6" t="s">
        <v>9</v>
      </c>
      <c r="F136" s="7">
        <v>38657</v>
      </c>
      <c r="G136" s="8">
        <v>1</v>
      </c>
      <c r="H136" s="8">
        <v>1</v>
      </c>
      <c r="I136" s="8">
        <v>0</v>
      </c>
      <c r="J136" s="8">
        <v>1</v>
      </c>
      <c r="K136" s="9">
        <v>21</v>
      </c>
      <c r="L136" s="6" t="s">
        <v>51</v>
      </c>
    </row>
    <row r="137" spans="1:12">
      <c r="A137" s="6" t="s">
        <v>49</v>
      </c>
      <c r="B137" s="6"/>
      <c r="C137" s="6" t="s">
        <v>151</v>
      </c>
      <c r="D137" s="6"/>
      <c r="E137" s="6" t="s">
        <v>9</v>
      </c>
      <c r="F137" s="7">
        <v>38657</v>
      </c>
      <c r="G137" s="8">
        <v>1</v>
      </c>
      <c r="H137" s="8">
        <v>1</v>
      </c>
      <c r="I137" s="8">
        <v>0</v>
      </c>
      <c r="J137" s="8">
        <v>1</v>
      </c>
      <c r="K137" s="9">
        <v>106</v>
      </c>
      <c r="L137" s="6" t="s">
        <v>51</v>
      </c>
    </row>
    <row r="138" spans="1:12">
      <c r="A138" s="6" t="s">
        <v>49</v>
      </c>
      <c r="B138" s="6"/>
      <c r="C138" s="6" t="s">
        <v>152</v>
      </c>
      <c r="D138" s="6"/>
      <c r="E138" s="6" t="s">
        <v>9</v>
      </c>
      <c r="F138" s="7">
        <v>38657</v>
      </c>
      <c r="G138" s="8">
        <v>1</v>
      </c>
      <c r="H138" s="8">
        <v>1</v>
      </c>
      <c r="I138" s="8">
        <v>0</v>
      </c>
      <c r="J138" s="8">
        <v>1</v>
      </c>
      <c r="K138" s="9">
        <v>19</v>
      </c>
      <c r="L138" s="6" t="s">
        <v>51</v>
      </c>
    </row>
    <row r="139" spans="1:12">
      <c r="A139" s="6" t="s">
        <v>49</v>
      </c>
      <c r="B139" s="6"/>
      <c r="C139" s="6" t="s">
        <v>153</v>
      </c>
      <c r="D139" s="6"/>
      <c r="E139" s="6" t="s">
        <v>9</v>
      </c>
      <c r="F139" s="7">
        <v>38657</v>
      </c>
      <c r="G139" s="8">
        <v>1</v>
      </c>
      <c r="H139" s="8">
        <v>1</v>
      </c>
      <c r="I139" s="8">
        <v>0</v>
      </c>
      <c r="J139" s="8">
        <v>1</v>
      </c>
      <c r="K139" s="9">
        <v>5</v>
      </c>
      <c r="L139" s="6" t="s">
        <v>51</v>
      </c>
    </row>
    <row r="140" spans="1:12">
      <c r="A140" s="6" t="s">
        <v>49</v>
      </c>
      <c r="B140" s="6"/>
      <c r="C140" s="6" t="s">
        <v>154</v>
      </c>
      <c r="D140" s="6"/>
      <c r="E140" s="6" t="s">
        <v>9</v>
      </c>
      <c r="F140" s="7">
        <v>38657</v>
      </c>
      <c r="G140" s="8">
        <v>1</v>
      </c>
      <c r="H140" s="8">
        <v>1</v>
      </c>
      <c r="I140" s="8">
        <v>0</v>
      </c>
      <c r="J140" s="8">
        <v>1</v>
      </c>
      <c r="K140" s="9">
        <v>106</v>
      </c>
      <c r="L140" s="6" t="s">
        <v>51</v>
      </c>
    </row>
    <row r="141" spans="1:12">
      <c r="A141" s="6" t="s">
        <v>49</v>
      </c>
      <c r="B141" s="6"/>
      <c r="C141" s="6" t="s">
        <v>155</v>
      </c>
      <c r="D141" s="6"/>
      <c r="E141" s="6" t="s">
        <v>9</v>
      </c>
      <c r="F141" s="7">
        <v>38657</v>
      </c>
      <c r="G141" s="8">
        <v>1</v>
      </c>
      <c r="H141" s="8">
        <v>1</v>
      </c>
      <c r="I141" s="8">
        <v>0</v>
      </c>
      <c r="J141" s="8">
        <v>1</v>
      </c>
      <c r="K141" s="9">
        <v>59</v>
      </c>
      <c r="L141" s="6" t="s">
        <v>51</v>
      </c>
    </row>
    <row r="142" spans="1:12">
      <c r="A142" s="6" t="s">
        <v>49</v>
      </c>
      <c r="B142" s="6"/>
      <c r="C142" s="6" t="s">
        <v>156</v>
      </c>
      <c r="D142" s="6"/>
      <c r="E142" s="6" t="s">
        <v>9</v>
      </c>
      <c r="F142" s="7">
        <v>38657</v>
      </c>
      <c r="G142" s="8">
        <v>1</v>
      </c>
      <c r="H142" s="8">
        <v>1</v>
      </c>
      <c r="I142" s="8">
        <v>0</v>
      </c>
      <c r="J142" s="8">
        <v>1</v>
      </c>
      <c r="K142" s="9">
        <v>26</v>
      </c>
      <c r="L142" s="6" t="s">
        <v>51</v>
      </c>
    </row>
    <row r="143" spans="1:12">
      <c r="A143" s="6" t="s">
        <v>49</v>
      </c>
      <c r="B143" s="6"/>
      <c r="C143" s="6" t="s">
        <v>157</v>
      </c>
      <c r="D143" s="6"/>
      <c r="E143" s="6" t="s">
        <v>9</v>
      </c>
      <c r="F143" s="7">
        <v>38657</v>
      </c>
      <c r="G143" s="8">
        <v>1</v>
      </c>
      <c r="H143" s="8">
        <v>1</v>
      </c>
      <c r="I143" s="8">
        <v>0</v>
      </c>
      <c r="J143" s="8">
        <v>1</v>
      </c>
      <c r="K143" s="9">
        <v>25</v>
      </c>
      <c r="L143" s="6" t="s">
        <v>51</v>
      </c>
    </row>
    <row r="144" spans="1:12">
      <c r="A144" s="6" t="s">
        <v>49</v>
      </c>
      <c r="B144" s="6"/>
      <c r="C144" s="6" t="s">
        <v>158</v>
      </c>
      <c r="D144" s="6"/>
      <c r="E144" s="6" t="s">
        <v>9</v>
      </c>
      <c r="F144" s="7">
        <v>38657</v>
      </c>
      <c r="G144" s="8">
        <v>1</v>
      </c>
      <c r="H144" s="8">
        <v>1</v>
      </c>
      <c r="I144" s="8">
        <v>0</v>
      </c>
      <c r="J144" s="8">
        <v>1</v>
      </c>
      <c r="K144" s="9">
        <v>25</v>
      </c>
      <c r="L144" s="6" t="s">
        <v>51</v>
      </c>
    </row>
    <row r="145" spans="1:12">
      <c r="A145" s="6" t="s">
        <v>49</v>
      </c>
      <c r="B145" s="6"/>
      <c r="C145" s="6" t="s">
        <v>159</v>
      </c>
      <c r="D145" s="6"/>
      <c r="E145" s="6" t="s">
        <v>9</v>
      </c>
      <c r="F145" s="7">
        <v>38657</v>
      </c>
      <c r="G145" s="8">
        <v>1</v>
      </c>
      <c r="H145" s="8">
        <v>1</v>
      </c>
      <c r="I145" s="8">
        <v>0</v>
      </c>
      <c r="J145" s="8">
        <v>1</v>
      </c>
      <c r="K145" s="9">
        <v>25</v>
      </c>
      <c r="L145" s="6" t="s">
        <v>51</v>
      </c>
    </row>
    <row r="146" spans="1:12">
      <c r="A146" s="6" t="s">
        <v>49</v>
      </c>
      <c r="B146" s="6"/>
      <c r="C146" s="6" t="s">
        <v>160</v>
      </c>
      <c r="D146" s="6"/>
      <c r="E146" s="6" t="s">
        <v>9</v>
      </c>
      <c r="F146" s="7">
        <v>38657</v>
      </c>
      <c r="G146" s="8">
        <v>1</v>
      </c>
      <c r="H146" s="8">
        <v>1</v>
      </c>
      <c r="I146" s="8">
        <v>0</v>
      </c>
      <c r="J146" s="8">
        <v>1</v>
      </c>
      <c r="K146" s="9">
        <v>24</v>
      </c>
      <c r="L146" s="6" t="s">
        <v>51</v>
      </c>
    </row>
    <row r="147" spans="1:12">
      <c r="A147" s="6" t="s">
        <v>49</v>
      </c>
      <c r="B147" s="6"/>
      <c r="C147" s="6" t="s">
        <v>161</v>
      </c>
      <c r="D147" s="6"/>
      <c r="E147" s="6" t="s">
        <v>9</v>
      </c>
      <c r="F147" s="7">
        <v>38657</v>
      </c>
      <c r="G147" s="8">
        <v>1</v>
      </c>
      <c r="H147" s="8">
        <v>1</v>
      </c>
      <c r="I147" s="8">
        <v>0</v>
      </c>
      <c r="J147" s="8">
        <v>1</v>
      </c>
      <c r="K147" s="9">
        <v>0.75</v>
      </c>
      <c r="L147" s="6" t="s">
        <v>51</v>
      </c>
    </row>
    <row r="148" spans="1:12">
      <c r="A148" s="6" t="s">
        <v>49</v>
      </c>
      <c r="B148" s="6"/>
      <c r="C148" s="6" t="s">
        <v>162</v>
      </c>
      <c r="D148" s="6"/>
      <c r="E148" s="6" t="s">
        <v>9</v>
      </c>
      <c r="F148" s="7">
        <v>38657</v>
      </c>
      <c r="G148" s="8">
        <v>1</v>
      </c>
      <c r="H148" s="8">
        <v>1</v>
      </c>
      <c r="I148" s="8">
        <v>0</v>
      </c>
      <c r="J148" s="8">
        <v>1</v>
      </c>
      <c r="K148" s="9">
        <v>13</v>
      </c>
      <c r="L148" s="6" t="s">
        <v>51</v>
      </c>
    </row>
    <row r="149" spans="1:12">
      <c r="A149" s="6" t="s">
        <v>49</v>
      </c>
      <c r="B149" s="6"/>
      <c r="C149" s="6" t="s">
        <v>163</v>
      </c>
      <c r="D149" s="6"/>
      <c r="E149" s="6" t="s">
        <v>9</v>
      </c>
      <c r="F149" s="7">
        <v>38657</v>
      </c>
      <c r="G149" s="8">
        <v>1</v>
      </c>
      <c r="H149" s="8">
        <v>1</v>
      </c>
      <c r="I149" s="8">
        <v>0</v>
      </c>
      <c r="J149" s="8">
        <v>1</v>
      </c>
      <c r="K149" s="9">
        <v>20</v>
      </c>
      <c r="L149" s="6" t="s">
        <v>51</v>
      </c>
    </row>
    <row r="150" spans="1:12">
      <c r="A150" s="6" t="s">
        <v>49</v>
      </c>
      <c r="B150" s="6"/>
      <c r="C150" s="6" t="s">
        <v>164</v>
      </c>
      <c r="D150" s="6"/>
      <c r="E150" s="6" t="s">
        <v>9</v>
      </c>
      <c r="F150" s="7">
        <v>38657</v>
      </c>
      <c r="G150" s="8">
        <v>1</v>
      </c>
      <c r="H150" s="8">
        <v>1</v>
      </c>
      <c r="I150" s="8">
        <v>0</v>
      </c>
      <c r="J150" s="8">
        <v>1</v>
      </c>
      <c r="K150" s="9">
        <v>13</v>
      </c>
      <c r="L150" s="6" t="s">
        <v>51</v>
      </c>
    </row>
    <row r="151" spans="1:12">
      <c r="A151" s="6" t="s">
        <v>49</v>
      </c>
      <c r="B151" s="6"/>
      <c r="C151" s="6" t="s">
        <v>165</v>
      </c>
      <c r="D151" s="6"/>
      <c r="E151" s="6" t="s">
        <v>9</v>
      </c>
      <c r="F151" s="7">
        <v>38657</v>
      </c>
      <c r="G151" s="8">
        <v>1</v>
      </c>
      <c r="H151" s="8">
        <v>1</v>
      </c>
      <c r="I151" s="8">
        <v>0</v>
      </c>
      <c r="J151" s="8">
        <v>1</v>
      </c>
      <c r="K151" s="9">
        <v>5</v>
      </c>
      <c r="L151" s="6" t="s">
        <v>51</v>
      </c>
    </row>
    <row r="152" spans="1:12">
      <c r="A152" s="6" t="s">
        <v>49</v>
      </c>
      <c r="B152" s="6"/>
      <c r="C152" s="6" t="s">
        <v>166</v>
      </c>
      <c r="D152" s="6"/>
      <c r="E152" s="6" t="s">
        <v>9</v>
      </c>
      <c r="F152" s="7">
        <v>38657</v>
      </c>
      <c r="G152" s="8">
        <v>1</v>
      </c>
      <c r="H152" s="8">
        <v>1</v>
      </c>
      <c r="I152" s="8">
        <v>0</v>
      </c>
      <c r="J152" s="8">
        <v>1</v>
      </c>
      <c r="K152" s="9">
        <v>6.79</v>
      </c>
      <c r="L152" s="6" t="s">
        <v>51</v>
      </c>
    </row>
    <row r="153" spans="1:12">
      <c r="A153" s="6" t="s">
        <v>49</v>
      </c>
      <c r="B153" s="6"/>
      <c r="C153" s="6" t="s">
        <v>167</v>
      </c>
      <c r="D153" s="6"/>
      <c r="E153" s="6" t="s">
        <v>9</v>
      </c>
      <c r="F153" s="7">
        <v>38657</v>
      </c>
      <c r="G153" s="8">
        <v>1</v>
      </c>
      <c r="H153" s="8">
        <v>1</v>
      </c>
      <c r="I153" s="8">
        <v>0</v>
      </c>
      <c r="J153" s="8">
        <v>1</v>
      </c>
      <c r="K153" s="9">
        <v>9.18</v>
      </c>
      <c r="L153" s="6" t="s">
        <v>51</v>
      </c>
    </row>
    <row r="154" spans="1:12">
      <c r="A154" s="6" t="s">
        <v>49</v>
      </c>
      <c r="B154" s="6"/>
      <c r="C154" s="6" t="s">
        <v>168</v>
      </c>
      <c r="D154" s="6"/>
      <c r="E154" s="6" t="s">
        <v>9</v>
      </c>
      <c r="F154" s="7">
        <v>38657</v>
      </c>
      <c r="G154" s="8">
        <v>1</v>
      </c>
      <c r="H154" s="8">
        <v>1</v>
      </c>
      <c r="I154" s="8">
        <v>0</v>
      </c>
      <c r="J154" s="8">
        <v>1</v>
      </c>
      <c r="K154" s="9">
        <v>10</v>
      </c>
      <c r="L154" s="6" t="s">
        <v>51</v>
      </c>
    </row>
    <row r="155" spans="1:12">
      <c r="A155" s="6" t="s">
        <v>49</v>
      </c>
      <c r="B155" s="6"/>
      <c r="C155" s="6" t="s">
        <v>169</v>
      </c>
      <c r="D155" s="6"/>
      <c r="E155" s="6" t="s">
        <v>9</v>
      </c>
      <c r="F155" s="7">
        <v>38657</v>
      </c>
      <c r="G155" s="8">
        <v>1</v>
      </c>
      <c r="H155" s="8">
        <v>1</v>
      </c>
      <c r="I155" s="8">
        <v>0</v>
      </c>
      <c r="J155" s="8">
        <v>1</v>
      </c>
      <c r="K155" s="9">
        <v>10</v>
      </c>
      <c r="L155" s="6" t="s">
        <v>51</v>
      </c>
    </row>
    <row r="156" spans="1:12">
      <c r="A156" s="6" t="s">
        <v>49</v>
      </c>
      <c r="B156" s="6"/>
      <c r="C156" s="6" t="s">
        <v>170</v>
      </c>
      <c r="D156" s="6"/>
      <c r="E156" s="6" t="s">
        <v>9</v>
      </c>
      <c r="F156" s="7">
        <v>38657</v>
      </c>
      <c r="G156" s="8">
        <v>1</v>
      </c>
      <c r="H156" s="8">
        <v>1</v>
      </c>
      <c r="I156" s="8">
        <v>0</v>
      </c>
      <c r="J156" s="8">
        <v>1</v>
      </c>
      <c r="K156" s="9">
        <v>10</v>
      </c>
      <c r="L156" s="6" t="s">
        <v>51</v>
      </c>
    </row>
    <row r="157" spans="1:12">
      <c r="A157" s="6" t="s">
        <v>49</v>
      </c>
      <c r="B157" s="6"/>
      <c r="C157" s="6" t="s">
        <v>171</v>
      </c>
      <c r="D157" s="6"/>
      <c r="E157" s="6" t="s">
        <v>9</v>
      </c>
      <c r="F157" s="7">
        <v>38657</v>
      </c>
      <c r="G157" s="8">
        <v>1</v>
      </c>
      <c r="H157" s="8">
        <v>1</v>
      </c>
      <c r="I157" s="8">
        <v>0</v>
      </c>
      <c r="J157" s="8">
        <v>1</v>
      </c>
      <c r="K157" s="9">
        <v>10</v>
      </c>
      <c r="L157" s="6" t="s">
        <v>51</v>
      </c>
    </row>
    <row r="158" spans="1:12">
      <c r="A158" s="6" t="s">
        <v>49</v>
      </c>
      <c r="B158" s="6"/>
      <c r="C158" s="6" t="s">
        <v>172</v>
      </c>
      <c r="D158" s="6"/>
      <c r="E158" s="6" t="s">
        <v>9</v>
      </c>
      <c r="F158" s="7">
        <v>38657</v>
      </c>
      <c r="G158" s="8">
        <v>1</v>
      </c>
      <c r="H158" s="8">
        <v>1</v>
      </c>
      <c r="I158" s="8">
        <v>0</v>
      </c>
      <c r="J158" s="8">
        <v>1</v>
      </c>
      <c r="K158" s="9">
        <v>10</v>
      </c>
      <c r="L158" s="6" t="s">
        <v>51</v>
      </c>
    </row>
    <row r="159" spans="1:12">
      <c r="A159" s="6" t="s">
        <v>49</v>
      </c>
      <c r="B159" s="6"/>
      <c r="C159" s="6" t="s">
        <v>173</v>
      </c>
      <c r="D159" s="6"/>
      <c r="E159" s="6" t="s">
        <v>9</v>
      </c>
      <c r="F159" s="7">
        <v>38657</v>
      </c>
      <c r="G159" s="8">
        <v>1</v>
      </c>
      <c r="H159" s="8">
        <v>1</v>
      </c>
      <c r="I159" s="8">
        <v>0</v>
      </c>
      <c r="J159" s="8">
        <v>1</v>
      </c>
      <c r="K159" s="9">
        <v>10</v>
      </c>
      <c r="L159" s="6" t="s">
        <v>51</v>
      </c>
    </row>
    <row r="160" spans="1:12">
      <c r="A160" s="6" t="s">
        <v>49</v>
      </c>
      <c r="B160" s="6"/>
      <c r="C160" s="6" t="s">
        <v>174</v>
      </c>
      <c r="D160" s="6"/>
      <c r="E160" s="6" t="s">
        <v>9</v>
      </c>
      <c r="F160" s="7">
        <v>38657</v>
      </c>
      <c r="G160" s="8">
        <v>1</v>
      </c>
      <c r="H160" s="8">
        <v>1</v>
      </c>
      <c r="I160" s="8">
        <v>0</v>
      </c>
      <c r="J160" s="8">
        <v>1</v>
      </c>
      <c r="K160" s="9">
        <v>10</v>
      </c>
      <c r="L160" s="6" t="s">
        <v>51</v>
      </c>
    </row>
    <row r="161" spans="1:12">
      <c r="A161" s="6" t="s">
        <v>49</v>
      </c>
      <c r="B161" s="6"/>
      <c r="C161" s="6" t="s">
        <v>175</v>
      </c>
      <c r="D161" s="6"/>
      <c r="E161" s="6" t="s">
        <v>9</v>
      </c>
      <c r="F161" s="7">
        <v>38657</v>
      </c>
      <c r="G161" s="8">
        <v>1</v>
      </c>
      <c r="H161" s="8">
        <v>1</v>
      </c>
      <c r="I161" s="8">
        <v>0</v>
      </c>
      <c r="J161" s="8">
        <v>1</v>
      </c>
      <c r="K161" s="9">
        <v>10</v>
      </c>
      <c r="L161" s="6" t="s">
        <v>51</v>
      </c>
    </row>
    <row r="162" spans="1:12">
      <c r="A162" s="6" t="s">
        <v>49</v>
      </c>
      <c r="B162" s="6"/>
      <c r="C162" s="6" t="s">
        <v>176</v>
      </c>
      <c r="D162" s="6"/>
      <c r="E162" s="6" t="s">
        <v>9</v>
      </c>
      <c r="F162" s="7">
        <v>38657</v>
      </c>
      <c r="G162" s="8">
        <v>1</v>
      </c>
      <c r="H162" s="8">
        <v>1</v>
      </c>
      <c r="I162" s="8">
        <v>0</v>
      </c>
      <c r="J162" s="8">
        <v>1</v>
      </c>
      <c r="K162" s="9">
        <v>10</v>
      </c>
      <c r="L162" s="6" t="s">
        <v>51</v>
      </c>
    </row>
    <row r="163" spans="1:12">
      <c r="A163" s="6" t="s">
        <v>49</v>
      </c>
      <c r="B163" s="6"/>
      <c r="C163" s="6" t="s">
        <v>177</v>
      </c>
      <c r="D163" s="6"/>
      <c r="E163" s="6" t="s">
        <v>9</v>
      </c>
      <c r="F163" s="7">
        <v>38657</v>
      </c>
      <c r="G163" s="8">
        <v>1</v>
      </c>
      <c r="H163" s="8">
        <v>1</v>
      </c>
      <c r="I163" s="8">
        <v>0</v>
      </c>
      <c r="J163" s="8">
        <v>1</v>
      </c>
      <c r="K163" s="9">
        <v>10</v>
      </c>
      <c r="L163" s="6" t="s">
        <v>51</v>
      </c>
    </row>
    <row r="164" spans="1:12">
      <c r="A164" s="6" t="s">
        <v>49</v>
      </c>
      <c r="B164" s="6"/>
      <c r="C164" s="6" t="s">
        <v>178</v>
      </c>
      <c r="D164" s="6"/>
      <c r="E164" s="6" t="s">
        <v>9</v>
      </c>
      <c r="F164" s="7">
        <v>38657</v>
      </c>
      <c r="G164" s="8">
        <v>1</v>
      </c>
      <c r="H164" s="8">
        <v>1</v>
      </c>
      <c r="I164" s="8">
        <v>0</v>
      </c>
      <c r="J164" s="8">
        <v>1</v>
      </c>
      <c r="K164" s="9">
        <v>10</v>
      </c>
      <c r="L164" s="6" t="s">
        <v>51</v>
      </c>
    </row>
    <row r="165" spans="1:12">
      <c r="A165" s="6" t="s">
        <v>49</v>
      </c>
      <c r="B165" s="6"/>
      <c r="C165" s="6" t="s">
        <v>179</v>
      </c>
      <c r="D165" s="6"/>
      <c r="E165" s="6" t="s">
        <v>9</v>
      </c>
      <c r="F165" s="7">
        <v>38657</v>
      </c>
      <c r="G165" s="8">
        <v>1</v>
      </c>
      <c r="H165" s="8">
        <v>1</v>
      </c>
      <c r="I165" s="8">
        <v>0</v>
      </c>
      <c r="J165" s="8">
        <v>1</v>
      </c>
      <c r="K165" s="9">
        <v>10</v>
      </c>
      <c r="L165" s="6" t="s">
        <v>51</v>
      </c>
    </row>
    <row r="166" spans="1:12">
      <c r="A166" s="6" t="s">
        <v>49</v>
      </c>
      <c r="B166" s="6"/>
      <c r="C166" s="6" t="s">
        <v>180</v>
      </c>
      <c r="D166" s="6"/>
      <c r="E166" s="6" t="s">
        <v>9</v>
      </c>
      <c r="F166" s="7">
        <v>38657</v>
      </c>
      <c r="G166" s="8">
        <v>1</v>
      </c>
      <c r="H166" s="8">
        <v>1</v>
      </c>
      <c r="I166" s="8">
        <v>0</v>
      </c>
      <c r="J166" s="8">
        <v>1</v>
      </c>
      <c r="K166" s="9">
        <v>7.18</v>
      </c>
      <c r="L166" s="6" t="s">
        <v>51</v>
      </c>
    </row>
    <row r="167" spans="1:12">
      <c r="A167" s="6" t="s">
        <v>49</v>
      </c>
      <c r="B167" s="6"/>
      <c r="C167" s="6" t="s">
        <v>181</v>
      </c>
      <c r="D167" s="6"/>
      <c r="E167" s="6" t="s">
        <v>9</v>
      </c>
      <c r="F167" s="7">
        <v>38657</v>
      </c>
      <c r="G167" s="8">
        <v>1</v>
      </c>
      <c r="H167" s="8">
        <v>1</v>
      </c>
      <c r="I167" s="8">
        <v>0</v>
      </c>
      <c r="J167" s="8">
        <v>1</v>
      </c>
      <c r="K167" s="9">
        <v>50.83</v>
      </c>
      <c r="L167" s="6" t="s">
        <v>51</v>
      </c>
    </row>
    <row r="168" spans="1:12">
      <c r="A168" s="6" t="s">
        <v>49</v>
      </c>
      <c r="B168" s="6"/>
      <c r="C168" s="6" t="s">
        <v>182</v>
      </c>
      <c r="D168" s="6"/>
      <c r="E168" s="6" t="s">
        <v>9</v>
      </c>
      <c r="F168" s="7">
        <v>38657</v>
      </c>
      <c r="G168" s="8">
        <v>1</v>
      </c>
      <c r="H168" s="8">
        <v>1</v>
      </c>
      <c r="I168" s="8">
        <v>0</v>
      </c>
      <c r="J168" s="8">
        <v>1</v>
      </c>
      <c r="K168" s="9">
        <v>99</v>
      </c>
      <c r="L168" s="6" t="s">
        <v>51</v>
      </c>
    </row>
    <row r="169" spans="1:12">
      <c r="A169" s="6" t="s">
        <v>49</v>
      </c>
      <c r="B169" s="6"/>
      <c r="C169" s="6" t="s">
        <v>183</v>
      </c>
      <c r="D169" s="6"/>
      <c r="E169" s="6" t="s">
        <v>9</v>
      </c>
      <c r="F169" s="7">
        <v>38657</v>
      </c>
      <c r="G169" s="8">
        <v>1</v>
      </c>
      <c r="H169" s="8">
        <v>1</v>
      </c>
      <c r="I169" s="8">
        <v>0</v>
      </c>
      <c r="J169" s="8">
        <v>1</v>
      </c>
      <c r="K169" s="9">
        <v>184</v>
      </c>
      <c r="L169" s="6" t="s">
        <v>51</v>
      </c>
    </row>
    <row r="170" spans="1:12">
      <c r="A170" s="6" t="s">
        <v>49</v>
      </c>
      <c r="B170" s="6"/>
      <c r="C170" s="6" t="s">
        <v>184</v>
      </c>
      <c r="D170" s="6"/>
      <c r="E170" s="6" t="s">
        <v>9</v>
      </c>
      <c r="F170" s="7">
        <v>38657</v>
      </c>
      <c r="G170" s="8">
        <v>1</v>
      </c>
      <c r="H170" s="8">
        <v>1</v>
      </c>
      <c r="I170" s="8">
        <v>0</v>
      </c>
      <c r="J170" s="8">
        <v>1</v>
      </c>
      <c r="K170" s="9">
        <v>403</v>
      </c>
      <c r="L170" s="6" t="s">
        <v>51</v>
      </c>
    </row>
    <row r="171" spans="1:12">
      <c r="A171" s="6" t="s">
        <v>49</v>
      </c>
      <c r="B171" s="6"/>
      <c r="C171" s="6" t="s">
        <v>185</v>
      </c>
      <c r="D171" s="6"/>
      <c r="E171" s="6" t="s">
        <v>9</v>
      </c>
      <c r="F171" s="7">
        <v>38657</v>
      </c>
      <c r="G171" s="8">
        <v>1</v>
      </c>
      <c r="H171" s="8">
        <v>1</v>
      </c>
      <c r="I171" s="8">
        <v>0</v>
      </c>
      <c r="J171" s="8">
        <v>1</v>
      </c>
      <c r="K171" s="9">
        <v>389</v>
      </c>
      <c r="L171" s="6" t="s">
        <v>51</v>
      </c>
    </row>
    <row r="172" spans="1:12">
      <c r="A172" s="6" t="s">
        <v>49</v>
      </c>
      <c r="B172" s="6"/>
      <c r="C172" s="6" t="s">
        <v>186</v>
      </c>
      <c r="D172" s="6"/>
      <c r="E172" s="6" t="s">
        <v>9</v>
      </c>
      <c r="F172" s="7">
        <v>38657</v>
      </c>
      <c r="G172" s="8">
        <v>1</v>
      </c>
      <c r="H172" s="8">
        <v>1</v>
      </c>
      <c r="I172" s="8">
        <v>0</v>
      </c>
      <c r="J172" s="8">
        <v>1</v>
      </c>
      <c r="K172" s="9">
        <v>46</v>
      </c>
      <c r="L172" s="6" t="s">
        <v>51</v>
      </c>
    </row>
    <row r="173" spans="1:12">
      <c r="A173" s="6" t="s">
        <v>49</v>
      </c>
      <c r="B173" s="6"/>
      <c r="C173" s="6" t="s">
        <v>187</v>
      </c>
      <c r="D173" s="6"/>
      <c r="E173" s="6" t="s">
        <v>9</v>
      </c>
      <c r="F173" s="7">
        <v>38657</v>
      </c>
      <c r="G173" s="8">
        <v>1</v>
      </c>
      <c r="H173" s="8">
        <v>1</v>
      </c>
      <c r="I173" s="8">
        <v>0</v>
      </c>
      <c r="J173" s="8">
        <v>1</v>
      </c>
      <c r="K173" s="9">
        <v>9</v>
      </c>
      <c r="L173" s="6" t="s">
        <v>51</v>
      </c>
    </row>
    <row r="174" spans="1:12">
      <c r="A174" s="6" t="s">
        <v>49</v>
      </c>
      <c r="B174" s="6"/>
      <c r="C174" s="6" t="s">
        <v>188</v>
      </c>
      <c r="D174" s="6"/>
      <c r="E174" s="6" t="s">
        <v>9</v>
      </c>
      <c r="F174" s="7">
        <v>38657</v>
      </c>
      <c r="G174" s="8">
        <v>1</v>
      </c>
      <c r="H174" s="8">
        <v>1</v>
      </c>
      <c r="I174" s="8">
        <v>0</v>
      </c>
      <c r="J174" s="8">
        <v>1</v>
      </c>
      <c r="K174" s="9">
        <v>42</v>
      </c>
      <c r="L174" s="6" t="s">
        <v>51</v>
      </c>
    </row>
    <row r="175" spans="1:12">
      <c r="A175" s="6" t="s">
        <v>49</v>
      </c>
      <c r="B175" s="6"/>
      <c r="C175" s="6" t="s">
        <v>189</v>
      </c>
      <c r="D175" s="6"/>
      <c r="E175" s="6" t="s">
        <v>9</v>
      </c>
      <c r="F175" s="7">
        <v>38657</v>
      </c>
      <c r="G175" s="8">
        <v>1</v>
      </c>
      <c r="H175" s="8">
        <v>1</v>
      </c>
      <c r="I175" s="8">
        <v>0</v>
      </c>
      <c r="J175" s="8">
        <v>1</v>
      </c>
      <c r="K175" s="9">
        <v>114</v>
      </c>
      <c r="L175" s="6" t="s">
        <v>51</v>
      </c>
    </row>
    <row r="176" spans="1:12">
      <c r="A176" s="6" t="s">
        <v>49</v>
      </c>
      <c r="B176" s="6"/>
      <c r="C176" s="6" t="s">
        <v>190</v>
      </c>
      <c r="D176" s="6"/>
      <c r="E176" s="6" t="s">
        <v>9</v>
      </c>
      <c r="F176" s="7">
        <v>38657</v>
      </c>
      <c r="G176" s="8">
        <v>1</v>
      </c>
      <c r="H176" s="8">
        <v>1</v>
      </c>
      <c r="I176" s="8">
        <v>0</v>
      </c>
      <c r="J176" s="8">
        <v>1</v>
      </c>
      <c r="K176" s="9">
        <v>42</v>
      </c>
      <c r="L176" s="6" t="s">
        <v>51</v>
      </c>
    </row>
    <row r="177" spans="1:12">
      <c r="A177" s="6" t="s">
        <v>49</v>
      </c>
      <c r="B177" s="6"/>
      <c r="C177" s="6" t="s">
        <v>191</v>
      </c>
      <c r="D177" s="6"/>
      <c r="E177" s="6" t="s">
        <v>9</v>
      </c>
      <c r="F177" s="7">
        <v>38657</v>
      </c>
      <c r="G177" s="8">
        <v>1</v>
      </c>
      <c r="H177" s="8">
        <v>1</v>
      </c>
      <c r="I177" s="8">
        <v>0</v>
      </c>
      <c r="J177" s="8">
        <v>1</v>
      </c>
      <c r="K177" s="9">
        <v>112</v>
      </c>
      <c r="L177" s="6" t="s">
        <v>51</v>
      </c>
    </row>
    <row r="178" spans="1:12">
      <c r="A178" s="6" t="s">
        <v>49</v>
      </c>
      <c r="B178" s="6"/>
      <c r="C178" s="6" t="s">
        <v>192</v>
      </c>
      <c r="D178" s="6"/>
      <c r="E178" s="6" t="s">
        <v>9</v>
      </c>
      <c r="F178" s="7">
        <v>38657</v>
      </c>
      <c r="G178" s="8">
        <v>1</v>
      </c>
      <c r="H178" s="8">
        <v>1</v>
      </c>
      <c r="I178" s="8">
        <v>0</v>
      </c>
      <c r="J178" s="8">
        <v>1</v>
      </c>
      <c r="K178" s="9">
        <v>42</v>
      </c>
      <c r="L178" s="6" t="s">
        <v>51</v>
      </c>
    </row>
    <row r="179" spans="1:12">
      <c r="A179" s="6" t="s">
        <v>49</v>
      </c>
      <c r="B179" s="6"/>
      <c r="C179" s="6" t="s">
        <v>193</v>
      </c>
      <c r="D179" s="6"/>
      <c r="E179" s="6" t="s">
        <v>9</v>
      </c>
      <c r="F179" s="7">
        <v>38657</v>
      </c>
      <c r="G179" s="8">
        <v>1</v>
      </c>
      <c r="H179" s="8">
        <v>1</v>
      </c>
      <c r="I179" s="8">
        <v>0</v>
      </c>
      <c r="J179" s="8">
        <v>1</v>
      </c>
      <c r="K179" s="9">
        <v>110</v>
      </c>
      <c r="L179" s="6" t="s">
        <v>51</v>
      </c>
    </row>
    <row r="180" spans="1:12">
      <c r="A180" s="6" t="s">
        <v>49</v>
      </c>
      <c r="B180" s="6"/>
      <c r="C180" s="6" t="s">
        <v>194</v>
      </c>
      <c r="D180" s="6"/>
      <c r="E180" s="6" t="s">
        <v>9</v>
      </c>
      <c r="F180" s="7">
        <v>38657</v>
      </c>
      <c r="G180" s="8">
        <v>1</v>
      </c>
      <c r="H180" s="8">
        <v>1</v>
      </c>
      <c r="I180" s="8">
        <v>0</v>
      </c>
      <c r="J180" s="8">
        <v>1</v>
      </c>
      <c r="K180" s="9">
        <v>42</v>
      </c>
      <c r="L180" s="6" t="s">
        <v>51</v>
      </c>
    </row>
    <row r="181" spans="1:12">
      <c r="A181" s="6" t="s">
        <v>49</v>
      </c>
      <c r="B181" s="6"/>
      <c r="C181" s="6" t="s">
        <v>195</v>
      </c>
      <c r="D181" s="6"/>
      <c r="E181" s="6" t="s">
        <v>9</v>
      </c>
      <c r="F181" s="7">
        <v>38657</v>
      </c>
      <c r="G181" s="8">
        <v>1</v>
      </c>
      <c r="H181" s="8">
        <v>1</v>
      </c>
      <c r="I181" s="8">
        <v>0</v>
      </c>
      <c r="J181" s="8">
        <v>1</v>
      </c>
      <c r="K181" s="9">
        <v>109</v>
      </c>
      <c r="L181" s="6" t="s">
        <v>51</v>
      </c>
    </row>
    <row r="182" spans="1:12">
      <c r="A182" s="6" t="s">
        <v>49</v>
      </c>
      <c r="B182" s="6"/>
      <c r="C182" s="6" t="s">
        <v>196</v>
      </c>
      <c r="D182" s="6"/>
      <c r="E182" s="6" t="s">
        <v>9</v>
      </c>
      <c r="F182" s="7">
        <v>38657</v>
      </c>
      <c r="G182" s="8">
        <v>1</v>
      </c>
      <c r="H182" s="8">
        <v>1</v>
      </c>
      <c r="I182" s="8">
        <v>0</v>
      </c>
      <c r="J182" s="8">
        <v>1</v>
      </c>
      <c r="K182" s="9">
        <v>42</v>
      </c>
      <c r="L182" s="6" t="s">
        <v>51</v>
      </c>
    </row>
    <row r="183" spans="1:12">
      <c r="A183" s="6" t="s">
        <v>49</v>
      </c>
      <c r="B183" s="6"/>
      <c r="C183" s="6" t="s">
        <v>197</v>
      </c>
      <c r="D183" s="6"/>
      <c r="E183" s="6" t="s">
        <v>9</v>
      </c>
      <c r="F183" s="7">
        <v>38657</v>
      </c>
      <c r="G183" s="8">
        <v>1</v>
      </c>
      <c r="H183" s="8">
        <v>1</v>
      </c>
      <c r="I183" s="8">
        <v>0</v>
      </c>
      <c r="J183" s="8">
        <v>1</v>
      </c>
      <c r="K183" s="9">
        <v>106</v>
      </c>
      <c r="L183" s="6" t="s">
        <v>51</v>
      </c>
    </row>
    <row r="184" spans="1:12">
      <c r="A184" s="6" t="s">
        <v>49</v>
      </c>
      <c r="B184" s="6"/>
      <c r="C184" s="6" t="s">
        <v>198</v>
      </c>
      <c r="D184" s="6"/>
      <c r="E184" s="6" t="s">
        <v>9</v>
      </c>
      <c r="F184" s="7">
        <v>38657</v>
      </c>
      <c r="G184" s="8">
        <v>1</v>
      </c>
      <c r="H184" s="8">
        <v>1</v>
      </c>
      <c r="I184" s="8">
        <v>0</v>
      </c>
      <c r="J184" s="8">
        <v>1</v>
      </c>
      <c r="K184" s="9">
        <v>9</v>
      </c>
      <c r="L184" s="6" t="s">
        <v>51</v>
      </c>
    </row>
    <row r="185" spans="1:12">
      <c r="A185" s="6" t="s">
        <v>49</v>
      </c>
      <c r="B185" s="6"/>
      <c r="C185" s="6" t="s">
        <v>199</v>
      </c>
      <c r="D185" s="6"/>
      <c r="E185" s="6" t="s">
        <v>9</v>
      </c>
      <c r="F185" s="7">
        <v>38657</v>
      </c>
      <c r="G185" s="8">
        <v>1</v>
      </c>
      <c r="H185" s="8">
        <v>1</v>
      </c>
      <c r="I185" s="8">
        <v>0</v>
      </c>
      <c r="J185" s="8">
        <v>1</v>
      </c>
      <c r="K185" s="9">
        <v>362</v>
      </c>
      <c r="L185" s="6" t="s">
        <v>51</v>
      </c>
    </row>
    <row r="186" spans="1:12">
      <c r="A186" s="6" t="s">
        <v>49</v>
      </c>
      <c r="B186" s="6"/>
      <c r="C186" s="6" t="s">
        <v>200</v>
      </c>
      <c r="D186" s="6"/>
      <c r="E186" s="6" t="s">
        <v>9</v>
      </c>
      <c r="F186" s="7">
        <v>38657</v>
      </c>
      <c r="G186" s="8">
        <v>1</v>
      </c>
      <c r="H186" s="8">
        <v>1</v>
      </c>
      <c r="I186" s="8">
        <v>0</v>
      </c>
      <c r="J186" s="8">
        <v>1</v>
      </c>
      <c r="K186" s="9">
        <v>434.34</v>
      </c>
      <c r="L186" s="6" t="s">
        <v>51</v>
      </c>
    </row>
    <row r="187" spans="1:12">
      <c r="A187" s="6" t="s">
        <v>49</v>
      </c>
      <c r="B187" s="6"/>
      <c r="C187" s="6" t="s">
        <v>201</v>
      </c>
      <c r="D187" s="6"/>
      <c r="E187" s="6" t="s">
        <v>9</v>
      </c>
      <c r="F187" s="7">
        <v>38657</v>
      </c>
      <c r="G187" s="8">
        <v>1</v>
      </c>
      <c r="H187" s="8">
        <v>1</v>
      </c>
      <c r="I187" s="8">
        <v>0</v>
      </c>
      <c r="J187" s="8">
        <v>1</v>
      </c>
      <c r="K187" s="9">
        <v>163</v>
      </c>
      <c r="L187" s="6" t="s">
        <v>51</v>
      </c>
    </row>
    <row r="188" spans="1:12">
      <c r="A188" s="6" t="s">
        <v>49</v>
      </c>
      <c r="B188" s="6"/>
      <c r="C188" s="6" t="s">
        <v>202</v>
      </c>
      <c r="D188" s="6"/>
      <c r="E188" s="6" t="s">
        <v>9</v>
      </c>
      <c r="F188" s="7">
        <v>38657</v>
      </c>
      <c r="G188" s="8">
        <v>1</v>
      </c>
      <c r="H188" s="8">
        <v>1</v>
      </c>
      <c r="I188" s="8">
        <v>0</v>
      </c>
      <c r="J188" s="8">
        <v>1</v>
      </c>
      <c r="K188" s="9">
        <v>69</v>
      </c>
      <c r="L188" s="6" t="s">
        <v>51</v>
      </c>
    </row>
    <row r="189" spans="1:12">
      <c r="A189" s="6" t="s">
        <v>49</v>
      </c>
      <c r="B189" s="6"/>
      <c r="C189" s="6" t="s">
        <v>203</v>
      </c>
      <c r="D189" s="6"/>
      <c r="E189" s="6" t="s">
        <v>9</v>
      </c>
      <c r="F189" s="7">
        <v>38657</v>
      </c>
      <c r="G189" s="8">
        <v>1</v>
      </c>
      <c r="H189" s="8">
        <v>1</v>
      </c>
      <c r="I189" s="8">
        <v>0</v>
      </c>
      <c r="J189" s="8">
        <v>1</v>
      </c>
      <c r="K189" s="9">
        <v>82</v>
      </c>
      <c r="L189" s="6" t="s">
        <v>51</v>
      </c>
    </row>
    <row r="190" spans="1:12">
      <c r="A190" s="6" t="s">
        <v>49</v>
      </c>
      <c r="B190" s="6"/>
      <c r="C190" s="6" t="s">
        <v>204</v>
      </c>
      <c r="D190" s="6"/>
      <c r="E190" s="6" t="s">
        <v>9</v>
      </c>
      <c r="F190" s="7">
        <v>38657</v>
      </c>
      <c r="G190" s="8">
        <v>1</v>
      </c>
      <c r="H190" s="8">
        <v>1</v>
      </c>
      <c r="I190" s="8">
        <v>0</v>
      </c>
      <c r="J190" s="8">
        <v>1</v>
      </c>
      <c r="K190" s="9">
        <v>144</v>
      </c>
      <c r="L190" s="6" t="s">
        <v>51</v>
      </c>
    </row>
    <row r="191" spans="1:12">
      <c r="A191" s="6" t="s">
        <v>49</v>
      </c>
      <c r="B191" s="6"/>
      <c r="C191" s="6" t="s">
        <v>205</v>
      </c>
      <c r="D191" s="6"/>
      <c r="E191" s="6" t="s">
        <v>9</v>
      </c>
      <c r="F191" s="7">
        <v>38657</v>
      </c>
      <c r="G191" s="8">
        <v>1</v>
      </c>
      <c r="H191" s="8">
        <v>1</v>
      </c>
      <c r="I191" s="8">
        <v>0</v>
      </c>
      <c r="J191" s="8">
        <v>1</v>
      </c>
      <c r="K191" s="9">
        <v>201</v>
      </c>
      <c r="L191" s="6" t="s">
        <v>51</v>
      </c>
    </row>
    <row r="192" spans="1:12">
      <c r="A192" s="6" t="s">
        <v>49</v>
      </c>
      <c r="B192" s="6"/>
      <c r="C192" s="6" t="s">
        <v>206</v>
      </c>
      <c r="D192" s="6"/>
      <c r="E192" s="6" t="s">
        <v>9</v>
      </c>
      <c r="F192" s="7">
        <v>38657</v>
      </c>
      <c r="G192" s="8">
        <v>1</v>
      </c>
      <c r="H192" s="8">
        <v>1</v>
      </c>
      <c r="I192" s="8">
        <v>0</v>
      </c>
      <c r="J192" s="8">
        <v>1</v>
      </c>
      <c r="K192" s="9">
        <v>42</v>
      </c>
      <c r="L192" s="6" t="s">
        <v>51</v>
      </c>
    </row>
    <row r="193" spans="1:12">
      <c r="A193" s="6" t="s">
        <v>49</v>
      </c>
      <c r="B193" s="6"/>
      <c r="C193" s="6" t="s">
        <v>207</v>
      </c>
      <c r="D193" s="6"/>
      <c r="E193" s="6" t="s">
        <v>9</v>
      </c>
      <c r="F193" s="7">
        <v>38657</v>
      </c>
      <c r="G193" s="8">
        <v>1</v>
      </c>
      <c r="H193" s="8">
        <v>1</v>
      </c>
      <c r="I193" s="8">
        <v>0</v>
      </c>
      <c r="J193" s="8">
        <v>1</v>
      </c>
      <c r="K193" s="9">
        <v>200</v>
      </c>
      <c r="L193" s="6" t="s">
        <v>51</v>
      </c>
    </row>
    <row r="194" spans="1:12">
      <c r="A194" s="6" t="s">
        <v>49</v>
      </c>
      <c r="B194" s="6"/>
      <c r="C194" s="6" t="s">
        <v>208</v>
      </c>
      <c r="D194" s="6"/>
      <c r="E194" s="6" t="s">
        <v>9</v>
      </c>
      <c r="F194" s="7">
        <v>38657</v>
      </c>
      <c r="G194" s="8">
        <v>1</v>
      </c>
      <c r="H194" s="8">
        <v>1</v>
      </c>
      <c r="I194" s="8">
        <v>0</v>
      </c>
      <c r="J194" s="8">
        <v>1</v>
      </c>
      <c r="K194" s="9">
        <v>42</v>
      </c>
      <c r="L194" s="6" t="s">
        <v>51</v>
      </c>
    </row>
    <row r="195" spans="1:12">
      <c r="A195" s="6" t="s">
        <v>49</v>
      </c>
      <c r="B195" s="6"/>
      <c r="C195" s="6" t="s">
        <v>209</v>
      </c>
      <c r="D195" s="6"/>
      <c r="E195" s="6" t="s">
        <v>9</v>
      </c>
      <c r="F195" s="7">
        <v>38657</v>
      </c>
      <c r="G195" s="8">
        <v>1</v>
      </c>
      <c r="H195" s="8">
        <v>1</v>
      </c>
      <c r="I195" s="8">
        <v>0</v>
      </c>
      <c r="J195" s="8">
        <v>1</v>
      </c>
      <c r="K195" s="9">
        <v>10</v>
      </c>
      <c r="L195" s="6" t="s">
        <v>51</v>
      </c>
    </row>
    <row r="196" spans="1:12">
      <c r="A196" s="6" t="s">
        <v>49</v>
      </c>
      <c r="B196" s="6"/>
      <c r="C196" s="6" t="s">
        <v>210</v>
      </c>
      <c r="D196" s="6"/>
      <c r="E196" s="6" t="s">
        <v>9</v>
      </c>
      <c r="F196" s="7">
        <v>38657</v>
      </c>
      <c r="G196" s="8">
        <v>1</v>
      </c>
      <c r="H196" s="8">
        <v>1</v>
      </c>
      <c r="I196" s="8">
        <v>0</v>
      </c>
      <c r="J196" s="8">
        <v>1</v>
      </c>
      <c r="K196" s="9">
        <v>155</v>
      </c>
      <c r="L196" s="6" t="s">
        <v>51</v>
      </c>
    </row>
    <row r="197" spans="1:12">
      <c r="A197" s="6" t="s">
        <v>49</v>
      </c>
      <c r="B197" s="6"/>
      <c r="C197" s="6" t="s">
        <v>211</v>
      </c>
      <c r="D197" s="6"/>
      <c r="E197" s="6" t="s">
        <v>9</v>
      </c>
      <c r="F197" s="7">
        <v>38657</v>
      </c>
      <c r="G197" s="8">
        <v>1</v>
      </c>
      <c r="H197" s="8">
        <v>1</v>
      </c>
      <c r="I197" s="8">
        <v>0</v>
      </c>
      <c r="J197" s="8">
        <v>1</v>
      </c>
      <c r="K197" s="9">
        <v>214</v>
      </c>
      <c r="L197" s="6" t="s">
        <v>51</v>
      </c>
    </row>
    <row r="198" spans="1:12">
      <c r="A198" s="6" t="s">
        <v>49</v>
      </c>
      <c r="B198" s="6"/>
      <c r="C198" s="6" t="s">
        <v>212</v>
      </c>
      <c r="D198" s="6"/>
      <c r="E198" s="6" t="s">
        <v>9</v>
      </c>
      <c r="F198" s="7">
        <v>38657</v>
      </c>
      <c r="G198" s="8">
        <v>1</v>
      </c>
      <c r="H198" s="8">
        <v>1</v>
      </c>
      <c r="I198" s="8">
        <v>0</v>
      </c>
      <c r="J198" s="8">
        <v>1</v>
      </c>
      <c r="K198" s="9">
        <v>98</v>
      </c>
      <c r="L198" s="6" t="s">
        <v>51</v>
      </c>
    </row>
    <row r="199" spans="1:12">
      <c r="A199" s="6" t="s">
        <v>49</v>
      </c>
      <c r="B199" s="6"/>
      <c r="C199" s="6" t="s">
        <v>213</v>
      </c>
      <c r="D199" s="6"/>
      <c r="E199" s="6" t="s">
        <v>9</v>
      </c>
      <c r="F199" s="7">
        <v>38657</v>
      </c>
      <c r="G199" s="8">
        <v>1</v>
      </c>
      <c r="H199" s="8">
        <v>1</v>
      </c>
      <c r="I199" s="8">
        <v>0</v>
      </c>
      <c r="J199" s="8">
        <v>1</v>
      </c>
      <c r="K199" s="9">
        <v>42</v>
      </c>
      <c r="L199" s="6" t="s">
        <v>51</v>
      </c>
    </row>
    <row r="200" spans="1:12">
      <c r="A200" s="6" t="s">
        <v>49</v>
      </c>
      <c r="B200" s="6"/>
      <c r="C200" s="6" t="s">
        <v>214</v>
      </c>
      <c r="D200" s="6"/>
      <c r="E200" s="6" t="s">
        <v>9</v>
      </c>
      <c r="F200" s="7">
        <v>38657</v>
      </c>
      <c r="G200" s="8">
        <v>1</v>
      </c>
      <c r="H200" s="8">
        <v>1</v>
      </c>
      <c r="I200" s="8">
        <v>0</v>
      </c>
      <c r="J200" s="8">
        <v>1</v>
      </c>
      <c r="K200" s="9">
        <v>119</v>
      </c>
      <c r="L200" s="6" t="s">
        <v>51</v>
      </c>
    </row>
    <row r="201" spans="1:12">
      <c r="A201" s="6" t="s">
        <v>49</v>
      </c>
      <c r="B201" s="6"/>
      <c r="C201" s="6" t="s">
        <v>215</v>
      </c>
      <c r="D201" s="6"/>
      <c r="E201" s="6" t="s">
        <v>9</v>
      </c>
      <c r="F201" s="7">
        <v>38657</v>
      </c>
      <c r="G201" s="8">
        <v>1</v>
      </c>
      <c r="H201" s="8">
        <v>1</v>
      </c>
      <c r="I201" s="8">
        <v>0</v>
      </c>
      <c r="J201" s="8">
        <v>1</v>
      </c>
      <c r="K201" s="9">
        <v>42</v>
      </c>
      <c r="L201" s="6" t="s">
        <v>51</v>
      </c>
    </row>
    <row r="202" spans="1:12">
      <c r="A202" s="6" t="s">
        <v>49</v>
      </c>
      <c r="B202" s="6"/>
      <c r="C202" s="6" t="s">
        <v>216</v>
      </c>
      <c r="D202" s="6"/>
      <c r="E202" s="6" t="s">
        <v>9</v>
      </c>
      <c r="F202" s="7">
        <v>38657</v>
      </c>
      <c r="G202" s="8">
        <v>1</v>
      </c>
      <c r="H202" s="8">
        <v>1</v>
      </c>
      <c r="I202" s="8">
        <v>0</v>
      </c>
      <c r="J202" s="8">
        <v>1</v>
      </c>
      <c r="K202" s="9">
        <v>110</v>
      </c>
      <c r="L202" s="6" t="s">
        <v>51</v>
      </c>
    </row>
    <row r="203" spans="1:12">
      <c r="A203" s="6" t="s">
        <v>49</v>
      </c>
      <c r="B203" s="6"/>
      <c r="C203" s="6" t="s">
        <v>217</v>
      </c>
      <c r="D203" s="6"/>
      <c r="E203" s="6" t="s">
        <v>9</v>
      </c>
      <c r="F203" s="7">
        <v>38657</v>
      </c>
      <c r="G203" s="8">
        <v>1</v>
      </c>
      <c r="H203" s="8">
        <v>1</v>
      </c>
      <c r="I203" s="8">
        <v>0</v>
      </c>
      <c r="J203" s="8">
        <v>1</v>
      </c>
      <c r="K203" s="9">
        <v>112</v>
      </c>
      <c r="L203" s="6" t="s">
        <v>51</v>
      </c>
    </row>
    <row r="204" spans="1:12">
      <c r="A204" s="6" t="s">
        <v>49</v>
      </c>
      <c r="B204" s="6"/>
      <c r="C204" s="6" t="s">
        <v>218</v>
      </c>
      <c r="D204" s="6"/>
      <c r="E204" s="6" t="s">
        <v>9</v>
      </c>
      <c r="F204" s="7">
        <v>38657</v>
      </c>
      <c r="G204" s="8">
        <v>1</v>
      </c>
      <c r="H204" s="8">
        <v>1</v>
      </c>
      <c r="I204" s="8">
        <v>0</v>
      </c>
      <c r="J204" s="8">
        <v>1</v>
      </c>
      <c r="K204" s="9">
        <v>111</v>
      </c>
      <c r="L204" s="6" t="s">
        <v>51</v>
      </c>
    </row>
    <row r="205" spans="1:12">
      <c r="A205" s="6" t="s">
        <v>49</v>
      </c>
      <c r="B205" s="6"/>
      <c r="C205" s="6" t="s">
        <v>219</v>
      </c>
      <c r="D205" s="6"/>
      <c r="E205" s="6" t="s">
        <v>9</v>
      </c>
      <c r="F205" s="7">
        <v>38657</v>
      </c>
      <c r="G205" s="8">
        <v>1</v>
      </c>
      <c r="H205" s="8">
        <v>1</v>
      </c>
      <c r="I205" s="8">
        <v>0</v>
      </c>
      <c r="J205" s="8">
        <v>1</v>
      </c>
      <c r="K205" s="9">
        <v>111</v>
      </c>
      <c r="L205" s="6" t="s">
        <v>51</v>
      </c>
    </row>
    <row r="206" spans="1:12">
      <c r="A206" s="6" t="s">
        <v>49</v>
      </c>
      <c r="B206" s="6"/>
      <c r="C206" s="6" t="s">
        <v>220</v>
      </c>
      <c r="D206" s="6"/>
      <c r="E206" s="6" t="s">
        <v>9</v>
      </c>
      <c r="F206" s="7">
        <v>38657</v>
      </c>
      <c r="G206" s="8">
        <v>1</v>
      </c>
      <c r="H206" s="8">
        <v>1</v>
      </c>
      <c r="I206" s="8">
        <v>0</v>
      </c>
      <c r="J206" s="8">
        <v>1</v>
      </c>
      <c r="K206" s="9">
        <v>10</v>
      </c>
      <c r="L206" s="6" t="s">
        <v>51</v>
      </c>
    </row>
    <row r="207" spans="1:12">
      <c r="A207" s="6" t="s">
        <v>49</v>
      </c>
      <c r="B207" s="6"/>
      <c r="C207" s="6" t="s">
        <v>221</v>
      </c>
      <c r="D207" s="6"/>
      <c r="E207" s="6" t="s">
        <v>9</v>
      </c>
      <c r="F207" s="7">
        <v>38657</v>
      </c>
      <c r="G207" s="8">
        <v>1</v>
      </c>
      <c r="H207" s="8">
        <v>1</v>
      </c>
      <c r="I207" s="8">
        <v>0</v>
      </c>
      <c r="J207" s="8">
        <v>1</v>
      </c>
      <c r="K207" s="9">
        <v>110</v>
      </c>
      <c r="L207" s="6" t="s">
        <v>51</v>
      </c>
    </row>
    <row r="208" spans="1:12">
      <c r="A208" s="6" t="s">
        <v>49</v>
      </c>
      <c r="B208" s="6"/>
      <c r="C208" s="6" t="s">
        <v>222</v>
      </c>
      <c r="D208" s="6"/>
      <c r="E208" s="6" t="s">
        <v>9</v>
      </c>
      <c r="F208" s="7">
        <v>38657</v>
      </c>
      <c r="G208" s="8">
        <v>1</v>
      </c>
      <c r="H208" s="8">
        <v>1</v>
      </c>
      <c r="I208" s="8">
        <v>0</v>
      </c>
      <c r="J208" s="8">
        <v>1</v>
      </c>
      <c r="K208" s="9">
        <v>108</v>
      </c>
      <c r="L208" s="6" t="s">
        <v>51</v>
      </c>
    </row>
    <row r="209" spans="1:12">
      <c r="A209" s="6" t="s">
        <v>49</v>
      </c>
      <c r="B209" s="6"/>
      <c r="C209" s="6" t="s">
        <v>223</v>
      </c>
      <c r="D209" s="6"/>
      <c r="E209" s="6" t="s">
        <v>9</v>
      </c>
      <c r="F209" s="7">
        <v>38657</v>
      </c>
      <c r="G209" s="8">
        <v>1</v>
      </c>
      <c r="H209" s="8">
        <v>1</v>
      </c>
      <c r="I209" s="8">
        <v>0</v>
      </c>
      <c r="J209" s="8">
        <v>1</v>
      </c>
      <c r="K209" s="9">
        <v>107</v>
      </c>
      <c r="L209" s="6" t="s">
        <v>51</v>
      </c>
    </row>
    <row r="210" spans="1:12">
      <c r="A210" s="6" t="s">
        <v>49</v>
      </c>
      <c r="B210" s="6"/>
      <c r="C210" s="6" t="s">
        <v>224</v>
      </c>
      <c r="D210" s="6"/>
      <c r="E210" s="6" t="s">
        <v>9</v>
      </c>
      <c r="F210" s="7">
        <v>38657</v>
      </c>
      <c r="G210" s="8">
        <v>1</v>
      </c>
      <c r="H210" s="8">
        <v>1</v>
      </c>
      <c r="I210" s="8">
        <v>0</v>
      </c>
      <c r="J210" s="8">
        <v>1</v>
      </c>
      <c r="K210" s="9">
        <v>85</v>
      </c>
      <c r="L210" s="6" t="s">
        <v>51</v>
      </c>
    </row>
    <row r="211" spans="1:12">
      <c r="A211" s="6" t="s">
        <v>49</v>
      </c>
      <c r="B211" s="6"/>
      <c r="C211" s="6" t="s">
        <v>225</v>
      </c>
      <c r="D211" s="6"/>
      <c r="E211" s="6" t="s">
        <v>9</v>
      </c>
      <c r="F211" s="7">
        <v>38657</v>
      </c>
      <c r="G211" s="8">
        <v>1</v>
      </c>
      <c r="H211" s="8">
        <v>1</v>
      </c>
      <c r="I211" s="8">
        <v>0</v>
      </c>
      <c r="J211" s="8">
        <v>1</v>
      </c>
      <c r="K211" s="9">
        <v>27</v>
      </c>
      <c r="L211" s="6" t="s">
        <v>51</v>
      </c>
    </row>
    <row r="212" spans="1:12">
      <c r="A212" s="6" t="s">
        <v>49</v>
      </c>
      <c r="B212" s="6"/>
      <c r="C212" s="6" t="s">
        <v>226</v>
      </c>
      <c r="D212" s="6"/>
      <c r="E212" s="6" t="s">
        <v>9</v>
      </c>
      <c r="F212" s="7">
        <v>38657</v>
      </c>
      <c r="G212" s="8">
        <v>1</v>
      </c>
      <c r="H212" s="8">
        <v>1</v>
      </c>
      <c r="I212" s="8">
        <v>0</v>
      </c>
      <c r="J212" s="8">
        <v>1</v>
      </c>
      <c r="K212" s="9">
        <v>121</v>
      </c>
      <c r="L212" s="6" t="s">
        <v>51</v>
      </c>
    </row>
    <row r="213" spans="1:12">
      <c r="A213" s="6" t="s">
        <v>49</v>
      </c>
      <c r="B213" s="6"/>
      <c r="C213" s="6" t="s">
        <v>227</v>
      </c>
      <c r="D213" s="6"/>
      <c r="E213" s="6" t="s">
        <v>9</v>
      </c>
      <c r="F213" s="7">
        <v>38657</v>
      </c>
      <c r="G213" s="8">
        <v>1</v>
      </c>
      <c r="H213" s="8">
        <v>1</v>
      </c>
      <c r="I213" s="8">
        <v>0</v>
      </c>
      <c r="J213" s="8">
        <v>1</v>
      </c>
      <c r="K213" s="9">
        <v>125</v>
      </c>
      <c r="L213" s="6" t="s">
        <v>51</v>
      </c>
    </row>
    <row r="214" spans="1:12">
      <c r="A214" s="6" t="s">
        <v>49</v>
      </c>
      <c r="B214" s="6"/>
      <c r="C214" s="6" t="s">
        <v>228</v>
      </c>
      <c r="D214" s="6"/>
      <c r="E214" s="6" t="s">
        <v>9</v>
      </c>
      <c r="F214" s="7">
        <v>38657</v>
      </c>
      <c r="G214" s="8">
        <v>1</v>
      </c>
      <c r="H214" s="8">
        <v>1</v>
      </c>
      <c r="I214" s="8">
        <v>0</v>
      </c>
      <c r="J214" s="8">
        <v>1</v>
      </c>
      <c r="K214" s="9">
        <v>127</v>
      </c>
      <c r="L214" s="6" t="s">
        <v>51</v>
      </c>
    </row>
    <row r="215" spans="1:12">
      <c r="A215" s="6" t="s">
        <v>49</v>
      </c>
      <c r="B215" s="6"/>
      <c r="C215" s="6" t="s">
        <v>229</v>
      </c>
      <c r="D215" s="6"/>
      <c r="E215" s="6" t="s">
        <v>9</v>
      </c>
      <c r="F215" s="7">
        <v>38657</v>
      </c>
      <c r="G215" s="8">
        <v>1</v>
      </c>
      <c r="H215" s="8">
        <v>1</v>
      </c>
      <c r="I215" s="8">
        <v>0</v>
      </c>
      <c r="J215" s="8">
        <v>1</v>
      </c>
      <c r="K215" s="9">
        <v>140</v>
      </c>
      <c r="L215" s="6" t="s">
        <v>51</v>
      </c>
    </row>
    <row r="216" spans="1:12">
      <c r="A216" s="6" t="s">
        <v>49</v>
      </c>
      <c r="B216" s="6"/>
      <c r="C216" s="6" t="s">
        <v>230</v>
      </c>
      <c r="D216" s="6"/>
      <c r="E216" s="6" t="s">
        <v>9</v>
      </c>
      <c r="F216" s="7">
        <v>38657</v>
      </c>
      <c r="G216" s="8">
        <v>1</v>
      </c>
      <c r="H216" s="8">
        <v>1</v>
      </c>
      <c r="I216" s="8">
        <v>0</v>
      </c>
      <c r="J216" s="8">
        <v>1</v>
      </c>
      <c r="K216" s="9">
        <v>140</v>
      </c>
      <c r="L216" s="6" t="s">
        <v>51</v>
      </c>
    </row>
    <row r="217" spans="1:12">
      <c r="A217" s="6" t="s">
        <v>49</v>
      </c>
      <c r="B217" s="6"/>
      <c r="C217" s="6" t="s">
        <v>231</v>
      </c>
      <c r="D217" s="6"/>
      <c r="E217" s="6" t="s">
        <v>9</v>
      </c>
      <c r="F217" s="7">
        <v>38657</v>
      </c>
      <c r="G217" s="8">
        <v>1</v>
      </c>
      <c r="H217" s="8">
        <v>1</v>
      </c>
      <c r="I217" s="8">
        <v>0</v>
      </c>
      <c r="J217" s="8">
        <v>1</v>
      </c>
      <c r="K217" s="9">
        <v>66</v>
      </c>
      <c r="L217" s="6" t="s">
        <v>51</v>
      </c>
    </row>
    <row r="218" spans="1:12">
      <c r="A218" s="6" t="s">
        <v>49</v>
      </c>
      <c r="B218" s="6"/>
      <c r="C218" s="6" t="s">
        <v>232</v>
      </c>
      <c r="D218" s="6"/>
      <c r="E218" s="6" t="s">
        <v>9</v>
      </c>
      <c r="F218" s="7">
        <v>39846</v>
      </c>
      <c r="G218" s="8">
        <v>1</v>
      </c>
      <c r="H218" s="8">
        <v>1</v>
      </c>
      <c r="I218" s="8">
        <v>0</v>
      </c>
      <c r="J218" s="8">
        <v>1</v>
      </c>
      <c r="K218" s="9">
        <v>9.18</v>
      </c>
      <c r="L218" s="6" t="s">
        <v>51</v>
      </c>
    </row>
    <row r="219" spans="1:12">
      <c r="A219" s="6" t="s">
        <v>49</v>
      </c>
      <c r="B219" s="6"/>
      <c r="C219" s="6" t="s">
        <v>233</v>
      </c>
      <c r="D219" s="6"/>
      <c r="E219" s="6" t="s">
        <v>9</v>
      </c>
      <c r="F219" s="7">
        <v>39857</v>
      </c>
      <c r="G219" s="8">
        <v>1</v>
      </c>
      <c r="H219" s="8">
        <v>1</v>
      </c>
      <c r="I219" s="8">
        <v>0</v>
      </c>
      <c r="J219" s="8">
        <v>1</v>
      </c>
      <c r="K219" s="9">
        <v>12</v>
      </c>
      <c r="L219" s="6" t="s">
        <v>51</v>
      </c>
    </row>
    <row r="220" spans="1:12">
      <c r="A220" s="6" t="s">
        <v>49</v>
      </c>
      <c r="B220" s="6"/>
      <c r="C220" s="6" t="s">
        <v>234</v>
      </c>
      <c r="D220" s="6"/>
      <c r="E220" s="6" t="s">
        <v>9</v>
      </c>
      <c r="F220" s="7">
        <v>38657</v>
      </c>
      <c r="G220" s="8">
        <v>1</v>
      </c>
      <c r="H220" s="8">
        <v>1</v>
      </c>
      <c r="I220" s="8">
        <v>0</v>
      </c>
      <c r="J220" s="8">
        <v>1</v>
      </c>
      <c r="K220" s="9">
        <v>23</v>
      </c>
      <c r="L220" s="6" t="s">
        <v>51</v>
      </c>
    </row>
    <row r="221" spans="1:12">
      <c r="A221" s="6" t="s">
        <v>49</v>
      </c>
      <c r="B221" s="6"/>
      <c r="C221" s="6" t="s">
        <v>235</v>
      </c>
      <c r="D221" s="6"/>
      <c r="E221" s="6" t="s">
        <v>9</v>
      </c>
      <c r="F221" s="7">
        <v>38657</v>
      </c>
      <c r="G221" s="8">
        <v>1</v>
      </c>
      <c r="H221" s="8">
        <v>1</v>
      </c>
      <c r="I221" s="8">
        <v>0</v>
      </c>
      <c r="J221" s="8">
        <v>1</v>
      </c>
      <c r="K221" s="9">
        <v>272</v>
      </c>
      <c r="L221" s="6" t="s">
        <v>51</v>
      </c>
    </row>
    <row r="222" spans="1:12">
      <c r="A222" s="6" t="s">
        <v>49</v>
      </c>
      <c r="B222" s="6"/>
      <c r="C222" s="6" t="s">
        <v>236</v>
      </c>
      <c r="D222" s="6"/>
      <c r="E222" s="6" t="s">
        <v>9</v>
      </c>
      <c r="F222" s="7">
        <v>38657</v>
      </c>
      <c r="G222" s="8">
        <v>1</v>
      </c>
      <c r="H222" s="8">
        <v>1</v>
      </c>
      <c r="I222" s="8">
        <v>0</v>
      </c>
      <c r="J222" s="8">
        <v>1</v>
      </c>
      <c r="K222" s="9">
        <v>108</v>
      </c>
      <c r="L222" s="6" t="s">
        <v>51</v>
      </c>
    </row>
    <row r="223" spans="1:12">
      <c r="A223" s="6" t="s">
        <v>49</v>
      </c>
      <c r="B223" s="6"/>
      <c r="C223" s="6" t="s">
        <v>237</v>
      </c>
      <c r="D223" s="6"/>
      <c r="E223" s="6" t="s">
        <v>9</v>
      </c>
      <c r="F223" s="7">
        <v>39846</v>
      </c>
      <c r="G223" s="8">
        <v>1</v>
      </c>
      <c r="H223" s="8">
        <v>1</v>
      </c>
      <c r="I223" s="8">
        <v>0</v>
      </c>
      <c r="J223" s="8">
        <v>1</v>
      </c>
      <c r="K223" s="9">
        <v>24</v>
      </c>
      <c r="L223" s="6" t="s">
        <v>51</v>
      </c>
    </row>
    <row r="224" spans="1:12">
      <c r="A224" s="6" t="s">
        <v>49</v>
      </c>
      <c r="B224" s="6"/>
      <c r="C224" s="6" t="s">
        <v>238</v>
      </c>
      <c r="D224" s="6"/>
      <c r="E224" s="6" t="s">
        <v>9</v>
      </c>
      <c r="F224" s="7">
        <v>39846</v>
      </c>
      <c r="G224" s="8">
        <v>1</v>
      </c>
      <c r="H224" s="8">
        <v>1</v>
      </c>
      <c r="I224" s="8">
        <v>0</v>
      </c>
      <c r="J224" s="8">
        <v>1</v>
      </c>
      <c r="K224" s="9">
        <v>317</v>
      </c>
      <c r="L224" s="6" t="s">
        <v>51</v>
      </c>
    </row>
    <row r="225" spans="1:12">
      <c r="A225" s="6" t="s">
        <v>49</v>
      </c>
      <c r="B225" s="6"/>
      <c r="C225" s="6" t="s">
        <v>239</v>
      </c>
      <c r="D225" s="6"/>
      <c r="E225" s="6" t="s">
        <v>9</v>
      </c>
      <c r="F225" s="7">
        <v>39846</v>
      </c>
      <c r="G225" s="8">
        <v>1</v>
      </c>
      <c r="H225" s="8">
        <v>1</v>
      </c>
      <c r="I225" s="8">
        <v>0</v>
      </c>
      <c r="J225" s="8">
        <v>1</v>
      </c>
      <c r="K225" s="9">
        <v>153</v>
      </c>
      <c r="L225" s="6" t="s">
        <v>51</v>
      </c>
    </row>
    <row r="226" spans="1:12">
      <c r="A226" s="6" t="s">
        <v>49</v>
      </c>
      <c r="B226" s="6"/>
      <c r="C226" s="6" t="s">
        <v>240</v>
      </c>
      <c r="D226" s="6"/>
      <c r="E226" s="6" t="s">
        <v>9</v>
      </c>
      <c r="F226" s="7">
        <v>39857</v>
      </c>
      <c r="G226" s="8">
        <v>1</v>
      </c>
      <c r="H226" s="8">
        <v>1</v>
      </c>
      <c r="I226" s="8">
        <v>0</v>
      </c>
      <c r="J226" s="8">
        <v>1</v>
      </c>
      <c r="K226" s="9">
        <v>500</v>
      </c>
      <c r="L226" s="6" t="s">
        <v>51</v>
      </c>
    </row>
    <row r="227" spans="1:12">
      <c r="A227" s="6" t="s">
        <v>49</v>
      </c>
      <c r="B227" s="6"/>
      <c r="C227" s="6" t="s">
        <v>241</v>
      </c>
      <c r="D227" s="6"/>
      <c r="E227" s="6" t="s">
        <v>9</v>
      </c>
      <c r="F227" s="7">
        <v>39904</v>
      </c>
      <c r="G227" s="8">
        <v>1</v>
      </c>
      <c r="H227" s="8">
        <v>1</v>
      </c>
      <c r="I227" s="8">
        <v>0</v>
      </c>
      <c r="J227" s="8">
        <v>1</v>
      </c>
      <c r="K227" s="9">
        <v>8.32</v>
      </c>
      <c r="L227" s="6" t="s">
        <v>51</v>
      </c>
    </row>
    <row r="228" spans="1:12">
      <c r="A228" s="6" t="s">
        <v>49</v>
      </c>
      <c r="B228" s="6"/>
      <c r="C228" s="6" t="s">
        <v>242</v>
      </c>
      <c r="D228" s="6"/>
      <c r="E228" s="6" t="s">
        <v>9</v>
      </c>
      <c r="F228" s="7">
        <v>38657</v>
      </c>
      <c r="G228" s="8">
        <v>1</v>
      </c>
      <c r="H228" s="8">
        <v>1</v>
      </c>
      <c r="I228" s="8">
        <v>0</v>
      </c>
      <c r="J228" s="8">
        <v>1</v>
      </c>
      <c r="K228" s="9">
        <v>12</v>
      </c>
      <c r="L228" s="6" t="s">
        <v>51</v>
      </c>
    </row>
    <row r="229" spans="1:12">
      <c r="A229" s="6" t="s">
        <v>49</v>
      </c>
      <c r="B229" s="6"/>
      <c r="C229" s="6" t="s">
        <v>243</v>
      </c>
      <c r="D229" s="6"/>
      <c r="E229" s="6" t="s">
        <v>9</v>
      </c>
      <c r="F229" s="7">
        <v>39857</v>
      </c>
      <c r="G229" s="8">
        <v>1</v>
      </c>
      <c r="H229" s="8">
        <v>1</v>
      </c>
      <c r="I229" s="8">
        <v>0</v>
      </c>
      <c r="J229" s="8">
        <v>1</v>
      </c>
      <c r="K229" s="9">
        <v>667</v>
      </c>
      <c r="L229" s="6" t="s">
        <v>51</v>
      </c>
    </row>
    <row r="230" spans="1:12">
      <c r="A230" s="6" t="s">
        <v>49</v>
      </c>
      <c r="B230" s="6"/>
      <c r="C230" s="6" t="s">
        <v>244</v>
      </c>
      <c r="D230" s="6"/>
      <c r="E230" s="6" t="s">
        <v>9</v>
      </c>
      <c r="F230" s="7"/>
      <c r="G230" s="8">
        <v>1</v>
      </c>
      <c r="H230" s="8">
        <v>1</v>
      </c>
      <c r="I230" s="8">
        <v>0</v>
      </c>
      <c r="J230" s="8">
        <v>1</v>
      </c>
      <c r="K230" s="9">
        <v>15</v>
      </c>
      <c r="L230" s="6" t="s">
        <v>51</v>
      </c>
    </row>
    <row r="231" spans="1:12">
      <c r="A231" s="6" t="s">
        <v>49</v>
      </c>
      <c r="B231" s="6"/>
      <c r="C231" s="6" t="s">
        <v>245</v>
      </c>
      <c r="D231" s="6"/>
      <c r="E231" s="6" t="s">
        <v>9</v>
      </c>
      <c r="F231" s="7">
        <v>38657</v>
      </c>
      <c r="G231" s="8">
        <v>1</v>
      </c>
      <c r="H231" s="8">
        <v>1</v>
      </c>
      <c r="I231" s="8">
        <v>0</v>
      </c>
      <c r="J231" s="8">
        <v>1</v>
      </c>
      <c r="K231" s="9">
        <v>12</v>
      </c>
      <c r="L231" s="6" t="s">
        <v>51</v>
      </c>
    </row>
    <row r="232" spans="1:12">
      <c r="A232" s="6" t="s">
        <v>49</v>
      </c>
      <c r="B232" s="6"/>
      <c r="C232" s="6" t="s">
        <v>246</v>
      </c>
      <c r="D232" s="6"/>
      <c r="E232" s="6" t="s">
        <v>9</v>
      </c>
      <c r="F232" s="7">
        <v>38657</v>
      </c>
      <c r="G232" s="8">
        <v>1</v>
      </c>
      <c r="H232" s="8">
        <v>1</v>
      </c>
      <c r="I232" s="8">
        <v>0</v>
      </c>
      <c r="J232" s="8">
        <v>1</v>
      </c>
      <c r="K232" s="9">
        <v>257</v>
      </c>
      <c r="L232" s="6" t="s">
        <v>51</v>
      </c>
    </row>
    <row r="233" spans="1:12">
      <c r="A233" s="6" t="s">
        <v>49</v>
      </c>
      <c r="B233" s="6"/>
      <c r="C233" s="6" t="s">
        <v>247</v>
      </c>
      <c r="D233" s="6"/>
      <c r="E233" s="6" t="s">
        <v>9</v>
      </c>
      <c r="F233" s="7">
        <v>38657</v>
      </c>
      <c r="G233" s="8">
        <v>1</v>
      </c>
      <c r="H233" s="8">
        <v>1</v>
      </c>
      <c r="I233" s="8">
        <v>0</v>
      </c>
      <c r="J233" s="8">
        <v>1</v>
      </c>
      <c r="K233" s="9">
        <v>142</v>
      </c>
      <c r="L233" s="6" t="s">
        <v>51</v>
      </c>
    </row>
    <row r="234" spans="1:12">
      <c r="A234" s="6" t="s">
        <v>49</v>
      </c>
      <c r="B234" s="6"/>
      <c r="C234" s="6" t="s">
        <v>248</v>
      </c>
      <c r="D234" s="6"/>
      <c r="E234" s="6" t="s">
        <v>9</v>
      </c>
      <c r="F234" s="7">
        <v>38657</v>
      </c>
      <c r="G234" s="8">
        <v>1</v>
      </c>
      <c r="H234" s="8">
        <v>1</v>
      </c>
      <c r="I234" s="8">
        <v>0</v>
      </c>
      <c r="J234" s="8">
        <v>1</v>
      </c>
      <c r="K234" s="9">
        <v>11</v>
      </c>
      <c r="L234" s="6" t="s">
        <v>51</v>
      </c>
    </row>
    <row r="235" spans="1:12">
      <c r="A235" s="6" t="s">
        <v>49</v>
      </c>
      <c r="B235" s="6"/>
      <c r="C235" s="6" t="s">
        <v>249</v>
      </c>
      <c r="D235" s="6"/>
      <c r="E235" s="6" t="s">
        <v>9</v>
      </c>
      <c r="F235" s="7">
        <v>38657</v>
      </c>
      <c r="G235" s="8">
        <v>1</v>
      </c>
      <c r="H235" s="8">
        <v>1</v>
      </c>
      <c r="I235" s="8">
        <v>0</v>
      </c>
      <c r="J235" s="8">
        <v>1</v>
      </c>
      <c r="K235" s="9">
        <v>12</v>
      </c>
      <c r="L235" s="6" t="s">
        <v>51</v>
      </c>
    </row>
    <row r="236" spans="1:12">
      <c r="A236" s="6" t="s">
        <v>49</v>
      </c>
      <c r="B236" s="6"/>
      <c r="C236" s="6" t="s">
        <v>250</v>
      </c>
      <c r="D236" s="6"/>
      <c r="E236" s="6" t="s">
        <v>9</v>
      </c>
      <c r="F236" s="7">
        <v>38657</v>
      </c>
      <c r="G236" s="8">
        <v>1</v>
      </c>
      <c r="H236" s="8">
        <v>1</v>
      </c>
      <c r="I236" s="8">
        <v>0</v>
      </c>
      <c r="J236" s="8">
        <v>1</v>
      </c>
      <c r="K236" s="9">
        <v>62</v>
      </c>
      <c r="L236" s="6" t="s">
        <v>51</v>
      </c>
    </row>
    <row r="237" spans="1:12">
      <c r="A237" s="6" t="s">
        <v>49</v>
      </c>
      <c r="B237" s="6"/>
      <c r="C237" s="6" t="s">
        <v>251</v>
      </c>
      <c r="D237" s="6"/>
      <c r="E237" s="6" t="s">
        <v>9</v>
      </c>
      <c r="F237" s="7">
        <v>38657</v>
      </c>
      <c r="G237" s="8">
        <v>1</v>
      </c>
      <c r="H237" s="8">
        <v>1</v>
      </c>
      <c r="I237" s="8">
        <v>0</v>
      </c>
      <c r="J237" s="8">
        <v>1</v>
      </c>
      <c r="K237" s="9">
        <v>86</v>
      </c>
      <c r="L237" s="6" t="s">
        <v>51</v>
      </c>
    </row>
    <row r="238" spans="1:12">
      <c r="A238" s="6" t="s">
        <v>49</v>
      </c>
      <c r="B238" s="6"/>
      <c r="C238" s="6" t="s">
        <v>252</v>
      </c>
      <c r="D238" s="6"/>
      <c r="E238" s="6" t="s">
        <v>9</v>
      </c>
      <c r="F238" s="7">
        <v>38657</v>
      </c>
      <c r="G238" s="8">
        <v>1</v>
      </c>
      <c r="H238" s="8">
        <v>1</v>
      </c>
      <c r="I238" s="8">
        <v>0</v>
      </c>
      <c r="J238" s="8">
        <v>1</v>
      </c>
      <c r="K238" s="9">
        <v>147</v>
      </c>
      <c r="L238" s="6" t="s">
        <v>51</v>
      </c>
    </row>
    <row r="239" spans="1:12">
      <c r="A239" s="6" t="s">
        <v>49</v>
      </c>
      <c r="B239" s="6"/>
      <c r="C239" s="6" t="s">
        <v>253</v>
      </c>
      <c r="D239" s="6"/>
      <c r="E239" s="6" t="s">
        <v>9</v>
      </c>
      <c r="F239" s="7">
        <v>38657</v>
      </c>
      <c r="G239" s="8">
        <v>1</v>
      </c>
      <c r="H239" s="8">
        <v>1</v>
      </c>
      <c r="I239" s="8">
        <v>0</v>
      </c>
      <c r="J239" s="8">
        <v>1</v>
      </c>
      <c r="K239" s="9">
        <v>16</v>
      </c>
      <c r="L239" s="6" t="s">
        <v>51</v>
      </c>
    </row>
    <row r="240" spans="1:12">
      <c r="A240" s="6" t="s">
        <v>49</v>
      </c>
      <c r="B240" s="6"/>
      <c r="C240" s="6" t="s">
        <v>254</v>
      </c>
      <c r="D240" s="6"/>
      <c r="E240" s="6" t="s">
        <v>9</v>
      </c>
      <c r="F240" s="7">
        <v>38657</v>
      </c>
      <c r="G240" s="8">
        <v>1</v>
      </c>
      <c r="H240" s="8">
        <v>1</v>
      </c>
      <c r="I240" s="8">
        <v>0</v>
      </c>
      <c r="J240" s="8">
        <v>1</v>
      </c>
      <c r="K240" s="9">
        <v>16</v>
      </c>
      <c r="L240" s="6" t="s">
        <v>51</v>
      </c>
    </row>
    <row r="241" spans="1:12">
      <c r="A241" s="6" t="s">
        <v>49</v>
      </c>
      <c r="B241" s="6"/>
      <c r="C241" s="6" t="s">
        <v>255</v>
      </c>
      <c r="D241" s="6"/>
      <c r="E241" s="6" t="s">
        <v>9</v>
      </c>
      <c r="F241" s="7">
        <v>38657</v>
      </c>
      <c r="G241" s="8">
        <v>1</v>
      </c>
      <c r="H241" s="8">
        <v>1</v>
      </c>
      <c r="I241" s="8">
        <v>0</v>
      </c>
      <c r="J241" s="8">
        <v>1</v>
      </c>
      <c r="K241" s="9">
        <v>29</v>
      </c>
      <c r="L241" s="6" t="s">
        <v>51</v>
      </c>
    </row>
    <row r="242" spans="1:12">
      <c r="A242" s="6" t="s">
        <v>49</v>
      </c>
      <c r="B242" s="6"/>
      <c r="C242" s="6" t="s">
        <v>256</v>
      </c>
      <c r="D242" s="6"/>
      <c r="E242" s="6" t="s">
        <v>9</v>
      </c>
      <c r="F242" s="7">
        <v>38657</v>
      </c>
      <c r="G242" s="8">
        <v>1</v>
      </c>
      <c r="H242" s="8">
        <v>1</v>
      </c>
      <c r="I242" s="8">
        <v>0</v>
      </c>
      <c r="J242" s="8">
        <v>1</v>
      </c>
      <c r="K242" s="9">
        <v>140</v>
      </c>
      <c r="L242" s="6" t="s">
        <v>51</v>
      </c>
    </row>
    <row r="243" spans="1:12">
      <c r="A243" s="6" t="s">
        <v>49</v>
      </c>
      <c r="B243" s="6"/>
      <c r="C243" s="6" t="s">
        <v>257</v>
      </c>
      <c r="D243" s="6"/>
      <c r="E243" s="6" t="s">
        <v>9</v>
      </c>
      <c r="F243" s="7">
        <v>38657</v>
      </c>
      <c r="G243" s="8">
        <v>1</v>
      </c>
      <c r="H243" s="8">
        <v>1</v>
      </c>
      <c r="I243" s="8">
        <v>0</v>
      </c>
      <c r="J243" s="8">
        <v>1</v>
      </c>
      <c r="K243" s="9">
        <v>139</v>
      </c>
      <c r="L243" s="6" t="s">
        <v>51</v>
      </c>
    </row>
    <row r="244" spans="1:12">
      <c r="A244" s="6" t="s">
        <v>49</v>
      </c>
      <c r="B244" s="6"/>
      <c r="C244" s="6" t="s">
        <v>258</v>
      </c>
      <c r="D244" s="6"/>
      <c r="E244" s="6" t="s">
        <v>9</v>
      </c>
      <c r="F244" s="7">
        <v>38657</v>
      </c>
      <c r="G244" s="8">
        <v>1</v>
      </c>
      <c r="H244" s="8">
        <v>1</v>
      </c>
      <c r="I244" s="8">
        <v>0</v>
      </c>
      <c r="J244" s="8">
        <v>1</v>
      </c>
      <c r="K244" s="9">
        <v>31</v>
      </c>
      <c r="L244" s="6" t="s">
        <v>51</v>
      </c>
    </row>
    <row r="245" spans="1:12">
      <c r="A245" s="6" t="s">
        <v>49</v>
      </c>
      <c r="B245" s="6"/>
      <c r="C245" s="6" t="s">
        <v>259</v>
      </c>
      <c r="D245" s="6"/>
      <c r="E245" s="6" t="s">
        <v>9</v>
      </c>
      <c r="F245" s="7">
        <v>38657</v>
      </c>
      <c r="G245" s="8">
        <v>1</v>
      </c>
      <c r="H245" s="8">
        <v>1</v>
      </c>
      <c r="I245" s="8">
        <v>0</v>
      </c>
      <c r="J245" s="8">
        <v>1</v>
      </c>
      <c r="K245" s="9">
        <v>31</v>
      </c>
      <c r="L245" s="6" t="s">
        <v>51</v>
      </c>
    </row>
    <row r="246" spans="1:12">
      <c r="A246" s="6" t="s">
        <v>49</v>
      </c>
      <c r="B246" s="6"/>
      <c r="C246" s="6" t="s">
        <v>260</v>
      </c>
      <c r="D246" s="6"/>
      <c r="E246" s="6" t="s">
        <v>9</v>
      </c>
      <c r="F246" s="7">
        <v>38657</v>
      </c>
      <c r="G246" s="8">
        <v>1</v>
      </c>
      <c r="H246" s="8">
        <v>1</v>
      </c>
      <c r="I246" s="8">
        <v>0</v>
      </c>
      <c r="J246" s="8">
        <v>1</v>
      </c>
      <c r="K246" s="9">
        <v>136</v>
      </c>
      <c r="L246" s="6" t="s">
        <v>51</v>
      </c>
    </row>
    <row r="247" spans="1:12">
      <c r="A247" s="6" t="s">
        <v>49</v>
      </c>
      <c r="B247" s="6"/>
      <c r="C247" s="6" t="s">
        <v>261</v>
      </c>
      <c r="D247" s="6"/>
      <c r="E247" s="6" t="s">
        <v>9</v>
      </c>
      <c r="F247" s="7">
        <v>38657</v>
      </c>
      <c r="G247" s="8">
        <v>1</v>
      </c>
      <c r="H247" s="8">
        <v>1</v>
      </c>
      <c r="I247" s="8">
        <v>0</v>
      </c>
      <c r="J247" s="8">
        <v>1</v>
      </c>
      <c r="K247" s="9">
        <v>578</v>
      </c>
      <c r="L247" s="6" t="s">
        <v>51</v>
      </c>
    </row>
    <row r="248" spans="1:12">
      <c r="A248" s="6" t="s">
        <v>49</v>
      </c>
      <c r="B248" s="6"/>
      <c r="C248" s="6" t="s">
        <v>262</v>
      </c>
      <c r="D248" s="6"/>
      <c r="E248" s="6" t="s">
        <v>9</v>
      </c>
      <c r="F248" s="7">
        <v>38657</v>
      </c>
      <c r="G248" s="8">
        <v>1</v>
      </c>
      <c r="H248" s="8">
        <v>1</v>
      </c>
      <c r="I248" s="8">
        <v>0</v>
      </c>
      <c r="J248" s="8">
        <v>1</v>
      </c>
      <c r="K248" s="9">
        <v>16</v>
      </c>
      <c r="L248" s="6" t="s">
        <v>51</v>
      </c>
    </row>
    <row r="249" spans="1:12">
      <c r="A249" s="6" t="s">
        <v>49</v>
      </c>
      <c r="B249" s="6"/>
      <c r="C249" s="6" t="s">
        <v>263</v>
      </c>
      <c r="D249" s="6"/>
      <c r="E249" s="6" t="s">
        <v>9</v>
      </c>
      <c r="F249" s="7">
        <v>38657</v>
      </c>
      <c r="G249" s="8">
        <v>1</v>
      </c>
      <c r="H249" s="8">
        <v>1</v>
      </c>
      <c r="I249" s="8">
        <v>0</v>
      </c>
      <c r="J249" s="8">
        <v>1</v>
      </c>
      <c r="K249" s="9">
        <v>0.9</v>
      </c>
      <c r="L249" s="6" t="s">
        <v>51</v>
      </c>
    </row>
    <row r="250" spans="1:12">
      <c r="A250" s="6" t="s">
        <v>49</v>
      </c>
      <c r="B250" s="6"/>
      <c r="C250" s="6" t="s">
        <v>264</v>
      </c>
      <c r="D250" s="6"/>
      <c r="E250" s="6" t="s">
        <v>9</v>
      </c>
      <c r="F250" s="7">
        <v>38657</v>
      </c>
      <c r="G250" s="8">
        <v>1</v>
      </c>
      <c r="H250" s="8">
        <v>1</v>
      </c>
      <c r="I250" s="8">
        <v>0</v>
      </c>
      <c r="J250" s="8">
        <v>1</v>
      </c>
      <c r="K250" s="9">
        <v>16</v>
      </c>
      <c r="L250" s="6" t="s">
        <v>51</v>
      </c>
    </row>
    <row r="251" spans="1:12">
      <c r="A251" s="6" t="s">
        <v>49</v>
      </c>
      <c r="B251" s="6"/>
      <c r="C251" s="6" t="s">
        <v>265</v>
      </c>
      <c r="D251" s="6"/>
      <c r="E251" s="6" t="s">
        <v>9</v>
      </c>
      <c r="F251" s="7">
        <v>38657</v>
      </c>
      <c r="G251" s="8">
        <v>1</v>
      </c>
      <c r="H251" s="8">
        <v>1</v>
      </c>
      <c r="I251" s="8">
        <v>0</v>
      </c>
      <c r="J251" s="8">
        <v>1</v>
      </c>
      <c r="K251" s="9">
        <v>14</v>
      </c>
      <c r="L251" s="6" t="s">
        <v>51</v>
      </c>
    </row>
    <row r="252" spans="1:12">
      <c r="A252" s="6" t="s">
        <v>49</v>
      </c>
      <c r="B252" s="6"/>
      <c r="C252" s="6" t="s">
        <v>266</v>
      </c>
      <c r="D252" s="6"/>
      <c r="E252" s="6" t="s">
        <v>9</v>
      </c>
      <c r="F252" s="7">
        <v>38657</v>
      </c>
      <c r="G252" s="8">
        <v>1</v>
      </c>
      <c r="H252" s="8">
        <v>1</v>
      </c>
      <c r="I252" s="8">
        <v>0</v>
      </c>
      <c r="J252" s="8">
        <v>1</v>
      </c>
      <c r="K252" s="9">
        <v>8.5500000000000007</v>
      </c>
      <c r="L252" s="6" t="s">
        <v>51</v>
      </c>
    </row>
    <row r="253" spans="1:12">
      <c r="A253" s="6" t="s">
        <v>49</v>
      </c>
      <c r="B253" s="6"/>
      <c r="C253" s="6" t="s">
        <v>267</v>
      </c>
      <c r="D253" s="6"/>
      <c r="E253" s="6" t="s">
        <v>9</v>
      </c>
      <c r="F253" s="7">
        <v>38657</v>
      </c>
      <c r="G253" s="8">
        <v>1</v>
      </c>
      <c r="H253" s="8">
        <v>1</v>
      </c>
      <c r="I253" s="8">
        <v>0</v>
      </c>
      <c r="J253" s="8">
        <v>1</v>
      </c>
      <c r="K253" s="9">
        <v>28</v>
      </c>
      <c r="L253" s="6" t="s">
        <v>51</v>
      </c>
    </row>
    <row r="254" spans="1:12">
      <c r="A254" s="6" t="s">
        <v>49</v>
      </c>
      <c r="B254" s="6"/>
      <c r="C254" s="6" t="s">
        <v>268</v>
      </c>
      <c r="D254" s="6"/>
      <c r="E254" s="6" t="s">
        <v>9</v>
      </c>
      <c r="F254" s="7">
        <v>38657</v>
      </c>
      <c r="G254" s="8">
        <v>1</v>
      </c>
      <c r="H254" s="8">
        <v>1</v>
      </c>
      <c r="I254" s="8">
        <v>0</v>
      </c>
      <c r="J254" s="8">
        <v>1</v>
      </c>
      <c r="K254" s="9">
        <v>13</v>
      </c>
      <c r="L254" s="6" t="s">
        <v>51</v>
      </c>
    </row>
    <row r="255" spans="1:12">
      <c r="A255" s="6" t="s">
        <v>49</v>
      </c>
      <c r="B255" s="6"/>
      <c r="C255" s="6" t="s">
        <v>269</v>
      </c>
      <c r="D255" s="6"/>
      <c r="E255" s="6" t="s">
        <v>9</v>
      </c>
      <c r="F255" s="7">
        <v>38657</v>
      </c>
      <c r="G255" s="8">
        <v>1</v>
      </c>
      <c r="H255" s="8">
        <v>1</v>
      </c>
      <c r="I255" s="8">
        <v>0</v>
      </c>
      <c r="J255" s="8">
        <v>1</v>
      </c>
      <c r="K255" s="9">
        <v>19</v>
      </c>
      <c r="L255" s="6" t="s">
        <v>51</v>
      </c>
    </row>
    <row r="256" spans="1:12">
      <c r="A256" s="6" t="s">
        <v>49</v>
      </c>
      <c r="B256" s="6"/>
      <c r="C256" s="6" t="s">
        <v>270</v>
      </c>
      <c r="D256" s="6"/>
      <c r="E256" s="6" t="s">
        <v>9</v>
      </c>
      <c r="F256" s="7">
        <v>38657</v>
      </c>
      <c r="G256" s="8">
        <v>1</v>
      </c>
      <c r="H256" s="8">
        <v>1</v>
      </c>
      <c r="I256" s="8">
        <v>0</v>
      </c>
      <c r="J256" s="8">
        <v>1</v>
      </c>
      <c r="K256" s="9">
        <v>33</v>
      </c>
      <c r="L256" s="6" t="s">
        <v>51</v>
      </c>
    </row>
    <row r="257" spans="1:12">
      <c r="A257" s="6" t="s">
        <v>49</v>
      </c>
      <c r="B257" s="6"/>
      <c r="C257" s="6" t="s">
        <v>271</v>
      </c>
      <c r="D257" s="6"/>
      <c r="E257" s="6" t="s">
        <v>9</v>
      </c>
      <c r="F257" s="7">
        <v>38657</v>
      </c>
      <c r="G257" s="8">
        <v>1</v>
      </c>
      <c r="H257" s="8">
        <v>1</v>
      </c>
      <c r="I257" s="8">
        <v>0</v>
      </c>
      <c r="J257" s="8">
        <v>1</v>
      </c>
      <c r="K257" s="9">
        <v>34</v>
      </c>
      <c r="L257" s="6" t="s">
        <v>51</v>
      </c>
    </row>
    <row r="258" spans="1:12">
      <c r="A258" s="6" t="s">
        <v>49</v>
      </c>
      <c r="B258" s="6"/>
      <c r="C258" s="6" t="s">
        <v>272</v>
      </c>
      <c r="D258" s="6"/>
      <c r="E258" s="6" t="s">
        <v>9</v>
      </c>
      <c r="F258" s="7">
        <v>38657</v>
      </c>
      <c r="G258" s="8">
        <v>1</v>
      </c>
      <c r="H258" s="8">
        <v>1</v>
      </c>
      <c r="I258" s="8">
        <v>0</v>
      </c>
      <c r="J258" s="8">
        <v>1</v>
      </c>
      <c r="K258" s="9">
        <v>34</v>
      </c>
      <c r="L258" s="6" t="s">
        <v>51</v>
      </c>
    </row>
    <row r="259" spans="1:12">
      <c r="A259" s="6" t="s">
        <v>49</v>
      </c>
      <c r="B259" s="6"/>
      <c r="C259" s="6" t="s">
        <v>273</v>
      </c>
      <c r="D259" s="6"/>
      <c r="E259" s="6" t="s">
        <v>9</v>
      </c>
      <c r="F259" s="7">
        <v>38657</v>
      </c>
      <c r="G259" s="8">
        <v>1</v>
      </c>
      <c r="H259" s="8">
        <v>1</v>
      </c>
      <c r="I259" s="8">
        <v>0</v>
      </c>
      <c r="J259" s="8">
        <v>1</v>
      </c>
      <c r="K259" s="9">
        <v>36</v>
      </c>
      <c r="L259" s="6" t="s">
        <v>51</v>
      </c>
    </row>
    <row r="260" spans="1:12">
      <c r="A260" s="6" t="s">
        <v>49</v>
      </c>
      <c r="B260" s="6"/>
      <c r="C260" s="6" t="s">
        <v>274</v>
      </c>
      <c r="D260" s="6"/>
      <c r="E260" s="6" t="s">
        <v>9</v>
      </c>
      <c r="F260" s="7">
        <v>38657</v>
      </c>
      <c r="G260" s="8">
        <v>1</v>
      </c>
      <c r="H260" s="8">
        <v>1</v>
      </c>
      <c r="I260" s="8">
        <v>0</v>
      </c>
      <c r="J260" s="8">
        <v>1</v>
      </c>
      <c r="K260" s="9">
        <v>37</v>
      </c>
      <c r="L260" s="6" t="s">
        <v>51</v>
      </c>
    </row>
    <row r="261" spans="1:12">
      <c r="A261" s="6" t="s">
        <v>49</v>
      </c>
      <c r="B261" s="6"/>
      <c r="C261" s="6" t="s">
        <v>275</v>
      </c>
      <c r="D261" s="6"/>
      <c r="E261" s="6" t="s">
        <v>9</v>
      </c>
      <c r="F261" s="7">
        <v>38657</v>
      </c>
      <c r="G261" s="8">
        <v>1</v>
      </c>
      <c r="H261" s="8">
        <v>1</v>
      </c>
      <c r="I261" s="8">
        <v>0</v>
      </c>
      <c r="J261" s="8">
        <v>1</v>
      </c>
      <c r="K261" s="9">
        <v>15.07</v>
      </c>
      <c r="L261" s="6" t="s">
        <v>51</v>
      </c>
    </row>
    <row r="262" spans="1:12">
      <c r="A262" s="6" t="s">
        <v>49</v>
      </c>
      <c r="B262" s="6"/>
      <c r="C262" s="6" t="s">
        <v>276</v>
      </c>
      <c r="D262" s="6"/>
      <c r="E262" s="6" t="s">
        <v>9</v>
      </c>
      <c r="F262" s="7">
        <v>38657</v>
      </c>
      <c r="G262" s="8">
        <v>1</v>
      </c>
      <c r="H262" s="8">
        <v>1</v>
      </c>
      <c r="I262" s="8">
        <v>0</v>
      </c>
      <c r="J262" s="8">
        <v>1</v>
      </c>
      <c r="K262" s="9">
        <v>26</v>
      </c>
      <c r="L262" s="6" t="s">
        <v>51</v>
      </c>
    </row>
    <row r="263" spans="1:12">
      <c r="A263" s="6" t="s">
        <v>49</v>
      </c>
      <c r="B263" s="6"/>
      <c r="C263" s="6" t="s">
        <v>277</v>
      </c>
      <c r="D263" s="6"/>
      <c r="E263" s="6" t="s">
        <v>9</v>
      </c>
      <c r="F263" s="7">
        <v>38657</v>
      </c>
      <c r="G263" s="8">
        <v>1</v>
      </c>
      <c r="H263" s="8">
        <v>1</v>
      </c>
      <c r="I263" s="8">
        <v>0</v>
      </c>
      <c r="J263" s="8">
        <v>1</v>
      </c>
      <c r="K263" s="9">
        <v>37</v>
      </c>
      <c r="L263" s="6" t="s">
        <v>51</v>
      </c>
    </row>
    <row r="264" spans="1:12">
      <c r="A264" s="6" t="s">
        <v>49</v>
      </c>
      <c r="B264" s="6"/>
      <c r="C264" s="6" t="s">
        <v>278</v>
      </c>
      <c r="D264" s="6"/>
      <c r="E264" s="6" t="s">
        <v>9</v>
      </c>
      <c r="F264" s="7">
        <v>38657</v>
      </c>
      <c r="G264" s="8">
        <v>1</v>
      </c>
      <c r="H264" s="8">
        <v>1</v>
      </c>
      <c r="I264" s="8">
        <v>0</v>
      </c>
      <c r="J264" s="8">
        <v>1</v>
      </c>
      <c r="K264" s="9">
        <v>33</v>
      </c>
      <c r="L264" s="6" t="s">
        <v>51</v>
      </c>
    </row>
    <row r="265" spans="1:12">
      <c r="A265" s="6" t="s">
        <v>49</v>
      </c>
      <c r="B265" s="6"/>
      <c r="C265" s="6" t="s">
        <v>279</v>
      </c>
      <c r="D265" s="6"/>
      <c r="E265" s="6" t="s">
        <v>9</v>
      </c>
      <c r="F265" s="7">
        <v>39995</v>
      </c>
      <c r="G265" s="8">
        <v>1</v>
      </c>
      <c r="H265" s="8">
        <v>1</v>
      </c>
      <c r="I265" s="8">
        <v>0</v>
      </c>
      <c r="J265" s="8">
        <v>1</v>
      </c>
      <c r="K265" s="9">
        <v>21</v>
      </c>
      <c r="L265" s="6" t="s">
        <v>51</v>
      </c>
    </row>
    <row r="266" spans="1:12">
      <c r="A266" s="6" t="s">
        <v>49</v>
      </c>
      <c r="B266" s="6"/>
      <c r="C266" s="6" t="s">
        <v>280</v>
      </c>
      <c r="D266" s="6"/>
      <c r="E266" s="6" t="s">
        <v>9</v>
      </c>
      <c r="F266" s="7">
        <v>39860</v>
      </c>
      <c r="G266" s="8">
        <v>1</v>
      </c>
      <c r="H266" s="8">
        <v>1</v>
      </c>
      <c r="I266" s="8">
        <v>0</v>
      </c>
      <c r="J266" s="8">
        <v>1</v>
      </c>
      <c r="K266" s="9">
        <v>1192.98</v>
      </c>
      <c r="L266" s="6" t="s">
        <v>51</v>
      </c>
    </row>
    <row r="267" spans="1:12">
      <c r="A267" s="6" t="s">
        <v>49</v>
      </c>
      <c r="B267" s="6"/>
      <c r="C267" s="6" t="s">
        <v>281</v>
      </c>
      <c r="D267" s="6"/>
      <c r="E267" s="6" t="s">
        <v>9</v>
      </c>
      <c r="F267" s="7">
        <v>39846</v>
      </c>
      <c r="G267" s="8">
        <v>1</v>
      </c>
      <c r="H267" s="8">
        <v>1</v>
      </c>
      <c r="I267" s="8">
        <v>0</v>
      </c>
      <c r="J267" s="8">
        <v>1</v>
      </c>
      <c r="K267" s="9">
        <v>236</v>
      </c>
      <c r="L267" s="6" t="s">
        <v>51</v>
      </c>
    </row>
    <row r="268" spans="1:12">
      <c r="A268" s="6" t="s">
        <v>49</v>
      </c>
      <c r="B268" s="6"/>
      <c r="C268" s="6" t="s">
        <v>282</v>
      </c>
      <c r="D268" s="6"/>
      <c r="E268" s="6" t="s">
        <v>9</v>
      </c>
      <c r="F268" s="7">
        <v>39846</v>
      </c>
      <c r="G268" s="8">
        <v>1</v>
      </c>
      <c r="H268" s="8">
        <v>1</v>
      </c>
      <c r="I268" s="8">
        <v>0</v>
      </c>
      <c r="J268" s="8">
        <v>1</v>
      </c>
      <c r="K268" s="9">
        <v>486</v>
      </c>
      <c r="L268" s="6" t="s">
        <v>51</v>
      </c>
    </row>
    <row r="269" spans="1:12">
      <c r="A269" s="6" t="s">
        <v>49</v>
      </c>
      <c r="B269" s="6"/>
      <c r="C269" s="6" t="s">
        <v>283</v>
      </c>
      <c r="D269" s="6"/>
      <c r="E269" s="6" t="s">
        <v>9</v>
      </c>
      <c r="F269" s="7">
        <v>39846</v>
      </c>
      <c r="G269" s="8">
        <v>1</v>
      </c>
      <c r="H269" s="8">
        <v>1</v>
      </c>
      <c r="I269" s="8">
        <v>0</v>
      </c>
      <c r="J269" s="8">
        <v>1</v>
      </c>
      <c r="K269" s="9">
        <v>42</v>
      </c>
      <c r="L269" s="6" t="s">
        <v>51</v>
      </c>
    </row>
    <row r="270" spans="1:12">
      <c r="A270" s="6" t="s">
        <v>49</v>
      </c>
      <c r="B270" s="6"/>
      <c r="C270" s="6" t="s">
        <v>284</v>
      </c>
      <c r="D270" s="6"/>
      <c r="E270" s="6" t="s">
        <v>9</v>
      </c>
      <c r="F270" s="7">
        <v>38657</v>
      </c>
      <c r="G270" s="8">
        <v>1</v>
      </c>
      <c r="H270" s="8">
        <v>1</v>
      </c>
      <c r="I270" s="8">
        <v>0</v>
      </c>
      <c r="J270" s="8">
        <v>1</v>
      </c>
      <c r="K270" s="9">
        <v>40.93</v>
      </c>
      <c r="L270" s="6" t="s">
        <v>51</v>
      </c>
    </row>
    <row r="271" spans="1:12">
      <c r="A271" s="6" t="s">
        <v>49</v>
      </c>
      <c r="B271" s="6"/>
      <c r="C271" s="6" t="s">
        <v>285</v>
      </c>
      <c r="D271" s="6"/>
      <c r="E271" s="6" t="s">
        <v>9</v>
      </c>
      <c r="F271" s="7">
        <v>38657</v>
      </c>
      <c r="G271" s="8">
        <v>1</v>
      </c>
      <c r="H271" s="8">
        <v>1</v>
      </c>
      <c r="I271" s="8">
        <v>0</v>
      </c>
      <c r="J271" s="8">
        <v>1</v>
      </c>
      <c r="K271" s="9">
        <v>49.65</v>
      </c>
      <c r="L271" s="6" t="s">
        <v>51</v>
      </c>
    </row>
    <row r="272" spans="1:12">
      <c r="A272" s="6" t="s">
        <v>49</v>
      </c>
      <c r="B272" s="6"/>
      <c r="C272" s="6" t="s">
        <v>286</v>
      </c>
      <c r="D272" s="6"/>
      <c r="E272" s="6" t="s">
        <v>9</v>
      </c>
      <c r="F272" s="7">
        <v>38657</v>
      </c>
      <c r="G272" s="8">
        <v>1</v>
      </c>
      <c r="H272" s="8">
        <v>1</v>
      </c>
      <c r="I272" s="8">
        <v>0</v>
      </c>
      <c r="J272" s="8">
        <v>1</v>
      </c>
      <c r="K272" s="9">
        <v>98</v>
      </c>
      <c r="L272" s="6" t="s">
        <v>51</v>
      </c>
    </row>
    <row r="273" spans="1:12">
      <c r="A273" s="6" t="s">
        <v>49</v>
      </c>
      <c r="B273" s="6"/>
      <c r="C273" s="6" t="s">
        <v>287</v>
      </c>
      <c r="D273" s="6"/>
      <c r="E273" s="6" t="s">
        <v>9</v>
      </c>
      <c r="F273" s="7">
        <v>38657</v>
      </c>
      <c r="G273" s="8">
        <v>1</v>
      </c>
      <c r="H273" s="8">
        <v>1</v>
      </c>
      <c r="I273" s="8">
        <v>0</v>
      </c>
      <c r="J273" s="8">
        <v>1</v>
      </c>
      <c r="K273" s="9">
        <v>16</v>
      </c>
      <c r="L273" s="6" t="s">
        <v>51</v>
      </c>
    </row>
    <row r="274" spans="1:12">
      <c r="A274" s="6" t="s">
        <v>49</v>
      </c>
      <c r="B274" s="6"/>
      <c r="C274" s="6" t="s">
        <v>288</v>
      </c>
      <c r="D274" s="6"/>
      <c r="E274" s="6" t="s">
        <v>9</v>
      </c>
      <c r="F274" s="7">
        <v>38657</v>
      </c>
      <c r="G274" s="8">
        <v>1</v>
      </c>
      <c r="H274" s="8">
        <v>1</v>
      </c>
      <c r="I274" s="8">
        <v>0</v>
      </c>
      <c r="J274" s="8">
        <v>1</v>
      </c>
      <c r="K274" s="9">
        <v>29</v>
      </c>
      <c r="L274" s="6" t="s">
        <v>51</v>
      </c>
    </row>
    <row r="275" spans="1:12">
      <c r="A275" s="6" t="s">
        <v>49</v>
      </c>
      <c r="B275" s="6"/>
      <c r="C275" s="6" t="s">
        <v>289</v>
      </c>
      <c r="D275" s="6"/>
      <c r="E275" s="6" t="s">
        <v>9</v>
      </c>
      <c r="F275" s="7">
        <v>38657</v>
      </c>
      <c r="G275" s="8">
        <v>1</v>
      </c>
      <c r="H275" s="8">
        <v>1</v>
      </c>
      <c r="I275" s="8">
        <v>0</v>
      </c>
      <c r="J275" s="8">
        <v>1</v>
      </c>
      <c r="K275" s="9">
        <v>9.9600000000000009</v>
      </c>
      <c r="L275" s="6" t="s">
        <v>51</v>
      </c>
    </row>
    <row r="276" spans="1:12">
      <c r="A276" s="6" t="s">
        <v>49</v>
      </c>
      <c r="B276" s="6"/>
      <c r="C276" s="6" t="s">
        <v>290</v>
      </c>
      <c r="D276" s="6"/>
      <c r="E276" s="6" t="s">
        <v>9</v>
      </c>
      <c r="F276" s="7">
        <v>38657</v>
      </c>
      <c r="G276" s="8">
        <v>1</v>
      </c>
      <c r="H276" s="8">
        <v>1</v>
      </c>
      <c r="I276" s="8">
        <v>0</v>
      </c>
      <c r="J276" s="8">
        <v>1</v>
      </c>
      <c r="K276" s="9">
        <v>4.0999999999999899</v>
      </c>
      <c r="L276" s="6" t="s">
        <v>51</v>
      </c>
    </row>
    <row r="277" spans="1:12">
      <c r="A277" s="6" t="s">
        <v>49</v>
      </c>
      <c r="B277" s="6"/>
      <c r="C277" s="6" t="s">
        <v>291</v>
      </c>
      <c r="D277" s="6"/>
      <c r="E277" s="6" t="s">
        <v>9</v>
      </c>
      <c r="F277" s="7"/>
      <c r="G277" s="8">
        <v>1</v>
      </c>
      <c r="H277" s="8">
        <v>1</v>
      </c>
      <c r="I277" s="8">
        <v>0</v>
      </c>
      <c r="J277" s="8">
        <v>1</v>
      </c>
      <c r="K277" s="9">
        <v>9.69</v>
      </c>
      <c r="L277" s="6" t="s">
        <v>51</v>
      </c>
    </row>
    <row r="278" spans="1:12">
      <c r="A278" s="6" t="s">
        <v>49</v>
      </c>
      <c r="B278" s="6"/>
      <c r="C278" s="6" t="s">
        <v>292</v>
      </c>
      <c r="D278" s="6"/>
      <c r="E278" s="6" t="s">
        <v>9</v>
      </c>
      <c r="F278" s="7"/>
      <c r="G278" s="8">
        <v>1</v>
      </c>
      <c r="H278" s="8">
        <v>1</v>
      </c>
      <c r="I278" s="8">
        <v>0</v>
      </c>
      <c r="J278" s="8">
        <v>1</v>
      </c>
      <c r="K278" s="9">
        <v>4.12</v>
      </c>
      <c r="L278" s="6" t="s">
        <v>51</v>
      </c>
    </row>
    <row r="279" spans="1:12">
      <c r="A279" s="6" t="s">
        <v>49</v>
      </c>
      <c r="B279" s="6"/>
      <c r="C279" s="6" t="s">
        <v>293</v>
      </c>
      <c r="D279" s="6"/>
      <c r="E279" s="6" t="s">
        <v>9</v>
      </c>
      <c r="F279" s="7">
        <v>38657</v>
      </c>
      <c r="G279" s="8">
        <v>1</v>
      </c>
      <c r="H279" s="8">
        <v>1</v>
      </c>
      <c r="I279" s="8">
        <v>0</v>
      </c>
      <c r="J279" s="8">
        <v>1</v>
      </c>
      <c r="K279" s="9">
        <v>439</v>
      </c>
      <c r="L279" s="6" t="s">
        <v>51</v>
      </c>
    </row>
    <row r="280" spans="1:12">
      <c r="A280" s="6" t="s">
        <v>49</v>
      </c>
      <c r="B280" s="6"/>
      <c r="C280" s="6" t="s">
        <v>294</v>
      </c>
      <c r="D280" s="6"/>
      <c r="E280" s="6" t="s">
        <v>9</v>
      </c>
      <c r="F280" s="7">
        <v>39996</v>
      </c>
      <c r="G280" s="8">
        <v>1</v>
      </c>
      <c r="H280" s="8">
        <v>1</v>
      </c>
      <c r="I280" s="8">
        <v>0</v>
      </c>
      <c r="J280" s="8">
        <v>1</v>
      </c>
      <c r="K280" s="9">
        <v>1684</v>
      </c>
      <c r="L280" s="6" t="s">
        <v>51</v>
      </c>
    </row>
    <row r="281" spans="1:12">
      <c r="A281" s="6" t="s">
        <v>49</v>
      </c>
      <c r="B281" s="6"/>
      <c r="C281" s="6" t="s">
        <v>295</v>
      </c>
      <c r="D281" s="6"/>
      <c r="E281" s="6" t="s">
        <v>9</v>
      </c>
      <c r="F281" s="7">
        <v>38657</v>
      </c>
      <c r="G281" s="8">
        <v>1</v>
      </c>
      <c r="H281" s="8">
        <v>1</v>
      </c>
      <c r="I281" s="8">
        <v>0</v>
      </c>
      <c r="J281" s="8">
        <v>1</v>
      </c>
      <c r="K281" s="9">
        <v>1998</v>
      </c>
      <c r="L281" s="6" t="s">
        <v>51</v>
      </c>
    </row>
    <row r="282" spans="1:12">
      <c r="A282" s="6" t="s">
        <v>49</v>
      </c>
      <c r="B282" s="6"/>
      <c r="C282" s="6" t="s">
        <v>296</v>
      </c>
      <c r="D282" s="6"/>
      <c r="E282" s="6" t="s">
        <v>9</v>
      </c>
      <c r="F282" s="7">
        <v>39995</v>
      </c>
      <c r="G282" s="8">
        <v>1</v>
      </c>
      <c r="H282" s="8">
        <v>1</v>
      </c>
      <c r="I282" s="8">
        <v>0</v>
      </c>
      <c r="J282" s="8">
        <v>1</v>
      </c>
      <c r="K282" s="9">
        <v>1244</v>
      </c>
      <c r="L282" s="6" t="s">
        <v>51</v>
      </c>
    </row>
    <row r="283" spans="1:12">
      <c r="A283" s="6" t="s">
        <v>49</v>
      </c>
      <c r="B283" s="6"/>
      <c r="C283" s="6" t="s">
        <v>297</v>
      </c>
      <c r="D283" s="6"/>
      <c r="E283" s="6" t="s">
        <v>9</v>
      </c>
      <c r="F283" s="7">
        <v>39995</v>
      </c>
      <c r="G283" s="8">
        <v>1</v>
      </c>
      <c r="H283" s="8">
        <v>1</v>
      </c>
      <c r="I283" s="8">
        <v>0</v>
      </c>
      <c r="J283" s="8">
        <v>1</v>
      </c>
      <c r="K283" s="9">
        <v>704</v>
      </c>
      <c r="L283" s="6" t="s">
        <v>51</v>
      </c>
    </row>
    <row r="284" spans="1:12">
      <c r="A284" s="6" t="s">
        <v>49</v>
      </c>
      <c r="B284" s="6"/>
      <c r="C284" s="6" t="s">
        <v>298</v>
      </c>
      <c r="D284" s="6"/>
      <c r="E284" s="6" t="s">
        <v>9</v>
      </c>
      <c r="F284" s="7">
        <v>38657</v>
      </c>
      <c r="G284" s="8">
        <v>1</v>
      </c>
      <c r="H284" s="8">
        <v>1</v>
      </c>
      <c r="I284" s="8">
        <v>0</v>
      </c>
      <c r="J284" s="8">
        <v>1</v>
      </c>
      <c r="K284" s="9">
        <v>16</v>
      </c>
      <c r="L284" s="6" t="s">
        <v>51</v>
      </c>
    </row>
    <row r="285" spans="1:12">
      <c r="A285" s="6" t="s">
        <v>49</v>
      </c>
      <c r="B285" s="6"/>
      <c r="C285" s="6" t="s">
        <v>299</v>
      </c>
      <c r="D285" s="6"/>
      <c r="E285" s="6" t="s">
        <v>9</v>
      </c>
      <c r="F285" s="7">
        <v>39995</v>
      </c>
      <c r="G285" s="8">
        <v>1</v>
      </c>
      <c r="H285" s="8">
        <v>1</v>
      </c>
      <c r="I285" s="8">
        <v>0</v>
      </c>
      <c r="J285" s="8">
        <v>1</v>
      </c>
      <c r="K285" s="9">
        <v>62</v>
      </c>
      <c r="L285" s="6" t="s">
        <v>51</v>
      </c>
    </row>
    <row r="286" spans="1:12">
      <c r="A286" s="6" t="s">
        <v>49</v>
      </c>
      <c r="B286" s="6"/>
      <c r="C286" s="6" t="s">
        <v>300</v>
      </c>
      <c r="D286" s="6"/>
      <c r="E286" s="6" t="s">
        <v>9</v>
      </c>
      <c r="F286" s="7">
        <v>38657</v>
      </c>
      <c r="G286" s="8">
        <v>1</v>
      </c>
      <c r="H286" s="8">
        <v>1</v>
      </c>
      <c r="I286" s="8">
        <v>0</v>
      </c>
      <c r="J286" s="8">
        <v>1</v>
      </c>
      <c r="K286" s="9">
        <v>498</v>
      </c>
      <c r="L286" s="6" t="s">
        <v>51</v>
      </c>
    </row>
    <row r="287" spans="1:12">
      <c r="A287" s="6" t="s">
        <v>49</v>
      </c>
      <c r="B287" s="6"/>
      <c r="C287" s="6" t="s">
        <v>301</v>
      </c>
      <c r="D287" s="6"/>
      <c r="E287" s="6" t="s">
        <v>9</v>
      </c>
      <c r="F287" s="7">
        <v>38657</v>
      </c>
      <c r="G287" s="8">
        <v>1</v>
      </c>
      <c r="H287" s="8">
        <v>1</v>
      </c>
      <c r="I287" s="8">
        <v>0</v>
      </c>
      <c r="J287" s="8">
        <v>1</v>
      </c>
      <c r="K287" s="9">
        <v>900</v>
      </c>
      <c r="L287" s="6" t="s">
        <v>51</v>
      </c>
    </row>
    <row r="288" spans="1:12">
      <c r="A288" s="6" t="s">
        <v>49</v>
      </c>
      <c r="B288" s="6"/>
      <c r="C288" s="6" t="s">
        <v>302</v>
      </c>
      <c r="D288" s="6"/>
      <c r="E288" s="6" t="s">
        <v>9</v>
      </c>
      <c r="F288" s="7">
        <v>38657</v>
      </c>
      <c r="G288" s="8">
        <v>1</v>
      </c>
      <c r="H288" s="8">
        <v>1</v>
      </c>
      <c r="I288" s="8">
        <v>0</v>
      </c>
      <c r="J288" s="8">
        <v>1</v>
      </c>
      <c r="K288" s="9">
        <v>109</v>
      </c>
      <c r="L288" s="6" t="s">
        <v>51</v>
      </c>
    </row>
    <row r="289" spans="1:12">
      <c r="A289" s="6" t="s">
        <v>49</v>
      </c>
      <c r="B289" s="6"/>
      <c r="C289" s="6" t="s">
        <v>303</v>
      </c>
      <c r="D289" s="6"/>
      <c r="E289" s="6" t="s">
        <v>9</v>
      </c>
      <c r="F289" s="7">
        <v>39995</v>
      </c>
      <c r="G289" s="8">
        <v>1</v>
      </c>
      <c r="H289" s="8">
        <v>1</v>
      </c>
      <c r="I289" s="8">
        <v>0</v>
      </c>
      <c r="J289" s="8">
        <v>1</v>
      </c>
      <c r="K289" s="9">
        <v>211</v>
      </c>
      <c r="L289" s="6" t="s">
        <v>51</v>
      </c>
    </row>
    <row r="290" spans="1:12">
      <c r="A290" s="6" t="s">
        <v>49</v>
      </c>
      <c r="B290" s="6"/>
      <c r="C290" s="6" t="s">
        <v>304</v>
      </c>
      <c r="D290" s="6"/>
      <c r="E290" s="6" t="s">
        <v>9</v>
      </c>
      <c r="F290" s="7">
        <v>38657</v>
      </c>
      <c r="G290" s="8">
        <v>1</v>
      </c>
      <c r="H290" s="8">
        <v>1</v>
      </c>
      <c r="I290" s="8">
        <v>0</v>
      </c>
      <c r="J290" s="8">
        <v>1</v>
      </c>
      <c r="K290" s="9">
        <v>680</v>
      </c>
      <c r="L290" s="6" t="s">
        <v>51</v>
      </c>
    </row>
    <row r="291" spans="1:12">
      <c r="A291" s="6" t="s">
        <v>49</v>
      </c>
      <c r="B291" s="6"/>
      <c r="C291" s="6" t="s">
        <v>305</v>
      </c>
      <c r="D291" s="6"/>
      <c r="E291" s="6" t="s">
        <v>9</v>
      </c>
      <c r="F291" s="7">
        <v>38657</v>
      </c>
      <c r="G291" s="8">
        <v>1</v>
      </c>
      <c r="H291" s="8">
        <v>1</v>
      </c>
      <c r="I291" s="8">
        <v>0</v>
      </c>
      <c r="J291" s="8">
        <v>1</v>
      </c>
      <c r="K291" s="9">
        <v>1530</v>
      </c>
      <c r="L291" s="6" t="s">
        <v>51</v>
      </c>
    </row>
    <row r="292" spans="1:12">
      <c r="A292" s="6" t="s">
        <v>49</v>
      </c>
      <c r="B292" s="6"/>
      <c r="C292" s="6" t="s">
        <v>306</v>
      </c>
      <c r="D292" s="6"/>
      <c r="E292" s="6" t="s">
        <v>9</v>
      </c>
      <c r="F292" s="7">
        <v>38657</v>
      </c>
      <c r="G292" s="8">
        <v>1</v>
      </c>
      <c r="H292" s="8">
        <v>1</v>
      </c>
      <c r="I292" s="8">
        <v>0</v>
      </c>
      <c r="J292" s="8">
        <v>1</v>
      </c>
      <c r="K292" s="9">
        <v>1923</v>
      </c>
      <c r="L292" s="6" t="s">
        <v>51</v>
      </c>
    </row>
    <row r="293" spans="1:12">
      <c r="A293" s="6" t="s">
        <v>49</v>
      </c>
      <c r="B293" s="6"/>
      <c r="C293" s="6" t="s">
        <v>307</v>
      </c>
      <c r="D293" s="6"/>
      <c r="E293" s="6" t="s">
        <v>9</v>
      </c>
      <c r="F293" s="7">
        <v>38657</v>
      </c>
      <c r="G293" s="8">
        <v>1</v>
      </c>
      <c r="H293" s="8">
        <v>1</v>
      </c>
      <c r="I293" s="8">
        <v>0</v>
      </c>
      <c r="J293" s="8">
        <v>1</v>
      </c>
      <c r="K293" s="9">
        <v>16</v>
      </c>
      <c r="L293" s="6" t="s">
        <v>51</v>
      </c>
    </row>
    <row r="294" spans="1:12">
      <c r="A294" s="6" t="s">
        <v>49</v>
      </c>
      <c r="B294" s="6"/>
      <c r="C294" s="6" t="s">
        <v>308</v>
      </c>
      <c r="D294" s="6"/>
      <c r="E294" s="6" t="s">
        <v>9</v>
      </c>
      <c r="F294" s="7">
        <v>38657</v>
      </c>
      <c r="G294" s="8">
        <v>1</v>
      </c>
      <c r="H294" s="8">
        <v>1</v>
      </c>
      <c r="I294" s="8">
        <v>0</v>
      </c>
      <c r="J294" s="8">
        <v>1</v>
      </c>
      <c r="K294" s="9">
        <v>16</v>
      </c>
      <c r="L294" s="6" t="s">
        <v>51</v>
      </c>
    </row>
    <row r="295" spans="1:12">
      <c r="A295" s="6" t="s">
        <v>49</v>
      </c>
      <c r="B295" s="6"/>
      <c r="C295" s="6" t="s">
        <v>309</v>
      </c>
      <c r="D295" s="6"/>
      <c r="E295" s="6" t="s">
        <v>9</v>
      </c>
      <c r="F295" s="7">
        <v>38657</v>
      </c>
      <c r="G295" s="8">
        <v>1</v>
      </c>
      <c r="H295" s="8">
        <v>1</v>
      </c>
      <c r="I295" s="8">
        <v>0</v>
      </c>
      <c r="J295" s="8">
        <v>1</v>
      </c>
      <c r="K295" s="9">
        <v>66</v>
      </c>
      <c r="L295" s="6" t="s">
        <v>51</v>
      </c>
    </row>
    <row r="296" spans="1:12">
      <c r="A296" s="6" t="s">
        <v>49</v>
      </c>
      <c r="B296" s="6"/>
      <c r="C296" s="6" t="s">
        <v>310</v>
      </c>
      <c r="D296" s="6"/>
      <c r="E296" s="6" t="s">
        <v>9</v>
      </c>
      <c r="F296" s="7">
        <v>38657</v>
      </c>
      <c r="G296" s="8">
        <v>1</v>
      </c>
      <c r="H296" s="8">
        <v>1</v>
      </c>
      <c r="I296" s="8">
        <v>0</v>
      </c>
      <c r="J296" s="8">
        <v>1</v>
      </c>
      <c r="K296" s="9">
        <v>3.15</v>
      </c>
      <c r="L296" s="6" t="s">
        <v>51</v>
      </c>
    </row>
    <row r="297" spans="1:12">
      <c r="A297" s="6" t="s">
        <v>49</v>
      </c>
      <c r="B297" s="6"/>
      <c r="C297" s="6" t="s">
        <v>311</v>
      </c>
      <c r="D297" s="6"/>
      <c r="E297" s="6" t="s">
        <v>9</v>
      </c>
      <c r="F297" s="7">
        <v>38657</v>
      </c>
      <c r="G297" s="8">
        <v>1</v>
      </c>
      <c r="H297" s="8">
        <v>1</v>
      </c>
      <c r="I297" s="8">
        <v>0</v>
      </c>
      <c r="J297" s="8">
        <v>1</v>
      </c>
      <c r="K297" s="9">
        <v>36</v>
      </c>
      <c r="L297" s="6" t="s">
        <v>51</v>
      </c>
    </row>
    <row r="298" spans="1:12">
      <c r="A298" s="6" t="s">
        <v>49</v>
      </c>
      <c r="B298" s="6"/>
      <c r="C298" s="6" t="s">
        <v>312</v>
      </c>
      <c r="D298" s="6"/>
      <c r="E298" s="6" t="s">
        <v>9</v>
      </c>
      <c r="F298" s="7">
        <v>38657</v>
      </c>
      <c r="G298" s="8">
        <v>1</v>
      </c>
      <c r="H298" s="8">
        <v>1</v>
      </c>
      <c r="I298" s="8">
        <v>0</v>
      </c>
      <c r="J298" s="8">
        <v>1</v>
      </c>
      <c r="K298" s="9">
        <v>49</v>
      </c>
      <c r="L298" s="6" t="s">
        <v>51</v>
      </c>
    </row>
    <row r="299" spans="1:12">
      <c r="A299" s="6" t="s">
        <v>49</v>
      </c>
      <c r="B299" s="6"/>
      <c r="C299" s="6" t="s">
        <v>313</v>
      </c>
      <c r="D299" s="6"/>
      <c r="E299" s="6" t="s">
        <v>9</v>
      </c>
      <c r="F299" s="7">
        <v>38657</v>
      </c>
      <c r="G299" s="8">
        <v>1</v>
      </c>
      <c r="H299" s="8">
        <v>1</v>
      </c>
      <c r="I299" s="8">
        <v>0</v>
      </c>
      <c r="J299" s="8">
        <v>1</v>
      </c>
      <c r="K299" s="9">
        <v>50</v>
      </c>
      <c r="L299" s="6" t="s">
        <v>51</v>
      </c>
    </row>
    <row r="300" spans="1:12">
      <c r="A300" s="6" t="s">
        <v>49</v>
      </c>
      <c r="B300" s="6"/>
      <c r="C300" s="6" t="s">
        <v>314</v>
      </c>
      <c r="D300" s="6"/>
      <c r="E300" s="6" t="s">
        <v>9</v>
      </c>
      <c r="F300" s="7">
        <v>38657</v>
      </c>
      <c r="G300" s="8">
        <v>1</v>
      </c>
      <c r="H300" s="8">
        <v>1</v>
      </c>
      <c r="I300" s="8">
        <v>0</v>
      </c>
      <c r="J300" s="8">
        <v>1</v>
      </c>
      <c r="K300" s="9">
        <v>9</v>
      </c>
      <c r="L300" s="6" t="s">
        <v>51</v>
      </c>
    </row>
    <row r="301" spans="1:12">
      <c r="A301" s="6" t="s">
        <v>49</v>
      </c>
      <c r="B301" s="6"/>
      <c r="C301" s="6" t="s">
        <v>315</v>
      </c>
      <c r="D301" s="6"/>
      <c r="E301" s="6" t="s">
        <v>9</v>
      </c>
      <c r="F301" s="7">
        <v>38657</v>
      </c>
      <c r="G301" s="8">
        <v>1</v>
      </c>
      <c r="H301" s="8">
        <v>1</v>
      </c>
      <c r="I301" s="8">
        <v>0</v>
      </c>
      <c r="J301" s="8">
        <v>1</v>
      </c>
      <c r="K301" s="9">
        <v>50</v>
      </c>
      <c r="L301" s="6" t="s">
        <v>51</v>
      </c>
    </row>
    <row r="302" spans="1:12">
      <c r="A302" s="6" t="s">
        <v>49</v>
      </c>
      <c r="B302" s="6"/>
      <c r="C302" s="6" t="s">
        <v>316</v>
      </c>
      <c r="D302" s="6"/>
      <c r="E302" s="6" t="s">
        <v>9</v>
      </c>
      <c r="F302" s="7">
        <v>38657</v>
      </c>
      <c r="G302" s="8">
        <v>1</v>
      </c>
      <c r="H302" s="8">
        <v>1</v>
      </c>
      <c r="I302" s="8">
        <v>0</v>
      </c>
      <c r="J302" s="8">
        <v>1</v>
      </c>
      <c r="K302" s="9">
        <v>50</v>
      </c>
      <c r="L302" s="6" t="s">
        <v>51</v>
      </c>
    </row>
    <row r="303" spans="1:12">
      <c r="A303" s="6" t="s">
        <v>49</v>
      </c>
      <c r="B303" s="6"/>
      <c r="C303" s="6" t="s">
        <v>317</v>
      </c>
      <c r="D303" s="6"/>
      <c r="E303" s="6" t="s">
        <v>9</v>
      </c>
      <c r="F303" s="7">
        <v>38657</v>
      </c>
      <c r="G303" s="8">
        <v>1</v>
      </c>
      <c r="H303" s="8">
        <v>1</v>
      </c>
      <c r="I303" s="8">
        <v>0</v>
      </c>
      <c r="J303" s="8">
        <v>1</v>
      </c>
      <c r="K303" s="9">
        <v>9</v>
      </c>
      <c r="L303" s="6" t="s">
        <v>51</v>
      </c>
    </row>
    <row r="304" spans="1:12">
      <c r="A304" s="6" t="s">
        <v>49</v>
      </c>
      <c r="B304" s="6"/>
      <c r="C304" s="6" t="s">
        <v>318</v>
      </c>
      <c r="D304" s="6"/>
      <c r="E304" s="6" t="s">
        <v>9</v>
      </c>
      <c r="F304" s="7">
        <v>38657</v>
      </c>
      <c r="G304" s="8">
        <v>1</v>
      </c>
      <c r="H304" s="8">
        <v>1</v>
      </c>
      <c r="I304" s="8">
        <v>0</v>
      </c>
      <c r="J304" s="8">
        <v>1</v>
      </c>
      <c r="K304" s="9">
        <v>55</v>
      </c>
      <c r="L304" s="6" t="s">
        <v>51</v>
      </c>
    </row>
    <row r="305" spans="1:12">
      <c r="A305" s="6" t="s">
        <v>49</v>
      </c>
      <c r="B305" s="6"/>
      <c r="C305" s="6" t="s">
        <v>319</v>
      </c>
      <c r="D305" s="6"/>
      <c r="E305" s="6" t="s">
        <v>9</v>
      </c>
      <c r="F305" s="7">
        <v>38657</v>
      </c>
      <c r="G305" s="8">
        <v>1</v>
      </c>
      <c r="H305" s="8">
        <v>1</v>
      </c>
      <c r="I305" s="8">
        <v>0</v>
      </c>
      <c r="J305" s="8">
        <v>1</v>
      </c>
      <c r="K305" s="9">
        <v>54</v>
      </c>
      <c r="L305" s="6" t="s">
        <v>51</v>
      </c>
    </row>
    <row r="306" spans="1:12">
      <c r="A306" s="6" t="s">
        <v>49</v>
      </c>
      <c r="B306" s="6"/>
      <c r="C306" s="6" t="s">
        <v>320</v>
      </c>
      <c r="D306" s="6"/>
      <c r="E306" s="6" t="s">
        <v>9</v>
      </c>
      <c r="F306" s="7">
        <v>38657</v>
      </c>
      <c r="G306" s="8">
        <v>1</v>
      </c>
      <c r="H306" s="8">
        <v>1</v>
      </c>
      <c r="I306" s="8">
        <v>0</v>
      </c>
      <c r="J306" s="8">
        <v>1</v>
      </c>
      <c r="K306" s="9">
        <v>21.02</v>
      </c>
      <c r="L306" s="6" t="s">
        <v>51</v>
      </c>
    </row>
    <row r="307" spans="1:12">
      <c r="A307" s="6" t="s">
        <v>49</v>
      </c>
      <c r="B307" s="6"/>
      <c r="C307" s="6" t="s">
        <v>321</v>
      </c>
      <c r="D307" s="6"/>
      <c r="E307" s="6" t="s">
        <v>9</v>
      </c>
      <c r="F307" s="7">
        <v>38657</v>
      </c>
      <c r="G307" s="8">
        <v>1</v>
      </c>
      <c r="H307" s="8">
        <v>1</v>
      </c>
      <c r="I307" s="8">
        <v>0</v>
      </c>
      <c r="J307" s="8">
        <v>1</v>
      </c>
      <c r="K307" s="9">
        <v>19</v>
      </c>
      <c r="L307" s="6" t="s">
        <v>51</v>
      </c>
    </row>
    <row r="308" spans="1:12">
      <c r="A308" s="6" t="s">
        <v>49</v>
      </c>
      <c r="B308" s="6"/>
      <c r="C308" s="6" t="s">
        <v>322</v>
      </c>
      <c r="D308" s="6"/>
      <c r="E308" s="6" t="s">
        <v>9</v>
      </c>
      <c r="F308" s="7">
        <v>38657</v>
      </c>
      <c r="G308" s="8">
        <v>1</v>
      </c>
      <c r="H308" s="8">
        <v>1</v>
      </c>
      <c r="I308" s="8">
        <v>0</v>
      </c>
      <c r="J308" s="8">
        <v>1</v>
      </c>
      <c r="K308" s="9">
        <v>4.99</v>
      </c>
      <c r="L308" s="6" t="s">
        <v>51</v>
      </c>
    </row>
    <row r="309" spans="1:12">
      <c r="A309" s="6" t="s">
        <v>49</v>
      </c>
      <c r="B309" s="6"/>
      <c r="C309" s="6" t="s">
        <v>323</v>
      </c>
      <c r="D309" s="6"/>
      <c r="E309" s="6" t="s">
        <v>9</v>
      </c>
      <c r="F309" s="7">
        <v>38657</v>
      </c>
      <c r="G309" s="8">
        <v>1</v>
      </c>
      <c r="H309" s="8">
        <v>1</v>
      </c>
      <c r="I309" s="8">
        <v>0</v>
      </c>
      <c r="J309" s="8">
        <v>1</v>
      </c>
      <c r="K309" s="9">
        <v>37</v>
      </c>
      <c r="L309" s="6" t="s">
        <v>51</v>
      </c>
    </row>
    <row r="310" spans="1:12">
      <c r="A310" s="6" t="s">
        <v>49</v>
      </c>
      <c r="B310" s="6"/>
      <c r="C310" s="6" t="s">
        <v>324</v>
      </c>
      <c r="D310" s="6"/>
      <c r="E310" s="6" t="s">
        <v>9</v>
      </c>
      <c r="F310" s="7">
        <v>38657</v>
      </c>
      <c r="G310" s="8">
        <v>1</v>
      </c>
      <c r="H310" s="8">
        <v>1</v>
      </c>
      <c r="I310" s="8">
        <v>0</v>
      </c>
      <c r="J310" s="8">
        <v>1</v>
      </c>
      <c r="K310" s="9">
        <v>21</v>
      </c>
      <c r="L310" s="6" t="s">
        <v>51</v>
      </c>
    </row>
    <row r="311" spans="1:12">
      <c r="A311" s="6" t="s">
        <v>49</v>
      </c>
      <c r="B311" s="6"/>
      <c r="C311" s="6" t="s">
        <v>325</v>
      </c>
      <c r="D311" s="6"/>
      <c r="E311" s="6" t="s">
        <v>9</v>
      </c>
      <c r="F311" s="7">
        <v>38657</v>
      </c>
      <c r="G311" s="8">
        <v>1</v>
      </c>
      <c r="H311" s="8">
        <v>1</v>
      </c>
      <c r="I311" s="8">
        <v>0</v>
      </c>
      <c r="J311" s="8">
        <v>1</v>
      </c>
      <c r="K311" s="9">
        <v>8</v>
      </c>
      <c r="L311" s="6" t="s">
        <v>51</v>
      </c>
    </row>
    <row r="312" spans="1:12">
      <c r="A312" s="6" t="s">
        <v>49</v>
      </c>
      <c r="B312" s="6"/>
      <c r="C312" s="6" t="s">
        <v>326</v>
      </c>
      <c r="D312" s="6"/>
      <c r="E312" s="6" t="s">
        <v>9</v>
      </c>
      <c r="F312" s="7">
        <v>38657</v>
      </c>
      <c r="G312" s="8">
        <v>1</v>
      </c>
      <c r="H312" s="8">
        <v>1</v>
      </c>
      <c r="I312" s="8">
        <v>0</v>
      </c>
      <c r="J312" s="8">
        <v>1</v>
      </c>
      <c r="K312" s="9">
        <v>12</v>
      </c>
      <c r="L312" s="6" t="s">
        <v>51</v>
      </c>
    </row>
    <row r="313" spans="1:12">
      <c r="A313" s="6" t="s">
        <v>49</v>
      </c>
      <c r="B313" s="6"/>
      <c r="C313" s="6" t="s">
        <v>327</v>
      </c>
      <c r="D313" s="6"/>
      <c r="E313" s="6" t="s">
        <v>9</v>
      </c>
      <c r="F313" s="7">
        <v>38657</v>
      </c>
      <c r="G313" s="8">
        <v>1</v>
      </c>
      <c r="H313" s="8">
        <v>1</v>
      </c>
      <c r="I313" s="8">
        <v>0</v>
      </c>
      <c r="J313" s="8">
        <v>1</v>
      </c>
      <c r="K313" s="9">
        <v>19</v>
      </c>
      <c r="L313" s="6" t="s">
        <v>51</v>
      </c>
    </row>
    <row r="314" spans="1:12">
      <c r="A314" s="6" t="s">
        <v>49</v>
      </c>
      <c r="B314" s="6"/>
      <c r="C314" s="6" t="s">
        <v>328</v>
      </c>
      <c r="D314" s="6"/>
      <c r="E314" s="6" t="s">
        <v>9</v>
      </c>
      <c r="F314" s="7">
        <v>38657</v>
      </c>
      <c r="G314" s="8">
        <v>1</v>
      </c>
      <c r="H314" s="8">
        <v>1</v>
      </c>
      <c r="I314" s="8">
        <v>0</v>
      </c>
      <c r="J314" s="8">
        <v>1</v>
      </c>
      <c r="K314" s="9">
        <v>19</v>
      </c>
      <c r="L314" s="6" t="s">
        <v>51</v>
      </c>
    </row>
    <row r="315" spans="1:12">
      <c r="A315" s="6" t="s">
        <v>49</v>
      </c>
      <c r="B315" s="6"/>
      <c r="C315" s="6" t="s">
        <v>329</v>
      </c>
      <c r="D315" s="6"/>
      <c r="E315" s="6" t="s">
        <v>9</v>
      </c>
      <c r="F315" s="7">
        <v>38657</v>
      </c>
      <c r="G315" s="8">
        <v>1</v>
      </c>
      <c r="H315" s="8">
        <v>1</v>
      </c>
      <c r="I315" s="8">
        <v>0</v>
      </c>
      <c r="J315" s="8">
        <v>1</v>
      </c>
      <c r="K315" s="9">
        <v>23</v>
      </c>
      <c r="L315" s="6" t="s">
        <v>51</v>
      </c>
    </row>
    <row r="316" spans="1:12">
      <c r="A316" s="6" t="s">
        <v>49</v>
      </c>
      <c r="B316" s="6"/>
      <c r="C316" s="6" t="s">
        <v>330</v>
      </c>
      <c r="D316" s="6"/>
      <c r="E316" s="6" t="s">
        <v>9</v>
      </c>
      <c r="F316" s="7">
        <v>38657</v>
      </c>
      <c r="G316" s="8">
        <v>1</v>
      </c>
      <c r="H316" s="8">
        <v>1</v>
      </c>
      <c r="I316" s="8">
        <v>0</v>
      </c>
      <c r="J316" s="8">
        <v>1</v>
      </c>
      <c r="K316" s="9">
        <v>29</v>
      </c>
      <c r="L316" s="6" t="s">
        <v>51</v>
      </c>
    </row>
    <row r="317" spans="1:12">
      <c r="A317" s="6" t="s">
        <v>49</v>
      </c>
      <c r="B317" s="6"/>
      <c r="C317" s="6" t="s">
        <v>331</v>
      </c>
      <c r="D317" s="6"/>
      <c r="E317" s="6" t="s">
        <v>9</v>
      </c>
      <c r="F317" s="7">
        <v>38657</v>
      </c>
      <c r="G317" s="8">
        <v>1</v>
      </c>
      <c r="H317" s="8">
        <v>1</v>
      </c>
      <c r="I317" s="8">
        <v>0</v>
      </c>
      <c r="J317" s="8">
        <v>1</v>
      </c>
      <c r="K317" s="9">
        <v>9.91</v>
      </c>
      <c r="L317" s="6" t="s">
        <v>51</v>
      </c>
    </row>
    <row r="318" spans="1:12">
      <c r="A318" s="6" t="s">
        <v>49</v>
      </c>
      <c r="B318" s="6"/>
      <c r="C318" s="6" t="s">
        <v>332</v>
      </c>
      <c r="D318" s="6"/>
      <c r="E318" s="6" t="s">
        <v>9</v>
      </c>
      <c r="F318" s="7">
        <v>38657</v>
      </c>
      <c r="G318" s="8">
        <v>1</v>
      </c>
      <c r="H318" s="8">
        <v>1</v>
      </c>
      <c r="I318" s="8">
        <v>0</v>
      </c>
      <c r="J318" s="8">
        <v>1</v>
      </c>
      <c r="K318" s="9">
        <v>8</v>
      </c>
      <c r="L318" s="6" t="s">
        <v>51</v>
      </c>
    </row>
    <row r="319" spans="1:12">
      <c r="A319" s="6" t="s">
        <v>49</v>
      </c>
      <c r="B319" s="6"/>
      <c r="C319" s="6" t="s">
        <v>333</v>
      </c>
      <c r="D319" s="6"/>
      <c r="E319" s="6" t="s">
        <v>9</v>
      </c>
      <c r="F319" s="7">
        <v>38657</v>
      </c>
      <c r="G319" s="8">
        <v>1</v>
      </c>
      <c r="H319" s="8">
        <v>1</v>
      </c>
      <c r="I319" s="8">
        <v>0</v>
      </c>
      <c r="J319" s="8">
        <v>1</v>
      </c>
      <c r="K319" s="9">
        <v>17</v>
      </c>
      <c r="L319" s="6" t="s">
        <v>51</v>
      </c>
    </row>
    <row r="320" spans="1:12">
      <c r="A320" s="6" t="s">
        <v>49</v>
      </c>
      <c r="B320" s="6"/>
      <c r="C320" s="6" t="s">
        <v>334</v>
      </c>
      <c r="D320" s="6"/>
      <c r="E320" s="6" t="s">
        <v>9</v>
      </c>
      <c r="F320" s="7">
        <v>38657</v>
      </c>
      <c r="G320" s="8">
        <v>1</v>
      </c>
      <c r="H320" s="8">
        <v>1</v>
      </c>
      <c r="I320" s="8">
        <v>0</v>
      </c>
      <c r="J320" s="8">
        <v>1</v>
      </c>
      <c r="K320" s="9">
        <v>23</v>
      </c>
      <c r="L320" s="6" t="s">
        <v>51</v>
      </c>
    </row>
    <row r="321" spans="1:12">
      <c r="A321" s="6" t="s">
        <v>49</v>
      </c>
      <c r="B321" s="6"/>
      <c r="C321" s="6" t="s">
        <v>335</v>
      </c>
      <c r="D321" s="6"/>
      <c r="E321" s="6" t="s">
        <v>9</v>
      </c>
      <c r="F321" s="7">
        <v>38657</v>
      </c>
      <c r="G321" s="8">
        <v>1</v>
      </c>
      <c r="H321" s="8">
        <v>1</v>
      </c>
      <c r="I321" s="8">
        <v>0</v>
      </c>
      <c r="J321" s="8">
        <v>1</v>
      </c>
      <c r="K321" s="9">
        <v>9.91</v>
      </c>
      <c r="L321" s="6" t="s">
        <v>51</v>
      </c>
    </row>
    <row r="322" spans="1:12">
      <c r="A322" s="6" t="s">
        <v>49</v>
      </c>
      <c r="B322" s="6"/>
      <c r="C322" s="6" t="s">
        <v>336</v>
      </c>
      <c r="D322" s="6"/>
      <c r="E322" s="6" t="s">
        <v>9</v>
      </c>
      <c r="F322" s="7">
        <v>38657</v>
      </c>
      <c r="G322" s="8">
        <v>1</v>
      </c>
      <c r="H322" s="8">
        <v>1</v>
      </c>
      <c r="I322" s="8">
        <v>0</v>
      </c>
      <c r="J322" s="8">
        <v>1</v>
      </c>
      <c r="K322" s="9">
        <v>16</v>
      </c>
      <c r="L322" s="6" t="s">
        <v>51</v>
      </c>
    </row>
    <row r="323" spans="1:12">
      <c r="A323" s="6" t="s">
        <v>49</v>
      </c>
      <c r="B323" s="6"/>
      <c r="C323" s="6" t="s">
        <v>337</v>
      </c>
      <c r="D323" s="6"/>
      <c r="E323" s="6" t="s">
        <v>9</v>
      </c>
      <c r="F323" s="7">
        <v>38657</v>
      </c>
      <c r="G323" s="8">
        <v>1</v>
      </c>
      <c r="H323" s="8">
        <v>1</v>
      </c>
      <c r="I323" s="8">
        <v>0</v>
      </c>
      <c r="J323" s="8">
        <v>1</v>
      </c>
      <c r="K323" s="9">
        <v>16</v>
      </c>
      <c r="L323" s="6" t="s">
        <v>51</v>
      </c>
    </row>
    <row r="324" spans="1:12">
      <c r="A324" s="6" t="s">
        <v>49</v>
      </c>
      <c r="B324" s="6"/>
      <c r="C324" s="6" t="s">
        <v>338</v>
      </c>
      <c r="D324" s="6"/>
      <c r="E324" s="6" t="s">
        <v>9</v>
      </c>
      <c r="F324" s="7">
        <v>38657</v>
      </c>
      <c r="G324" s="8">
        <v>1</v>
      </c>
      <c r="H324" s="8">
        <v>1</v>
      </c>
      <c r="I324" s="8">
        <v>0</v>
      </c>
      <c r="J324" s="8">
        <v>1</v>
      </c>
      <c r="K324" s="9">
        <v>16</v>
      </c>
      <c r="L324" s="6" t="s">
        <v>51</v>
      </c>
    </row>
    <row r="325" spans="1:12">
      <c r="A325" s="6" t="s">
        <v>49</v>
      </c>
      <c r="B325" s="6"/>
      <c r="C325" s="6" t="s">
        <v>339</v>
      </c>
      <c r="D325" s="6"/>
      <c r="E325" s="6" t="s">
        <v>9</v>
      </c>
      <c r="F325" s="7">
        <v>38657</v>
      </c>
      <c r="G325" s="8">
        <v>1</v>
      </c>
      <c r="H325" s="8">
        <v>1</v>
      </c>
      <c r="I325" s="8">
        <v>0</v>
      </c>
      <c r="J325" s="8">
        <v>1</v>
      </c>
      <c r="K325" s="9">
        <v>16</v>
      </c>
      <c r="L325" s="6" t="s">
        <v>51</v>
      </c>
    </row>
    <row r="326" spans="1:12">
      <c r="A326" s="6" t="s">
        <v>49</v>
      </c>
      <c r="B326" s="6"/>
      <c r="C326" s="6" t="s">
        <v>340</v>
      </c>
      <c r="D326" s="6"/>
      <c r="E326" s="6" t="s">
        <v>9</v>
      </c>
      <c r="F326" s="7">
        <v>38657</v>
      </c>
      <c r="G326" s="8">
        <v>1</v>
      </c>
      <c r="H326" s="8">
        <v>1</v>
      </c>
      <c r="I326" s="8">
        <v>0</v>
      </c>
      <c r="J326" s="8">
        <v>1</v>
      </c>
      <c r="K326" s="9">
        <v>13</v>
      </c>
      <c r="L326" s="6" t="s">
        <v>51</v>
      </c>
    </row>
    <row r="327" spans="1:12">
      <c r="A327" s="6" t="s">
        <v>49</v>
      </c>
      <c r="B327" s="6"/>
      <c r="C327" s="6" t="s">
        <v>341</v>
      </c>
      <c r="D327" s="6"/>
      <c r="E327" s="6" t="s">
        <v>9</v>
      </c>
      <c r="F327" s="7">
        <v>38657</v>
      </c>
      <c r="G327" s="8">
        <v>1</v>
      </c>
      <c r="H327" s="8">
        <v>1</v>
      </c>
      <c r="I327" s="8">
        <v>0</v>
      </c>
      <c r="J327" s="8">
        <v>1</v>
      </c>
      <c r="K327" s="9">
        <v>9</v>
      </c>
      <c r="L327" s="6" t="s">
        <v>51</v>
      </c>
    </row>
    <row r="328" spans="1:12">
      <c r="A328" s="6" t="s">
        <v>49</v>
      </c>
      <c r="B328" s="6"/>
      <c r="C328" s="6" t="s">
        <v>342</v>
      </c>
      <c r="D328" s="6"/>
      <c r="E328" s="6" t="s">
        <v>9</v>
      </c>
      <c r="F328" s="7">
        <v>38657</v>
      </c>
      <c r="G328" s="8">
        <v>1</v>
      </c>
      <c r="H328" s="8">
        <v>1</v>
      </c>
      <c r="I328" s="8">
        <v>0</v>
      </c>
      <c r="J328" s="8">
        <v>1</v>
      </c>
      <c r="K328" s="9">
        <v>9.91</v>
      </c>
      <c r="L328" s="6" t="s">
        <v>51</v>
      </c>
    </row>
    <row r="329" spans="1:12">
      <c r="A329" s="6" t="s">
        <v>49</v>
      </c>
      <c r="B329" s="6"/>
      <c r="C329" s="6" t="s">
        <v>343</v>
      </c>
      <c r="D329" s="6"/>
      <c r="E329" s="6" t="s">
        <v>9</v>
      </c>
      <c r="F329" s="7">
        <v>38657</v>
      </c>
      <c r="G329" s="8">
        <v>1</v>
      </c>
      <c r="H329" s="8">
        <v>1</v>
      </c>
      <c r="I329" s="8">
        <v>0</v>
      </c>
      <c r="J329" s="8">
        <v>1</v>
      </c>
      <c r="K329" s="9">
        <v>26</v>
      </c>
      <c r="L329" s="6" t="s">
        <v>51</v>
      </c>
    </row>
    <row r="330" spans="1:12">
      <c r="A330" s="6" t="s">
        <v>49</v>
      </c>
      <c r="B330" s="6"/>
      <c r="C330" s="6" t="s">
        <v>344</v>
      </c>
      <c r="D330" s="6"/>
      <c r="E330" s="6" t="s">
        <v>9</v>
      </c>
      <c r="F330" s="7">
        <v>38657</v>
      </c>
      <c r="G330" s="8">
        <v>1</v>
      </c>
      <c r="H330" s="8">
        <v>1</v>
      </c>
      <c r="I330" s="8">
        <v>0</v>
      </c>
      <c r="J330" s="8">
        <v>1</v>
      </c>
      <c r="K330" s="9">
        <v>16</v>
      </c>
      <c r="L330" s="6" t="s">
        <v>51</v>
      </c>
    </row>
    <row r="331" spans="1:12">
      <c r="A331" s="6" t="s">
        <v>49</v>
      </c>
      <c r="B331" s="6"/>
      <c r="C331" s="6" t="s">
        <v>345</v>
      </c>
      <c r="D331" s="6"/>
      <c r="E331" s="6" t="s">
        <v>9</v>
      </c>
      <c r="F331" s="7">
        <v>38657</v>
      </c>
      <c r="G331" s="8">
        <v>1</v>
      </c>
      <c r="H331" s="8">
        <v>1</v>
      </c>
      <c r="I331" s="8">
        <v>0</v>
      </c>
      <c r="J331" s="8">
        <v>1</v>
      </c>
      <c r="K331" s="9">
        <v>39</v>
      </c>
      <c r="L331" s="6" t="s">
        <v>51</v>
      </c>
    </row>
    <row r="332" spans="1:12">
      <c r="A332" s="6" t="s">
        <v>49</v>
      </c>
      <c r="B332" s="6"/>
      <c r="C332" s="6" t="s">
        <v>346</v>
      </c>
      <c r="D332" s="6"/>
      <c r="E332" s="6" t="s">
        <v>9</v>
      </c>
      <c r="F332" s="7">
        <v>38657</v>
      </c>
      <c r="G332" s="8">
        <v>1</v>
      </c>
      <c r="H332" s="8">
        <v>1</v>
      </c>
      <c r="I332" s="8">
        <v>0</v>
      </c>
      <c r="J332" s="8">
        <v>1</v>
      </c>
      <c r="K332" s="9">
        <v>65</v>
      </c>
      <c r="L332" s="6" t="s">
        <v>51</v>
      </c>
    </row>
    <row r="333" spans="1:12">
      <c r="A333" s="6" t="s">
        <v>49</v>
      </c>
      <c r="B333" s="6"/>
      <c r="C333" s="6" t="s">
        <v>347</v>
      </c>
      <c r="D333" s="6"/>
      <c r="E333" s="6" t="s">
        <v>9</v>
      </c>
      <c r="F333" s="7">
        <v>38657</v>
      </c>
      <c r="G333" s="8">
        <v>1</v>
      </c>
      <c r="H333" s="8">
        <v>1</v>
      </c>
      <c r="I333" s="8">
        <v>0</v>
      </c>
      <c r="J333" s="8">
        <v>1</v>
      </c>
      <c r="K333" s="9">
        <v>6.61</v>
      </c>
      <c r="L333" s="6" t="s">
        <v>51</v>
      </c>
    </row>
    <row r="334" spans="1:12">
      <c r="A334" s="6" t="s">
        <v>49</v>
      </c>
      <c r="B334" s="6"/>
      <c r="C334" s="6" t="s">
        <v>348</v>
      </c>
      <c r="D334" s="6"/>
      <c r="E334" s="6" t="s">
        <v>9</v>
      </c>
      <c r="F334" s="7">
        <v>38657</v>
      </c>
      <c r="G334" s="8">
        <v>1</v>
      </c>
      <c r="H334" s="8">
        <v>1</v>
      </c>
      <c r="I334" s="8">
        <v>0</v>
      </c>
      <c r="J334" s="8">
        <v>1</v>
      </c>
      <c r="K334" s="9">
        <v>9</v>
      </c>
      <c r="L334" s="6" t="s">
        <v>51</v>
      </c>
    </row>
    <row r="335" spans="1:12">
      <c r="A335" s="6" t="s">
        <v>49</v>
      </c>
      <c r="B335" s="6"/>
      <c r="C335" s="6" t="s">
        <v>349</v>
      </c>
      <c r="D335" s="6"/>
      <c r="E335" s="6" t="s">
        <v>9</v>
      </c>
      <c r="F335" s="7">
        <v>38657</v>
      </c>
      <c r="G335" s="8">
        <v>1</v>
      </c>
      <c r="H335" s="8">
        <v>1</v>
      </c>
      <c r="I335" s="8">
        <v>0</v>
      </c>
      <c r="J335" s="8">
        <v>1</v>
      </c>
      <c r="K335" s="9">
        <v>9</v>
      </c>
      <c r="L335" s="6" t="s">
        <v>51</v>
      </c>
    </row>
    <row r="336" spans="1:12">
      <c r="A336" s="6" t="s">
        <v>49</v>
      </c>
      <c r="B336" s="6"/>
      <c r="C336" s="6" t="s">
        <v>350</v>
      </c>
      <c r="D336" s="6"/>
      <c r="E336" s="6" t="s">
        <v>9</v>
      </c>
      <c r="F336" s="7">
        <v>38657</v>
      </c>
      <c r="G336" s="8">
        <v>1</v>
      </c>
      <c r="H336" s="8">
        <v>1</v>
      </c>
      <c r="I336" s="8">
        <v>0</v>
      </c>
      <c r="J336" s="8">
        <v>1</v>
      </c>
      <c r="K336" s="9">
        <v>70</v>
      </c>
      <c r="L336" s="6" t="s">
        <v>51</v>
      </c>
    </row>
    <row r="337" spans="1:12">
      <c r="A337" s="6" t="s">
        <v>49</v>
      </c>
      <c r="B337" s="6"/>
      <c r="C337" s="6" t="s">
        <v>351</v>
      </c>
      <c r="D337" s="6"/>
      <c r="E337" s="6" t="s">
        <v>9</v>
      </c>
      <c r="F337" s="7">
        <v>38657</v>
      </c>
      <c r="G337" s="8">
        <v>1</v>
      </c>
      <c r="H337" s="8">
        <v>1</v>
      </c>
      <c r="I337" s="8">
        <v>0</v>
      </c>
      <c r="J337" s="8">
        <v>1</v>
      </c>
      <c r="K337" s="9">
        <v>70</v>
      </c>
      <c r="L337" s="6" t="s">
        <v>51</v>
      </c>
    </row>
    <row r="338" spans="1:12">
      <c r="A338" s="6" t="s">
        <v>49</v>
      </c>
      <c r="B338" s="6"/>
      <c r="C338" s="6" t="s">
        <v>352</v>
      </c>
      <c r="D338" s="6"/>
      <c r="E338" s="6" t="s">
        <v>9</v>
      </c>
      <c r="F338" s="7">
        <v>38657</v>
      </c>
      <c r="G338" s="8">
        <v>1</v>
      </c>
      <c r="H338" s="8">
        <v>1</v>
      </c>
      <c r="I338" s="8">
        <v>0</v>
      </c>
      <c r="J338" s="8">
        <v>1</v>
      </c>
      <c r="K338" s="9">
        <v>11</v>
      </c>
      <c r="L338" s="6" t="s">
        <v>51</v>
      </c>
    </row>
    <row r="339" spans="1:12">
      <c r="A339" s="6" t="s">
        <v>49</v>
      </c>
      <c r="B339" s="6"/>
      <c r="C339" s="6" t="s">
        <v>353</v>
      </c>
      <c r="D339" s="6"/>
      <c r="E339" s="6" t="s">
        <v>9</v>
      </c>
      <c r="F339" s="7">
        <v>38657</v>
      </c>
      <c r="G339" s="8">
        <v>1</v>
      </c>
      <c r="H339" s="8">
        <v>1</v>
      </c>
      <c r="I339" s="8">
        <v>0</v>
      </c>
      <c r="J339" s="8">
        <v>1</v>
      </c>
      <c r="K339" s="9">
        <v>19</v>
      </c>
      <c r="L339" s="6" t="s">
        <v>51</v>
      </c>
    </row>
    <row r="340" spans="1:12">
      <c r="A340" s="6" t="s">
        <v>49</v>
      </c>
      <c r="B340" s="6"/>
      <c r="C340" s="6" t="s">
        <v>354</v>
      </c>
      <c r="D340" s="6"/>
      <c r="E340" s="6" t="s">
        <v>9</v>
      </c>
      <c r="F340" s="7">
        <v>38657</v>
      </c>
      <c r="G340" s="8">
        <v>1</v>
      </c>
      <c r="H340" s="8">
        <v>1</v>
      </c>
      <c r="I340" s="8">
        <v>0</v>
      </c>
      <c r="J340" s="8">
        <v>1</v>
      </c>
      <c r="K340" s="9">
        <v>62</v>
      </c>
      <c r="L340" s="6" t="s">
        <v>51</v>
      </c>
    </row>
    <row r="341" spans="1:12">
      <c r="A341" s="6" t="s">
        <v>49</v>
      </c>
      <c r="B341" s="6"/>
      <c r="C341" s="6" t="s">
        <v>355</v>
      </c>
      <c r="D341" s="6"/>
      <c r="E341" s="6" t="s">
        <v>9</v>
      </c>
      <c r="F341" s="7">
        <v>38657</v>
      </c>
      <c r="G341" s="8">
        <v>1</v>
      </c>
      <c r="H341" s="8">
        <v>1</v>
      </c>
      <c r="I341" s="8">
        <v>0</v>
      </c>
      <c r="J341" s="8">
        <v>1</v>
      </c>
      <c r="K341" s="9">
        <v>54</v>
      </c>
      <c r="L341" s="6" t="s">
        <v>51</v>
      </c>
    </row>
    <row r="342" spans="1:12">
      <c r="A342" s="6" t="s">
        <v>49</v>
      </c>
      <c r="B342" s="6"/>
      <c r="C342" s="6" t="s">
        <v>356</v>
      </c>
      <c r="D342" s="6"/>
      <c r="E342" s="6" t="s">
        <v>9</v>
      </c>
      <c r="F342" s="7">
        <v>38657</v>
      </c>
      <c r="G342" s="8">
        <v>1</v>
      </c>
      <c r="H342" s="8">
        <v>1</v>
      </c>
      <c r="I342" s="8">
        <v>0</v>
      </c>
      <c r="J342" s="8">
        <v>1</v>
      </c>
      <c r="K342" s="9">
        <v>54</v>
      </c>
      <c r="L342" s="6" t="s">
        <v>51</v>
      </c>
    </row>
    <row r="343" spans="1:12">
      <c r="A343" s="6" t="s">
        <v>49</v>
      </c>
      <c r="B343" s="6"/>
      <c r="C343" s="6" t="s">
        <v>357</v>
      </c>
      <c r="D343" s="6"/>
      <c r="E343" s="6" t="s">
        <v>9</v>
      </c>
      <c r="F343" s="7">
        <v>38657</v>
      </c>
      <c r="G343" s="8">
        <v>1</v>
      </c>
      <c r="H343" s="8">
        <v>1</v>
      </c>
      <c r="I343" s="8">
        <v>0</v>
      </c>
      <c r="J343" s="8">
        <v>1</v>
      </c>
      <c r="K343" s="9">
        <v>237</v>
      </c>
      <c r="L343" s="6" t="s">
        <v>51</v>
      </c>
    </row>
    <row r="344" spans="1:12">
      <c r="A344" s="6" t="s">
        <v>49</v>
      </c>
      <c r="B344" s="6"/>
      <c r="C344" s="6" t="s">
        <v>358</v>
      </c>
      <c r="D344" s="6"/>
      <c r="E344" s="6" t="s">
        <v>9</v>
      </c>
      <c r="F344" s="7">
        <v>38657</v>
      </c>
      <c r="G344" s="8">
        <v>1</v>
      </c>
      <c r="H344" s="8">
        <v>1</v>
      </c>
      <c r="I344" s="8">
        <v>0</v>
      </c>
      <c r="J344" s="8">
        <v>1</v>
      </c>
      <c r="K344" s="9">
        <v>52</v>
      </c>
      <c r="L344" s="6" t="s">
        <v>51</v>
      </c>
    </row>
    <row r="345" spans="1:12">
      <c r="A345" s="6" t="s">
        <v>49</v>
      </c>
      <c r="B345" s="6"/>
      <c r="C345" s="6" t="s">
        <v>359</v>
      </c>
      <c r="D345" s="6"/>
      <c r="E345" s="6" t="s">
        <v>9</v>
      </c>
      <c r="F345" s="7">
        <v>38657</v>
      </c>
      <c r="G345" s="8">
        <v>1</v>
      </c>
      <c r="H345" s="8">
        <v>1</v>
      </c>
      <c r="I345" s="8">
        <v>0</v>
      </c>
      <c r="J345" s="8">
        <v>1</v>
      </c>
      <c r="K345" s="9">
        <v>51</v>
      </c>
      <c r="L345" s="6" t="s">
        <v>51</v>
      </c>
    </row>
    <row r="346" spans="1:12">
      <c r="A346" s="6" t="s">
        <v>49</v>
      </c>
      <c r="B346" s="6"/>
      <c r="C346" s="6" t="s">
        <v>360</v>
      </c>
      <c r="D346" s="6"/>
      <c r="E346" s="6" t="s">
        <v>9</v>
      </c>
      <c r="F346" s="7">
        <v>38657</v>
      </c>
      <c r="G346" s="8">
        <v>1</v>
      </c>
      <c r="H346" s="8">
        <v>1</v>
      </c>
      <c r="I346" s="8">
        <v>0</v>
      </c>
      <c r="J346" s="8">
        <v>1</v>
      </c>
      <c r="K346" s="9">
        <v>57</v>
      </c>
      <c r="L346" s="6" t="s">
        <v>51</v>
      </c>
    </row>
    <row r="347" spans="1:12">
      <c r="A347" s="6" t="s">
        <v>49</v>
      </c>
      <c r="B347" s="6"/>
      <c r="C347" s="6" t="s">
        <v>361</v>
      </c>
      <c r="D347" s="6"/>
      <c r="E347" s="6" t="s">
        <v>9</v>
      </c>
      <c r="F347" s="7">
        <v>38657</v>
      </c>
      <c r="G347" s="8">
        <v>1</v>
      </c>
      <c r="H347" s="8">
        <v>1</v>
      </c>
      <c r="I347" s="8">
        <v>0</v>
      </c>
      <c r="J347" s="8">
        <v>1</v>
      </c>
      <c r="K347" s="9">
        <v>39</v>
      </c>
      <c r="L347" s="6" t="s">
        <v>51</v>
      </c>
    </row>
    <row r="348" spans="1:12">
      <c r="A348" s="6" t="s">
        <v>49</v>
      </c>
      <c r="B348" s="6"/>
      <c r="C348" s="6" t="s">
        <v>362</v>
      </c>
      <c r="D348" s="6"/>
      <c r="E348" s="6" t="s">
        <v>9</v>
      </c>
      <c r="F348" s="7">
        <v>38657</v>
      </c>
      <c r="G348" s="8">
        <v>1</v>
      </c>
      <c r="H348" s="8">
        <v>1</v>
      </c>
      <c r="I348" s="8">
        <v>0</v>
      </c>
      <c r="J348" s="8">
        <v>1</v>
      </c>
      <c r="K348" s="9">
        <v>100</v>
      </c>
      <c r="L348" s="6" t="s">
        <v>51</v>
      </c>
    </row>
    <row r="349" spans="1:12">
      <c r="A349" s="6" t="s">
        <v>49</v>
      </c>
      <c r="B349" s="6"/>
      <c r="C349" s="6" t="s">
        <v>363</v>
      </c>
      <c r="D349" s="6"/>
      <c r="E349" s="6" t="s">
        <v>9</v>
      </c>
      <c r="F349" s="7">
        <v>38657</v>
      </c>
      <c r="G349" s="8">
        <v>1</v>
      </c>
      <c r="H349" s="8">
        <v>1</v>
      </c>
      <c r="I349" s="8">
        <v>0</v>
      </c>
      <c r="J349" s="8">
        <v>1</v>
      </c>
      <c r="K349" s="9">
        <v>28</v>
      </c>
      <c r="L349" s="6" t="s">
        <v>51</v>
      </c>
    </row>
    <row r="350" spans="1:12">
      <c r="A350" s="6" t="s">
        <v>49</v>
      </c>
      <c r="B350" s="6"/>
      <c r="C350" s="6" t="s">
        <v>364</v>
      </c>
      <c r="D350" s="6"/>
      <c r="E350" s="6" t="s">
        <v>9</v>
      </c>
      <c r="F350" s="7">
        <v>38657</v>
      </c>
      <c r="G350" s="8">
        <v>1</v>
      </c>
      <c r="H350" s="8">
        <v>1</v>
      </c>
      <c r="I350" s="8">
        <v>0</v>
      </c>
      <c r="J350" s="8">
        <v>1</v>
      </c>
      <c r="K350" s="9">
        <v>28</v>
      </c>
      <c r="L350" s="6" t="s">
        <v>51</v>
      </c>
    </row>
    <row r="351" spans="1:12">
      <c r="A351" s="6" t="s">
        <v>49</v>
      </c>
      <c r="B351" s="6"/>
      <c r="C351" s="6" t="s">
        <v>365</v>
      </c>
      <c r="D351" s="6"/>
      <c r="E351" s="6" t="s">
        <v>9</v>
      </c>
      <c r="F351" s="7">
        <v>38657</v>
      </c>
      <c r="G351" s="8">
        <v>1</v>
      </c>
      <c r="H351" s="8">
        <v>1</v>
      </c>
      <c r="I351" s="8">
        <v>0</v>
      </c>
      <c r="J351" s="8">
        <v>1</v>
      </c>
      <c r="K351" s="9">
        <v>95</v>
      </c>
      <c r="L351" s="6" t="s">
        <v>51</v>
      </c>
    </row>
    <row r="352" spans="1:12">
      <c r="A352" s="6" t="s">
        <v>49</v>
      </c>
      <c r="B352" s="6"/>
      <c r="C352" s="6" t="s">
        <v>366</v>
      </c>
      <c r="D352" s="6"/>
      <c r="E352" s="6" t="s">
        <v>9</v>
      </c>
      <c r="F352" s="7">
        <v>38657</v>
      </c>
      <c r="G352" s="8">
        <v>1</v>
      </c>
      <c r="H352" s="8">
        <v>1</v>
      </c>
      <c r="I352" s="8">
        <v>0</v>
      </c>
      <c r="J352" s="8">
        <v>1</v>
      </c>
      <c r="K352" s="9">
        <v>10</v>
      </c>
      <c r="L352" s="6" t="s">
        <v>51</v>
      </c>
    </row>
    <row r="353" spans="1:12">
      <c r="A353" s="6" t="s">
        <v>49</v>
      </c>
      <c r="B353" s="6"/>
      <c r="C353" s="6" t="s">
        <v>367</v>
      </c>
      <c r="D353" s="6"/>
      <c r="E353" s="6" t="s">
        <v>9</v>
      </c>
      <c r="F353" s="7">
        <v>38657</v>
      </c>
      <c r="G353" s="8">
        <v>1</v>
      </c>
      <c r="H353" s="8">
        <v>1</v>
      </c>
      <c r="I353" s="8">
        <v>0</v>
      </c>
      <c r="J353" s="8">
        <v>1</v>
      </c>
      <c r="K353" s="9">
        <v>106</v>
      </c>
      <c r="L353" s="6" t="s">
        <v>51</v>
      </c>
    </row>
    <row r="354" spans="1:12">
      <c r="A354" s="6" t="s">
        <v>49</v>
      </c>
      <c r="B354" s="6"/>
      <c r="C354" s="6" t="s">
        <v>368</v>
      </c>
      <c r="D354" s="6"/>
      <c r="E354" s="6" t="s">
        <v>9</v>
      </c>
      <c r="F354" s="7">
        <v>38657</v>
      </c>
      <c r="G354" s="8">
        <v>1</v>
      </c>
      <c r="H354" s="8">
        <v>1</v>
      </c>
      <c r="I354" s="8">
        <v>0</v>
      </c>
      <c r="J354" s="8">
        <v>1</v>
      </c>
      <c r="K354" s="9">
        <v>43</v>
      </c>
      <c r="L354" s="6" t="s">
        <v>51</v>
      </c>
    </row>
    <row r="355" spans="1:12">
      <c r="A355" s="6" t="s">
        <v>49</v>
      </c>
      <c r="B355" s="6"/>
      <c r="C355" s="6" t="s">
        <v>369</v>
      </c>
      <c r="D355" s="6"/>
      <c r="E355" s="6" t="s">
        <v>9</v>
      </c>
      <c r="F355" s="7">
        <v>38657</v>
      </c>
      <c r="G355" s="8">
        <v>1</v>
      </c>
      <c r="H355" s="8">
        <v>1</v>
      </c>
      <c r="I355" s="8">
        <v>0</v>
      </c>
      <c r="J355" s="8">
        <v>1</v>
      </c>
      <c r="K355" s="9">
        <v>35</v>
      </c>
      <c r="L355" s="6" t="s">
        <v>51</v>
      </c>
    </row>
    <row r="356" spans="1:12">
      <c r="A356" s="6" t="s">
        <v>49</v>
      </c>
      <c r="B356" s="6"/>
      <c r="C356" s="6" t="s">
        <v>370</v>
      </c>
      <c r="D356" s="6"/>
      <c r="E356" s="6" t="s">
        <v>9</v>
      </c>
      <c r="F356" s="7">
        <v>38657</v>
      </c>
      <c r="G356" s="8">
        <v>1</v>
      </c>
      <c r="H356" s="8">
        <v>1</v>
      </c>
      <c r="I356" s="8">
        <v>0</v>
      </c>
      <c r="J356" s="8">
        <v>1</v>
      </c>
      <c r="K356" s="9">
        <v>36</v>
      </c>
      <c r="L356" s="6" t="s">
        <v>51</v>
      </c>
    </row>
    <row r="357" spans="1:12">
      <c r="A357" s="6" t="s">
        <v>49</v>
      </c>
      <c r="B357" s="6"/>
      <c r="C357" s="6" t="s">
        <v>371</v>
      </c>
      <c r="D357" s="6"/>
      <c r="E357" s="6" t="s">
        <v>9</v>
      </c>
      <c r="F357" s="7">
        <v>41364</v>
      </c>
      <c r="G357" s="8">
        <v>1</v>
      </c>
      <c r="H357" s="8">
        <v>1</v>
      </c>
      <c r="I357" s="8">
        <v>0</v>
      </c>
      <c r="J357" s="8">
        <v>1</v>
      </c>
      <c r="K357" s="9">
        <v>23</v>
      </c>
      <c r="L357" s="6" t="s">
        <v>51</v>
      </c>
    </row>
    <row r="358" spans="1:12">
      <c r="A358" s="6" t="s">
        <v>49</v>
      </c>
      <c r="B358" s="6"/>
      <c r="C358" s="6" t="s">
        <v>372</v>
      </c>
      <c r="D358" s="6"/>
      <c r="E358" s="6" t="s">
        <v>9</v>
      </c>
      <c r="F358" s="7">
        <v>38657</v>
      </c>
      <c r="G358" s="8">
        <v>1</v>
      </c>
      <c r="H358" s="8">
        <v>1</v>
      </c>
      <c r="I358" s="8">
        <v>0</v>
      </c>
      <c r="J358" s="8">
        <v>1</v>
      </c>
      <c r="K358" s="9">
        <v>50</v>
      </c>
      <c r="L358" s="6" t="s">
        <v>51</v>
      </c>
    </row>
    <row r="359" spans="1:12">
      <c r="A359" s="6" t="s">
        <v>49</v>
      </c>
      <c r="B359" s="6"/>
      <c r="C359" s="6" t="s">
        <v>373</v>
      </c>
      <c r="D359" s="6"/>
      <c r="E359" s="6" t="s">
        <v>9</v>
      </c>
      <c r="F359" s="7">
        <v>38657</v>
      </c>
      <c r="G359" s="8">
        <v>1</v>
      </c>
      <c r="H359" s="8">
        <v>1</v>
      </c>
      <c r="I359" s="8">
        <v>0</v>
      </c>
      <c r="J359" s="8">
        <v>1</v>
      </c>
      <c r="K359" s="9">
        <v>51</v>
      </c>
      <c r="L359" s="6" t="s">
        <v>51</v>
      </c>
    </row>
    <row r="360" spans="1:12">
      <c r="A360" s="6" t="s">
        <v>49</v>
      </c>
      <c r="B360" s="6"/>
      <c r="C360" s="6" t="s">
        <v>374</v>
      </c>
      <c r="D360" s="6"/>
      <c r="E360" s="6" t="s">
        <v>9</v>
      </c>
      <c r="F360" s="7">
        <v>38657</v>
      </c>
      <c r="G360" s="8">
        <v>1</v>
      </c>
      <c r="H360" s="8">
        <v>1</v>
      </c>
      <c r="I360" s="8">
        <v>0</v>
      </c>
      <c r="J360" s="8">
        <v>1</v>
      </c>
      <c r="K360" s="9">
        <v>50</v>
      </c>
      <c r="L360" s="6" t="s">
        <v>51</v>
      </c>
    </row>
    <row r="361" spans="1:12">
      <c r="A361" s="6" t="s">
        <v>49</v>
      </c>
      <c r="B361" s="6"/>
      <c r="C361" s="6" t="s">
        <v>375</v>
      </c>
      <c r="D361" s="6"/>
      <c r="E361" s="6" t="s">
        <v>9</v>
      </c>
      <c r="F361" s="7">
        <v>38657</v>
      </c>
      <c r="G361" s="8">
        <v>1</v>
      </c>
      <c r="H361" s="8">
        <v>1</v>
      </c>
      <c r="I361" s="8">
        <v>0</v>
      </c>
      <c r="J361" s="8">
        <v>1</v>
      </c>
      <c r="K361" s="9">
        <v>9.91</v>
      </c>
      <c r="L361" s="6" t="s">
        <v>51</v>
      </c>
    </row>
    <row r="362" spans="1:12">
      <c r="A362" s="6" t="s">
        <v>49</v>
      </c>
      <c r="B362" s="6"/>
      <c r="C362" s="6" t="s">
        <v>376</v>
      </c>
      <c r="D362" s="6"/>
      <c r="E362" s="6" t="s">
        <v>9</v>
      </c>
      <c r="F362" s="7">
        <v>41364</v>
      </c>
      <c r="G362" s="8">
        <v>1</v>
      </c>
      <c r="H362" s="8">
        <v>1</v>
      </c>
      <c r="I362" s="8">
        <v>0</v>
      </c>
      <c r="J362" s="8">
        <v>1</v>
      </c>
      <c r="K362" s="9">
        <v>26</v>
      </c>
      <c r="L362" s="6" t="s">
        <v>51</v>
      </c>
    </row>
    <row r="363" spans="1:12">
      <c r="A363" s="6" t="s">
        <v>49</v>
      </c>
      <c r="B363" s="6"/>
      <c r="C363" s="6" t="s">
        <v>377</v>
      </c>
      <c r="D363" s="6"/>
      <c r="E363" s="6" t="s">
        <v>9</v>
      </c>
      <c r="F363" s="7">
        <v>38657</v>
      </c>
      <c r="G363" s="8">
        <v>1</v>
      </c>
      <c r="H363" s="8">
        <v>1</v>
      </c>
      <c r="I363" s="8">
        <v>0</v>
      </c>
      <c r="J363" s="8">
        <v>1</v>
      </c>
      <c r="K363" s="9">
        <v>36</v>
      </c>
      <c r="L363" s="6" t="s">
        <v>51</v>
      </c>
    </row>
    <row r="364" spans="1:12">
      <c r="A364" s="6" t="s">
        <v>49</v>
      </c>
      <c r="B364" s="6"/>
      <c r="C364" s="6" t="s">
        <v>378</v>
      </c>
      <c r="D364" s="6"/>
      <c r="E364" s="6" t="s">
        <v>9</v>
      </c>
      <c r="F364" s="7">
        <v>38657</v>
      </c>
      <c r="G364" s="8">
        <v>1</v>
      </c>
      <c r="H364" s="8">
        <v>1</v>
      </c>
      <c r="I364" s="8">
        <v>0</v>
      </c>
      <c r="J364" s="8">
        <v>1</v>
      </c>
      <c r="K364" s="9">
        <v>154.68</v>
      </c>
      <c r="L364" s="6" t="s">
        <v>51</v>
      </c>
    </row>
    <row r="365" spans="1:12">
      <c r="A365" s="6" t="s">
        <v>49</v>
      </c>
      <c r="B365" s="6"/>
      <c r="C365" s="6" t="s">
        <v>379</v>
      </c>
      <c r="D365" s="6"/>
      <c r="E365" s="6" t="s">
        <v>9</v>
      </c>
      <c r="F365" s="7">
        <v>41364</v>
      </c>
      <c r="G365" s="8">
        <v>1</v>
      </c>
      <c r="H365" s="8">
        <v>1</v>
      </c>
      <c r="I365" s="8">
        <v>0</v>
      </c>
      <c r="J365" s="8">
        <v>1</v>
      </c>
      <c r="K365" s="9">
        <v>167</v>
      </c>
      <c r="L365" s="6" t="s">
        <v>51</v>
      </c>
    </row>
    <row r="366" spans="1:12">
      <c r="A366" s="6" t="s">
        <v>49</v>
      </c>
      <c r="B366" s="6"/>
      <c r="C366" s="6" t="s">
        <v>380</v>
      </c>
      <c r="D366" s="6"/>
      <c r="E366" s="6" t="s">
        <v>9</v>
      </c>
      <c r="F366" s="7">
        <v>38657</v>
      </c>
      <c r="G366" s="8">
        <v>1</v>
      </c>
      <c r="H366" s="8">
        <v>1</v>
      </c>
      <c r="I366" s="8">
        <v>0</v>
      </c>
      <c r="J366" s="8">
        <v>1</v>
      </c>
      <c r="K366" s="9">
        <v>5.23</v>
      </c>
      <c r="L366" s="6" t="s">
        <v>51</v>
      </c>
    </row>
    <row r="367" spans="1:12">
      <c r="A367" s="6" t="s">
        <v>49</v>
      </c>
      <c r="B367" s="6"/>
      <c r="C367" s="6" t="s">
        <v>381</v>
      </c>
      <c r="D367" s="6"/>
      <c r="E367" s="6" t="s">
        <v>9</v>
      </c>
      <c r="F367" s="7">
        <v>38657</v>
      </c>
      <c r="G367" s="8">
        <v>1</v>
      </c>
      <c r="H367" s="8">
        <v>1</v>
      </c>
      <c r="I367" s="8">
        <v>0</v>
      </c>
      <c r="J367" s="8">
        <v>1</v>
      </c>
      <c r="K367" s="9">
        <v>88</v>
      </c>
      <c r="L367" s="6" t="s">
        <v>51</v>
      </c>
    </row>
    <row r="368" spans="1:12">
      <c r="A368" s="6" t="s">
        <v>49</v>
      </c>
      <c r="B368" s="6"/>
      <c r="C368" s="6" t="s">
        <v>382</v>
      </c>
      <c r="D368" s="6"/>
      <c r="E368" s="6" t="s">
        <v>9</v>
      </c>
      <c r="F368" s="7">
        <v>38657</v>
      </c>
      <c r="G368" s="8">
        <v>1</v>
      </c>
      <c r="H368" s="8">
        <v>1</v>
      </c>
      <c r="I368" s="8">
        <v>0</v>
      </c>
      <c r="J368" s="8">
        <v>1</v>
      </c>
      <c r="K368" s="9">
        <v>120</v>
      </c>
      <c r="L368" s="6" t="s">
        <v>51</v>
      </c>
    </row>
    <row r="369" spans="1:12">
      <c r="A369" s="6" t="s">
        <v>49</v>
      </c>
      <c r="B369" s="6"/>
      <c r="C369" s="6" t="s">
        <v>383</v>
      </c>
      <c r="D369" s="6"/>
      <c r="E369" s="6" t="s">
        <v>9</v>
      </c>
      <c r="F369" s="7">
        <v>38657</v>
      </c>
      <c r="G369" s="8">
        <v>1</v>
      </c>
      <c r="H369" s="8">
        <v>1</v>
      </c>
      <c r="I369" s="8">
        <v>0</v>
      </c>
      <c r="J369" s="8">
        <v>1</v>
      </c>
      <c r="K369" s="9">
        <v>59</v>
      </c>
      <c r="L369" s="6" t="s">
        <v>51</v>
      </c>
    </row>
    <row r="370" spans="1:12">
      <c r="A370" s="6" t="s">
        <v>49</v>
      </c>
      <c r="B370" s="6"/>
      <c r="C370" s="6" t="s">
        <v>384</v>
      </c>
      <c r="D370" s="6"/>
      <c r="E370" s="6" t="s">
        <v>9</v>
      </c>
      <c r="F370" s="7">
        <v>38657</v>
      </c>
      <c r="G370" s="8">
        <v>1</v>
      </c>
      <c r="H370" s="8">
        <v>1</v>
      </c>
      <c r="I370" s="8">
        <v>0</v>
      </c>
      <c r="J370" s="8">
        <v>1</v>
      </c>
      <c r="K370" s="9">
        <v>59</v>
      </c>
      <c r="L370" s="6" t="s">
        <v>51</v>
      </c>
    </row>
    <row r="371" spans="1:12">
      <c r="A371" s="6" t="s">
        <v>49</v>
      </c>
      <c r="B371" s="6"/>
      <c r="C371" s="6" t="s">
        <v>385</v>
      </c>
      <c r="D371" s="6"/>
      <c r="E371" s="6" t="s">
        <v>9</v>
      </c>
      <c r="F371" s="7">
        <v>38657</v>
      </c>
      <c r="G371" s="8">
        <v>1</v>
      </c>
      <c r="H371" s="8">
        <v>1</v>
      </c>
      <c r="I371" s="8">
        <v>0</v>
      </c>
      <c r="J371" s="8">
        <v>1</v>
      </c>
      <c r="K371" s="9">
        <v>119</v>
      </c>
      <c r="L371" s="6" t="s">
        <v>51</v>
      </c>
    </row>
    <row r="372" spans="1:12">
      <c r="A372" s="6" t="s">
        <v>49</v>
      </c>
      <c r="B372" s="6"/>
      <c r="C372" s="6" t="s">
        <v>386</v>
      </c>
      <c r="D372" s="6"/>
      <c r="E372" s="6" t="s">
        <v>9</v>
      </c>
      <c r="F372" s="7">
        <v>38657</v>
      </c>
      <c r="G372" s="8">
        <v>1</v>
      </c>
      <c r="H372" s="8">
        <v>1</v>
      </c>
      <c r="I372" s="8">
        <v>0</v>
      </c>
      <c r="J372" s="8">
        <v>1</v>
      </c>
      <c r="K372" s="9">
        <v>74</v>
      </c>
      <c r="L372" s="6" t="s">
        <v>51</v>
      </c>
    </row>
    <row r="373" spans="1:12">
      <c r="A373" s="6" t="s">
        <v>49</v>
      </c>
      <c r="B373" s="6"/>
      <c r="C373" s="6" t="s">
        <v>387</v>
      </c>
      <c r="D373" s="6"/>
      <c r="E373" s="6" t="s">
        <v>9</v>
      </c>
      <c r="F373" s="7">
        <v>38657</v>
      </c>
      <c r="G373" s="8">
        <v>1</v>
      </c>
      <c r="H373" s="8">
        <v>1</v>
      </c>
      <c r="I373" s="8">
        <v>0</v>
      </c>
      <c r="J373" s="8">
        <v>1</v>
      </c>
      <c r="K373" s="9">
        <v>48</v>
      </c>
      <c r="L373" s="6" t="s">
        <v>51</v>
      </c>
    </row>
    <row r="374" spans="1:12">
      <c r="A374" s="6" t="s">
        <v>49</v>
      </c>
      <c r="B374" s="6"/>
      <c r="C374" s="6" t="s">
        <v>388</v>
      </c>
      <c r="D374" s="6"/>
      <c r="E374" s="6" t="s">
        <v>9</v>
      </c>
      <c r="F374" s="7">
        <v>38657</v>
      </c>
      <c r="G374" s="8">
        <v>1</v>
      </c>
      <c r="H374" s="8">
        <v>1</v>
      </c>
      <c r="I374" s="8">
        <v>0</v>
      </c>
      <c r="J374" s="8">
        <v>1</v>
      </c>
      <c r="K374" s="9">
        <v>9.91</v>
      </c>
      <c r="L374" s="6" t="s">
        <v>51</v>
      </c>
    </row>
    <row r="375" spans="1:12">
      <c r="A375" s="6" t="s">
        <v>49</v>
      </c>
      <c r="B375" s="6"/>
      <c r="C375" s="6" t="s">
        <v>389</v>
      </c>
      <c r="D375" s="6"/>
      <c r="E375" s="6" t="s">
        <v>9</v>
      </c>
      <c r="F375" s="7">
        <v>38657</v>
      </c>
      <c r="G375" s="8">
        <v>1</v>
      </c>
      <c r="H375" s="8">
        <v>1</v>
      </c>
      <c r="I375" s="8">
        <v>0</v>
      </c>
      <c r="J375" s="8">
        <v>1</v>
      </c>
      <c r="K375" s="9">
        <v>2.8</v>
      </c>
      <c r="L375" s="6" t="s">
        <v>51</v>
      </c>
    </row>
    <row r="376" spans="1:12">
      <c r="A376" s="6" t="s">
        <v>49</v>
      </c>
      <c r="B376" s="6"/>
      <c r="C376" s="6" t="s">
        <v>390</v>
      </c>
      <c r="D376" s="6"/>
      <c r="E376" s="6" t="s">
        <v>9</v>
      </c>
      <c r="F376" s="7">
        <v>38657</v>
      </c>
      <c r="G376" s="8">
        <v>1</v>
      </c>
      <c r="H376" s="8">
        <v>1</v>
      </c>
      <c r="I376" s="8">
        <v>0</v>
      </c>
      <c r="J376" s="8">
        <v>1</v>
      </c>
      <c r="K376" s="9">
        <v>8.5299999999999905</v>
      </c>
      <c r="L376" s="6" t="s">
        <v>51</v>
      </c>
    </row>
    <row r="377" spans="1:12">
      <c r="A377" s="6" t="s">
        <v>49</v>
      </c>
      <c r="B377" s="6"/>
      <c r="C377" s="6" t="s">
        <v>391</v>
      </c>
      <c r="D377" s="6"/>
      <c r="E377" s="6" t="s">
        <v>9</v>
      </c>
      <c r="F377" s="7">
        <v>38657</v>
      </c>
      <c r="G377" s="8">
        <v>1</v>
      </c>
      <c r="H377" s="8">
        <v>1</v>
      </c>
      <c r="I377" s="8">
        <v>0</v>
      </c>
      <c r="J377" s="8">
        <v>1</v>
      </c>
      <c r="K377" s="9">
        <v>45</v>
      </c>
      <c r="L377" s="6" t="s">
        <v>51</v>
      </c>
    </row>
    <row r="378" spans="1:12">
      <c r="A378" s="6" t="s">
        <v>49</v>
      </c>
      <c r="B378" s="6"/>
      <c r="C378" s="6" t="s">
        <v>392</v>
      </c>
      <c r="D378" s="6"/>
      <c r="E378" s="6" t="s">
        <v>9</v>
      </c>
      <c r="F378" s="7">
        <v>38657</v>
      </c>
      <c r="G378" s="8">
        <v>1</v>
      </c>
      <c r="H378" s="8">
        <v>1</v>
      </c>
      <c r="I378" s="8">
        <v>0</v>
      </c>
      <c r="J378" s="8">
        <v>1</v>
      </c>
      <c r="K378" s="9">
        <v>80</v>
      </c>
      <c r="L378" s="6" t="s">
        <v>51</v>
      </c>
    </row>
    <row r="379" spans="1:12">
      <c r="A379" s="6" t="s">
        <v>49</v>
      </c>
      <c r="B379" s="6"/>
      <c r="C379" s="6" t="s">
        <v>393</v>
      </c>
      <c r="D379" s="6"/>
      <c r="E379" s="6" t="s">
        <v>9</v>
      </c>
      <c r="F379" s="7">
        <v>38657</v>
      </c>
      <c r="G379" s="8">
        <v>1</v>
      </c>
      <c r="H379" s="8">
        <v>1</v>
      </c>
      <c r="I379" s="8">
        <v>0</v>
      </c>
      <c r="J379" s="8">
        <v>1</v>
      </c>
      <c r="K379" s="9">
        <v>76</v>
      </c>
      <c r="L379" s="6" t="s">
        <v>51</v>
      </c>
    </row>
    <row r="380" spans="1:12">
      <c r="A380" s="6" t="s">
        <v>49</v>
      </c>
      <c r="B380" s="6"/>
      <c r="C380" s="6" t="s">
        <v>394</v>
      </c>
      <c r="D380" s="6"/>
      <c r="E380" s="6" t="s">
        <v>9</v>
      </c>
      <c r="F380" s="7">
        <v>38657</v>
      </c>
      <c r="G380" s="8">
        <v>1</v>
      </c>
      <c r="H380" s="8">
        <v>1</v>
      </c>
      <c r="I380" s="8">
        <v>0</v>
      </c>
      <c r="J380" s="8">
        <v>1</v>
      </c>
      <c r="K380" s="9">
        <v>35</v>
      </c>
      <c r="L380" s="6" t="s">
        <v>51</v>
      </c>
    </row>
    <row r="381" spans="1:12">
      <c r="A381" s="6" t="s">
        <v>49</v>
      </c>
      <c r="B381" s="6"/>
      <c r="C381" s="6" t="s">
        <v>395</v>
      </c>
      <c r="D381" s="6"/>
      <c r="E381" s="6" t="s">
        <v>9</v>
      </c>
      <c r="F381" s="7">
        <v>38657</v>
      </c>
      <c r="G381" s="8">
        <v>1</v>
      </c>
      <c r="H381" s="8">
        <v>1</v>
      </c>
      <c r="I381" s="8">
        <v>0</v>
      </c>
      <c r="J381" s="8">
        <v>1</v>
      </c>
      <c r="K381" s="9">
        <v>1800</v>
      </c>
      <c r="L381" s="6" t="s">
        <v>51</v>
      </c>
    </row>
    <row r="382" spans="1:12">
      <c r="A382" s="6" t="s">
        <v>49</v>
      </c>
      <c r="B382" s="6"/>
      <c r="C382" s="6" t="s">
        <v>396</v>
      </c>
      <c r="D382" s="6"/>
      <c r="E382" s="6" t="s">
        <v>9</v>
      </c>
      <c r="F382" s="7">
        <v>38657</v>
      </c>
      <c r="G382" s="8">
        <v>1</v>
      </c>
      <c r="H382" s="8">
        <v>1</v>
      </c>
      <c r="I382" s="8">
        <v>0</v>
      </c>
      <c r="J382" s="8">
        <v>1</v>
      </c>
      <c r="K382" s="9">
        <v>325</v>
      </c>
      <c r="L382" s="6" t="s">
        <v>51</v>
      </c>
    </row>
    <row r="383" spans="1:12">
      <c r="A383" s="6" t="s">
        <v>49</v>
      </c>
      <c r="B383" s="6"/>
      <c r="C383" s="6" t="s">
        <v>397</v>
      </c>
      <c r="D383" s="6"/>
      <c r="E383" s="6" t="s">
        <v>9</v>
      </c>
      <c r="F383" s="7">
        <v>38657</v>
      </c>
      <c r="G383" s="8">
        <v>1</v>
      </c>
      <c r="H383" s="8">
        <v>1</v>
      </c>
      <c r="I383" s="8">
        <v>0</v>
      </c>
      <c r="J383" s="8">
        <v>1</v>
      </c>
      <c r="K383" s="9">
        <v>9.91</v>
      </c>
      <c r="L383" s="6" t="s">
        <v>51</v>
      </c>
    </row>
    <row r="384" spans="1:12">
      <c r="A384" s="6" t="s">
        <v>49</v>
      </c>
      <c r="B384" s="6"/>
      <c r="C384" s="6" t="s">
        <v>398</v>
      </c>
      <c r="D384" s="6"/>
      <c r="E384" s="6" t="s">
        <v>9</v>
      </c>
      <c r="F384" s="7">
        <v>38657</v>
      </c>
      <c r="G384" s="8">
        <v>1</v>
      </c>
      <c r="H384" s="8">
        <v>1</v>
      </c>
      <c r="I384" s="8">
        <v>0</v>
      </c>
      <c r="J384" s="8">
        <v>1</v>
      </c>
      <c r="K384" s="9">
        <v>109</v>
      </c>
      <c r="L384" s="6" t="s">
        <v>51</v>
      </c>
    </row>
    <row r="385" spans="1:12">
      <c r="A385" s="6" t="s">
        <v>49</v>
      </c>
      <c r="B385" s="6"/>
      <c r="C385" s="6" t="s">
        <v>399</v>
      </c>
      <c r="D385" s="6"/>
      <c r="E385" s="6" t="s">
        <v>9</v>
      </c>
      <c r="F385" s="7">
        <v>38657</v>
      </c>
      <c r="G385" s="8">
        <v>1</v>
      </c>
      <c r="H385" s="8">
        <v>1</v>
      </c>
      <c r="I385" s="8">
        <v>0</v>
      </c>
      <c r="J385" s="8">
        <v>1</v>
      </c>
      <c r="K385" s="9">
        <v>522</v>
      </c>
      <c r="L385" s="6" t="s">
        <v>51</v>
      </c>
    </row>
    <row r="386" spans="1:12">
      <c r="A386" s="6" t="s">
        <v>49</v>
      </c>
      <c r="B386" s="6"/>
      <c r="C386" s="6" t="s">
        <v>400</v>
      </c>
      <c r="D386" s="6"/>
      <c r="E386" s="6" t="s">
        <v>9</v>
      </c>
      <c r="F386" s="7">
        <v>38657</v>
      </c>
      <c r="G386" s="8">
        <v>1</v>
      </c>
      <c r="H386" s="8">
        <v>1</v>
      </c>
      <c r="I386" s="8">
        <v>0</v>
      </c>
      <c r="J386" s="8">
        <v>1</v>
      </c>
      <c r="K386" s="9">
        <v>88</v>
      </c>
      <c r="L386" s="6" t="s">
        <v>51</v>
      </c>
    </row>
    <row r="387" spans="1:12">
      <c r="A387" s="6" t="s">
        <v>49</v>
      </c>
      <c r="B387" s="6"/>
      <c r="C387" s="6" t="s">
        <v>401</v>
      </c>
      <c r="D387" s="6"/>
      <c r="E387" s="6" t="s">
        <v>9</v>
      </c>
      <c r="F387" s="7">
        <v>38657</v>
      </c>
      <c r="G387" s="8">
        <v>1</v>
      </c>
      <c r="H387" s="8">
        <v>1</v>
      </c>
      <c r="I387" s="8">
        <v>0</v>
      </c>
      <c r="J387" s="8">
        <v>1</v>
      </c>
      <c r="K387" s="9">
        <v>81</v>
      </c>
      <c r="L387" s="6" t="s">
        <v>51</v>
      </c>
    </row>
    <row r="388" spans="1:12">
      <c r="A388" s="6" t="s">
        <v>49</v>
      </c>
      <c r="B388" s="6"/>
      <c r="C388" s="6" t="s">
        <v>402</v>
      </c>
      <c r="D388" s="6"/>
      <c r="E388" s="6" t="s">
        <v>9</v>
      </c>
      <c r="F388" s="7">
        <v>38657</v>
      </c>
      <c r="G388" s="8">
        <v>1</v>
      </c>
      <c r="H388" s="8">
        <v>1</v>
      </c>
      <c r="I388" s="8">
        <v>0</v>
      </c>
      <c r="J388" s="8">
        <v>1</v>
      </c>
      <c r="K388" s="9">
        <v>65</v>
      </c>
      <c r="L388" s="6" t="s">
        <v>51</v>
      </c>
    </row>
    <row r="389" spans="1:12">
      <c r="A389" s="6" t="s">
        <v>49</v>
      </c>
      <c r="B389" s="6"/>
      <c r="C389" s="6" t="s">
        <v>403</v>
      </c>
      <c r="D389" s="6"/>
      <c r="E389" s="6" t="s">
        <v>9</v>
      </c>
      <c r="F389" s="7">
        <v>38657</v>
      </c>
      <c r="G389" s="8">
        <v>1</v>
      </c>
      <c r="H389" s="8">
        <v>1</v>
      </c>
      <c r="I389" s="8">
        <v>0</v>
      </c>
      <c r="J389" s="8">
        <v>1</v>
      </c>
      <c r="K389" s="9">
        <v>1062</v>
      </c>
      <c r="L389" s="6" t="s">
        <v>51</v>
      </c>
    </row>
    <row r="390" spans="1:12">
      <c r="A390" s="6" t="s">
        <v>49</v>
      </c>
      <c r="B390" s="6"/>
      <c r="C390" s="6" t="s">
        <v>404</v>
      </c>
      <c r="D390" s="6"/>
      <c r="E390" s="6" t="s">
        <v>9</v>
      </c>
      <c r="F390" s="7">
        <v>38657</v>
      </c>
      <c r="G390" s="8">
        <v>1</v>
      </c>
      <c r="H390" s="8">
        <v>1</v>
      </c>
      <c r="I390" s="8">
        <v>0</v>
      </c>
      <c r="J390" s="8">
        <v>1</v>
      </c>
      <c r="K390" s="9">
        <v>4549</v>
      </c>
      <c r="L390" s="6" t="s">
        <v>51</v>
      </c>
    </row>
    <row r="391" spans="1:12">
      <c r="A391" s="6" t="s">
        <v>49</v>
      </c>
      <c r="B391" s="6"/>
      <c r="C391" s="6" t="s">
        <v>405</v>
      </c>
      <c r="D391" s="6"/>
      <c r="E391" s="6" t="s">
        <v>9</v>
      </c>
      <c r="F391" s="7">
        <v>38657</v>
      </c>
      <c r="G391" s="8">
        <v>1</v>
      </c>
      <c r="H391" s="8">
        <v>1</v>
      </c>
      <c r="I391" s="8">
        <v>0</v>
      </c>
      <c r="J391" s="8">
        <v>1</v>
      </c>
      <c r="K391" s="9">
        <v>17</v>
      </c>
      <c r="L391" s="6" t="s">
        <v>51</v>
      </c>
    </row>
    <row r="392" spans="1:12">
      <c r="A392" s="6" t="s">
        <v>49</v>
      </c>
      <c r="B392" s="6"/>
      <c r="C392" s="6" t="s">
        <v>406</v>
      </c>
      <c r="D392" s="6"/>
      <c r="E392" s="6" t="s">
        <v>9</v>
      </c>
      <c r="F392" s="7">
        <v>38657</v>
      </c>
      <c r="G392" s="8">
        <v>1</v>
      </c>
      <c r="H392" s="8">
        <v>1</v>
      </c>
      <c r="I392" s="8">
        <v>0</v>
      </c>
      <c r="J392" s="8">
        <v>1</v>
      </c>
      <c r="K392" s="9">
        <v>403</v>
      </c>
      <c r="L392" s="6" t="s">
        <v>51</v>
      </c>
    </row>
    <row r="393" spans="1:12">
      <c r="A393" s="6" t="s">
        <v>49</v>
      </c>
      <c r="B393" s="6"/>
      <c r="C393" s="6" t="s">
        <v>407</v>
      </c>
      <c r="D393" s="6"/>
      <c r="E393" s="6" t="s">
        <v>9</v>
      </c>
      <c r="F393" s="7">
        <v>38657</v>
      </c>
      <c r="G393" s="8">
        <v>1</v>
      </c>
      <c r="H393" s="8">
        <v>1</v>
      </c>
      <c r="I393" s="8">
        <v>0</v>
      </c>
      <c r="J393" s="8">
        <v>1</v>
      </c>
      <c r="K393" s="9">
        <v>6.26</v>
      </c>
      <c r="L393" s="6" t="s">
        <v>51</v>
      </c>
    </row>
    <row r="394" spans="1:12">
      <c r="A394" s="6" t="s">
        <v>49</v>
      </c>
      <c r="B394" s="6"/>
      <c r="C394" s="6" t="s">
        <v>408</v>
      </c>
      <c r="D394" s="6"/>
      <c r="E394" s="6" t="s">
        <v>9</v>
      </c>
      <c r="F394" s="7">
        <v>38657</v>
      </c>
      <c r="G394" s="8">
        <v>1</v>
      </c>
      <c r="H394" s="8">
        <v>1</v>
      </c>
      <c r="I394" s="8">
        <v>0</v>
      </c>
      <c r="J394" s="8">
        <v>1</v>
      </c>
      <c r="K394" s="9">
        <v>4.8899999999999899</v>
      </c>
      <c r="L394" s="6" t="s">
        <v>51</v>
      </c>
    </row>
    <row r="395" spans="1:12">
      <c r="A395" s="6" t="s">
        <v>49</v>
      </c>
      <c r="B395" s="6"/>
      <c r="C395" s="6" t="s">
        <v>409</v>
      </c>
      <c r="D395" s="6"/>
      <c r="E395" s="6" t="s">
        <v>9</v>
      </c>
      <c r="F395" s="7">
        <v>38657</v>
      </c>
      <c r="G395" s="8">
        <v>1</v>
      </c>
      <c r="H395" s="8">
        <v>1</v>
      </c>
      <c r="I395" s="8">
        <v>0</v>
      </c>
      <c r="J395" s="8">
        <v>1</v>
      </c>
      <c r="K395" s="9">
        <v>6.61</v>
      </c>
      <c r="L395" s="6" t="s">
        <v>51</v>
      </c>
    </row>
    <row r="396" spans="1:12">
      <c r="A396" s="6" t="s">
        <v>49</v>
      </c>
      <c r="B396" s="6"/>
      <c r="C396" s="6" t="s">
        <v>410</v>
      </c>
      <c r="D396" s="6"/>
      <c r="E396" s="6" t="s">
        <v>9</v>
      </c>
      <c r="F396" s="7">
        <v>38657</v>
      </c>
      <c r="G396" s="8">
        <v>1</v>
      </c>
      <c r="H396" s="8">
        <v>1</v>
      </c>
      <c r="I396" s="8">
        <v>0</v>
      </c>
      <c r="J396" s="8">
        <v>1</v>
      </c>
      <c r="K396" s="9">
        <v>114</v>
      </c>
      <c r="L396" s="6" t="s">
        <v>51</v>
      </c>
    </row>
    <row r="397" spans="1:12">
      <c r="A397" s="6" t="s">
        <v>49</v>
      </c>
      <c r="B397" s="6"/>
      <c r="C397" s="6" t="s">
        <v>411</v>
      </c>
      <c r="D397" s="6"/>
      <c r="E397" s="6" t="s">
        <v>9</v>
      </c>
      <c r="F397" s="7">
        <v>38657</v>
      </c>
      <c r="G397" s="8">
        <v>1</v>
      </c>
      <c r="H397" s="8">
        <v>1</v>
      </c>
      <c r="I397" s="8">
        <v>0</v>
      </c>
      <c r="J397" s="8">
        <v>1</v>
      </c>
      <c r="K397" s="9">
        <v>55</v>
      </c>
      <c r="L397" s="6" t="s">
        <v>51</v>
      </c>
    </row>
    <row r="398" spans="1:12">
      <c r="A398" s="6" t="s">
        <v>49</v>
      </c>
      <c r="B398" s="6"/>
      <c r="C398" s="6" t="s">
        <v>412</v>
      </c>
      <c r="D398" s="6"/>
      <c r="E398" s="6" t="s">
        <v>9</v>
      </c>
      <c r="F398" s="7">
        <v>38657</v>
      </c>
      <c r="G398" s="8">
        <v>1</v>
      </c>
      <c r="H398" s="8">
        <v>1</v>
      </c>
      <c r="I398" s="8">
        <v>0</v>
      </c>
      <c r="J398" s="8">
        <v>1</v>
      </c>
      <c r="K398" s="9">
        <v>28</v>
      </c>
      <c r="L398" s="6" t="s">
        <v>51</v>
      </c>
    </row>
    <row r="399" spans="1:12">
      <c r="A399" s="6" t="s">
        <v>49</v>
      </c>
      <c r="B399" s="6"/>
      <c r="C399" s="6" t="s">
        <v>413</v>
      </c>
      <c r="D399" s="6"/>
      <c r="E399" s="6" t="s">
        <v>9</v>
      </c>
      <c r="F399" s="7">
        <v>38657</v>
      </c>
      <c r="G399" s="8">
        <v>1</v>
      </c>
      <c r="H399" s="8">
        <v>1</v>
      </c>
      <c r="I399" s="8">
        <v>0</v>
      </c>
      <c r="J399" s="8">
        <v>1</v>
      </c>
      <c r="K399" s="9">
        <v>114</v>
      </c>
      <c r="L399" s="6" t="s">
        <v>51</v>
      </c>
    </row>
    <row r="400" spans="1:12">
      <c r="A400" s="6" t="s">
        <v>49</v>
      </c>
      <c r="B400" s="6"/>
      <c r="C400" s="6" t="s">
        <v>414</v>
      </c>
      <c r="D400" s="6"/>
      <c r="E400" s="6" t="s">
        <v>9</v>
      </c>
      <c r="F400" s="7">
        <v>38657</v>
      </c>
      <c r="G400" s="8">
        <v>1</v>
      </c>
      <c r="H400" s="8">
        <v>1</v>
      </c>
      <c r="I400" s="8">
        <v>0</v>
      </c>
      <c r="J400" s="8">
        <v>1</v>
      </c>
      <c r="K400" s="9">
        <v>108</v>
      </c>
      <c r="L400" s="6" t="s">
        <v>51</v>
      </c>
    </row>
    <row r="401" spans="1:12">
      <c r="A401" s="6" t="s">
        <v>49</v>
      </c>
      <c r="B401" s="6"/>
      <c r="C401" s="6" t="s">
        <v>415</v>
      </c>
      <c r="D401" s="6"/>
      <c r="E401" s="6" t="s">
        <v>9</v>
      </c>
      <c r="F401" s="7">
        <v>38657</v>
      </c>
      <c r="G401" s="8">
        <v>1</v>
      </c>
      <c r="H401" s="8">
        <v>1</v>
      </c>
      <c r="I401" s="8">
        <v>0</v>
      </c>
      <c r="J401" s="8">
        <v>1</v>
      </c>
      <c r="K401" s="9">
        <v>33</v>
      </c>
      <c r="L401" s="6" t="s">
        <v>51</v>
      </c>
    </row>
    <row r="402" spans="1:12">
      <c r="A402" s="6" t="s">
        <v>49</v>
      </c>
      <c r="B402" s="6"/>
      <c r="C402" s="6" t="s">
        <v>416</v>
      </c>
      <c r="D402" s="6"/>
      <c r="E402" s="6" t="s">
        <v>9</v>
      </c>
      <c r="F402" s="7">
        <v>38657</v>
      </c>
      <c r="G402" s="8">
        <v>1</v>
      </c>
      <c r="H402" s="8">
        <v>1</v>
      </c>
      <c r="I402" s="8">
        <v>0</v>
      </c>
      <c r="J402" s="8">
        <v>1</v>
      </c>
      <c r="K402" s="9">
        <v>63</v>
      </c>
      <c r="L402" s="6" t="s">
        <v>51</v>
      </c>
    </row>
    <row r="403" spans="1:12">
      <c r="A403" s="6" t="s">
        <v>49</v>
      </c>
      <c r="B403" s="6"/>
      <c r="C403" s="6" t="s">
        <v>417</v>
      </c>
      <c r="D403" s="6"/>
      <c r="E403" s="6" t="s">
        <v>9</v>
      </c>
      <c r="F403" s="7">
        <v>38657</v>
      </c>
      <c r="G403" s="8">
        <v>1</v>
      </c>
      <c r="H403" s="8">
        <v>1</v>
      </c>
      <c r="I403" s="8">
        <v>0</v>
      </c>
      <c r="J403" s="8">
        <v>1</v>
      </c>
      <c r="K403" s="9">
        <v>9.48</v>
      </c>
      <c r="L403" s="6" t="s">
        <v>51</v>
      </c>
    </row>
    <row r="404" spans="1:12">
      <c r="A404" s="6" t="s">
        <v>49</v>
      </c>
      <c r="B404" s="6"/>
      <c r="C404" s="6" t="s">
        <v>418</v>
      </c>
      <c r="D404" s="6"/>
      <c r="E404" s="6" t="s">
        <v>9</v>
      </c>
      <c r="F404" s="7">
        <v>38657</v>
      </c>
      <c r="G404" s="8">
        <v>1</v>
      </c>
      <c r="H404" s="8">
        <v>1</v>
      </c>
      <c r="I404" s="8">
        <v>0</v>
      </c>
      <c r="J404" s="8">
        <v>1</v>
      </c>
      <c r="K404" s="9">
        <v>11</v>
      </c>
      <c r="L404" s="6" t="s">
        <v>51</v>
      </c>
    </row>
    <row r="405" spans="1:12">
      <c r="A405" s="6" t="s">
        <v>49</v>
      </c>
      <c r="B405" s="6"/>
      <c r="C405" s="6" t="s">
        <v>419</v>
      </c>
      <c r="D405" s="6"/>
      <c r="E405" s="6" t="s">
        <v>9</v>
      </c>
      <c r="F405" s="7">
        <v>38657</v>
      </c>
      <c r="G405" s="8">
        <v>1</v>
      </c>
      <c r="H405" s="8">
        <v>1</v>
      </c>
      <c r="I405" s="8">
        <v>0</v>
      </c>
      <c r="J405" s="8">
        <v>1</v>
      </c>
      <c r="K405" s="9">
        <v>11</v>
      </c>
      <c r="L405" s="6" t="s">
        <v>51</v>
      </c>
    </row>
    <row r="406" spans="1:12">
      <c r="A406" s="6" t="s">
        <v>49</v>
      </c>
      <c r="B406" s="6"/>
      <c r="C406" s="6" t="s">
        <v>420</v>
      </c>
      <c r="D406" s="6"/>
      <c r="E406" s="6" t="s">
        <v>9</v>
      </c>
      <c r="F406" s="7">
        <v>38657</v>
      </c>
      <c r="G406" s="8">
        <v>1</v>
      </c>
      <c r="H406" s="8">
        <v>1</v>
      </c>
      <c r="I406" s="8">
        <v>0</v>
      </c>
      <c r="J406" s="8">
        <v>1</v>
      </c>
      <c r="K406" s="9">
        <v>52</v>
      </c>
      <c r="L406" s="6" t="s">
        <v>51</v>
      </c>
    </row>
    <row r="407" spans="1:12">
      <c r="A407" s="6" t="s">
        <v>49</v>
      </c>
      <c r="B407" s="6"/>
      <c r="C407" s="6" t="s">
        <v>421</v>
      </c>
      <c r="D407" s="6"/>
      <c r="E407" s="6" t="s">
        <v>9</v>
      </c>
      <c r="F407" s="7">
        <v>38657</v>
      </c>
      <c r="G407" s="8">
        <v>1</v>
      </c>
      <c r="H407" s="8">
        <v>1</v>
      </c>
      <c r="I407" s="8">
        <v>0</v>
      </c>
      <c r="J407" s="8">
        <v>1</v>
      </c>
      <c r="K407" s="9">
        <v>30</v>
      </c>
      <c r="L407" s="6" t="s">
        <v>51</v>
      </c>
    </row>
    <row r="408" spans="1:12">
      <c r="A408" s="6" t="s">
        <v>49</v>
      </c>
      <c r="B408" s="6"/>
      <c r="C408" s="6" t="s">
        <v>422</v>
      </c>
      <c r="D408" s="6"/>
      <c r="E408" s="6" t="s">
        <v>9</v>
      </c>
      <c r="F408" s="7">
        <v>38657</v>
      </c>
      <c r="G408" s="8">
        <v>1</v>
      </c>
      <c r="H408" s="8">
        <v>1</v>
      </c>
      <c r="I408" s="8">
        <v>0</v>
      </c>
      <c r="J408" s="8">
        <v>1</v>
      </c>
      <c r="K408" s="9">
        <v>23</v>
      </c>
      <c r="L408" s="6" t="s">
        <v>51</v>
      </c>
    </row>
    <row r="409" spans="1:12">
      <c r="A409" s="6" t="s">
        <v>49</v>
      </c>
      <c r="B409" s="6"/>
      <c r="C409" s="6" t="s">
        <v>423</v>
      </c>
      <c r="D409" s="6"/>
      <c r="E409" s="6" t="s">
        <v>9</v>
      </c>
      <c r="F409" s="7">
        <v>38657</v>
      </c>
      <c r="G409" s="8">
        <v>1</v>
      </c>
      <c r="H409" s="8">
        <v>1</v>
      </c>
      <c r="I409" s="8">
        <v>0</v>
      </c>
      <c r="J409" s="8">
        <v>1</v>
      </c>
      <c r="K409" s="9">
        <v>32</v>
      </c>
      <c r="L409" s="6" t="s">
        <v>51</v>
      </c>
    </row>
    <row r="410" spans="1:12">
      <c r="A410" s="6" t="s">
        <v>49</v>
      </c>
      <c r="B410" s="6"/>
      <c r="C410" s="6" t="s">
        <v>424</v>
      </c>
      <c r="D410" s="6"/>
      <c r="E410" s="6" t="s">
        <v>9</v>
      </c>
      <c r="F410" s="7">
        <v>38657</v>
      </c>
      <c r="G410" s="8">
        <v>1</v>
      </c>
      <c r="H410" s="8">
        <v>1</v>
      </c>
      <c r="I410" s="8">
        <v>0</v>
      </c>
      <c r="J410" s="8">
        <v>1</v>
      </c>
      <c r="K410" s="9">
        <v>24</v>
      </c>
      <c r="L410" s="6" t="s">
        <v>51</v>
      </c>
    </row>
    <row r="411" spans="1:12">
      <c r="A411" s="6" t="s">
        <v>49</v>
      </c>
      <c r="B411" s="6"/>
      <c r="C411" s="6" t="s">
        <v>425</v>
      </c>
      <c r="D411" s="6"/>
      <c r="E411" s="6" t="s">
        <v>9</v>
      </c>
      <c r="F411" s="7">
        <v>38657</v>
      </c>
      <c r="G411" s="8">
        <v>1</v>
      </c>
      <c r="H411" s="8">
        <v>1</v>
      </c>
      <c r="I411" s="8">
        <v>0</v>
      </c>
      <c r="J411" s="8">
        <v>1</v>
      </c>
      <c r="K411" s="9">
        <v>84</v>
      </c>
      <c r="L411" s="6" t="s">
        <v>51</v>
      </c>
    </row>
    <row r="412" spans="1:12">
      <c r="A412" s="6" t="s">
        <v>49</v>
      </c>
      <c r="B412" s="6"/>
      <c r="C412" s="6" t="s">
        <v>426</v>
      </c>
      <c r="D412" s="6"/>
      <c r="E412" s="6" t="s">
        <v>9</v>
      </c>
      <c r="F412" s="7">
        <v>38657</v>
      </c>
      <c r="G412" s="8">
        <v>1</v>
      </c>
      <c r="H412" s="8">
        <v>1</v>
      </c>
      <c r="I412" s="8">
        <v>0</v>
      </c>
      <c r="J412" s="8">
        <v>1</v>
      </c>
      <c r="K412" s="9">
        <v>13</v>
      </c>
      <c r="L412" s="6" t="s">
        <v>51</v>
      </c>
    </row>
    <row r="413" spans="1:12">
      <c r="A413" s="6" t="s">
        <v>49</v>
      </c>
      <c r="B413" s="6"/>
      <c r="C413" s="6" t="s">
        <v>427</v>
      </c>
      <c r="D413" s="6"/>
      <c r="E413" s="6" t="s">
        <v>9</v>
      </c>
      <c r="F413" s="7">
        <v>38657</v>
      </c>
      <c r="G413" s="8">
        <v>1</v>
      </c>
      <c r="H413" s="8">
        <v>1</v>
      </c>
      <c r="I413" s="8">
        <v>0</v>
      </c>
      <c r="J413" s="8">
        <v>1</v>
      </c>
      <c r="K413" s="9">
        <v>129</v>
      </c>
      <c r="L413" s="6" t="s">
        <v>51</v>
      </c>
    </row>
    <row r="414" spans="1:12">
      <c r="A414" s="6" t="s">
        <v>49</v>
      </c>
      <c r="B414" s="6"/>
      <c r="C414" s="6" t="s">
        <v>428</v>
      </c>
      <c r="D414" s="6"/>
      <c r="E414" s="6" t="s">
        <v>9</v>
      </c>
      <c r="F414" s="7">
        <v>38657</v>
      </c>
      <c r="G414" s="8">
        <v>1</v>
      </c>
      <c r="H414" s="8">
        <v>1</v>
      </c>
      <c r="I414" s="8">
        <v>0</v>
      </c>
      <c r="J414" s="8">
        <v>1</v>
      </c>
      <c r="K414" s="9">
        <v>26</v>
      </c>
      <c r="L414" s="6" t="s">
        <v>51</v>
      </c>
    </row>
    <row r="415" spans="1:12">
      <c r="A415" s="6" t="s">
        <v>49</v>
      </c>
      <c r="B415" s="6"/>
      <c r="C415" s="6" t="s">
        <v>429</v>
      </c>
      <c r="D415" s="6"/>
      <c r="E415" s="6" t="s">
        <v>9</v>
      </c>
      <c r="F415" s="7">
        <v>38657</v>
      </c>
      <c r="G415" s="8">
        <v>1</v>
      </c>
      <c r="H415" s="8">
        <v>1</v>
      </c>
      <c r="I415" s="8">
        <v>0</v>
      </c>
      <c r="J415" s="8">
        <v>1</v>
      </c>
      <c r="K415" s="9">
        <v>10</v>
      </c>
      <c r="L415" s="6" t="s">
        <v>51</v>
      </c>
    </row>
    <row r="416" spans="1:12">
      <c r="A416" s="6" t="s">
        <v>49</v>
      </c>
      <c r="B416" s="6"/>
      <c r="C416" s="6" t="s">
        <v>430</v>
      </c>
      <c r="D416" s="6"/>
      <c r="E416" s="6" t="s">
        <v>9</v>
      </c>
      <c r="F416" s="7">
        <v>38657</v>
      </c>
      <c r="G416" s="8">
        <v>1</v>
      </c>
      <c r="H416" s="8">
        <v>1</v>
      </c>
      <c r="I416" s="8">
        <v>0</v>
      </c>
      <c r="J416" s="8">
        <v>1</v>
      </c>
      <c r="K416" s="9">
        <v>150</v>
      </c>
      <c r="L416" s="6" t="s">
        <v>51</v>
      </c>
    </row>
    <row r="417" spans="1:12">
      <c r="A417" s="6" t="s">
        <v>49</v>
      </c>
      <c r="B417" s="6"/>
      <c r="C417" s="6" t="s">
        <v>431</v>
      </c>
      <c r="D417" s="6"/>
      <c r="E417" s="6" t="s">
        <v>9</v>
      </c>
      <c r="F417" s="7">
        <v>38657</v>
      </c>
      <c r="G417" s="8">
        <v>1</v>
      </c>
      <c r="H417" s="8">
        <v>1</v>
      </c>
      <c r="I417" s="8">
        <v>0</v>
      </c>
      <c r="J417" s="8">
        <v>1</v>
      </c>
      <c r="K417" s="9">
        <v>257</v>
      </c>
      <c r="L417" s="6" t="s">
        <v>51</v>
      </c>
    </row>
    <row r="418" spans="1:12">
      <c r="A418" s="6" t="s">
        <v>49</v>
      </c>
      <c r="B418" s="6"/>
      <c r="C418" s="6" t="s">
        <v>432</v>
      </c>
      <c r="D418" s="6"/>
      <c r="E418" s="6" t="s">
        <v>9</v>
      </c>
      <c r="F418" s="7">
        <v>38657</v>
      </c>
      <c r="G418" s="8">
        <v>1</v>
      </c>
      <c r="H418" s="8">
        <v>1</v>
      </c>
      <c r="I418" s="8">
        <v>0</v>
      </c>
      <c r="J418" s="8">
        <v>1</v>
      </c>
      <c r="K418" s="9">
        <v>251</v>
      </c>
      <c r="L418" s="6" t="s">
        <v>51</v>
      </c>
    </row>
    <row r="419" spans="1:12">
      <c r="A419" s="6" t="s">
        <v>49</v>
      </c>
      <c r="B419" s="6"/>
      <c r="C419" s="6" t="s">
        <v>433</v>
      </c>
      <c r="D419" s="6"/>
      <c r="E419" s="6" t="s">
        <v>9</v>
      </c>
      <c r="F419" s="7">
        <v>38657</v>
      </c>
      <c r="G419" s="8">
        <v>1</v>
      </c>
      <c r="H419" s="8">
        <v>1</v>
      </c>
      <c r="I419" s="8">
        <v>0</v>
      </c>
      <c r="J419" s="8">
        <v>1</v>
      </c>
      <c r="K419" s="9">
        <v>179</v>
      </c>
      <c r="L419" s="6" t="s">
        <v>51</v>
      </c>
    </row>
    <row r="420" spans="1:12">
      <c r="A420" s="6" t="s">
        <v>49</v>
      </c>
      <c r="B420" s="6"/>
      <c r="C420" s="6" t="s">
        <v>434</v>
      </c>
      <c r="D420" s="6"/>
      <c r="E420" s="6" t="s">
        <v>9</v>
      </c>
      <c r="F420" s="7">
        <v>38657</v>
      </c>
      <c r="G420" s="8">
        <v>1</v>
      </c>
      <c r="H420" s="8">
        <v>1</v>
      </c>
      <c r="I420" s="8">
        <v>0</v>
      </c>
      <c r="J420" s="8">
        <v>1</v>
      </c>
      <c r="K420" s="9">
        <v>194</v>
      </c>
      <c r="L420" s="6" t="s">
        <v>51</v>
      </c>
    </row>
    <row r="421" spans="1:12">
      <c r="A421" s="6" t="s">
        <v>49</v>
      </c>
      <c r="B421" s="6"/>
      <c r="C421" s="6" t="s">
        <v>435</v>
      </c>
      <c r="D421" s="6"/>
      <c r="E421" s="6" t="s">
        <v>9</v>
      </c>
      <c r="F421" s="7">
        <v>38657</v>
      </c>
      <c r="G421" s="8">
        <v>1</v>
      </c>
      <c r="H421" s="8">
        <v>1</v>
      </c>
      <c r="I421" s="8">
        <v>0</v>
      </c>
      <c r="J421" s="8">
        <v>1</v>
      </c>
      <c r="K421" s="9">
        <v>3.98</v>
      </c>
      <c r="L421" s="6" t="s">
        <v>51</v>
      </c>
    </row>
    <row r="422" spans="1:12">
      <c r="A422" s="6" t="s">
        <v>49</v>
      </c>
      <c r="B422" s="6"/>
      <c r="C422" s="6" t="s">
        <v>436</v>
      </c>
      <c r="D422" s="6"/>
      <c r="E422" s="6" t="s">
        <v>9</v>
      </c>
      <c r="F422" s="7">
        <v>38657</v>
      </c>
      <c r="G422" s="8">
        <v>1</v>
      </c>
      <c r="H422" s="8">
        <v>1</v>
      </c>
      <c r="I422" s="8">
        <v>0</v>
      </c>
      <c r="J422" s="8">
        <v>1</v>
      </c>
      <c r="K422" s="9">
        <v>104</v>
      </c>
      <c r="L422" s="6" t="s">
        <v>51</v>
      </c>
    </row>
    <row r="423" spans="1:12">
      <c r="A423" s="6" t="s">
        <v>49</v>
      </c>
      <c r="B423" s="6"/>
      <c r="C423" s="6" t="s">
        <v>437</v>
      </c>
      <c r="D423" s="6"/>
      <c r="E423" s="6" t="s">
        <v>9</v>
      </c>
      <c r="F423" s="7">
        <v>38657</v>
      </c>
      <c r="G423" s="8">
        <v>1</v>
      </c>
      <c r="H423" s="8">
        <v>1</v>
      </c>
      <c r="I423" s="8">
        <v>0</v>
      </c>
      <c r="J423" s="8">
        <v>1</v>
      </c>
      <c r="K423" s="9">
        <v>103</v>
      </c>
      <c r="L423" s="6" t="s">
        <v>51</v>
      </c>
    </row>
    <row r="424" spans="1:12">
      <c r="A424" s="6" t="s">
        <v>49</v>
      </c>
      <c r="B424" s="6"/>
      <c r="C424" s="6" t="s">
        <v>438</v>
      </c>
      <c r="D424" s="6"/>
      <c r="E424" s="6" t="s">
        <v>9</v>
      </c>
      <c r="F424" s="7">
        <v>38657</v>
      </c>
      <c r="G424" s="8">
        <v>1</v>
      </c>
      <c r="H424" s="8">
        <v>1</v>
      </c>
      <c r="I424" s="8">
        <v>0</v>
      </c>
      <c r="J424" s="8">
        <v>1</v>
      </c>
      <c r="K424" s="9">
        <v>94</v>
      </c>
      <c r="L424" s="6" t="s">
        <v>51</v>
      </c>
    </row>
    <row r="425" spans="1:12">
      <c r="A425" s="6" t="s">
        <v>49</v>
      </c>
      <c r="B425" s="6"/>
      <c r="C425" s="6" t="s">
        <v>439</v>
      </c>
      <c r="D425" s="6"/>
      <c r="E425" s="6" t="s">
        <v>9</v>
      </c>
      <c r="F425" s="7">
        <v>38657</v>
      </c>
      <c r="G425" s="8">
        <v>1</v>
      </c>
      <c r="H425" s="8">
        <v>1</v>
      </c>
      <c r="I425" s="8">
        <v>0</v>
      </c>
      <c r="J425" s="8">
        <v>1</v>
      </c>
      <c r="K425" s="9">
        <v>104</v>
      </c>
      <c r="L425" s="6" t="s">
        <v>51</v>
      </c>
    </row>
    <row r="426" spans="1:12">
      <c r="A426" s="6" t="s">
        <v>49</v>
      </c>
      <c r="B426" s="6"/>
      <c r="C426" s="6" t="s">
        <v>440</v>
      </c>
      <c r="D426" s="6"/>
      <c r="E426" s="6" t="s">
        <v>9</v>
      </c>
      <c r="F426" s="7">
        <v>38657</v>
      </c>
      <c r="G426" s="8">
        <v>1</v>
      </c>
      <c r="H426" s="8">
        <v>1</v>
      </c>
      <c r="I426" s="8">
        <v>0</v>
      </c>
      <c r="J426" s="8">
        <v>1</v>
      </c>
      <c r="K426" s="9">
        <v>36</v>
      </c>
      <c r="L426" s="6" t="s">
        <v>51</v>
      </c>
    </row>
    <row r="427" spans="1:12">
      <c r="A427" s="6" t="s">
        <v>49</v>
      </c>
      <c r="B427" s="6"/>
      <c r="C427" s="6" t="s">
        <v>441</v>
      </c>
      <c r="D427" s="6"/>
      <c r="E427" s="6" t="s">
        <v>9</v>
      </c>
      <c r="F427" s="7">
        <v>38657</v>
      </c>
      <c r="G427" s="8">
        <v>1</v>
      </c>
      <c r="H427" s="8">
        <v>1</v>
      </c>
      <c r="I427" s="8">
        <v>0</v>
      </c>
      <c r="J427" s="8">
        <v>1</v>
      </c>
      <c r="K427" s="9">
        <v>112</v>
      </c>
      <c r="L427" s="6" t="s">
        <v>51</v>
      </c>
    </row>
    <row r="428" spans="1:12">
      <c r="A428" s="6" t="s">
        <v>49</v>
      </c>
      <c r="B428" s="6"/>
      <c r="C428" s="6" t="s">
        <v>442</v>
      </c>
      <c r="D428" s="6"/>
      <c r="E428" s="6" t="s">
        <v>9</v>
      </c>
      <c r="F428" s="7">
        <v>38657</v>
      </c>
      <c r="G428" s="8">
        <v>1</v>
      </c>
      <c r="H428" s="8">
        <v>1</v>
      </c>
      <c r="I428" s="8">
        <v>0</v>
      </c>
      <c r="J428" s="8">
        <v>1</v>
      </c>
      <c r="K428" s="9">
        <v>31</v>
      </c>
      <c r="L428" s="6" t="s">
        <v>51</v>
      </c>
    </row>
    <row r="429" spans="1:12">
      <c r="A429" s="6" t="s">
        <v>49</v>
      </c>
      <c r="B429" s="6"/>
      <c r="C429" s="6" t="s">
        <v>443</v>
      </c>
      <c r="D429" s="6"/>
      <c r="E429" s="6" t="s">
        <v>9</v>
      </c>
      <c r="F429" s="7">
        <v>38657</v>
      </c>
      <c r="G429" s="8">
        <v>1</v>
      </c>
      <c r="H429" s="8">
        <v>1</v>
      </c>
      <c r="I429" s="8">
        <v>0</v>
      </c>
      <c r="J429" s="8">
        <v>1</v>
      </c>
      <c r="K429" s="9">
        <v>55</v>
      </c>
      <c r="L429" s="6" t="s">
        <v>51</v>
      </c>
    </row>
    <row r="430" spans="1:12">
      <c r="A430" s="6" t="s">
        <v>49</v>
      </c>
      <c r="B430" s="6"/>
      <c r="C430" s="6" t="s">
        <v>444</v>
      </c>
      <c r="D430" s="6"/>
      <c r="E430" s="6" t="s">
        <v>9</v>
      </c>
      <c r="F430" s="7">
        <v>38657</v>
      </c>
      <c r="G430" s="8">
        <v>1</v>
      </c>
      <c r="H430" s="8">
        <v>1</v>
      </c>
      <c r="I430" s="8">
        <v>0</v>
      </c>
      <c r="J430" s="8">
        <v>1</v>
      </c>
      <c r="K430" s="9">
        <v>24</v>
      </c>
      <c r="L430" s="6" t="s">
        <v>51</v>
      </c>
    </row>
    <row r="431" spans="1:12">
      <c r="A431" s="6" t="s">
        <v>49</v>
      </c>
      <c r="B431" s="6"/>
      <c r="C431" s="6" t="s">
        <v>445</v>
      </c>
      <c r="D431" s="6"/>
      <c r="E431" s="6" t="s">
        <v>9</v>
      </c>
      <c r="F431" s="7">
        <v>38657</v>
      </c>
      <c r="G431" s="8">
        <v>1</v>
      </c>
      <c r="H431" s="8">
        <v>1</v>
      </c>
      <c r="I431" s="8">
        <v>0</v>
      </c>
      <c r="J431" s="8">
        <v>1</v>
      </c>
      <c r="K431" s="9">
        <v>318</v>
      </c>
      <c r="L431" s="6" t="s">
        <v>51</v>
      </c>
    </row>
    <row r="432" spans="1:12">
      <c r="A432" s="6" t="s">
        <v>49</v>
      </c>
      <c r="B432" s="6"/>
      <c r="C432" s="6" t="s">
        <v>446</v>
      </c>
      <c r="D432" s="6"/>
      <c r="E432" s="6" t="s">
        <v>9</v>
      </c>
      <c r="F432" s="7">
        <v>38657</v>
      </c>
      <c r="G432" s="8">
        <v>1</v>
      </c>
      <c r="H432" s="8">
        <v>1</v>
      </c>
      <c r="I432" s="8">
        <v>0</v>
      </c>
      <c r="J432" s="8">
        <v>1</v>
      </c>
      <c r="K432" s="9">
        <v>13</v>
      </c>
      <c r="L432" s="6" t="s">
        <v>51</v>
      </c>
    </row>
    <row r="433" spans="1:12">
      <c r="A433" s="6" t="s">
        <v>49</v>
      </c>
      <c r="B433" s="6"/>
      <c r="C433" s="6" t="s">
        <v>447</v>
      </c>
      <c r="D433" s="6"/>
      <c r="E433" s="6" t="s">
        <v>9</v>
      </c>
      <c r="F433" s="7">
        <v>38657</v>
      </c>
      <c r="G433" s="8">
        <v>1</v>
      </c>
      <c r="H433" s="8">
        <v>1</v>
      </c>
      <c r="I433" s="8">
        <v>0</v>
      </c>
      <c r="J433" s="8">
        <v>1</v>
      </c>
      <c r="K433" s="9">
        <v>160</v>
      </c>
      <c r="L433" s="6" t="s">
        <v>51</v>
      </c>
    </row>
    <row r="434" spans="1:12">
      <c r="A434" s="6" t="s">
        <v>49</v>
      </c>
      <c r="B434" s="6"/>
      <c r="C434" s="6" t="s">
        <v>448</v>
      </c>
      <c r="D434" s="6"/>
      <c r="E434" s="6" t="s">
        <v>9</v>
      </c>
      <c r="F434" s="7">
        <v>38657</v>
      </c>
      <c r="G434" s="8">
        <v>1</v>
      </c>
      <c r="H434" s="8">
        <v>1</v>
      </c>
      <c r="I434" s="8">
        <v>0</v>
      </c>
      <c r="J434" s="8">
        <v>1</v>
      </c>
      <c r="K434" s="9">
        <v>282</v>
      </c>
      <c r="L434" s="6" t="s">
        <v>51</v>
      </c>
    </row>
    <row r="435" spans="1:12">
      <c r="A435" s="6" t="s">
        <v>49</v>
      </c>
      <c r="B435" s="6"/>
      <c r="C435" s="6" t="s">
        <v>449</v>
      </c>
      <c r="D435" s="6"/>
      <c r="E435" s="6" t="s">
        <v>9</v>
      </c>
      <c r="F435" s="7">
        <v>38657</v>
      </c>
      <c r="G435" s="8">
        <v>1</v>
      </c>
      <c r="H435" s="8">
        <v>1</v>
      </c>
      <c r="I435" s="8">
        <v>0</v>
      </c>
      <c r="J435" s="8">
        <v>1</v>
      </c>
      <c r="K435" s="9">
        <v>10</v>
      </c>
      <c r="L435" s="6" t="s">
        <v>51</v>
      </c>
    </row>
    <row r="436" spans="1:12">
      <c r="A436" s="6" t="s">
        <v>49</v>
      </c>
      <c r="B436" s="6"/>
      <c r="C436" s="6" t="s">
        <v>450</v>
      </c>
      <c r="D436" s="6"/>
      <c r="E436" s="6" t="s">
        <v>9</v>
      </c>
      <c r="F436" s="7">
        <v>38657</v>
      </c>
      <c r="G436" s="8">
        <v>1</v>
      </c>
      <c r="H436" s="8">
        <v>1</v>
      </c>
      <c r="I436" s="8">
        <v>0</v>
      </c>
      <c r="J436" s="8">
        <v>1</v>
      </c>
      <c r="K436" s="9">
        <v>8.76</v>
      </c>
      <c r="L436" s="6" t="s">
        <v>51</v>
      </c>
    </row>
    <row r="437" spans="1:12">
      <c r="A437" s="6" t="s">
        <v>49</v>
      </c>
      <c r="B437" s="6"/>
      <c r="C437" s="6" t="s">
        <v>451</v>
      </c>
      <c r="D437" s="6"/>
      <c r="E437" s="6" t="s">
        <v>9</v>
      </c>
      <c r="F437" s="7">
        <v>38657</v>
      </c>
      <c r="G437" s="8">
        <v>1</v>
      </c>
      <c r="H437" s="8">
        <v>1</v>
      </c>
      <c r="I437" s="8">
        <v>0</v>
      </c>
      <c r="J437" s="8">
        <v>1</v>
      </c>
      <c r="K437" s="9">
        <v>107</v>
      </c>
      <c r="L437" s="6" t="s">
        <v>51</v>
      </c>
    </row>
    <row r="438" spans="1:12">
      <c r="A438" s="6" t="s">
        <v>49</v>
      </c>
      <c r="B438" s="6"/>
      <c r="C438" s="6" t="s">
        <v>452</v>
      </c>
      <c r="D438" s="6"/>
      <c r="E438" s="6" t="s">
        <v>9</v>
      </c>
      <c r="F438" s="7">
        <v>38657</v>
      </c>
      <c r="G438" s="8">
        <v>1</v>
      </c>
      <c r="H438" s="8">
        <v>1</v>
      </c>
      <c r="I438" s="8">
        <v>0</v>
      </c>
      <c r="J438" s="8">
        <v>1</v>
      </c>
      <c r="K438" s="9">
        <v>134</v>
      </c>
      <c r="L438" s="6" t="s">
        <v>51</v>
      </c>
    </row>
    <row r="439" spans="1:12">
      <c r="A439" s="6" t="s">
        <v>49</v>
      </c>
      <c r="B439" s="6"/>
      <c r="C439" s="6" t="s">
        <v>453</v>
      </c>
      <c r="D439" s="6"/>
      <c r="E439" s="6" t="s">
        <v>9</v>
      </c>
      <c r="F439" s="7">
        <v>38657</v>
      </c>
      <c r="G439" s="8">
        <v>1</v>
      </c>
      <c r="H439" s="8">
        <v>1</v>
      </c>
      <c r="I439" s="8">
        <v>0</v>
      </c>
      <c r="J439" s="8">
        <v>1</v>
      </c>
      <c r="K439" s="9">
        <v>21.96</v>
      </c>
      <c r="L439" s="6" t="s">
        <v>51</v>
      </c>
    </row>
    <row r="440" spans="1:12">
      <c r="A440" s="6" t="s">
        <v>49</v>
      </c>
      <c r="B440" s="6"/>
      <c r="C440" s="6" t="s">
        <v>454</v>
      </c>
      <c r="D440" s="6"/>
      <c r="E440" s="6" t="s">
        <v>9</v>
      </c>
      <c r="F440" s="7">
        <v>38657</v>
      </c>
      <c r="G440" s="8">
        <v>1</v>
      </c>
      <c r="H440" s="8">
        <v>1</v>
      </c>
      <c r="I440" s="8">
        <v>0</v>
      </c>
      <c r="J440" s="8">
        <v>1</v>
      </c>
      <c r="K440" s="9">
        <v>19.8</v>
      </c>
      <c r="L440" s="6" t="s">
        <v>51</v>
      </c>
    </row>
    <row r="441" spans="1:12">
      <c r="A441" s="6" t="s">
        <v>49</v>
      </c>
      <c r="B441" s="6"/>
      <c r="C441" s="6" t="s">
        <v>455</v>
      </c>
      <c r="D441" s="6"/>
      <c r="E441" s="6" t="s">
        <v>9</v>
      </c>
      <c r="F441" s="7">
        <v>38657</v>
      </c>
      <c r="G441" s="8">
        <v>1</v>
      </c>
      <c r="H441" s="8">
        <v>1</v>
      </c>
      <c r="I441" s="8">
        <v>0</v>
      </c>
      <c r="J441" s="8">
        <v>1</v>
      </c>
      <c r="K441" s="9">
        <v>21.96</v>
      </c>
      <c r="L441" s="6" t="s">
        <v>51</v>
      </c>
    </row>
    <row r="442" spans="1:12">
      <c r="A442" s="6" t="s">
        <v>49</v>
      </c>
      <c r="B442" s="6"/>
      <c r="C442" s="6" t="s">
        <v>456</v>
      </c>
      <c r="D442" s="6"/>
      <c r="E442" s="6" t="s">
        <v>9</v>
      </c>
      <c r="F442" s="7">
        <v>38657</v>
      </c>
      <c r="G442" s="8">
        <v>1</v>
      </c>
      <c r="H442" s="8">
        <v>1</v>
      </c>
      <c r="I442" s="8">
        <v>0</v>
      </c>
      <c r="J442" s="8">
        <v>1</v>
      </c>
      <c r="K442" s="9">
        <v>60</v>
      </c>
      <c r="L442" s="6" t="s">
        <v>51</v>
      </c>
    </row>
    <row r="443" spans="1:12">
      <c r="A443" s="6" t="s">
        <v>49</v>
      </c>
      <c r="B443" s="6"/>
      <c r="C443" s="6" t="s">
        <v>457</v>
      </c>
      <c r="D443" s="6"/>
      <c r="E443" s="6" t="s">
        <v>9</v>
      </c>
      <c r="F443" s="7">
        <v>38657</v>
      </c>
      <c r="G443" s="8">
        <v>1</v>
      </c>
      <c r="H443" s="8">
        <v>1</v>
      </c>
      <c r="I443" s="8">
        <v>0</v>
      </c>
      <c r="J443" s="8">
        <v>1</v>
      </c>
      <c r="K443" s="9">
        <v>137</v>
      </c>
      <c r="L443" s="6" t="s">
        <v>51</v>
      </c>
    </row>
    <row r="444" spans="1:12">
      <c r="A444" s="6" t="s">
        <v>49</v>
      </c>
      <c r="B444" s="6"/>
      <c r="C444" s="6" t="s">
        <v>458</v>
      </c>
      <c r="D444" s="6"/>
      <c r="E444" s="6" t="s">
        <v>9</v>
      </c>
      <c r="F444" s="7">
        <v>38657</v>
      </c>
      <c r="G444" s="8">
        <v>1</v>
      </c>
      <c r="H444" s="8">
        <v>1</v>
      </c>
      <c r="I444" s="8">
        <v>0</v>
      </c>
      <c r="J444" s="8">
        <v>1</v>
      </c>
      <c r="K444" s="9">
        <v>228</v>
      </c>
      <c r="L444" s="6" t="s">
        <v>51</v>
      </c>
    </row>
    <row r="445" spans="1:12">
      <c r="A445" s="6" t="s">
        <v>49</v>
      </c>
      <c r="B445" s="6"/>
      <c r="C445" s="6" t="s">
        <v>459</v>
      </c>
      <c r="D445" s="6"/>
      <c r="E445" s="6" t="s">
        <v>9</v>
      </c>
      <c r="F445" s="7">
        <v>38657</v>
      </c>
      <c r="G445" s="8">
        <v>1</v>
      </c>
      <c r="H445" s="8">
        <v>1</v>
      </c>
      <c r="I445" s="8">
        <v>0</v>
      </c>
      <c r="J445" s="8">
        <v>1</v>
      </c>
      <c r="K445" s="9">
        <v>322</v>
      </c>
      <c r="L445" s="6" t="s">
        <v>51</v>
      </c>
    </row>
    <row r="446" spans="1:12">
      <c r="A446" s="6" t="s">
        <v>49</v>
      </c>
      <c r="B446" s="6"/>
      <c r="C446" s="6" t="s">
        <v>460</v>
      </c>
      <c r="D446" s="6"/>
      <c r="E446" s="6" t="s">
        <v>9</v>
      </c>
      <c r="F446" s="7">
        <v>38657</v>
      </c>
      <c r="G446" s="8">
        <v>1</v>
      </c>
      <c r="H446" s="8">
        <v>1</v>
      </c>
      <c r="I446" s="8">
        <v>0</v>
      </c>
      <c r="J446" s="8">
        <v>1</v>
      </c>
      <c r="K446" s="9">
        <v>227</v>
      </c>
      <c r="L446" s="6" t="s">
        <v>51</v>
      </c>
    </row>
    <row r="447" spans="1:12">
      <c r="A447" s="6" t="s">
        <v>49</v>
      </c>
      <c r="B447" s="6"/>
      <c r="C447" s="6" t="s">
        <v>461</v>
      </c>
      <c r="D447" s="6"/>
      <c r="E447" s="6" t="s">
        <v>9</v>
      </c>
      <c r="F447" s="7">
        <v>38657</v>
      </c>
      <c r="G447" s="8">
        <v>1</v>
      </c>
      <c r="H447" s="8">
        <v>1</v>
      </c>
      <c r="I447" s="8">
        <v>0</v>
      </c>
      <c r="J447" s="8">
        <v>1</v>
      </c>
      <c r="K447" s="9">
        <v>6.28</v>
      </c>
      <c r="L447" s="6" t="s">
        <v>51</v>
      </c>
    </row>
    <row r="448" spans="1:12">
      <c r="A448" s="6" t="s">
        <v>49</v>
      </c>
      <c r="B448" s="6"/>
      <c r="C448" s="6" t="s">
        <v>462</v>
      </c>
      <c r="D448" s="6"/>
      <c r="E448" s="6" t="s">
        <v>9</v>
      </c>
      <c r="F448" s="7">
        <v>38657</v>
      </c>
      <c r="G448" s="8">
        <v>1</v>
      </c>
      <c r="H448" s="8">
        <v>1</v>
      </c>
      <c r="I448" s="8">
        <v>0</v>
      </c>
      <c r="J448" s="8">
        <v>1</v>
      </c>
      <c r="K448" s="9">
        <v>550</v>
      </c>
      <c r="L448" s="6" t="s">
        <v>51</v>
      </c>
    </row>
    <row r="449" spans="1:12">
      <c r="A449" s="6" t="s">
        <v>49</v>
      </c>
      <c r="B449" s="6"/>
      <c r="C449" s="6" t="s">
        <v>463</v>
      </c>
      <c r="D449" s="6"/>
      <c r="E449" s="6" t="s">
        <v>9</v>
      </c>
      <c r="F449" s="7">
        <v>38657</v>
      </c>
      <c r="G449" s="8">
        <v>1</v>
      </c>
      <c r="H449" s="8">
        <v>1</v>
      </c>
      <c r="I449" s="8">
        <v>0</v>
      </c>
      <c r="J449" s="8">
        <v>1</v>
      </c>
      <c r="K449" s="9">
        <v>104</v>
      </c>
      <c r="L449" s="6" t="s">
        <v>51</v>
      </c>
    </row>
    <row r="450" spans="1:12">
      <c r="A450" s="6" t="s">
        <v>49</v>
      </c>
      <c r="B450" s="6"/>
      <c r="C450" s="6" t="s">
        <v>464</v>
      </c>
      <c r="D450" s="6"/>
      <c r="E450" s="6" t="s">
        <v>9</v>
      </c>
      <c r="F450" s="7">
        <v>38657</v>
      </c>
      <c r="G450" s="8">
        <v>1</v>
      </c>
      <c r="H450" s="8">
        <v>1</v>
      </c>
      <c r="I450" s="8">
        <v>0</v>
      </c>
      <c r="J450" s="8">
        <v>1</v>
      </c>
      <c r="K450" s="9">
        <v>57</v>
      </c>
      <c r="L450" s="6" t="s">
        <v>51</v>
      </c>
    </row>
    <row r="451" spans="1:12">
      <c r="A451" s="6" t="s">
        <v>49</v>
      </c>
      <c r="B451" s="6"/>
      <c r="C451" s="6" t="s">
        <v>465</v>
      </c>
      <c r="D451" s="6"/>
      <c r="E451" s="6" t="s">
        <v>9</v>
      </c>
      <c r="F451" s="7">
        <v>38657</v>
      </c>
      <c r="G451" s="8">
        <v>1</v>
      </c>
      <c r="H451" s="8">
        <v>1</v>
      </c>
      <c r="I451" s="8">
        <v>0</v>
      </c>
      <c r="J451" s="8">
        <v>1</v>
      </c>
      <c r="K451" s="9">
        <v>26.4</v>
      </c>
      <c r="L451" s="6" t="s">
        <v>51</v>
      </c>
    </row>
    <row r="452" spans="1:12">
      <c r="A452" s="6" t="s">
        <v>49</v>
      </c>
      <c r="B452" s="6"/>
      <c r="C452" s="6" t="s">
        <v>466</v>
      </c>
      <c r="D452" s="6"/>
      <c r="E452" s="6" t="s">
        <v>9</v>
      </c>
      <c r="F452" s="7"/>
      <c r="G452" s="8">
        <v>1</v>
      </c>
      <c r="H452" s="8">
        <v>1</v>
      </c>
      <c r="I452" s="8">
        <v>0</v>
      </c>
      <c r="J452" s="8">
        <v>1</v>
      </c>
      <c r="K452" s="9">
        <v>65</v>
      </c>
      <c r="L452" s="6" t="s">
        <v>51</v>
      </c>
    </row>
    <row r="453" spans="1:12">
      <c r="A453" s="6" t="s">
        <v>49</v>
      </c>
      <c r="B453" s="6"/>
      <c r="C453" s="6" t="s">
        <v>467</v>
      </c>
      <c r="D453" s="6"/>
      <c r="E453" s="6" t="s">
        <v>9</v>
      </c>
      <c r="F453" s="7">
        <v>38657</v>
      </c>
      <c r="G453" s="8">
        <v>1</v>
      </c>
      <c r="H453" s="8">
        <v>1</v>
      </c>
      <c r="I453" s="8">
        <v>0</v>
      </c>
      <c r="J453" s="8">
        <v>1</v>
      </c>
      <c r="K453" s="9">
        <v>23</v>
      </c>
      <c r="L453" s="6" t="s">
        <v>51</v>
      </c>
    </row>
    <row r="454" spans="1:12">
      <c r="A454" s="6" t="s">
        <v>49</v>
      </c>
      <c r="B454" s="6"/>
      <c r="C454" s="6" t="s">
        <v>468</v>
      </c>
      <c r="D454" s="6"/>
      <c r="E454" s="6" t="s">
        <v>9</v>
      </c>
      <c r="F454" s="7">
        <v>38657</v>
      </c>
      <c r="G454" s="8">
        <v>1</v>
      </c>
      <c r="H454" s="8">
        <v>1</v>
      </c>
      <c r="I454" s="8">
        <v>0</v>
      </c>
      <c r="J454" s="8">
        <v>1</v>
      </c>
      <c r="K454" s="9">
        <v>23</v>
      </c>
      <c r="L454" s="6" t="s">
        <v>51</v>
      </c>
    </row>
    <row r="455" spans="1:12">
      <c r="A455" s="6" t="s">
        <v>49</v>
      </c>
      <c r="B455" s="6"/>
      <c r="C455" s="6" t="s">
        <v>469</v>
      </c>
      <c r="D455" s="6"/>
      <c r="E455" s="6" t="s">
        <v>9</v>
      </c>
      <c r="F455" s="7">
        <v>38657</v>
      </c>
      <c r="G455" s="8">
        <v>1</v>
      </c>
      <c r="H455" s="8">
        <v>1</v>
      </c>
      <c r="I455" s="8">
        <v>0</v>
      </c>
      <c r="J455" s="8">
        <v>1</v>
      </c>
      <c r="K455" s="9">
        <v>91</v>
      </c>
      <c r="L455" s="6" t="s">
        <v>51</v>
      </c>
    </row>
    <row r="456" spans="1:12">
      <c r="A456" s="6" t="s">
        <v>49</v>
      </c>
      <c r="B456" s="6"/>
      <c r="C456" s="6" t="s">
        <v>470</v>
      </c>
      <c r="D456" s="6"/>
      <c r="E456" s="6" t="s">
        <v>9</v>
      </c>
      <c r="F456" s="7">
        <v>38657</v>
      </c>
      <c r="G456" s="8">
        <v>1</v>
      </c>
      <c r="H456" s="8">
        <v>1</v>
      </c>
      <c r="I456" s="8">
        <v>0</v>
      </c>
      <c r="J456" s="8">
        <v>1</v>
      </c>
      <c r="K456" s="9">
        <v>2.23</v>
      </c>
      <c r="L456" s="6" t="s">
        <v>51</v>
      </c>
    </row>
    <row r="457" spans="1:12">
      <c r="A457" s="6" t="s">
        <v>49</v>
      </c>
      <c r="B457" s="6"/>
      <c r="C457" s="6" t="s">
        <v>471</v>
      </c>
      <c r="D457" s="6"/>
      <c r="E457" s="6" t="s">
        <v>9</v>
      </c>
      <c r="F457" s="7">
        <v>38657</v>
      </c>
      <c r="G457" s="8">
        <v>1</v>
      </c>
      <c r="H457" s="8">
        <v>1</v>
      </c>
      <c r="I457" s="8">
        <v>0</v>
      </c>
      <c r="J457" s="8">
        <v>1</v>
      </c>
      <c r="K457" s="9">
        <v>46</v>
      </c>
      <c r="L457" s="6" t="s">
        <v>51</v>
      </c>
    </row>
    <row r="458" spans="1:12">
      <c r="A458" s="6" t="s">
        <v>49</v>
      </c>
      <c r="B458" s="6"/>
      <c r="C458" s="6" t="s">
        <v>472</v>
      </c>
      <c r="D458" s="6"/>
      <c r="E458" s="6" t="s">
        <v>9</v>
      </c>
      <c r="F458" s="7">
        <v>38657</v>
      </c>
      <c r="G458" s="8">
        <v>1</v>
      </c>
      <c r="H458" s="8">
        <v>1</v>
      </c>
      <c r="I458" s="8">
        <v>0</v>
      </c>
      <c r="J458" s="8">
        <v>1</v>
      </c>
      <c r="K458" s="9">
        <v>31</v>
      </c>
      <c r="L458" s="6" t="s">
        <v>51</v>
      </c>
    </row>
    <row r="459" spans="1:12">
      <c r="A459" s="6" t="s">
        <v>49</v>
      </c>
      <c r="B459" s="6"/>
      <c r="C459" s="6" t="s">
        <v>473</v>
      </c>
      <c r="D459" s="6"/>
      <c r="E459" s="6" t="s">
        <v>9</v>
      </c>
      <c r="F459" s="7">
        <v>38657</v>
      </c>
      <c r="G459" s="8">
        <v>1</v>
      </c>
      <c r="H459" s="8">
        <v>1</v>
      </c>
      <c r="I459" s="8">
        <v>0</v>
      </c>
      <c r="J459" s="8">
        <v>1</v>
      </c>
      <c r="K459" s="9">
        <v>227</v>
      </c>
      <c r="L459" s="6" t="s">
        <v>51</v>
      </c>
    </row>
    <row r="460" spans="1:12">
      <c r="A460" s="6" t="s">
        <v>49</v>
      </c>
      <c r="B460" s="6"/>
      <c r="C460" s="6" t="s">
        <v>474</v>
      </c>
      <c r="D460" s="6"/>
      <c r="E460" s="6" t="s">
        <v>9</v>
      </c>
      <c r="F460" s="7">
        <v>38657</v>
      </c>
      <c r="G460" s="8">
        <v>1</v>
      </c>
      <c r="H460" s="8">
        <v>1</v>
      </c>
      <c r="I460" s="8">
        <v>0</v>
      </c>
      <c r="J460" s="8">
        <v>1</v>
      </c>
      <c r="K460" s="9">
        <v>258</v>
      </c>
      <c r="L460" s="6" t="s">
        <v>51</v>
      </c>
    </row>
    <row r="461" spans="1:12">
      <c r="A461" s="6" t="s">
        <v>49</v>
      </c>
      <c r="B461" s="6"/>
      <c r="C461" s="6" t="s">
        <v>475</v>
      </c>
      <c r="D461" s="6"/>
      <c r="E461" s="6" t="s">
        <v>9</v>
      </c>
      <c r="F461" s="7">
        <v>38657</v>
      </c>
      <c r="G461" s="8">
        <v>1</v>
      </c>
      <c r="H461" s="8">
        <v>1</v>
      </c>
      <c r="I461" s="8">
        <v>0</v>
      </c>
      <c r="J461" s="8">
        <v>1</v>
      </c>
      <c r="K461" s="9">
        <v>48</v>
      </c>
      <c r="L461" s="6" t="s">
        <v>51</v>
      </c>
    </row>
    <row r="462" spans="1:12">
      <c r="A462" s="6" t="s">
        <v>49</v>
      </c>
      <c r="B462" s="6"/>
      <c r="C462" s="6" t="s">
        <v>476</v>
      </c>
      <c r="D462" s="6"/>
      <c r="E462" s="6" t="s">
        <v>9</v>
      </c>
      <c r="F462" s="7">
        <v>38657</v>
      </c>
      <c r="G462" s="8">
        <v>1</v>
      </c>
      <c r="H462" s="8">
        <v>1</v>
      </c>
      <c r="I462" s="8">
        <v>0</v>
      </c>
      <c r="J462" s="8">
        <v>1</v>
      </c>
      <c r="K462" s="9">
        <v>63</v>
      </c>
      <c r="L462" s="6" t="s">
        <v>51</v>
      </c>
    </row>
    <row r="463" spans="1:12">
      <c r="A463" s="6" t="s">
        <v>49</v>
      </c>
      <c r="B463" s="6"/>
      <c r="C463" s="6" t="s">
        <v>477</v>
      </c>
      <c r="D463" s="6"/>
      <c r="E463" s="6" t="s">
        <v>9</v>
      </c>
      <c r="F463" s="7">
        <v>38657</v>
      </c>
      <c r="G463" s="8">
        <v>1</v>
      </c>
      <c r="H463" s="8">
        <v>1</v>
      </c>
      <c r="I463" s="8">
        <v>0</v>
      </c>
      <c r="J463" s="8">
        <v>1</v>
      </c>
      <c r="K463" s="9">
        <v>49.58</v>
      </c>
      <c r="L463" s="6" t="s">
        <v>51</v>
      </c>
    </row>
    <row r="464" spans="1:12">
      <c r="A464" s="6" t="s">
        <v>49</v>
      </c>
      <c r="B464" s="6"/>
      <c r="C464" s="6" t="s">
        <v>478</v>
      </c>
      <c r="D464" s="6"/>
      <c r="E464" s="6" t="s">
        <v>9</v>
      </c>
      <c r="F464" s="7">
        <v>38657</v>
      </c>
      <c r="G464" s="8">
        <v>1</v>
      </c>
      <c r="H464" s="8">
        <v>1</v>
      </c>
      <c r="I464" s="8">
        <v>0</v>
      </c>
      <c r="J464" s="8">
        <v>1</v>
      </c>
      <c r="K464" s="9">
        <v>12</v>
      </c>
      <c r="L464" s="6" t="s">
        <v>51</v>
      </c>
    </row>
    <row r="465" spans="1:12">
      <c r="A465" s="6" t="s">
        <v>49</v>
      </c>
      <c r="B465" s="6"/>
      <c r="C465" s="6" t="s">
        <v>479</v>
      </c>
      <c r="D465" s="6"/>
      <c r="E465" s="6" t="s">
        <v>9</v>
      </c>
      <c r="F465" s="7">
        <v>38657</v>
      </c>
      <c r="G465" s="8">
        <v>1</v>
      </c>
      <c r="H465" s="8">
        <v>1</v>
      </c>
      <c r="I465" s="8">
        <v>0</v>
      </c>
      <c r="J465" s="8">
        <v>1</v>
      </c>
      <c r="K465" s="9">
        <v>32.119999999999898</v>
      </c>
      <c r="L465" s="6" t="s">
        <v>51</v>
      </c>
    </row>
    <row r="466" spans="1:12">
      <c r="A466" s="6" t="s">
        <v>49</v>
      </c>
      <c r="B466" s="6"/>
      <c r="C466" s="6" t="s">
        <v>480</v>
      </c>
      <c r="D466" s="6"/>
      <c r="E466" s="6" t="s">
        <v>9</v>
      </c>
      <c r="F466" s="7">
        <v>38657</v>
      </c>
      <c r="G466" s="8">
        <v>1</v>
      </c>
      <c r="H466" s="8">
        <v>1</v>
      </c>
      <c r="I466" s="8">
        <v>0</v>
      </c>
      <c r="J466" s="8">
        <v>1</v>
      </c>
      <c r="K466" s="9">
        <v>7.46</v>
      </c>
      <c r="L466" s="6" t="s">
        <v>51</v>
      </c>
    </row>
    <row r="467" spans="1:12">
      <c r="A467" s="6" t="s">
        <v>49</v>
      </c>
      <c r="B467" s="6"/>
      <c r="C467" s="6" t="s">
        <v>481</v>
      </c>
      <c r="D467" s="6"/>
      <c r="E467" s="6" t="s">
        <v>9</v>
      </c>
      <c r="F467" s="7">
        <v>38657</v>
      </c>
      <c r="G467" s="8">
        <v>1</v>
      </c>
      <c r="H467" s="8">
        <v>1</v>
      </c>
      <c r="I467" s="8">
        <v>0</v>
      </c>
      <c r="J467" s="8">
        <v>1</v>
      </c>
      <c r="K467" s="9">
        <v>3.3</v>
      </c>
      <c r="L467" s="6" t="s">
        <v>51</v>
      </c>
    </row>
    <row r="468" spans="1:12">
      <c r="A468" s="6" t="s">
        <v>49</v>
      </c>
      <c r="B468" s="6"/>
      <c r="C468" s="6" t="s">
        <v>482</v>
      </c>
      <c r="D468" s="6"/>
      <c r="E468" s="6" t="s">
        <v>9</v>
      </c>
      <c r="F468" s="7">
        <v>38657</v>
      </c>
      <c r="G468" s="8">
        <v>1</v>
      </c>
      <c r="H468" s="8">
        <v>1</v>
      </c>
      <c r="I468" s="8">
        <v>0</v>
      </c>
      <c r="J468" s="8">
        <v>1</v>
      </c>
      <c r="K468" s="9">
        <v>120</v>
      </c>
      <c r="L468" s="6" t="s">
        <v>51</v>
      </c>
    </row>
    <row r="469" spans="1:12">
      <c r="A469" s="6" t="s">
        <v>49</v>
      </c>
      <c r="B469" s="6"/>
      <c r="C469" s="6" t="s">
        <v>483</v>
      </c>
      <c r="D469" s="6"/>
      <c r="E469" s="6" t="s">
        <v>9</v>
      </c>
      <c r="F469" s="7">
        <v>38657</v>
      </c>
      <c r="G469" s="8">
        <v>1</v>
      </c>
      <c r="H469" s="8">
        <v>1</v>
      </c>
      <c r="I469" s="8">
        <v>0</v>
      </c>
      <c r="J469" s="8">
        <v>1</v>
      </c>
      <c r="K469" s="9">
        <v>5.64</v>
      </c>
      <c r="L469" s="6" t="s">
        <v>51</v>
      </c>
    </row>
    <row r="470" spans="1:12">
      <c r="A470" s="6" t="s">
        <v>49</v>
      </c>
      <c r="B470" s="6"/>
      <c r="C470" s="6" t="s">
        <v>484</v>
      </c>
      <c r="D470" s="6"/>
      <c r="E470" s="6" t="s">
        <v>9</v>
      </c>
      <c r="F470" s="7">
        <v>38657</v>
      </c>
      <c r="G470" s="8">
        <v>1</v>
      </c>
      <c r="H470" s="8">
        <v>1</v>
      </c>
      <c r="I470" s="8">
        <v>0</v>
      </c>
      <c r="J470" s="8">
        <v>1</v>
      </c>
      <c r="K470" s="9">
        <v>37.96</v>
      </c>
      <c r="L470" s="6" t="s">
        <v>51</v>
      </c>
    </row>
    <row r="471" spans="1:12">
      <c r="A471" s="6" t="s">
        <v>49</v>
      </c>
      <c r="B471" s="6"/>
      <c r="C471" s="6" t="s">
        <v>485</v>
      </c>
      <c r="D471" s="6"/>
      <c r="E471" s="6" t="s">
        <v>9</v>
      </c>
      <c r="F471" s="7">
        <v>38657</v>
      </c>
      <c r="G471" s="8">
        <v>1</v>
      </c>
      <c r="H471" s="8">
        <v>1</v>
      </c>
      <c r="I471" s="8">
        <v>0</v>
      </c>
      <c r="J471" s="8">
        <v>1</v>
      </c>
      <c r="K471" s="9">
        <v>40</v>
      </c>
      <c r="L471" s="6" t="s">
        <v>51</v>
      </c>
    </row>
    <row r="472" spans="1:12">
      <c r="A472" s="6" t="s">
        <v>49</v>
      </c>
      <c r="B472" s="6"/>
      <c r="C472" s="6" t="s">
        <v>486</v>
      </c>
      <c r="D472" s="6"/>
      <c r="E472" s="6" t="s">
        <v>9</v>
      </c>
      <c r="F472" s="7">
        <v>38657</v>
      </c>
      <c r="G472" s="8">
        <v>1</v>
      </c>
      <c r="H472" s="8">
        <v>1</v>
      </c>
      <c r="I472" s="8">
        <v>0</v>
      </c>
      <c r="J472" s="8">
        <v>1</v>
      </c>
      <c r="K472" s="9">
        <v>4.12</v>
      </c>
      <c r="L472" s="6" t="s">
        <v>51</v>
      </c>
    </row>
    <row r="473" spans="1:12">
      <c r="A473" s="6" t="s">
        <v>49</v>
      </c>
      <c r="B473" s="6"/>
      <c r="C473" s="6" t="s">
        <v>487</v>
      </c>
      <c r="D473" s="6"/>
      <c r="E473" s="6" t="s">
        <v>9</v>
      </c>
      <c r="F473" s="7">
        <v>38657</v>
      </c>
      <c r="G473" s="8">
        <v>1</v>
      </c>
      <c r="H473" s="8">
        <v>1</v>
      </c>
      <c r="I473" s="8">
        <v>0</v>
      </c>
      <c r="J473" s="8">
        <v>1</v>
      </c>
      <c r="K473" s="9">
        <v>283</v>
      </c>
      <c r="L473" s="6" t="s">
        <v>51</v>
      </c>
    </row>
    <row r="474" spans="1:12">
      <c r="A474" s="6" t="s">
        <v>49</v>
      </c>
      <c r="B474" s="6"/>
      <c r="C474" s="6" t="s">
        <v>488</v>
      </c>
      <c r="D474" s="6"/>
      <c r="E474" s="6" t="s">
        <v>9</v>
      </c>
      <c r="F474" s="7">
        <v>38657</v>
      </c>
      <c r="G474" s="8">
        <v>1</v>
      </c>
      <c r="H474" s="8">
        <v>1</v>
      </c>
      <c r="I474" s="8">
        <v>0</v>
      </c>
      <c r="J474" s="8">
        <v>1</v>
      </c>
      <c r="K474" s="9">
        <v>78.87</v>
      </c>
      <c r="L474" s="6" t="s">
        <v>51</v>
      </c>
    </row>
    <row r="475" spans="1:12">
      <c r="A475" s="6" t="s">
        <v>49</v>
      </c>
      <c r="B475" s="6"/>
      <c r="C475" s="6" t="s">
        <v>489</v>
      </c>
      <c r="D475" s="6"/>
      <c r="E475" s="6" t="s">
        <v>9</v>
      </c>
      <c r="F475" s="7">
        <v>38657</v>
      </c>
      <c r="G475" s="8">
        <v>1</v>
      </c>
      <c r="H475" s="8">
        <v>1</v>
      </c>
      <c r="I475" s="8">
        <v>0</v>
      </c>
      <c r="J475" s="8">
        <v>1</v>
      </c>
      <c r="K475" s="9">
        <v>18.03</v>
      </c>
      <c r="L475" s="6" t="s">
        <v>51</v>
      </c>
    </row>
    <row r="476" spans="1:12">
      <c r="A476" s="6" t="s">
        <v>49</v>
      </c>
      <c r="B476" s="6"/>
      <c r="C476" s="6" t="s">
        <v>490</v>
      </c>
      <c r="D476" s="6"/>
      <c r="E476" s="6" t="s">
        <v>9</v>
      </c>
      <c r="F476" s="7">
        <v>38657</v>
      </c>
      <c r="G476" s="8">
        <v>1</v>
      </c>
      <c r="H476" s="8">
        <v>1</v>
      </c>
      <c r="I476" s="8">
        <v>0</v>
      </c>
      <c r="J476" s="8">
        <v>1</v>
      </c>
      <c r="K476" s="9">
        <v>255.51</v>
      </c>
      <c r="L476" s="6" t="s">
        <v>51</v>
      </c>
    </row>
    <row r="477" spans="1:12">
      <c r="A477" s="6" t="s">
        <v>49</v>
      </c>
      <c r="B477" s="6"/>
      <c r="C477" s="6" t="s">
        <v>491</v>
      </c>
      <c r="D477" s="6"/>
      <c r="E477" s="6" t="s">
        <v>9</v>
      </c>
      <c r="F477" s="7">
        <v>38657</v>
      </c>
      <c r="G477" s="8">
        <v>1</v>
      </c>
      <c r="H477" s="8">
        <v>1</v>
      </c>
      <c r="I477" s="8">
        <v>0</v>
      </c>
      <c r="J477" s="8">
        <v>1</v>
      </c>
      <c r="K477" s="9">
        <v>3.28</v>
      </c>
      <c r="L477" s="6" t="s">
        <v>51</v>
      </c>
    </row>
    <row r="478" spans="1:12">
      <c r="A478" s="6" t="s">
        <v>49</v>
      </c>
      <c r="B478" s="6"/>
      <c r="C478" s="6" t="s">
        <v>492</v>
      </c>
      <c r="D478" s="6"/>
      <c r="E478" s="6" t="s">
        <v>9</v>
      </c>
      <c r="F478" s="7">
        <v>38657</v>
      </c>
      <c r="G478" s="8">
        <v>1</v>
      </c>
      <c r="H478" s="8">
        <v>1</v>
      </c>
      <c r="I478" s="8">
        <v>0</v>
      </c>
      <c r="J478" s="8">
        <v>1</v>
      </c>
      <c r="K478" s="9">
        <v>2.4</v>
      </c>
      <c r="L478" s="6" t="s">
        <v>51</v>
      </c>
    </row>
    <row r="479" spans="1:12">
      <c r="A479" s="6" t="s">
        <v>49</v>
      </c>
      <c r="B479" s="6"/>
      <c r="C479" s="6" t="s">
        <v>493</v>
      </c>
      <c r="D479" s="6"/>
      <c r="E479" s="6" t="s">
        <v>9</v>
      </c>
      <c r="F479" s="7">
        <v>38657</v>
      </c>
      <c r="G479" s="8">
        <v>1</v>
      </c>
      <c r="H479" s="8">
        <v>1</v>
      </c>
      <c r="I479" s="8">
        <v>0</v>
      </c>
      <c r="J479" s="8">
        <v>1</v>
      </c>
      <c r="K479" s="9">
        <v>638</v>
      </c>
      <c r="L479" s="6" t="s">
        <v>51</v>
      </c>
    </row>
    <row r="480" spans="1:12">
      <c r="A480" s="6" t="s">
        <v>49</v>
      </c>
      <c r="B480" s="6"/>
      <c r="C480" s="6" t="s">
        <v>494</v>
      </c>
      <c r="D480" s="6"/>
      <c r="E480" s="6" t="s">
        <v>9</v>
      </c>
      <c r="F480" s="7">
        <v>38657</v>
      </c>
      <c r="G480" s="8">
        <v>1</v>
      </c>
      <c r="H480" s="8">
        <v>1</v>
      </c>
      <c r="I480" s="8">
        <v>0</v>
      </c>
      <c r="J480" s="8">
        <v>1</v>
      </c>
      <c r="K480" s="9">
        <v>54</v>
      </c>
      <c r="L480" s="6" t="s">
        <v>51</v>
      </c>
    </row>
    <row r="481" spans="1:12">
      <c r="A481" s="6" t="s">
        <v>49</v>
      </c>
      <c r="B481" s="6"/>
      <c r="C481" s="6" t="s">
        <v>495</v>
      </c>
      <c r="D481" s="6"/>
      <c r="E481" s="6" t="s">
        <v>9</v>
      </c>
      <c r="F481" s="7">
        <v>38657</v>
      </c>
      <c r="G481" s="8">
        <v>1</v>
      </c>
      <c r="H481" s="8">
        <v>1</v>
      </c>
      <c r="I481" s="8">
        <v>0</v>
      </c>
      <c r="J481" s="8">
        <v>1</v>
      </c>
      <c r="K481" s="9">
        <v>26</v>
      </c>
      <c r="L481" s="6" t="s">
        <v>51</v>
      </c>
    </row>
    <row r="482" spans="1:12">
      <c r="A482" s="6" t="s">
        <v>49</v>
      </c>
      <c r="B482" s="6"/>
      <c r="C482" s="6" t="s">
        <v>496</v>
      </c>
      <c r="D482" s="6"/>
      <c r="E482" s="6" t="s">
        <v>9</v>
      </c>
      <c r="F482" s="7">
        <v>38657</v>
      </c>
      <c r="G482" s="8">
        <v>1</v>
      </c>
      <c r="H482" s="8">
        <v>1</v>
      </c>
      <c r="I482" s="8">
        <v>0</v>
      </c>
      <c r="J482" s="8">
        <v>1</v>
      </c>
      <c r="K482" s="9">
        <v>2</v>
      </c>
      <c r="L482" s="6" t="s">
        <v>51</v>
      </c>
    </row>
    <row r="483" spans="1:12">
      <c r="A483" s="6" t="s">
        <v>49</v>
      </c>
      <c r="B483" s="6"/>
      <c r="C483" s="6" t="s">
        <v>497</v>
      </c>
      <c r="D483" s="6"/>
      <c r="E483" s="6" t="s">
        <v>9</v>
      </c>
      <c r="F483" s="7">
        <v>38657</v>
      </c>
      <c r="G483" s="8">
        <v>1</v>
      </c>
      <c r="H483" s="8">
        <v>1</v>
      </c>
      <c r="I483" s="8">
        <v>0</v>
      </c>
      <c r="J483" s="8">
        <v>1</v>
      </c>
      <c r="K483" s="9">
        <v>22</v>
      </c>
      <c r="L483" s="6" t="s">
        <v>51</v>
      </c>
    </row>
    <row r="484" spans="1:12">
      <c r="A484" s="6" t="s">
        <v>49</v>
      </c>
      <c r="B484" s="6"/>
      <c r="C484" s="6" t="s">
        <v>498</v>
      </c>
      <c r="D484" s="6"/>
      <c r="E484" s="6" t="s">
        <v>9</v>
      </c>
      <c r="F484" s="7">
        <v>38657</v>
      </c>
      <c r="G484" s="8">
        <v>1</v>
      </c>
      <c r="H484" s="8">
        <v>1</v>
      </c>
      <c r="I484" s="8">
        <v>0</v>
      </c>
      <c r="J484" s="8">
        <v>1</v>
      </c>
      <c r="K484" s="9">
        <v>71</v>
      </c>
      <c r="L484" s="6" t="s">
        <v>51</v>
      </c>
    </row>
    <row r="485" spans="1:12">
      <c r="A485" s="6" t="s">
        <v>49</v>
      </c>
      <c r="B485" s="6"/>
      <c r="C485" s="6" t="s">
        <v>499</v>
      </c>
      <c r="D485" s="6"/>
      <c r="E485" s="6" t="s">
        <v>9</v>
      </c>
      <c r="F485" s="7">
        <v>38657</v>
      </c>
      <c r="G485" s="8">
        <v>1</v>
      </c>
      <c r="H485" s="8">
        <v>1</v>
      </c>
      <c r="I485" s="8">
        <v>0</v>
      </c>
      <c r="J485" s="8">
        <v>1</v>
      </c>
      <c r="K485" s="9">
        <v>44</v>
      </c>
      <c r="L485" s="6" t="s">
        <v>51</v>
      </c>
    </row>
    <row r="486" spans="1:12">
      <c r="A486" s="6" t="s">
        <v>49</v>
      </c>
      <c r="B486" s="6"/>
      <c r="C486" s="6" t="s">
        <v>500</v>
      </c>
      <c r="D486" s="6"/>
      <c r="E486" s="6" t="s">
        <v>9</v>
      </c>
      <c r="F486" s="7">
        <v>38657</v>
      </c>
      <c r="G486" s="8">
        <v>1</v>
      </c>
      <c r="H486" s="8">
        <v>1</v>
      </c>
      <c r="I486" s="8">
        <v>0</v>
      </c>
      <c r="J486" s="8">
        <v>1</v>
      </c>
      <c r="K486" s="9">
        <v>27</v>
      </c>
      <c r="L486" s="6" t="s">
        <v>51</v>
      </c>
    </row>
    <row r="487" spans="1:12">
      <c r="A487" s="6" t="s">
        <v>49</v>
      </c>
      <c r="B487" s="6"/>
      <c r="C487" s="6" t="s">
        <v>501</v>
      </c>
      <c r="D487" s="6"/>
      <c r="E487" s="6" t="s">
        <v>9</v>
      </c>
      <c r="F487" s="7">
        <v>38657</v>
      </c>
      <c r="G487" s="8">
        <v>1</v>
      </c>
      <c r="H487" s="8">
        <v>1</v>
      </c>
      <c r="I487" s="8">
        <v>0</v>
      </c>
      <c r="J487" s="8">
        <v>1</v>
      </c>
      <c r="K487" s="9">
        <v>46</v>
      </c>
      <c r="L487" s="6" t="s">
        <v>51</v>
      </c>
    </row>
    <row r="488" spans="1:12">
      <c r="A488" s="6" t="s">
        <v>49</v>
      </c>
      <c r="B488" s="6"/>
      <c r="C488" s="6" t="s">
        <v>502</v>
      </c>
      <c r="D488" s="6"/>
      <c r="E488" s="6" t="s">
        <v>9</v>
      </c>
      <c r="F488" s="7">
        <v>38657</v>
      </c>
      <c r="G488" s="8">
        <v>1</v>
      </c>
      <c r="H488" s="8">
        <v>1</v>
      </c>
      <c r="I488" s="8">
        <v>0</v>
      </c>
      <c r="J488" s="8">
        <v>1</v>
      </c>
      <c r="K488" s="9">
        <v>28</v>
      </c>
      <c r="L488" s="6" t="s">
        <v>51</v>
      </c>
    </row>
    <row r="489" spans="1:12">
      <c r="A489" s="6" t="s">
        <v>49</v>
      </c>
      <c r="B489" s="6"/>
      <c r="C489" s="6" t="s">
        <v>503</v>
      </c>
      <c r="D489" s="6"/>
      <c r="E489" s="6" t="s">
        <v>9</v>
      </c>
      <c r="F489" s="7">
        <v>38657</v>
      </c>
      <c r="G489" s="8">
        <v>1</v>
      </c>
      <c r="H489" s="8">
        <v>1</v>
      </c>
      <c r="I489" s="8">
        <v>0</v>
      </c>
      <c r="J489" s="8">
        <v>1</v>
      </c>
      <c r="K489" s="9">
        <v>47</v>
      </c>
      <c r="L489" s="6" t="s">
        <v>51</v>
      </c>
    </row>
    <row r="490" spans="1:12">
      <c r="A490" s="6" t="s">
        <v>49</v>
      </c>
      <c r="B490" s="6"/>
      <c r="C490" s="6" t="s">
        <v>504</v>
      </c>
      <c r="D490" s="6"/>
      <c r="E490" s="6" t="s">
        <v>9</v>
      </c>
      <c r="F490" s="7">
        <v>38657</v>
      </c>
      <c r="G490" s="8">
        <v>1</v>
      </c>
      <c r="H490" s="8">
        <v>1</v>
      </c>
      <c r="I490" s="8">
        <v>0</v>
      </c>
      <c r="J490" s="8">
        <v>1</v>
      </c>
      <c r="K490" s="9">
        <v>924</v>
      </c>
      <c r="L490" s="6" t="s">
        <v>51</v>
      </c>
    </row>
    <row r="491" spans="1:12">
      <c r="A491" s="6" t="s">
        <v>49</v>
      </c>
      <c r="B491" s="6"/>
      <c r="C491" s="6" t="s">
        <v>505</v>
      </c>
      <c r="D491" s="6"/>
      <c r="E491" s="6" t="s">
        <v>9</v>
      </c>
      <c r="F491" s="7">
        <v>38657</v>
      </c>
      <c r="G491" s="8">
        <v>1</v>
      </c>
      <c r="H491" s="8">
        <v>1</v>
      </c>
      <c r="I491" s="8">
        <v>0</v>
      </c>
      <c r="J491" s="8">
        <v>1</v>
      </c>
      <c r="K491" s="9">
        <v>47</v>
      </c>
      <c r="L491" s="6" t="s">
        <v>51</v>
      </c>
    </row>
    <row r="492" spans="1:12">
      <c r="A492" s="6" t="s">
        <v>49</v>
      </c>
      <c r="B492" s="6"/>
      <c r="C492" s="6" t="s">
        <v>506</v>
      </c>
      <c r="D492" s="6"/>
      <c r="E492" s="6" t="s">
        <v>9</v>
      </c>
      <c r="F492" s="7">
        <v>38657</v>
      </c>
      <c r="G492" s="8">
        <v>1</v>
      </c>
      <c r="H492" s="8">
        <v>1</v>
      </c>
      <c r="I492" s="8">
        <v>0</v>
      </c>
      <c r="J492" s="8">
        <v>1</v>
      </c>
      <c r="K492" s="9">
        <v>17</v>
      </c>
      <c r="L492" s="6" t="s">
        <v>51</v>
      </c>
    </row>
    <row r="493" spans="1:12">
      <c r="A493" s="6" t="s">
        <v>49</v>
      </c>
      <c r="B493" s="6"/>
      <c r="C493" s="6" t="s">
        <v>507</v>
      </c>
      <c r="D493" s="6"/>
      <c r="E493" s="6" t="s">
        <v>9</v>
      </c>
      <c r="F493" s="7">
        <v>38657</v>
      </c>
      <c r="G493" s="8">
        <v>1</v>
      </c>
      <c r="H493" s="8">
        <v>1</v>
      </c>
      <c r="I493" s="8">
        <v>0</v>
      </c>
      <c r="J493" s="8">
        <v>1</v>
      </c>
      <c r="K493" s="9">
        <v>35</v>
      </c>
      <c r="L493" s="6" t="s">
        <v>51</v>
      </c>
    </row>
    <row r="494" spans="1:12">
      <c r="A494" s="6" t="s">
        <v>49</v>
      </c>
      <c r="B494" s="6"/>
      <c r="C494" s="6" t="s">
        <v>508</v>
      </c>
      <c r="D494" s="6"/>
      <c r="E494" s="6" t="s">
        <v>9</v>
      </c>
      <c r="F494" s="7">
        <v>38657</v>
      </c>
      <c r="G494" s="8">
        <v>1</v>
      </c>
      <c r="H494" s="8">
        <v>1</v>
      </c>
      <c r="I494" s="8">
        <v>0</v>
      </c>
      <c r="J494" s="8">
        <v>1</v>
      </c>
      <c r="K494" s="9">
        <v>47</v>
      </c>
      <c r="L494" s="6" t="s">
        <v>51</v>
      </c>
    </row>
    <row r="495" spans="1:12">
      <c r="A495" s="6" t="s">
        <v>49</v>
      </c>
      <c r="B495" s="6"/>
      <c r="C495" s="6" t="s">
        <v>509</v>
      </c>
      <c r="D495" s="6"/>
      <c r="E495" s="6" t="s">
        <v>9</v>
      </c>
      <c r="F495" s="7">
        <v>38657</v>
      </c>
      <c r="G495" s="8">
        <v>1</v>
      </c>
      <c r="H495" s="8">
        <v>1</v>
      </c>
      <c r="I495" s="8">
        <v>0</v>
      </c>
      <c r="J495" s="8">
        <v>1</v>
      </c>
      <c r="K495" s="9">
        <v>74</v>
      </c>
      <c r="L495" s="6" t="s">
        <v>51</v>
      </c>
    </row>
    <row r="496" spans="1:12">
      <c r="A496" s="6" t="s">
        <v>49</v>
      </c>
      <c r="B496" s="6"/>
      <c r="C496" s="6" t="s">
        <v>510</v>
      </c>
      <c r="D496" s="6"/>
      <c r="E496" s="6" t="s">
        <v>9</v>
      </c>
      <c r="F496" s="7">
        <v>38657</v>
      </c>
      <c r="G496" s="8">
        <v>1</v>
      </c>
      <c r="H496" s="8">
        <v>1</v>
      </c>
      <c r="I496" s="8">
        <v>0</v>
      </c>
      <c r="J496" s="8">
        <v>1</v>
      </c>
      <c r="K496" s="9">
        <v>23</v>
      </c>
      <c r="L496" s="6" t="s">
        <v>51</v>
      </c>
    </row>
    <row r="497" spans="1:12">
      <c r="A497" s="6" t="s">
        <v>49</v>
      </c>
      <c r="B497" s="6"/>
      <c r="C497" s="6" t="s">
        <v>511</v>
      </c>
      <c r="D497" s="6"/>
      <c r="E497" s="6" t="s">
        <v>9</v>
      </c>
      <c r="F497" s="7">
        <v>38657</v>
      </c>
      <c r="G497" s="8">
        <v>1</v>
      </c>
      <c r="H497" s="8">
        <v>1</v>
      </c>
      <c r="I497" s="8">
        <v>0</v>
      </c>
      <c r="J497" s="8">
        <v>1</v>
      </c>
      <c r="K497" s="9">
        <v>46</v>
      </c>
      <c r="L497" s="6" t="s">
        <v>51</v>
      </c>
    </row>
    <row r="498" spans="1:12">
      <c r="A498" s="6" t="s">
        <v>49</v>
      </c>
      <c r="B498" s="6"/>
      <c r="C498" s="6" t="s">
        <v>512</v>
      </c>
      <c r="D498" s="6"/>
      <c r="E498" s="6" t="s">
        <v>9</v>
      </c>
      <c r="F498" s="7">
        <v>38657</v>
      </c>
      <c r="G498" s="8">
        <v>1</v>
      </c>
      <c r="H498" s="8">
        <v>1</v>
      </c>
      <c r="I498" s="8">
        <v>0</v>
      </c>
      <c r="J498" s="8">
        <v>1</v>
      </c>
      <c r="K498" s="9">
        <v>13</v>
      </c>
      <c r="L498" s="6" t="s">
        <v>51</v>
      </c>
    </row>
    <row r="499" spans="1:12">
      <c r="A499" s="6" t="s">
        <v>49</v>
      </c>
      <c r="B499" s="6"/>
      <c r="C499" s="6" t="s">
        <v>513</v>
      </c>
      <c r="D499" s="6"/>
      <c r="E499" s="6" t="s">
        <v>9</v>
      </c>
      <c r="F499" s="7">
        <v>38657</v>
      </c>
      <c r="G499" s="8">
        <v>1</v>
      </c>
      <c r="H499" s="8">
        <v>1</v>
      </c>
      <c r="I499" s="8">
        <v>0</v>
      </c>
      <c r="J499" s="8">
        <v>1</v>
      </c>
      <c r="K499" s="9">
        <v>17</v>
      </c>
      <c r="L499" s="6" t="s">
        <v>51</v>
      </c>
    </row>
    <row r="500" spans="1:12">
      <c r="A500" s="6" t="s">
        <v>49</v>
      </c>
      <c r="B500" s="6"/>
      <c r="C500" s="6" t="s">
        <v>514</v>
      </c>
      <c r="D500" s="6"/>
      <c r="E500" s="6" t="s">
        <v>9</v>
      </c>
      <c r="F500" s="7">
        <v>38657</v>
      </c>
      <c r="G500" s="8">
        <v>1</v>
      </c>
      <c r="H500" s="8">
        <v>1</v>
      </c>
      <c r="I500" s="8">
        <v>0</v>
      </c>
      <c r="J500" s="8">
        <v>1</v>
      </c>
      <c r="K500" s="9">
        <v>193</v>
      </c>
      <c r="L500" s="6" t="s">
        <v>51</v>
      </c>
    </row>
    <row r="501" spans="1:12">
      <c r="A501" s="6" t="s">
        <v>49</v>
      </c>
      <c r="B501" s="6"/>
      <c r="C501" s="6" t="s">
        <v>515</v>
      </c>
      <c r="D501" s="6"/>
      <c r="E501" s="6" t="s">
        <v>9</v>
      </c>
      <c r="F501" s="7">
        <v>38657</v>
      </c>
      <c r="G501" s="8">
        <v>1</v>
      </c>
      <c r="H501" s="8">
        <v>1</v>
      </c>
      <c r="I501" s="8">
        <v>0</v>
      </c>
      <c r="J501" s="8">
        <v>1</v>
      </c>
      <c r="K501" s="9">
        <v>228</v>
      </c>
      <c r="L501" s="6" t="s">
        <v>51</v>
      </c>
    </row>
    <row r="502" spans="1:12">
      <c r="A502" s="6" t="s">
        <v>49</v>
      </c>
      <c r="B502" s="6"/>
      <c r="C502" s="6" t="s">
        <v>516</v>
      </c>
      <c r="D502" s="6"/>
      <c r="E502" s="6" t="s">
        <v>9</v>
      </c>
      <c r="F502" s="7">
        <v>38657</v>
      </c>
      <c r="G502" s="8">
        <v>1</v>
      </c>
      <c r="H502" s="8">
        <v>1</v>
      </c>
      <c r="I502" s="8">
        <v>0</v>
      </c>
      <c r="J502" s="8">
        <v>1</v>
      </c>
      <c r="K502" s="9">
        <v>18</v>
      </c>
      <c r="L502" s="6" t="s">
        <v>51</v>
      </c>
    </row>
    <row r="503" spans="1:12">
      <c r="A503" s="6" t="s">
        <v>49</v>
      </c>
      <c r="B503" s="6"/>
      <c r="C503" s="6" t="s">
        <v>517</v>
      </c>
      <c r="D503" s="6"/>
      <c r="E503" s="6" t="s">
        <v>9</v>
      </c>
      <c r="F503" s="7">
        <v>38657</v>
      </c>
      <c r="G503" s="8">
        <v>1</v>
      </c>
      <c r="H503" s="8">
        <v>1</v>
      </c>
      <c r="I503" s="8">
        <v>0</v>
      </c>
      <c r="J503" s="8">
        <v>1</v>
      </c>
      <c r="K503" s="9">
        <v>101</v>
      </c>
      <c r="L503" s="6" t="s">
        <v>51</v>
      </c>
    </row>
    <row r="504" spans="1:12">
      <c r="A504" s="6" t="s">
        <v>49</v>
      </c>
      <c r="B504" s="6"/>
      <c r="C504" s="6" t="s">
        <v>518</v>
      </c>
      <c r="D504" s="6"/>
      <c r="E504" s="6" t="s">
        <v>9</v>
      </c>
      <c r="F504" s="7">
        <v>38657</v>
      </c>
      <c r="G504" s="8">
        <v>1</v>
      </c>
      <c r="H504" s="8">
        <v>1</v>
      </c>
      <c r="I504" s="8">
        <v>0</v>
      </c>
      <c r="J504" s="8">
        <v>1</v>
      </c>
      <c r="K504" s="9">
        <v>144</v>
      </c>
      <c r="L504" s="6" t="s">
        <v>51</v>
      </c>
    </row>
    <row r="505" spans="1:12">
      <c r="A505" s="6" t="s">
        <v>49</v>
      </c>
      <c r="B505" s="6"/>
      <c r="C505" s="6" t="s">
        <v>519</v>
      </c>
      <c r="D505" s="6"/>
      <c r="E505" s="6" t="s">
        <v>9</v>
      </c>
      <c r="F505" s="7">
        <v>38657</v>
      </c>
      <c r="G505" s="8">
        <v>1</v>
      </c>
      <c r="H505" s="8">
        <v>1</v>
      </c>
      <c r="I505" s="8">
        <v>0</v>
      </c>
      <c r="J505" s="8">
        <v>1</v>
      </c>
      <c r="K505" s="9">
        <v>95</v>
      </c>
      <c r="L505" s="6" t="s">
        <v>51</v>
      </c>
    </row>
    <row r="506" spans="1:12">
      <c r="A506" s="6" t="s">
        <v>49</v>
      </c>
      <c r="B506" s="6"/>
      <c r="C506" s="6" t="s">
        <v>520</v>
      </c>
      <c r="D506" s="6"/>
      <c r="E506" s="6" t="s">
        <v>9</v>
      </c>
      <c r="F506" s="7">
        <v>38657</v>
      </c>
      <c r="G506" s="8">
        <v>1</v>
      </c>
      <c r="H506" s="8">
        <v>1</v>
      </c>
      <c r="I506" s="8">
        <v>0</v>
      </c>
      <c r="J506" s="8">
        <v>1</v>
      </c>
      <c r="K506" s="9">
        <v>97</v>
      </c>
      <c r="L506" s="6" t="s">
        <v>51</v>
      </c>
    </row>
    <row r="507" spans="1:12">
      <c r="A507" s="6" t="s">
        <v>49</v>
      </c>
      <c r="B507" s="6"/>
      <c r="C507" s="6" t="s">
        <v>521</v>
      </c>
      <c r="D507" s="6"/>
      <c r="E507" s="6" t="s">
        <v>9</v>
      </c>
      <c r="F507" s="7">
        <v>38657</v>
      </c>
      <c r="G507" s="8">
        <v>1</v>
      </c>
      <c r="H507" s="8">
        <v>1</v>
      </c>
      <c r="I507" s="8">
        <v>0</v>
      </c>
      <c r="J507" s="8">
        <v>1</v>
      </c>
      <c r="K507" s="9">
        <v>43</v>
      </c>
      <c r="L507" s="6" t="s">
        <v>51</v>
      </c>
    </row>
    <row r="508" spans="1:12">
      <c r="A508" s="6" t="s">
        <v>49</v>
      </c>
      <c r="B508" s="6"/>
      <c r="C508" s="6" t="s">
        <v>522</v>
      </c>
      <c r="D508" s="6"/>
      <c r="E508" s="6" t="s">
        <v>9</v>
      </c>
      <c r="F508" s="7">
        <v>38657</v>
      </c>
      <c r="G508" s="8">
        <v>1</v>
      </c>
      <c r="H508" s="8">
        <v>1</v>
      </c>
      <c r="I508" s="8">
        <v>0</v>
      </c>
      <c r="J508" s="8">
        <v>1</v>
      </c>
      <c r="K508" s="9">
        <v>39</v>
      </c>
      <c r="L508" s="6" t="s">
        <v>51</v>
      </c>
    </row>
    <row r="509" spans="1:12">
      <c r="A509" s="6" t="s">
        <v>49</v>
      </c>
      <c r="B509" s="6"/>
      <c r="C509" s="6" t="s">
        <v>523</v>
      </c>
      <c r="D509" s="6"/>
      <c r="E509" s="6" t="s">
        <v>9</v>
      </c>
      <c r="F509" s="7">
        <v>38657</v>
      </c>
      <c r="G509" s="8">
        <v>1</v>
      </c>
      <c r="H509" s="8">
        <v>1</v>
      </c>
      <c r="I509" s="8">
        <v>0</v>
      </c>
      <c r="J509" s="8">
        <v>1</v>
      </c>
      <c r="K509" s="9">
        <v>55</v>
      </c>
      <c r="L509" s="6" t="s">
        <v>51</v>
      </c>
    </row>
    <row r="510" spans="1:12">
      <c r="A510" s="6" t="s">
        <v>49</v>
      </c>
      <c r="B510" s="6"/>
      <c r="C510" s="6" t="s">
        <v>524</v>
      </c>
      <c r="D510" s="6"/>
      <c r="E510" s="6" t="s">
        <v>9</v>
      </c>
      <c r="F510" s="7">
        <v>38657</v>
      </c>
      <c r="G510" s="8">
        <v>1</v>
      </c>
      <c r="H510" s="8">
        <v>1</v>
      </c>
      <c r="I510" s="8">
        <v>0</v>
      </c>
      <c r="J510" s="8">
        <v>1</v>
      </c>
      <c r="K510" s="9">
        <v>19</v>
      </c>
      <c r="L510" s="6" t="s">
        <v>51</v>
      </c>
    </row>
    <row r="511" spans="1:12">
      <c r="A511" s="6" t="s">
        <v>49</v>
      </c>
      <c r="B511" s="6"/>
      <c r="C511" s="6" t="s">
        <v>525</v>
      </c>
      <c r="D511" s="6"/>
      <c r="E511" s="6" t="s">
        <v>9</v>
      </c>
      <c r="F511" s="7">
        <v>38657</v>
      </c>
      <c r="G511" s="8">
        <v>1</v>
      </c>
      <c r="H511" s="8">
        <v>1</v>
      </c>
      <c r="I511" s="8">
        <v>0</v>
      </c>
      <c r="J511" s="8">
        <v>1</v>
      </c>
      <c r="K511" s="9">
        <v>19</v>
      </c>
      <c r="L511" s="6" t="s">
        <v>51</v>
      </c>
    </row>
    <row r="512" spans="1:12">
      <c r="A512" s="6" t="s">
        <v>49</v>
      </c>
      <c r="B512" s="6"/>
      <c r="C512" s="6" t="s">
        <v>526</v>
      </c>
      <c r="D512" s="6"/>
      <c r="E512" s="6" t="s">
        <v>9</v>
      </c>
      <c r="F512" s="7">
        <v>38657</v>
      </c>
      <c r="G512" s="8">
        <v>1</v>
      </c>
      <c r="H512" s="8">
        <v>1</v>
      </c>
      <c r="I512" s="8">
        <v>0</v>
      </c>
      <c r="J512" s="8">
        <v>1</v>
      </c>
      <c r="K512" s="9">
        <v>860</v>
      </c>
      <c r="L512" s="6" t="s">
        <v>51</v>
      </c>
    </row>
    <row r="513" spans="1:12">
      <c r="A513" s="6" t="s">
        <v>49</v>
      </c>
      <c r="B513" s="6"/>
      <c r="C513" s="6" t="s">
        <v>527</v>
      </c>
      <c r="D513" s="6"/>
      <c r="E513" s="6" t="s">
        <v>9</v>
      </c>
      <c r="F513" s="7">
        <v>38657</v>
      </c>
      <c r="G513" s="8">
        <v>1</v>
      </c>
      <c r="H513" s="8">
        <v>1</v>
      </c>
      <c r="I513" s="8">
        <v>0</v>
      </c>
      <c r="J513" s="8">
        <v>1</v>
      </c>
      <c r="K513" s="9">
        <v>14</v>
      </c>
      <c r="L513" s="6" t="s">
        <v>51</v>
      </c>
    </row>
    <row r="514" spans="1:12">
      <c r="A514" s="6" t="s">
        <v>49</v>
      </c>
      <c r="B514" s="6"/>
      <c r="C514" s="6" t="s">
        <v>528</v>
      </c>
      <c r="D514" s="6"/>
      <c r="E514" s="6" t="s">
        <v>9</v>
      </c>
      <c r="F514" s="7">
        <v>38657</v>
      </c>
      <c r="G514" s="8">
        <v>1</v>
      </c>
      <c r="H514" s="8">
        <v>1</v>
      </c>
      <c r="I514" s="8">
        <v>0</v>
      </c>
      <c r="J514" s="8">
        <v>1</v>
      </c>
      <c r="K514" s="9">
        <v>1.81</v>
      </c>
      <c r="L514" s="6" t="s">
        <v>51</v>
      </c>
    </row>
    <row r="515" spans="1:12">
      <c r="A515" s="6" t="s">
        <v>49</v>
      </c>
      <c r="B515" s="6"/>
      <c r="C515" s="6" t="s">
        <v>529</v>
      </c>
      <c r="D515" s="6"/>
      <c r="E515" s="6" t="s">
        <v>9</v>
      </c>
      <c r="F515" s="7">
        <v>38657</v>
      </c>
      <c r="G515" s="8">
        <v>1</v>
      </c>
      <c r="H515" s="8">
        <v>1</v>
      </c>
      <c r="I515" s="8">
        <v>0</v>
      </c>
      <c r="J515" s="8">
        <v>1</v>
      </c>
      <c r="K515" s="9">
        <v>157</v>
      </c>
      <c r="L515" s="6" t="s">
        <v>51</v>
      </c>
    </row>
    <row r="516" spans="1:12">
      <c r="A516" s="6" t="s">
        <v>49</v>
      </c>
      <c r="B516" s="6"/>
      <c r="C516" s="6" t="s">
        <v>530</v>
      </c>
      <c r="D516" s="6"/>
      <c r="E516" s="6" t="s">
        <v>9</v>
      </c>
      <c r="F516" s="7">
        <v>38657</v>
      </c>
      <c r="G516" s="8">
        <v>1</v>
      </c>
      <c r="H516" s="8">
        <v>1</v>
      </c>
      <c r="I516" s="8">
        <v>0</v>
      </c>
      <c r="J516" s="8">
        <v>1</v>
      </c>
      <c r="K516" s="9">
        <v>29.08</v>
      </c>
      <c r="L516" s="6" t="s">
        <v>51</v>
      </c>
    </row>
    <row r="517" spans="1:12">
      <c r="A517" s="6" t="s">
        <v>49</v>
      </c>
      <c r="B517" s="6"/>
      <c r="C517" s="6" t="s">
        <v>531</v>
      </c>
      <c r="D517" s="6"/>
      <c r="E517" s="6" t="s">
        <v>9</v>
      </c>
      <c r="F517" s="7">
        <v>38657</v>
      </c>
      <c r="G517" s="8">
        <v>1</v>
      </c>
      <c r="H517" s="8">
        <v>1</v>
      </c>
      <c r="I517" s="8">
        <v>0</v>
      </c>
      <c r="J517" s="8">
        <v>1</v>
      </c>
      <c r="K517" s="9">
        <v>118</v>
      </c>
      <c r="L517" s="6" t="s">
        <v>51</v>
      </c>
    </row>
    <row r="518" spans="1:12">
      <c r="A518" s="6" t="s">
        <v>49</v>
      </c>
      <c r="B518" s="6"/>
      <c r="C518" s="6" t="s">
        <v>532</v>
      </c>
      <c r="D518" s="6"/>
      <c r="E518" s="6" t="s">
        <v>9</v>
      </c>
      <c r="F518" s="7">
        <v>38657</v>
      </c>
      <c r="G518" s="8">
        <v>1</v>
      </c>
      <c r="H518" s="8">
        <v>1</v>
      </c>
      <c r="I518" s="8">
        <v>0</v>
      </c>
      <c r="J518" s="8">
        <v>1</v>
      </c>
      <c r="K518" s="9">
        <v>30.78</v>
      </c>
      <c r="L518" s="6" t="s">
        <v>51</v>
      </c>
    </row>
    <row r="519" spans="1:12">
      <c r="A519" s="6" t="s">
        <v>49</v>
      </c>
      <c r="B519" s="6"/>
      <c r="C519" s="6" t="s">
        <v>533</v>
      </c>
      <c r="D519" s="6"/>
      <c r="E519" s="6" t="s">
        <v>9</v>
      </c>
      <c r="F519" s="7">
        <v>38657</v>
      </c>
      <c r="G519" s="8">
        <v>1</v>
      </c>
      <c r="H519" s="8">
        <v>1</v>
      </c>
      <c r="I519" s="8">
        <v>0</v>
      </c>
      <c r="J519" s="8">
        <v>1</v>
      </c>
      <c r="K519" s="9">
        <v>48</v>
      </c>
      <c r="L519" s="6" t="s">
        <v>51</v>
      </c>
    </row>
    <row r="520" spans="1:12">
      <c r="A520" s="6" t="s">
        <v>49</v>
      </c>
      <c r="B520" s="6"/>
      <c r="C520" s="6" t="s">
        <v>534</v>
      </c>
      <c r="D520" s="6"/>
      <c r="E520" s="6" t="s">
        <v>9</v>
      </c>
      <c r="F520" s="7">
        <v>38657</v>
      </c>
      <c r="G520" s="8">
        <v>1</v>
      </c>
      <c r="H520" s="8">
        <v>1</v>
      </c>
      <c r="I520" s="8">
        <v>0</v>
      </c>
      <c r="J520" s="8">
        <v>1</v>
      </c>
      <c r="K520" s="9">
        <v>12.23</v>
      </c>
      <c r="L520" s="6" t="s">
        <v>51</v>
      </c>
    </row>
    <row r="521" spans="1:12">
      <c r="A521" s="6" t="s">
        <v>49</v>
      </c>
      <c r="B521" s="6"/>
      <c r="C521" s="6" t="s">
        <v>535</v>
      </c>
      <c r="D521" s="6"/>
      <c r="E521" s="6" t="s">
        <v>9</v>
      </c>
      <c r="F521" s="7">
        <v>38657</v>
      </c>
      <c r="G521" s="8">
        <v>1</v>
      </c>
      <c r="H521" s="8">
        <v>1</v>
      </c>
      <c r="I521" s="8">
        <v>0</v>
      </c>
      <c r="J521" s="8">
        <v>1</v>
      </c>
      <c r="K521" s="9">
        <v>76</v>
      </c>
      <c r="L521" s="6" t="s">
        <v>51</v>
      </c>
    </row>
    <row r="522" spans="1:12">
      <c r="A522" s="6" t="s">
        <v>49</v>
      </c>
      <c r="B522" s="6"/>
      <c r="C522" s="6" t="s">
        <v>536</v>
      </c>
      <c r="D522" s="6"/>
      <c r="E522" s="6" t="s">
        <v>9</v>
      </c>
      <c r="F522" s="7">
        <v>38657</v>
      </c>
      <c r="G522" s="8">
        <v>1</v>
      </c>
      <c r="H522" s="8">
        <v>1</v>
      </c>
      <c r="I522" s="8">
        <v>0</v>
      </c>
      <c r="J522" s="8">
        <v>1</v>
      </c>
      <c r="K522" s="9">
        <v>17.78</v>
      </c>
      <c r="L522" s="6" t="s">
        <v>51</v>
      </c>
    </row>
    <row r="523" spans="1:12">
      <c r="A523" s="6" t="s">
        <v>49</v>
      </c>
      <c r="B523" s="6"/>
      <c r="C523" s="6" t="s">
        <v>537</v>
      </c>
      <c r="D523" s="6"/>
      <c r="E523" s="6" t="s">
        <v>9</v>
      </c>
      <c r="F523" s="7">
        <v>38657</v>
      </c>
      <c r="G523" s="8">
        <v>1</v>
      </c>
      <c r="H523" s="8">
        <v>1</v>
      </c>
      <c r="I523" s="8">
        <v>0</v>
      </c>
      <c r="J523" s="8">
        <v>1</v>
      </c>
      <c r="K523" s="9">
        <v>1880</v>
      </c>
      <c r="L523" s="6" t="s">
        <v>51</v>
      </c>
    </row>
    <row r="524" spans="1:12">
      <c r="A524" s="6" t="s">
        <v>49</v>
      </c>
      <c r="B524" s="6"/>
      <c r="C524" s="6" t="s">
        <v>538</v>
      </c>
      <c r="D524" s="6"/>
      <c r="E524" s="6" t="s">
        <v>9</v>
      </c>
      <c r="F524" s="7">
        <v>38657</v>
      </c>
      <c r="G524" s="8">
        <v>1</v>
      </c>
      <c r="H524" s="8">
        <v>1</v>
      </c>
      <c r="I524" s="8">
        <v>0</v>
      </c>
      <c r="J524" s="8">
        <v>1</v>
      </c>
      <c r="K524" s="9">
        <v>128</v>
      </c>
      <c r="L524" s="6" t="s">
        <v>51</v>
      </c>
    </row>
    <row r="525" spans="1:12">
      <c r="A525" s="6" t="s">
        <v>49</v>
      </c>
      <c r="B525" s="6"/>
      <c r="C525" s="6" t="s">
        <v>539</v>
      </c>
      <c r="D525" s="6"/>
      <c r="E525" s="6" t="s">
        <v>9</v>
      </c>
      <c r="F525" s="7">
        <v>38657</v>
      </c>
      <c r="G525" s="8">
        <v>1</v>
      </c>
      <c r="H525" s="8">
        <v>1</v>
      </c>
      <c r="I525" s="8">
        <v>0</v>
      </c>
      <c r="J525" s="8">
        <v>1</v>
      </c>
      <c r="K525" s="9">
        <v>28.93</v>
      </c>
      <c r="L525" s="6" t="s">
        <v>51</v>
      </c>
    </row>
    <row r="526" spans="1:12">
      <c r="A526" s="6" t="s">
        <v>49</v>
      </c>
      <c r="B526" s="6"/>
      <c r="C526" s="6" t="s">
        <v>540</v>
      </c>
      <c r="D526" s="6"/>
      <c r="E526" s="6" t="s">
        <v>9</v>
      </c>
      <c r="F526" s="7">
        <v>38657</v>
      </c>
      <c r="G526" s="8">
        <v>1</v>
      </c>
      <c r="H526" s="8">
        <v>1</v>
      </c>
      <c r="I526" s="8">
        <v>0</v>
      </c>
      <c r="J526" s="8">
        <v>1</v>
      </c>
      <c r="K526" s="9">
        <v>129</v>
      </c>
      <c r="L526" s="6" t="s">
        <v>51</v>
      </c>
    </row>
    <row r="527" spans="1:12">
      <c r="A527" s="6" t="s">
        <v>49</v>
      </c>
      <c r="B527" s="6"/>
      <c r="C527" s="6" t="s">
        <v>541</v>
      </c>
      <c r="D527" s="6"/>
      <c r="E527" s="6" t="s">
        <v>9</v>
      </c>
      <c r="F527" s="7">
        <v>38657</v>
      </c>
      <c r="G527" s="8">
        <v>1</v>
      </c>
      <c r="H527" s="8">
        <v>1</v>
      </c>
      <c r="I527" s="8">
        <v>0</v>
      </c>
      <c r="J527" s="8">
        <v>1</v>
      </c>
      <c r="K527" s="9">
        <v>29.86</v>
      </c>
      <c r="L527" s="6" t="s">
        <v>51</v>
      </c>
    </row>
    <row r="528" spans="1:12">
      <c r="A528" s="6" t="s">
        <v>49</v>
      </c>
      <c r="B528" s="6"/>
      <c r="C528" s="6" t="s">
        <v>542</v>
      </c>
      <c r="D528" s="6"/>
      <c r="E528" s="6" t="s">
        <v>9</v>
      </c>
      <c r="F528" s="7">
        <v>38657</v>
      </c>
      <c r="G528" s="8">
        <v>1</v>
      </c>
      <c r="H528" s="8">
        <v>1</v>
      </c>
      <c r="I528" s="8">
        <v>0</v>
      </c>
      <c r="J528" s="8">
        <v>1</v>
      </c>
      <c r="K528" s="9">
        <v>105</v>
      </c>
      <c r="L528" s="6" t="s">
        <v>51</v>
      </c>
    </row>
    <row r="529" spans="1:12">
      <c r="A529" s="6" t="s">
        <v>49</v>
      </c>
      <c r="B529" s="6"/>
      <c r="C529" s="6" t="s">
        <v>543</v>
      </c>
      <c r="D529" s="6"/>
      <c r="E529" s="6" t="s">
        <v>9</v>
      </c>
      <c r="F529" s="7">
        <v>38657</v>
      </c>
      <c r="G529" s="8">
        <v>1</v>
      </c>
      <c r="H529" s="8">
        <v>1</v>
      </c>
      <c r="I529" s="8">
        <v>0</v>
      </c>
      <c r="J529" s="8">
        <v>1</v>
      </c>
      <c r="K529" s="9">
        <v>26.82</v>
      </c>
      <c r="L529" s="6" t="s">
        <v>51</v>
      </c>
    </row>
    <row r="530" spans="1:12">
      <c r="A530" s="6" t="s">
        <v>49</v>
      </c>
      <c r="B530" s="6"/>
      <c r="C530" s="6" t="s">
        <v>544</v>
      </c>
      <c r="D530" s="6"/>
      <c r="E530" s="6" t="s">
        <v>9</v>
      </c>
      <c r="F530" s="7">
        <v>38657</v>
      </c>
      <c r="G530" s="8">
        <v>1</v>
      </c>
      <c r="H530" s="8">
        <v>1</v>
      </c>
      <c r="I530" s="8">
        <v>0</v>
      </c>
      <c r="J530" s="8">
        <v>1</v>
      </c>
      <c r="K530" s="9">
        <v>109.3</v>
      </c>
      <c r="L530" s="6" t="s">
        <v>51</v>
      </c>
    </row>
    <row r="531" spans="1:12">
      <c r="A531" s="6" t="s">
        <v>49</v>
      </c>
      <c r="B531" s="6"/>
      <c r="C531" s="6" t="s">
        <v>545</v>
      </c>
      <c r="D531" s="6"/>
      <c r="E531" s="6" t="s">
        <v>9</v>
      </c>
      <c r="F531" s="7">
        <v>38657</v>
      </c>
      <c r="G531" s="8">
        <v>1</v>
      </c>
      <c r="H531" s="8">
        <v>1</v>
      </c>
      <c r="I531" s="8">
        <v>0</v>
      </c>
      <c r="J531" s="8">
        <v>1</v>
      </c>
      <c r="K531" s="9">
        <v>3.1</v>
      </c>
      <c r="L531" s="6" t="s">
        <v>51</v>
      </c>
    </row>
    <row r="532" spans="1:12">
      <c r="A532" s="6" t="s">
        <v>49</v>
      </c>
      <c r="B532" s="6"/>
      <c r="C532" s="6" t="s">
        <v>546</v>
      </c>
      <c r="D532" s="6"/>
      <c r="E532" s="6" t="s">
        <v>9</v>
      </c>
      <c r="F532" s="7">
        <v>38657</v>
      </c>
      <c r="G532" s="8">
        <v>1</v>
      </c>
      <c r="H532" s="8">
        <v>1</v>
      </c>
      <c r="I532" s="8">
        <v>0</v>
      </c>
      <c r="J532" s="8">
        <v>1</v>
      </c>
      <c r="K532" s="9">
        <v>68</v>
      </c>
      <c r="L532" s="6" t="s">
        <v>51</v>
      </c>
    </row>
    <row r="533" spans="1:12">
      <c r="A533" s="6" t="s">
        <v>49</v>
      </c>
      <c r="B533" s="6"/>
      <c r="C533" s="6" t="s">
        <v>547</v>
      </c>
      <c r="D533" s="6"/>
      <c r="E533" s="6" t="s">
        <v>9</v>
      </c>
      <c r="F533" s="7">
        <v>38657</v>
      </c>
      <c r="G533" s="8">
        <v>1</v>
      </c>
      <c r="H533" s="8">
        <v>1</v>
      </c>
      <c r="I533" s="8">
        <v>0</v>
      </c>
      <c r="J533" s="8">
        <v>1</v>
      </c>
      <c r="K533" s="9">
        <v>40.51</v>
      </c>
      <c r="L533" s="6" t="s">
        <v>51</v>
      </c>
    </row>
    <row r="534" spans="1:12">
      <c r="A534" s="6" t="s">
        <v>49</v>
      </c>
      <c r="B534" s="6"/>
      <c r="C534" s="6" t="s">
        <v>548</v>
      </c>
      <c r="D534" s="6"/>
      <c r="E534" s="6" t="s">
        <v>9</v>
      </c>
      <c r="F534" s="7">
        <v>38657</v>
      </c>
      <c r="G534" s="8">
        <v>1</v>
      </c>
      <c r="H534" s="8">
        <v>1</v>
      </c>
      <c r="I534" s="8">
        <v>0</v>
      </c>
      <c r="J534" s="8">
        <v>1</v>
      </c>
      <c r="K534" s="9">
        <v>1957</v>
      </c>
      <c r="L534" s="6" t="s">
        <v>51</v>
      </c>
    </row>
    <row r="535" spans="1:12">
      <c r="A535" s="6" t="s">
        <v>49</v>
      </c>
      <c r="B535" s="6"/>
      <c r="C535" s="6" t="s">
        <v>549</v>
      </c>
      <c r="D535" s="6"/>
      <c r="E535" s="6" t="s">
        <v>9</v>
      </c>
      <c r="F535" s="7">
        <v>38657</v>
      </c>
      <c r="G535" s="8">
        <v>1</v>
      </c>
      <c r="H535" s="8">
        <v>1</v>
      </c>
      <c r="I535" s="8">
        <v>0</v>
      </c>
      <c r="J535" s="8">
        <v>1</v>
      </c>
      <c r="K535" s="9">
        <v>49</v>
      </c>
      <c r="L535" s="6" t="s">
        <v>51</v>
      </c>
    </row>
    <row r="536" spans="1:12">
      <c r="A536" s="6" t="s">
        <v>49</v>
      </c>
      <c r="B536" s="6"/>
      <c r="C536" s="6" t="s">
        <v>550</v>
      </c>
      <c r="D536" s="6"/>
      <c r="E536" s="6" t="s">
        <v>9</v>
      </c>
      <c r="F536" s="7">
        <v>38657</v>
      </c>
      <c r="G536" s="8">
        <v>1</v>
      </c>
      <c r="H536" s="8">
        <v>1</v>
      </c>
      <c r="I536" s="8">
        <v>0</v>
      </c>
      <c r="J536" s="8">
        <v>1</v>
      </c>
      <c r="K536" s="9">
        <v>55</v>
      </c>
      <c r="L536" s="6" t="s">
        <v>51</v>
      </c>
    </row>
    <row r="537" spans="1:12">
      <c r="A537" s="6" t="s">
        <v>49</v>
      </c>
      <c r="B537" s="6"/>
      <c r="C537" s="6" t="s">
        <v>551</v>
      </c>
      <c r="D537" s="6"/>
      <c r="E537" s="6" t="s">
        <v>9</v>
      </c>
      <c r="F537" s="7">
        <v>38657</v>
      </c>
      <c r="G537" s="8">
        <v>1</v>
      </c>
      <c r="H537" s="8">
        <v>1</v>
      </c>
      <c r="I537" s="8">
        <v>0</v>
      </c>
      <c r="J537" s="8">
        <v>1</v>
      </c>
      <c r="K537" s="9">
        <v>54</v>
      </c>
      <c r="L537" s="6" t="s">
        <v>51</v>
      </c>
    </row>
    <row r="538" spans="1:12">
      <c r="A538" s="6" t="s">
        <v>49</v>
      </c>
      <c r="B538" s="6"/>
      <c r="C538" s="6" t="s">
        <v>552</v>
      </c>
      <c r="D538" s="6"/>
      <c r="E538" s="6" t="s">
        <v>9</v>
      </c>
      <c r="F538" s="7">
        <v>38657</v>
      </c>
      <c r="G538" s="8">
        <v>1</v>
      </c>
      <c r="H538" s="8">
        <v>1</v>
      </c>
      <c r="I538" s="8">
        <v>0</v>
      </c>
      <c r="J538" s="8">
        <v>1</v>
      </c>
      <c r="K538" s="9">
        <v>23</v>
      </c>
      <c r="L538" s="6" t="s">
        <v>51</v>
      </c>
    </row>
    <row r="539" spans="1:12">
      <c r="A539" s="6" t="s">
        <v>49</v>
      </c>
      <c r="B539" s="6"/>
      <c r="C539" s="6" t="s">
        <v>553</v>
      </c>
      <c r="D539" s="6"/>
      <c r="E539" s="6" t="s">
        <v>9</v>
      </c>
      <c r="F539" s="7">
        <v>38657</v>
      </c>
      <c r="G539" s="8">
        <v>1</v>
      </c>
      <c r="H539" s="8">
        <v>1</v>
      </c>
      <c r="I539" s="8">
        <v>0</v>
      </c>
      <c r="J539" s="8">
        <v>1</v>
      </c>
      <c r="K539" s="9">
        <v>22</v>
      </c>
      <c r="L539" s="6" t="s">
        <v>51</v>
      </c>
    </row>
    <row r="540" spans="1:12">
      <c r="A540" s="6" t="s">
        <v>49</v>
      </c>
      <c r="B540" s="6"/>
      <c r="C540" s="6" t="s">
        <v>554</v>
      </c>
      <c r="D540" s="6"/>
      <c r="E540" s="6" t="s">
        <v>9</v>
      </c>
      <c r="F540" s="7">
        <v>38657</v>
      </c>
      <c r="G540" s="8">
        <v>1</v>
      </c>
      <c r="H540" s="8">
        <v>1</v>
      </c>
      <c r="I540" s="8">
        <v>0</v>
      </c>
      <c r="J540" s="8">
        <v>1</v>
      </c>
      <c r="K540" s="9">
        <v>4.2</v>
      </c>
      <c r="L540" s="6" t="s">
        <v>51</v>
      </c>
    </row>
    <row r="541" spans="1:12">
      <c r="A541" s="6" t="s">
        <v>49</v>
      </c>
      <c r="B541" s="6"/>
      <c r="C541" s="6" t="s">
        <v>555</v>
      </c>
      <c r="D541" s="6"/>
      <c r="E541" s="6" t="s">
        <v>9</v>
      </c>
      <c r="F541" s="7">
        <v>38657</v>
      </c>
      <c r="G541" s="8">
        <v>1</v>
      </c>
      <c r="H541" s="8">
        <v>1</v>
      </c>
      <c r="I541" s="8">
        <v>0</v>
      </c>
      <c r="J541" s="8">
        <v>1</v>
      </c>
      <c r="K541" s="9">
        <v>45</v>
      </c>
      <c r="L541" s="6" t="s">
        <v>51</v>
      </c>
    </row>
    <row r="542" spans="1:12">
      <c r="A542" s="6" t="s">
        <v>49</v>
      </c>
      <c r="B542" s="6"/>
      <c r="C542" s="6" t="s">
        <v>556</v>
      </c>
      <c r="D542" s="6"/>
      <c r="E542" s="6" t="s">
        <v>9</v>
      </c>
      <c r="F542" s="7">
        <v>38657</v>
      </c>
      <c r="G542" s="8">
        <v>1</v>
      </c>
      <c r="H542" s="8">
        <v>1</v>
      </c>
      <c r="I542" s="8">
        <v>0</v>
      </c>
      <c r="J542" s="8">
        <v>1</v>
      </c>
      <c r="K542" s="9">
        <v>3.95</v>
      </c>
      <c r="L542" s="6" t="s">
        <v>51</v>
      </c>
    </row>
    <row r="543" spans="1:12">
      <c r="A543" s="6" t="s">
        <v>49</v>
      </c>
      <c r="B543" s="6"/>
      <c r="C543" s="6" t="s">
        <v>557</v>
      </c>
      <c r="D543" s="6"/>
      <c r="E543" s="6" t="s">
        <v>9</v>
      </c>
      <c r="F543" s="7">
        <v>38657</v>
      </c>
      <c r="G543" s="8">
        <v>1</v>
      </c>
      <c r="H543" s="8">
        <v>1</v>
      </c>
      <c r="I543" s="8">
        <v>0</v>
      </c>
      <c r="J543" s="8">
        <v>1</v>
      </c>
      <c r="K543" s="9">
        <v>44</v>
      </c>
      <c r="L543" s="6" t="s">
        <v>51</v>
      </c>
    </row>
    <row r="544" spans="1:12">
      <c r="A544" s="6" t="s">
        <v>49</v>
      </c>
      <c r="B544" s="6"/>
      <c r="C544" s="6" t="s">
        <v>558</v>
      </c>
      <c r="D544" s="6"/>
      <c r="E544" s="6" t="s">
        <v>9</v>
      </c>
      <c r="F544" s="7">
        <v>38657</v>
      </c>
      <c r="G544" s="8">
        <v>1</v>
      </c>
      <c r="H544" s="8">
        <v>1</v>
      </c>
      <c r="I544" s="8">
        <v>0</v>
      </c>
      <c r="J544" s="8">
        <v>1</v>
      </c>
      <c r="K544" s="9">
        <v>7.52</v>
      </c>
      <c r="L544" s="6" t="s">
        <v>51</v>
      </c>
    </row>
    <row r="545" spans="1:12">
      <c r="A545" s="6" t="s">
        <v>49</v>
      </c>
      <c r="B545" s="6"/>
      <c r="C545" s="6" t="s">
        <v>559</v>
      </c>
      <c r="D545" s="6"/>
      <c r="E545" s="6" t="s">
        <v>9</v>
      </c>
      <c r="F545" s="7">
        <v>38657</v>
      </c>
      <c r="G545" s="8">
        <v>1</v>
      </c>
      <c r="H545" s="8">
        <v>1</v>
      </c>
      <c r="I545" s="8">
        <v>0</v>
      </c>
      <c r="J545" s="8">
        <v>1</v>
      </c>
      <c r="K545" s="9">
        <v>938</v>
      </c>
      <c r="L545" s="6" t="s">
        <v>51</v>
      </c>
    </row>
    <row r="546" spans="1:12">
      <c r="A546" s="6" t="s">
        <v>49</v>
      </c>
      <c r="B546" s="6"/>
      <c r="C546" s="6" t="s">
        <v>560</v>
      </c>
      <c r="D546" s="6"/>
      <c r="E546" s="6" t="s">
        <v>9</v>
      </c>
      <c r="F546" s="7">
        <v>38657</v>
      </c>
      <c r="G546" s="8">
        <v>1</v>
      </c>
      <c r="H546" s="8">
        <v>1</v>
      </c>
      <c r="I546" s="8">
        <v>0</v>
      </c>
      <c r="J546" s="8">
        <v>1</v>
      </c>
      <c r="K546" s="9">
        <v>2.11</v>
      </c>
      <c r="L546" s="6" t="s">
        <v>51</v>
      </c>
    </row>
    <row r="547" spans="1:12">
      <c r="A547" s="6" t="s">
        <v>49</v>
      </c>
      <c r="B547" s="6"/>
      <c r="C547" s="6" t="s">
        <v>561</v>
      </c>
      <c r="D547" s="6"/>
      <c r="E547" s="6" t="s">
        <v>9</v>
      </c>
      <c r="F547" s="7">
        <v>38657</v>
      </c>
      <c r="G547" s="8">
        <v>1</v>
      </c>
      <c r="H547" s="8">
        <v>1</v>
      </c>
      <c r="I547" s="8">
        <v>0</v>
      </c>
      <c r="J547" s="8">
        <v>1</v>
      </c>
      <c r="K547" s="9">
        <v>40.19</v>
      </c>
      <c r="L547" s="6" t="s">
        <v>51</v>
      </c>
    </row>
    <row r="548" spans="1:12">
      <c r="A548" s="6" t="s">
        <v>49</v>
      </c>
      <c r="B548" s="6"/>
      <c r="C548" s="6" t="s">
        <v>562</v>
      </c>
      <c r="D548" s="6"/>
      <c r="E548" s="6" t="s">
        <v>9</v>
      </c>
      <c r="F548" s="7">
        <v>38657</v>
      </c>
      <c r="G548" s="8">
        <v>1</v>
      </c>
      <c r="H548" s="8">
        <v>1</v>
      </c>
      <c r="I548" s="8">
        <v>0</v>
      </c>
      <c r="J548" s="8">
        <v>1</v>
      </c>
      <c r="K548" s="9">
        <v>52</v>
      </c>
      <c r="L548" s="6" t="s">
        <v>51</v>
      </c>
    </row>
    <row r="549" spans="1:12">
      <c r="A549" s="6" t="s">
        <v>49</v>
      </c>
      <c r="B549" s="6"/>
      <c r="C549" s="6" t="s">
        <v>563</v>
      </c>
      <c r="D549" s="6"/>
      <c r="E549" s="6" t="s">
        <v>9</v>
      </c>
      <c r="F549" s="7">
        <v>38657</v>
      </c>
      <c r="G549" s="8">
        <v>1</v>
      </c>
      <c r="H549" s="8">
        <v>1</v>
      </c>
      <c r="I549" s="8">
        <v>0</v>
      </c>
      <c r="J549" s="8">
        <v>1</v>
      </c>
      <c r="K549" s="9">
        <v>11</v>
      </c>
      <c r="L549" s="6" t="s">
        <v>51</v>
      </c>
    </row>
    <row r="550" spans="1:12">
      <c r="A550" s="6" t="s">
        <v>49</v>
      </c>
      <c r="B550" s="6"/>
      <c r="C550" s="6" t="s">
        <v>564</v>
      </c>
      <c r="D550" s="6"/>
      <c r="E550" s="6" t="s">
        <v>9</v>
      </c>
      <c r="F550" s="7">
        <v>38657</v>
      </c>
      <c r="G550" s="8">
        <v>1</v>
      </c>
      <c r="H550" s="8">
        <v>1</v>
      </c>
      <c r="I550" s="8">
        <v>0</v>
      </c>
      <c r="J550" s="8">
        <v>1</v>
      </c>
      <c r="K550" s="9">
        <v>7.56</v>
      </c>
      <c r="L550" s="6" t="s">
        <v>51</v>
      </c>
    </row>
    <row r="551" spans="1:12">
      <c r="A551" s="6" t="s">
        <v>49</v>
      </c>
      <c r="B551" s="6"/>
      <c r="C551" s="6" t="s">
        <v>565</v>
      </c>
      <c r="D551" s="6"/>
      <c r="E551" s="6" t="s">
        <v>9</v>
      </c>
      <c r="F551" s="7">
        <v>38657</v>
      </c>
      <c r="G551" s="8">
        <v>1</v>
      </c>
      <c r="H551" s="8">
        <v>1</v>
      </c>
      <c r="I551" s="8">
        <v>0</v>
      </c>
      <c r="J551" s="8">
        <v>1</v>
      </c>
      <c r="K551" s="9">
        <v>23</v>
      </c>
      <c r="L551" s="6" t="s">
        <v>51</v>
      </c>
    </row>
    <row r="552" spans="1:12">
      <c r="A552" s="6" t="s">
        <v>49</v>
      </c>
      <c r="B552" s="6"/>
      <c r="C552" s="6" t="s">
        <v>566</v>
      </c>
      <c r="D552" s="6"/>
      <c r="E552" s="6" t="s">
        <v>9</v>
      </c>
      <c r="F552" s="7">
        <v>38657</v>
      </c>
      <c r="G552" s="8">
        <v>1</v>
      </c>
      <c r="H552" s="8">
        <v>1</v>
      </c>
      <c r="I552" s="8">
        <v>0</v>
      </c>
      <c r="J552" s="8">
        <v>1</v>
      </c>
      <c r="K552" s="9">
        <v>49</v>
      </c>
      <c r="L552" s="6" t="s">
        <v>51</v>
      </c>
    </row>
    <row r="553" spans="1:12">
      <c r="A553" s="6" t="s">
        <v>49</v>
      </c>
      <c r="B553" s="6"/>
      <c r="C553" s="6" t="s">
        <v>567</v>
      </c>
      <c r="D553" s="6"/>
      <c r="E553" s="6" t="s">
        <v>9</v>
      </c>
      <c r="F553" s="7">
        <v>38657</v>
      </c>
      <c r="G553" s="8">
        <v>1</v>
      </c>
      <c r="H553" s="8">
        <v>1</v>
      </c>
      <c r="I553" s="8">
        <v>0</v>
      </c>
      <c r="J553" s="8">
        <v>1</v>
      </c>
      <c r="K553" s="9">
        <v>50</v>
      </c>
      <c r="L553" s="6" t="s">
        <v>51</v>
      </c>
    </row>
    <row r="554" spans="1:12">
      <c r="A554" s="6" t="s">
        <v>49</v>
      </c>
      <c r="B554" s="6"/>
      <c r="C554" s="6" t="s">
        <v>568</v>
      </c>
      <c r="D554" s="6"/>
      <c r="E554" s="6" t="s">
        <v>9</v>
      </c>
      <c r="F554" s="7">
        <v>38657</v>
      </c>
      <c r="G554" s="8">
        <v>1</v>
      </c>
      <c r="H554" s="8">
        <v>1</v>
      </c>
      <c r="I554" s="8">
        <v>0</v>
      </c>
      <c r="J554" s="8">
        <v>1</v>
      </c>
      <c r="K554" s="9">
        <v>51</v>
      </c>
      <c r="L554" s="6" t="s">
        <v>51</v>
      </c>
    </row>
    <row r="555" spans="1:12">
      <c r="A555" s="6" t="s">
        <v>49</v>
      </c>
      <c r="B555" s="6"/>
      <c r="C555" s="6" t="s">
        <v>569</v>
      </c>
      <c r="D555" s="6"/>
      <c r="E555" s="6" t="s">
        <v>9</v>
      </c>
      <c r="F555" s="7">
        <v>38657</v>
      </c>
      <c r="G555" s="8">
        <v>1</v>
      </c>
      <c r="H555" s="8">
        <v>1</v>
      </c>
      <c r="I555" s="8">
        <v>0</v>
      </c>
      <c r="J555" s="8">
        <v>1</v>
      </c>
      <c r="K555" s="9">
        <v>54</v>
      </c>
      <c r="L555" s="6" t="s">
        <v>51</v>
      </c>
    </row>
    <row r="556" spans="1:12">
      <c r="A556" s="6" t="s">
        <v>49</v>
      </c>
      <c r="B556" s="6"/>
      <c r="C556" s="6" t="s">
        <v>570</v>
      </c>
      <c r="D556" s="6"/>
      <c r="E556" s="6" t="s">
        <v>9</v>
      </c>
      <c r="F556" s="7">
        <v>38657</v>
      </c>
      <c r="G556" s="8">
        <v>1</v>
      </c>
      <c r="H556" s="8">
        <v>1</v>
      </c>
      <c r="I556" s="8">
        <v>0</v>
      </c>
      <c r="J556" s="8">
        <v>1</v>
      </c>
      <c r="K556" s="9">
        <v>448</v>
      </c>
      <c r="L556" s="6" t="s">
        <v>51</v>
      </c>
    </row>
    <row r="557" spans="1:12">
      <c r="A557" s="6" t="s">
        <v>49</v>
      </c>
      <c r="B557" s="6"/>
      <c r="C557" s="6" t="s">
        <v>571</v>
      </c>
      <c r="D557" s="6"/>
      <c r="E557" s="6" t="s">
        <v>9</v>
      </c>
      <c r="F557" s="7">
        <v>38657</v>
      </c>
      <c r="G557" s="8">
        <v>1</v>
      </c>
      <c r="H557" s="8">
        <v>1</v>
      </c>
      <c r="I557" s="8">
        <v>0</v>
      </c>
      <c r="J557" s="8">
        <v>1</v>
      </c>
      <c r="K557" s="9">
        <v>57</v>
      </c>
      <c r="L557" s="6" t="s">
        <v>51</v>
      </c>
    </row>
    <row r="558" spans="1:12">
      <c r="A558" s="6" t="s">
        <v>49</v>
      </c>
      <c r="B558" s="6"/>
      <c r="C558" s="6" t="s">
        <v>572</v>
      </c>
      <c r="D558" s="6"/>
      <c r="E558" s="6" t="s">
        <v>9</v>
      </c>
      <c r="F558" s="7">
        <v>38657</v>
      </c>
      <c r="G558" s="8">
        <v>1</v>
      </c>
      <c r="H558" s="8">
        <v>1</v>
      </c>
      <c r="I558" s="8">
        <v>0</v>
      </c>
      <c r="J558" s="8">
        <v>1</v>
      </c>
      <c r="K558" s="9">
        <v>126</v>
      </c>
      <c r="L558" s="6" t="s">
        <v>51</v>
      </c>
    </row>
    <row r="559" spans="1:12">
      <c r="A559" s="6" t="s">
        <v>49</v>
      </c>
      <c r="B559" s="6"/>
      <c r="C559" s="6" t="s">
        <v>573</v>
      </c>
      <c r="D559" s="6"/>
      <c r="E559" s="6" t="s">
        <v>9</v>
      </c>
      <c r="F559" s="7">
        <v>38657</v>
      </c>
      <c r="G559" s="8">
        <v>1</v>
      </c>
      <c r="H559" s="8">
        <v>1</v>
      </c>
      <c r="I559" s="8">
        <v>0</v>
      </c>
      <c r="J559" s="8">
        <v>1</v>
      </c>
      <c r="K559" s="9">
        <v>130</v>
      </c>
      <c r="L559" s="6" t="s">
        <v>51</v>
      </c>
    </row>
    <row r="560" spans="1:12">
      <c r="A560" s="6" t="s">
        <v>49</v>
      </c>
      <c r="B560" s="6"/>
      <c r="C560" s="6" t="s">
        <v>574</v>
      </c>
      <c r="D560" s="6"/>
      <c r="E560" s="6" t="s">
        <v>9</v>
      </c>
      <c r="F560" s="7">
        <v>38657</v>
      </c>
      <c r="G560" s="8">
        <v>1</v>
      </c>
      <c r="H560" s="8">
        <v>1</v>
      </c>
      <c r="I560" s="8">
        <v>0</v>
      </c>
      <c r="J560" s="8">
        <v>1</v>
      </c>
      <c r="K560" s="9">
        <v>131</v>
      </c>
      <c r="L560" s="6" t="s">
        <v>51</v>
      </c>
    </row>
    <row r="561" spans="1:12">
      <c r="A561" s="6" t="s">
        <v>49</v>
      </c>
      <c r="B561" s="6"/>
      <c r="C561" s="6" t="s">
        <v>575</v>
      </c>
      <c r="D561" s="6"/>
      <c r="E561" s="6" t="s">
        <v>9</v>
      </c>
      <c r="F561" s="7">
        <v>38657</v>
      </c>
      <c r="G561" s="8">
        <v>1</v>
      </c>
      <c r="H561" s="8">
        <v>1</v>
      </c>
      <c r="I561" s="8">
        <v>0</v>
      </c>
      <c r="J561" s="8">
        <v>1</v>
      </c>
      <c r="K561" s="9">
        <v>133</v>
      </c>
      <c r="L561" s="6" t="s">
        <v>51</v>
      </c>
    </row>
    <row r="562" spans="1:12">
      <c r="A562" s="6" t="s">
        <v>49</v>
      </c>
      <c r="B562" s="6"/>
      <c r="C562" s="6" t="s">
        <v>576</v>
      </c>
      <c r="D562" s="6"/>
      <c r="E562" s="6" t="s">
        <v>9</v>
      </c>
      <c r="F562" s="7">
        <v>38657</v>
      </c>
      <c r="G562" s="8">
        <v>1</v>
      </c>
      <c r="H562" s="8">
        <v>1</v>
      </c>
      <c r="I562" s="8">
        <v>0</v>
      </c>
      <c r="J562" s="8">
        <v>1</v>
      </c>
      <c r="K562" s="9">
        <v>134</v>
      </c>
      <c r="L562" s="6" t="s">
        <v>51</v>
      </c>
    </row>
    <row r="563" spans="1:12">
      <c r="A563" s="6" t="s">
        <v>49</v>
      </c>
      <c r="B563" s="6"/>
      <c r="C563" s="6" t="s">
        <v>577</v>
      </c>
      <c r="D563" s="6"/>
      <c r="E563" s="6" t="s">
        <v>9</v>
      </c>
      <c r="F563" s="7">
        <v>38657</v>
      </c>
      <c r="G563" s="8">
        <v>1</v>
      </c>
      <c r="H563" s="8">
        <v>1</v>
      </c>
      <c r="I563" s="8">
        <v>0</v>
      </c>
      <c r="J563" s="8">
        <v>1</v>
      </c>
      <c r="K563" s="9">
        <v>55</v>
      </c>
      <c r="L563" s="6" t="s">
        <v>51</v>
      </c>
    </row>
    <row r="564" spans="1:12">
      <c r="A564" s="6" t="s">
        <v>49</v>
      </c>
      <c r="B564" s="6"/>
      <c r="C564" s="6" t="s">
        <v>578</v>
      </c>
      <c r="D564" s="6"/>
      <c r="E564" s="6" t="s">
        <v>9</v>
      </c>
      <c r="F564" s="7">
        <v>38657</v>
      </c>
      <c r="G564" s="8">
        <v>1</v>
      </c>
      <c r="H564" s="8">
        <v>1</v>
      </c>
      <c r="I564" s="8">
        <v>0</v>
      </c>
      <c r="J564" s="8">
        <v>1</v>
      </c>
      <c r="K564" s="9">
        <v>21</v>
      </c>
      <c r="L564" s="6" t="s">
        <v>51</v>
      </c>
    </row>
    <row r="565" spans="1:12">
      <c r="A565" s="6" t="s">
        <v>49</v>
      </c>
      <c r="B565" s="6"/>
      <c r="C565" s="6" t="s">
        <v>579</v>
      </c>
      <c r="D565" s="6"/>
      <c r="E565" s="6" t="s">
        <v>9</v>
      </c>
      <c r="F565" s="7">
        <v>38657</v>
      </c>
      <c r="G565" s="8">
        <v>1</v>
      </c>
      <c r="H565" s="8">
        <v>1</v>
      </c>
      <c r="I565" s="8">
        <v>0</v>
      </c>
      <c r="J565" s="8">
        <v>1</v>
      </c>
      <c r="K565" s="9">
        <v>41</v>
      </c>
      <c r="L565" s="6" t="s">
        <v>51</v>
      </c>
    </row>
    <row r="566" spans="1:12">
      <c r="A566" s="6" t="s">
        <v>49</v>
      </c>
      <c r="B566" s="6"/>
      <c r="C566" s="6" t="s">
        <v>580</v>
      </c>
      <c r="D566" s="6"/>
      <c r="E566" s="6" t="s">
        <v>9</v>
      </c>
      <c r="F566" s="7">
        <v>38657</v>
      </c>
      <c r="G566" s="8">
        <v>1</v>
      </c>
      <c r="H566" s="8">
        <v>1</v>
      </c>
      <c r="I566" s="8">
        <v>0</v>
      </c>
      <c r="J566" s="8">
        <v>1</v>
      </c>
      <c r="K566" s="9">
        <v>17</v>
      </c>
      <c r="L566" s="6" t="s">
        <v>51</v>
      </c>
    </row>
    <row r="567" spans="1:12">
      <c r="A567" s="6" t="s">
        <v>49</v>
      </c>
      <c r="B567" s="6"/>
      <c r="C567" s="6" t="s">
        <v>581</v>
      </c>
      <c r="D567" s="6"/>
      <c r="E567" s="6" t="s">
        <v>9</v>
      </c>
      <c r="F567" s="7">
        <v>38657</v>
      </c>
      <c r="G567" s="8">
        <v>1</v>
      </c>
      <c r="H567" s="8">
        <v>1</v>
      </c>
      <c r="I567" s="8">
        <v>0</v>
      </c>
      <c r="J567" s="8">
        <v>1</v>
      </c>
      <c r="K567" s="9">
        <v>906</v>
      </c>
      <c r="L567" s="6" t="s">
        <v>51</v>
      </c>
    </row>
    <row r="568" spans="1:12">
      <c r="A568" s="6" t="s">
        <v>49</v>
      </c>
      <c r="B568" s="6"/>
      <c r="C568" s="6" t="s">
        <v>582</v>
      </c>
      <c r="D568" s="6"/>
      <c r="E568" s="6" t="s">
        <v>9</v>
      </c>
      <c r="F568" s="7">
        <v>38657</v>
      </c>
      <c r="G568" s="8">
        <v>1</v>
      </c>
      <c r="H568" s="8">
        <v>1</v>
      </c>
      <c r="I568" s="8">
        <v>0</v>
      </c>
      <c r="J568" s="8">
        <v>1</v>
      </c>
      <c r="K568" s="9">
        <v>136</v>
      </c>
      <c r="L568" s="6" t="s">
        <v>51</v>
      </c>
    </row>
    <row r="569" spans="1:12">
      <c r="A569" s="6" t="s">
        <v>49</v>
      </c>
      <c r="B569" s="6"/>
      <c r="C569" s="6" t="s">
        <v>583</v>
      </c>
      <c r="D569" s="6"/>
      <c r="E569" s="6" t="s">
        <v>9</v>
      </c>
      <c r="F569" s="7">
        <v>38657</v>
      </c>
      <c r="G569" s="8">
        <v>1</v>
      </c>
      <c r="H569" s="8">
        <v>1</v>
      </c>
      <c r="I569" s="8">
        <v>0</v>
      </c>
      <c r="J569" s="8">
        <v>1</v>
      </c>
      <c r="K569" s="9">
        <v>138</v>
      </c>
      <c r="L569" s="6" t="s">
        <v>51</v>
      </c>
    </row>
    <row r="570" spans="1:12">
      <c r="A570" s="6" t="s">
        <v>49</v>
      </c>
      <c r="B570" s="6"/>
      <c r="C570" s="6" t="s">
        <v>584</v>
      </c>
      <c r="D570" s="6"/>
      <c r="E570" s="6" t="s">
        <v>9</v>
      </c>
      <c r="F570" s="7">
        <v>38657</v>
      </c>
      <c r="G570" s="8">
        <v>1</v>
      </c>
      <c r="H570" s="8">
        <v>1</v>
      </c>
      <c r="I570" s="8">
        <v>0</v>
      </c>
      <c r="J570" s="8">
        <v>1</v>
      </c>
      <c r="K570" s="9">
        <v>119</v>
      </c>
      <c r="L570" s="6" t="s">
        <v>51</v>
      </c>
    </row>
    <row r="571" spans="1:12">
      <c r="A571" s="6" t="s">
        <v>49</v>
      </c>
      <c r="B571" s="6"/>
      <c r="C571" s="6" t="s">
        <v>585</v>
      </c>
      <c r="D571" s="6"/>
      <c r="E571" s="6" t="s">
        <v>9</v>
      </c>
      <c r="F571" s="7">
        <v>38657</v>
      </c>
      <c r="G571" s="8">
        <v>1</v>
      </c>
      <c r="H571" s="8">
        <v>1</v>
      </c>
      <c r="I571" s="8">
        <v>0</v>
      </c>
      <c r="J571" s="8">
        <v>1</v>
      </c>
      <c r="K571" s="9">
        <v>111</v>
      </c>
      <c r="L571" s="6" t="s">
        <v>51</v>
      </c>
    </row>
    <row r="572" spans="1:12">
      <c r="A572" s="6" t="s">
        <v>49</v>
      </c>
      <c r="B572" s="6"/>
      <c r="C572" s="6" t="s">
        <v>586</v>
      </c>
      <c r="D572" s="6"/>
      <c r="E572" s="6" t="s">
        <v>9</v>
      </c>
      <c r="F572" s="7">
        <v>38657</v>
      </c>
      <c r="G572" s="8">
        <v>1</v>
      </c>
      <c r="H572" s="8">
        <v>1</v>
      </c>
      <c r="I572" s="8">
        <v>0</v>
      </c>
      <c r="J572" s="8">
        <v>1</v>
      </c>
      <c r="K572" s="9">
        <v>101</v>
      </c>
      <c r="L572" s="6" t="s">
        <v>51</v>
      </c>
    </row>
    <row r="573" spans="1:12">
      <c r="A573" s="6" t="s">
        <v>49</v>
      </c>
      <c r="B573" s="6"/>
      <c r="C573" s="6" t="s">
        <v>587</v>
      </c>
      <c r="D573" s="6"/>
      <c r="E573" s="6" t="s">
        <v>9</v>
      </c>
      <c r="F573" s="7">
        <v>38657</v>
      </c>
      <c r="G573" s="8">
        <v>1</v>
      </c>
      <c r="H573" s="8">
        <v>1</v>
      </c>
      <c r="I573" s="8">
        <v>0</v>
      </c>
      <c r="J573" s="8">
        <v>1</v>
      </c>
      <c r="K573" s="9">
        <v>74</v>
      </c>
      <c r="L573" s="6" t="s">
        <v>51</v>
      </c>
    </row>
    <row r="574" spans="1:12">
      <c r="A574" s="6" t="s">
        <v>49</v>
      </c>
      <c r="B574" s="6"/>
      <c r="C574" s="6" t="s">
        <v>588</v>
      </c>
      <c r="D574" s="6"/>
      <c r="E574" s="6" t="s">
        <v>9</v>
      </c>
      <c r="F574" s="7">
        <v>38657</v>
      </c>
      <c r="G574" s="8">
        <v>1</v>
      </c>
      <c r="H574" s="8">
        <v>1</v>
      </c>
      <c r="I574" s="8">
        <v>0</v>
      </c>
      <c r="J574" s="8">
        <v>1</v>
      </c>
      <c r="K574" s="9">
        <v>92</v>
      </c>
      <c r="L574" s="6" t="s">
        <v>51</v>
      </c>
    </row>
    <row r="575" spans="1:12">
      <c r="A575" s="6" t="s">
        <v>49</v>
      </c>
      <c r="B575" s="6"/>
      <c r="C575" s="6" t="s">
        <v>589</v>
      </c>
      <c r="D575" s="6"/>
      <c r="E575" s="6" t="s">
        <v>9</v>
      </c>
      <c r="F575" s="7">
        <v>38657</v>
      </c>
      <c r="G575" s="8">
        <v>1</v>
      </c>
      <c r="H575" s="8">
        <v>1</v>
      </c>
      <c r="I575" s="8">
        <v>0</v>
      </c>
      <c r="J575" s="8">
        <v>1</v>
      </c>
      <c r="K575" s="9">
        <v>52</v>
      </c>
      <c r="L575" s="6" t="s">
        <v>51</v>
      </c>
    </row>
    <row r="576" spans="1:12">
      <c r="A576" s="6" t="s">
        <v>49</v>
      </c>
      <c r="B576" s="6"/>
      <c r="C576" s="6" t="s">
        <v>590</v>
      </c>
      <c r="D576" s="6"/>
      <c r="E576" s="6" t="s">
        <v>9</v>
      </c>
      <c r="F576" s="7">
        <v>38657</v>
      </c>
      <c r="G576" s="8">
        <v>1</v>
      </c>
      <c r="H576" s="8">
        <v>1</v>
      </c>
      <c r="I576" s="8">
        <v>0</v>
      </c>
      <c r="J576" s="8">
        <v>1</v>
      </c>
      <c r="K576" s="9">
        <v>17</v>
      </c>
      <c r="L576" s="6" t="s">
        <v>51</v>
      </c>
    </row>
    <row r="577" spans="1:12">
      <c r="A577" s="6" t="s">
        <v>49</v>
      </c>
      <c r="B577" s="6"/>
      <c r="C577" s="6" t="s">
        <v>591</v>
      </c>
      <c r="D577" s="6"/>
      <c r="E577" s="6" t="s">
        <v>9</v>
      </c>
      <c r="F577" s="7">
        <v>38657</v>
      </c>
      <c r="G577" s="8">
        <v>1</v>
      </c>
      <c r="H577" s="8">
        <v>1</v>
      </c>
      <c r="I577" s="8">
        <v>0</v>
      </c>
      <c r="J577" s="8">
        <v>1</v>
      </c>
      <c r="K577" s="9">
        <v>57</v>
      </c>
      <c r="L577" s="6" t="s">
        <v>51</v>
      </c>
    </row>
    <row r="578" spans="1:12">
      <c r="A578" s="6" t="s">
        <v>49</v>
      </c>
      <c r="B578" s="6"/>
      <c r="C578" s="6" t="s">
        <v>592</v>
      </c>
      <c r="D578" s="6"/>
      <c r="E578" s="6" t="s">
        <v>9</v>
      </c>
      <c r="F578" s="7">
        <v>38657</v>
      </c>
      <c r="G578" s="8">
        <v>1</v>
      </c>
      <c r="H578" s="8">
        <v>1</v>
      </c>
      <c r="I578" s="8">
        <v>0</v>
      </c>
      <c r="J578" s="8">
        <v>1</v>
      </c>
      <c r="K578" s="9">
        <v>17</v>
      </c>
      <c r="L578" s="6" t="s">
        <v>51</v>
      </c>
    </row>
    <row r="579" spans="1:12">
      <c r="A579" s="6" t="s">
        <v>49</v>
      </c>
      <c r="B579" s="6"/>
      <c r="C579" s="6" t="s">
        <v>593</v>
      </c>
      <c r="D579" s="6"/>
      <c r="E579" s="6" t="s">
        <v>9</v>
      </c>
      <c r="F579" s="7">
        <v>38657</v>
      </c>
      <c r="G579" s="8">
        <v>1</v>
      </c>
      <c r="H579" s="8">
        <v>1</v>
      </c>
      <c r="I579" s="8">
        <v>0</v>
      </c>
      <c r="J579" s="8">
        <v>1</v>
      </c>
      <c r="K579" s="9">
        <v>440</v>
      </c>
      <c r="L579" s="6" t="s">
        <v>51</v>
      </c>
    </row>
    <row r="580" spans="1:12">
      <c r="A580" s="6" t="s">
        <v>49</v>
      </c>
      <c r="B580" s="6"/>
      <c r="C580" s="6" t="s">
        <v>594</v>
      </c>
      <c r="D580" s="6"/>
      <c r="E580" s="6" t="s">
        <v>9</v>
      </c>
      <c r="F580" s="7">
        <v>38657</v>
      </c>
      <c r="G580" s="8">
        <v>1</v>
      </c>
      <c r="H580" s="8">
        <v>1</v>
      </c>
      <c r="I580" s="8">
        <v>0</v>
      </c>
      <c r="J580" s="8">
        <v>1</v>
      </c>
      <c r="K580" s="9">
        <v>125</v>
      </c>
      <c r="L580" s="6" t="s">
        <v>51</v>
      </c>
    </row>
    <row r="581" spans="1:12">
      <c r="A581" s="6" t="s">
        <v>49</v>
      </c>
      <c r="B581" s="6"/>
      <c r="C581" s="6" t="s">
        <v>595</v>
      </c>
      <c r="D581" s="6"/>
      <c r="E581" s="6" t="s">
        <v>9</v>
      </c>
      <c r="F581" s="7">
        <v>38657</v>
      </c>
      <c r="G581" s="8">
        <v>1</v>
      </c>
      <c r="H581" s="8">
        <v>1</v>
      </c>
      <c r="I581" s="8">
        <v>0</v>
      </c>
      <c r="J581" s="8">
        <v>1</v>
      </c>
      <c r="K581" s="9">
        <v>109</v>
      </c>
      <c r="L581" s="6" t="s">
        <v>51</v>
      </c>
    </row>
    <row r="582" spans="1:12">
      <c r="A582" s="6" t="s">
        <v>49</v>
      </c>
      <c r="B582" s="6"/>
      <c r="C582" s="6" t="s">
        <v>596</v>
      </c>
      <c r="D582" s="6"/>
      <c r="E582" s="6" t="s">
        <v>9</v>
      </c>
      <c r="F582" s="7">
        <v>38657</v>
      </c>
      <c r="G582" s="8">
        <v>1</v>
      </c>
      <c r="H582" s="8">
        <v>1</v>
      </c>
      <c r="I582" s="8">
        <v>0</v>
      </c>
      <c r="J582" s="8">
        <v>1</v>
      </c>
      <c r="K582" s="9">
        <v>95</v>
      </c>
      <c r="L582" s="6" t="s">
        <v>51</v>
      </c>
    </row>
    <row r="583" spans="1:12">
      <c r="A583" s="6" t="s">
        <v>49</v>
      </c>
      <c r="B583" s="6"/>
      <c r="C583" s="6" t="s">
        <v>597</v>
      </c>
      <c r="D583" s="6"/>
      <c r="E583" s="6" t="s">
        <v>9</v>
      </c>
      <c r="F583" s="7">
        <v>38657</v>
      </c>
      <c r="G583" s="8">
        <v>1</v>
      </c>
      <c r="H583" s="8">
        <v>1</v>
      </c>
      <c r="I583" s="8">
        <v>0</v>
      </c>
      <c r="J583" s="8">
        <v>1</v>
      </c>
      <c r="K583" s="9">
        <v>83</v>
      </c>
      <c r="L583" s="6" t="s">
        <v>51</v>
      </c>
    </row>
    <row r="584" spans="1:12">
      <c r="A584" s="6" t="s">
        <v>49</v>
      </c>
      <c r="B584" s="6"/>
      <c r="C584" s="6" t="s">
        <v>598</v>
      </c>
      <c r="D584" s="6"/>
      <c r="E584" s="6" t="s">
        <v>9</v>
      </c>
      <c r="F584" s="7">
        <v>38657</v>
      </c>
      <c r="G584" s="8">
        <v>1</v>
      </c>
      <c r="H584" s="8">
        <v>1</v>
      </c>
      <c r="I584" s="8">
        <v>0</v>
      </c>
      <c r="J584" s="8">
        <v>1</v>
      </c>
      <c r="K584" s="9">
        <v>73</v>
      </c>
      <c r="L584" s="6" t="s">
        <v>51</v>
      </c>
    </row>
    <row r="585" spans="1:12">
      <c r="A585" s="6" t="s">
        <v>49</v>
      </c>
      <c r="B585" s="6"/>
      <c r="C585" s="6" t="s">
        <v>599</v>
      </c>
      <c r="D585" s="6"/>
      <c r="E585" s="6" t="s">
        <v>9</v>
      </c>
      <c r="F585" s="7">
        <v>38657</v>
      </c>
      <c r="G585" s="8">
        <v>1</v>
      </c>
      <c r="H585" s="8">
        <v>1</v>
      </c>
      <c r="I585" s="8">
        <v>0</v>
      </c>
      <c r="J585" s="8">
        <v>1</v>
      </c>
      <c r="K585" s="9">
        <v>65</v>
      </c>
      <c r="L585" s="6" t="s">
        <v>51</v>
      </c>
    </row>
    <row r="586" spans="1:12">
      <c r="A586" s="6" t="s">
        <v>49</v>
      </c>
      <c r="B586" s="6"/>
      <c r="C586" s="6" t="s">
        <v>600</v>
      </c>
      <c r="D586" s="6"/>
      <c r="E586" s="6" t="s">
        <v>9</v>
      </c>
      <c r="F586" s="7">
        <v>38657</v>
      </c>
      <c r="G586" s="8">
        <v>1</v>
      </c>
      <c r="H586" s="8">
        <v>1</v>
      </c>
      <c r="I586" s="8">
        <v>0</v>
      </c>
      <c r="J586" s="8">
        <v>1</v>
      </c>
      <c r="K586" s="9">
        <v>47</v>
      </c>
      <c r="L586" s="6" t="s">
        <v>51</v>
      </c>
    </row>
    <row r="587" spans="1:12">
      <c r="A587" s="6" t="s">
        <v>49</v>
      </c>
      <c r="B587" s="6"/>
      <c r="C587" s="6" t="s">
        <v>601</v>
      </c>
      <c r="D587" s="6"/>
      <c r="E587" s="6" t="s">
        <v>9</v>
      </c>
      <c r="F587" s="7">
        <v>38657</v>
      </c>
      <c r="G587" s="8">
        <v>1</v>
      </c>
      <c r="H587" s="8">
        <v>1</v>
      </c>
      <c r="I587" s="8">
        <v>0</v>
      </c>
      <c r="J587" s="8">
        <v>1</v>
      </c>
      <c r="K587" s="9">
        <v>336</v>
      </c>
      <c r="L587" s="6" t="s">
        <v>51</v>
      </c>
    </row>
    <row r="588" spans="1:12">
      <c r="A588" s="6" t="s">
        <v>49</v>
      </c>
      <c r="B588" s="6"/>
      <c r="C588" s="6" t="s">
        <v>602</v>
      </c>
      <c r="D588" s="6"/>
      <c r="E588" s="6" t="s">
        <v>9</v>
      </c>
      <c r="F588" s="7">
        <v>38657</v>
      </c>
      <c r="G588" s="8">
        <v>1</v>
      </c>
      <c r="H588" s="8">
        <v>1</v>
      </c>
      <c r="I588" s="8">
        <v>0</v>
      </c>
      <c r="J588" s="8">
        <v>1</v>
      </c>
      <c r="K588" s="9">
        <v>2941</v>
      </c>
      <c r="L588" s="6" t="s">
        <v>51</v>
      </c>
    </row>
    <row r="589" spans="1:12">
      <c r="A589" s="6" t="s">
        <v>49</v>
      </c>
      <c r="B589" s="6"/>
      <c r="C589" s="6" t="s">
        <v>603</v>
      </c>
      <c r="D589" s="6"/>
      <c r="E589" s="6" t="s">
        <v>9</v>
      </c>
      <c r="F589" s="7">
        <v>38657</v>
      </c>
      <c r="G589" s="8">
        <v>1</v>
      </c>
      <c r="H589" s="8">
        <v>1</v>
      </c>
      <c r="I589" s="8">
        <v>0</v>
      </c>
      <c r="J589" s="8">
        <v>1</v>
      </c>
      <c r="K589" s="9">
        <v>2754</v>
      </c>
      <c r="L589" s="6" t="s">
        <v>51</v>
      </c>
    </row>
    <row r="590" spans="1:12">
      <c r="A590" s="6" t="s">
        <v>49</v>
      </c>
      <c r="B590" s="6"/>
      <c r="C590" s="6" t="s">
        <v>604</v>
      </c>
      <c r="D590" s="6"/>
      <c r="E590" s="6" t="s">
        <v>9</v>
      </c>
      <c r="F590" s="7">
        <v>38657</v>
      </c>
      <c r="G590" s="8">
        <v>1</v>
      </c>
      <c r="H590" s="8">
        <v>1</v>
      </c>
      <c r="I590" s="8">
        <v>0</v>
      </c>
      <c r="J590" s="8">
        <v>1</v>
      </c>
      <c r="K590" s="9">
        <v>2564</v>
      </c>
      <c r="L590" s="6" t="s">
        <v>51</v>
      </c>
    </row>
    <row r="591" spans="1:12">
      <c r="A591" s="6" t="s">
        <v>49</v>
      </c>
      <c r="B591" s="6"/>
      <c r="C591" s="6" t="s">
        <v>605</v>
      </c>
      <c r="D591" s="6"/>
      <c r="E591" s="6" t="s">
        <v>9</v>
      </c>
      <c r="F591" s="7">
        <v>38657</v>
      </c>
      <c r="G591" s="8">
        <v>1</v>
      </c>
      <c r="H591" s="8">
        <v>1</v>
      </c>
      <c r="I591" s="8">
        <v>0</v>
      </c>
      <c r="J591" s="8">
        <v>1</v>
      </c>
      <c r="K591" s="9">
        <v>57</v>
      </c>
      <c r="L591" s="6" t="s">
        <v>51</v>
      </c>
    </row>
    <row r="592" spans="1:12">
      <c r="A592" s="6" t="s">
        <v>49</v>
      </c>
      <c r="B592" s="6"/>
      <c r="C592" s="6" t="s">
        <v>606</v>
      </c>
      <c r="D592" s="6"/>
      <c r="E592" s="6" t="s">
        <v>9</v>
      </c>
      <c r="F592" s="7">
        <v>38657</v>
      </c>
      <c r="G592" s="8">
        <v>1</v>
      </c>
      <c r="H592" s="8">
        <v>1</v>
      </c>
      <c r="I592" s="8">
        <v>0</v>
      </c>
      <c r="J592" s="8">
        <v>1</v>
      </c>
      <c r="K592" s="9">
        <v>53</v>
      </c>
      <c r="L592" s="6" t="s">
        <v>51</v>
      </c>
    </row>
    <row r="593" spans="1:12">
      <c r="A593" s="6" t="s">
        <v>49</v>
      </c>
      <c r="B593" s="6"/>
      <c r="C593" s="6" t="s">
        <v>607</v>
      </c>
      <c r="D593" s="6"/>
      <c r="E593" s="6" t="s">
        <v>9</v>
      </c>
      <c r="F593" s="7">
        <v>38657</v>
      </c>
      <c r="G593" s="8">
        <v>1</v>
      </c>
      <c r="H593" s="8">
        <v>1</v>
      </c>
      <c r="I593" s="8">
        <v>0</v>
      </c>
      <c r="J593" s="8">
        <v>1</v>
      </c>
      <c r="K593" s="9">
        <v>50</v>
      </c>
      <c r="L593" s="6" t="s">
        <v>51</v>
      </c>
    </row>
    <row r="594" spans="1:12">
      <c r="A594" s="6" t="s">
        <v>49</v>
      </c>
      <c r="B594" s="6"/>
      <c r="C594" s="6" t="s">
        <v>608</v>
      </c>
      <c r="D594" s="6"/>
      <c r="E594" s="6" t="s">
        <v>9</v>
      </c>
      <c r="F594" s="7">
        <v>38657</v>
      </c>
      <c r="G594" s="8">
        <v>1</v>
      </c>
      <c r="H594" s="8">
        <v>1</v>
      </c>
      <c r="I594" s="8">
        <v>0</v>
      </c>
      <c r="J594" s="8">
        <v>1</v>
      </c>
      <c r="K594" s="9">
        <v>52</v>
      </c>
      <c r="L594" s="6" t="s">
        <v>51</v>
      </c>
    </row>
    <row r="595" spans="1:12">
      <c r="A595" s="6" t="s">
        <v>49</v>
      </c>
      <c r="B595" s="6"/>
      <c r="C595" s="6" t="s">
        <v>609</v>
      </c>
      <c r="D595" s="6"/>
      <c r="E595" s="6" t="s">
        <v>9</v>
      </c>
      <c r="F595" s="7">
        <v>38657</v>
      </c>
      <c r="G595" s="8">
        <v>1</v>
      </c>
      <c r="H595" s="8">
        <v>1</v>
      </c>
      <c r="I595" s="8">
        <v>0</v>
      </c>
      <c r="J595" s="8">
        <v>1</v>
      </c>
      <c r="K595" s="9">
        <v>57</v>
      </c>
      <c r="L595" s="6" t="s">
        <v>51</v>
      </c>
    </row>
    <row r="596" spans="1:12">
      <c r="A596" s="6" t="s">
        <v>49</v>
      </c>
      <c r="B596" s="6"/>
      <c r="C596" s="6" t="s">
        <v>610</v>
      </c>
      <c r="D596" s="6"/>
      <c r="E596" s="6" t="s">
        <v>9</v>
      </c>
      <c r="F596" s="7">
        <v>38657</v>
      </c>
      <c r="G596" s="8">
        <v>1</v>
      </c>
      <c r="H596" s="8">
        <v>1</v>
      </c>
      <c r="I596" s="8">
        <v>0</v>
      </c>
      <c r="J596" s="8">
        <v>1</v>
      </c>
      <c r="K596" s="9">
        <v>54</v>
      </c>
      <c r="L596" s="6" t="s">
        <v>51</v>
      </c>
    </row>
    <row r="597" spans="1:12">
      <c r="A597" s="6" t="s">
        <v>49</v>
      </c>
      <c r="B597" s="6"/>
      <c r="C597" s="6" t="s">
        <v>611</v>
      </c>
      <c r="D597" s="6"/>
      <c r="E597" s="6" t="s">
        <v>9</v>
      </c>
      <c r="F597" s="7">
        <v>38657</v>
      </c>
      <c r="G597" s="8">
        <v>1</v>
      </c>
      <c r="H597" s="8">
        <v>1</v>
      </c>
      <c r="I597" s="8">
        <v>0</v>
      </c>
      <c r="J597" s="8">
        <v>1</v>
      </c>
      <c r="K597" s="9">
        <v>8.56</v>
      </c>
      <c r="L597" s="6" t="s">
        <v>51</v>
      </c>
    </row>
    <row r="598" spans="1:12">
      <c r="A598" s="6" t="s">
        <v>49</v>
      </c>
      <c r="B598" s="6"/>
      <c r="C598" s="6" t="s">
        <v>612</v>
      </c>
      <c r="D598" s="6"/>
      <c r="E598" s="6" t="s">
        <v>9</v>
      </c>
      <c r="F598" s="7">
        <v>38657</v>
      </c>
      <c r="G598" s="8">
        <v>1</v>
      </c>
      <c r="H598" s="8">
        <v>1</v>
      </c>
      <c r="I598" s="8">
        <v>0</v>
      </c>
      <c r="J598" s="8">
        <v>1</v>
      </c>
      <c r="K598" s="9">
        <v>59</v>
      </c>
      <c r="L598" s="6" t="s">
        <v>51</v>
      </c>
    </row>
    <row r="599" spans="1:12">
      <c r="A599" s="6" t="s">
        <v>49</v>
      </c>
      <c r="B599" s="6"/>
      <c r="C599" s="6" t="s">
        <v>613</v>
      </c>
      <c r="D599" s="6"/>
      <c r="E599" s="6" t="s">
        <v>9</v>
      </c>
      <c r="F599" s="7">
        <v>38657</v>
      </c>
      <c r="G599" s="8">
        <v>1</v>
      </c>
      <c r="H599" s="8">
        <v>1</v>
      </c>
      <c r="I599" s="8">
        <v>0</v>
      </c>
      <c r="J599" s="8">
        <v>1</v>
      </c>
      <c r="K599" s="9">
        <v>22</v>
      </c>
      <c r="L599" s="6" t="s">
        <v>51</v>
      </c>
    </row>
    <row r="600" spans="1:12">
      <c r="A600" s="6" t="s">
        <v>49</v>
      </c>
      <c r="B600" s="6"/>
      <c r="C600" s="6" t="s">
        <v>614</v>
      </c>
      <c r="D600" s="6"/>
      <c r="E600" s="6" t="s">
        <v>9</v>
      </c>
      <c r="F600" s="7">
        <v>38657</v>
      </c>
      <c r="G600" s="8">
        <v>1</v>
      </c>
      <c r="H600" s="8">
        <v>1</v>
      </c>
      <c r="I600" s="8">
        <v>0</v>
      </c>
      <c r="J600" s="8">
        <v>1</v>
      </c>
      <c r="K600" s="9">
        <v>22</v>
      </c>
      <c r="L600" s="6" t="s">
        <v>51</v>
      </c>
    </row>
    <row r="601" spans="1:12">
      <c r="A601" s="6" t="s">
        <v>49</v>
      </c>
      <c r="B601" s="6"/>
      <c r="C601" s="6" t="s">
        <v>615</v>
      </c>
      <c r="D601" s="6"/>
      <c r="E601" s="6" t="s">
        <v>9</v>
      </c>
      <c r="F601" s="7">
        <v>38657</v>
      </c>
      <c r="G601" s="8">
        <v>1</v>
      </c>
      <c r="H601" s="8">
        <v>1</v>
      </c>
      <c r="I601" s="8">
        <v>0</v>
      </c>
      <c r="J601" s="8">
        <v>1</v>
      </c>
      <c r="K601" s="9">
        <v>511</v>
      </c>
      <c r="L601" s="6" t="s">
        <v>51</v>
      </c>
    </row>
    <row r="602" spans="1:12">
      <c r="A602" s="6" t="s">
        <v>49</v>
      </c>
      <c r="B602" s="6"/>
      <c r="C602" s="6" t="s">
        <v>616</v>
      </c>
      <c r="D602" s="6"/>
      <c r="E602" s="6" t="s">
        <v>9</v>
      </c>
      <c r="F602" s="7">
        <v>38657</v>
      </c>
      <c r="G602" s="8">
        <v>1</v>
      </c>
      <c r="H602" s="8">
        <v>1</v>
      </c>
      <c r="I602" s="8">
        <v>0</v>
      </c>
      <c r="J602" s="8">
        <v>1</v>
      </c>
      <c r="K602" s="9">
        <v>1.94</v>
      </c>
      <c r="L602" s="6" t="s">
        <v>51</v>
      </c>
    </row>
    <row r="603" spans="1:12">
      <c r="A603" s="6" t="s">
        <v>49</v>
      </c>
      <c r="B603" s="6"/>
      <c r="C603" s="6" t="s">
        <v>617</v>
      </c>
      <c r="D603" s="6"/>
      <c r="E603" s="6" t="s">
        <v>9</v>
      </c>
      <c r="F603" s="7">
        <v>38657</v>
      </c>
      <c r="G603" s="8">
        <v>1</v>
      </c>
      <c r="H603" s="8">
        <v>1</v>
      </c>
      <c r="I603" s="8">
        <v>0</v>
      </c>
      <c r="J603" s="8">
        <v>1</v>
      </c>
      <c r="K603" s="9">
        <v>11</v>
      </c>
      <c r="L603" s="6" t="s">
        <v>51</v>
      </c>
    </row>
    <row r="604" spans="1:12">
      <c r="A604" s="6" t="s">
        <v>49</v>
      </c>
      <c r="B604" s="6"/>
      <c r="C604" s="6" t="s">
        <v>618</v>
      </c>
      <c r="D604" s="6"/>
      <c r="E604" s="6" t="s">
        <v>9</v>
      </c>
      <c r="F604" s="7">
        <v>38657</v>
      </c>
      <c r="G604" s="8">
        <v>1</v>
      </c>
      <c r="H604" s="8">
        <v>1</v>
      </c>
      <c r="I604" s="8">
        <v>0</v>
      </c>
      <c r="J604" s="8">
        <v>1</v>
      </c>
      <c r="K604" s="9">
        <v>60</v>
      </c>
      <c r="L604" s="6" t="s">
        <v>51</v>
      </c>
    </row>
    <row r="605" spans="1:12">
      <c r="A605" s="6" t="s">
        <v>49</v>
      </c>
      <c r="B605" s="6"/>
      <c r="C605" s="6" t="s">
        <v>619</v>
      </c>
      <c r="D605" s="6"/>
      <c r="E605" s="6" t="s">
        <v>9</v>
      </c>
      <c r="F605" s="7">
        <v>38657</v>
      </c>
      <c r="G605" s="8">
        <v>1</v>
      </c>
      <c r="H605" s="8">
        <v>1</v>
      </c>
      <c r="I605" s="8">
        <v>0</v>
      </c>
      <c r="J605" s="8">
        <v>1</v>
      </c>
      <c r="K605" s="9">
        <v>67</v>
      </c>
      <c r="L605" s="6" t="s">
        <v>51</v>
      </c>
    </row>
    <row r="606" spans="1:12">
      <c r="A606" s="6" t="s">
        <v>49</v>
      </c>
      <c r="B606" s="6"/>
      <c r="C606" s="6" t="s">
        <v>620</v>
      </c>
      <c r="D606" s="6"/>
      <c r="E606" s="6" t="s">
        <v>9</v>
      </c>
      <c r="F606" s="7">
        <v>38657</v>
      </c>
      <c r="G606" s="8">
        <v>1</v>
      </c>
      <c r="H606" s="8">
        <v>1</v>
      </c>
      <c r="I606" s="8">
        <v>0</v>
      </c>
      <c r="J606" s="8">
        <v>1</v>
      </c>
      <c r="K606" s="9">
        <v>6.29</v>
      </c>
      <c r="L606" s="6" t="s">
        <v>51</v>
      </c>
    </row>
    <row r="607" spans="1:12">
      <c r="A607" s="6" t="s">
        <v>49</v>
      </c>
      <c r="B607" s="6"/>
      <c r="C607" s="6" t="s">
        <v>621</v>
      </c>
      <c r="D607" s="6"/>
      <c r="E607" s="6" t="s">
        <v>9</v>
      </c>
      <c r="F607" s="7">
        <v>38657</v>
      </c>
      <c r="G607" s="8">
        <v>1</v>
      </c>
      <c r="H607" s="8">
        <v>1</v>
      </c>
      <c r="I607" s="8">
        <v>0</v>
      </c>
      <c r="J607" s="8">
        <v>1</v>
      </c>
      <c r="K607" s="9">
        <v>22</v>
      </c>
      <c r="L607" s="6" t="s">
        <v>51</v>
      </c>
    </row>
    <row r="608" spans="1:12">
      <c r="A608" s="6" t="s">
        <v>49</v>
      </c>
      <c r="B608" s="6"/>
      <c r="C608" s="6" t="s">
        <v>622</v>
      </c>
      <c r="D608" s="6"/>
      <c r="E608" s="6" t="s">
        <v>9</v>
      </c>
      <c r="F608" s="7">
        <v>38657</v>
      </c>
      <c r="G608" s="8">
        <v>1</v>
      </c>
      <c r="H608" s="8">
        <v>1</v>
      </c>
      <c r="I608" s="8">
        <v>0</v>
      </c>
      <c r="J608" s="8">
        <v>1</v>
      </c>
      <c r="K608" s="9">
        <v>172</v>
      </c>
      <c r="L608" s="6" t="s">
        <v>51</v>
      </c>
    </row>
    <row r="609" spans="1:12">
      <c r="A609" s="6" t="s">
        <v>49</v>
      </c>
      <c r="B609" s="6"/>
      <c r="C609" s="6" t="s">
        <v>623</v>
      </c>
      <c r="D609" s="6"/>
      <c r="E609" s="6" t="s">
        <v>9</v>
      </c>
      <c r="F609" s="7">
        <v>38657</v>
      </c>
      <c r="G609" s="8">
        <v>1</v>
      </c>
      <c r="H609" s="8">
        <v>1</v>
      </c>
      <c r="I609" s="8">
        <v>0</v>
      </c>
      <c r="J609" s="8">
        <v>1</v>
      </c>
      <c r="K609" s="9">
        <v>66</v>
      </c>
      <c r="L609" s="6" t="s">
        <v>51</v>
      </c>
    </row>
    <row r="610" spans="1:12">
      <c r="A610" s="6" t="s">
        <v>49</v>
      </c>
      <c r="B610" s="6"/>
      <c r="C610" s="6" t="s">
        <v>624</v>
      </c>
      <c r="D610" s="6"/>
      <c r="E610" s="6" t="s">
        <v>9</v>
      </c>
      <c r="F610" s="7">
        <v>38657</v>
      </c>
      <c r="G610" s="8">
        <v>1</v>
      </c>
      <c r="H610" s="8">
        <v>1</v>
      </c>
      <c r="I610" s="8">
        <v>0</v>
      </c>
      <c r="J610" s="8">
        <v>1</v>
      </c>
      <c r="K610" s="9">
        <v>407</v>
      </c>
      <c r="L610" s="6" t="s">
        <v>51</v>
      </c>
    </row>
    <row r="611" spans="1:12">
      <c r="A611" s="6" t="s">
        <v>49</v>
      </c>
      <c r="B611" s="6"/>
      <c r="C611" s="6" t="s">
        <v>625</v>
      </c>
      <c r="D611" s="6"/>
      <c r="E611" s="6" t="s">
        <v>9</v>
      </c>
      <c r="F611" s="7">
        <v>38657</v>
      </c>
      <c r="G611" s="8">
        <v>1</v>
      </c>
      <c r="H611" s="8">
        <v>1</v>
      </c>
      <c r="I611" s="8">
        <v>0</v>
      </c>
      <c r="J611" s="8">
        <v>1</v>
      </c>
      <c r="K611" s="9">
        <v>260</v>
      </c>
      <c r="L611" s="6" t="s">
        <v>51</v>
      </c>
    </row>
    <row r="612" spans="1:12">
      <c r="A612" s="6" t="s">
        <v>49</v>
      </c>
      <c r="B612" s="6"/>
      <c r="C612" s="6" t="s">
        <v>626</v>
      </c>
      <c r="D612" s="6"/>
      <c r="E612" s="6" t="s">
        <v>9</v>
      </c>
      <c r="F612" s="7">
        <v>38657</v>
      </c>
      <c r="G612" s="8">
        <v>1</v>
      </c>
      <c r="H612" s="8">
        <v>1</v>
      </c>
      <c r="I612" s="8">
        <v>0</v>
      </c>
      <c r="J612" s="8">
        <v>1</v>
      </c>
      <c r="K612" s="9">
        <v>256</v>
      </c>
      <c r="L612" s="6" t="s">
        <v>51</v>
      </c>
    </row>
    <row r="613" spans="1:12">
      <c r="A613" s="6" t="s">
        <v>49</v>
      </c>
      <c r="B613" s="6"/>
      <c r="C613" s="6" t="s">
        <v>627</v>
      </c>
      <c r="D613" s="6"/>
      <c r="E613" s="6" t="s">
        <v>9</v>
      </c>
      <c r="F613" s="7">
        <v>38657</v>
      </c>
      <c r="G613" s="8">
        <v>1</v>
      </c>
      <c r="H613" s="8">
        <v>1</v>
      </c>
      <c r="I613" s="8">
        <v>0</v>
      </c>
      <c r="J613" s="8">
        <v>1</v>
      </c>
      <c r="K613" s="9">
        <v>144</v>
      </c>
      <c r="L613" s="6" t="s">
        <v>51</v>
      </c>
    </row>
    <row r="614" spans="1:12">
      <c r="A614" s="6" t="s">
        <v>49</v>
      </c>
      <c r="B614" s="6"/>
      <c r="C614" s="6" t="s">
        <v>628</v>
      </c>
      <c r="D614" s="6"/>
      <c r="E614" s="6" t="s">
        <v>9</v>
      </c>
      <c r="F614" s="7">
        <v>38657</v>
      </c>
      <c r="G614" s="8">
        <v>1</v>
      </c>
      <c r="H614" s="8">
        <v>1</v>
      </c>
      <c r="I614" s="8">
        <v>0</v>
      </c>
      <c r="J614" s="8">
        <v>1</v>
      </c>
      <c r="K614" s="9">
        <v>136</v>
      </c>
      <c r="L614" s="6" t="s">
        <v>51</v>
      </c>
    </row>
    <row r="615" spans="1:12">
      <c r="A615" s="6" t="s">
        <v>49</v>
      </c>
      <c r="B615" s="6"/>
      <c r="C615" s="6" t="s">
        <v>629</v>
      </c>
      <c r="D615" s="6"/>
      <c r="E615" s="6" t="s">
        <v>9</v>
      </c>
      <c r="F615" s="7">
        <v>38657</v>
      </c>
      <c r="G615" s="8">
        <v>1</v>
      </c>
      <c r="H615" s="8">
        <v>1</v>
      </c>
      <c r="I615" s="8">
        <v>0</v>
      </c>
      <c r="J615" s="8">
        <v>1</v>
      </c>
      <c r="K615" s="9">
        <v>157</v>
      </c>
      <c r="L615" s="6" t="s">
        <v>51</v>
      </c>
    </row>
    <row r="616" spans="1:12">
      <c r="A616" s="6" t="s">
        <v>49</v>
      </c>
      <c r="B616" s="6"/>
      <c r="C616" s="6" t="s">
        <v>630</v>
      </c>
      <c r="D616" s="6"/>
      <c r="E616" s="6" t="s">
        <v>9</v>
      </c>
      <c r="F616" s="7">
        <v>38657</v>
      </c>
      <c r="G616" s="8">
        <v>1</v>
      </c>
      <c r="H616" s="8">
        <v>1</v>
      </c>
      <c r="I616" s="8">
        <v>0</v>
      </c>
      <c r="J616" s="8">
        <v>1</v>
      </c>
      <c r="K616" s="9">
        <v>90</v>
      </c>
      <c r="L616" s="6" t="s">
        <v>51</v>
      </c>
    </row>
    <row r="617" spans="1:12">
      <c r="A617" s="6" t="s">
        <v>49</v>
      </c>
      <c r="B617" s="6"/>
      <c r="C617" s="6" t="s">
        <v>631</v>
      </c>
      <c r="D617" s="6"/>
      <c r="E617" s="6" t="s">
        <v>9</v>
      </c>
      <c r="F617" s="7">
        <v>38657</v>
      </c>
      <c r="G617" s="8">
        <v>1</v>
      </c>
      <c r="H617" s="8">
        <v>1</v>
      </c>
      <c r="I617" s="8">
        <v>0</v>
      </c>
      <c r="J617" s="8">
        <v>1</v>
      </c>
      <c r="K617" s="9">
        <v>204</v>
      </c>
      <c r="L617" s="6" t="s">
        <v>51</v>
      </c>
    </row>
    <row r="618" spans="1:12">
      <c r="A618" s="6" t="s">
        <v>49</v>
      </c>
      <c r="B618" s="6"/>
      <c r="C618" s="6" t="s">
        <v>632</v>
      </c>
      <c r="D618" s="6"/>
      <c r="E618" s="6" t="s">
        <v>9</v>
      </c>
      <c r="F618" s="7">
        <v>38657</v>
      </c>
      <c r="G618" s="8">
        <v>1</v>
      </c>
      <c r="H618" s="8">
        <v>1</v>
      </c>
      <c r="I618" s="8">
        <v>0</v>
      </c>
      <c r="J618" s="8">
        <v>1</v>
      </c>
      <c r="K618" s="9">
        <v>93</v>
      </c>
      <c r="L618" s="6" t="s">
        <v>51</v>
      </c>
    </row>
    <row r="619" spans="1:12">
      <c r="A619" s="6" t="s">
        <v>49</v>
      </c>
      <c r="B619" s="6"/>
      <c r="C619" s="6" t="s">
        <v>633</v>
      </c>
      <c r="D619" s="6"/>
      <c r="E619" s="6" t="s">
        <v>9</v>
      </c>
      <c r="F619" s="7">
        <v>38657</v>
      </c>
      <c r="G619" s="8">
        <v>1</v>
      </c>
      <c r="H619" s="8">
        <v>1</v>
      </c>
      <c r="I619" s="8">
        <v>0</v>
      </c>
      <c r="J619" s="8">
        <v>1</v>
      </c>
      <c r="K619" s="9">
        <v>0.92</v>
      </c>
      <c r="L619" s="6" t="s">
        <v>51</v>
      </c>
    </row>
    <row r="620" spans="1:12">
      <c r="A620" s="6" t="s">
        <v>49</v>
      </c>
      <c r="B620" s="6"/>
      <c r="C620" s="6" t="s">
        <v>634</v>
      </c>
      <c r="D620" s="6"/>
      <c r="E620" s="6" t="s">
        <v>9</v>
      </c>
      <c r="F620" s="7">
        <v>38657</v>
      </c>
      <c r="G620" s="8">
        <v>1</v>
      </c>
      <c r="H620" s="8">
        <v>1</v>
      </c>
      <c r="I620" s="8">
        <v>0</v>
      </c>
      <c r="J620" s="8">
        <v>1</v>
      </c>
      <c r="K620" s="9">
        <v>26</v>
      </c>
      <c r="L620" s="6" t="s">
        <v>51</v>
      </c>
    </row>
    <row r="621" spans="1:12">
      <c r="A621" s="6" t="s">
        <v>49</v>
      </c>
      <c r="B621" s="6"/>
      <c r="C621" s="6" t="s">
        <v>635</v>
      </c>
      <c r="D621" s="6"/>
      <c r="E621" s="6" t="s">
        <v>9</v>
      </c>
      <c r="F621" s="7">
        <v>38657</v>
      </c>
      <c r="G621" s="8">
        <v>1</v>
      </c>
      <c r="H621" s="8">
        <v>1</v>
      </c>
      <c r="I621" s="8">
        <v>0</v>
      </c>
      <c r="J621" s="8">
        <v>1</v>
      </c>
      <c r="K621" s="9">
        <v>446</v>
      </c>
      <c r="L621" s="6" t="s">
        <v>51</v>
      </c>
    </row>
    <row r="622" spans="1:12">
      <c r="A622" s="6" t="s">
        <v>49</v>
      </c>
      <c r="B622" s="6"/>
      <c r="C622" s="6" t="s">
        <v>636</v>
      </c>
      <c r="D622" s="6"/>
      <c r="E622" s="6" t="s">
        <v>9</v>
      </c>
      <c r="F622" s="7">
        <v>38657</v>
      </c>
      <c r="G622" s="8">
        <v>1</v>
      </c>
      <c r="H622" s="8">
        <v>1</v>
      </c>
      <c r="I622" s="8">
        <v>0</v>
      </c>
      <c r="J622" s="8">
        <v>1</v>
      </c>
      <c r="K622" s="9">
        <v>516</v>
      </c>
      <c r="L622" s="6" t="s">
        <v>51</v>
      </c>
    </row>
    <row r="623" spans="1:12">
      <c r="A623" s="6" t="s">
        <v>49</v>
      </c>
      <c r="B623" s="6"/>
      <c r="C623" s="6" t="s">
        <v>637</v>
      </c>
      <c r="D623" s="6"/>
      <c r="E623" s="6" t="s">
        <v>9</v>
      </c>
      <c r="F623" s="7">
        <v>38657</v>
      </c>
      <c r="G623" s="8">
        <v>1</v>
      </c>
      <c r="H623" s="8">
        <v>1</v>
      </c>
      <c r="I623" s="8">
        <v>0</v>
      </c>
      <c r="J623" s="8">
        <v>1</v>
      </c>
      <c r="K623" s="9">
        <v>684</v>
      </c>
      <c r="L623" s="6" t="s">
        <v>51</v>
      </c>
    </row>
    <row r="624" spans="1:12">
      <c r="A624" s="6" t="s">
        <v>49</v>
      </c>
      <c r="B624" s="6"/>
      <c r="C624" s="6" t="s">
        <v>638</v>
      </c>
      <c r="D624" s="6"/>
      <c r="E624" s="6" t="s">
        <v>9</v>
      </c>
      <c r="F624" s="7">
        <v>38657</v>
      </c>
      <c r="G624" s="8">
        <v>1</v>
      </c>
      <c r="H624" s="8">
        <v>1</v>
      </c>
      <c r="I624" s="8">
        <v>0</v>
      </c>
      <c r="J624" s="8">
        <v>1</v>
      </c>
      <c r="K624" s="9">
        <v>28</v>
      </c>
      <c r="L624" s="6" t="s">
        <v>51</v>
      </c>
    </row>
    <row r="625" spans="1:12">
      <c r="A625" s="6" t="s">
        <v>49</v>
      </c>
      <c r="B625" s="6"/>
      <c r="C625" s="6" t="s">
        <v>639</v>
      </c>
      <c r="D625" s="6"/>
      <c r="E625" s="6" t="s">
        <v>9</v>
      </c>
      <c r="F625" s="7">
        <v>38657</v>
      </c>
      <c r="G625" s="8">
        <v>1</v>
      </c>
      <c r="H625" s="8">
        <v>1</v>
      </c>
      <c r="I625" s="8">
        <v>0</v>
      </c>
      <c r="J625" s="8">
        <v>1</v>
      </c>
      <c r="K625" s="9">
        <v>185.03</v>
      </c>
      <c r="L625" s="6" t="s">
        <v>51</v>
      </c>
    </row>
    <row r="626" spans="1:12">
      <c r="A626" s="6" t="s">
        <v>49</v>
      </c>
      <c r="B626" s="6"/>
      <c r="C626" s="6" t="s">
        <v>640</v>
      </c>
      <c r="D626" s="6"/>
      <c r="E626" s="6" t="s">
        <v>9</v>
      </c>
      <c r="F626" s="7">
        <v>38657</v>
      </c>
      <c r="G626" s="8">
        <v>1</v>
      </c>
      <c r="H626" s="8">
        <v>1</v>
      </c>
      <c r="I626" s="8">
        <v>0</v>
      </c>
      <c r="J626" s="8">
        <v>1</v>
      </c>
      <c r="K626" s="9">
        <v>81.53</v>
      </c>
      <c r="L626" s="6" t="s">
        <v>51</v>
      </c>
    </row>
    <row r="627" spans="1:12">
      <c r="A627" s="6" t="s">
        <v>49</v>
      </c>
      <c r="B627" s="6"/>
      <c r="C627" s="6" t="s">
        <v>641</v>
      </c>
      <c r="D627" s="6"/>
      <c r="E627" s="6" t="s">
        <v>9</v>
      </c>
      <c r="F627" s="7">
        <v>38657</v>
      </c>
      <c r="G627" s="8">
        <v>1</v>
      </c>
      <c r="H627" s="8">
        <v>1</v>
      </c>
      <c r="I627" s="8">
        <v>0</v>
      </c>
      <c r="J627" s="8">
        <v>1</v>
      </c>
      <c r="K627" s="9">
        <v>32.369999999999898</v>
      </c>
      <c r="L627" s="6" t="s">
        <v>51</v>
      </c>
    </row>
    <row r="628" spans="1:12">
      <c r="A628" s="6" t="s">
        <v>49</v>
      </c>
      <c r="B628" s="6"/>
      <c r="C628" s="6" t="s">
        <v>642</v>
      </c>
      <c r="D628" s="6"/>
      <c r="E628" s="6" t="s">
        <v>9</v>
      </c>
      <c r="F628" s="7">
        <v>38657</v>
      </c>
      <c r="G628" s="8">
        <v>1</v>
      </c>
      <c r="H628" s="8">
        <v>1</v>
      </c>
      <c r="I628" s="8">
        <v>0</v>
      </c>
      <c r="J628" s="8">
        <v>1</v>
      </c>
      <c r="K628" s="9">
        <v>123.1</v>
      </c>
      <c r="L628" s="6" t="s">
        <v>51</v>
      </c>
    </row>
    <row r="629" spans="1:12">
      <c r="A629" s="6" t="s">
        <v>49</v>
      </c>
      <c r="B629" s="6"/>
      <c r="C629" s="6" t="s">
        <v>643</v>
      </c>
      <c r="D629" s="6"/>
      <c r="E629" s="6" t="s">
        <v>9</v>
      </c>
      <c r="F629" s="7">
        <v>38657</v>
      </c>
      <c r="G629" s="8">
        <v>1</v>
      </c>
      <c r="H629" s="8">
        <v>1</v>
      </c>
      <c r="I629" s="8">
        <v>0</v>
      </c>
      <c r="J629" s="8">
        <v>1</v>
      </c>
      <c r="K629" s="9">
        <v>38.700000000000003</v>
      </c>
      <c r="L629" s="6" t="s">
        <v>51</v>
      </c>
    </row>
    <row r="630" spans="1:12">
      <c r="A630" s="6" t="s">
        <v>49</v>
      </c>
      <c r="B630" s="6"/>
      <c r="C630" s="6" t="s">
        <v>644</v>
      </c>
      <c r="D630" s="6"/>
      <c r="E630" s="6" t="s">
        <v>9</v>
      </c>
      <c r="F630" s="7">
        <v>38657</v>
      </c>
      <c r="G630" s="8">
        <v>1</v>
      </c>
      <c r="H630" s="8">
        <v>1</v>
      </c>
      <c r="I630" s="8">
        <v>0</v>
      </c>
      <c r="J630" s="8">
        <v>1</v>
      </c>
      <c r="K630" s="9">
        <v>4.0599999999999898</v>
      </c>
      <c r="L630" s="6" t="s">
        <v>51</v>
      </c>
    </row>
    <row r="631" spans="1:12">
      <c r="A631" s="6" t="s">
        <v>49</v>
      </c>
      <c r="B631" s="6"/>
      <c r="C631" s="6" t="s">
        <v>645</v>
      </c>
      <c r="D631" s="6"/>
      <c r="E631" s="6" t="s">
        <v>9</v>
      </c>
      <c r="F631" s="7">
        <v>38657</v>
      </c>
      <c r="G631" s="8">
        <v>1</v>
      </c>
      <c r="H631" s="8">
        <v>1</v>
      </c>
      <c r="I631" s="8">
        <v>0</v>
      </c>
      <c r="J631" s="8">
        <v>1</v>
      </c>
      <c r="K631" s="9">
        <v>53.03</v>
      </c>
      <c r="L631" s="6" t="s">
        <v>51</v>
      </c>
    </row>
    <row r="632" spans="1:12">
      <c r="A632" s="6" t="s">
        <v>49</v>
      </c>
      <c r="B632" s="6"/>
      <c r="C632" s="6" t="s">
        <v>646</v>
      </c>
      <c r="D632" s="6"/>
      <c r="E632" s="6" t="s">
        <v>9</v>
      </c>
      <c r="F632" s="7">
        <v>38657</v>
      </c>
      <c r="G632" s="8">
        <v>1</v>
      </c>
      <c r="H632" s="8">
        <v>1</v>
      </c>
      <c r="I632" s="8">
        <v>0</v>
      </c>
      <c r="J632" s="8">
        <v>1</v>
      </c>
      <c r="K632" s="9">
        <v>184</v>
      </c>
      <c r="L632" s="6" t="s">
        <v>51</v>
      </c>
    </row>
    <row r="633" spans="1:12">
      <c r="A633" s="6" t="s">
        <v>49</v>
      </c>
      <c r="B633" s="6"/>
      <c r="C633" s="6" t="s">
        <v>647</v>
      </c>
      <c r="D633" s="6"/>
      <c r="E633" s="6" t="s">
        <v>9</v>
      </c>
      <c r="F633" s="7">
        <v>38657</v>
      </c>
      <c r="G633" s="8">
        <v>1</v>
      </c>
      <c r="H633" s="8">
        <v>1</v>
      </c>
      <c r="I633" s="8">
        <v>0</v>
      </c>
      <c r="J633" s="8">
        <v>1</v>
      </c>
      <c r="K633" s="9">
        <v>1850</v>
      </c>
      <c r="L633" s="6" t="s">
        <v>51</v>
      </c>
    </row>
    <row r="634" spans="1:12">
      <c r="A634" s="6" t="s">
        <v>49</v>
      </c>
      <c r="B634" s="6"/>
      <c r="C634" s="6" t="s">
        <v>648</v>
      </c>
      <c r="D634" s="6"/>
      <c r="E634" s="6" t="s">
        <v>9</v>
      </c>
      <c r="F634" s="7">
        <v>38657</v>
      </c>
      <c r="G634" s="8">
        <v>1</v>
      </c>
      <c r="H634" s="8">
        <v>1</v>
      </c>
      <c r="I634" s="8">
        <v>0</v>
      </c>
      <c r="J634" s="8">
        <v>1</v>
      </c>
      <c r="K634" s="9">
        <v>647</v>
      </c>
      <c r="L634" s="6" t="s">
        <v>51</v>
      </c>
    </row>
    <row r="635" spans="1:12">
      <c r="A635" s="6" t="s">
        <v>49</v>
      </c>
      <c r="B635" s="6"/>
      <c r="C635" s="6" t="s">
        <v>649</v>
      </c>
      <c r="D635" s="6"/>
      <c r="E635" s="6" t="s">
        <v>9</v>
      </c>
      <c r="F635" s="7">
        <v>38657</v>
      </c>
      <c r="G635" s="8">
        <v>1</v>
      </c>
      <c r="H635" s="8">
        <v>1</v>
      </c>
      <c r="I635" s="8">
        <v>0</v>
      </c>
      <c r="J635" s="8">
        <v>1</v>
      </c>
      <c r="K635" s="9">
        <v>687</v>
      </c>
      <c r="L635" s="6" t="s">
        <v>51</v>
      </c>
    </row>
    <row r="636" spans="1:12">
      <c r="A636" s="6" t="s">
        <v>49</v>
      </c>
      <c r="B636" s="6"/>
      <c r="C636" s="6" t="s">
        <v>650</v>
      </c>
      <c r="D636" s="6"/>
      <c r="E636" s="6" t="s">
        <v>9</v>
      </c>
      <c r="F636" s="7">
        <v>38657</v>
      </c>
      <c r="G636" s="8">
        <v>1</v>
      </c>
      <c r="H636" s="8">
        <v>1</v>
      </c>
      <c r="I636" s="8">
        <v>0</v>
      </c>
      <c r="J636" s="8">
        <v>1</v>
      </c>
      <c r="K636" s="9">
        <v>97</v>
      </c>
      <c r="L636" s="6" t="s">
        <v>51</v>
      </c>
    </row>
    <row r="637" spans="1:12">
      <c r="A637" s="6" t="s">
        <v>49</v>
      </c>
      <c r="B637" s="6"/>
      <c r="C637" s="6" t="s">
        <v>651</v>
      </c>
      <c r="D637" s="6"/>
      <c r="E637" s="6" t="s">
        <v>9</v>
      </c>
      <c r="F637" s="7">
        <v>38657</v>
      </c>
      <c r="G637" s="8">
        <v>1</v>
      </c>
      <c r="H637" s="8">
        <v>1</v>
      </c>
      <c r="I637" s="8">
        <v>0</v>
      </c>
      <c r="J637" s="8">
        <v>1</v>
      </c>
      <c r="K637" s="9">
        <v>344</v>
      </c>
      <c r="L637" s="6" t="s">
        <v>51</v>
      </c>
    </row>
    <row r="638" spans="1:12">
      <c r="A638" s="6" t="s">
        <v>49</v>
      </c>
      <c r="B638" s="6"/>
      <c r="C638" s="6" t="s">
        <v>652</v>
      </c>
      <c r="D638" s="6"/>
      <c r="E638" s="6" t="s">
        <v>9</v>
      </c>
      <c r="F638" s="7">
        <v>38657</v>
      </c>
      <c r="G638" s="8">
        <v>1</v>
      </c>
      <c r="H638" s="8">
        <v>1</v>
      </c>
      <c r="I638" s="8">
        <v>0</v>
      </c>
      <c r="J638" s="8">
        <v>1</v>
      </c>
      <c r="K638" s="9">
        <v>213</v>
      </c>
      <c r="L638" s="6" t="s">
        <v>51</v>
      </c>
    </row>
    <row r="639" spans="1:12">
      <c r="A639" s="6" t="s">
        <v>49</v>
      </c>
      <c r="B639" s="6"/>
      <c r="C639" s="6" t="s">
        <v>653</v>
      </c>
      <c r="D639" s="6"/>
      <c r="E639" s="6" t="s">
        <v>9</v>
      </c>
      <c r="F639" s="7">
        <v>38657</v>
      </c>
      <c r="G639" s="8">
        <v>1</v>
      </c>
      <c r="H639" s="8">
        <v>1</v>
      </c>
      <c r="I639" s="8">
        <v>0</v>
      </c>
      <c r="J639" s="8">
        <v>1</v>
      </c>
      <c r="K639" s="9">
        <v>128</v>
      </c>
      <c r="L639" s="6" t="s">
        <v>51</v>
      </c>
    </row>
    <row r="640" spans="1:12">
      <c r="A640" s="6" t="s">
        <v>49</v>
      </c>
      <c r="B640" s="6"/>
      <c r="C640" s="6" t="s">
        <v>654</v>
      </c>
      <c r="D640" s="6"/>
      <c r="E640" s="6" t="s">
        <v>9</v>
      </c>
      <c r="F640" s="7">
        <v>38657</v>
      </c>
      <c r="G640" s="8">
        <v>1</v>
      </c>
      <c r="H640" s="8">
        <v>1</v>
      </c>
      <c r="I640" s="8">
        <v>0</v>
      </c>
      <c r="J640" s="8">
        <v>1</v>
      </c>
      <c r="K640" s="9">
        <v>2095</v>
      </c>
      <c r="L640" s="6" t="s">
        <v>51</v>
      </c>
    </row>
    <row r="641" spans="1:12">
      <c r="A641" s="6" t="s">
        <v>49</v>
      </c>
      <c r="B641" s="6"/>
      <c r="C641" s="6" t="s">
        <v>655</v>
      </c>
      <c r="D641" s="6"/>
      <c r="E641" s="6" t="s">
        <v>9</v>
      </c>
      <c r="F641" s="7">
        <v>38657</v>
      </c>
      <c r="G641" s="8">
        <v>1</v>
      </c>
      <c r="H641" s="8">
        <v>1</v>
      </c>
      <c r="I641" s="8">
        <v>0</v>
      </c>
      <c r="J641" s="8">
        <v>1</v>
      </c>
      <c r="K641" s="9">
        <v>2823</v>
      </c>
      <c r="L641" s="6" t="s">
        <v>51</v>
      </c>
    </row>
    <row r="642" spans="1:12">
      <c r="A642" s="6" t="s">
        <v>49</v>
      </c>
      <c r="B642" s="6"/>
      <c r="C642" s="6" t="s">
        <v>656</v>
      </c>
      <c r="D642" s="6"/>
      <c r="E642" s="6" t="s">
        <v>9</v>
      </c>
      <c r="F642" s="7">
        <v>38657</v>
      </c>
      <c r="G642" s="8">
        <v>1</v>
      </c>
      <c r="H642" s="8">
        <v>1</v>
      </c>
      <c r="I642" s="8">
        <v>0</v>
      </c>
      <c r="J642" s="8">
        <v>1</v>
      </c>
      <c r="K642" s="9">
        <v>468</v>
      </c>
      <c r="L642" s="6" t="s">
        <v>51</v>
      </c>
    </row>
    <row r="643" spans="1:12">
      <c r="A643" s="6" t="s">
        <v>49</v>
      </c>
      <c r="B643" s="6"/>
      <c r="C643" s="6" t="s">
        <v>657</v>
      </c>
      <c r="D643" s="6"/>
      <c r="E643" s="6" t="s">
        <v>9</v>
      </c>
      <c r="F643" s="7">
        <v>40879</v>
      </c>
      <c r="G643" s="8">
        <v>1</v>
      </c>
      <c r="H643" s="8">
        <v>1</v>
      </c>
      <c r="I643" s="8">
        <v>0</v>
      </c>
      <c r="J643" s="8">
        <v>1</v>
      </c>
      <c r="K643" s="9">
        <v>877</v>
      </c>
      <c r="L643" s="6" t="s">
        <v>51</v>
      </c>
    </row>
    <row r="644" spans="1:12">
      <c r="A644" s="6" t="s">
        <v>49</v>
      </c>
      <c r="B644" s="6"/>
      <c r="C644" s="6" t="s">
        <v>658</v>
      </c>
      <c r="D644" s="6"/>
      <c r="E644" s="6" t="s">
        <v>9</v>
      </c>
      <c r="F644" s="7">
        <v>40879</v>
      </c>
      <c r="G644" s="8">
        <v>1</v>
      </c>
      <c r="H644" s="8">
        <v>1</v>
      </c>
      <c r="I644" s="8">
        <v>0</v>
      </c>
      <c r="J644" s="8">
        <v>1</v>
      </c>
      <c r="K644" s="9">
        <v>964</v>
      </c>
      <c r="L644" s="6" t="s">
        <v>51</v>
      </c>
    </row>
    <row r="645" spans="1:12">
      <c r="A645" s="6" t="s">
        <v>49</v>
      </c>
      <c r="B645" s="6"/>
      <c r="C645" s="6" t="s">
        <v>659</v>
      </c>
      <c r="D645" s="6"/>
      <c r="E645" s="6" t="s">
        <v>9</v>
      </c>
      <c r="F645" s="7">
        <v>38657</v>
      </c>
      <c r="G645" s="8">
        <v>1</v>
      </c>
      <c r="H645" s="8">
        <v>1</v>
      </c>
      <c r="I645" s="8">
        <v>0</v>
      </c>
      <c r="J645" s="8">
        <v>1</v>
      </c>
      <c r="K645" s="9">
        <v>1471</v>
      </c>
      <c r="L645" s="6" t="s">
        <v>51</v>
      </c>
    </row>
    <row r="646" spans="1:12">
      <c r="A646" s="6" t="s">
        <v>49</v>
      </c>
      <c r="B646" s="6"/>
      <c r="C646" s="6" t="s">
        <v>660</v>
      </c>
      <c r="D646" s="6"/>
      <c r="E646" s="6" t="s">
        <v>9</v>
      </c>
      <c r="F646" s="7">
        <v>40879</v>
      </c>
      <c r="G646" s="8">
        <v>1</v>
      </c>
      <c r="H646" s="8">
        <v>1</v>
      </c>
      <c r="I646" s="8">
        <v>0</v>
      </c>
      <c r="J646" s="8">
        <v>1</v>
      </c>
      <c r="K646" s="9">
        <v>823</v>
      </c>
      <c r="L646" s="6" t="s">
        <v>51</v>
      </c>
    </row>
    <row r="647" spans="1:12">
      <c r="A647" s="6" t="s">
        <v>49</v>
      </c>
      <c r="B647" s="6"/>
      <c r="C647" s="6" t="s">
        <v>661</v>
      </c>
      <c r="D647" s="6"/>
      <c r="E647" s="6" t="s">
        <v>9</v>
      </c>
      <c r="F647" s="7">
        <v>40879</v>
      </c>
      <c r="G647" s="8">
        <v>1</v>
      </c>
      <c r="H647" s="8">
        <v>1</v>
      </c>
      <c r="I647" s="8">
        <v>0</v>
      </c>
      <c r="J647" s="8">
        <v>1</v>
      </c>
      <c r="K647" s="9">
        <v>977</v>
      </c>
      <c r="L647" s="6" t="s">
        <v>51</v>
      </c>
    </row>
    <row r="648" spans="1:12">
      <c r="A648" s="6" t="s">
        <v>49</v>
      </c>
      <c r="B648" s="6"/>
      <c r="C648" s="6" t="s">
        <v>662</v>
      </c>
      <c r="D648" s="6"/>
      <c r="E648" s="6" t="s">
        <v>9</v>
      </c>
      <c r="F648" s="7">
        <v>40879</v>
      </c>
      <c r="G648" s="8">
        <v>1</v>
      </c>
      <c r="H648" s="8">
        <v>1</v>
      </c>
      <c r="I648" s="8">
        <v>0</v>
      </c>
      <c r="J648" s="8">
        <v>1</v>
      </c>
      <c r="K648" s="9">
        <v>2414</v>
      </c>
      <c r="L648" s="6" t="s">
        <v>51</v>
      </c>
    </row>
    <row r="649" spans="1:12">
      <c r="A649" s="6" t="s">
        <v>49</v>
      </c>
      <c r="B649" s="6"/>
      <c r="C649" s="6" t="s">
        <v>663</v>
      </c>
      <c r="D649" s="6"/>
      <c r="E649" s="6" t="s">
        <v>9</v>
      </c>
      <c r="F649" s="7">
        <v>40879</v>
      </c>
      <c r="G649" s="8">
        <v>1</v>
      </c>
      <c r="H649" s="8">
        <v>1</v>
      </c>
      <c r="I649" s="8">
        <v>0</v>
      </c>
      <c r="J649" s="8">
        <v>1</v>
      </c>
      <c r="K649" s="9">
        <v>894</v>
      </c>
      <c r="L649" s="6" t="s">
        <v>51</v>
      </c>
    </row>
    <row r="650" spans="1:12">
      <c r="A650" s="6" t="s">
        <v>49</v>
      </c>
      <c r="B650" s="6"/>
      <c r="C650" s="6" t="s">
        <v>664</v>
      </c>
      <c r="D650" s="6"/>
      <c r="E650" s="6" t="s">
        <v>9</v>
      </c>
      <c r="F650" s="7">
        <v>40879</v>
      </c>
      <c r="G650" s="8">
        <v>1</v>
      </c>
      <c r="H650" s="8">
        <v>1</v>
      </c>
      <c r="I650" s="8">
        <v>0</v>
      </c>
      <c r="J650" s="8">
        <v>1</v>
      </c>
      <c r="K650" s="9">
        <v>1222</v>
      </c>
      <c r="L650" s="6" t="s">
        <v>51</v>
      </c>
    </row>
    <row r="651" spans="1:12">
      <c r="A651" s="6" t="s">
        <v>49</v>
      </c>
      <c r="B651" s="6"/>
      <c r="C651" s="6" t="s">
        <v>665</v>
      </c>
      <c r="D651" s="6"/>
      <c r="E651" s="6" t="s">
        <v>9</v>
      </c>
      <c r="F651" s="7">
        <v>40879</v>
      </c>
      <c r="G651" s="8">
        <v>1</v>
      </c>
      <c r="H651" s="8">
        <v>1</v>
      </c>
      <c r="I651" s="8">
        <v>0</v>
      </c>
      <c r="J651" s="8">
        <v>1</v>
      </c>
      <c r="K651" s="9">
        <v>57</v>
      </c>
      <c r="L651" s="6" t="s">
        <v>51</v>
      </c>
    </row>
    <row r="652" spans="1:12">
      <c r="A652" s="6" t="s">
        <v>49</v>
      </c>
      <c r="B652" s="6"/>
      <c r="C652" s="6" t="s">
        <v>666</v>
      </c>
      <c r="D652" s="6"/>
      <c r="E652" s="6" t="s">
        <v>9</v>
      </c>
      <c r="F652" s="7">
        <v>40879</v>
      </c>
      <c r="G652" s="8">
        <v>1</v>
      </c>
      <c r="H652" s="8">
        <v>1</v>
      </c>
      <c r="I652" s="8">
        <v>0</v>
      </c>
      <c r="J652" s="8">
        <v>1</v>
      </c>
      <c r="K652" s="9">
        <v>1760</v>
      </c>
      <c r="L652" s="6" t="s">
        <v>51</v>
      </c>
    </row>
    <row r="653" spans="1:12">
      <c r="A653" s="6" t="s">
        <v>49</v>
      </c>
      <c r="B653" s="6"/>
      <c r="C653" s="6" t="s">
        <v>667</v>
      </c>
      <c r="D653" s="6"/>
      <c r="E653" s="6" t="s">
        <v>9</v>
      </c>
      <c r="F653" s="7">
        <v>40879</v>
      </c>
      <c r="G653" s="8">
        <v>1</v>
      </c>
      <c r="H653" s="8">
        <v>1</v>
      </c>
      <c r="I653" s="8">
        <v>0</v>
      </c>
      <c r="J653" s="8">
        <v>1</v>
      </c>
      <c r="K653" s="9">
        <v>670</v>
      </c>
      <c r="L653" s="6" t="s">
        <v>51</v>
      </c>
    </row>
    <row r="654" spans="1:12">
      <c r="A654" s="6" t="s">
        <v>49</v>
      </c>
      <c r="B654" s="6"/>
      <c r="C654" s="6" t="s">
        <v>668</v>
      </c>
      <c r="D654" s="6"/>
      <c r="E654" s="6" t="s">
        <v>9</v>
      </c>
      <c r="F654" s="7">
        <v>40879</v>
      </c>
      <c r="G654" s="8">
        <v>1</v>
      </c>
      <c r="H654" s="8">
        <v>1</v>
      </c>
      <c r="I654" s="8">
        <v>0</v>
      </c>
      <c r="J654" s="8">
        <v>1</v>
      </c>
      <c r="K654" s="9">
        <v>856</v>
      </c>
      <c r="L654" s="6" t="s">
        <v>51</v>
      </c>
    </row>
    <row r="655" spans="1:12">
      <c r="A655" s="6" t="s">
        <v>49</v>
      </c>
      <c r="B655" s="6"/>
      <c r="C655" s="6" t="s">
        <v>669</v>
      </c>
      <c r="D655" s="6"/>
      <c r="E655" s="6" t="s">
        <v>9</v>
      </c>
      <c r="F655" s="7">
        <v>40879</v>
      </c>
      <c r="G655" s="8">
        <v>1</v>
      </c>
      <c r="H655" s="8">
        <v>1</v>
      </c>
      <c r="I655" s="8">
        <v>0</v>
      </c>
      <c r="J655" s="8">
        <v>1</v>
      </c>
      <c r="K655" s="9">
        <v>1173</v>
      </c>
      <c r="L655" s="6" t="s">
        <v>51</v>
      </c>
    </row>
    <row r="656" spans="1:12">
      <c r="A656" s="6" t="s">
        <v>49</v>
      </c>
      <c r="B656" s="6"/>
      <c r="C656" s="6" t="s">
        <v>670</v>
      </c>
      <c r="D656" s="6"/>
      <c r="E656" s="6" t="s">
        <v>9</v>
      </c>
      <c r="F656" s="7">
        <v>38657</v>
      </c>
      <c r="G656" s="8">
        <v>1</v>
      </c>
      <c r="H656" s="8">
        <v>1</v>
      </c>
      <c r="I656" s="8">
        <v>0</v>
      </c>
      <c r="J656" s="8">
        <v>1</v>
      </c>
      <c r="K656" s="9">
        <v>671</v>
      </c>
      <c r="L656" s="6" t="s">
        <v>51</v>
      </c>
    </row>
    <row r="657" spans="1:12">
      <c r="A657" s="6" t="s">
        <v>49</v>
      </c>
      <c r="B657" s="6"/>
      <c r="C657" s="6" t="s">
        <v>671</v>
      </c>
      <c r="D657" s="6"/>
      <c r="E657" s="6" t="s">
        <v>9</v>
      </c>
      <c r="F657" s="7">
        <v>40879</v>
      </c>
      <c r="G657" s="8">
        <v>1</v>
      </c>
      <c r="H657" s="8">
        <v>1</v>
      </c>
      <c r="I657" s="8">
        <v>0</v>
      </c>
      <c r="J657" s="8">
        <v>1</v>
      </c>
      <c r="K657" s="9">
        <v>5590</v>
      </c>
      <c r="L657" s="6" t="s">
        <v>51</v>
      </c>
    </row>
    <row r="658" spans="1:12">
      <c r="A658" s="6" t="s">
        <v>49</v>
      </c>
      <c r="B658" s="6"/>
      <c r="C658" s="6" t="s">
        <v>672</v>
      </c>
      <c r="D658" s="6"/>
      <c r="E658" s="6" t="s">
        <v>9</v>
      </c>
      <c r="F658" s="7">
        <v>40879</v>
      </c>
      <c r="G658" s="8">
        <v>1</v>
      </c>
      <c r="H658" s="8">
        <v>1</v>
      </c>
      <c r="I658" s="8">
        <v>0</v>
      </c>
      <c r="J658" s="8">
        <v>1</v>
      </c>
      <c r="K658" s="9">
        <v>1235</v>
      </c>
      <c r="L658" s="6" t="s">
        <v>51</v>
      </c>
    </row>
    <row r="659" spans="1:12">
      <c r="A659" s="6" t="s">
        <v>49</v>
      </c>
      <c r="B659" s="6"/>
      <c r="C659" s="6" t="s">
        <v>673</v>
      </c>
      <c r="D659" s="6"/>
      <c r="E659" s="6" t="s">
        <v>9</v>
      </c>
      <c r="F659" s="7">
        <v>40879</v>
      </c>
      <c r="G659" s="8">
        <v>1</v>
      </c>
      <c r="H659" s="8">
        <v>1</v>
      </c>
      <c r="I659" s="8">
        <v>0</v>
      </c>
      <c r="J659" s="8">
        <v>1</v>
      </c>
      <c r="K659" s="9">
        <v>1467</v>
      </c>
      <c r="L659" s="6" t="s">
        <v>51</v>
      </c>
    </row>
    <row r="660" spans="1:12">
      <c r="A660" s="6" t="s">
        <v>49</v>
      </c>
      <c r="B660" s="6"/>
      <c r="C660" s="6" t="s">
        <v>674</v>
      </c>
      <c r="D660" s="6"/>
      <c r="E660" s="6" t="s">
        <v>9</v>
      </c>
      <c r="F660" s="7">
        <v>40879</v>
      </c>
      <c r="G660" s="8">
        <v>1</v>
      </c>
      <c r="H660" s="8">
        <v>1</v>
      </c>
      <c r="I660" s="8">
        <v>0</v>
      </c>
      <c r="J660" s="8">
        <v>1</v>
      </c>
      <c r="K660" s="9">
        <v>1278</v>
      </c>
      <c r="L660" s="6" t="s">
        <v>51</v>
      </c>
    </row>
    <row r="661" spans="1:12">
      <c r="A661" s="6" t="s">
        <v>49</v>
      </c>
      <c r="B661" s="6"/>
      <c r="C661" s="6" t="s">
        <v>675</v>
      </c>
      <c r="D661" s="6"/>
      <c r="E661" s="6" t="s">
        <v>9</v>
      </c>
      <c r="F661" s="7">
        <v>40879</v>
      </c>
      <c r="G661" s="8">
        <v>1</v>
      </c>
      <c r="H661" s="8">
        <v>1</v>
      </c>
      <c r="I661" s="8">
        <v>0</v>
      </c>
      <c r="J661" s="8">
        <v>1</v>
      </c>
      <c r="K661" s="9">
        <v>1.33</v>
      </c>
      <c r="L661" s="6" t="s">
        <v>51</v>
      </c>
    </row>
    <row r="662" spans="1:12">
      <c r="A662" s="6" t="s">
        <v>49</v>
      </c>
      <c r="B662" s="6"/>
      <c r="C662" s="6" t="s">
        <v>676</v>
      </c>
      <c r="D662" s="6"/>
      <c r="E662" s="6" t="s">
        <v>9</v>
      </c>
      <c r="F662" s="7">
        <v>40879</v>
      </c>
      <c r="G662" s="8">
        <v>1</v>
      </c>
      <c r="H662" s="8">
        <v>1</v>
      </c>
      <c r="I662" s="8">
        <v>0</v>
      </c>
      <c r="J662" s="8">
        <v>1</v>
      </c>
      <c r="K662" s="9">
        <v>2.52</v>
      </c>
      <c r="L662" s="6" t="s">
        <v>51</v>
      </c>
    </row>
    <row r="663" spans="1:12">
      <c r="A663" s="6" t="s">
        <v>49</v>
      </c>
      <c r="B663" s="6"/>
      <c r="C663" s="6" t="s">
        <v>677</v>
      </c>
      <c r="D663" s="6"/>
      <c r="E663" s="6" t="s">
        <v>9</v>
      </c>
      <c r="F663" s="7">
        <v>40879</v>
      </c>
      <c r="G663" s="8">
        <v>1</v>
      </c>
      <c r="H663" s="8">
        <v>1</v>
      </c>
      <c r="I663" s="8">
        <v>0</v>
      </c>
      <c r="J663" s="8">
        <v>1</v>
      </c>
      <c r="K663" s="9">
        <v>1168</v>
      </c>
      <c r="L663" s="6" t="s">
        <v>51</v>
      </c>
    </row>
    <row r="664" spans="1:12">
      <c r="A664" s="6" t="s">
        <v>49</v>
      </c>
      <c r="B664" s="6"/>
      <c r="C664" s="6" t="s">
        <v>678</v>
      </c>
      <c r="D664" s="6"/>
      <c r="E664" s="6" t="s">
        <v>9</v>
      </c>
      <c r="F664" s="7">
        <v>40879</v>
      </c>
      <c r="G664" s="8">
        <v>1</v>
      </c>
      <c r="H664" s="8">
        <v>1</v>
      </c>
      <c r="I664" s="8">
        <v>0</v>
      </c>
      <c r="J664" s="8">
        <v>1</v>
      </c>
      <c r="K664" s="9">
        <v>592</v>
      </c>
      <c r="L664" s="6" t="s">
        <v>51</v>
      </c>
    </row>
    <row r="665" spans="1:12">
      <c r="A665" s="6" t="s">
        <v>49</v>
      </c>
      <c r="B665" s="6"/>
      <c r="C665" s="6" t="s">
        <v>679</v>
      </c>
      <c r="D665" s="6"/>
      <c r="E665" s="6" t="s">
        <v>9</v>
      </c>
      <c r="F665" s="7">
        <v>40879</v>
      </c>
      <c r="G665" s="8">
        <v>1</v>
      </c>
      <c r="H665" s="8">
        <v>1</v>
      </c>
      <c r="I665" s="8">
        <v>0</v>
      </c>
      <c r="J665" s="8">
        <v>1</v>
      </c>
      <c r="K665" s="9">
        <v>853</v>
      </c>
      <c r="L665" s="6" t="s">
        <v>51</v>
      </c>
    </row>
    <row r="666" spans="1:12">
      <c r="A666" s="6" t="s">
        <v>49</v>
      </c>
      <c r="B666" s="6"/>
      <c r="C666" s="6" t="s">
        <v>680</v>
      </c>
      <c r="D666" s="6"/>
      <c r="E666" s="6" t="s">
        <v>9</v>
      </c>
      <c r="F666" s="7">
        <v>40879</v>
      </c>
      <c r="G666" s="8">
        <v>1</v>
      </c>
      <c r="H666" s="8">
        <v>1</v>
      </c>
      <c r="I666" s="8">
        <v>0</v>
      </c>
      <c r="J666" s="8">
        <v>1</v>
      </c>
      <c r="K666" s="9">
        <v>200</v>
      </c>
      <c r="L666" s="6" t="s">
        <v>51</v>
      </c>
    </row>
    <row r="667" spans="1:12">
      <c r="A667" s="6" t="s">
        <v>49</v>
      </c>
      <c r="B667" s="6"/>
      <c r="C667" s="6" t="s">
        <v>681</v>
      </c>
      <c r="D667" s="6"/>
      <c r="E667" s="6" t="s">
        <v>9</v>
      </c>
      <c r="F667" s="7">
        <v>40813</v>
      </c>
      <c r="G667" s="8">
        <v>1</v>
      </c>
      <c r="H667" s="8">
        <v>1</v>
      </c>
      <c r="I667" s="8">
        <v>0</v>
      </c>
      <c r="J667" s="8">
        <v>1</v>
      </c>
      <c r="K667" s="9">
        <v>2.92</v>
      </c>
      <c r="L667" s="6" t="s">
        <v>51</v>
      </c>
    </row>
    <row r="668" spans="1:12">
      <c r="A668" s="6" t="s">
        <v>49</v>
      </c>
      <c r="B668" s="6"/>
      <c r="C668" s="6" t="s">
        <v>682</v>
      </c>
      <c r="D668" s="6"/>
      <c r="E668" s="6" t="s">
        <v>9</v>
      </c>
      <c r="F668" s="7">
        <v>40879</v>
      </c>
      <c r="G668" s="8">
        <v>1</v>
      </c>
      <c r="H668" s="8">
        <v>1</v>
      </c>
      <c r="I668" s="8">
        <v>0</v>
      </c>
      <c r="J668" s="8">
        <v>1</v>
      </c>
      <c r="K668" s="9">
        <v>51</v>
      </c>
      <c r="L668" s="6" t="s">
        <v>51</v>
      </c>
    </row>
    <row r="669" spans="1:12">
      <c r="A669" s="6" t="s">
        <v>49</v>
      </c>
      <c r="B669" s="6"/>
      <c r="C669" s="6" t="s">
        <v>683</v>
      </c>
      <c r="D669" s="6"/>
      <c r="E669" s="6" t="s">
        <v>9</v>
      </c>
      <c r="F669" s="7">
        <v>40879</v>
      </c>
      <c r="G669" s="8">
        <v>1</v>
      </c>
      <c r="H669" s="8">
        <v>1</v>
      </c>
      <c r="I669" s="8">
        <v>0</v>
      </c>
      <c r="J669" s="8">
        <v>1</v>
      </c>
      <c r="K669" s="9">
        <v>874</v>
      </c>
      <c r="L669" s="6" t="s">
        <v>51</v>
      </c>
    </row>
    <row r="670" spans="1:12">
      <c r="A670" s="6" t="s">
        <v>49</v>
      </c>
      <c r="B670" s="6"/>
      <c r="C670" s="6" t="s">
        <v>684</v>
      </c>
      <c r="D670" s="6"/>
      <c r="E670" s="6" t="s">
        <v>9</v>
      </c>
      <c r="F670" s="7">
        <v>40879</v>
      </c>
      <c r="G670" s="8">
        <v>1</v>
      </c>
      <c r="H670" s="8">
        <v>1</v>
      </c>
      <c r="I670" s="8">
        <v>0</v>
      </c>
      <c r="J670" s="8">
        <v>1</v>
      </c>
      <c r="K670" s="9">
        <v>373</v>
      </c>
      <c r="L670" s="6" t="s">
        <v>51</v>
      </c>
    </row>
    <row r="671" spans="1:12">
      <c r="A671" s="6" t="s">
        <v>49</v>
      </c>
      <c r="B671" s="6"/>
      <c r="C671" s="6" t="s">
        <v>685</v>
      </c>
      <c r="D671" s="6"/>
      <c r="E671" s="6" t="s">
        <v>9</v>
      </c>
      <c r="F671" s="7">
        <v>40879</v>
      </c>
      <c r="G671" s="8">
        <v>1</v>
      </c>
      <c r="H671" s="8">
        <v>1</v>
      </c>
      <c r="I671" s="8">
        <v>0</v>
      </c>
      <c r="J671" s="8">
        <v>1</v>
      </c>
      <c r="K671" s="9">
        <v>1677</v>
      </c>
      <c r="L671" s="6" t="s">
        <v>51</v>
      </c>
    </row>
    <row r="672" spans="1:12">
      <c r="A672" s="6" t="s">
        <v>49</v>
      </c>
      <c r="B672" s="6"/>
      <c r="C672" s="6" t="s">
        <v>686</v>
      </c>
      <c r="D672" s="6"/>
      <c r="E672" s="6" t="s">
        <v>9</v>
      </c>
      <c r="F672" s="7">
        <v>40879</v>
      </c>
      <c r="G672" s="8">
        <v>1</v>
      </c>
      <c r="H672" s="8">
        <v>1</v>
      </c>
      <c r="I672" s="8">
        <v>0</v>
      </c>
      <c r="J672" s="8">
        <v>1</v>
      </c>
      <c r="K672" s="9">
        <v>1207</v>
      </c>
      <c r="L672" s="6" t="s">
        <v>51</v>
      </c>
    </row>
    <row r="673" spans="1:12">
      <c r="A673" s="6" t="s">
        <v>49</v>
      </c>
      <c r="B673" s="6"/>
      <c r="C673" s="6" t="s">
        <v>687</v>
      </c>
      <c r="D673" s="6"/>
      <c r="E673" s="6" t="s">
        <v>9</v>
      </c>
      <c r="F673" s="7">
        <v>40879</v>
      </c>
      <c r="G673" s="8">
        <v>1</v>
      </c>
      <c r="H673" s="8">
        <v>1</v>
      </c>
      <c r="I673" s="8">
        <v>0</v>
      </c>
      <c r="J673" s="8">
        <v>1</v>
      </c>
      <c r="K673" s="9">
        <v>900</v>
      </c>
      <c r="L673" s="6" t="s">
        <v>51</v>
      </c>
    </row>
    <row r="674" spans="1:12">
      <c r="A674" s="6" t="s">
        <v>49</v>
      </c>
      <c r="B674" s="6"/>
      <c r="C674" s="6" t="s">
        <v>688</v>
      </c>
      <c r="D674" s="6"/>
      <c r="E674" s="6" t="s">
        <v>9</v>
      </c>
      <c r="F674" s="7">
        <v>40879</v>
      </c>
      <c r="G674" s="8">
        <v>1</v>
      </c>
      <c r="H674" s="8">
        <v>1</v>
      </c>
      <c r="I674" s="8">
        <v>0</v>
      </c>
      <c r="J674" s="8">
        <v>1</v>
      </c>
      <c r="K674" s="9">
        <v>1367</v>
      </c>
      <c r="L674" s="6" t="s">
        <v>51</v>
      </c>
    </row>
    <row r="675" spans="1:12">
      <c r="A675" s="6" t="s">
        <v>49</v>
      </c>
      <c r="B675" s="6"/>
      <c r="C675" s="6" t="s">
        <v>689</v>
      </c>
      <c r="D675" s="6"/>
      <c r="E675" s="6" t="s">
        <v>9</v>
      </c>
      <c r="F675" s="7">
        <v>40879</v>
      </c>
      <c r="G675" s="8">
        <v>1</v>
      </c>
      <c r="H675" s="8">
        <v>1</v>
      </c>
      <c r="I675" s="8">
        <v>0</v>
      </c>
      <c r="J675" s="8">
        <v>1</v>
      </c>
      <c r="K675" s="9">
        <v>473</v>
      </c>
      <c r="L675" s="6" t="s">
        <v>51</v>
      </c>
    </row>
    <row r="676" spans="1:12">
      <c r="A676" s="6" t="s">
        <v>49</v>
      </c>
      <c r="B676" s="6"/>
      <c r="C676" s="6" t="s">
        <v>690</v>
      </c>
      <c r="D676" s="6"/>
      <c r="E676" s="6" t="s">
        <v>9</v>
      </c>
      <c r="F676" s="7">
        <v>40879</v>
      </c>
      <c r="G676" s="8">
        <v>1</v>
      </c>
      <c r="H676" s="8">
        <v>1</v>
      </c>
      <c r="I676" s="8">
        <v>0</v>
      </c>
      <c r="J676" s="8">
        <v>1</v>
      </c>
      <c r="K676" s="9">
        <v>585</v>
      </c>
      <c r="L676" s="6" t="s">
        <v>51</v>
      </c>
    </row>
    <row r="677" spans="1:12">
      <c r="A677" s="6" t="s">
        <v>49</v>
      </c>
      <c r="B677" s="6"/>
      <c r="C677" s="6" t="s">
        <v>691</v>
      </c>
      <c r="D677" s="6"/>
      <c r="E677" s="6" t="s">
        <v>9</v>
      </c>
      <c r="F677" s="7">
        <v>40879</v>
      </c>
      <c r="G677" s="8">
        <v>1</v>
      </c>
      <c r="H677" s="8">
        <v>1</v>
      </c>
      <c r="I677" s="8">
        <v>0</v>
      </c>
      <c r="J677" s="8">
        <v>1</v>
      </c>
      <c r="K677" s="9">
        <v>497</v>
      </c>
      <c r="L677" s="6" t="s">
        <v>51</v>
      </c>
    </row>
    <row r="678" spans="1:12">
      <c r="A678" s="6" t="s">
        <v>49</v>
      </c>
      <c r="B678" s="6"/>
      <c r="C678" s="6" t="s">
        <v>692</v>
      </c>
      <c r="D678" s="6"/>
      <c r="E678" s="6" t="s">
        <v>9</v>
      </c>
      <c r="F678" s="7">
        <v>38657</v>
      </c>
      <c r="G678" s="8">
        <v>1</v>
      </c>
      <c r="H678" s="8">
        <v>1</v>
      </c>
      <c r="I678" s="8">
        <v>0</v>
      </c>
      <c r="J678" s="8">
        <v>1</v>
      </c>
      <c r="K678" s="9">
        <v>3.34</v>
      </c>
      <c r="L678" s="6" t="s">
        <v>51</v>
      </c>
    </row>
    <row r="679" spans="1:12">
      <c r="A679" s="6" t="s">
        <v>49</v>
      </c>
      <c r="B679" s="6"/>
      <c r="C679" s="6" t="s">
        <v>693</v>
      </c>
      <c r="D679" s="6"/>
      <c r="E679" s="6" t="s">
        <v>9</v>
      </c>
      <c r="F679" s="7">
        <v>40879</v>
      </c>
      <c r="G679" s="8">
        <v>1</v>
      </c>
      <c r="H679" s="8">
        <v>1</v>
      </c>
      <c r="I679" s="8">
        <v>0</v>
      </c>
      <c r="J679" s="8">
        <v>1</v>
      </c>
      <c r="K679" s="9">
        <v>112</v>
      </c>
      <c r="L679" s="6" t="s">
        <v>51</v>
      </c>
    </row>
    <row r="680" spans="1:12">
      <c r="A680" s="6" t="s">
        <v>49</v>
      </c>
      <c r="B680" s="6"/>
      <c r="C680" s="6" t="s">
        <v>694</v>
      </c>
      <c r="D680" s="6"/>
      <c r="E680" s="6" t="s">
        <v>9</v>
      </c>
      <c r="F680" s="7">
        <v>40879</v>
      </c>
      <c r="G680" s="8">
        <v>1</v>
      </c>
      <c r="H680" s="8">
        <v>1</v>
      </c>
      <c r="I680" s="8">
        <v>0</v>
      </c>
      <c r="J680" s="8">
        <v>1</v>
      </c>
      <c r="K680" s="9">
        <v>1977</v>
      </c>
      <c r="L680" s="6" t="s">
        <v>51</v>
      </c>
    </row>
    <row r="681" spans="1:12">
      <c r="A681" s="6" t="s">
        <v>49</v>
      </c>
      <c r="B681" s="6"/>
      <c r="C681" s="6" t="s">
        <v>695</v>
      </c>
      <c r="D681" s="6"/>
      <c r="E681" s="6" t="s">
        <v>9</v>
      </c>
      <c r="F681" s="7">
        <v>40879</v>
      </c>
      <c r="G681" s="8">
        <v>1</v>
      </c>
      <c r="H681" s="8">
        <v>1</v>
      </c>
      <c r="I681" s="8">
        <v>0</v>
      </c>
      <c r="J681" s="8">
        <v>1</v>
      </c>
      <c r="K681" s="9">
        <v>692</v>
      </c>
      <c r="L681" s="6" t="s">
        <v>51</v>
      </c>
    </row>
    <row r="682" spans="1:12">
      <c r="A682" s="6" t="s">
        <v>49</v>
      </c>
      <c r="B682" s="6"/>
      <c r="C682" s="6" t="s">
        <v>696</v>
      </c>
      <c r="D682" s="6"/>
      <c r="E682" s="6" t="s">
        <v>9</v>
      </c>
      <c r="F682" s="7">
        <v>40879</v>
      </c>
      <c r="G682" s="8">
        <v>1</v>
      </c>
      <c r="H682" s="8">
        <v>1</v>
      </c>
      <c r="I682" s="8">
        <v>0</v>
      </c>
      <c r="J682" s="8">
        <v>1</v>
      </c>
      <c r="K682" s="9">
        <v>765</v>
      </c>
      <c r="L682" s="6" t="s">
        <v>51</v>
      </c>
    </row>
    <row r="683" spans="1:12">
      <c r="A683" s="6" t="s">
        <v>49</v>
      </c>
      <c r="B683" s="6"/>
      <c r="C683" s="6" t="s">
        <v>697</v>
      </c>
      <c r="D683" s="6"/>
      <c r="E683" s="6" t="s">
        <v>9</v>
      </c>
      <c r="F683" s="7">
        <v>40879</v>
      </c>
      <c r="G683" s="8">
        <v>1</v>
      </c>
      <c r="H683" s="8">
        <v>1</v>
      </c>
      <c r="I683" s="8">
        <v>0</v>
      </c>
      <c r="J683" s="8">
        <v>1</v>
      </c>
      <c r="K683" s="9">
        <v>1903</v>
      </c>
      <c r="L683" s="6" t="s">
        <v>51</v>
      </c>
    </row>
    <row r="684" spans="1:12">
      <c r="A684" s="6" t="s">
        <v>49</v>
      </c>
      <c r="B684" s="6"/>
      <c r="C684" s="6" t="s">
        <v>698</v>
      </c>
      <c r="D684" s="6"/>
      <c r="E684" s="6" t="s">
        <v>9</v>
      </c>
      <c r="F684" s="7">
        <v>40879</v>
      </c>
      <c r="G684" s="8">
        <v>1</v>
      </c>
      <c r="H684" s="8">
        <v>1</v>
      </c>
      <c r="I684" s="8">
        <v>0</v>
      </c>
      <c r="J684" s="8">
        <v>1</v>
      </c>
      <c r="K684" s="9">
        <v>664</v>
      </c>
      <c r="L684" s="6" t="s">
        <v>51</v>
      </c>
    </row>
    <row r="685" spans="1:12">
      <c r="A685" s="6" t="s">
        <v>49</v>
      </c>
      <c r="B685" s="6"/>
      <c r="C685" s="6" t="s">
        <v>699</v>
      </c>
      <c r="D685" s="6"/>
      <c r="E685" s="6" t="s">
        <v>9</v>
      </c>
      <c r="F685" s="7">
        <v>40879</v>
      </c>
      <c r="G685" s="8">
        <v>1</v>
      </c>
      <c r="H685" s="8">
        <v>1</v>
      </c>
      <c r="I685" s="8">
        <v>0</v>
      </c>
      <c r="J685" s="8">
        <v>1</v>
      </c>
      <c r="K685" s="9">
        <v>298</v>
      </c>
      <c r="L685" s="6" t="s">
        <v>51</v>
      </c>
    </row>
    <row r="686" spans="1:12">
      <c r="A686" s="6" t="s">
        <v>49</v>
      </c>
      <c r="B686" s="6"/>
      <c r="C686" s="6" t="s">
        <v>700</v>
      </c>
      <c r="D686" s="6"/>
      <c r="E686" s="6" t="s">
        <v>9</v>
      </c>
      <c r="F686" s="7">
        <v>40879</v>
      </c>
      <c r="G686" s="8">
        <v>1</v>
      </c>
      <c r="H686" s="8">
        <v>1</v>
      </c>
      <c r="I686" s="8">
        <v>0</v>
      </c>
      <c r="J686" s="8">
        <v>1</v>
      </c>
      <c r="K686" s="9">
        <v>68</v>
      </c>
      <c r="L686" s="6" t="s">
        <v>51</v>
      </c>
    </row>
    <row r="687" spans="1:12">
      <c r="A687" s="6" t="s">
        <v>49</v>
      </c>
      <c r="B687" s="6"/>
      <c r="C687" s="6" t="s">
        <v>701</v>
      </c>
      <c r="D687" s="6"/>
      <c r="E687" s="6" t="s">
        <v>9</v>
      </c>
      <c r="F687" s="7">
        <v>40879</v>
      </c>
      <c r="G687" s="8">
        <v>1</v>
      </c>
      <c r="H687" s="8">
        <v>1</v>
      </c>
      <c r="I687" s="8">
        <v>0</v>
      </c>
      <c r="J687" s="8">
        <v>1</v>
      </c>
      <c r="K687" s="9">
        <v>152</v>
      </c>
      <c r="L687" s="6" t="s">
        <v>51</v>
      </c>
    </row>
    <row r="688" spans="1:12">
      <c r="A688" s="6" t="s">
        <v>49</v>
      </c>
      <c r="B688" s="6"/>
      <c r="C688" s="6" t="s">
        <v>702</v>
      </c>
      <c r="D688" s="6"/>
      <c r="E688" s="6" t="s">
        <v>9</v>
      </c>
      <c r="F688" s="7">
        <v>40879</v>
      </c>
      <c r="G688" s="8">
        <v>1</v>
      </c>
      <c r="H688" s="8">
        <v>1</v>
      </c>
      <c r="I688" s="8">
        <v>0</v>
      </c>
      <c r="J688" s="8">
        <v>1</v>
      </c>
      <c r="K688" s="9">
        <v>678</v>
      </c>
      <c r="L688" s="6" t="s">
        <v>51</v>
      </c>
    </row>
    <row r="689" spans="1:12">
      <c r="A689" s="6" t="s">
        <v>49</v>
      </c>
      <c r="B689" s="6"/>
      <c r="C689" s="6" t="s">
        <v>703</v>
      </c>
      <c r="D689" s="6"/>
      <c r="E689" s="6" t="s">
        <v>9</v>
      </c>
      <c r="F689" s="7">
        <v>38657</v>
      </c>
      <c r="G689" s="8">
        <v>1</v>
      </c>
      <c r="H689" s="8">
        <v>1</v>
      </c>
      <c r="I689" s="8">
        <v>0</v>
      </c>
      <c r="J689" s="8">
        <v>1</v>
      </c>
      <c r="K689" s="9">
        <v>16</v>
      </c>
      <c r="L689" s="6" t="s">
        <v>51</v>
      </c>
    </row>
    <row r="690" spans="1:12">
      <c r="A690" s="6" t="s">
        <v>49</v>
      </c>
      <c r="B690" s="6"/>
      <c r="C690" s="6" t="s">
        <v>704</v>
      </c>
      <c r="D690" s="6"/>
      <c r="E690" s="6" t="s">
        <v>9</v>
      </c>
      <c r="F690" s="7">
        <v>38657</v>
      </c>
      <c r="G690" s="8">
        <v>1</v>
      </c>
      <c r="H690" s="8">
        <v>1</v>
      </c>
      <c r="I690" s="8">
        <v>0</v>
      </c>
      <c r="J690" s="8">
        <v>1</v>
      </c>
      <c r="K690" s="9">
        <v>3263</v>
      </c>
      <c r="L690" s="6" t="s">
        <v>51</v>
      </c>
    </row>
    <row r="691" spans="1:12">
      <c r="A691" s="6" t="s">
        <v>49</v>
      </c>
      <c r="B691" s="6"/>
      <c r="C691" s="6" t="s">
        <v>705</v>
      </c>
      <c r="D691" s="6"/>
      <c r="E691" s="6" t="s">
        <v>9</v>
      </c>
      <c r="F691" s="7">
        <v>40879</v>
      </c>
      <c r="G691" s="8">
        <v>1</v>
      </c>
      <c r="H691" s="8">
        <v>1</v>
      </c>
      <c r="I691" s="8">
        <v>0</v>
      </c>
      <c r="J691" s="8">
        <v>1</v>
      </c>
      <c r="K691" s="9">
        <v>1072</v>
      </c>
      <c r="L691" s="6" t="s">
        <v>51</v>
      </c>
    </row>
    <row r="692" spans="1:12">
      <c r="A692" s="6" t="s">
        <v>49</v>
      </c>
      <c r="B692" s="6"/>
      <c r="C692" s="6" t="s">
        <v>706</v>
      </c>
      <c r="D692" s="6"/>
      <c r="E692" s="6" t="s">
        <v>9</v>
      </c>
      <c r="F692" s="7">
        <v>40879</v>
      </c>
      <c r="G692" s="8">
        <v>1</v>
      </c>
      <c r="H692" s="8">
        <v>1</v>
      </c>
      <c r="I692" s="8">
        <v>0</v>
      </c>
      <c r="J692" s="8">
        <v>1</v>
      </c>
      <c r="K692" s="9">
        <v>340</v>
      </c>
      <c r="L692" s="6" t="s">
        <v>51</v>
      </c>
    </row>
    <row r="693" spans="1:12">
      <c r="A693" s="6" t="s">
        <v>49</v>
      </c>
      <c r="B693" s="6"/>
      <c r="C693" s="6" t="s">
        <v>707</v>
      </c>
      <c r="D693" s="6"/>
      <c r="E693" s="6" t="s">
        <v>9</v>
      </c>
      <c r="F693" s="7">
        <v>40879</v>
      </c>
      <c r="G693" s="8">
        <v>1</v>
      </c>
      <c r="H693" s="8">
        <v>1</v>
      </c>
      <c r="I693" s="8">
        <v>0</v>
      </c>
      <c r="J693" s="8">
        <v>1</v>
      </c>
      <c r="K693" s="9">
        <v>3274</v>
      </c>
      <c r="L693" s="6" t="s">
        <v>51</v>
      </c>
    </row>
    <row r="694" spans="1:12">
      <c r="A694" s="6" t="s">
        <v>49</v>
      </c>
      <c r="B694" s="6"/>
      <c r="C694" s="6" t="s">
        <v>708</v>
      </c>
      <c r="D694" s="6"/>
      <c r="E694" s="6" t="s">
        <v>9</v>
      </c>
      <c r="F694" s="7">
        <v>40879</v>
      </c>
      <c r="G694" s="8">
        <v>1</v>
      </c>
      <c r="H694" s="8">
        <v>1</v>
      </c>
      <c r="I694" s="8">
        <v>0</v>
      </c>
      <c r="J694" s="8">
        <v>1</v>
      </c>
      <c r="K694" s="9">
        <v>39</v>
      </c>
      <c r="L694" s="6" t="s">
        <v>51</v>
      </c>
    </row>
    <row r="695" spans="1:12">
      <c r="A695" s="6" t="s">
        <v>49</v>
      </c>
      <c r="B695" s="6"/>
      <c r="C695" s="6" t="s">
        <v>709</v>
      </c>
      <c r="D695" s="6"/>
      <c r="E695" s="6" t="s">
        <v>9</v>
      </c>
      <c r="F695" s="7">
        <v>40879</v>
      </c>
      <c r="G695" s="8">
        <v>1</v>
      </c>
      <c r="H695" s="8">
        <v>1</v>
      </c>
      <c r="I695" s="8">
        <v>0</v>
      </c>
      <c r="J695" s="8">
        <v>1</v>
      </c>
      <c r="K695" s="9">
        <v>200</v>
      </c>
      <c r="L695" s="6" t="s">
        <v>51</v>
      </c>
    </row>
    <row r="696" spans="1:12">
      <c r="A696" s="6" t="s">
        <v>49</v>
      </c>
      <c r="B696" s="6"/>
      <c r="C696" s="6" t="s">
        <v>710</v>
      </c>
      <c r="D696" s="6"/>
      <c r="E696" s="6" t="s">
        <v>9</v>
      </c>
      <c r="F696" s="7">
        <v>40879</v>
      </c>
      <c r="G696" s="8">
        <v>1</v>
      </c>
      <c r="H696" s="8">
        <v>1</v>
      </c>
      <c r="I696" s="8">
        <v>0</v>
      </c>
      <c r="J696" s="8">
        <v>1</v>
      </c>
      <c r="K696" s="9">
        <v>134</v>
      </c>
      <c r="L696" s="6" t="s">
        <v>51</v>
      </c>
    </row>
    <row r="697" spans="1:12">
      <c r="A697" s="6" t="s">
        <v>49</v>
      </c>
      <c r="B697" s="6"/>
      <c r="C697" s="6" t="s">
        <v>711</v>
      </c>
      <c r="D697" s="6"/>
      <c r="E697" s="6" t="s">
        <v>9</v>
      </c>
      <c r="F697" s="7">
        <v>40879</v>
      </c>
      <c r="G697" s="8">
        <v>1</v>
      </c>
      <c r="H697" s="8">
        <v>1</v>
      </c>
      <c r="I697" s="8">
        <v>0</v>
      </c>
      <c r="J697" s="8">
        <v>1</v>
      </c>
      <c r="K697" s="9">
        <v>347</v>
      </c>
      <c r="L697" s="6" t="s">
        <v>51</v>
      </c>
    </row>
    <row r="698" spans="1:12">
      <c r="A698" s="6" t="s">
        <v>49</v>
      </c>
      <c r="B698" s="6"/>
      <c r="C698" s="6" t="s">
        <v>712</v>
      </c>
      <c r="D698" s="6"/>
      <c r="E698" s="6" t="s">
        <v>9</v>
      </c>
      <c r="F698" s="7">
        <v>40879</v>
      </c>
      <c r="G698" s="8">
        <v>1</v>
      </c>
      <c r="H698" s="8">
        <v>1</v>
      </c>
      <c r="I698" s="8">
        <v>0</v>
      </c>
      <c r="J698" s="8">
        <v>1</v>
      </c>
      <c r="K698" s="9">
        <v>17</v>
      </c>
      <c r="L698" s="6" t="s">
        <v>51</v>
      </c>
    </row>
    <row r="699" spans="1:12">
      <c r="A699" s="6" t="s">
        <v>49</v>
      </c>
      <c r="B699" s="6"/>
      <c r="C699" s="6" t="s">
        <v>713</v>
      </c>
      <c r="D699" s="6"/>
      <c r="E699" s="6" t="s">
        <v>9</v>
      </c>
      <c r="F699" s="7">
        <v>40879</v>
      </c>
      <c r="G699" s="8">
        <v>1</v>
      </c>
      <c r="H699" s="8">
        <v>1</v>
      </c>
      <c r="I699" s="8">
        <v>0</v>
      </c>
      <c r="J699" s="8">
        <v>1</v>
      </c>
      <c r="K699" s="9">
        <v>2837</v>
      </c>
      <c r="L699" s="6" t="s">
        <v>51</v>
      </c>
    </row>
    <row r="700" spans="1:12">
      <c r="A700" s="6" t="s">
        <v>49</v>
      </c>
      <c r="B700" s="6"/>
      <c r="C700" s="6" t="s">
        <v>714</v>
      </c>
      <c r="D700" s="6"/>
      <c r="E700" s="6" t="s">
        <v>9</v>
      </c>
      <c r="F700" s="7">
        <v>40879</v>
      </c>
      <c r="G700" s="8">
        <v>1</v>
      </c>
      <c r="H700" s="8">
        <v>1</v>
      </c>
      <c r="I700" s="8">
        <v>0</v>
      </c>
      <c r="J700" s="8">
        <v>1</v>
      </c>
      <c r="K700" s="9">
        <v>728</v>
      </c>
      <c r="L700" s="6" t="s">
        <v>51</v>
      </c>
    </row>
    <row r="701" spans="1:12">
      <c r="A701" s="6" t="s">
        <v>49</v>
      </c>
      <c r="B701" s="6"/>
      <c r="C701" s="6" t="s">
        <v>715</v>
      </c>
      <c r="D701" s="6"/>
      <c r="E701" s="6" t="s">
        <v>9</v>
      </c>
      <c r="F701" s="7">
        <v>38657</v>
      </c>
      <c r="G701" s="8">
        <v>1</v>
      </c>
      <c r="H701" s="8">
        <v>1</v>
      </c>
      <c r="I701" s="8">
        <v>0</v>
      </c>
      <c r="J701" s="8">
        <v>1</v>
      </c>
      <c r="K701" s="9">
        <v>551</v>
      </c>
      <c r="L701" s="6" t="s">
        <v>51</v>
      </c>
    </row>
    <row r="702" spans="1:12">
      <c r="A702" s="6" t="s">
        <v>49</v>
      </c>
      <c r="B702" s="6"/>
      <c r="C702" s="6" t="s">
        <v>716</v>
      </c>
      <c r="D702" s="6"/>
      <c r="E702" s="6" t="s">
        <v>9</v>
      </c>
      <c r="F702" s="7">
        <v>40879</v>
      </c>
      <c r="G702" s="8">
        <v>1</v>
      </c>
      <c r="H702" s="8">
        <v>1</v>
      </c>
      <c r="I702" s="8">
        <v>0</v>
      </c>
      <c r="J702" s="8">
        <v>1</v>
      </c>
      <c r="K702" s="9">
        <v>2961</v>
      </c>
      <c r="L702" s="6" t="s">
        <v>51</v>
      </c>
    </row>
    <row r="703" spans="1:12">
      <c r="A703" s="6" t="s">
        <v>49</v>
      </c>
      <c r="B703" s="6"/>
      <c r="C703" s="6" t="s">
        <v>717</v>
      </c>
      <c r="D703" s="6"/>
      <c r="E703" s="6" t="s">
        <v>9</v>
      </c>
      <c r="F703" s="7">
        <v>40879</v>
      </c>
      <c r="G703" s="8">
        <v>1</v>
      </c>
      <c r="H703" s="8">
        <v>1</v>
      </c>
      <c r="I703" s="8">
        <v>0</v>
      </c>
      <c r="J703" s="8">
        <v>1</v>
      </c>
      <c r="K703" s="9">
        <v>4549</v>
      </c>
      <c r="L703" s="6" t="s">
        <v>51</v>
      </c>
    </row>
    <row r="704" spans="1:12">
      <c r="A704" s="6" t="s">
        <v>49</v>
      </c>
      <c r="B704" s="6"/>
      <c r="C704" s="6" t="s">
        <v>718</v>
      </c>
      <c r="D704" s="6"/>
      <c r="E704" s="6" t="s">
        <v>9</v>
      </c>
      <c r="F704" s="7">
        <v>40879</v>
      </c>
      <c r="G704" s="8">
        <v>1</v>
      </c>
      <c r="H704" s="8">
        <v>1</v>
      </c>
      <c r="I704" s="8">
        <v>0</v>
      </c>
      <c r="J704" s="8">
        <v>1</v>
      </c>
      <c r="K704" s="9">
        <v>787</v>
      </c>
      <c r="L704" s="6" t="s">
        <v>51</v>
      </c>
    </row>
    <row r="705" spans="1:12">
      <c r="A705" s="6" t="s">
        <v>49</v>
      </c>
      <c r="B705" s="6"/>
      <c r="C705" s="6" t="s">
        <v>719</v>
      </c>
      <c r="D705" s="6"/>
      <c r="E705" s="6" t="s">
        <v>9</v>
      </c>
      <c r="F705" s="7">
        <v>40879</v>
      </c>
      <c r="G705" s="8">
        <v>1</v>
      </c>
      <c r="H705" s="8">
        <v>1</v>
      </c>
      <c r="I705" s="8">
        <v>0</v>
      </c>
      <c r="J705" s="8">
        <v>1</v>
      </c>
      <c r="K705" s="9">
        <v>2624</v>
      </c>
      <c r="L705" s="6" t="s">
        <v>51</v>
      </c>
    </row>
    <row r="706" spans="1:12">
      <c r="A706" s="6" t="s">
        <v>49</v>
      </c>
      <c r="B706" s="6"/>
      <c r="C706" s="6" t="s">
        <v>720</v>
      </c>
      <c r="D706" s="6"/>
      <c r="E706" s="6" t="s">
        <v>9</v>
      </c>
      <c r="F706" s="7">
        <v>40879</v>
      </c>
      <c r="G706" s="8">
        <v>1</v>
      </c>
      <c r="H706" s="8">
        <v>1</v>
      </c>
      <c r="I706" s="8">
        <v>0</v>
      </c>
      <c r="J706" s="8">
        <v>1</v>
      </c>
      <c r="K706" s="9">
        <v>640</v>
      </c>
      <c r="L706" s="6" t="s">
        <v>51</v>
      </c>
    </row>
    <row r="707" spans="1:12">
      <c r="A707" s="6" t="s">
        <v>49</v>
      </c>
      <c r="B707" s="6"/>
      <c r="C707" s="6" t="s">
        <v>721</v>
      </c>
      <c r="D707" s="6"/>
      <c r="E707" s="6" t="s">
        <v>9</v>
      </c>
      <c r="F707" s="7">
        <v>40879</v>
      </c>
      <c r="G707" s="8">
        <v>1</v>
      </c>
      <c r="H707" s="8">
        <v>1</v>
      </c>
      <c r="I707" s="8">
        <v>0</v>
      </c>
      <c r="J707" s="8">
        <v>1</v>
      </c>
      <c r="K707" s="9">
        <v>1290</v>
      </c>
      <c r="L707" s="6" t="s">
        <v>51</v>
      </c>
    </row>
    <row r="708" spans="1:12">
      <c r="A708" s="6" t="s">
        <v>49</v>
      </c>
      <c r="B708" s="6"/>
      <c r="C708" s="6" t="s">
        <v>722</v>
      </c>
      <c r="D708" s="6"/>
      <c r="E708" s="6" t="s">
        <v>9</v>
      </c>
      <c r="F708" s="7">
        <v>40879</v>
      </c>
      <c r="G708" s="8">
        <v>1</v>
      </c>
      <c r="H708" s="8">
        <v>1</v>
      </c>
      <c r="I708" s="8">
        <v>0</v>
      </c>
      <c r="J708" s="8">
        <v>1</v>
      </c>
      <c r="K708" s="9">
        <v>415</v>
      </c>
      <c r="L708" s="6" t="s">
        <v>51</v>
      </c>
    </row>
    <row r="709" spans="1:12">
      <c r="A709" s="6" t="s">
        <v>49</v>
      </c>
      <c r="B709" s="6"/>
      <c r="C709" s="6" t="s">
        <v>723</v>
      </c>
      <c r="D709" s="6"/>
      <c r="E709" s="6" t="s">
        <v>9</v>
      </c>
      <c r="F709" s="7">
        <v>40879</v>
      </c>
      <c r="G709" s="8">
        <v>1</v>
      </c>
      <c r="H709" s="8">
        <v>1</v>
      </c>
      <c r="I709" s="8">
        <v>0</v>
      </c>
      <c r="J709" s="8">
        <v>1</v>
      </c>
      <c r="K709" s="9">
        <v>877</v>
      </c>
      <c r="L709" s="6" t="s">
        <v>51</v>
      </c>
    </row>
    <row r="710" spans="1:12">
      <c r="A710" s="6" t="s">
        <v>49</v>
      </c>
      <c r="B710" s="6"/>
      <c r="C710" s="6" t="s">
        <v>724</v>
      </c>
      <c r="D710" s="6"/>
      <c r="E710" s="6" t="s">
        <v>9</v>
      </c>
      <c r="F710" s="7">
        <v>40879</v>
      </c>
      <c r="G710" s="8">
        <v>1</v>
      </c>
      <c r="H710" s="8">
        <v>1</v>
      </c>
      <c r="I710" s="8">
        <v>0</v>
      </c>
      <c r="J710" s="8">
        <v>1</v>
      </c>
      <c r="K710" s="9">
        <v>295</v>
      </c>
      <c r="L710" s="6" t="s">
        <v>51</v>
      </c>
    </row>
    <row r="711" spans="1:12">
      <c r="A711" s="6" t="s">
        <v>49</v>
      </c>
      <c r="B711" s="6"/>
      <c r="C711" s="6" t="s">
        <v>725</v>
      </c>
      <c r="D711" s="6"/>
      <c r="E711" s="6" t="s">
        <v>9</v>
      </c>
      <c r="F711" s="7">
        <v>40879</v>
      </c>
      <c r="G711" s="8">
        <v>1</v>
      </c>
      <c r="H711" s="8">
        <v>1</v>
      </c>
      <c r="I711" s="8">
        <v>0</v>
      </c>
      <c r="J711" s="8">
        <v>1</v>
      </c>
      <c r="K711" s="9">
        <v>313</v>
      </c>
      <c r="L711" s="6" t="s">
        <v>51</v>
      </c>
    </row>
    <row r="712" spans="1:12">
      <c r="A712" s="6" t="s">
        <v>49</v>
      </c>
      <c r="B712" s="6"/>
      <c r="C712" s="6" t="s">
        <v>726</v>
      </c>
      <c r="D712" s="6"/>
      <c r="E712" s="6" t="s">
        <v>9</v>
      </c>
      <c r="F712" s="7">
        <v>38657</v>
      </c>
      <c r="G712" s="8">
        <v>1</v>
      </c>
      <c r="H712" s="8">
        <v>1</v>
      </c>
      <c r="I712" s="8">
        <v>0</v>
      </c>
      <c r="J712" s="8">
        <v>1</v>
      </c>
      <c r="K712" s="9">
        <v>460</v>
      </c>
      <c r="L712" s="6" t="s">
        <v>51</v>
      </c>
    </row>
    <row r="713" spans="1:12">
      <c r="A713" s="6" t="s">
        <v>49</v>
      </c>
      <c r="B713" s="6"/>
      <c r="C713" s="6" t="s">
        <v>727</v>
      </c>
      <c r="D713" s="6"/>
      <c r="E713" s="6" t="s">
        <v>9</v>
      </c>
      <c r="F713" s="7">
        <v>40879</v>
      </c>
      <c r="G713" s="8">
        <v>1</v>
      </c>
      <c r="H713" s="8">
        <v>1</v>
      </c>
      <c r="I713" s="8">
        <v>0</v>
      </c>
      <c r="J713" s="8">
        <v>1</v>
      </c>
      <c r="K713" s="9">
        <v>1163</v>
      </c>
      <c r="L713" s="6" t="s">
        <v>51</v>
      </c>
    </row>
    <row r="714" spans="1:12">
      <c r="A714" s="6" t="s">
        <v>49</v>
      </c>
      <c r="B714" s="6"/>
      <c r="C714" s="6" t="s">
        <v>728</v>
      </c>
      <c r="D714" s="6"/>
      <c r="E714" s="6" t="s">
        <v>9</v>
      </c>
      <c r="F714" s="7">
        <v>40879</v>
      </c>
      <c r="G714" s="8">
        <v>1</v>
      </c>
      <c r="H714" s="8">
        <v>1</v>
      </c>
      <c r="I714" s="8">
        <v>0</v>
      </c>
      <c r="J714" s="8">
        <v>1</v>
      </c>
      <c r="K714" s="9">
        <v>109</v>
      </c>
      <c r="L714" s="6" t="s">
        <v>51</v>
      </c>
    </row>
    <row r="715" spans="1:12">
      <c r="A715" s="6" t="s">
        <v>49</v>
      </c>
      <c r="B715" s="6"/>
      <c r="C715" s="6" t="s">
        <v>729</v>
      </c>
      <c r="D715" s="6"/>
      <c r="E715" s="6" t="s">
        <v>9</v>
      </c>
      <c r="F715" s="7">
        <v>40879</v>
      </c>
      <c r="G715" s="8">
        <v>1</v>
      </c>
      <c r="H715" s="8">
        <v>1</v>
      </c>
      <c r="I715" s="8">
        <v>0</v>
      </c>
      <c r="J715" s="8">
        <v>1</v>
      </c>
      <c r="K715" s="9">
        <v>631</v>
      </c>
      <c r="L715" s="6" t="s">
        <v>51</v>
      </c>
    </row>
    <row r="716" spans="1:12">
      <c r="A716" s="6" t="s">
        <v>49</v>
      </c>
      <c r="B716" s="6"/>
      <c r="C716" s="6" t="s">
        <v>730</v>
      </c>
      <c r="D716" s="6"/>
      <c r="E716" s="6" t="s">
        <v>9</v>
      </c>
      <c r="F716" s="7">
        <v>40879</v>
      </c>
      <c r="G716" s="8">
        <v>1</v>
      </c>
      <c r="H716" s="8">
        <v>1</v>
      </c>
      <c r="I716" s="8">
        <v>0</v>
      </c>
      <c r="J716" s="8">
        <v>1</v>
      </c>
      <c r="K716" s="9">
        <v>2194</v>
      </c>
      <c r="L716" s="6" t="s">
        <v>51</v>
      </c>
    </row>
    <row r="717" spans="1:12">
      <c r="A717" s="6" t="s">
        <v>49</v>
      </c>
      <c r="B717" s="6"/>
      <c r="C717" s="6" t="s">
        <v>731</v>
      </c>
      <c r="D717" s="6"/>
      <c r="E717" s="6" t="s">
        <v>9</v>
      </c>
      <c r="F717" s="7">
        <v>40879</v>
      </c>
      <c r="G717" s="8">
        <v>1</v>
      </c>
      <c r="H717" s="8">
        <v>1</v>
      </c>
      <c r="I717" s="8">
        <v>0</v>
      </c>
      <c r="J717" s="8">
        <v>1</v>
      </c>
      <c r="K717" s="9">
        <v>494</v>
      </c>
      <c r="L717" s="6" t="s">
        <v>51</v>
      </c>
    </row>
    <row r="718" spans="1:12">
      <c r="A718" s="6" t="s">
        <v>49</v>
      </c>
      <c r="B718" s="6"/>
      <c r="C718" s="6" t="s">
        <v>732</v>
      </c>
      <c r="D718" s="6"/>
      <c r="E718" s="6" t="s">
        <v>9</v>
      </c>
      <c r="F718" s="7">
        <v>40879</v>
      </c>
      <c r="G718" s="8">
        <v>1</v>
      </c>
      <c r="H718" s="8">
        <v>1</v>
      </c>
      <c r="I718" s="8">
        <v>0</v>
      </c>
      <c r="J718" s="8">
        <v>1</v>
      </c>
      <c r="K718" s="9">
        <v>691</v>
      </c>
      <c r="L718" s="6" t="s">
        <v>51</v>
      </c>
    </row>
    <row r="719" spans="1:12">
      <c r="A719" s="6" t="s">
        <v>49</v>
      </c>
      <c r="B719" s="6"/>
      <c r="C719" s="6" t="s">
        <v>733</v>
      </c>
      <c r="D719" s="6"/>
      <c r="E719" s="6" t="s">
        <v>9</v>
      </c>
      <c r="F719" s="7">
        <v>40879</v>
      </c>
      <c r="G719" s="8">
        <v>1</v>
      </c>
      <c r="H719" s="8">
        <v>1</v>
      </c>
      <c r="I719" s="8">
        <v>0</v>
      </c>
      <c r="J719" s="8">
        <v>1</v>
      </c>
      <c r="K719" s="9">
        <v>79</v>
      </c>
      <c r="L719" s="6" t="s">
        <v>51</v>
      </c>
    </row>
    <row r="720" spans="1:12">
      <c r="A720" s="6" t="s">
        <v>49</v>
      </c>
      <c r="B720" s="6"/>
      <c r="C720" s="6" t="s">
        <v>734</v>
      </c>
      <c r="D720" s="6"/>
      <c r="E720" s="6" t="s">
        <v>9</v>
      </c>
      <c r="F720" s="7">
        <v>40879</v>
      </c>
      <c r="G720" s="8">
        <v>1</v>
      </c>
      <c r="H720" s="8">
        <v>1</v>
      </c>
      <c r="I720" s="8">
        <v>0</v>
      </c>
      <c r="J720" s="8">
        <v>1</v>
      </c>
      <c r="K720" s="9">
        <v>1571</v>
      </c>
      <c r="L720" s="6" t="s">
        <v>51</v>
      </c>
    </row>
    <row r="721" spans="1:12">
      <c r="A721" s="6" t="s">
        <v>49</v>
      </c>
      <c r="B721" s="6"/>
      <c r="C721" s="6" t="s">
        <v>735</v>
      </c>
      <c r="D721" s="6"/>
      <c r="E721" s="6" t="s">
        <v>9</v>
      </c>
      <c r="F721" s="7">
        <v>40879</v>
      </c>
      <c r="G721" s="8">
        <v>1</v>
      </c>
      <c r="H721" s="8">
        <v>1</v>
      </c>
      <c r="I721" s="8">
        <v>0</v>
      </c>
      <c r="J721" s="8">
        <v>1</v>
      </c>
      <c r="K721" s="9">
        <v>285</v>
      </c>
      <c r="L721" s="6" t="s">
        <v>51</v>
      </c>
    </row>
    <row r="722" spans="1:12">
      <c r="A722" s="6" t="s">
        <v>49</v>
      </c>
      <c r="B722" s="6"/>
      <c r="C722" s="6" t="s">
        <v>736</v>
      </c>
      <c r="D722" s="6"/>
      <c r="E722" s="6" t="s">
        <v>9</v>
      </c>
      <c r="F722" s="7">
        <v>40879</v>
      </c>
      <c r="G722" s="8">
        <v>1</v>
      </c>
      <c r="H722" s="8">
        <v>1</v>
      </c>
      <c r="I722" s="8">
        <v>0</v>
      </c>
      <c r="J722" s="8">
        <v>1</v>
      </c>
      <c r="K722" s="9">
        <v>3140</v>
      </c>
      <c r="L722" s="6" t="s">
        <v>51</v>
      </c>
    </row>
    <row r="723" spans="1:12">
      <c r="A723" s="6" t="s">
        <v>49</v>
      </c>
      <c r="B723" s="6"/>
      <c r="C723" s="6" t="s">
        <v>737</v>
      </c>
      <c r="D723" s="6"/>
      <c r="E723" s="6" t="s">
        <v>9</v>
      </c>
      <c r="F723" s="7">
        <v>38657</v>
      </c>
      <c r="G723" s="8">
        <v>1</v>
      </c>
      <c r="H723" s="8">
        <v>1</v>
      </c>
      <c r="I723" s="8">
        <v>0</v>
      </c>
      <c r="J723" s="8">
        <v>1</v>
      </c>
      <c r="K723" s="9">
        <v>2913</v>
      </c>
      <c r="L723" s="6" t="s">
        <v>51</v>
      </c>
    </row>
    <row r="724" spans="1:12">
      <c r="A724" s="6" t="s">
        <v>49</v>
      </c>
      <c r="B724" s="6"/>
      <c r="C724" s="6" t="s">
        <v>738</v>
      </c>
      <c r="D724" s="6"/>
      <c r="E724" s="6" t="s">
        <v>9</v>
      </c>
      <c r="F724" s="7">
        <v>40879</v>
      </c>
      <c r="G724" s="8">
        <v>1</v>
      </c>
      <c r="H724" s="8">
        <v>1</v>
      </c>
      <c r="I724" s="8">
        <v>0</v>
      </c>
      <c r="J724" s="8">
        <v>1</v>
      </c>
      <c r="K724" s="9">
        <v>704</v>
      </c>
      <c r="L724" s="6" t="s">
        <v>51</v>
      </c>
    </row>
    <row r="725" spans="1:12">
      <c r="A725" s="6" t="s">
        <v>49</v>
      </c>
      <c r="B725" s="6"/>
      <c r="C725" s="6" t="s">
        <v>739</v>
      </c>
      <c r="D725" s="6"/>
      <c r="E725" s="6" t="s">
        <v>9</v>
      </c>
      <c r="F725" s="7">
        <v>40879</v>
      </c>
      <c r="G725" s="8">
        <v>1</v>
      </c>
      <c r="H725" s="8">
        <v>1</v>
      </c>
      <c r="I725" s="8">
        <v>0</v>
      </c>
      <c r="J725" s="8">
        <v>1</v>
      </c>
      <c r="K725" s="9">
        <v>505</v>
      </c>
      <c r="L725" s="6" t="s">
        <v>51</v>
      </c>
    </row>
    <row r="726" spans="1:12">
      <c r="A726" s="6" t="s">
        <v>49</v>
      </c>
      <c r="B726" s="6"/>
      <c r="C726" s="6" t="s">
        <v>740</v>
      </c>
      <c r="D726" s="6"/>
      <c r="E726" s="6" t="s">
        <v>9</v>
      </c>
      <c r="F726" s="7">
        <v>40879</v>
      </c>
      <c r="G726" s="8">
        <v>1</v>
      </c>
      <c r="H726" s="8">
        <v>1</v>
      </c>
      <c r="I726" s="8">
        <v>0</v>
      </c>
      <c r="J726" s="8">
        <v>1</v>
      </c>
      <c r="K726" s="9">
        <v>722</v>
      </c>
      <c r="L726" s="6" t="s">
        <v>51</v>
      </c>
    </row>
    <row r="727" spans="1:12">
      <c r="A727" s="6" t="s">
        <v>49</v>
      </c>
      <c r="B727" s="6"/>
      <c r="C727" s="6" t="s">
        <v>741</v>
      </c>
      <c r="D727" s="6"/>
      <c r="E727" s="6" t="s">
        <v>9</v>
      </c>
      <c r="F727" s="7">
        <v>40879</v>
      </c>
      <c r="G727" s="8">
        <v>1</v>
      </c>
      <c r="H727" s="8">
        <v>1</v>
      </c>
      <c r="I727" s="8">
        <v>0</v>
      </c>
      <c r="J727" s="8">
        <v>1</v>
      </c>
      <c r="K727" s="9">
        <v>688</v>
      </c>
      <c r="L727" s="6" t="s">
        <v>51</v>
      </c>
    </row>
    <row r="728" spans="1:12">
      <c r="A728" s="6" t="s">
        <v>49</v>
      </c>
      <c r="B728" s="6"/>
      <c r="C728" s="6" t="s">
        <v>742</v>
      </c>
      <c r="D728" s="6"/>
      <c r="E728" s="6" t="s">
        <v>9</v>
      </c>
      <c r="F728" s="7">
        <v>40879</v>
      </c>
      <c r="G728" s="8">
        <v>1</v>
      </c>
      <c r="H728" s="8">
        <v>1</v>
      </c>
      <c r="I728" s="8">
        <v>0</v>
      </c>
      <c r="J728" s="8">
        <v>1</v>
      </c>
      <c r="K728" s="9">
        <v>816</v>
      </c>
      <c r="L728" s="6" t="s">
        <v>51</v>
      </c>
    </row>
    <row r="729" spans="1:12">
      <c r="A729" s="6" t="s">
        <v>49</v>
      </c>
      <c r="B729" s="6"/>
      <c r="C729" s="6" t="s">
        <v>743</v>
      </c>
      <c r="D729" s="6"/>
      <c r="E729" s="6" t="s">
        <v>9</v>
      </c>
      <c r="F729" s="7">
        <v>40879</v>
      </c>
      <c r="G729" s="8">
        <v>1</v>
      </c>
      <c r="H729" s="8">
        <v>1</v>
      </c>
      <c r="I729" s="8">
        <v>0</v>
      </c>
      <c r="J729" s="8">
        <v>1</v>
      </c>
      <c r="K729" s="9">
        <v>6590</v>
      </c>
      <c r="L729" s="6" t="s">
        <v>51</v>
      </c>
    </row>
    <row r="730" spans="1:12">
      <c r="A730" s="6" t="s">
        <v>49</v>
      </c>
      <c r="B730" s="6"/>
      <c r="C730" s="6" t="s">
        <v>744</v>
      </c>
      <c r="D730" s="6"/>
      <c r="E730" s="6" t="s">
        <v>9</v>
      </c>
      <c r="F730" s="7">
        <v>40879</v>
      </c>
      <c r="G730" s="8">
        <v>1</v>
      </c>
      <c r="H730" s="8">
        <v>1</v>
      </c>
      <c r="I730" s="8">
        <v>0</v>
      </c>
      <c r="J730" s="8">
        <v>1</v>
      </c>
      <c r="K730" s="9">
        <v>533</v>
      </c>
      <c r="L730" s="6" t="s">
        <v>51</v>
      </c>
    </row>
    <row r="731" spans="1:12">
      <c r="A731" s="6" t="s">
        <v>49</v>
      </c>
      <c r="B731" s="6"/>
      <c r="C731" s="6" t="s">
        <v>745</v>
      </c>
      <c r="D731" s="6"/>
      <c r="E731" s="6" t="s">
        <v>9</v>
      </c>
      <c r="F731" s="7">
        <v>40879</v>
      </c>
      <c r="G731" s="8">
        <v>1</v>
      </c>
      <c r="H731" s="8">
        <v>1</v>
      </c>
      <c r="I731" s="8">
        <v>0</v>
      </c>
      <c r="J731" s="8">
        <v>1</v>
      </c>
      <c r="K731" s="9">
        <v>1891</v>
      </c>
      <c r="L731" s="6" t="s">
        <v>51</v>
      </c>
    </row>
    <row r="732" spans="1:12">
      <c r="A732" s="6" t="s">
        <v>49</v>
      </c>
      <c r="B732" s="6"/>
      <c r="C732" s="6" t="s">
        <v>746</v>
      </c>
      <c r="D732" s="6"/>
      <c r="E732" s="6" t="s">
        <v>9</v>
      </c>
      <c r="F732" s="7">
        <v>40879</v>
      </c>
      <c r="G732" s="8">
        <v>1</v>
      </c>
      <c r="H732" s="8">
        <v>1</v>
      </c>
      <c r="I732" s="8">
        <v>0</v>
      </c>
      <c r="J732" s="8">
        <v>1</v>
      </c>
      <c r="K732" s="9">
        <v>882</v>
      </c>
      <c r="L732" s="6" t="s">
        <v>51</v>
      </c>
    </row>
    <row r="733" spans="1:12">
      <c r="A733" s="6" t="s">
        <v>49</v>
      </c>
      <c r="B733" s="6"/>
      <c r="C733" s="6" t="s">
        <v>747</v>
      </c>
      <c r="D733" s="6"/>
      <c r="E733" s="6" t="s">
        <v>9</v>
      </c>
      <c r="F733" s="7">
        <v>40879</v>
      </c>
      <c r="G733" s="8">
        <v>1</v>
      </c>
      <c r="H733" s="8">
        <v>1</v>
      </c>
      <c r="I733" s="8">
        <v>0</v>
      </c>
      <c r="J733" s="8">
        <v>1</v>
      </c>
      <c r="K733" s="9">
        <v>462</v>
      </c>
      <c r="L733" s="6" t="s">
        <v>51</v>
      </c>
    </row>
    <row r="734" spans="1:12">
      <c r="A734" s="6" t="s">
        <v>49</v>
      </c>
      <c r="B734" s="6"/>
      <c r="C734" s="6" t="s">
        <v>748</v>
      </c>
      <c r="D734" s="6"/>
      <c r="E734" s="6" t="s">
        <v>9</v>
      </c>
      <c r="F734" s="7">
        <v>38657</v>
      </c>
      <c r="G734" s="8">
        <v>1</v>
      </c>
      <c r="H734" s="8">
        <v>1</v>
      </c>
      <c r="I734" s="8">
        <v>0</v>
      </c>
      <c r="J734" s="8">
        <v>1</v>
      </c>
      <c r="K734" s="9">
        <v>1067</v>
      </c>
      <c r="L734" s="6" t="s">
        <v>51</v>
      </c>
    </row>
    <row r="735" spans="1:12">
      <c r="A735" s="6" t="s">
        <v>49</v>
      </c>
      <c r="B735" s="6"/>
      <c r="C735" s="6" t="s">
        <v>749</v>
      </c>
      <c r="D735" s="6"/>
      <c r="E735" s="6" t="s">
        <v>9</v>
      </c>
      <c r="F735" s="7">
        <v>40879</v>
      </c>
      <c r="G735" s="8">
        <v>1</v>
      </c>
      <c r="H735" s="8">
        <v>1</v>
      </c>
      <c r="I735" s="8">
        <v>0</v>
      </c>
      <c r="J735" s="8">
        <v>1</v>
      </c>
      <c r="K735" s="9">
        <v>1917</v>
      </c>
      <c r="L735" s="6" t="s">
        <v>51</v>
      </c>
    </row>
    <row r="736" spans="1:12">
      <c r="A736" s="6" t="s">
        <v>49</v>
      </c>
      <c r="B736" s="6"/>
      <c r="C736" s="6" t="s">
        <v>750</v>
      </c>
      <c r="D736" s="6"/>
      <c r="E736" s="6" t="s">
        <v>9</v>
      </c>
      <c r="F736" s="7">
        <v>40879</v>
      </c>
      <c r="G736" s="8">
        <v>1</v>
      </c>
      <c r="H736" s="8">
        <v>1</v>
      </c>
      <c r="I736" s="8">
        <v>0</v>
      </c>
      <c r="J736" s="8">
        <v>1</v>
      </c>
      <c r="K736" s="9">
        <v>296</v>
      </c>
      <c r="L736" s="6" t="s">
        <v>51</v>
      </c>
    </row>
    <row r="737" spans="1:12">
      <c r="A737" s="6" t="s">
        <v>49</v>
      </c>
      <c r="B737" s="6"/>
      <c r="C737" s="6" t="s">
        <v>751</v>
      </c>
      <c r="D737" s="6"/>
      <c r="E737" s="6" t="s">
        <v>9</v>
      </c>
      <c r="F737" s="7">
        <v>40879</v>
      </c>
      <c r="G737" s="8">
        <v>1</v>
      </c>
      <c r="H737" s="8">
        <v>1</v>
      </c>
      <c r="I737" s="8">
        <v>0</v>
      </c>
      <c r="J737" s="8">
        <v>1</v>
      </c>
      <c r="K737" s="9">
        <v>114</v>
      </c>
      <c r="L737" s="6" t="s">
        <v>51</v>
      </c>
    </row>
    <row r="738" spans="1:12">
      <c r="A738" s="6" t="s">
        <v>49</v>
      </c>
      <c r="B738" s="6"/>
      <c r="C738" s="6" t="s">
        <v>752</v>
      </c>
      <c r="D738" s="6"/>
      <c r="E738" s="6" t="s">
        <v>9</v>
      </c>
      <c r="F738" s="7">
        <v>40879</v>
      </c>
      <c r="G738" s="8">
        <v>1</v>
      </c>
      <c r="H738" s="8">
        <v>1</v>
      </c>
      <c r="I738" s="8">
        <v>0</v>
      </c>
      <c r="J738" s="8">
        <v>1</v>
      </c>
      <c r="K738" s="9">
        <v>2056</v>
      </c>
      <c r="L738" s="6" t="s">
        <v>51</v>
      </c>
    </row>
    <row r="739" spans="1:12">
      <c r="A739" s="6" t="s">
        <v>49</v>
      </c>
      <c r="B739" s="6"/>
      <c r="C739" s="6" t="s">
        <v>753</v>
      </c>
      <c r="D739" s="6"/>
      <c r="E739" s="6" t="s">
        <v>9</v>
      </c>
      <c r="F739" s="7">
        <v>40879</v>
      </c>
      <c r="G739" s="8">
        <v>1</v>
      </c>
      <c r="H739" s="8">
        <v>1</v>
      </c>
      <c r="I739" s="8">
        <v>0</v>
      </c>
      <c r="J739" s="8">
        <v>1</v>
      </c>
      <c r="K739" s="9">
        <v>308</v>
      </c>
      <c r="L739" s="6" t="s">
        <v>51</v>
      </c>
    </row>
    <row r="740" spans="1:12">
      <c r="A740" s="6" t="s">
        <v>49</v>
      </c>
      <c r="B740" s="6"/>
      <c r="C740" s="6" t="s">
        <v>754</v>
      </c>
      <c r="D740" s="6"/>
      <c r="E740" s="6" t="s">
        <v>9</v>
      </c>
      <c r="F740" s="7">
        <v>40879</v>
      </c>
      <c r="G740" s="8">
        <v>1</v>
      </c>
      <c r="H740" s="8">
        <v>1</v>
      </c>
      <c r="I740" s="8">
        <v>0</v>
      </c>
      <c r="J740" s="8">
        <v>1</v>
      </c>
      <c r="K740" s="9">
        <v>1894</v>
      </c>
      <c r="L740" s="6" t="s">
        <v>51</v>
      </c>
    </row>
    <row r="741" spans="1:12">
      <c r="A741" s="6" t="s">
        <v>49</v>
      </c>
      <c r="B741" s="6"/>
      <c r="C741" s="6" t="s">
        <v>755</v>
      </c>
      <c r="D741" s="6"/>
      <c r="E741" s="6" t="s">
        <v>9</v>
      </c>
      <c r="F741" s="7">
        <v>40879</v>
      </c>
      <c r="G741" s="8">
        <v>1</v>
      </c>
      <c r="H741" s="8">
        <v>1</v>
      </c>
      <c r="I741" s="8">
        <v>0</v>
      </c>
      <c r="J741" s="8">
        <v>1</v>
      </c>
      <c r="K741" s="9">
        <v>324</v>
      </c>
      <c r="L741" s="6" t="s">
        <v>51</v>
      </c>
    </row>
    <row r="742" spans="1:12">
      <c r="A742" s="6" t="s">
        <v>49</v>
      </c>
      <c r="B742" s="6"/>
      <c r="C742" s="6" t="s">
        <v>756</v>
      </c>
      <c r="D742" s="6"/>
      <c r="E742" s="6" t="s">
        <v>9</v>
      </c>
      <c r="F742" s="7">
        <v>40879</v>
      </c>
      <c r="G742" s="8">
        <v>1</v>
      </c>
      <c r="H742" s="8">
        <v>1</v>
      </c>
      <c r="I742" s="8">
        <v>0</v>
      </c>
      <c r="J742" s="8">
        <v>1</v>
      </c>
      <c r="K742" s="9">
        <v>2633</v>
      </c>
      <c r="L742" s="6" t="s">
        <v>51</v>
      </c>
    </row>
    <row r="743" spans="1:12">
      <c r="A743" s="6" t="s">
        <v>49</v>
      </c>
      <c r="B743" s="6"/>
      <c r="C743" s="6" t="s">
        <v>757</v>
      </c>
      <c r="D743" s="6"/>
      <c r="E743" s="6" t="s">
        <v>9</v>
      </c>
      <c r="F743" s="7">
        <v>40879</v>
      </c>
      <c r="G743" s="8">
        <v>1</v>
      </c>
      <c r="H743" s="8">
        <v>1</v>
      </c>
      <c r="I743" s="8">
        <v>0</v>
      </c>
      <c r="J743" s="8">
        <v>1</v>
      </c>
      <c r="K743" s="9">
        <v>3.34</v>
      </c>
      <c r="L743" s="6" t="s">
        <v>51</v>
      </c>
    </row>
    <row r="744" spans="1:12">
      <c r="A744" s="6" t="s">
        <v>49</v>
      </c>
      <c r="B744" s="6"/>
      <c r="C744" s="6" t="s">
        <v>758</v>
      </c>
      <c r="D744" s="6"/>
      <c r="E744" s="6" t="s">
        <v>9</v>
      </c>
      <c r="F744" s="7">
        <v>40879</v>
      </c>
      <c r="G744" s="8">
        <v>1</v>
      </c>
      <c r="H744" s="8">
        <v>1</v>
      </c>
      <c r="I744" s="8">
        <v>0</v>
      </c>
      <c r="J744" s="8">
        <v>1</v>
      </c>
      <c r="K744" s="9">
        <v>14</v>
      </c>
      <c r="L744" s="6" t="s">
        <v>51</v>
      </c>
    </row>
    <row r="745" spans="1:12">
      <c r="A745" s="6" t="s">
        <v>49</v>
      </c>
      <c r="B745" s="6"/>
      <c r="C745" s="6" t="s">
        <v>759</v>
      </c>
      <c r="D745" s="6"/>
      <c r="E745" s="6" t="s">
        <v>9</v>
      </c>
      <c r="F745" s="7">
        <v>38657</v>
      </c>
      <c r="G745" s="8">
        <v>1</v>
      </c>
      <c r="H745" s="8">
        <v>1</v>
      </c>
      <c r="I745" s="8">
        <v>0</v>
      </c>
      <c r="J745" s="8">
        <v>1</v>
      </c>
      <c r="K745" s="9">
        <v>420</v>
      </c>
      <c r="L745" s="6" t="s">
        <v>51</v>
      </c>
    </row>
    <row r="746" spans="1:12">
      <c r="A746" s="6" t="s">
        <v>49</v>
      </c>
      <c r="B746" s="6"/>
      <c r="C746" s="6" t="s">
        <v>760</v>
      </c>
      <c r="D746" s="6"/>
      <c r="E746" s="6" t="s">
        <v>9</v>
      </c>
      <c r="F746" s="7">
        <v>40879</v>
      </c>
      <c r="G746" s="8">
        <v>1</v>
      </c>
      <c r="H746" s="8">
        <v>1</v>
      </c>
      <c r="I746" s="8">
        <v>0</v>
      </c>
      <c r="J746" s="8">
        <v>1</v>
      </c>
      <c r="K746" s="9">
        <v>648</v>
      </c>
      <c r="L746" s="6" t="s">
        <v>51</v>
      </c>
    </row>
    <row r="747" spans="1:12">
      <c r="A747" s="6" t="s">
        <v>49</v>
      </c>
      <c r="B747" s="6"/>
      <c r="C747" s="6" t="s">
        <v>761</v>
      </c>
      <c r="D747" s="6"/>
      <c r="E747" s="6" t="s">
        <v>9</v>
      </c>
      <c r="F747" s="7">
        <v>40879</v>
      </c>
      <c r="G747" s="8">
        <v>1</v>
      </c>
      <c r="H747" s="8">
        <v>1</v>
      </c>
      <c r="I747" s="8">
        <v>0</v>
      </c>
      <c r="J747" s="8">
        <v>1</v>
      </c>
      <c r="K747" s="9">
        <v>160</v>
      </c>
      <c r="L747" s="6" t="s">
        <v>51</v>
      </c>
    </row>
    <row r="748" spans="1:12">
      <c r="A748" s="6" t="s">
        <v>49</v>
      </c>
      <c r="B748" s="6"/>
      <c r="C748" s="6" t="s">
        <v>762</v>
      </c>
      <c r="D748" s="6"/>
      <c r="E748" s="6" t="s">
        <v>9</v>
      </c>
      <c r="F748" s="7">
        <v>40879</v>
      </c>
      <c r="G748" s="8">
        <v>1</v>
      </c>
      <c r="H748" s="8">
        <v>1</v>
      </c>
      <c r="I748" s="8">
        <v>0</v>
      </c>
      <c r="J748" s="8">
        <v>1</v>
      </c>
      <c r="K748" s="9">
        <v>12</v>
      </c>
      <c r="L748" s="6" t="s">
        <v>51</v>
      </c>
    </row>
    <row r="749" spans="1:12">
      <c r="A749" s="6" t="s">
        <v>49</v>
      </c>
      <c r="B749" s="6"/>
      <c r="C749" s="6" t="s">
        <v>763</v>
      </c>
      <c r="D749" s="6"/>
      <c r="E749" s="6" t="s">
        <v>9</v>
      </c>
      <c r="F749" s="7">
        <v>41793</v>
      </c>
      <c r="G749" s="8">
        <v>1</v>
      </c>
      <c r="H749" s="8">
        <v>1</v>
      </c>
      <c r="I749" s="8">
        <v>0</v>
      </c>
      <c r="J749" s="8">
        <v>1</v>
      </c>
      <c r="K749" s="9">
        <v>39</v>
      </c>
      <c r="L749" s="6" t="s">
        <v>51</v>
      </c>
    </row>
    <row r="750" spans="1:12">
      <c r="A750" s="6" t="s">
        <v>49</v>
      </c>
      <c r="B750" s="6"/>
      <c r="C750" s="6" t="s">
        <v>764</v>
      </c>
      <c r="D750" s="6"/>
      <c r="E750" s="6" t="s">
        <v>9</v>
      </c>
      <c r="F750" s="7">
        <v>41911</v>
      </c>
      <c r="G750" s="8">
        <v>1</v>
      </c>
      <c r="H750" s="8">
        <v>1</v>
      </c>
      <c r="I750" s="8">
        <v>0</v>
      </c>
      <c r="J750" s="8">
        <v>1</v>
      </c>
      <c r="K750" s="9">
        <v>29</v>
      </c>
      <c r="L750" s="6" t="s">
        <v>51</v>
      </c>
    </row>
    <row r="751" spans="1:12">
      <c r="A751" s="6" t="s">
        <v>49</v>
      </c>
      <c r="B751" s="6"/>
      <c r="C751" s="6" t="s">
        <v>765</v>
      </c>
      <c r="D751" s="6"/>
      <c r="E751" s="6" t="s">
        <v>9</v>
      </c>
      <c r="F751" s="7">
        <v>41624</v>
      </c>
      <c r="G751" s="8">
        <v>1</v>
      </c>
      <c r="H751" s="8">
        <v>1</v>
      </c>
      <c r="I751" s="8">
        <v>0</v>
      </c>
      <c r="J751" s="8">
        <v>1</v>
      </c>
      <c r="K751" s="9">
        <v>23</v>
      </c>
      <c r="L751" s="6" t="s">
        <v>51</v>
      </c>
    </row>
    <row r="752" spans="1:12">
      <c r="A752" s="6" t="s">
        <v>49</v>
      </c>
      <c r="B752" s="6"/>
      <c r="C752" s="6" t="s">
        <v>766</v>
      </c>
      <c r="D752" s="6"/>
      <c r="E752" s="6" t="s">
        <v>9</v>
      </c>
      <c r="F752" s="7">
        <v>41911</v>
      </c>
      <c r="G752" s="8">
        <v>1</v>
      </c>
      <c r="H752" s="8">
        <v>1</v>
      </c>
      <c r="I752" s="8">
        <v>0</v>
      </c>
      <c r="J752" s="8">
        <v>1</v>
      </c>
      <c r="K752" s="9">
        <v>9.91</v>
      </c>
      <c r="L752" s="6" t="s">
        <v>51</v>
      </c>
    </row>
    <row r="753" spans="1:12">
      <c r="A753" s="6" t="s">
        <v>49</v>
      </c>
      <c r="B753" s="6"/>
      <c r="C753" s="6" t="s">
        <v>767</v>
      </c>
      <c r="D753" s="6"/>
      <c r="E753" s="6" t="s">
        <v>9</v>
      </c>
      <c r="F753" s="7">
        <v>41793</v>
      </c>
      <c r="G753" s="8">
        <v>1</v>
      </c>
      <c r="H753" s="8">
        <v>1</v>
      </c>
      <c r="I753" s="8">
        <v>0</v>
      </c>
      <c r="J753" s="8">
        <v>1</v>
      </c>
      <c r="K753" s="9">
        <v>16</v>
      </c>
      <c r="L753" s="6" t="s">
        <v>51</v>
      </c>
    </row>
    <row r="754" spans="1:12">
      <c r="A754" s="6" t="s">
        <v>49</v>
      </c>
      <c r="B754" s="6"/>
      <c r="C754" s="6" t="s">
        <v>768</v>
      </c>
      <c r="D754" s="6"/>
      <c r="E754" s="6" t="s">
        <v>9</v>
      </c>
      <c r="F754" s="7">
        <v>41911</v>
      </c>
      <c r="G754" s="8">
        <v>1</v>
      </c>
      <c r="H754" s="8">
        <v>1</v>
      </c>
      <c r="I754" s="8">
        <v>0</v>
      </c>
      <c r="J754" s="8">
        <v>1</v>
      </c>
      <c r="K754" s="9">
        <v>3.3</v>
      </c>
      <c r="L754" s="6" t="s">
        <v>51</v>
      </c>
    </row>
    <row r="755" spans="1:12">
      <c r="A755" s="6" t="s">
        <v>49</v>
      </c>
      <c r="B755" s="6"/>
      <c r="C755" s="6" t="s">
        <v>769</v>
      </c>
      <c r="D755" s="6"/>
      <c r="E755" s="6" t="s">
        <v>9</v>
      </c>
      <c r="F755" s="7">
        <v>41911</v>
      </c>
      <c r="G755" s="8">
        <v>1</v>
      </c>
      <c r="H755" s="8">
        <v>1</v>
      </c>
      <c r="I755" s="8">
        <v>0</v>
      </c>
      <c r="J755" s="8">
        <v>1</v>
      </c>
      <c r="K755" s="9">
        <v>7.19</v>
      </c>
      <c r="L755" s="6" t="s">
        <v>51</v>
      </c>
    </row>
    <row r="756" spans="1:12">
      <c r="A756" s="6" t="s">
        <v>49</v>
      </c>
      <c r="B756" s="6"/>
      <c r="C756" s="6" t="s">
        <v>770</v>
      </c>
      <c r="D756" s="6"/>
      <c r="E756" s="6" t="s">
        <v>9</v>
      </c>
      <c r="F756" s="7">
        <v>38657</v>
      </c>
      <c r="G756" s="8">
        <v>1</v>
      </c>
      <c r="H756" s="8">
        <v>1</v>
      </c>
      <c r="I756" s="8">
        <v>0</v>
      </c>
      <c r="J756" s="8">
        <v>1</v>
      </c>
      <c r="K756" s="9">
        <v>455</v>
      </c>
      <c r="L756" s="6" t="s">
        <v>51</v>
      </c>
    </row>
    <row r="757" spans="1:12">
      <c r="A757" s="6" t="s">
        <v>49</v>
      </c>
      <c r="B757" s="6"/>
      <c r="C757" s="6" t="s">
        <v>771</v>
      </c>
      <c r="D757" s="6"/>
      <c r="E757" s="6" t="s">
        <v>9</v>
      </c>
      <c r="F757" s="7">
        <v>41577</v>
      </c>
      <c r="G757" s="8">
        <v>1</v>
      </c>
      <c r="H757" s="8">
        <v>1</v>
      </c>
      <c r="I757" s="8">
        <v>0</v>
      </c>
      <c r="J757" s="8">
        <v>1</v>
      </c>
      <c r="K757" s="9">
        <v>13</v>
      </c>
      <c r="L757" s="6" t="s">
        <v>51</v>
      </c>
    </row>
    <row r="758" spans="1:12">
      <c r="A758" s="6" t="s">
        <v>49</v>
      </c>
      <c r="B758" s="6"/>
      <c r="C758" s="6" t="s">
        <v>772</v>
      </c>
      <c r="D758" s="6"/>
      <c r="E758" s="6" t="s">
        <v>9</v>
      </c>
      <c r="F758" s="7">
        <v>41911</v>
      </c>
      <c r="G758" s="8">
        <v>1</v>
      </c>
      <c r="H758" s="8">
        <v>1</v>
      </c>
      <c r="I758" s="8">
        <v>0</v>
      </c>
      <c r="J758" s="8">
        <v>1</v>
      </c>
      <c r="K758" s="9">
        <v>7.56</v>
      </c>
      <c r="L758" s="6" t="s">
        <v>51</v>
      </c>
    </row>
    <row r="759" spans="1:12">
      <c r="A759" s="6" t="s">
        <v>49</v>
      </c>
      <c r="B759" s="6"/>
      <c r="C759" s="6" t="s">
        <v>773</v>
      </c>
      <c r="D759" s="6"/>
      <c r="E759" s="6" t="s">
        <v>9</v>
      </c>
      <c r="F759" s="7">
        <v>41942</v>
      </c>
      <c r="G759" s="8">
        <v>1</v>
      </c>
      <c r="H759" s="8">
        <v>1</v>
      </c>
      <c r="I759" s="8">
        <v>0</v>
      </c>
      <c r="J759" s="8">
        <v>1</v>
      </c>
      <c r="K759" s="9">
        <v>5.32</v>
      </c>
      <c r="L759" s="6" t="s">
        <v>51</v>
      </c>
    </row>
    <row r="760" spans="1:12">
      <c r="A760" s="6" t="s">
        <v>49</v>
      </c>
      <c r="B760" s="6"/>
      <c r="C760" s="6" t="s">
        <v>774</v>
      </c>
      <c r="D760" s="6"/>
      <c r="E760" s="6" t="s">
        <v>9</v>
      </c>
      <c r="F760" s="7">
        <v>41767</v>
      </c>
      <c r="G760" s="8">
        <v>1</v>
      </c>
      <c r="H760" s="8">
        <v>1</v>
      </c>
      <c r="I760" s="8">
        <v>0</v>
      </c>
      <c r="J760" s="8">
        <v>1</v>
      </c>
      <c r="K760" s="9">
        <v>9.91</v>
      </c>
      <c r="L760" s="6" t="s">
        <v>51</v>
      </c>
    </row>
    <row r="761" spans="1:12">
      <c r="A761" s="6" t="s">
        <v>49</v>
      </c>
      <c r="B761" s="6"/>
      <c r="C761" s="6" t="s">
        <v>775</v>
      </c>
      <c r="D761" s="6"/>
      <c r="E761" s="6" t="s">
        <v>9</v>
      </c>
      <c r="F761" s="7">
        <v>41730</v>
      </c>
      <c r="G761" s="8">
        <v>158640</v>
      </c>
      <c r="H761" s="8">
        <v>158640</v>
      </c>
      <c r="I761" s="8">
        <v>0</v>
      </c>
      <c r="J761" s="8">
        <v>158640</v>
      </c>
      <c r="K761" s="9">
        <v>13.22</v>
      </c>
      <c r="L761" s="6" t="s">
        <v>10</v>
      </c>
    </row>
    <row r="762" spans="1:12">
      <c r="A762" s="6" t="s">
        <v>49</v>
      </c>
      <c r="B762" s="6"/>
      <c r="C762" s="6" t="s">
        <v>776</v>
      </c>
      <c r="D762" s="6"/>
      <c r="E762" s="6" t="s">
        <v>9</v>
      </c>
      <c r="F762" s="7">
        <v>38657</v>
      </c>
      <c r="G762" s="8">
        <v>1</v>
      </c>
      <c r="H762" s="8">
        <v>1</v>
      </c>
      <c r="I762" s="8">
        <v>0</v>
      </c>
      <c r="J762" s="8">
        <v>1</v>
      </c>
      <c r="K762" s="9">
        <v>7.15</v>
      </c>
      <c r="L762" s="6" t="s">
        <v>51</v>
      </c>
    </row>
    <row r="763" spans="1:12">
      <c r="A763" s="6" t="s">
        <v>49</v>
      </c>
      <c r="B763" s="6"/>
      <c r="C763" s="6" t="s">
        <v>777</v>
      </c>
      <c r="D763" s="6"/>
      <c r="E763" s="6" t="s">
        <v>9</v>
      </c>
      <c r="F763" s="7">
        <v>38657</v>
      </c>
      <c r="G763" s="8">
        <v>1</v>
      </c>
      <c r="H763" s="8">
        <v>1</v>
      </c>
      <c r="I763" s="8">
        <v>0</v>
      </c>
      <c r="J763" s="8">
        <v>1</v>
      </c>
      <c r="K763" s="9">
        <v>25.46</v>
      </c>
      <c r="L763" s="6" t="s">
        <v>51</v>
      </c>
    </row>
    <row r="764" spans="1:12">
      <c r="A764" s="6" t="s">
        <v>49</v>
      </c>
      <c r="B764" s="6"/>
      <c r="C764" s="6" t="s">
        <v>778</v>
      </c>
      <c r="D764" s="6"/>
      <c r="E764" s="6" t="s">
        <v>9</v>
      </c>
      <c r="F764" s="7">
        <v>38657</v>
      </c>
      <c r="G764" s="8">
        <v>1</v>
      </c>
      <c r="H764" s="8">
        <v>1</v>
      </c>
      <c r="I764" s="8">
        <v>0</v>
      </c>
      <c r="J764" s="8">
        <v>1</v>
      </c>
      <c r="K764" s="9">
        <v>15.51</v>
      </c>
      <c r="L764" s="6" t="s">
        <v>51</v>
      </c>
    </row>
    <row r="765" spans="1:12">
      <c r="A765" s="6" t="s">
        <v>49</v>
      </c>
      <c r="B765" s="6"/>
      <c r="C765" s="6" t="s">
        <v>779</v>
      </c>
      <c r="D765" s="6"/>
      <c r="E765" s="6" t="s">
        <v>9</v>
      </c>
      <c r="F765" s="7">
        <v>38657</v>
      </c>
      <c r="G765" s="8">
        <v>1</v>
      </c>
      <c r="H765" s="8">
        <v>1</v>
      </c>
      <c r="I765" s="8">
        <v>0</v>
      </c>
      <c r="J765" s="8">
        <v>1</v>
      </c>
      <c r="K765" s="9">
        <v>21.91</v>
      </c>
      <c r="L765" s="6" t="s">
        <v>51</v>
      </c>
    </row>
    <row r="766" spans="1:12">
      <c r="A766" s="6" t="s">
        <v>49</v>
      </c>
      <c r="B766" s="6"/>
      <c r="C766" s="6" t="s">
        <v>780</v>
      </c>
      <c r="D766" s="6"/>
      <c r="E766" s="6" t="s">
        <v>9</v>
      </c>
      <c r="F766" s="7">
        <v>38657</v>
      </c>
      <c r="G766" s="8">
        <v>1</v>
      </c>
      <c r="H766" s="8">
        <v>1</v>
      </c>
      <c r="I766" s="8">
        <v>0</v>
      </c>
      <c r="J766" s="8">
        <v>1</v>
      </c>
      <c r="K766" s="9">
        <v>27</v>
      </c>
      <c r="L766" s="6" t="s">
        <v>51</v>
      </c>
    </row>
    <row r="767" spans="1:12">
      <c r="A767" s="6" t="s">
        <v>49</v>
      </c>
      <c r="B767" s="6"/>
      <c r="C767" s="6" t="s">
        <v>781</v>
      </c>
      <c r="D767" s="6"/>
      <c r="E767" s="6" t="s">
        <v>9</v>
      </c>
      <c r="F767" s="7">
        <v>38657</v>
      </c>
      <c r="G767" s="8">
        <v>1</v>
      </c>
      <c r="H767" s="8">
        <v>1</v>
      </c>
      <c r="I767" s="8">
        <v>0</v>
      </c>
      <c r="J767" s="8">
        <v>1</v>
      </c>
      <c r="K767" s="9">
        <v>711</v>
      </c>
      <c r="L767" s="6" t="s">
        <v>51</v>
      </c>
    </row>
    <row r="768" spans="1:12">
      <c r="A768" s="6" t="s">
        <v>49</v>
      </c>
      <c r="B768" s="6"/>
      <c r="C768" s="6" t="s">
        <v>782</v>
      </c>
      <c r="D768" s="6"/>
      <c r="E768" s="6" t="s">
        <v>9</v>
      </c>
      <c r="F768" s="7">
        <v>38657</v>
      </c>
      <c r="G768" s="8">
        <v>1</v>
      </c>
      <c r="H768" s="8">
        <v>1</v>
      </c>
      <c r="I768" s="8">
        <v>0</v>
      </c>
      <c r="J768" s="8">
        <v>1</v>
      </c>
      <c r="K768" s="9">
        <v>0.48</v>
      </c>
      <c r="L768" s="6" t="s">
        <v>51</v>
      </c>
    </row>
    <row r="769" spans="1:12">
      <c r="A769" s="6" t="s">
        <v>49</v>
      </c>
      <c r="B769" s="6"/>
      <c r="C769" s="6" t="s">
        <v>783</v>
      </c>
      <c r="D769" s="6"/>
      <c r="E769" s="6" t="s">
        <v>9</v>
      </c>
      <c r="F769" s="7">
        <v>38657</v>
      </c>
      <c r="G769" s="8">
        <v>1</v>
      </c>
      <c r="H769" s="8">
        <v>1</v>
      </c>
      <c r="I769" s="8">
        <v>0</v>
      </c>
      <c r="J769" s="8">
        <v>1</v>
      </c>
      <c r="K769" s="9">
        <v>0.03</v>
      </c>
      <c r="L769" s="6" t="s">
        <v>51</v>
      </c>
    </row>
    <row r="770" spans="1:12">
      <c r="A770" s="6" t="s">
        <v>49</v>
      </c>
      <c r="B770" s="6"/>
      <c r="C770" s="6" t="s">
        <v>784</v>
      </c>
      <c r="D770" s="6"/>
      <c r="E770" s="6" t="s">
        <v>9</v>
      </c>
      <c r="F770" s="7">
        <v>38657</v>
      </c>
      <c r="G770" s="8">
        <v>1</v>
      </c>
      <c r="H770" s="8">
        <v>1</v>
      </c>
      <c r="I770" s="8">
        <v>0</v>
      </c>
      <c r="J770" s="8">
        <v>1</v>
      </c>
      <c r="K770" s="9">
        <v>11</v>
      </c>
      <c r="L770" s="6" t="s">
        <v>51</v>
      </c>
    </row>
    <row r="771" spans="1:12">
      <c r="A771" s="6" t="s">
        <v>49</v>
      </c>
      <c r="B771" s="6"/>
      <c r="C771" s="6" t="s">
        <v>785</v>
      </c>
      <c r="D771" s="6"/>
      <c r="E771" s="6" t="s">
        <v>9</v>
      </c>
      <c r="F771" s="7">
        <v>38657</v>
      </c>
      <c r="G771" s="8">
        <v>1</v>
      </c>
      <c r="H771" s="8">
        <v>1</v>
      </c>
      <c r="I771" s="8">
        <v>0</v>
      </c>
      <c r="J771" s="8">
        <v>1</v>
      </c>
      <c r="K771" s="9">
        <v>23</v>
      </c>
      <c r="L771" s="6" t="s">
        <v>51</v>
      </c>
    </row>
    <row r="772" spans="1:12">
      <c r="A772" s="6" t="s">
        <v>49</v>
      </c>
      <c r="B772" s="6"/>
      <c r="C772" s="6" t="s">
        <v>786</v>
      </c>
      <c r="D772" s="6"/>
      <c r="E772" s="6" t="s">
        <v>9</v>
      </c>
      <c r="F772" s="7">
        <v>38657</v>
      </c>
      <c r="G772" s="8">
        <v>1</v>
      </c>
      <c r="H772" s="8">
        <v>1</v>
      </c>
      <c r="I772" s="8">
        <v>0</v>
      </c>
      <c r="J772" s="8">
        <v>1</v>
      </c>
      <c r="K772" s="9">
        <v>103.17</v>
      </c>
      <c r="L772" s="6" t="s">
        <v>51</v>
      </c>
    </row>
    <row r="773" spans="1:12">
      <c r="A773" s="6" t="s">
        <v>49</v>
      </c>
      <c r="B773" s="6"/>
      <c r="C773" s="6" t="s">
        <v>787</v>
      </c>
      <c r="D773" s="6"/>
      <c r="E773" s="6" t="s">
        <v>9</v>
      </c>
      <c r="F773" s="7">
        <v>38657</v>
      </c>
      <c r="G773" s="8">
        <v>1</v>
      </c>
      <c r="H773" s="8">
        <v>1</v>
      </c>
      <c r="I773" s="8">
        <v>0</v>
      </c>
      <c r="J773" s="8">
        <v>1</v>
      </c>
      <c r="K773" s="9">
        <v>28</v>
      </c>
      <c r="L773" s="6" t="s">
        <v>51</v>
      </c>
    </row>
    <row r="774" spans="1:12">
      <c r="A774" s="6" t="s">
        <v>49</v>
      </c>
      <c r="B774" s="6"/>
      <c r="C774" s="6" t="s">
        <v>788</v>
      </c>
      <c r="D774" s="6"/>
      <c r="E774" s="6" t="s">
        <v>9</v>
      </c>
      <c r="F774" s="7">
        <v>38657</v>
      </c>
      <c r="G774" s="8">
        <v>1</v>
      </c>
      <c r="H774" s="8">
        <v>1</v>
      </c>
      <c r="I774" s="8">
        <v>0</v>
      </c>
      <c r="J774" s="8">
        <v>1</v>
      </c>
      <c r="K774" s="9">
        <v>9.91</v>
      </c>
      <c r="L774" s="6" t="s">
        <v>51</v>
      </c>
    </row>
    <row r="775" spans="1:12">
      <c r="A775" s="6" t="s">
        <v>49</v>
      </c>
      <c r="B775" s="6"/>
      <c r="C775" s="6" t="s">
        <v>789</v>
      </c>
      <c r="D775" s="6"/>
      <c r="E775" s="6" t="s">
        <v>9</v>
      </c>
      <c r="F775" s="7">
        <v>38657</v>
      </c>
      <c r="G775" s="8">
        <v>1</v>
      </c>
      <c r="H775" s="8">
        <v>1</v>
      </c>
      <c r="I775" s="8">
        <v>0</v>
      </c>
      <c r="J775" s="8">
        <v>1</v>
      </c>
      <c r="K775" s="9">
        <v>33.17</v>
      </c>
      <c r="L775" s="6" t="s">
        <v>51</v>
      </c>
    </row>
    <row r="776" spans="1:12">
      <c r="A776" s="6" t="s">
        <v>49</v>
      </c>
      <c r="B776" s="6"/>
      <c r="C776" s="6" t="s">
        <v>790</v>
      </c>
      <c r="D776" s="6"/>
      <c r="E776" s="6" t="s">
        <v>9</v>
      </c>
      <c r="F776" s="7">
        <v>38657</v>
      </c>
      <c r="G776" s="8">
        <v>1</v>
      </c>
      <c r="H776" s="8">
        <v>1</v>
      </c>
      <c r="I776" s="8">
        <v>0</v>
      </c>
      <c r="J776" s="8">
        <v>1</v>
      </c>
      <c r="K776" s="9">
        <v>38.42</v>
      </c>
      <c r="L776" s="6" t="s">
        <v>51</v>
      </c>
    </row>
    <row r="777" spans="1:12">
      <c r="A777" s="6" t="s">
        <v>49</v>
      </c>
      <c r="B777" s="6"/>
      <c r="C777" s="6" t="s">
        <v>791</v>
      </c>
      <c r="D777" s="6"/>
      <c r="E777" s="6" t="s">
        <v>9</v>
      </c>
      <c r="F777" s="7">
        <v>38657</v>
      </c>
      <c r="G777" s="8">
        <v>1</v>
      </c>
      <c r="H777" s="8">
        <v>1</v>
      </c>
      <c r="I777" s="8">
        <v>0</v>
      </c>
      <c r="J777" s="8">
        <v>1</v>
      </c>
      <c r="K777" s="9">
        <v>95.86</v>
      </c>
      <c r="L777" s="6" t="s">
        <v>51</v>
      </c>
    </row>
    <row r="778" spans="1:12">
      <c r="A778" s="6" t="s">
        <v>49</v>
      </c>
      <c r="B778" s="6"/>
      <c r="C778" s="6" t="s">
        <v>792</v>
      </c>
      <c r="D778" s="6"/>
      <c r="E778" s="6" t="s">
        <v>9</v>
      </c>
      <c r="F778" s="7">
        <v>38657</v>
      </c>
      <c r="G778" s="8">
        <v>1</v>
      </c>
      <c r="H778" s="8">
        <v>1</v>
      </c>
      <c r="I778" s="8">
        <v>0</v>
      </c>
      <c r="J778" s="8">
        <v>1</v>
      </c>
      <c r="K778" s="9">
        <v>199</v>
      </c>
      <c r="L778" s="6" t="s">
        <v>51</v>
      </c>
    </row>
    <row r="779" spans="1:12">
      <c r="A779" s="6" t="s">
        <v>49</v>
      </c>
      <c r="B779" s="6"/>
      <c r="C779" s="6" t="s">
        <v>793</v>
      </c>
      <c r="D779" s="6"/>
      <c r="E779" s="6" t="s">
        <v>9</v>
      </c>
      <c r="F779" s="7">
        <v>38657</v>
      </c>
      <c r="G779" s="8">
        <v>1</v>
      </c>
      <c r="H779" s="8">
        <v>1</v>
      </c>
      <c r="I779" s="8">
        <v>0</v>
      </c>
      <c r="J779" s="8">
        <v>1</v>
      </c>
      <c r="K779" s="9">
        <v>19.829999999999899</v>
      </c>
      <c r="L779" s="6" t="s">
        <v>51</v>
      </c>
    </row>
    <row r="780" spans="1:12">
      <c r="A780" s="6" t="s">
        <v>49</v>
      </c>
      <c r="B780" s="6"/>
      <c r="C780" s="6" t="s">
        <v>794</v>
      </c>
      <c r="D780" s="6"/>
      <c r="E780" s="6" t="s">
        <v>9</v>
      </c>
      <c r="F780" s="7">
        <v>38657</v>
      </c>
      <c r="G780" s="8">
        <v>1</v>
      </c>
      <c r="H780" s="8">
        <v>1</v>
      </c>
      <c r="I780" s="8">
        <v>0</v>
      </c>
      <c r="J780" s="8">
        <v>1</v>
      </c>
      <c r="K780" s="9">
        <v>59</v>
      </c>
      <c r="L780" s="6" t="s">
        <v>51</v>
      </c>
    </row>
    <row r="781" spans="1:12">
      <c r="A781" s="6" t="s">
        <v>49</v>
      </c>
      <c r="B781" s="6"/>
      <c r="C781" s="6" t="s">
        <v>795</v>
      </c>
      <c r="D781" s="6"/>
      <c r="E781" s="6" t="s">
        <v>9</v>
      </c>
      <c r="F781" s="7">
        <v>38657</v>
      </c>
      <c r="G781" s="8">
        <v>1</v>
      </c>
      <c r="H781" s="8">
        <v>1</v>
      </c>
      <c r="I781" s="8">
        <v>0</v>
      </c>
      <c r="J781" s="8">
        <v>1</v>
      </c>
      <c r="K781" s="9">
        <v>16</v>
      </c>
      <c r="L781" s="6" t="s">
        <v>51</v>
      </c>
    </row>
    <row r="782" spans="1:12">
      <c r="A782" s="6" t="s">
        <v>49</v>
      </c>
      <c r="B782" s="6"/>
      <c r="C782" s="6" t="s">
        <v>796</v>
      </c>
      <c r="D782" s="6"/>
      <c r="E782" s="6" t="s">
        <v>9</v>
      </c>
      <c r="F782" s="7">
        <v>38657</v>
      </c>
      <c r="G782" s="8">
        <v>1</v>
      </c>
      <c r="H782" s="8">
        <v>1</v>
      </c>
      <c r="I782" s="8">
        <v>0</v>
      </c>
      <c r="J782" s="8">
        <v>1</v>
      </c>
      <c r="K782" s="9">
        <v>9.91</v>
      </c>
      <c r="L782" s="6" t="s">
        <v>51</v>
      </c>
    </row>
    <row r="783" spans="1:12">
      <c r="A783" s="6" t="s">
        <v>49</v>
      </c>
      <c r="B783" s="6"/>
      <c r="C783" s="6" t="s">
        <v>797</v>
      </c>
      <c r="D783" s="6"/>
      <c r="E783" s="6" t="s">
        <v>9</v>
      </c>
      <c r="F783" s="7">
        <v>38657</v>
      </c>
      <c r="G783" s="8">
        <v>1</v>
      </c>
      <c r="H783" s="8">
        <v>1</v>
      </c>
      <c r="I783" s="8">
        <v>0</v>
      </c>
      <c r="J783" s="8">
        <v>1</v>
      </c>
      <c r="K783" s="9">
        <v>221</v>
      </c>
      <c r="L783" s="6" t="s">
        <v>51</v>
      </c>
    </row>
    <row r="784" spans="1:12">
      <c r="A784" s="6" t="s">
        <v>49</v>
      </c>
      <c r="B784" s="6"/>
      <c r="C784" s="6" t="s">
        <v>798</v>
      </c>
      <c r="D784" s="6"/>
      <c r="E784" s="6" t="s">
        <v>9</v>
      </c>
      <c r="F784" s="7">
        <v>38657</v>
      </c>
      <c r="G784" s="8">
        <v>1</v>
      </c>
      <c r="H784" s="8">
        <v>1</v>
      </c>
      <c r="I784" s="8">
        <v>0</v>
      </c>
      <c r="J784" s="8">
        <v>1</v>
      </c>
      <c r="K784" s="9">
        <v>23</v>
      </c>
      <c r="L784" s="6" t="s">
        <v>51</v>
      </c>
    </row>
    <row r="785" spans="1:12">
      <c r="A785" s="6" t="s">
        <v>49</v>
      </c>
      <c r="B785" s="6"/>
      <c r="C785" s="6" t="s">
        <v>799</v>
      </c>
      <c r="D785" s="6"/>
      <c r="E785" s="6" t="s">
        <v>9</v>
      </c>
      <c r="F785" s="7">
        <v>38657</v>
      </c>
      <c r="G785" s="8">
        <v>1</v>
      </c>
      <c r="H785" s="8">
        <v>1</v>
      </c>
      <c r="I785" s="8">
        <v>0</v>
      </c>
      <c r="J785" s="8">
        <v>1</v>
      </c>
      <c r="K785" s="9">
        <v>6.61</v>
      </c>
      <c r="L785" s="6" t="s">
        <v>51</v>
      </c>
    </row>
    <row r="786" spans="1:12">
      <c r="A786" s="6" t="s">
        <v>49</v>
      </c>
      <c r="B786" s="6"/>
      <c r="C786" s="6" t="s">
        <v>800</v>
      </c>
      <c r="D786" s="6"/>
      <c r="E786" s="6" t="s">
        <v>9</v>
      </c>
      <c r="F786" s="7">
        <v>38657</v>
      </c>
      <c r="G786" s="8">
        <v>1</v>
      </c>
      <c r="H786" s="8">
        <v>1</v>
      </c>
      <c r="I786" s="8">
        <v>0</v>
      </c>
      <c r="J786" s="8">
        <v>1</v>
      </c>
      <c r="K786" s="9">
        <v>58</v>
      </c>
      <c r="L786" s="6" t="s">
        <v>51</v>
      </c>
    </row>
    <row r="787" spans="1:12">
      <c r="A787" s="6" t="s">
        <v>49</v>
      </c>
      <c r="B787" s="6"/>
      <c r="C787" s="6" t="s">
        <v>801</v>
      </c>
      <c r="D787" s="6"/>
      <c r="E787" s="6" t="s">
        <v>9</v>
      </c>
      <c r="F787" s="7">
        <v>38657</v>
      </c>
      <c r="G787" s="8">
        <v>1</v>
      </c>
      <c r="H787" s="8">
        <v>1</v>
      </c>
      <c r="I787" s="8">
        <v>0</v>
      </c>
      <c r="J787" s="8">
        <v>1</v>
      </c>
      <c r="K787" s="9">
        <v>24</v>
      </c>
      <c r="L787" s="6" t="s">
        <v>51</v>
      </c>
    </row>
    <row r="788" spans="1:12">
      <c r="A788" s="6" t="s">
        <v>49</v>
      </c>
      <c r="B788" s="6"/>
      <c r="C788" s="6" t="s">
        <v>802</v>
      </c>
      <c r="D788" s="6"/>
      <c r="E788" s="6" t="s">
        <v>9</v>
      </c>
      <c r="F788" s="7">
        <v>38657</v>
      </c>
      <c r="G788" s="8">
        <v>1</v>
      </c>
      <c r="H788" s="8">
        <v>1</v>
      </c>
      <c r="I788" s="8">
        <v>0</v>
      </c>
      <c r="J788" s="8">
        <v>1</v>
      </c>
      <c r="K788" s="9">
        <v>16</v>
      </c>
      <c r="L788" s="6" t="s">
        <v>51</v>
      </c>
    </row>
    <row r="789" spans="1:12">
      <c r="A789" s="6" t="s">
        <v>49</v>
      </c>
      <c r="B789" s="6"/>
      <c r="C789" s="6" t="s">
        <v>803</v>
      </c>
      <c r="D789" s="6"/>
      <c r="E789" s="6" t="s">
        <v>9</v>
      </c>
      <c r="F789" s="7">
        <v>38657</v>
      </c>
      <c r="G789" s="8">
        <v>1</v>
      </c>
      <c r="H789" s="8">
        <v>1</v>
      </c>
      <c r="I789" s="8">
        <v>0</v>
      </c>
      <c r="J789" s="8">
        <v>1</v>
      </c>
      <c r="K789" s="9">
        <v>1232</v>
      </c>
      <c r="L789" s="6" t="s">
        <v>51</v>
      </c>
    </row>
    <row r="790" spans="1:12">
      <c r="A790" s="6" t="s">
        <v>49</v>
      </c>
      <c r="B790" s="6"/>
      <c r="C790" s="6" t="s">
        <v>804</v>
      </c>
      <c r="D790" s="6"/>
      <c r="E790" s="6" t="s">
        <v>9</v>
      </c>
      <c r="F790" s="7">
        <v>38657</v>
      </c>
      <c r="G790" s="8">
        <v>1</v>
      </c>
      <c r="H790" s="8">
        <v>1</v>
      </c>
      <c r="I790" s="8">
        <v>0</v>
      </c>
      <c r="J790" s="8">
        <v>1</v>
      </c>
      <c r="K790" s="9">
        <v>315</v>
      </c>
      <c r="L790" s="6" t="s">
        <v>51</v>
      </c>
    </row>
    <row r="791" spans="1:12">
      <c r="A791" s="6" t="s">
        <v>49</v>
      </c>
      <c r="B791" s="6"/>
      <c r="C791" s="6" t="s">
        <v>805</v>
      </c>
      <c r="D791" s="6"/>
      <c r="E791" s="6" t="s">
        <v>9</v>
      </c>
      <c r="F791" s="7">
        <v>38657</v>
      </c>
      <c r="G791" s="8">
        <v>1</v>
      </c>
      <c r="H791" s="8">
        <v>1</v>
      </c>
      <c r="I791" s="8">
        <v>0</v>
      </c>
      <c r="J791" s="8">
        <v>1</v>
      </c>
      <c r="K791" s="9">
        <v>40</v>
      </c>
      <c r="L791" s="6" t="s">
        <v>51</v>
      </c>
    </row>
    <row r="792" spans="1:12">
      <c r="A792" s="6" t="s">
        <v>49</v>
      </c>
      <c r="B792" s="6"/>
      <c r="C792" s="6" t="s">
        <v>806</v>
      </c>
      <c r="D792" s="6"/>
      <c r="E792" s="6" t="s">
        <v>9</v>
      </c>
      <c r="F792" s="7">
        <v>38657</v>
      </c>
      <c r="G792" s="8">
        <v>1</v>
      </c>
      <c r="H792" s="8">
        <v>1</v>
      </c>
      <c r="I792" s="8">
        <v>0</v>
      </c>
      <c r="J792" s="8">
        <v>1</v>
      </c>
      <c r="K792" s="9">
        <v>23</v>
      </c>
      <c r="L792" s="6" t="s">
        <v>51</v>
      </c>
    </row>
    <row r="793" spans="1:12">
      <c r="A793" s="6" t="s">
        <v>49</v>
      </c>
      <c r="B793" s="6"/>
      <c r="C793" s="6" t="s">
        <v>807</v>
      </c>
      <c r="D793" s="6"/>
      <c r="E793" s="6" t="s">
        <v>9</v>
      </c>
      <c r="F793" s="7">
        <v>38657</v>
      </c>
      <c r="G793" s="8">
        <v>1</v>
      </c>
      <c r="H793" s="8">
        <v>1</v>
      </c>
      <c r="I793" s="8">
        <v>0</v>
      </c>
      <c r="J793" s="8">
        <v>1</v>
      </c>
      <c r="K793" s="9">
        <v>12</v>
      </c>
      <c r="L793" s="6" t="s">
        <v>51</v>
      </c>
    </row>
    <row r="794" spans="1:12">
      <c r="A794" s="6" t="s">
        <v>49</v>
      </c>
      <c r="B794" s="6"/>
      <c r="C794" s="6" t="s">
        <v>808</v>
      </c>
      <c r="D794" s="6"/>
      <c r="E794" s="6" t="s">
        <v>9</v>
      </c>
      <c r="F794" s="7">
        <v>38657</v>
      </c>
      <c r="G794" s="8">
        <v>1</v>
      </c>
      <c r="H794" s="8">
        <v>1</v>
      </c>
      <c r="I794" s="8">
        <v>0</v>
      </c>
      <c r="J794" s="8">
        <v>1</v>
      </c>
      <c r="K794" s="9">
        <v>4.28</v>
      </c>
      <c r="L794" s="6" t="s">
        <v>51</v>
      </c>
    </row>
    <row r="795" spans="1:12">
      <c r="A795" s="6" t="s">
        <v>49</v>
      </c>
      <c r="B795" s="6"/>
      <c r="C795" s="6" t="s">
        <v>809</v>
      </c>
      <c r="D795" s="6"/>
      <c r="E795" s="6" t="s">
        <v>9</v>
      </c>
      <c r="F795" s="7">
        <v>38657</v>
      </c>
      <c r="G795" s="8">
        <v>1</v>
      </c>
      <c r="H795" s="8">
        <v>1</v>
      </c>
      <c r="I795" s="8">
        <v>0</v>
      </c>
      <c r="J795" s="8">
        <v>1</v>
      </c>
      <c r="K795" s="9">
        <v>11</v>
      </c>
      <c r="L795" s="6" t="s">
        <v>51</v>
      </c>
    </row>
    <row r="796" spans="1:12">
      <c r="A796" s="6" t="s">
        <v>49</v>
      </c>
      <c r="B796" s="6"/>
      <c r="C796" s="6" t="s">
        <v>810</v>
      </c>
      <c r="D796" s="6"/>
      <c r="E796" s="6" t="s">
        <v>9</v>
      </c>
      <c r="F796" s="7">
        <v>38657</v>
      </c>
      <c r="G796" s="8">
        <v>1</v>
      </c>
      <c r="H796" s="8">
        <v>1</v>
      </c>
      <c r="I796" s="8">
        <v>0</v>
      </c>
      <c r="J796" s="8">
        <v>1</v>
      </c>
      <c r="K796" s="9">
        <v>4.9800000000000004</v>
      </c>
      <c r="L796" s="6" t="s">
        <v>51</v>
      </c>
    </row>
    <row r="797" spans="1:12">
      <c r="A797" s="6" t="s">
        <v>49</v>
      </c>
      <c r="B797" s="6"/>
      <c r="C797" s="6" t="s">
        <v>811</v>
      </c>
      <c r="D797" s="6"/>
      <c r="E797" s="6" t="s">
        <v>9</v>
      </c>
      <c r="F797" s="7">
        <v>38657</v>
      </c>
      <c r="G797" s="8">
        <v>1</v>
      </c>
      <c r="H797" s="8">
        <v>1</v>
      </c>
      <c r="I797" s="8">
        <v>0</v>
      </c>
      <c r="J797" s="8">
        <v>1</v>
      </c>
      <c r="K797" s="9">
        <v>79</v>
      </c>
      <c r="L797" s="6" t="s">
        <v>51</v>
      </c>
    </row>
    <row r="798" spans="1:12">
      <c r="A798" s="6" t="s">
        <v>49</v>
      </c>
      <c r="B798" s="6"/>
      <c r="C798" s="6" t="s">
        <v>812</v>
      </c>
      <c r="D798" s="6"/>
      <c r="E798" s="6" t="s">
        <v>9</v>
      </c>
      <c r="F798" s="7">
        <v>38657</v>
      </c>
      <c r="G798" s="8">
        <v>1</v>
      </c>
      <c r="H798" s="8">
        <v>1</v>
      </c>
      <c r="I798" s="8">
        <v>0</v>
      </c>
      <c r="J798" s="8">
        <v>1</v>
      </c>
      <c r="K798" s="9">
        <v>19</v>
      </c>
      <c r="L798" s="6" t="s">
        <v>51</v>
      </c>
    </row>
    <row r="799" spans="1:12">
      <c r="A799" s="6" t="s">
        <v>49</v>
      </c>
      <c r="B799" s="6"/>
      <c r="C799" s="6" t="s">
        <v>813</v>
      </c>
      <c r="D799" s="6"/>
      <c r="E799" s="6" t="s">
        <v>9</v>
      </c>
      <c r="F799" s="7">
        <v>38657</v>
      </c>
      <c r="G799" s="8">
        <v>1</v>
      </c>
      <c r="H799" s="8">
        <v>1</v>
      </c>
      <c r="I799" s="8">
        <v>0</v>
      </c>
      <c r="J799" s="8">
        <v>1</v>
      </c>
      <c r="K799" s="9">
        <v>39</v>
      </c>
      <c r="L799" s="6" t="s">
        <v>51</v>
      </c>
    </row>
    <row r="800" spans="1:12">
      <c r="A800" s="6" t="s">
        <v>49</v>
      </c>
      <c r="B800" s="6"/>
      <c r="C800" s="6" t="s">
        <v>814</v>
      </c>
      <c r="D800" s="6"/>
      <c r="E800" s="6" t="s">
        <v>9</v>
      </c>
      <c r="F800" s="7">
        <v>38657</v>
      </c>
      <c r="G800" s="8">
        <v>1</v>
      </c>
      <c r="H800" s="8">
        <v>1</v>
      </c>
      <c r="I800" s="8">
        <v>0</v>
      </c>
      <c r="J800" s="8">
        <v>1</v>
      </c>
      <c r="K800" s="9">
        <v>18</v>
      </c>
      <c r="L800" s="6" t="s">
        <v>51</v>
      </c>
    </row>
    <row r="801" spans="1:12">
      <c r="A801" s="6" t="s">
        <v>49</v>
      </c>
      <c r="B801" s="6"/>
      <c r="C801" s="6" t="s">
        <v>815</v>
      </c>
      <c r="D801" s="6"/>
      <c r="E801" s="6" t="s">
        <v>9</v>
      </c>
      <c r="F801" s="7">
        <v>38657</v>
      </c>
      <c r="G801" s="8">
        <v>1</v>
      </c>
      <c r="H801" s="8">
        <v>1</v>
      </c>
      <c r="I801" s="8">
        <v>0</v>
      </c>
      <c r="J801" s="8">
        <v>1</v>
      </c>
      <c r="K801" s="9">
        <v>608</v>
      </c>
      <c r="L801" s="6" t="s">
        <v>51</v>
      </c>
    </row>
    <row r="802" spans="1:12">
      <c r="A802" s="6" t="s">
        <v>49</v>
      </c>
      <c r="B802" s="6"/>
      <c r="C802" s="6" t="s">
        <v>816</v>
      </c>
      <c r="D802" s="6"/>
      <c r="E802" s="6" t="s">
        <v>9</v>
      </c>
      <c r="F802" s="7">
        <v>38657</v>
      </c>
      <c r="G802" s="8">
        <v>1</v>
      </c>
      <c r="H802" s="8">
        <v>1</v>
      </c>
      <c r="I802" s="8">
        <v>0</v>
      </c>
      <c r="J802" s="8">
        <v>1</v>
      </c>
      <c r="K802" s="9">
        <v>117</v>
      </c>
      <c r="L802" s="6" t="s">
        <v>51</v>
      </c>
    </row>
    <row r="803" spans="1:12">
      <c r="A803" s="6" t="s">
        <v>49</v>
      </c>
      <c r="B803" s="6"/>
      <c r="C803" s="6" t="s">
        <v>817</v>
      </c>
      <c r="D803" s="6"/>
      <c r="E803" s="6" t="s">
        <v>9</v>
      </c>
      <c r="F803" s="7">
        <v>38657</v>
      </c>
      <c r="G803" s="8">
        <v>1</v>
      </c>
      <c r="H803" s="8">
        <v>1</v>
      </c>
      <c r="I803" s="8">
        <v>0</v>
      </c>
      <c r="J803" s="8">
        <v>1</v>
      </c>
      <c r="K803" s="9">
        <v>39</v>
      </c>
      <c r="L803" s="6" t="s">
        <v>51</v>
      </c>
    </row>
    <row r="804" spans="1:12">
      <c r="A804" s="6" t="s">
        <v>49</v>
      </c>
      <c r="B804" s="6"/>
      <c r="C804" s="6" t="s">
        <v>818</v>
      </c>
      <c r="D804" s="6"/>
      <c r="E804" s="6" t="s">
        <v>9</v>
      </c>
      <c r="F804" s="7">
        <v>38657</v>
      </c>
      <c r="G804" s="8">
        <v>1</v>
      </c>
      <c r="H804" s="8">
        <v>1</v>
      </c>
      <c r="I804" s="8">
        <v>0</v>
      </c>
      <c r="J804" s="8">
        <v>1</v>
      </c>
      <c r="K804" s="9">
        <v>1.8</v>
      </c>
      <c r="L804" s="6" t="s">
        <v>51</v>
      </c>
    </row>
    <row r="805" spans="1:12">
      <c r="A805" s="6" t="s">
        <v>49</v>
      </c>
      <c r="B805" s="6"/>
      <c r="C805" s="6" t="s">
        <v>819</v>
      </c>
      <c r="D805" s="6"/>
      <c r="E805" s="6" t="s">
        <v>9</v>
      </c>
      <c r="F805" s="7">
        <v>38657</v>
      </c>
      <c r="G805" s="8">
        <v>1</v>
      </c>
      <c r="H805" s="8">
        <v>1</v>
      </c>
      <c r="I805" s="8">
        <v>0</v>
      </c>
      <c r="J805" s="8">
        <v>1</v>
      </c>
      <c r="K805" s="9">
        <v>5.83</v>
      </c>
      <c r="L805" s="6" t="s">
        <v>51</v>
      </c>
    </row>
    <row r="806" spans="1:12">
      <c r="A806" s="6" t="s">
        <v>49</v>
      </c>
      <c r="B806" s="6"/>
      <c r="C806" s="6" t="s">
        <v>820</v>
      </c>
      <c r="D806" s="6"/>
      <c r="E806" s="6" t="s">
        <v>9</v>
      </c>
      <c r="F806" s="7">
        <v>38657</v>
      </c>
      <c r="G806" s="8">
        <v>1</v>
      </c>
      <c r="H806" s="8">
        <v>1</v>
      </c>
      <c r="I806" s="8">
        <v>0</v>
      </c>
      <c r="J806" s="8">
        <v>1</v>
      </c>
      <c r="K806" s="9">
        <v>19</v>
      </c>
      <c r="L806" s="6" t="s">
        <v>51</v>
      </c>
    </row>
    <row r="807" spans="1:12">
      <c r="A807" s="6" t="s">
        <v>49</v>
      </c>
      <c r="B807" s="6"/>
      <c r="C807" s="6" t="s">
        <v>821</v>
      </c>
      <c r="D807" s="6"/>
      <c r="E807" s="6" t="s">
        <v>9</v>
      </c>
      <c r="F807" s="7">
        <v>38657</v>
      </c>
      <c r="G807" s="8">
        <v>1</v>
      </c>
      <c r="H807" s="8">
        <v>1</v>
      </c>
      <c r="I807" s="8">
        <v>0</v>
      </c>
      <c r="J807" s="8">
        <v>1</v>
      </c>
      <c r="K807" s="9">
        <v>26</v>
      </c>
      <c r="L807" s="6" t="s">
        <v>51</v>
      </c>
    </row>
    <row r="808" spans="1:12">
      <c r="A808" s="6" t="s">
        <v>49</v>
      </c>
      <c r="B808" s="6"/>
      <c r="C808" s="6" t="s">
        <v>822</v>
      </c>
      <c r="D808" s="6"/>
      <c r="E808" s="6" t="s">
        <v>9</v>
      </c>
      <c r="F808" s="7">
        <v>38657</v>
      </c>
      <c r="G808" s="8">
        <v>1</v>
      </c>
      <c r="H808" s="8">
        <v>1</v>
      </c>
      <c r="I808" s="8">
        <v>0</v>
      </c>
      <c r="J808" s="8">
        <v>1</v>
      </c>
      <c r="K808" s="9">
        <v>16</v>
      </c>
      <c r="L808" s="6" t="s">
        <v>51</v>
      </c>
    </row>
    <row r="809" spans="1:12">
      <c r="A809" s="6" t="s">
        <v>49</v>
      </c>
      <c r="B809" s="6"/>
      <c r="C809" s="6" t="s">
        <v>823</v>
      </c>
      <c r="D809" s="6"/>
      <c r="E809" s="6" t="s">
        <v>9</v>
      </c>
      <c r="F809" s="7">
        <v>38657</v>
      </c>
      <c r="G809" s="8">
        <v>1</v>
      </c>
      <c r="H809" s="8">
        <v>1</v>
      </c>
      <c r="I809" s="8">
        <v>0</v>
      </c>
      <c r="J809" s="8">
        <v>1</v>
      </c>
      <c r="K809" s="9">
        <v>19</v>
      </c>
      <c r="L809" s="6" t="s">
        <v>51</v>
      </c>
    </row>
    <row r="810" spans="1:12">
      <c r="A810" s="6" t="s">
        <v>49</v>
      </c>
      <c r="B810" s="6"/>
      <c r="C810" s="6" t="s">
        <v>824</v>
      </c>
      <c r="D810" s="6"/>
      <c r="E810" s="6" t="s">
        <v>9</v>
      </c>
      <c r="F810" s="7">
        <v>38657</v>
      </c>
      <c r="G810" s="8">
        <v>1</v>
      </c>
      <c r="H810" s="8">
        <v>1</v>
      </c>
      <c r="I810" s="8">
        <v>0</v>
      </c>
      <c r="J810" s="8">
        <v>1</v>
      </c>
      <c r="K810" s="9">
        <v>7.7</v>
      </c>
      <c r="L810" s="6" t="s">
        <v>51</v>
      </c>
    </row>
    <row r="811" spans="1:12">
      <c r="A811" s="6" t="s">
        <v>49</v>
      </c>
      <c r="B811" s="6"/>
      <c r="C811" s="6" t="s">
        <v>825</v>
      </c>
      <c r="D811" s="6"/>
      <c r="E811" s="6" t="s">
        <v>9</v>
      </c>
      <c r="F811" s="7">
        <v>38657</v>
      </c>
      <c r="G811" s="8">
        <v>1</v>
      </c>
      <c r="H811" s="8">
        <v>1</v>
      </c>
      <c r="I811" s="8">
        <v>0</v>
      </c>
      <c r="J811" s="8">
        <v>1</v>
      </c>
      <c r="K811" s="9">
        <v>36</v>
      </c>
      <c r="L811" s="6" t="s">
        <v>51</v>
      </c>
    </row>
    <row r="812" spans="1:12">
      <c r="A812" s="6" t="s">
        <v>49</v>
      </c>
      <c r="B812" s="6"/>
      <c r="C812" s="6" t="s">
        <v>826</v>
      </c>
      <c r="D812" s="6"/>
      <c r="E812" s="6" t="s">
        <v>9</v>
      </c>
      <c r="F812" s="7">
        <v>38657</v>
      </c>
      <c r="G812" s="8">
        <v>1</v>
      </c>
      <c r="H812" s="8">
        <v>1</v>
      </c>
      <c r="I812" s="8">
        <v>0</v>
      </c>
      <c r="J812" s="8">
        <v>1</v>
      </c>
      <c r="K812" s="9">
        <v>1139</v>
      </c>
      <c r="L812" s="6" t="s">
        <v>51</v>
      </c>
    </row>
    <row r="813" spans="1:12">
      <c r="A813" s="6" t="s">
        <v>49</v>
      </c>
      <c r="B813" s="6"/>
      <c r="C813" s="6" t="s">
        <v>827</v>
      </c>
      <c r="D813" s="6"/>
      <c r="E813" s="6" t="s">
        <v>9</v>
      </c>
      <c r="F813" s="7">
        <v>38657</v>
      </c>
      <c r="G813" s="8">
        <v>1</v>
      </c>
      <c r="H813" s="8">
        <v>1</v>
      </c>
      <c r="I813" s="8">
        <v>0</v>
      </c>
      <c r="J813" s="8">
        <v>1</v>
      </c>
      <c r="K813" s="9">
        <v>19</v>
      </c>
      <c r="L813" s="6" t="s">
        <v>51</v>
      </c>
    </row>
    <row r="814" spans="1:12">
      <c r="A814" s="6" t="s">
        <v>49</v>
      </c>
      <c r="B814" s="6"/>
      <c r="C814" s="6" t="s">
        <v>828</v>
      </c>
      <c r="D814" s="6"/>
      <c r="E814" s="6" t="s">
        <v>9</v>
      </c>
      <c r="F814" s="7">
        <v>38657</v>
      </c>
      <c r="G814" s="8">
        <v>1</v>
      </c>
      <c r="H814" s="8">
        <v>1</v>
      </c>
      <c r="I814" s="8">
        <v>0</v>
      </c>
      <c r="J814" s="8">
        <v>1</v>
      </c>
      <c r="K814" s="9">
        <v>16</v>
      </c>
      <c r="L814" s="6" t="s">
        <v>51</v>
      </c>
    </row>
    <row r="815" spans="1:12">
      <c r="A815" s="6" t="s">
        <v>49</v>
      </c>
      <c r="B815" s="6"/>
      <c r="C815" s="6" t="s">
        <v>829</v>
      </c>
      <c r="D815" s="6"/>
      <c r="E815" s="6" t="s">
        <v>9</v>
      </c>
      <c r="F815" s="7">
        <v>38657</v>
      </c>
      <c r="G815" s="8">
        <v>1</v>
      </c>
      <c r="H815" s="8">
        <v>1</v>
      </c>
      <c r="I815" s="8">
        <v>0</v>
      </c>
      <c r="J815" s="8">
        <v>1</v>
      </c>
      <c r="K815" s="9">
        <v>36</v>
      </c>
      <c r="L815" s="6" t="s">
        <v>51</v>
      </c>
    </row>
    <row r="816" spans="1:12">
      <c r="A816" s="6" t="s">
        <v>49</v>
      </c>
      <c r="B816" s="6"/>
      <c r="C816" s="6" t="s">
        <v>830</v>
      </c>
      <c r="D816" s="6"/>
      <c r="E816" s="6" t="s">
        <v>9</v>
      </c>
      <c r="F816" s="7">
        <v>38657</v>
      </c>
      <c r="G816" s="8">
        <v>1</v>
      </c>
      <c r="H816" s="8">
        <v>1</v>
      </c>
      <c r="I816" s="8">
        <v>0</v>
      </c>
      <c r="J816" s="8">
        <v>1</v>
      </c>
      <c r="K816" s="9">
        <v>16</v>
      </c>
      <c r="L816" s="6" t="s">
        <v>51</v>
      </c>
    </row>
    <row r="817" spans="1:12">
      <c r="A817" s="6" t="s">
        <v>49</v>
      </c>
      <c r="B817" s="6"/>
      <c r="C817" s="6" t="s">
        <v>831</v>
      </c>
      <c r="D817" s="6"/>
      <c r="E817" s="6" t="s">
        <v>9</v>
      </c>
      <c r="F817" s="7">
        <v>38657</v>
      </c>
      <c r="G817" s="8">
        <v>1</v>
      </c>
      <c r="H817" s="8">
        <v>1</v>
      </c>
      <c r="I817" s="8">
        <v>0</v>
      </c>
      <c r="J817" s="8">
        <v>1</v>
      </c>
      <c r="K817" s="9">
        <v>24</v>
      </c>
      <c r="L817" s="6" t="s">
        <v>51</v>
      </c>
    </row>
    <row r="818" spans="1:12">
      <c r="A818" s="6" t="s">
        <v>49</v>
      </c>
      <c r="B818" s="6"/>
      <c r="C818" s="6" t="s">
        <v>832</v>
      </c>
      <c r="D818" s="6"/>
      <c r="E818" s="6" t="s">
        <v>9</v>
      </c>
      <c r="F818" s="7">
        <v>38657</v>
      </c>
      <c r="G818" s="8">
        <v>1</v>
      </c>
      <c r="H818" s="8">
        <v>1</v>
      </c>
      <c r="I818" s="8">
        <v>0</v>
      </c>
      <c r="J818" s="8">
        <v>1</v>
      </c>
      <c r="K818" s="9">
        <v>23</v>
      </c>
      <c r="L818" s="6" t="s">
        <v>51</v>
      </c>
    </row>
    <row r="819" spans="1:12">
      <c r="A819" s="6" t="s">
        <v>49</v>
      </c>
      <c r="B819" s="6"/>
      <c r="C819" s="6" t="s">
        <v>833</v>
      </c>
      <c r="D819" s="6"/>
      <c r="E819" s="6" t="s">
        <v>9</v>
      </c>
      <c r="F819" s="7">
        <v>38657</v>
      </c>
      <c r="G819" s="8">
        <v>1</v>
      </c>
      <c r="H819" s="8">
        <v>1</v>
      </c>
      <c r="I819" s="8">
        <v>0</v>
      </c>
      <c r="J819" s="8">
        <v>1</v>
      </c>
      <c r="K819" s="9">
        <v>17</v>
      </c>
      <c r="L819" s="6" t="s">
        <v>51</v>
      </c>
    </row>
    <row r="820" spans="1:12">
      <c r="A820" s="6" t="s">
        <v>49</v>
      </c>
      <c r="B820" s="6"/>
      <c r="C820" s="6" t="s">
        <v>834</v>
      </c>
      <c r="D820" s="6"/>
      <c r="E820" s="6" t="s">
        <v>9</v>
      </c>
      <c r="F820" s="7">
        <v>38657</v>
      </c>
      <c r="G820" s="8">
        <v>1</v>
      </c>
      <c r="H820" s="8">
        <v>1</v>
      </c>
      <c r="I820" s="8">
        <v>0</v>
      </c>
      <c r="J820" s="8">
        <v>1</v>
      </c>
      <c r="K820" s="9">
        <v>20</v>
      </c>
      <c r="L820" s="6" t="s">
        <v>51</v>
      </c>
    </row>
    <row r="821" spans="1:12">
      <c r="A821" s="6" t="s">
        <v>49</v>
      </c>
      <c r="B821" s="6"/>
      <c r="C821" s="6" t="s">
        <v>835</v>
      </c>
      <c r="D821" s="6"/>
      <c r="E821" s="6" t="s">
        <v>9</v>
      </c>
      <c r="F821" s="7">
        <v>38657</v>
      </c>
      <c r="G821" s="8">
        <v>1</v>
      </c>
      <c r="H821" s="8">
        <v>1</v>
      </c>
      <c r="I821" s="8">
        <v>0</v>
      </c>
      <c r="J821" s="8">
        <v>1</v>
      </c>
      <c r="K821" s="9">
        <v>15</v>
      </c>
      <c r="L821" s="6" t="s">
        <v>51</v>
      </c>
    </row>
    <row r="822" spans="1:12">
      <c r="A822" s="6" t="s">
        <v>49</v>
      </c>
      <c r="B822" s="6"/>
      <c r="C822" s="6" t="s">
        <v>836</v>
      </c>
      <c r="D822" s="6"/>
      <c r="E822" s="6" t="s">
        <v>9</v>
      </c>
      <c r="F822" s="7">
        <v>38657</v>
      </c>
      <c r="G822" s="8">
        <v>1</v>
      </c>
      <c r="H822" s="8">
        <v>1</v>
      </c>
      <c r="I822" s="8">
        <v>0</v>
      </c>
      <c r="J822" s="8">
        <v>1</v>
      </c>
      <c r="K822" s="9">
        <v>23</v>
      </c>
      <c r="L822" s="6" t="s">
        <v>51</v>
      </c>
    </row>
    <row r="823" spans="1:12">
      <c r="A823" s="6" t="s">
        <v>49</v>
      </c>
      <c r="B823" s="6"/>
      <c r="C823" s="6" t="s">
        <v>837</v>
      </c>
      <c r="D823" s="6"/>
      <c r="E823" s="6" t="s">
        <v>9</v>
      </c>
      <c r="F823" s="7">
        <v>38657</v>
      </c>
      <c r="G823" s="8">
        <v>1</v>
      </c>
      <c r="H823" s="8">
        <v>1</v>
      </c>
      <c r="I823" s="8">
        <v>0</v>
      </c>
      <c r="J823" s="8">
        <v>1</v>
      </c>
      <c r="K823" s="9">
        <v>612</v>
      </c>
      <c r="L823" s="6" t="s">
        <v>51</v>
      </c>
    </row>
    <row r="824" spans="1:12">
      <c r="A824" s="6" t="s">
        <v>49</v>
      </c>
      <c r="B824" s="6"/>
      <c r="C824" s="6" t="s">
        <v>838</v>
      </c>
      <c r="D824" s="6"/>
      <c r="E824" s="6" t="s">
        <v>9</v>
      </c>
      <c r="F824" s="7">
        <v>38657</v>
      </c>
      <c r="G824" s="8">
        <v>1</v>
      </c>
      <c r="H824" s="8">
        <v>1</v>
      </c>
      <c r="I824" s="8">
        <v>0</v>
      </c>
      <c r="J824" s="8">
        <v>1</v>
      </c>
      <c r="K824" s="9">
        <v>12</v>
      </c>
      <c r="L824" s="6" t="s">
        <v>51</v>
      </c>
    </row>
    <row r="825" spans="1:12">
      <c r="A825" s="6" t="s">
        <v>49</v>
      </c>
      <c r="B825" s="6"/>
      <c r="C825" s="6" t="s">
        <v>839</v>
      </c>
      <c r="D825" s="6"/>
      <c r="E825" s="6" t="s">
        <v>9</v>
      </c>
      <c r="F825" s="7">
        <v>38657</v>
      </c>
      <c r="G825" s="8">
        <v>1</v>
      </c>
      <c r="H825" s="8">
        <v>1</v>
      </c>
      <c r="I825" s="8">
        <v>0</v>
      </c>
      <c r="J825" s="8">
        <v>1</v>
      </c>
      <c r="K825" s="9">
        <v>18</v>
      </c>
      <c r="L825" s="6" t="s">
        <v>51</v>
      </c>
    </row>
    <row r="826" spans="1:12">
      <c r="A826" s="6" t="s">
        <v>49</v>
      </c>
      <c r="B826" s="6"/>
      <c r="C826" s="6" t="s">
        <v>840</v>
      </c>
      <c r="D826" s="6"/>
      <c r="E826" s="6" t="s">
        <v>9</v>
      </c>
      <c r="F826" s="7">
        <v>38657</v>
      </c>
      <c r="G826" s="8">
        <v>1</v>
      </c>
      <c r="H826" s="8">
        <v>1</v>
      </c>
      <c r="I826" s="8">
        <v>0</v>
      </c>
      <c r="J826" s="8">
        <v>1</v>
      </c>
      <c r="K826" s="9">
        <v>5.98</v>
      </c>
      <c r="L826" s="6" t="s">
        <v>51</v>
      </c>
    </row>
    <row r="827" spans="1:12">
      <c r="A827" s="6" t="s">
        <v>49</v>
      </c>
      <c r="B827" s="6"/>
      <c r="C827" s="6" t="s">
        <v>841</v>
      </c>
      <c r="D827" s="6"/>
      <c r="E827" s="6" t="s">
        <v>9</v>
      </c>
      <c r="F827" s="7">
        <v>38657</v>
      </c>
      <c r="G827" s="8">
        <v>1</v>
      </c>
      <c r="H827" s="8">
        <v>1</v>
      </c>
      <c r="I827" s="8">
        <v>0</v>
      </c>
      <c r="J827" s="8">
        <v>1</v>
      </c>
      <c r="K827" s="9">
        <v>6.61</v>
      </c>
      <c r="L827" s="6" t="s">
        <v>51</v>
      </c>
    </row>
    <row r="828" spans="1:12">
      <c r="A828" s="6" t="s">
        <v>49</v>
      </c>
      <c r="B828" s="6"/>
      <c r="C828" s="6" t="s">
        <v>842</v>
      </c>
      <c r="D828" s="6"/>
      <c r="E828" s="6" t="s">
        <v>9</v>
      </c>
      <c r="F828" s="7">
        <v>38657</v>
      </c>
      <c r="G828" s="8">
        <v>1</v>
      </c>
      <c r="H828" s="8">
        <v>1</v>
      </c>
      <c r="I828" s="8">
        <v>0</v>
      </c>
      <c r="J828" s="8">
        <v>1</v>
      </c>
      <c r="K828" s="9">
        <v>16</v>
      </c>
      <c r="L828" s="6" t="s">
        <v>51</v>
      </c>
    </row>
    <row r="829" spans="1:12">
      <c r="A829" s="6" t="s">
        <v>49</v>
      </c>
      <c r="B829" s="6"/>
      <c r="C829" s="6" t="s">
        <v>843</v>
      </c>
      <c r="D829" s="6"/>
      <c r="E829" s="6" t="s">
        <v>9</v>
      </c>
      <c r="F829" s="7">
        <v>38657</v>
      </c>
      <c r="G829" s="8">
        <v>1</v>
      </c>
      <c r="H829" s="8">
        <v>1</v>
      </c>
      <c r="I829" s="8">
        <v>0</v>
      </c>
      <c r="J829" s="8">
        <v>1</v>
      </c>
      <c r="K829" s="9">
        <v>11</v>
      </c>
      <c r="L829" s="6" t="s">
        <v>51</v>
      </c>
    </row>
    <row r="830" spans="1:12">
      <c r="A830" s="6" t="s">
        <v>49</v>
      </c>
      <c r="B830" s="6"/>
      <c r="C830" s="6" t="s">
        <v>844</v>
      </c>
      <c r="D830" s="6"/>
      <c r="E830" s="6" t="s">
        <v>9</v>
      </c>
      <c r="F830" s="7">
        <v>38657</v>
      </c>
      <c r="G830" s="8">
        <v>1</v>
      </c>
      <c r="H830" s="8">
        <v>1</v>
      </c>
      <c r="I830" s="8">
        <v>0</v>
      </c>
      <c r="J830" s="8">
        <v>1</v>
      </c>
      <c r="K830" s="9">
        <v>99</v>
      </c>
      <c r="L830" s="6" t="s">
        <v>51</v>
      </c>
    </row>
    <row r="831" spans="1:12">
      <c r="A831" s="6" t="s">
        <v>49</v>
      </c>
      <c r="B831" s="6"/>
      <c r="C831" s="6" t="s">
        <v>845</v>
      </c>
      <c r="D831" s="6"/>
      <c r="E831" s="6" t="s">
        <v>9</v>
      </c>
      <c r="F831" s="7">
        <v>38657</v>
      </c>
      <c r="G831" s="8">
        <v>1</v>
      </c>
      <c r="H831" s="8">
        <v>1</v>
      </c>
      <c r="I831" s="8">
        <v>0</v>
      </c>
      <c r="J831" s="8">
        <v>1</v>
      </c>
      <c r="K831" s="9">
        <v>36</v>
      </c>
      <c r="L831" s="6" t="s">
        <v>51</v>
      </c>
    </row>
    <row r="832" spans="1:12">
      <c r="A832" s="6" t="s">
        <v>49</v>
      </c>
      <c r="B832" s="6"/>
      <c r="C832" s="6" t="s">
        <v>846</v>
      </c>
      <c r="D832" s="6"/>
      <c r="E832" s="6" t="s">
        <v>9</v>
      </c>
      <c r="F832" s="7">
        <v>38657</v>
      </c>
      <c r="G832" s="8">
        <v>1</v>
      </c>
      <c r="H832" s="8">
        <v>1</v>
      </c>
      <c r="I832" s="8">
        <v>0</v>
      </c>
      <c r="J832" s="8">
        <v>1</v>
      </c>
      <c r="K832" s="9">
        <v>17</v>
      </c>
      <c r="L832" s="6" t="s">
        <v>51</v>
      </c>
    </row>
    <row r="833" spans="1:12">
      <c r="A833" s="6" t="s">
        <v>49</v>
      </c>
      <c r="B833" s="6"/>
      <c r="C833" s="6" t="s">
        <v>847</v>
      </c>
      <c r="D833" s="6"/>
      <c r="E833" s="6" t="s">
        <v>9</v>
      </c>
      <c r="F833" s="7">
        <v>38657</v>
      </c>
      <c r="G833" s="8">
        <v>1</v>
      </c>
      <c r="H833" s="8">
        <v>1</v>
      </c>
      <c r="I833" s="8">
        <v>0</v>
      </c>
      <c r="J833" s="8">
        <v>1</v>
      </c>
      <c r="K833" s="9">
        <v>10</v>
      </c>
      <c r="L833" s="6" t="s">
        <v>51</v>
      </c>
    </row>
    <row r="834" spans="1:12">
      <c r="A834" s="6" t="s">
        <v>49</v>
      </c>
      <c r="B834" s="6"/>
      <c r="C834" s="6" t="s">
        <v>848</v>
      </c>
      <c r="D834" s="6"/>
      <c r="E834" s="6" t="s">
        <v>9</v>
      </c>
      <c r="F834" s="7">
        <v>38657</v>
      </c>
      <c r="G834" s="8">
        <v>1</v>
      </c>
      <c r="H834" s="8">
        <v>1</v>
      </c>
      <c r="I834" s="8">
        <v>0</v>
      </c>
      <c r="J834" s="8">
        <v>1</v>
      </c>
      <c r="K834" s="9">
        <v>808</v>
      </c>
      <c r="L834" s="6" t="s">
        <v>51</v>
      </c>
    </row>
    <row r="835" spans="1:12">
      <c r="A835" s="6" t="s">
        <v>49</v>
      </c>
      <c r="B835" s="6"/>
      <c r="C835" s="6" t="s">
        <v>849</v>
      </c>
      <c r="D835" s="6"/>
      <c r="E835" s="6" t="s">
        <v>9</v>
      </c>
      <c r="F835" s="7">
        <v>38657</v>
      </c>
      <c r="G835" s="8">
        <v>1</v>
      </c>
      <c r="H835" s="8">
        <v>1</v>
      </c>
      <c r="I835" s="8">
        <v>0</v>
      </c>
      <c r="J835" s="8">
        <v>1</v>
      </c>
      <c r="K835" s="9">
        <v>15</v>
      </c>
      <c r="L835" s="6" t="s">
        <v>51</v>
      </c>
    </row>
    <row r="836" spans="1:12">
      <c r="A836" s="6" t="s">
        <v>49</v>
      </c>
      <c r="B836" s="6"/>
      <c r="C836" s="6" t="s">
        <v>850</v>
      </c>
      <c r="D836" s="6"/>
      <c r="E836" s="6" t="s">
        <v>9</v>
      </c>
      <c r="F836" s="7">
        <v>38657</v>
      </c>
      <c r="G836" s="8">
        <v>1</v>
      </c>
      <c r="H836" s="8">
        <v>1</v>
      </c>
      <c r="I836" s="8">
        <v>0</v>
      </c>
      <c r="J836" s="8">
        <v>1</v>
      </c>
      <c r="K836" s="9">
        <v>15</v>
      </c>
      <c r="L836" s="6" t="s">
        <v>51</v>
      </c>
    </row>
    <row r="837" spans="1:12">
      <c r="A837" s="6" t="s">
        <v>49</v>
      </c>
      <c r="B837" s="6"/>
      <c r="C837" s="6" t="s">
        <v>851</v>
      </c>
      <c r="D837" s="6"/>
      <c r="E837" s="6" t="s">
        <v>9</v>
      </c>
      <c r="F837" s="7">
        <v>38657</v>
      </c>
      <c r="G837" s="8">
        <v>1</v>
      </c>
      <c r="H837" s="8">
        <v>1</v>
      </c>
      <c r="I837" s="8">
        <v>0</v>
      </c>
      <c r="J837" s="8">
        <v>1</v>
      </c>
      <c r="K837" s="9">
        <v>34</v>
      </c>
      <c r="L837" s="6" t="s">
        <v>51</v>
      </c>
    </row>
    <row r="838" spans="1:12">
      <c r="A838" s="6" t="s">
        <v>49</v>
      </c>
      <c r="B838" s="6"/>
      <c r="C838" s="6" t="s">
        <v>852</v>
      </c>
      <c r="D838" s="6"/>
      <c r="E838" s="6" t="s">
        <v>9</v>
      </c>
      <c r="F838" s="7">
        <v>38657</v>
      </c>
      <c r="G838" s="8">
        <v>1</v>
      </c>
      <c r="H838" s="8">
        <v>1</v>
      </c>
      <c r="I838" s="8">
        <v>0</v>
      </c>
      <c r="J838" s="8">
        <v>1</v>
      </c>
      <c r="K838" s="9">
        <v>28</v>
      </c>
      <c r="L838" s="6" t="s">
        <v>51</v>
      </c>
    </row>
    <row r="839" spans="1:12">
      <c r="A839" s="6" t="s">
        <v>49</v>
      </c>
      <c r="B839" s="6"/>
      <c r="C839" s="6" t="s">
        <v>853</v>
      </c>
      <c r="D839" s="6"/>
      <c r="E839" s="6" t="s">
        <v>9</v>
      </c>
      <c r="F839" s="7">
        <v>38657</v>
      </c>
      <c r="G839" s="8">
        <v>1</v>
      </c>
      <c r="H839" s="8">
        <v>1</v>
      </c>
      <c r="I839" s="8">
        <v>0</v>
      </c>
      <c r="J839" s="8">
        <v>1</v>
      </c>
      <c r="K839" s="9">
        <v>23</v>
      </c>
      <c r="L839" s="6" t="s">
        <v>51</v>
      </c>
    </row>
    <row r="840" spans="1:12">
      <c r="A840" s="6" t="s">
        <v>49</v>
      </c>
      <c r="B840" s="6"/>
      <c r="C840" s="6" t="s">
        <v>854</v>
      </c>
      <c r="D840" s="6"/>
      <c r="E840" s="6" t="s">
        <v>9</v>
      </c>
      <c r="F840" s="7">
        <v>38657</v>
      </c>
      <c r="G840" s="8">
        <v>1</v>
      </c>
      <c r="H840" s="8">
        <v>1</v>
      </c>
      <c r="I840" s="8">
        <v>0</v>
      </c>
      <c r="J840" s="8">
        <v>1</v>
      </c>
      <c r="K840" s="9">
        <v>57</v>
      </c>
      <c r="L840" s="6" t="s">
        <v>51</v>
      </c>
    </row>
    <row r="841" spans="1:12">
      <c r="A841" s="6" t="s">
        <v>49</v>
      </c>
      <c r="B841" s="6"/>
      <c r="C841" s="6" t="s">
        <v>855</v>
      </c>
      <c r="D841" s="6"/>
      <c r="E841" s="6" t="s">
        <v>9</v>
      </c>
      <c r="F841" s="7">
        <v>38657</v>
      </c>
      <c r="G841" s="8">
        <v>1</v>
      </c>
      <c r="H841" s="8">
        <v>1</v>
      </c>
      <c r="I841" s="8">
        <v>0</v>
      </c>
      <c r="J841" s="8">
        <v>1</v>
      </c>
      <c r="K841" s="9">
        <v>18</v>
      </c>
      <c r="L841" s="6" t="s">
        <v>51</v>
      </c>
    </row>
    <row r="842" spans="1:12">
      <c r="A842" s="6" t="s">
        <v>49</v>
      </c>
      <c r="B842" s="6"/>
      <c r="C842" s="6" t="s">
        <v>856</v>
      </c>
      <c r="D842" s="6"/>
      <c r="E842" s="6" t="s">
        <v>9</v>
      </c>
      <c r="F842" s="7">
        <v>38657</v>
      </c>
      <c r="G842" s="8">
        <v>1</v>
      </c>
      <c r="H842" s="8">
        <v>1</v>
      </c>
      <c r="I842" s="8">
        <v>0</v>
      </c>
      <c r="J842" s="8">
        <v>1</v>
      </c>
      <c r="K842" s="9">
        <v>17</v>
      </c>
      <c r="L842" s="6" t="s">
        <v>51</v>
      </c>
    </row>
    <row r="843" spans="1:12">
      <c r="A843" s="6" t="s">
        <v>49</v>
      </c>
      <c r="B843" s="6"/>
      <c r="C843" s="6" t="s">
        <v>857</v>
      </c>
      <c r="D843" s="6"/>
      <c r="E843" s="6" t="s">
        <v>9</v>
      </c>
      <c r="F843" s="7">
        <v>38657</v>
      </c>
      <c r="G843" s="8">
        <v>1</v>
      </c>
      <c r="H843" s="8">
        <v>1</v>
      </c>
      <c r="I843" s="8">
        <v>0</v>
      </c>
      <c r="J843" s="8">
        <v>1</v>
      </c>
      <c r="K843" s="9">
        <v>44</v>
      </c>
      <c r="L843" s="6" t="s">
        <v>51</v>
      </c>
    </row>
    <row r="844" spans="1:12">
      <c r="A844" s="6" t="s">
        <v>49</v>
      </c>
      <c r="B844" s="6"/>
      <c r="C844" s="6" t="s">
        <v>858</v>
      </c>
      <c r="D844" s="6"/>
      <c r="E844" s="6" t="s">
        <v>9</v>
      </c>
      <c r="F844" s="7">
        <v>38657</v>
      </c>
      <c r="G844" s="8">
        <v>1</v>
      </c>
      <c r="H844" s="8">
        <v>1</v>
      </c>
      <c r="I844" s="8">
        <v>0</v>
      </c>
      <c r="J844" s="8">
        <v>1</v>
      </c>
      <c r="K844" s="9">
        <v>19</v>
      </c>
      <c r="L844" s="6" t="s">
        <v>51</v>
      </c>
    </row>
    <row r="845" spans="1:12">
      <c r="A845" s="6" t="s">
        <v>49</v>
      </c>
      <c r="B845" s="6"/>
      <c r="C845" s="6" t="s">
        <v>859</v>
      </c>
      <c r="D845" s="6"/>
      <c r="E845" s="6" t="s">
        <v>9</v>
      </c>
      <c r="F845" s="7">
        <v>38657</v>
      </c>
      <c r="G845" s="8">
        <v>1</v>
      </c>
      <c r="H845" s="8">
        <v>1</v>
      </c>
      <c r="I845" s="8">
        <v>0</v>
      </c>
      <c r="J845" s="8">
        <v>1</v>
      </c>
      <c r="K845" s="9">
        <v>625</v>
      </c>
      <c r="L845" s="6" t="s">
        <v>51</v>
      </c>
    </row>
    <row r="846" spans="1:12">
      <c r="A846" s="6" t="s">
        <v>49</v>
      </c>
      <c r="B846" s="6"/>
      <c r="C846" s="6" t="s">
        <v>860</v>
      </c>
      <c r="D846" s="6"/>
      <c r="E846" s="6" t="s">
        <v>9</v>
      </c>
      <c r="F846" s="7">
        <v>38657</v>
      </c>
      <c r="G846" s="8">
        <v>1</v>
      </c>
      <c r="H846" s="8">
        <v>1</v>
      </c>
      <c r="I846" s="8">
        <v>0</v>
      </c>
      <c r="J846" s="8">
        <v>1</v>
      </c>
      <c r="K846" s="9">
        <v>57</v>
      </c>
      <c r="L846" s="6" t="s">
        <v>51</v>
      </c>
    </row>
    <row r="847" spans="1:12">
      <c r="A847" s="6" t="s">
        <v>49</v>
      </c>
      <c r="B847" s="6"/>
      <c r="C847" s="6" t="s">
        <v>861</v>
      </c>
      <c r="D847" s="6"/>
      <c r="E847" s="6" t="s">
        <v>9</v>
      </c>
      <c r="F847" s="7">
        <v>38657</v>
      </c>
      <c r="G847" s="8">
        <v>1</v>
      </c>
      <c r="H847" s="8">
        <v>1</v>
      </c>
      <c r="I847" s="8">
        <v>0</v>
      </c>
      <c r="J847" s="8">
        <v>1</v>
      </c>
      <c r="K847" s="9">
        <v>25</v>
      </c>
      <c r="L847" s="6" t="s">
        <v>51</v>
      </c>
    </row>
    <row r="848" spans="1:12">
      <c r="A848" s="6" t="s">
        <v>49</v>
      </c>
      <c r="B848" s="6"/>
      <c r="C848" s="6" t="s">
        <v>862</v>
      </c>
      <c r="D848" s="6"/>
      <c r="E848" s="6" t="s">
        <v>9</v>
      </c>
      <c r="F848" s="7">
        <v>38657</v>
      </c>
      <c r="G848" s="8">
        <v>1</v>
      </c>
      <c r="H848" s="8">
        <v>1</v>
      </c>
      <c r="I848" s="8">
        <v>0</v>
      </c>
      <c r="J848" s="8">
        <v>1</v>
      </c>
      <c r="K848" s="9">
        <v>24</v>
      </c>
      <c r="L848" s="6" t="s">
        <v>51</v>
      </c>
    </row>
    <row r="849" spans="1:12">
      <c r="A849" s="6" t="s">
        <v>49</v>
      </c>
      <c r="B849" s="6"/>
      <c r="C849" s="6" t="s">
        <v>863</v>
      </c>
      <c r="D849" s="6"/>
      <c r="E849" s="6" t="s">
        <v>9</v>
      </c>
      <c r="F849" s="7">
        <v>38657</v>
      </c>
      <c r="G849" s="8">
        <v>1</v>
      </c>
      <c r="H849" s="8">
        <v>1</v>
      </c>
      <c r="I849" s="8">
        <v>0</v>
      </c>
      <c r="J849" s="8">
        <v>1</v>
      </c>
      <c r="K849" s="9">
        <v>56</v>
      </c>
      <c r="L849" s="6" t="s">
        <v>51</v>
      </c>
    </row>
    <row r="850" spans="1:12">
      <c r="A850" s="6" t="s">
        <v>49</v>
      </c>
      <c r="B850" s="6"/>
      <c r="C850" s="6" t="s">
        <v>864</v>
      </c>
      <c r="D850" s="6"/>
      <c r="E850" s="6" t="s">
        <v>9</v>
      </c>
      <c r="F850" s="7">
        <v>38657</v>
      </c>
      <c r="G850" s="8">
        <v>1</v>
      </c>
      <c r="H850" s="8">
        <v>1</v>
      </c>
      <c r="I850" s="8">
        <v>0</v>
      </c>
      <c r="J850" s="8">
        <v>1</v>
      </c>
      <c r="K850" s="9">
        <v>57</v>
      </c>
      <c r="L850" s="6" t="s">
        <v>51</v>
      </c>
    </row>
    <row r="851" spans="1:12">
      <c r="A851" s="6" t="s">
        <v>49</v>
      </c>
      <c r="B851" s="6"/>
      <c r="C851" s="6" t="s">
        <v>865</v>
      </c>
      <c r="D851" s="6"/>
      <c r="E851" s="6" t="s">
        <v>9</v>
      </c>
      <c r="F851" s="7">
        <v>38657</v>
      </c>
      <c r="G851" s="8">
        <v>1</v>
      </c>
      <c r="H851" s="8">
        <v>1</v>
      </c>
      <c r="I851" s="8">
        <v>0</v>
      </c>
      <c r="J851" s="8">
        <v>1</v>
      </c>
      <c r="K851" s="9">
        <v>42</v>
      </c>
      <c r="L851" s="6" t="s">
        <v>51</v>
      </c>
    </row>
    <row r="852" spans="1:12">
      <c r="A852" s="6" t="s">
        <v>49</v>
      </c>
      <c r="B852" s="6"/>
      <c r="C852" s="6" t="s">
        <v>866</v>
      </c>
      <c r="D852" s="6"/>
      <c r="E852" s="6" t="s">
        <v>9</v>
      </c>
      <c r="F852" s="7">
        <v>38657</v>
      </c>
      <c r="G852" s="8">
        <v>1</v>
      </c>
      <c r="H852" s="8">
        <v>1</v>
      </c>
      <c r="I852" s="8">
        <v>0</v>
      </c>
      <c r="J852" s="8">
        <v>1</v>
      </c>
      <c r="K852" s="9">
        <v>32</v>
      </c>
      <c r="L852" s="6" t="s">
        <v>51</v>
      </c>
    </row>
    <row r="853" spans="1:12">
      <c r="A853" s="6" t="s">
        <v>49</v>
      </c>
      <c r="B853" s="6"/>
      <c r="C853" s="6" t="s">
        <v>867</v>
      </c>
      <c r="D853" s="6"/>
      <c r="E853" s="6" t="s">
        <v>9</v>
      </c>
      <c r="F853" s="7">
        <v>38657</v>
      </c>
      <c r="G853" s="8">
        <v>1</v>
      </c>
      <c r="H853" s="8">
        <v>1</v>
      </c>
      <c r="I853" s="8">
        <v>0</v>
      </c>
      <c r="J853" s="8">
        <v>1</v>
      </c>
      <c r="K853" s="9">
        <v>73</v>
      </c>
      <c r="L853" s="6" t="s">
        <v>51</v>
      </c>
    </row>
    <row r="854" spans="1:12">
      <c r="A854" s="6" t="s">
        <v>49</v>
      </c>
      <c r="B854" s="6"/>
      <c r="C854" s="6" t="s">
        <v>868</v>
      </c>
      <c r="D854" s="6"/>
      <c r="E854" s="6" t="s">
        <v>9</v>
      </c>
      <c r="F854" s="7">
        <v>38657</v>
      </c>
      <c r="G854" s="8">
        <v>1</v>
      </c>
      <c r="H854" s="8">
        <v>1</v>
      </c>
      <c r="I854" s="8">
        <v>0</v>
      </c>
      <c r="J854" s="8">
        <v>1</v>
      </c>
      <c r="K854" s="9">
        <v>48</v>
      </c>
      <c r="L854" s="6" t="s">
        <v>51</v>
      </c>
    </row>
    <row r="855" spans="1:12">
      <c r="A855" s="6" t="s">
        <v>49</v>
      </c>
      <c r="B855" s="6"/>
      <c r="C855" s="6" t="s">
        <v>869</v>
      </c>
      <c r="D855" s="6"/>
      <c r="E855" s="6" t="s">
        <v>9</v>
      </c>
      <c r="F855" s="7">
        <v>38657</v>
      </c>
      <c r="G855" s="8">
        <v>1</v>
      </c>
      <c r="H855" s="8">
        <v>1</v>
      </c>
      <c r="I855" s="8">
        <v>0</v>
      </c>
      <c r="J855" s="8">
        <v>1</v>
      </c>
      <c r="K855" s="9">
        <v>96</v>
      </c>
      <c r="L855" s="6" t="s">
        <v>51</v>
      </c>
    </row>
    <row r="856" spans="1:12">
      <c r="A856" s="6" t="s">
        <v>49</v>
      </c>
      <c r="B856" s="6"/>
      <c r="C856" s="6" t="s">
        <v>870</v>
      </c>
      <c r="D856" s="6"/>
      <c r="E856" s="6" t="s">
        <v>9</v>
      </c>
      <c r="F856" s="7">
        <v>38657</v>
      </c>
      <c r="G856" s="8">
        <v>1</v>
      </c>
      <c r="H856" s="8">
        <v>1</v>
      </c>
      <c r="I856" s="8">
        <v>0</v>
      </c>
      <c r="J856" s="8">
        <v>1</v>
      </c>
      <c r="K856" s="9">
        <v>743</v>
      </c>
      <c r="L856" s="6" t="s">
        <v>51</v>
      </c>
    </row>
    <row r="857" spans="1:12">
      <c r="A857" s="6" t="s">
        <v>49</v>
      </c>
      <c r="B857" s="6"/>
      <c r="C857" s="6" t="s">
        <v>871</v>
      </c>
      <c r="D857" s="6"/>
      <c r="E857" s="6" t="s">
        <v>9</v>
      </c>
      <c r="F857" s="7">
        <v>38657</v>
      </c>
      <c r="G857" s="8">
        <v>1</v>
      </c>
      <c r="H857" s="8">
        <v>1</v>
      </c>
      <c r="I857" s="8">
        <v>0</v>
      </c>
      <c r="J857" s="8">
        <v>1</v>
      </c>
      <c r="K857" s="9">
        <v>30</v>
      </c>
      <c r="L857" s="6" t="s">
        <v>51</v>
      </c>
    </row>
    <row r="858" spans="1:12">
      <c r="A858" s="6" t="s">
        <v>49</v>
      </c>
      <c r="B858" s="6"/>
      <c r="C858" s="6" t="s">
        <v>872</v>
      </c>
      <c r="D858" s="6"/>
      <c r="E858" s="6" t="s">
        <v>9</v>
      </c>
      <c r="F858" s="7">
        <v>38657</v>
      </c>
      <c r="G858" s="8">
        <v>1</v>
      </c>
      <c r="H858" s="8">
        <v>1</v>
      </c>
      <c r="I858" s="8">
        <v>0</v>
      </c>
      <c r="J858" s="8">
        <v>1</v>
      </c>
      <c r="K858" s="9">
        <v>43</v>
      </c>
      <c r="L858" s="6" t="s">
        <v>51</v>
      </c>
    </row>
    <row r="859" spans="1:12">
      <c r="A859" s="6" t="s">
        <v>49</v>
      </c>
      <c r="B859" s="6"/>
      <c r="C859" s="6" t="s">
        <v>873</v>
      </c>
      <c r="D859" s="6"/>
      <c r="E859" s="6" t="s">
        <v>9</v>
      </c>
      <c r="F859" s="7">
        <v>38657</v>
      </c>
      <c r="G859" s="8">
        <v>1</v>
      </c>
      <c r="H859" s="8">
        <v>1</v>
      </c>
      <c r="I859" s="8">
        <v>0</v>
      </c>
      <c r="J859" s="8">
        <v>1</v>
      </c>
      <c r="K859" s="9">
        <v>51</v>
      </c>
      <c r="L859" s="6" t="s">
        <v>51</v>
      </c>
    </row>
    <row r="860" spans="1:12">
      <c r="A860" s="6" t="s">
        <v>49</v>
      </c>
      <c r="B860" s="6"/>
      <c r="C860" s="6" t="s">
        <v>874</v>
      </c>
      <c r="D860" s="6"/>
      <c r="E860" s="6" t="s">
        <v>9</v>
      </c>
      <c r="F860" s="7">
        <v>38657</v>
      </c>
      <c r="G860" s="8">
        <v>1</v>
      </c>
      <c r="H860" s="8">
        <v>1</v>
      </c>
      <c r="I860" s="8">
        <v>0</v>
      </c>
      <c r="J860" s="8">
        <v>1</v>
      </c>
      <c r="K860" s="9">
        <v>26</v>
      </c>
      <c r="L860" s="6" t="s">
        <v>51</v>
      </c>
    </row>
    <row r="861" spans="1:12">
      <c r="A861" s="6" t="s">
        <v>49</v>
      </c>
      <c r="B861" s="6"/>
      <c r="C861" s="6" t="s">
        <v>875</v>
      </c>
      <c r="D861" s="6"/>
      <c r="E861" s="6" t="s">
        <v>9</v>
      </c>
      <c r="F861" s="7">
        <v>38657</v>
      </c>
      <c r="G861" s="8">
        <v>1</v>
      </c>
      <c r="H861" s="8">
        <v>1</v>
      </c>
      <c r="I861" s="8">
        <v>0</v>
      </c>
      <c r="J861" s="8">
        <v>1</v>
      </c>
      <c r="K861" s="9">
        <v>30</v>
      </c>
      <c r="L861" s="6" t="s">
        <v>51</v>
      </c>
    </row>
    <row r="862" spans="1:12">
      <c r="A862" s="6" t="s">
        <v>49</v>
      </c>
      <c r="B862" s="6"/>
      <c r="C862" s="6" t="s">
        <v>876</v>
      </c>
      <c r="D862" s="6"/>
      <c r="E862" s="6" t="s">
        <v>9</v>
      </c>
      <c r="F862" s="7">
        <v>38657</v>
      </c>
      <c r="G862" s="8">
        <v>1</v>
      </c>
      <c r="H862" s="8">
        <v>1</v>
      </c>
      <c r="I862" s="8">
        <v>0</v>
      </c>
      <c r="J862" s="8">
        <v>1</v>
      </c>
      <c r="K862" s="9">
        <v>28</v>
      </c>
      <c r="L862" s="6" t="s">
        <v>51</v>
      </c>
    </row>
    <row r="863" spans="1:12">
      <c r="A863" s="6" t="s">
        <v>49</v>
      </c>
      <c r="B863" s="6"/>
      <c r="C863" s="6" t="s">
        <v>877</v>
      </c>
      <c r="D863" s="6"/>
      <c r="E863" s="6" t="s">
        <v>9</v>
      </c>
      <c r="F863" s="7">
        <v>38657</v>
      </c>
      <c r="G863" s="8">
        <v>1</v>
      </c>
      <c r="H863" s="8">
        <v>1</v>
      </c>
      <c r="I863" s="8">
        <v>0</v>
      </c>
      <c r="J863" s="8">
        <v>1</v>
      </c>
      <c r="K863" s="9">
        <v>31</v>
      </c>
      <c r="L863" s="6" t="s">
        <v>51</v>
      </c>
    </row>
    <row r="864" spans="1:12">
      <c r="A864" s="6" t="s">
        <v>49</v>
      </c>
      <c r="B864" s="6"/>
      <c r="C864" s="6" t="s">
        <v>878</v>
      </c>
      <c r="D864" s="6"/>
      <c r="E864" s="6" t="s">
        <v>9</v>
      </c>
      <c r="F864" s="7">
        <v>38657</v>
      </c>
      <c r="G864" s="8">
        <v>1</v>
      </c>
      <c r="H864" s="8">
        <v>1</v>
      </c>
      <c r="I864" s="8">
        <v>0</v>
      </c>
      <c r="J864" s="8">
        <v>1</v>
      </c>
      <c r="K864" s="9">
        <v>26</v>
      </c>
      <c r="L864" s="6" t="s">
        <v>51</v>
      </c>
    </row>
    <row r="865" spans="1:12">
      <c r="A865" s="6" t="s">
        <v>49</v>
      </c>
      <c r="B865" s="6"/>
      <c r="C865" s="6" t="s">
        <v>879</v>
      </c>
      <c r="D865" s="6"/>
      <c r="E865" s="6" t="s">
        <v>9</v>
      </c>
      <c r="F865" s="7">
        <v>38657</v>
      </c>
      <c r="G865" s="8">
        <v>1</v>
      </c>
      <c r="H865" s="8">
        <v>1</v>
      </c>
      <c r="I865" s="8">
        <v>0</v>
      </c>
      <c r="J865" s="8">
        <v>1</v>
      </c>
      <c r="K865" s="9">
        <v>44</v>
      </c>
      <c r="L865" s="6" t="s">
        <v>51</v>
      </c>
    </row>
    <row r="866" spans="1:12">
      <c r="A866" s="6" t="s">
        <v>49</v>
      </c>
      <c r="B866" s="6"/>
      <c r="C866" s="6" t="s">
        <v>880</v>
      </c>
      <c r="D866" s="6"/>
      <c r="E866" s="6" t="s">
        <v>9</v>
      </c>
      <c r="F866" s="7">
        <v>38657</v>
      </c>
      <c r="G866" s="8">
        <v>1</v>
      </c>
      <c r="H866" s="8">
        <v>1</v>
      </c>
      <c r="I866" s="8">
        <v>0</v>
      </c>
      <c r="J866" s="8">
        <v>1</v>
      </c>
      <c r="K866" s="9">
        <v>20</v>
      </c>
      <c r="L866" s="6" t="s">
        <v>51</v>
      </c>
    </row>
    <row r="867" spans="1:12">
      <c r="A867" s="6" t="s">
        <v>49</v>
      </c>
      <c r="B867" s="6"/>
      <c r="C867" s="6" t="s">
        <v>881</v>
      </c>
      <c r="D867" s="6"/>
      <c r="E867" s="6" t="s">
        <v>9</v>
      </c>
      <c r="F867" s="7">
        <v>38657</v>
      </c>
      <c r="G867" s="8">
        <v>1</v>
      </c>
      <c r="H867" s="8">
        <v>1</v>
      </c>
      <c r="I867" s="8">
        <v>0</v>
      </c>
      <c r="J867" s="8">
        <v>1</v>
      </c>
      <c r="K867" s="9">
        <v>1060</v>
      </c>
      <c r="L867" s="6" t="s">
        <v>51</v>
      </c>
    </row>
    <row r="868" spans="1:12">
      <c r="A868" s="6" t="s">
        <v>49</v>
      </c>
      <c r="B868" s="6"/>
      <c r="C868" s="6" t="s">
        <v>882</v>
      </c>
      <c r="D868" s="6"/>
      <c r="E868" s="6" t="s">
        <v>9</v>
      </c>
      <c r="F868" s="7">
        <v>38657</v>
      </c>
      <c r="G868" s="8">
        <v>1</v>
      </c>
      <c r="H868" s="8">
        <v>1</v>
      </c>
      <c r="I868" s="8">
        <v>0</v>
      </c>
      <c r="J868" s="8">
        <v>1</v>
      </c>
      <c r="K868" s="9">
        <v>15</v>
      </c>
      <c r="L868" s="6" t="s">
        <v>51</v>
      </c>
    </row>
    <row r="869" spans="1:12">
      <c r="A869" s="6" t="s">
        <v>49</v>
      </c>
      <c r="B869" s="6"/>
      <c r="C869" s="6" t="s">
        <v>883</v>
      </c>
      <c r="D869" s="6"/>
      <c r="E869" s="6" t="s">
        <v>9</v>
      </c>
      <c r="F869" s="7">
        <v>38657</v>
      </c>
      <c r="G869" s="8">
        <v>1</v>
      </c>
      <c r="H869" s="8">
        <v>1</v>
      </c>
      <c r="I869" s="8">
        <v>0</v>
      </c>
      <c r="J869" s="8">
        <v>1</v>
      </c>
      <c r="K869" s="9">
        <v>24</v>
      </c>
      <c r="L869" s="6" t="s">
        <v>51</v>
      </c>
    </row>
    <row r="870" spans="1:12">
      <c r="A870" s="6" t="s">
        <v>49</v>
      </c>
      <c r="B870" s="6"/>
      <c r="C870" s="6" t="s">
        <v>884</v>
      </c>
      <c r="D870" s="6"/>
      <c r="E870" s="6" t="s">
        <v>9</v>
      </c>
      <c r="F870" s="7">
        <v>38657</v>
      </c>
      <c r="G870" s="8">
        <v>1</v>
      </c>
      <c r="H870" s="8">
        <v>1</v>
      </c>
      <c r="I870" s="8">
        <v>0</v>
      </c>
      <c r="J870" s="8">
        <v>1</v>
      </c>
      <c r="K870" s="9">
        <v>18</v>
      </c>
      <c r="L870" s="6" t="s">
        <v>51</v>
      </c>
    </row>
    <row r="871" spans="1:12">
      <c r="A871" s="6" t="s">
        <v>49</v>
      </c>
      <c r="B871" s="6"/>
      <c r="C871" s="6" t="s">
        <v>885</v>
      </c>
      <c r="D871" s="6"/>
      <c r="E871" s="6" t="s">
        <v>9</v>
      </c>
      <c r="F871" s="7">
        <v>38657</v>
      </c>
      <c r="G871" s="8">
        <v>1</v>
      </c>
      <c r="H871" s="8">
        <v>1</v>
      </c>
      <c r="I871" s="8">
        <v>0</v>
      </c>
      <c r="J871" s="8">
        <v>1</v>
      </c>
      <c r="K871" s="9">
        <v>23</v>
      </c>
      <c r="L871" s="6" t="s">
        <v>51</v>
      </c>
    </row>
    <row r="872" spans="1:12">
      <c r="A872" s="6" t="s">
        <v>49</v>
      </c>
      <c r="B872" s="6"/>
      <c r="C872" s="6" t="s">
        <v>886</v>
      </c>
      <c r="D872" s="6"/>
      <c r="E872" s="6" t="s">
        <v>9</v>
      </c>
      <c r="F872" s="7">
        <v>38657</v>
      </c>
      <c r="G872" s="8">
        <v>1</v>
      </c>
      <c r="H872" s="8">
        <v>1</v>
      </c>
      <c r="I872" s="8">
        <v>0</v>
      </c>
      <c r="J872" s="8">
        <v>1</v>
      </c>
      <c r="K872" s="9">
        <v>30</v>
      </c>
      <c r="L872" s="6" t="s">
        <v>51</v>
      </c>
    </row>
    <row r="873" spans="1:12">
      <c r="A873" s="6" t="s">
        <v>49</v>
      </c>
      <c r="B873" s="6"/>
      <c r="C873" s="6" t="s">
        <v>887</v>
      </c>
      <c r="D873" s="6"/>
      <c r="E873" s="6" t="s">
        <v>9</v>
      </c>
      <c r="F873" s="7">
        <v>38657</v>
      </c>
      <c r="G873" s="8">
        <v>1</v>
      </c>
      <c r="H873" s="8">
        <v>1</v>
      </c>
      <c r="I873" s="8">
        <v>0</v>
      </c>
      <c r="J873" s="8">
        <v>1</v>
      </c>
      <c r="K873" s="9">
        <v>41</v>
      </c>
      <c r="L873" s="6" t="s">
        <v>51</v>
      </c>
    </row>
    <row r="874" spans="1:12">
      <c r="A874" s="6" t="s">
        <v>49</v>
      </c>
      <c r="B874" s="6"/>
      <c r="C874" s="6" t="s">
        <v>888</v>
      </c>
      <c r="D874" s="6"/>
      <c r="E874" s="6" t="s">
        <v>9</v>
      </c>
      <c r="F874" s="7">
        <v>38657</v>
      </c>
      <c r="G874" s="8">
        <v>1</v>
      </c>
      <c r="H874" s="8">
        <v>1</v>
      </c>
      <c r="I874" s="8">
        <v>0</v>
      </c>
      <c r="J874" s="8">
        <v>1</v>
      </c>
      <c r="K874" s="9">
        <v>73</v>
      </c>
      <c r="L874" s="6" t="s">
        <v>51</v>
      </c>
    </row>
    <row r="875" spans="1:12">
      <c r="A875" s="6" t="s">
        <v>49</v>
      </c>
      <c r="B875" s="6"/>
      <c r="C875" s="6" t="s">
        <v>889</v>
      </c>
      <c r="D875" s="6"/>
      <c r="E875" s="6" t="s">
        <v>9</v>
      </c>
      <c r="F875" s="7">
        <v>38657</v>
      </c>
      <c r="G875" s="8">
        <v>1</v>
      </c>
      <c r="H875" s="8">
        <v>1</v>
      </c>
      <c r="I875" s="8">
        <v>0</v>
      </c>
      <c r="J875" s="8">
        <v>1</v>
      </c>
      <c r="K875" s="9">
        <v>39</v>
      </c>
      <c r="L875" s="6" t="s">
        <v>51</v>
      </c>
    </row>
    <row r="876" spans="1:12">
      <c r="A876" s="6" t="s">
        <v>49</v>
      </c>
      <c r="B876" s="6"/>
      <c r="C876" s="6" t="s">
        <v>890</v>
      </c>
      <c r="D876" s="6"/>
      <c r="E876" s="6" t="s">
        <v>9</v>
      </c>
      <c r="F876" s="7">
        <v>38657</v>
      </c>
      <c r="G876" s="8">
        <v>1</v>
      </c>
      <c r="H876" s="8">
        <v>1</v>
      </c>
      <c r="I876" s="8">
        <v>0</v>
      </c>
      <c r="J876" s="8">
        <v>1</v>
      </c>
      <c r="K876" s="9">
        <v>12</v>
      </c>
      <c r="L876" s="6" t="s">
        <v>51</v>
      </c>
    </row>
    <row r="877" spans="1:12">
      <c r="A877" s="6" t="s">
        <v>49</v>
      </c>
      <c r="B877" s="6"/>
      <c r="C877" s="6" t="s">
        <v>891</v>
      </c>
      <c r="D877" s="6"/>
      <c r="E877" s="6" t="s">
        <v>9</v>
      </c>
      <c r="F877" s="7">
        <v>38657</v>
      </c>
      <c r="G877" s="8">
        <v>1</v>
      </c>
      <c r="H877" s="8">
        <v>1</v>
      </c>
      <c r="I877" s="8">
        <v>0</v>
      </c>
      <c r="J877" s="8">
        <v>1</v>
      </c>
      <c r="K877" s="9">
        <v>12</v>
      </c>
      <c r="L877" s="6" t="s">
        <v>51</v>
      </c>
    </row>
    <row r="878" spans="1:12">
      <c r="A878" s="6" t="s">
        <v>49</v>
      </c>
      <c r="B878" s="6"/>
      <c r="C878" s="6" t="s">
        <v>892</v>
      </c>
      <c r="D878" s="6"/>
      <c r="E878" s="6" t="s">
        <v>9</v>
      </c>
      <c r="F878" s="7">
        <v>38657</v>
      </c>
      <c r="G878" s="8">
        <v>1</v>
      </c>
      <c r="H878" s="8">
        <v>1</v>
      </c>
      <c r="I878" s="8">
        <v>0</v>
      </c>
      <c r="J878" s="8">
        <v>1</v>
      </c>
      <c r="K878" s="9">
        <v>514</v>
      </c>
      <c r="L878" s="6" t="s">
        <v>51</v>
      </c>
    </row>
    <row r="879" spans="1:12">
      <c r="A879" s="6" t="s">
        <v>49</v>
      </c>
      <c r="B879" s="6"/>
      <c r="C879" s="6" t="s">
        <v>893</v>
      </c>
      <c r="D879" s="6"/>
      <c r="E879" s="6" t="s">
        <v>9</v>
      </c>
      <c r="F879" s="7">
        <v>38657</v>
      </c>
      <c r="G879" s="8">
        <v>1</v>
      </c>
      <c r="H879" s="8">
        <v>1</v>
      </c>
      <c r="I879" s="8">
        <v>0</v>
      </c>
      <c r="J879" s="8">
        <v>1</v>
      </c>
      <c r="K879" s="9">
        <v>12</v>
      </c>
      <c r="L879" s="6" t="s">
        <v>51</v>
      </c>
    </row>
    <row r="880" spans="1:12">
      <c r="A880" s="6" t="s">
        <v>49</v>
      </c>
      <c r="B880" s="6"/>
      <c r="C880" s="6" t="s">
        <v>894</v>
      </c>
      <c r="D880" s="6"/>
      <c r="E880" s="6" t="s">
        <v>9</v>
      </c>
      <c r="F880" s="7">
        <v>38657</v>
      </c>
      <c r="G880" s="8">
        <v>1</v>
      </c>
      <c r="H880" s="8">
        <v>1</v>
      </c>
      <c r="I880" s="8">
        <v>0</v>
      </c>
      <c r="J880" s="8">
        <v>1</v>
      </c>
      <c r="K880" s="9">
        <v>39</v>
      </c>
      <c r="L880" s="6" t="s">
        <v>51</v>
      </c>
    </row>
    <row r="881" spans="1:12">
      <c r="A881" s="6" t="s">
        <v>49</v>
      </c>
      <c r="B881" s="6"/>
      <c r="C881" s="6" t="s">
        <v>895</v>
      </c>
      <c r="D881" s="6"/>
      <c r="E881" s="6" t="s">
        <v>9</v>
      </c>
      <c r="F881" s="7">
        <v>38657</v>
      </c>
      <c r="G881" s="8">
        <v>1</v>
      </c>
      <c r="H881" s="8">
        <v>1</v>
      </c>
      <c r="I881" s="8">
        <v>0</v>
      </c>
      <c r="J881" s="8">
        <v>1</v>
      </c>
      <c r="K881" s="9">
        <v>11</v>
      </c>
      <c r="L881" s="6" t="s">
        <v>51</v>
      </c>
    </row>
    <row r="882" spans="1:12">
      <c r="A882" s="6" t="s">
        <v>49</v>
      </c>
      <c r="B882" s="6"/>
      <c r="C882" s="6" t="s">
        <v>896</v>
      </c>
      <c r="D882" s="6"/>
      <c r="E882" s="6" t="s">
        <v>9</v>
      </c>
      <c r="F882" s="7">
        <v>38657</v>
      </c>
      <c r="G882" s="8">
        <v>1</v>
      </c>
      <c r="H882" s="8">
        <v>1</v>
      </c>
      <c r="I882" s="8">
        <v>0</v>
      </c>
      <c r="J882" s="8">
        <v>1</v>
      </c>
      <c r="K882" s="9">
        <v>93</v>
      </c>
      <c r="L882" s="6" t="s">
        <v>51</v>
      </c>
    </row>
    <row r="883" spans="1:12">
      <c r="A883" s="6" t="s">
        <v>49</v>
      </c>
      <c r="B883" s="6"/>
      <c r="C883" s="6" t="s">
        <v>897</v>
      </c>
      <c r="D883" s="6"/>
      <c r="E883" s="6" t="s">
        <v>9</v>
      </c>
      <c r="F883" s="7">
        <v>38657</v>
      </c>
      <c r="G883" s="8">
        <v>1</v>
      </c>
      <c r="H883" s="8">
        <v>1</v>
      </c>
      <c r="I883" s="8">
        <v>0</v>
      </c>
      <c r="J883" s="8">
        <v>1</v>
      </c>
      <c r="K883" s="9">
        <v>16</v>
      </c>
      <c r="L883" s="6" t="s">
        <v>51</v>
      </c>
    </row>
    <row r="884" spans="1:12">
      <c r="A884" s="6" t="s">
        <v>49</v>
      </c>
      <c r="B884" s="6"/>
      <c r="C884" s="6" t="s">
        <v>898</v>
      </c>
      <c r="D884" s="6"/>
      <c r="E884" s="6" t="s">
        <v>9</v>
      </c>
      <c r="F884" s="7">
        <v>38657</v>
      </c>
      <c r="G884" s="8">
        <v>1</v>
      </c>
      <c r="H884" s="8">
        <v>1</v>
      </c>
      <c r="I884" s="8">
        <v>0</v>
      </c>
      <c r="J884" s="8">
        <v>1</v>
      </c>
      <c r="K884" s="9">
        <v>15</v>
      </c>
      <c r="L884" s="6" t="s">
        <v>51</v>
      </c>
    </row>
    <row r="885" spans="1:12">
      <c r="A885" s="6" t="s">
        <v>49</v>
      </c>
      <c r="B885" s="6"/>
      <c r="C885" s="6" t="s">
        <v>899</v>
      </c>
      <c r="D885" s="6"/>
      <c r="E885" s="6" t="s">
        <v>9</v>
      </c>
      <c r="F885" s="7">
        <v>38657</v>
      </c>
      <c r="G885" s="8">
        <v>1</v>
      </c>
      <c r="H885" s="8">
        <v>1</v>
      </c>
      <c r="I885" s="8">
        <v>0</v>
      </c>
      <c r="J885" s="8">
        <v>1</v>
      </c>
      <c r="K885" s="9">
        <v>82</v>
      </c>
      <c r="L885" s="6" t="s">
        <v>51</v>
      </c>
    </row>
    <row r="886" spans="1:12">
      <c r="A886" s="6" t="s">
        <v>49</v>
      </c>
      <c r="B886" s="6"/>
      <c r="C886" s="6" t="s">
        <v>900</v>
      </c>
      <c r="D886" s="6"/>
      <c r="E886" s="6" t="s">
        <v>9</v>
      </c>
      <c r="F886" s="7">
        <v>38657</v>
      </c>
      <c r="G886" s="8">
        <v>1</v>
      </c>
      <c r="H886" s="8">
        <v>1</v>
      </c>
      <c r="I886" s="8">
        <v>0</v>
      </c>
      <c r="J886" s="8">
        <v>1</v>
      </c>
      <c r="K886" s="9">
        <v>80</v>
      </c>
      <c r="L886" s="6" t="s">
        <v>51</v>
      </c>
    </row>
    <row r="887" spans="1:12">
      <c r="A887" s="6" t="s">
        <v>49</v>
      </c>
      <c r="B887" s="6"/>
      <c r="C887" s="6" t="s">
        <v>901</v>
      </c>
      <c r="D887" s="6"/>
      <c r="E887" s="6" t="s">
        <v>9</v>
      </c>
      <c r="F887" s="7">
        <v>38657</v>
      </c>
      <c r="G887" s="8">
        <v>1</v>
      </c>
      <c r="H887" s="8">
        <v>1</v>
      </c>
      <c r="I887" s="8">
        <v>0</v>
      </c>
      <c r="J887" s="8">
        <v>1</v>
      </c>
      <c r="K887" s="9">
        <v>37</v>
      </c>
      <c r="L887" s="6" t="s">
        <v>51</v>
      </c>
    </row>
    <row r="888" spans="1:12">
      <c r="A888" s="6" t="s">
        <v>49</v>
      </c>
      <c r="B888" s="6"/>
      <c r="C888" s="6" t="s">
        <v>902</v>
      </c>
      <c r="D888" s="6"/>
      <c r="E888" s="6" t="s">
        <v>9</v>
      </c>
      <c r="F888" s="7">
        <v>38657</v>
      </c>
      <c r="G888" s="8">
        <v>1</v>
      </c>
      <c r="H888" s="8">
        <v>1</v>
      </c>
      <c r="I888" s="8">
        <v>0</v>
      </c>
      <c r="J888" s="8">
        <v>1</v>
      </c>
      <c r="K888" s="9">
        <v>92</v>
      </c>
      <c r="L888" s="6" t="s">
        <v>51</v>
      </c>
    </row>
    <row r="889" spans="1:12">
      <c r="A889" s="6" t="s">
        <v>49</v>
      </c>
      <c r="B889" s="6"/>
      <c r="C889" s="6" t="s">
        <v>903</v>
      </c>
      <c r="D889" s="6"/>
      <c r="E889" s="6" t="s">
        <v>9</v>
      </c>
      <c r="F889" s="7">
        <v>38657</v>
      </c>
      <c r="G889" s="8">
        <v>1</v>
      </c>
      <c r="H889" s="8">
        <v>1</v>
      </c>
      <c r="I889" s="8">
        <v>0</v>
      </c>
      <c r="J889" s="8">
        <v>1</v>
      </c>
      <c r="K889" s="9">
        <v>545</v>
      </c>
      <c r="L889" s="6" t="s">
        <v>51</v>
      </c>
    </row>
    <row r="890" spans="1:12">
      <c r="A890" s="6" t="s">
        <v>49</v>
      </c>
      <c r="B890" s="6"/>
      <c r="C890" s="6" t="s">
        <v>904</v>
      </c>
      <c r="D890" s="6"/>
      <c r="E890" s="6" t="s">
        <v>9</v>
      </c>
      <c r="F890" s="7">
        <v>38657</v>
      </c>
      <c r="G890" s="8">
        <v>1</v>
      </c>
      <c r="H890" s="8">
        <v>1</v>
      </c>
      <c r="I890" s="8">
        <v>0</v>
      </c>
      <c r="J890" s="8">
        <v>1</v>
      </c>
      <c r="K890" s="9">
        <v>28</v>
      </c>
      <c r="L890" s="6" t="s">
        <v>51</v>
      </c>
    </row>
    <row r="891" spans="1:12">
      <c r="A891" s="6" t="s">
        <v>49</v>
      </c>
      <c r="B891" s="6"/>
      <c r="C891" s="6" t="s">
        <v>905</v>
      </c>
      <c r="D891" s="6"/>
      <c r="E891" s="6" t="s">
        <v>9</v>
      </c>
      <c r="F891" s="7">
        <v>38657</v>
      </c>
      <c r="G891" s="8">
        <v>1</v>
      </c>
      <c r="H891" s="8">
        <v>1</v>
      </c>
      <c r="I891" s="8">
        <v>0</v>
      </c>
      <c r="J891" s="8">
        <v>1</v>
      </c>
      <c r="K891" s="9">
        <v>44</v>
      </c>
      <c r="L891" s="6" t="s">
        <v>51</v>
      </c>
    </row>
    <row r="892" spans="1:12">
      <c r="A892" s="6" t="s">
        <v>49</v>
      </c>
      <c r="B892" s="6"/>
      <c r="C892" s="6" t="s">
        <v>906</v>
      </c>
      <c r="D892" s="6"/>
      <c r="E892" s="6" t="s">
        <v>9</v>
      </c>
      <c r="F892" s="7">
        <v>38657</v>
      </c>
      <c r="G892" s="8">
        <v>1</v>
      </c>
      <c r="H892" s="8">
        <v>1</v>
      </c>
      <c r="I892" s="8">
        <v>0</v>
      </c>
      <c r="J892" s="8">
        <v>1</v>
      </c>
      <c r="K892" s="9">
        <v>24</v>
      </c>
      <c r="L892" s="6" t="s">
        <v>51</v>
      </c>
    </row>
    <row r="893" spans="1:12">
      <c r="A893" s="6" t="s">
        <v>49</v>
      </c>
      <c r="B893" s="6"/>
      <c r="C893" s="6" t="s">
        <v>907</v>
      </c>
      <c r="D893" s="6"/>
      <c r="E893" s="6" t="s">
        <v>9</v>
      </c>
      <c r="F893" s="7">
        <v>38657</v>
      </c>
      <c r="G893" s="8">
        <v>1</v>
      </c>
      <c r="H893" s="8">
        <v>1</v>
      </c>
      <c r="I893" s="8">
        <v>0</v>
      </c>
      <c r="J893" s="8">
        <v>1</v>
      </c>
      <c r="K893" s="9">
        <v>24</v>
      </c>
      <c r="L893" s="6" t="s">
        <v>51</v>
      </c>
    </row>
    <row r="894" spans="1:12">
      <c r="A894" s="6" t="s">
        <v>49</v>
      </c>
      <c r="B894" s="6"/>
      <c r="C894" s="6" t="s">
        <v>908</v>
      </c>
      <c r="D894" s="6"/>
      <c r="E894" s="6" t="s">
        <v>9</v>
      </c>
      <c r="F894" s="7">
        <v>38657</v>
      </c>
      <c r="G894" s="8">
        <v>1</v>
      </c>
      <c r="H894" s="8">
        <v>1</v>
      </c>
      <c r="I894" s="8">
        <v>0</v>
      </c>
      <c r="J894" s="8">
        <v>1</v>
      </c>
      <c r="K894" s="9">
        <v>227</v>
      </c>
      <c r="L894" s="6" t="s">
        <v>51</v>
      </c>
    </row>
    <row r="895" spans="1:12">
      <c r="A895" s="6" t="s">
        <v>49</v>
      </c>
      <c r="B895" s="6"/>
      <c r="C895" s="6" t="s">
        <v>909</v>
      </c>
      <c r="D895" s="6"/>
      <c r="E895" s="6" t="s">
        <v>9</v>
      </c>
      <c r="F895" s="7">
        <v>38657</v>
      </c>
      <c r="G895" s="8">
        <v>1</v>
      </c>
      <c r="H895" s="8">
        <v>1</v>
      </c>
      <c r="I895" s="8">
        <v>0</v>
      </c>
      <c r="J895" s="8">
        <v>1</v>
      </c>
      <c r="K895" s="9">
        <v>206</v>
      </c>
      <c r="L895" s="6" t="s">
        <v>51</v>
      </c>
    </row>
    <row r="896" spans="1:12">
      <c r="A896" s="6" t="s">
        <v>49</v>
      </c>
      <c r="B896" s="6"/>
      <c r="C896" s="6" t="s">
        <v>910</v>
      </c>
      <c r="D896" s="6"/>
      <c r="E896" s="6" t="s">
        <v>9</v>
      </c>
      <c r="F896" s="7">
        <v>38657</v>
      </c>
      <c r="G896" s="8">
        <v>1</v>
      </c>
      <c r="H896" s="8">
        <v>1</v>
      </c>
      <c r="I896" s="8">
        <v>0</v>
      </c>
      <c r="J896" s="8">
        <v>1</v>
      </c>
      <c r="K896" s="9">
        <v>45</v>
      </c>
      <c r="L896" s="6" t="s">
        <v>51</v>
      </c>
    </row>
    <row r="897" spans="1:12">
      <c r="A897" s="6" t="s">
        <v>49</v>
      </c>
      <c r="B897" s="6"/>
      <c r="C897" s="6" t="s">
        <v>911</v>
      </c>
      <c r="D897" s="6"/>
      <c r="E897" s="6" t="s">
        <v>9</v>
      </c>
      <c r="F897" s="7">
        <v>38657</v>
      </c>
      <c r="G897" s="8">
        <v>1</v>
      </c>
      <c r="H897" s="8">
        <v>1</v>
      </c>
      <c r="I897" s="8">
        <v>0</v>
      </c>
      <c r="J897" s="8">
        <v>1</v>
      </c>
      <c r="K897" s="9">
        <v>79</v>
      </c>
      <c r="L897" s="6" t="s">
        <v>51</v>
      </c>
    </row>
    <row r="898" spans="1:12">
      <c r="A898" s="6" t="s">
        <v>49</v>
      </c>
      <c r="B898" s="6"/>
      <c r="C898" s="6" t="s">
        <v>912</v>
      </c>
      <c r="D898" s="6"/>
      <c r="E898" s="6" t="s">
        <v>9</v>
      </c>
      <c r="F898" s="7">
        <v>38657</v>
      </c>
      <c r="G898" s="8">
        <v>1</v>
      </c>
      <c r="H898" s="8">
        <v>1</v>
      </c>
      <c r="I898" s="8">
        <v>0</v>
      </c>
      <c r="J898" s="8">
        <v>1</v>
      </c>
      <c r="K898" s="9">
        <v>63</v>
      </c>
      <c r="L898" s="6" t="s">
        <v>51</v>
      </c>
    </row>
    <row r="899" spans="1:12">
      <c r="A899" s="6" t="s">
        <v>49</v>
      </c>
      <c r="B899" s="6"/>
      <c r="C899" s="6" t="s">
        <v>913</v>
      </c>
      <c r="D899" s="6"/>
      <c r="E899" s="6" t="s">
        <v>9</v>
      </c>
      <c r="F899" s="7">
        <v>38657</v>
      </c>
      <c r="G899" s="8">
        <v>1</v>
      </c>
      <c r="H899" s="8">
        <v>1</v>
      </c>
      <c r="I899" s="8">
        <v>0</v>
      </c>
      <c r="J899" s="8">
        <v>1</v>
      </c>
      <c r="K899" s="9">
        <v>36</v>
      </c>
      <c r="L899" s="6" t="s">
        <v>51</v>
      </c>
    </row>
    <row r="900" spans="1:12">
      <c r="A900" s="6" t="s">
        <v>49</v>
      </c>
      <c r="B900" s="6"/>
      <c r="C900" s="6" t="s">
        <v>914</v>
      </c>
      <c r="D900" s="6"/>
      <c r="E900" s="6" t="s">
        <v>9</v>
      </c>
      <c r="F900" s="7">
        <v>38657</v>
      </c>
      <c r="G900" s="8">
        <v>1</v>
      </c>
      <c r="H900" s="8">
        <v>1</v>
      </c>
      <c r="I900" s="8">
        <v>0</v>
      </c>
      <c r="J900" s="8">
        <v>1</v>
      </c>
      <c r="K900" s="9">
        <v>580</v>
      </c>
      <c r="L900" s="6" t="s">
        <v>51</v>
      </c>
    </row>
    <row r="901" spans="1:12">
      <c r="A901" s="6" t="s">
        <v>49</v>
      </c>
      <c r="B901" s="6"/>
      <c r="C901" s="6" t="s">
        <v>915</v>
      </c>
      <c r="D901" s="6"/>
      <c r="E901" s="6" t="s">
        <v>9</v>
      </c>
      <c r="F901" s="7">
        <v>38657</v>
      </c>
      <c r="G901" s="8">
        <v>1</v>
      </c>
      <c r="H901" s="8">
        <v>1</v>
      </c>
      <c r="I901" s="8">
        <v>0</v>
      </c>
      <c r="J901" s="8">
        <v>1</v>
      </c>
      <c r="K901" s="9">
        <v>155</v>
      </c>
      <c r="L901" s="6" t="s">
        <v>51</v>
      </c>
    </row>
    <row r="902" spans="1:12">
      <c r="A902" s="6" t="s">
        <v>49</v>
      </c>
      <c r="B902" s="6"/>
      <c r="C902" s="6" t="s">
        <v>916</v>
      </c>
      <c r="D902" s="6"/>
      <c r="E902" s="6" t="s">
        <v>9</v>
      </c>
      <c r="F902" s="7">
        <v>38657</v>
      </c>
      <c r="G902" s="8">
        <v>1</v>
      </c>
      <c r="H902" s="8">
        <v>1</v>
      </c>
      <c r="I902" s="8">
        <v>0</v>
      </c>
      <c r="J902" s="8">
        <v>1</v>
      </c>
      <c r="K902" s="9">
        <v>589</v>
      </c>
      <c r="L902" s="6" t="s">
        <v>51</v>
      </c>
    </row>
    <row r="903" spans="1:12">
      <c r="A903" s="6" t="s">
        <v>49</v>
      </c>
      <c r="B903" s="6"/>
      <c r="C903" s="6" t="s">
        <v>917</v>
      </c>
      <c r="D903" s="6"/>
      <c r="E903" s="6" t="s">
        <v>9</v>
      </c>
      <c r="F903" s="7">
        <v>38657</v>
      </c>
      <c r="G903" s="8">
        <v>1</v>
      </c>
      <c r="H903" s="8">
        <v>1</v>
      </c>
      <c r="I903" s="8">
        <v>0</v>
      </c>
      <c r="J903" s="8">
        <v>1</v>
      </c>
      <c r="K903" s="9">
        <v>1.43</v>
      </c>
      <c r="L903" s="6" t="s">
        <v>51</v>
      </c>
    </row>
    <row r="904" spans="1:12">
      <c r="A904" s="6" t="s">
        <v>49</v>
      </c>
      <c r="B904" s="6"/>
      <c r="C904" s="6" t="s">
        <v>918</v>
      </c>
      <c r="D904" s="6"/>
      <c r="E904" s="6" t="s">
        <v>9</v>
      </c>
      <c r="F904" s="7">
        <v>38657</v>
      </c>
      <c r="G904" s="8">
        <v>1</v>
      </c>
      <c r="H904" s="8">
        <v>1</v>
      </c>
      <c r="I904" s="8">
        <v>0</v>
      </c>
      <c r="J904" s="8">
        <v>1</v>
      </c>
      <c r="K904" s="9">
        <v>256</v>
      </c>
      <c r="L904" s="6" t="s">
        <v>51</v>
      </c>
    </row>
    <row r="905" spans="1:12">
      <c r="A905" s="6" t="s">
        <v>49</v>
      </c>
      <c r="B905" s="6"/>
      <c r="C905" s="6" t="s">
        <v>919</v>
      </c>
      <c r="D905" s="6"/>
      <c r="E905" s="6" t="s">
        <v>9</v>
      </c>
      <c r="F905" s="7">
        <v>38657</v>
      </c>
      <c r="G905" s="8">
        <v>1</v>
      </c>
      <c r="H905" s="8">
        <v>1</v>
      </c>
      <c r="I905" s="8">
        <v>0</v>
      </c>
      <c r="J905" s="8">
        <v>1</v>
      </c>
      <c r="K905" s="9">
        <v>469</v>
      </c>
      <c r="L905" s="6" t="s">
        <v>51</v>
      </c>
    </row>
    <row r="906" spans="1:12">
      <c r="A906" s="6" t="s">
        <v>49</v>
      </c>
      <c r="B906" s="6"/>
      <c r="C906" s="6" t="s">
        <v>920</v>
      </c>
      <c r="D906" s="6"/>
      <c r="E906" s="6" t="s">
        <v>9</v>
      </c>
      <c r="F906" s="7">
        <v>38657</v>
      </c>
      <c r="G906" s="8">
        <v>1</v>
      </c>
      <c r="H906" s="8">
        <v>1</v>
      </c>
      <c r="I906" s="8">
        <v>0</v>
      </c>
      <c r="J906" s="8">
        <v>1</v>
      </c>
      <c r="K906" s="9">
        <v>146</v>
      </c>
      <c r="L906" s="6" t="s">
        <v>51</v>
      </c>
    </row>
    <row r="907" spans="1:12">
      <c r="A907" s="6" t="s">
        <v>49</v>
      </c>
      <c r="B907" s="6"/>
      <c r="C907" s="6" t="s">
        <v>921</v>
      </c>
      <c r="D907" s="6"/>
      <c r="E907" s="6" t="s">
        <v>9</v>
      </c>
      <c r="F907" s="7">
        <v>38657</v>
      </c>
      <c r="G907" s="8">
        <v>1</v>
      </c>
      <c r="H907" s="8">
        <v>1</v>
      </c>
      <c r="I907" s="8">
        <v>0</v>
      </c>
      <c r="J907" s="8">
        <v>1</v>
      </c>
      <c r="K907" s="9">
        <v>84</v>
      </c>
      <c r="L907" s="6" t="s">
        <v>51</v>
      </c>
    </row>
    <row r="908" spans="1:12">
      <c r="A908" s="6" t="s">
        <v>49</v>
      </c>
      <c r="B908" s="6"/>
      <c r="C908" s="6" t="s">
        <v>922</v>
      </c>
      <c r="D908" s="6"/>
      <c r="E908" s="6" t="s">
        <v>9</v>
      </c>
      <c r="F908" s="7">
        <v>38657</v>
      </c>
      <c r="G908" s="8">
        <v>1</v>
      </c>
      <c r="H908" s="8">
        <v>1</v>
      </c>
      <c r="I908" s="8">
        <v>0</v>
      </c>
      <c r="J908" s="8">
        <v>1</v>
      </c>
      <c r="K908" s="9">
        <v>113</v>
      </c>
      <c r="L908" s="6" t="s">
        <v>51</v>
      </c>
    </row>
    <row r="909" spans="1:12">
      <c r="A909" s="6" t="s">
        <v>49</v>
      </c>
      <c r="B909" s="6"/>
      <c r="C909" s="6" t="s">
        <v>923</v>
      </c>
      <c r="D909" s="6"/>
      <c r="E909" s="6" t="s">
        <v>9</v>
      </c>
      <c r="F909" s="7">
        <v>38657</v>
      </c>
      <c r="G909" s="8">
        <v>1</v>
      </c>
      <c r="H909" s="8">
        <v>1</v>
      </c>
      <c r="I909" s="8">
        <v>0</v>
      </c>
      <c r="J909" s="8">
        <v>1</v>
      </c>
      <c r="K909" s="9">
        <v>154</v>
      </c>
      <c r="L909" s="6" t="s">
        <v>51</v>
      </c>
    </row>
    <row r="910" spans="1:12">
      <c r="A910" s="6" t="s">
        <v>49</v>
      </c>
      <c r="B910" s="6"/>
      <c r="C910" s="6" t="s">
        <v>924</v>
      </c>
      <c r="D910" s="6"/>
      <c r="E910" s="6" t="s">
        <v>9</v>
      </c>
      <c r="F910" s="7">
        <v>38657</v>
      </c>
      <c r="G910" s="8">
        <v>1</v>
      </c>
      <c r="H910" s="8">
        <v>1</v>
      </c>
      <c r="I910" s="8">
        <v>0</v>
      </c>
      <c r="J910" s="8">
        <v>1</v>
      </c>
      <c r="K910" s="9">
        <v>697</v>
      </c>
      <c r="L910" s="6" t="s">
        <v>51</v>
      </c>
    </row>
    <row r="911" spans="1:12">
      <c r="A911" s="6" t="s">
        <v>49</v>
      </c>
      <c r="B911" s="6"/>
      <c r="C911" s="6" t="s">
        <v>925</v>
      </c>
      <c r="D911" s="6"/>
      <c r="E911" s="6" t="s">
        <v>9</v>
      </c>
      <c r="F911" s="7">
        <v>38657</v>
      </c>
      <c r="G911" s="8">
        <v>1</v>
      </c>
      <c r="H911" s="8">
        <v>1</v>
      </c>
      <c r="I911" s="8">
        <v>0</v>
      </c>
      <c r="J911" s="8">
        <v>1</v>
      </c>
      <c r="K911" s="9">
        <v>7.73</v>
      </c>
      <c r="L911" s="6" t="s">
        <v>51</v>
      </c>
    </row>
    <row r="912" spans="1:12">
      <c r="A912" s="6" t="s">
        <v>49</v>
      </c>
      <c r="B912" s="6"/>
      <c r="C912" s="6" t="s">
        <v>926</v>
      </c>
      <c r="D912" s="6"/>
      <c r="E912" s="6" t="s">
        <v>9</v>
      </c>
      <c r="F912" s="7">
        <v>38657</v>
      </c>
      <c r="G912" s="8">
        <v>1</v>
      </c>
      <c r="H912" s="8">
        <v>1</v>
      </c>
      <c r="I912" s="8">
        <v>0</v>
      </c>
      <c r="J912" s="8">
        <v>1</v>
      </c>
      <c r="K912" s="9">
        <v>658</v>
      </c>
      <c r="L912" s="6" t="s">
        <v>51</v>
      </c>
    </row>
    <row r="913" spans="1:12">
      <c r="A913" s="6" t="s">
        <v>49</v>
      </c>
      <c r="B913" s="6"/>
      <c r="C913" s="6" t="s">
        <v>927</v>
      </c>
      <c r="D913" s="6"/>
      <c r="E913" s="6" t="s">
        <v>9</v>
      </c>
      <c r="F913" s="7">
        <v>38657</v>
      </c>
      <c r="G913" s="8">
        <v>1</v>
      </c>
      <c r="H913" s="8">
        <v>1</v>
      </c>
      <c r="I913" s="8">
        <v>0</v>
      </c>
      <c r="J913" s="8">
        <v>1</v>
      </c>
      <c r="K913" s="9">
        <v>28</v>
      </c>
      <c r="L913" s="6" t="s">
        <v>51</v>
      </c>
    </row>
    <row r="914" spans="1:12">
      <c r="A914" s="6" t="s">
        <v>49</v>
      </c>
      <c r="B914" s="6"/>
      <c r="C914" s="6" t="s">
        <v>928</v>
      </c>
      <c r="D914" s="6"/>
      <c r="E914" s="6" t="s">
        <v>9</v>
      </c>
      <c r="F914" s="7">
        <v>38657</v>
      </c>
      <c r="G914" s="8">
        <v>1</v>
      </c>
      <c r="H914" s="8">
        <v>1</v>
      </c>
      <c r="I914" s="8">
        <v>0</v>
      </c>
      <c r="J914" s="8">
        <v>1</v>
      </c>
      <c r="K914" s="9">
        <v>41</v>
      </c>
      <c r="L914" s="6" t="s">
        <v>51</v>
      </c>
    </row>
    <row r="915" spans="1:12">
      <c r="A915" s="6" t="s">
        <v>49</v>
      </c>
      <c r="B915" s="6"/>
      <c r="C915" s="6" t="s">
        <v>929</v>
      </c>
      <c r="D915" s="6"/>
      <c r="E915" s="6" t="s">
        <v>9</v>
      </c>
      <c r="F915" s="7">
        <v>38657</v>
      </c>
      <c r="G915" s="8">
        <v>1</v>
      </c>
      <c r="H915" s="8">
        <v>1</v>
      </c>
      <c r="I915" s="8">
        <v>0</v>
      </c>
      <c r="J915" s="8">
        <v>1</v>
      </c>
      <c r="K915" s="9">
        <v>119</v>
      </c>
      <c r="L915" s="6" t="s">
        <v>51</v>
      </c>
    </row>
    <row r="916" spans="1:12">
      <c r="A916" s="6" t="s">
        <v>49</v>
      </c>
      <c r="B916" s="6"/>
      <c r="C916" s="6" t="s">
        <v>930</v>
      </c>
      <c r="D916" s="6"/>
      <c r="E916" s="6" t="s">
        <v>9</v>
      </c>
      <c r="F916" s="7">
        <v>38657</v>
      </c>
      <c r="G916" s="8">
        <v>1</v>
      </c>
      <c r="H916" s="8">
        <v>1</v>
      </c>
      <c r="I916" s="8">
        <v>0</v>
      </c>
      <c r="J916" s="8">
        <v>1</v>
      </c>
      <c r="K916" s="9">
        <v>32</v>
      </c>
      <c r="L916" s="6" t="s">
        <v>51</v>
      </c>
    </row>
    <row r="917" spans="1:12">
      <c r="A917" s="6" t="s">
        <v>49</v>
      </c>
      <c r="B917" s="6"/>
      <c r="C917" s="6" t="s">
        <v>931</v>
      </c>
      <c r="D917" s="6"/>
      <c r="E917" s="6" t="s">
        <v>9</v>
      </c>
      <c r="F917" s="7">
        <v>38657</v>
      </c>
      <c r="G917" s="8">
        <v>1</v>
      </c>
      <c r="H917" s="8">
        <v>1</v>
      </c>
      <c r="I917" s="8">
        <v>0</v>
      </c>
      <c r="J917" s="8">
        <v>1</v>
      </c>
      <c r="K917" s="9">
        <v>85</v>
      </c>
      <c r="L917" s="6" t="s">
        <v>51</v>
      </c>
    </row>
    <row r="918" spans="1:12">
      <c r="A918" s="6" t="s">
        <v>49</v>
      </c>
      <c r="B918" s="6"/>
      <c r="C918" s="6" t="s">
        <v>932</v>
      </c>
      <c r="D918" s="6"/>
      <c r="E918" s="6" t="s">
        <v>9</v>
      </c>
      <c r="F918" s="7">
        <v>38657</v>
      </c>
      <c r="G918" s="8">
        <v>1</v>
      </c>
      <c r="H918" s="8">
        <v>1</v>
      </c>
      <c r="I918" s="8">
        <v>0</v>
      </c>
      <c r="J918" s="8">
        <v>1</v>
      </c>
      <c r="K918" s="9">
        <v>49</v>
      </c>
      <c r="L918" s="6" t="s">
        <v>51</v>
      </c>
    </row>
    <row r="919" spans="1:12">
      <c r="A919" s="6" t="s">
        <v>49</v>
      </c>
      <c r="B919" s="6"/>
      <c r="C919" s="6" t="s">
        <v>933</v>
      </c>
      <c r="D919" s="6"/>
      <c r="E919" s="6" t="s">
        <v>9</v>
      </c>
      <c r="F919" s="7">
        <v>38657</v>
      </c>
      <c r="G919" s="8">
        <v>1</v>
      </c>
      <c r="H919" s="8">
        <v>1</v>
      </c>
      <c r="I919" s="8">
        <v>0</v>
      </c>
      <c r="J919" s="8">
        <v>1</v>
      </c>
      <c r="K919" s="9">
        <v>632</v>
      </c>
      <c r="L919" s="6" t="s">
        <v>51</v>
      </c>
    </row>
    <row r="920" spans="1:12">
      <c r="A920" s="6" t="s">
        <v>49</v>
      </c>
      <c r="B920" s="6"/>
      <c r="C920" s="6" t="s">
        <v>934</v>
      </c>
      <c r="D920" s="6"/>
      <c r="E920" s="6" t="s">
        <v>9</v>
      </c>
      <c r="F920" s="7">
        <v>38657</v>
      </c>
      <c r="G920" s="8">
        <v>1</v>
      </c>
      <c r="H920" s="8">
        <v>1</v>
      </c>
      <c r="I920" s="8">
        <v>0</v>
      </c>
      <c r="J920" s="8">
        <v>1</v>
      </c>
      <c r="K920" s="9">
        <v>83.6</v>
      </c>
      <c r="L920" s="6" t="s">
        <v>51</v>
      </c>
    </row>
    <row r="921" spans="1:12">
      <c r="A921" s="6" t="s">
        <v>49</v>
      </c>
      <c r="B921" s="6"/>
      <c r="C921" s="6" t="s">
        <v>935</v>
      </c>
      <c r="D921" s="6"/>
      <c r="E921" s="6" t="s">
        <v>9</v>
      </c>
      <c r="F921" s="7">
        <v>38657</v>
      </c>
      <c r="G921" s="8">
        <v>1</v>
      </c>
      <c r="H921" s="8">
        <v>1</v>
      </c>
      <c r="I921" s="8">
        <v>0</v>
      </c>
      <c r="J921" s="8">
        <v>1</v>
      </c>
      <c r="K921" s="9">
        <v>111</v>
      </c>
      <c r="L921" s="6" t="s">
        <v>51</v>
      </c>
    </row>
    <row r="922" spans="1:12">
      <c r="A922" s="6" t="s">
        <v>49</v>
      </c>
      <c r="B922" s="6"/>
      <c r="C922" s="6" t="s">
        <v>936</v>
      </c>
      <c r="D922" s="6"/>
      <c r="E922" s="6" t="s">
        <v>9</v>
      </c>
      <c r="F922" s="7">
        <v>38657</v>
      </c>
      <c r="G922" s="8">
        <v>1</v>
      </c>
      <c r="H922" s="8">
        <v>1</v>
      </c>
      <c r="I922" s="8">
        <v>0</v>
      </c>
      <c r="J922" s="8">
        <v>1</v>
      </c>
      <c r="K922" s="9">
        <v>55</v>
      </c>
      <c r="L922" s="6" t="s">
        <v>51</v>
      </c>
    </row>
    <row r="923" spans="1:12">
      <c r="A923" s="6" t="s">
        <v>49</v>
      </c>
      <c r="B923" s="6"/>
      <c r="C923" s="6" t="s">
        <v>937</v>
      </c>
      <c r="D923" s="6"/>
      <c r="E923" s="6" t="s">
        <v>9</v>
      </c>
      <c r="F923" s="7">
        <v>38657</v>
      </c>
      <c r="G923" s="8">
        <v>1</v>
      </c>
      <c r="H923" s="8">
        <v>1</v>
      </c>
      <c r="I923" s="8">
        <v>0</v>
      </c>
      <c r="J923" s="8">
        <v>1</v>
      </c>
      <c r="K923" s="9">
        <v>1364</v>
      </c>
      <c r="L923" s="6" t="s">
        <v>51</v>
      </c>
    </row>
    <row r="924" spans="1:12">
      <c r="A924" s="6" t="s">
        <v>49</v>
      </c>
      <c r="B924" s="6"/>
      <c r="C924" s="6" t="s">
        <v>938</v>
      </c>
      <c r="D924" s="6"/>
      <c r="E924" s="6" t="s">
        <v>9</v>
      </c>
      <c r="F924" s="7">
        <v>38657</v>
      </c>
      <c r="G924" s="8">
        <v>1</v>
      </c>
      <c r="H924" s="8">
        <v>1</v>
      </c>
      <c r="I924" s="8">
        <v>0</v>
      </c>
      <c r="J924" s="8">
        <v>1</v>
      </c>
      <c r="K924" s="9">
        <v>161</v>
      </c>
      <c r="L924" s="6" t="s">
        <v>51</v>
      </c>
    </row>
    <row r="925" spans="1:12">
      <c r="A925" s="6" t="s">
        <v>49</v>
      </c>
      <c r="B925" s="6"/>
      <c r="C925" s="6" t="s">
        <v>939</v>
      </c>
      <c r="D925" s="6"/>
      <c r="E925" s="6" t="s">
        <v>9</v>
      </c>
      <c r="F925" s="7">
        <v>38657</v>
      </c>
      <c r="G925" s="8">
        <v>1</v>
      </c>
      <c r="H925" s="8">
        <v>1</v>
      </c>
      <c r="I925" s="8">
        <v>0</v>
      </c>
      <c r="J925" s="8">
        <v>1</v>
      </c>
      <c r="K925" s="9">
        <v>1188</v>
      </c>
      <c r="L925" s="6" t="s">
        <v>51</v>
      </c>
    </row>
    <row r="926" spans="1:12">
      <c r="A926" s="6" t="s">
        <v>49</v>
      </c>
      <c r="B926" s="6"/>
      <c r="C926" s="6" t="s">
        <v>940</v>
      </c>
      <c r="D926" s="6"/>
      <c r="E926" s="6" t="s">
        <v>9</v>
      </c>
      <c r="F926" s="7">
        <v>38657</v>
      </c>
      <c r="G926" s="8">
        <v>1</v>
      </c>
      <c r="H926" s="8">
        <v>1</v>
      </c>
      <c r="I926" s="8">
        <v>0</v>
      </c>
      <c r="J926" s="8">
        <v>1</v>
      </c>
      <c r="K926" s="9">
        <v>510</v>
      </c>
      <c r="L926" s="6" t="s">
        <v>51</v>
      </c>
    </row>
    <row r="927" spans="1:12">
      <c r="A927" s="6" t="s">
        <v>49</v>
      </c>
      <c r="B927" s="6"/>
      <c r="C927" s="6" t="s">
        <v>941</v>
      </c>
      <c r="D927" s="6"/>
      <c r="E927" s="6" t="s">
        <v>9</v>
      </c>
      <c r="F927" s="7">
        <v>38657</v>
      </c>
      <c r="G927" s="8">
        <v>1</v>
      </c>
      <c r="H927" s="8">
        <v>1</v>
      </c>
      <c r="I927" s="8">
        <v>0</v>
      </c>
      <c r="J927" s="8">
        <v>1</v>
      </c>
      <c r="K927" s="9">
        <v>1256</v>
      </c>
      <c r="L927" s="6" t="s">
        <v>51</v>
      </c>
    </row>
    <row r="928" spans="1:12">
      <c r="A928" s="6" t="s">
        <v>49</v>
      </c>
      <c r="B928" s="6"/>
      <c r="C928" s="6" t="s">
        <v>942</v>
      </c>
      <c r="D928" s="6"/>
      <c r="E928" s="6" t="s">
        <v>9</v>
      </c>
      <c r="F928" s="7">
        <v>38657</v>
      </c>
      <c r="G928" s="8">
        <v>1</v>
      </c>
      <c r="H928" s="8">
        <v>1</v>
      </c>
      <c r="I928" s="8">
        <v>0</v>
      </c>
      <c r="J928" s="8">
        <v>1</v>
      </c>
      <c r="K928" s="9">
        <v>1031</v>
      </c>
      <c r="L928" s="6" t="s">
        <v>51</v>
      </c>
    </row>
    <row r="929" spans="1:12">
      <c r="A929" s="6" t="s">
        <v>49</v>
      </c>
      <c r="B929" s="6"/>
      <c r="C929" s="6" t="s">
        <v>943</v>
      </c>
      <c r="D929" s="6"/>
      <c r="E929" s="6" t="s">
        <v>9</v>
      </c>
      <c r="F929" s="7">
        <v>38657</v>
      </c>
      <c r="G929" s="8">
        <v>1</v>
      </c>
      <c r="H929" s="8">
        <v>1</v>
      </c>
      <c r="I929" s="8">
        <v>0</v>
      </c>
      <c r="J929" s="8">
        <v>1</v>
      </c>
      <c r="K929" s="9">
        <v>1438</v>
      </c>
      <c r="L929" s="6" t="s">
        <v>51</v>
      </c>
    </row>
    <row r="930" spans="1:12">
      <c r="A930" s="6" t="s">
        <v>49</v>
      </c>
      <c r="B930" s="6"/>
      <c r="C930" s="6" t="s">
        <v>944</v>
      </c>
      <c r="D930" s="6"/>
      <c r="E930" s="6" t="s">
        <v>9</v>
      </c>
      <c r="F930" s="7">
        <v>38657</v>
      </c>
      <c r="G930" s="8">
        <v>1</v>
      </c>
      <c r="H930" s="8">
        <v>1</v>
      </c>
      <c r="I930" s="8">
        <v>0</v>
      </c>
      <c r="J930" s="8">
        <v>1</v>
      </c>
      <c r="K930" s="9">
        <v>783</v>
      </c>
      <c r="L930" s="6" t="s">
        <v>51</v>
      </c>
    </row>
    <row r="931" spans="1:12">
      <c r="A931" s="6" t="s">
        <v>49</v>
      </c>
      <c r="B931" s="6"/>
      <c r="C931" s="6" t="s">
        <v>945</v>
      </c>
      <c r="D931" s="6"/>
      <c r="E931" s="6" t="s">
        <v>9</v>
      </c>
      <c r="F931" s="7">
        <v>38657</v>
      </c>
      <c r="G931" s="8">
        <v>1</v>
      </c>
      <c r="H931" s="8">
        <v>1</v>
      </c>
      <c r="I931" s="8">
        <v>0</v>
      </c>
      <c r="J931" s="8">
        <v>1</v>
      </c>
      <c r="K931" s="9">
        <v>136</v>
      </c>
      <c r="L931" s="6" t="s">
        <v>51</v>
      </c>
    </row>
    <row r="932" spans="1:12">
      <c r="A932" s="6" t="s">
        <v>49</v>
      </c>
      <c r="B932" s="6"/>
      <c r="C932" s="6" t="s">
        <v>946</v>
      </c>
      <c r="D932" s="6"/>
      <c r="E932" s="6" t="s">
        <v>9</v>
      </c>
      <c r="F932" s="7">
        <v>38657</v>
      </c>
      <c r="G932" s="8">
        <v>1</v>
      </c>
      <c r="H932" s="8">
        <v>1</v>
      </c>
      <c r="I932" s="8">
        <v>0</v>
      </c>
      <c r="J932" s="8">
        <v>1</v>
      </c>
      <c r="K932" s="9">
        <v>2004</v>
      </c>
      <c r="L932" s="6" t="s">
        <v>51</v>
      </c>
    </row>
    <row r="933" spans="1:12">
      <c r="A933" s="6" t="s">
        <v>49</v>
      </c>
      <c r="B933" s="6"/>
      <c r="C933" s="6" t="s">
        <v>947</v>
      </c>
      <c r="D933" s="6"/>
      <c r="E933" s="6" t="s">
        <v>9</v>
      </c>
      <c r="F933" s="7">
        <v>38657</v>
      </c>
      <c r="G933" s="8">
        <v>1</v>
      </c>
      <c r="H933" s="8">
        <v>1</v>
      </c>
      <c r="I933" s="8">
        <v>0</v>
      </c>
      <c r="J933" s="8">
        <v>1</v>
      </c>
      <c r="K933" s="9">
        <v>496</v>
      </c>
      <c r="L933" s="6" t="s">
        <v>51</v>
      </c>
    </row>
    <row r="934" spans="1:12">
      <c r="A934" s="6" t="s">
        <v>49</v>
      </c>
      <c r="B934" s="6"/>
      <c r="C934" s="6" t="s">
        <v>948</v>
      </c>
      <c r="D934" s="6"/>
      <c r="E934" s="6" t="s">
        <v>9</v>
      </c>
      <c r="F934" s="7">
        <v>38657</v>
      </c>
      <c r="G934" s="8">
        <v>1</v>
      </c>
      <c r="H934" s="8">
        <v>1</v>
      </c>
      <c r="I934" s="8">
        <v>0</v>
      </c>
      <c r="J934" s="8">
        <v>1</v>
      </c>
      <c r="K934" s="9">
        <v>222</v>
      </c>
      <c r="L934" s="6" t="s">
        <v>51</v>
      </c>
    </row>
    <row r="935" spans="1:12">
      <c r="A935" s="6" t="s">
        <v>49</v>
      </c>
      <c r="B935" s="6"/>
      <c r="C935" s="6" t="s">
        <v>949</v>
      </c>
      <c r="D935" s="6"/>
      <c r="E935" s="6" t="s">
        <v>9</v>
      </c>
      <c r="F935" s="7">
        <v>38657</v>
      </c>
      <c r="G935" s="8">
        <v>1</v>
      </c>
      <c r="H935" s="8">
        <v>1</v>
      </c>
      <c r="I935" s="8">
        <v>0</v>
      </c>
      <c r="J935" s="8">
        <v>1</v>
      </c>
      <c r="K935" s="9">
        <v>3410</v>
      </c>
      <c r="L935" s="6" t="s">
        <v>51</v>
      </c>
    </row>
    <row r="936" spans="1:12">
      <c r="A936" s="6" t="s">
        <v>49</v>
      </c>
      <c r="B936" s="6"/>
      <c r="C936" s="6" t="s">
        <v>950</v>
      </c>
      <c r="D936" s="6"/>
      <c r="E936" s="6" t="s">
        <v>9</v>
      </c>
      <c r="F936" s="7">
        <v>38657</v>
      </c>
      <c r="G936" s="8">
        <v>1</v>
      </c>
      <c r="H936" s="8">
        <v>1</v>
      </c>
      <c r="I936" s="8">
        <v>0</v>
      </c>
      <c r="J936" s="8">
        <v>1</v>
      </c>
      <c r="K936" s="9">
        <v>200</v>
      </c>
      <c r="L936" s="6" t="s">
        <v>51</v>
      </c>
    </row>
    <row r="937" spans="1:12">
      <c r="A937" s="6" t="s">
        <v>49</v>
      </c>
      <c r="B937" s="6"/>
      <c r="C937" s="6" t="s">
        <v>951</v>
      </c>
      <c r="D937" s="6"/>
      <c r="E937" s="6" t="s">
        <v>9</v>
      </c>
      <c r="F937" s="7">
        <v>38657</v>
      </c>
      <c r="G937" s="8">
        <v>1</v>
      </c>
      <c r="H937" s="8">
        <v>1</v>
      </c>
      <c r="I937" s="8">
        <v>0</v>
      </c>
      <c r="J937" s="8">
        <v>1</v>
      </c>
      <c r="K937" s="9">
        <v>474</v>
      </c>
      <c r="L937" s="6" t="s">
        <v>51</v>
      </c>
    </row>
    <row r="938" spans="1:12">
      <c r="A938" s="6" t="s">
        <v>49</v>
      </c>
      <c r="B938" s="6"/>
      <c r="C938" s="6" t="s">
        <v>952</v>
      </c>
      <c r="D938" s="6"/>
      <c r="E938" s="6" t="s">
        <v>9</v>
      </c>
      <c r="F938" s="7">
        <v>38657</v>
      </c>
      <c r="G938" s="8">
        <v>1</v>
      </c>
      <c r="H938" s="8">
        <v>1</v>
      </c>
      <c r="I938" s="8">
        <v>0</v>
      </c>
      <c r="J938" s="8">
        <v>1</v>
      </c>
      <c r="K938" s="9">
        <v>19</v>
      </c>
      <c r="L938" s="6" t="s">
        <v>51</v>
      </c>
    </row>
    <row r="939" spans="1:12">
      <c r="A939" s="6" t="s">
        <v>49</v>
      </c>
      <c r="B939" s="6"/>
      <c r="C939" s="6" t="s">
        <v>953</v>
      </c>
      <c r="D939" s="6"/>
      <c r="E939" s="6" t="s">
        <v>9</v>
      </c>
      <c r="F939" s="7">
        <v>38657</v>
      </c>
      <c r="G939" s="8">
        <v>1</v>
      </c>
      <c r="H939" s="8">
        <v>1</v>
      </c>
      <c r="I939" s="8">
        <v>0</v>
      </c>
      <c r="J939" s="8">
        <v>1</v>
      </c>
      <c r="K939" s="9">
        <v>551</v>
      </c>
      <c r="L939" s="6" t="s">
        <v>51</v>
      </c>
    </row>
    <row r="940" spans="1:12">
      <c r="A940" s="6" t="s">
        <v>49</v>
      </c>
      <c r="B940" s="6"/>
      <c r="C940" s="6" t="s">
        <v>954</v>
      </c>
      <c r="D940" s="6"/>
      <c r="E940" s="6" t="s">
        <v>9</v>
      </c>
      <c r="F940" s="7">
        <v>38657</v>
      </c>
      <c r="G940" s="8">
        <v>1</v>
      </c>
      <c r="H940" s="8">
        <v>1</v>
      </c>
      <c r="I940" s="8">
        <v>0</v>
      </c>
      <c r="J940" s="8">
        <v>1</v>
      </c>
      <c r="K940" s="9">
        <v>7.8</v>
      </c>
      <c r="L940" s="6" t="s">
        <v>51</v>
      </c>
    </row>
    <row r="941" spans="1:12">
      <c r="A941" s="6" t="s">
        <v>49</v>
      </c>
      <c r="B941" s="6"/>
      <c r="C941" s="6" t="s">
        <v>955</v>
      </c>
      <c r="D941" s="6"/>
      <c r="E941" s="6" t="s">
        <v>9</v>
      </c>
      <c r="F941" s="7">
        <v>38657</v>
      </c>
      <c r="G941" s="8">
        <v>1</v>
      </c>
      <c r="H941" s="8">
        <v>1</v>
      </c>
      <c r="I941" s="8">
        <v>0</v>
      </c>
      <c r="J941" s="8">
        <v>1</v>
      </c>
      <c r="K941" s="9">
        <v>256</v>
      </c>
      <c r="L941" s="6" t="s">
        <v>51</v>
      </c>
    </row>
    <row r="942" spans="1:12">
      <c r="A942" s="6" t="s">
        <v>49</v>
      </c>
      <c r="B942" s="6"/>
      <c r="C942" s="6" t="s">
        <v>956</v>
      </c>
      <c r="D942" s="6"/>
      <c r="E942" s="6" t="s">
        <v>9</v>
      </c>
      <c r="F942" s="7">
        <v>38657</v>
      </c>
      <c r="G942" s="8">
        <v>1</v>
      </c>
      <c r="H942" s="8">
        <v>1</v>
      </c>
      <c r="I942" s="8">
        <v>0</v>
      </c>
      <c r="J942" s="8">
        <v>1</v>
      </c>
      <c r="K942" s="9">
        <v>20</v>
      </c>
      <c r="L942" s="6" t="s">
        <v>51</v>
      </c>
    </row>
    <row r="943" spans="1:12">
      <c r="A943" s="6" t="s">
        <v>49</v>
      </c>
      <c r="B943" s="6"/>
      <c r="C943" s="6" t="s">
        <v>957</v>
      </c>
      <c r="D943" s="6"/>
      <c r="E943" s="6" t="s">
        <v>9</v>
      </c>
      <c r="F943" s="7">
        <v>38657</v>
      </c>
      <c r="G943" s="8">
        <v>1</v>
      </c>
      <c r="H943" s="8">
        <v>1</v>
      </c>
      <c r="I943" s="8">
        <v>0</v>
      </c>
      <c r="J943" s="8">
        <v>1</v>
      </c>
      <c r="K943" s="9">
        <v>25</v>
      </c>
      <c r="L943" s="6" t="s">
        <v>51</v>
      </c>
    </row>
    <row r="944" spans="1:12">
      <c r="A944" s="6" t="s">
        <v>49</v>
      </c>
      <c r="B944" s="6"/>
      <c r="C944" s="6" t="s">
        <v>958</v>
      </c>
      <c r="D944" s="6"/>
      <c r="E944" s="6" t="s">
        <v>9</v>
      </c>
      <c r="F944" s="7">
        <v>38657</v>
      </c>
      <c r="G944" s="8">
        <v>1</v>
      </c>
      <c r="H944" s="8">
        <v>1</v>
      </c>
      <c r="I944" s="8">
        <v>0</v>
      </c>
      <c r="J944" s="8">
        <v>1</v>
      </c>
      <c r="K944" s="9">
        <v>6.21</v>
      </c>
      <c r="L944" s="6" t="s">
        <v>51</v>
      </c>
    </row>
    <row r="945" spans="1:12">
      <c r="A945" s="6" t="s">
        <v>49</v>
      </c>
      <c r="B945" s="6"/>
      <c r="C945" s="6" t="s">
        <v>959</v>
      </c>
      <c r="D945" s="6"/>
      <c r="E945" s="6" t="s">
        <v>9</v>
      </c>
      <c r="F945" s="7">
        <v>38657</v>
      </c>
      <c r="G945" s="8">
        <v>1</v>
      </c>
      <c r="H945" s="8">
        <v>1</v>
      </c>
      <c r="I945" s="8">
        <v>0</v>
      </c>
      <c r="J945" s="8">
        <v>1</v>
      </c>
      <c r="K945" s="9">
        <v>728</v>
      </c>
      <c r="L945" s="6" t="s">
        <v>51</v>
      </c>
    </row>
    <row r="946" spans="1:12">
      <c r="A946" s="6" t="s">
        <v>49</v>
      </c>
      <c r="B946" s="6"/>
      <c r="C946" s="6" t="s">
        <v>960</v>
      </c>
      <c r="D946" s="6"/>
      <c r="E946" s="6" t="s">
        <v>9</v>
      </c>
      <c r="F946" s="7">
        <v>38657</v>
      </c>
      <c r="G946" s="8">
        <v>1</v>
      </c>
      <c r="H946" s="8">
        <v>1</v>
      </c>
      <c r="I946" s="8">
        <v>0</v>
      </c>
      <c r="J946" s="8">
        <v>1</v>
      </c>
      <c r="K946" s="9">
        <v>2020</v>
      </c>
      <c r="L946" s="6" t="s">
        <v>51</v>
      </c>
    </row>
    <row r="947" spans="1:12">
      <c r="A947" s="6" t="s">
        <v>49</v>
      </c>
      <c r="B947" s="6"/>
      <c r="C947" s="6" t="s">
        <v>961</v>
      </c>
      <c r="D947" s="6"/>
      <c r="E947" s="6" t="s">
        <v>9</v>
      </c>
      <c r="F947" s="7">
        <v>38657</v>
      </c>
      <c r="G947" s="8">
        <v>1</v>
      </c>
      <c r="H947" s="8">
        <v>1</v>
      </c>
      <c r="I947" s="8">
        <v>0</v>
      </c>
      <c r="J947" s="8">
        <v>1</v>
      </c>
      <c r="K947" s="9">
        <v>344</v>
      </c>
      <c r="L947" s="6" t="s">
        <v>51</v>
      </c>
    </row>
    <row r="948" spans="1:12">
      <c r="A948" s="6" t="s">
        <v>49</v>
      </c>
      <c r="B948" s="6"/>
      <c r="C948" s="6" t="s">
        <v>962</v>
      </c>
      <c r="D948" s="6"/>
      <c r="E948" s="6" t="s">
        <v>9</v>
      </c>
      <c r="F948" s="7">
        <v>38657</v>
      </c>
      <c r="G948" s="8">
        <v>1</v>
      </c>
      <c r="H948" s="8">
        <v>1</v>
      </c>
      <c r="I948" s="8">
        <v>0</v>
      </c>
      <c r="J948" s="8">
        <v>1</v>
      </c>
      <c r="K948" s="9">
        <v>4879</v>
      </c>
      <c r="L948" s="6" t="s">
        <v>51</v>
      </c>
    </row>
    <row r="949" spans="1:12">
      <c r="A949" s="6" t="s">
        <v>49</v>
      </c>
      <c r="B949" s="6"/>
      <c r="C949" s="6" t="s">
        <v>963</v>
      </c>
      <c r="D949" s="6"/>
      <c r="E949" s="6" t="s">
        <v>9</v>
      </c>
      <c r="F949" s="7">
        <v>38657</v>
      </c>
      <c r="G949" s="8">
        <v>1</v>
      </c>
      <c r="H949" s="8">
        <v>1</v>
      </c>
      <c r="I949" s="8">
        <v>0</v>
      </c>
      <c r="J949" s="8">
        <v>1</v>
      </c>
      <c r="K949" s="9">
        <v>194</v>
      </c>
      <c r="L949" s="6" t="s">
        <v>51</v>
      </c>
    </row>
    <row r="950" spans="1:12">
      <c r="A950" s="6" t="s">
        <v>49</v>
      </c>
      <c r="B950" s="6"/>
      <c r="C950" s="6" t="s">
        <v>964</v>
      </c>
      <c r="D950" s="6"/>
      <c r="E950" s="6" t="s">
        <v>9</v>
      </c>
      <c r="F950" s="7">
        <v>38657</v>
      </c>
      <c r="G950" s="8">
        <v>1</v>
      </c>
      <c r="H950" s="8">
        <v>1</v>
      </c>
      <c r="I950" s="8">
        <v>0</v>
      </c>
      <c r="J950" s="8">
        <v>1</v>
      </c>
      <c r="K950" s="9">
        <v>5396</v>
      </c>
      <c r="L950" s="6" t="s">
        <v>51</v>
      </c>
    </row>
    <row r="951" spans="1:12">
      <c r="A951" s="6" t="s">
        <v>49</v>
      </c>
      <c r="B951" s="6"/>
      <c r="C951" s="6" t="s">
        <v>965</v>
      </c>
      <c r="D951" s="6"/>
      <c r="E951" s="6" t="s">
        <v>9</v>
      </c>
      <c r="F951" s="7">
        <v>38657</v>
      </c>
      <c r="G951" s="8">
        <v>1</v>
      </c>
      <c r="H951" s="8">
        <v>1</v>
      </c>
      <c r="I951" s="8">
        <v>0</v>
      </c>
      <c r="J951" s="8">
        <v>1</v>
      </c>
      <c r="K951" s="9">
        <v>32</v>
      </c>
      <c r="L951" s="6" t="s">
        <v>51</v>
      </c>
    </row>
    <row r="952" spans="1:12">
      <c r="A952" s="6" t="s">
        <v>49</v>
      </c>
      <c r="B952" s="6"/>
      <c r="C952" s="6" t="s">
        <v>966</v>
      </c>
      <c r="D952" s="6"/>
      <c r="E952" s="6" t="s">
        <v>9</v>
      </c>
      <c r="F952" s="7">
        <v>38657</v>
      </c>
      <c r="G952" s="8">
        <v>1</v>
      </c>
      <c r="H952" s="8">
        <v>1</v>
      </c>
      <c r="I952" s="8">
        <v>0</v>
      </c>
      <c r="J952" s="8">
        <v>1</v>
      </c>
      <c r="K952" s="9">
        <v>571</v>
      </c>
      <c r="L952" s="6" t="s">
        <v>51</v>
      </c>
    </row>
    <row r="953" spans="1:12">
      <c r="A953" s="6" t="s">
        <v>49</v>
      </c>
      <c r="B953" s="6"/>
      <c r="C953" s="6" t="s">
        <v>967</v>
      </c>
      <c r="D953" s="6"/>
      <c r="E953" s="6" t="s">
        <v>9</v>
      </c>
      <c r="F953" s="7">
        <v>38657</v>
      </c>
      <c r="G953" s="8">
        <v>1</v>
      </c>
      <c r="H953" s="8">
        <v>1</v>
      </c>
      <c r="I953" s="8">
        <v>0</v>
      </c>
      <c r="J953" s="8">
        <v>1</v>
      </c>
      <c r="K953" s="9">
        <v>3723</v>
      </c>
      <c r="L953" s="6" t="s">
        <v>51</v>
      </c>
    </row>
    <row r="954" spans="1:12">
      <c r="A954" s="6" t="s">
        <v>49</v>
      </c>
      <c r="B954" s="6"/>
      <c r="C954" s="6" t="s">
        <v>968</v>
      </c>
      <c r="D954" s="6"/>
      <c r="E954" s="6" t="s">
        <v>9</v>
      </c>
      <c r="F954" s="7">
        <v>38657</v>
      </c>
      <c r="G954" s="8">
        <v>1</v>
      </c>
      <c r="H954" s="8">
        <v>1</v>
      </c>
      <c r="I954" s="8">
        <v>0</v>
      </c>
      <c r="J954" s="8">
        <v>1</v>
      </c>
      <c r="K954" s="9">
        <v>330</v>
      </c>
      <c r="L954" s="6" t="s">
        <v>51</v>
      </c>
    </row>
    <row r="955" spans="1:12">
      <c r="A955" s="6" t="s">
        <v>49</v>
      </c>
      <c r="B955" s="6"/>
      <c r="C955" s="6" t="s">
        <v>969</v>
      </c>
      <c r="D955" s="6"/>
      <c r="E955" s="6" t="s">
        <v>9</v>
      </c>
      <c r="F955" s="7">
        <v>38657</v>
      </c>
      <c r="G955" s="8">
        <v>1</v>
      </c>
      <c r="H955" s="8">
        <v>1</v>
      </c>
      <c r="I955" s="8">
        <v>0</v>
      </c>
      <c r="J955" s="8">
        <v>1</v>
      </c>
      <c r="K955" s="9">
        <v>1951</v>
      </c>
      <c r="L955" s="6" t="s">
        <v>51</v>
      </c>
    </row>
    <row r="956" spans="1:12">
      <c r="A956" s="6" t="s">
        <v>49</v>
      </c>
      <c r="B956" s="6"/>
      <c r="C956" s="6" t="s">
        <v>970</v>
      </c>
      <c r="D956" s="6"/>
      <c r="E956" s="6" t="s">
        <v>9</v>
      </c>
      <c r="F956" s="7">
        <v>38657</v>
      </c>
      <c r="G956" s="8">
        <v>1</v>
      </c>
      <c r="H956" s="8">
        <v>1</v>
      </c>
      <c r="I956" s="8">
        <v>0</v>
      </c>
      <c r="J956" s="8">
        <v>1</v>
      </c>
      <c r="K956" s="9">
        <v>1677</v>
      </c>
      <c r="L956" s="6" t="s">
        <v>51</v>
      </c>
    </row>
    <row r="957" spans="1:12">
      <c r="A957" s="6" t="s">
        <v>49</v>
      </c>
      <c r="B957" s="6"/>
      <c r="C957" s="6" t="s">
        <v>971</v>
      </c>
      <c r="D957" s="6"/>
      <c r="E957" s="6" t="s">
        <v>9</v>
      </c>
      <c r="F957" s="7">
        <v>38657</v>
      </c>
      <c r="G957" s="8">
        <v>1</v>
      </c>
      <c r="H957" s="8">
        <v>1</v>
      </c>
      <c r="I957" s="8">
        <v>0</v>
      </c>
      <c r="J957" s="8">
        <v>1</v>
      </c>
      <c r="K957" s="9">
        <v>2786</v>
      </c>
      <c r="L957" s="6" t="s">
        <v>51</v>
      </c>
    </row>
    <row r="958" spans="1:12">
      <c r="A958" s="6" t="s">
        <v>49</v>
      </c>
      <c r="B958" s="6"/>
      <c r="C958" s="6" t="s">
        <v>972</v>
      </c>
      <c r="D958" s="6"/>
      <c r="E958" s="6" t="s">
        <v>9</v>
      </c>
      <c r="F958" s="7">
        <v>38657</v>
      </c>
      <c r="G958" s="8">
        <v>1</v>
      </c>
      <c r="H958" s="8">
        <v>1</v>
      </c>
      <c r="I958" s="8">
        <v>0</v>
      </c>
      <c r="J958" s="8">
        <v>1</v>
      </c>
      <c r="K958" s="9">
        <v>14</v>
      </c>
      <c r="L958" s="6" t="s">
        <v>51</v>
      </c>
    </row>
    <row r="959" spans="1:12">
      <c r="A959" s="6" t="s">
        <v>49</v>
      </c>
      <c r="B959" s="6"/>
      <c r="C959" s="6" t="s">
        <v>973</v>
      </c>
      <c r="D959" s="6"/>
      <c r="E959" s="6" t="s">
        <v>9</v>
      </c>
      <c r="F959" s="7">
        <v>38657</v>
      </c>
      <c r="G959" s="8">
        <v>1</v>
      </c>
      <c r="H959" s="8">
        <v>1</v>
      </c>
      <c r="I959" s="8">
        <v>0</v>
      </c>
      <c r="J959" s="8">
        <v>1</v>
      </c>
      <c r="K959" s="9">
        <v>6552</v>
      </c>
      <c r="L959" s="6" t="s">
        <v>51</v>
      </c>
    </row>
    <row r="960" spans="1:12">
      <c r="A960" s="6" t="s">
        <v>49</v>
      </c>
      <c r="B960" s="6"/>
      <c r="C960" s="6" t="s">
        <v>974</v>
      </c>
      <c r="D960" s="6"/>
      <c r="E960" s="6" t="s">
        <v>9</v>
      </c>
      <c r="F960" s="7">
        <v>38657</v>
      </c>
      <c r="G960" s="8">
        <v>1</v>
      </c>
      <c r="H960" s="8">
        <v>1</v>
      </c>
      <c r="I960" s="8">
        <v>0</v>
      </c>
      <c r="J960" s="8">
        <v>1</v>
      </c>
      <c r="K960" s="9">
        <v>2323</v>
      </c>
      <c r="L960" s="6" t="s">
        <v>51</v>
      </c>
    </row>
    <row r="961" spans="1:12">
      <c r="A961" s="6" t="s">
        <v>49</v>
      </c>
      <c r="B961" s="6"/>
      <c r="C961" s="6" t="s">
        <v>975</v>
      </c>
      <c r="D961" s="6"/>
      <c r="E961" s="6" t="s">
        <v>9</v>
      </c>
      <c r="F961" s="7">
        <v>38657</v>
      </c>
      <c r="G961" s="8">
        <v>1</v>
      </c>
      <c r="H961" s="8">
        <v>1</v>
      </c>
      <c r="I961" s="8">
        <v>0</v>
      </c>
      <c r="J961" s="8">
        <v>1</v>
      </c>
      <c r="K961" s="9">
        <v>1680</v>
      </c>
      <c r="L961" s="6" t="s">
        <v>51</v>
      </c>
    </row>
    <row r="962" spans="1:12">
      <c r="A962" s="6" t="s">
        <v>49</v>
      </c>
      <c r="B962" s="6"/>
      <c r="C962" s="6" t="s">
        <v>976</v>
      </c>
      <c r="D962" s="6"/>
      <c r="E962" s="6" t="s">
        <v>9</v>
      </c>
      <c r="F962" s="7">
        <v>38657</v>
      </c>
      <c r="G962" s="8">
        <v>1</v>
      </c>
      <c r="H962" s="8">
        <v>1</v>
      </c>
      <c r="I962" s="8">
        <v>0</v>
      </c>
      <c r="J962" s="8">
        <v>1</v>
      </c>
      <c r="K962" s="9">
        <v>5133</v>
      </c>
      <c r="L962" s="6" t="s">
        <v>51</v>
      </c>
    </row>
    <row r="963" spans="1:12">
      <c r="A963" s="6" t="s">
        <v>49</v>
      </c>
      <c r="B963" s="6"/>
      <c r="C963" s="6" t="s">
        <v>977</v>
      </c>
      <c r="D963" s="6"/>
      <c r="E963" s="6" t="s">
        <v>9</v>
      </c>
      <c r="F963" s="7">
        <v>38657</v>
      </c>
      <c r="G963" s="8">
        <v>1</v>
      </c>
      <c r="H963" s="8">
        <v>1</v>
      </c>
      <c r="I963" s="8">
        <v>0</v>
      </c>
      <c r="J963" s="8">
        <v>1</v>
      </c>
      <c r="K963" s="9">
        <v>356</v>
      </c>
      <c r="L963" s="6" t="s">
        <v>51</v>
      </c>
    </row>
    <row r="964" spans="1:12">
      <c r="A964" s="6" t="s">
        <v>49</v>
      </c>
      <c r="B964" s="6"/>
      <c r="C964" s="6" t="s">
        <v>978</v>
      </c>
      <c r="D964" s="6"/>
      <c r="E964" s="6" t="s">
        <v>9</v>
      </c>
      <c r="F964" s="7">
        <v>38657</v>
      </c>
      <c r="G964" s="8">
        <v>1</v>
      </c>
      <c r="H964" s="8">
        <v>1</v>
      </c>
      <c r="I964" s="8">
        <v>0</v>
      </c>
      <c r="J964" s="8">
        <v>1</v>
      </c>
      <c r="K964" s="9">
        <v>7518</v>
      </c>
      <c r="L964" s="6" t="s">
        <v>51</v>
      </c>
    </row>
    <row r="965" spans="1:12">
      <c r="A965" s="6" t="s">
        <v>49</v>
      </c>
      <c r="B965" s="6"/>
      <c r="C965" s="6" t="s">
        <v>979</v>
      </c>
      <c r="D965" s="6"/>
      <c r="E965" s="6" t="s">
        <v>9</v>
      </c>
      <c r="F965" s="7">
        <v>38657</v>
      </c>
      <c r="G965" s="8">
        <v>1</v>
      </c>
      <c r="H965" s="8">
        <v>1</v>
      </c>
      <c r="I965" s="8">
        <v>0</v>
      </c>
      <c r="J965" s="8">
        <v>1</v>
      </c>
      <c r="K965" s="9">
        <v>8.7899999999999903</v>
      </c>
      <c r="L965" s="6" t="s">
        <v>51</v>
      </c>
    </row>
    <row r="966" spans="1:12">
      <c r="A966" s="6" t="s">
        <v>49</v>
      </c>
      <c r="B966" s="6"/>
      <c r="C966" s="6" t="s">
        <v>980</v>
      </c>
      <c r="D966" s="6"/>
      <c r="E966" s="6" t="s">
        <v>9</v>
      </c>
      <c r="F966" s="7">
        <v>38657</v>
      </c>
      <c r="G966" s="8">
        <v>1</v>
      </c>
      <c r="H966" s="8">
        <v>1</v>
      </c>
      <c r="I966" s="8">
        <v>0</v>
      </c>
      <c r="J966" s="8">
        <v>1</v>
      </c>
      <c r="K966" s="9">
        <v>111</v>
      </c>
      <c r="L966" s="6" t="s">
        <v>51</v>
      </c>
    </row>
    <row r="967" spans="1:12">
      <c r="A967" s="6" t="s">
        <v>49</v>
      </c>
      <c r="B967" s="6"/>
      <c r="C967" s="6" t="s">
        <v>981</v>
      </c>
      <c r="D967" s="6"/>
      <c r="E967" s="6" t="s">
        <v>9</v>
      </c>
      <c r="F967" s="7">
        <v>38657</v>
      </c>
      <c r="G967" s="8">
        <v>1</v>
      </c>
      <c r="H967" s="8">
        <v>1</v>
      </c>
      <c r="I967" s="8">
        <v>0</v>
      </c>
      <c r="J967" s="8">
        <v>1</v>
      </c>
      <c r="K967" s="9">
        <v>126</v>
      </c>
      <c r="L967" s="6" t="s">
        <v>51</v>
      </c>
    </row>
    <row r="968" spans="1:12">
      <c r="A968" s="6" t="s">
        <v>49</v>
      </c>
      <c r="B968" s="6"/>
      <c r="C968" s="6" t="s">
        <v>982</v>
      </c>
      <c r="D968" s="6"/>
      <c r="E968" s="6" t="s">
        <v>9</v>
      </c>
      <c r="F968" s="7">
        <v>38657</v>
      </c>
      <c r="G968" s="8">
        <v>1</v>
      </c>
      <c r="H968" s="8">
        <v>1</v>
      </c>
      <c r="I968" s="8">
        <v>0</v>
      </c>
      <c r="J968" s="8">
        <v>1</v>
      </c>
      <c r="K968" s="9">
        <v>209.09</v>
      </c>
      <c r="L968" s="6" t="s">
        <v>51</v>
      </c>
    </row>
    <row r="969" spans="1:12">
      <c r="A969" s="6" t="s">
        <v>49</v>
      </c>
      <c r="B969" s="6"/>
      <c r="C969" s="6" t="s">
        <v>983</v>
      </c>
      <c r="D969" s="6"/>
      <c r="E969" s="6" t="s">
        <v>9</v>
      </c>
      <c r="F969" s="7">
        <v>38657</v>
      </c>
      <c r="G969" s="8">
        <v>1</v>
      </c>
      <c r="H969" s="8">
        <v>1</v>
      </c>
      <c r="I969" s="8">
        <v>0</v>
      </c>
      <c r="J969" s="8">
        <v>1</v>
      </c>
      <c r="K969" s="9">
        <v>148</v>
      </c>
      <c r="L969" s="6" t="s">
        <v>51</v>
      </c>
    </row>
    <row r="970" spans="1:12">
      <c r="A970" s="6" t="s">
        <v>49</v>
      </c>
      <c r="B970" s="6"/>
      <c r="C970" s="6" t="s">
        <v>984</v>
      </c>
      <c r="D970" s="6"/>
      <c r="E970" s="6" t="s">
        <v>9</v>
      </c>
      <c r="F970" s="7">
        <v>38657</v>
      </c>
      <c r="G970" s="8">
        <v>1</v>
      </c>
      <c r="H970" s="8">
        <v>1</v>
      </c>
      <c r="I970" s="8">
        <v>0</v>
      </c>
      <c r="J970" s="8">
        <v>1</v>
      </c>
      <c r="K970" s="9">
        <v>57.31</v>
      </c>
      <c r="L970" s="6" t="s">
        <v>51</v>
      </c>
    </row>
    <row r="971" spans="1:12">
      <c r="A971" s="6" t="s">
        <v>49</v>
      </c>
      <c r="B971" s="6"/>
      <c r="C971" s="6" t="s">
        <v>985</v>
      </c>
      <c r="D971" s="6"/>
      <c r="E971" s="6" t="s">
        <v>9</v>
      </c>
      <c r="F971" s="7">
        <v>38657</v>
      </c>
      <c r="G971" s="8">
        <v>1</v>
      </c>
      <c r="H971" s="8">
        <v>1</v>
      </c>
      <c r="I971" s="8">
        <v>0</v>
      </c>
      <c r="J971" s="8">
        <v>1</v>
      </c>
      <c r="K971" s="9">
        <v>159</v>
      </c>
      <c r="L971" s="6" t="s">
        <v>51</v>
      </c>
    </row>
    <row r="972" spans="1:12">
      <c r="A972" s="6" t="s">
        <v>49</v>
      </c>
      <c r="B972" s="6"/>
      <c r="C972" s="6" t="s">
        <v>986</v>
      </c>
      <c r="D972" s="6"/>
      <c r="E972" s="6" t="s">
        <v>9</v>
      </c>
      <c r="F972" s="7">
        <v>38657</v>
      </c>
      <c r="G972" s="8">
        <v>1</v>
      </c>
      <c r="H972" s="8">
        <v>1</v>
      </c>
      <c r="I972" s="8">
        <v>0</v>
      </c>
      <c r="J972" s="8">
        <v>1</v>
      </c>
      <c r="K972" s="9">
        <v>26</v>
      </c>
      <c r="L972" s="6" t="s">
        <v>51</v>
      </c>
    </row>
    <row r="973" spans="1:12">
      <c r="A973" s="6" t="s">
        <v>49</v>
      </c>
      <c r="B973" s="6"/>
      <c r="C973" s="6" t="s">
        <v>987</v>
      </c>
      <c r="D973" s="6"/>
      <c r="E973" s="6" t="s">
        <v>9</v>
      </c>
      <c r="F973" s="7">
        <v>38657</v>
      </c>
      <c r="G973" s="8">
        <v>1</v>
      </c>
      <c r="H973" s="8">
        <v>1</v>
      </c>
      <c r="I973" s="8">
        <v>0</v>
      </c>
      <c r="J973" s="8">
        <v>1</v>
      </c>
      <c r="K973" s="9">
        <v>26</v>
      </c>
      <c r="L973" s="6" t="s">
        <v>51</v>
      </c>
    </row>
    <row r="974" spans="1:12">
      <c r="A974" s="6" t="s">
        <v>49</v>
      </c>
      <c r="B974" s="6"/>
      <c r="C974" s="6" t="s">
        <v>988</v>
      </c>
      <c r="D974" s="6"/>
      <c r="E974" s="6" t="s">
        <v>9</v>
      </c>
      <c r="F974" s="7">
        <v>38657</v>
      </c>
      <c r="G974" s="8">
        <v>1</v>
      </c>
      <c r="H974" s="8">
        <v>1</v>
      </c>
      <c r="I974" s="8">
        <v>0</v>
      </c>
      <c r="J974" s="8">
        <v>1</v>
      </c>
      <c r="K974" s="9">
        <v>81</v>
      </c>
      <c r="L974" s="6" t="s">
        <v>51</v>
      </c>
    </row>
    <row r="975" spans="1:12">
      <c r="A975" s="6" t="s">
        <v>49</v>
      </c>
      <c r="B975" s="6"/>
      <c r="C975" s="6" t="s">
        <v>989</v>
      </c>
      <c r="D975" s="6"/>
      <c r="E975" s="6" t="s">
        <v>9</v>
      </c>
      <c r="F975" s="7">
        <v>38657</v>
      </c>
      <c r="G975" s="8">
        <v>1</v>
      </c>
      <c r="H975" s="8">
        <v>1</v>
      </c>
      <c r="I975" s="8">
        <v>0</v>
      </c>
      <c r="J975" s="8">
        <v>1</v>
      </c>
      <c r="K975" s="9">
        <v>111</v>
      </c>
      <c r="L975" s="6" t="s">
        <v>51</v>
      </c>
    </row>
    <row r="976" spans="1:12">
      <c r="A976" s="6" t="s">
        <v>49</v>
      </c>
      <c r="B976" s="6"/>
      <c r="C976" s="6" t="s">
        <v>990</v>
      </c>
      <c r="D976" s="6"/>
      <c r="E976" s="6" t="s">
        <v>9</v>
      </c>
      <c r="F976" s="7">
        <v>38657</v>
      </c>
      <c r="G976" s="8">
        <v>1</v>
      </c>
      <c r="H976" s="8">
        <v>1</v>
      </c>
      <c r="I976" s="8">
        <v>0</v>
      </c>
      <c r="J976" s="8">
        <v>1</v>
      </c>
      <c r="K976" s="9">
        <v>3826</v>
      </c>
      <c r="L976" s="6" t="s">
        <v>51</v>
      </c>
    </row>
    <row r="977" spans="1:12">
      <c r="A977" s="6" t="s">
        <v>49</v>
      </c>
      <c r="B977" s="6"/>
      <c r="C977" s="6" t="s">
        <v>991</v>
      </c>
      <c r="D977" s="6"/>
      <c r="E977" s="6" t="s">
        <v>9</v>
      </c>
      <c r="F977" s="7">
        <v>38657</v>
      </c>
      <c r="G977" s="8">
        <v>1</v>
      </c>
      <c r="H977" s="8">
        <v>1</v>
      </c>
      <c r="I977" s="8">
        <v>0</v>
      </c>
      <c r="J977" s="8">
        <v>1</v>
      </c>
      <c r="K977" s="9">
        <v>485</v>
      </c>
      <c r="L977" s="6" t="s">
        <v>51</v>
      </c>
    </row>
    <row r="978" spans="1:12">
      <c r="A978" s="6" t="s">
        <v>49</v>
      </c>
      <c r="B978" s="6"/>
      <c r="C978" s="6" t="s">
        <v>992</v>
      </c>
      <c r="D978" s="6"/>
      <c r="E978" s="6" t="s">
        <v>9</v>
      </c>
      <c r="F978" s="7">
        <v>38657</v>
      </c>
      <c r="G978" s="8">
        <v>1</v>
      </c>
      <c r="H978" s="8">
        <v>1</v>
      </c>
      <c r="I978" s="8">
        <v>0</v>
      </c>
      <c r="J978" s="8">
        <v>1</v>
      </c>
      <c r="K978" s="9">
        <v>466</v>
      </c>
      <c r="L978" s="6" t="s">
        <v>51</v>
      </c>
    </row>
    <row r="979" spans="1:12">
      <c r="A979" s="6" t="s">
        <v>49</v>
      </c>
      <c r="B979" s="6"/>
      <c r="C979" s="6" t="s">
        <v>993</v>
      </c>
      <c r="D979" s="6"/>
      <c r="E979" s="6" t="s">
        <v>9</v>
      </c>
      <c r="F979" s="7">
        <v>38657</v>
      </c>
      <c r="G979" s="8">
        <v>1</v>
      </c>
      <c r="H979" s="8">
        <v>1</v>
      </c>
      <c r="I979" s="8">
        <v>0</v>
      </c>
      <c r="J979" s="8">
        <v>1</v>
      </c>
      <c r="K979" s="9">
        <v>650</v>
      </c>
      <c r="L979" s="6" t="s">
        <v>51</v>
      </c>
    </row>
    <row r="980" spans="1:12">
      <c r="A980" s="6" t="s">
        <v>49</v>
      </c>
      <c r="B980" s="6"/>
      <c r="C980" s="6" t="s">
        <v>994</v>
      </c>
      <c r="D980" s="6"/>
      <c r="E980" s="6" t="s">
        <v>9</v>
      </c>
      <c r="F980" s="7">
        <v>38657</v>
      </c>
      <c r="G980" s="8">
        <v>1</v>
      </c>
      <c r="H980" s="8">
        <v>1</v>
      </c>
      <c r="I980" s="8">
        <v>0</v>
      </c>
      <c r="J980" s="8">
        <v>1</v>
      </c>
      <c r="K980" s="9">
        <v>56</v>
      </c>
      <c r="L980" s="6" t="s">
        <v>51</v>
      </c>
    </row>
    <row r="981" spans="1:12">
      <c r="A981" s="6" t="s">
        <v>49</v>
      </c>
      <c r="B981" s="6"/>
      <c r="C981" s="6" t="s">
        <v>995</v>
      </c>
      <c r="D981" s="6"/>
      <c r="E981" s="6" t="s">
        <v>9</v>
      </c>
      <c r="F981" s="7">
        <v>38657</v>
      </c>
      <c r="G981" s="8">
        <v>1</v>
      </c>
      <c r="H981" s="8">
        <v>1</v>
      </c>
      <c r="I981" s="8">
        <v>0</v>
      </c>
      <c r="J981" s="8">
        <v>1</v>
      </c>
      <c r="K981" s="9">
        <v>9.34</v>
      </c>
      <c r="L981" s="6" t="s">
        <v>51</v>
      </c>
    </row>
    <row r="982" spans="1:12">
      <c r="A982" s="6" t="s">
        <v>49</v>
      </c>
      <c r="B982" s="6"/>
      <c r="C982" s="6" t="s">
        <v>996</v>
      </c>
      <c r="D982" s="6"/>
      <c r="E982" s="6" t="s">
        <v>9</v>
      </c>
      <c r="F982" s="7">
        <v>38657</v>
      </c>
      <c r="G982" s="8">
        <v>1</v>
      </c>
      <c r="H982" s="8">
        <v>1</v>
      </c>
      <c r="I982" s="8">
        <v>0</v>
      </c>
      <c r="J982" s="8">
        <v>1</v>
      </c>
      <c r="K982" s="9">
        <v>50</v>
      </c>
      <c r="L982" s="6" t="s">
        <v>51</v>
      </c>
    </row>
    <row r="983" spans="1:12">
      <c r="A983" s="6" t="s">
        <v>49</v>
      </c>
      <c r="B983" s="6"/>
      <c r="C983" s="6" t="s">
        <v>997</v>
      </c>
      <c r="D983" s="6"/>
      <c r="E983" s="6" t="s">
        <v>9</v>
      </c>
      <c r="F983" s="7">
        <v>38657</v>
      </c>
      <c r="G983" s="8">
        <v>1</v>
      </c>
      <c r="H983" s="8">
        <v>1</v>
      </c>
      <c r="I983" s="8">
        <v>0</v>
      </c>
      <c r="J983" s="8">
        <v>1</v>
      </c>
      <c r="K983" s="9">
        <v>117</v>
      </c>
      <c r="L983" s="6" t="s">
        <v>51</v>
      </c>
    </row>
    <row r="984" spans="1:12">
      <c r="A984" s="6" t="s">
        <v>49</v>
      </c>
      <c r="B984" s="6"/>
      <c r="C984" s="6" t="s">
        <v>998</v>
      </c>
      <c r="D984" s="6"/>
      <c r="E984" s="6" t="s">
        <v>9</v>
      </c>
      <c r="F984" s="7">
        <v>38657</v>
      </c>
      <c r="G984" s="8">
        <v>1</v>
      </c>
      <c r="H984" s="8">
        <v>1</v>
      </c>
      <c r="I984" s="8">
        <v>0</v>
      </c>
      <c r="J984" s="8">
        <v>1</v>
      </c>
      <c r="K984" s="9">
        <v>105</v>
      </c>
      <c r="L984" s="6" t="s">
        <v>51</v>
      </c>
    </row>
    <row r="985" spans="1:12">
      <c r="A985" s="6" t="s">
        <v>49</v>
      </c>
      <c r="B985" s="6"/>
      <c r="C985" s="6" t="s">
        <v>999</v>
      </c>
      <c r="D985" s="6"/>
      <c r="E985" s="6" t="s">
        <v>9</v>
      </c>
      <c r="F985" s="7">
        <v>38657</v>
      </c>
      <c r="G985" s="8">
        <v>1</v>
      </c>
      <c r="H985" s="8">
        <v>1</v>
      </c>
      <c r="I985" s="8">
        <v>0</v>
      </c>
      <c r="J985" s="8">
        <v>1</v>
      </c>
      <c r="K985" s="9">
        <v>20</v>
      </c>
      <c r="L985" s="6" t="s">
        <v>51</v>
      </c>
    </row>
    <row r="986" spans="1:12">
      <c r="A986" s="6" t="s">
        <v>49</v>
      </c>
      <c r="B986" s="6"/>
      <c r="C986" s="6" t="s">
        <v>1000</v>
      </c>
      <c r="D986" s="6"/>
      <c r="E986" s="6" t="s">
        <v>9</v>
      </c>
      <c r="F986" s="7">
        <v>38657</v>
      </c>
      <c r="G986" s="8">
        <v>1</v>
      </c>
      <c r="H986" s="8">
        <v>1</v>
      </c>
      <c r="I986" s="8">
        <v>0</v>
      </c>
      <c r="J986" s="8">
        <v>1</v>
      </c>
      <c r="K986" s="9">
        <v>161</v>
      </c>
      <c r="L986" s="6" t="s">
        <v>51</v>
      </c>
    </row>
    <row r="987" spans="1:12">
      <c r="A987" s="6" t="s">
        <v>49</v>
      </c>
      <c r="B987" s="6"/>
      <c r="C987" s="6" t="s">
        <v>1001</v>
      </c>
      <c r="D987" s="6"/>
      <c r="E987" s="6" t="s">
        <v>9</v>
      </c>
      <c r="F987" s="7">
        <v>38657</v>
      </c>
      <c r="G987" s="8">
        <v>1</v>
      </c>
      <c r="H987" s="8">
        <v>1</v>
      </c>
      <c r="I987" s="8">
        <v>0</v>
      </c>
      <c r="J987" s="8">
        <v>1</v>
      </c>
      <c r="K987" s="9">
        <v>20</v>
      </c>
      <c r="L987" s="6" t="s">
        <v>51</v>
      </c>
    </row>
    <row r="988" spans="1:12">
      <c r="A988" s="6" t="s">
        <v>49</v>
      </c>
      <c r="B988" s="6"/>
      <c r="C988" s="6" t="s">
        <v>1002</v>
      </c>
      <c r="D988" s="6"/>
      <c r="E988" s="6" t="s">
        <v>9</v>
      </c>
      <c r="F988" s="7">
        <v>38657</v>
      </c>
      <c r="G988" s="8">
        <v>1</v>
      </c>
      <c r="H988" s="8">
        <v>1</v>
      </c>
      <c r="I988" s="8">
        <v>0</v>
      </c>
      <c r="J988" s="8">
        <v>1</v>
      </c>
      <c r="K988" s="9">
        <v>49</v>
      </c>
      <c r="L988" s="6" t="s">
        <v>51</v>
      </c>
    </row>
    <row r="989" spans="1:12">
      <c r="A989" s="6" t="s">
        <v>49</v>
      </c>
      <c r="B989" s="6"/>
      <c r="C989" s="6" t="s">
        <v>1003</v>
      </c>
      <c r="D989" s="6"/>
      <c r="E989" s="6" t="s">
        <v>9</v>
      </c>
      <c r="F989" s="7">
        <v>38657</v>
      </c>
      <c r="G989" s="8">
        <v>1</v>
      </c>
      <c r="H989" s="8">
        <v>1</v>
      </c>
      <c r="I989" s="8">
        <v>0</v>
      </c>
      <c r="J989" s="8">
        <v>1</v>
      </c>
      <c r="K989" s="9">
        <v>1836</v>
      </c>
      <c r="L989" s="6" t="s">
        <v>51</v>
      </c>
    </row>
    <row r="990" spans="1:12">
      <c r="A990" s="6" t="s">
        <v>49</v>
      </c>
      <c r="B990" s="6"/>
      <c r="C990" s="6" t="s">
        <v>1004</v>
      </c>
      <c r="D990" s="6"/>
      <c r="E990" s="6" t="s">
        <v>9</v>
      </c>
      <c r="F990" s="7">
        <v>38657</v>
      </c>
      <c r="G990" s="8">
        <v>1</v>
      </c>
      <c r="H990" s="8">
        <v>1</v>
      </c>
      <c r="I990" s="8">
        <v>0</v>
      </c>
      <c r="J990" s="8">
        <v>1</v>
      </c>
      <c r="K990" s="9">
        <v>11</v>
      </c>
      <c r="L990" s="6" t="s">
        <v>51</v>
      </c>
    </row>
    <row r="991" spans="1:12">
      <c r="A991" s="6" t="s">
        <v>49</v>
      </c>
      <c r="B991" s="6"/>
      <c r="C991" s="6" t="s">
        <v>1005</v>
      </c>
      <c r="D991" s="6"/>
      <c r="E991" s="6" t="s">
        <v>9</v>
      </c>
      <c r="F991" s="7">
        <v>38657</v>
      </c>
      <c r="G991" s="8">
        <v>1</v>
      </c>
      <c r="H991" s="8">
        <v>1</v>
      </c>
      <c r="I991" s="8">
        <v>0</v>
      </c>
      <c r="J991" s="8">
        <v>1</v>
      </c>
      <c r="K991" s="9">
        <v>4.72</v>
      </c>
      <c r="L991" s="6" t="s">
        <v>51</v>
      </c>
    </row>
    <row r="992" spans="1:12">
      <c r="A992" s="6" t="s">
        <v>49</v>
      </c>
      <c r="B992" s="6"/>
      <c r="C992" s="6" t="s">
        <v>1006</v>
      </c>
      <c r="D992" s="6"/>
      <c r="E992" s="6" t="s">
        <v>9</v>
      </c>
      <c r="F992" s="7">
        <v>38657</v>
      </c>
      <c r="G992" s="8">
        <v>1</v>
      </c>
      <c r="H992" s="8">
        <v>1</v>
      </c>
      <c r="I992" s="8">
        <v>0</v>
      </c>
      <c r="J992" s="8">
        <v>1</v>
      </c>
      <c r="K992" s="9">
        <v>36.619999999999898</v>
      </c>
      <c r="L992" s="6" t="s">
        <v>51</v>
      </c>
    </row>
    <row r="993" spans="1:12">
      <c r="A993" s="6" t="s">
        <v>49</v>
      </c>
      <c r="B993" s="6"/>
      <c r="C993" s="6" t="s">
        <v>1007</v>
      </c>
      <c r="D993" s="6"/>
      <c r="E993" s="6" t="s">
        <v>9</v>
      </c>
      <c r="F993" s="7">
        <v>38657</v>
      </c>
      <c r="G993" s="8">
        <v>1</v>
      </c>
      <c r="H993" s="8">
        <v>1</v>
      </c>
      <c r="I993" s="8">
        <v>0</v>
      </c>
      <c r="J993" s="8">
        <v>1</v>
      </c>
      <c r="K993" s="9">
        <v>51</v>
      </c>
      <c r="L993" s="6" t="s">
        <v>51</v>
      </c>
    </row>
    <row r="994" spans="1:12">
      <c r="A994" s="6" t="s">
        <v>49</v>
      </c>
      <c r="B994" s="6"/>
      <c r="C994" s="6" t="s">
        <v>1008</v>
      </c>
      <c r="D994" s="6"/>
      <c r="E994" s="6" t="s">
        <v>9</v>
      </c>
      <c r="F994" s="7">
        <v>38657</v>
      </c>
      <c r="G994" s="8">
        <v>1</v>
      </c>
      <c r="H994" s="8">
        <v>1</v>
      </c>
      <c r="I994" s="8">
        <v>0</v>
      </c>
      <c r="J994" s="8">
        <v>1</v>
      </c>
      <c r="K994" s="9">
        <v>6.61</v>
      </c>
      <c r="L994" s="6" t="s">
        <v>51</v>
      </c>
    </row>
    <row r="995" spans="1:12">
      <c r="A995" s="6" t="s">
        <v>49</v>
      </c>
      <c r="B995" s="6"/>
      <c r="C995" s="6" t="s">
        <v>1009</v>
      </c>
      <c r="D995" s="6"/>
      <c r="E995" s="6" t="s">
        <v>9</v>
      </c>
      <c r="F995" s="7">
        <v>38657</v>
      </c>
      <c r="G995" s="8">
        <v>1</v>
      </c>
      <c r="H995" s="8">
        <v>1</v>
      </c>
      <c r="I995" s="8">
        <v>0</v>
      </c>
      <c r="J995" s="8">
        <v>1</v>
      </c>
      <c r="K995" s="9">
        <v>74</v>
      </c>
      <c r="L995" s="6" t="s">
        <v>51</v>
      </c>
    </row>
    <row r="996" spans="1:12">
      <c r="A996" s="6" t="s">
        <v>49</v>
      </c>
      <c r="B996" s="6"/>
      <c r="C996" s="6" t="s">
        <v>1010</v>
      </c>
      <c r="D996" s="6"/>
      <c r="E996" s="6" t="s">
        <v>9</v>
      </c>
      <c r="F996" s="7">
        <v>38657</v>
      </c>
      <c r="G996" s="8">
        <v>1</v>
      </c>
      <c r="H996" s="8">
        <v>1</v>
      </c>
      <c r="I996" s="8">
        <v>0</v>
      </c>
      <c r="J996" s="8">
        <v>1</v>
      </c>
      <c r="K996" s="9">
        <v>66</v>
      </c>
      <c r="L996" s="6" t="s">
        <v>51</v>
      </c>
    </row>
    <row r="997" spans="1:12">
      <c r="A997" s="6" t="s">
        <v>49</v>
      </c>
      <c r="B997" s="6"/>
      <c r="C997" s="6" t="s">
        <v>1011</v>
      </c>
      <c r="D997" s="6"/>
      <c r="E997" s="6" t="s">
        <v>9</v>
      </c>
      <c r="F997" s="7">
        <v>38657</v>
      </c>
      <c r="G997" s="8">
        <v>1</v>
      </c>
      <c r="H997" s="8">
        <v>1</v>
      </c>
      <c r="I997" s="8">
        <v>0</v>
      </c>
      <c r="J997" s="8">
        <v>1</v>
      </c>
      <c r="K997" s="9">
        <v>75</v>
      </c>
      <c r="L997" s="6" t="s">
        <v>51</v>
      </c>
    </row>
    <row r="998" spans="1:12">
      <c r="A998" s="6" t="s">
        <v>49</v>
      </c>
      <c r="B998" s="6"/>
      <c r="C998" s="6" t="s">
        <v>1012</v>
      </c>
      <c r="D998" s="6"/>
      <c r="E998" s="6" t="s">
        <v>9</v>
      </c>
      <c r="F998" s="7">
        <v>38657</v>
      </c>
      <c r="G998" s="8">
        <v>1</v>
      </c>
      <c r="H998" s="8">
        <v>1</v>
      </c>
      <c r="I998" s="8">
        <v>0</v>
      </c>
      <c r="J998" s="8">
        <v>1</v>
      </c>
      <c r="K998" s="9">
        <v>80</v>
      </c>
      <c r="L998" s="6" t="s">
        <v>51</v>
      </c>
    </row>
    <row r="999" spans="1:12">
      <c r="A999" s="6" t="s">
        <v>49</v>
      </c>
      <c r="B999" s="6"/>
      <c r="C999" s="6" t="s">
        <v>1013</v>
      </c>
      <c r="D999" s="6"/>
      <c r="E999" s="6" t="s">
        <v>9</v>
      </c>
      <c r="F999" s="7">
        <v>38657</v>
      </c>
      <c r="G999" s="8">
        <v>1</v>
      </c>
      <c r="H999" s="8">
        <v>1</v>
      </c>
      <c r="I999" s="8">
        <v>0</v>
      </c>
      <c r="J999" s="8">
        <v>1</v>
      </c>
      <c r="K999" s="9">
        <v>10</v>
      </c>
      <c r="L999" s="6" t="s">
        <v>51</v>
      </c>
    </row>
    <row r="1000" spans="1:12">
      <c r="A1000" s="6" t="s">
        <v>49</v>
      </c>
      <c r="B1000" s="6"/>
      <c r="C1000" s="6" t="s">
        <v>1014</v>
      </c>
      <c r="D1000" s="6"/>
      <c r="E1000" s="6" t="s">
        <v>9</v>
      </c>
      <c r="F1000" s="7">
        <v>38657</v>
      </c>
      <c r="G1000" s="8">
        <v>1</v>
      </c>
      <c r="H1000" s="8">
        <v>1</v>
      </c>
      <c r="I1000" s="8">
        <v>0</v>
      </c>
      <c r="J1000" s="8">
        <v>1</v>
      </c>
      <c r="K1000" s="9">
        <v>1513</v>
      </c>
      <c r="L1000" s="6" t="s">
        <v>51</v>
      </c>
    </row>
    <row r="1001" spans="1:12">
      <c r="A1001" s="6" t="s">
        <v>49</v>
      </c>
      <c r="B1001" s="6"/>
      <c r="C1001" s="6" t="s">
        <v>1015</v>
      </c>
      <c r="D1001" s="6"/>
      <c r="E1001" s="6" t="s">
        <v>9</v>
      </c>
      <c r="F1001" s="7">
        <v>38657</v>
      </c>
      <c r="G1001" s="8">
        <v>1</v>
      </c>
      <c r="H1001" s="8">
        <v>1</v>
      </c>
      <c r="I1001" s="8">
        <v>0</v>
      </c>
      <c r="J1001" s="8">
        <v>1</v>
      </c>
      <c r="K1001" s="9">
        <v>33</v>
      </c>
      <c r="L1001" s="6" t="s">
        <v>51</v>
      </c>
    </row>
    <row r="1002" spans="1:12">
      <c r="A1002" s="6" t="s">
        <v>49</v>
      </c>
      <c r="B1002" s="6"/>
      <c r="C1002" s="6" t="s">
        <v>1016</v>
      </c>
      <c r="D1002" s="6"/>
      <c r="E1002" s="6" t="s">
        <v>9</v>
      </c>
      <c r="F1002" s="7">
        <v>38657</v>
      </c>
      <c r="G1002" s="8">
        <v>1</v>
      </c>
      <c r="H1002" s="8">
        <v>1</v>
      </c>
      <c r="I1002" s="8">
        <v>0</v>
      </c>
      <c r="J1002" s="8">
        <v>1</v>
      </c>
      <c r="K1002" s="9">
        <v>3.3</v>
      </c>
      <c r="L1002" s="6" t="s">
        <v>51</v>
      </c>
    </row>
    <row r="1003" spans="1:12">
      <c r="A1003" s="6" t="s">
        <v>49</v>
      </c>
      <c r="B1003" s="6"/>
      <c r="C1003" s="6" t="s">
        <v>1017</v>
      </c>
      <c r="D1003" s="6"/>
      <c r="E1003" s="6" t="s">
        <v>9</v>
      </c>
      <c r="F1003" s="7">
        <v>38657</v>
      </c>
      <c r="G1003" s="8">
        <v>1</v>
      </c>
      <c r="H1003" s="8">
        <v>1</v>
      </c>
      <c r="I1003" s="8">
        <v>0</v>
      </c>
      <c r="J1003" s="8">
        <v>1</v>
      </c>
      <c r="K1003" s="9">
        <v>79</v>
      </c>
      <c r="L1003" s="6" t="s">
        <v>51</v>
      </c>
    </row>
    <row r="1004" spans="1:12">
      <c r="A1004" s="6" t="s">
        <v>49</v>
      </c>
      <c r="B1004" s="6"/>
      <c r="C1004" s="6" t="s">
        <v>1018</v>
      </c>
      <c r="D1004" s="6"/>
      <c r="E1004" s="6" t="s">
        <v>9</v>
      </c>
      <c r="F1004" s="7">
        <v>38657</v>
      </c>
      <c r="G1004" s="8">
        <v>1</v>
      </c>
      <c r="H1004" s="8">
        <v>1</v>
      </c>
      <c r="I1004" s="8">
        <v>0</v>
      </c>
      <c r="J1004" s="8">
        <v>1</v>
      </c>
      <c r="K1004" s="9">
        <v>151</v>
      </c>
      <c r="L1004" s="6" t="s">
        <v>51</v>
      </c>
    </row>
    <row r="1005" spans="1:12">
      <c r="A1005" s="6" t="s">
        <v>49</v>
      </c>
      <c r="B1005" s="6"/>
      <c r="C1005" s="6" t="s">
        <v>1019</v>
      </c>
      <c r="D1005" s="6"/>
      <c r="E1005" s="6" t="s">
        <v>9</v>
      </c>
      <c r="F1005" s="7">
        <v>38657</v>
      </c>
      <c r="G1005" s="8">
        <v>1</v>
      </c>
      <c r="H1005" s="8">
        <v>1</v>
      </c>
      <c r="I1005" s="8">
        <v>0</v>
      </c>
      <c r="J1005" s="8">
        <v>1</v>
      </c>
      <c r="K1005" s="9">
        <v>79</v>
      </c>
      <c r="L1005" s="6" t="s">
        <v>51</v>
      </c>
    </row>
    <row r="1006" spans="1:12">
      <c r="A1006" s="6" t="s">
        <v>49</v>
      </c>
      <c r="B1006" s="6"/>
      <c r="C1006" s="6" t="s">
        <v>1020</v>
      </c>
      <c r="D1006" s="6"/>
      <c r="E1006" s="6" t="s">
        <v>9</v>
      </c>
      <c r="F1006" s="7">
        <v>38657</v>
      </c>
      <c r="G1006" s="8">
        <v>1</v>
      </c>
      <c r="H1006" s="8">
        <v>1</v>
      </c>
      <c r="I1006" s="8">
        <v>0</v>
      </c>
      <c r="J1006" s="8">
        <v>1</v>
      </c>
      <c r="K1006" s="9">
        <v>53</v>
      </c>
      <c r="L1006" s="6" t="s">
        <v>51</v>
      </c>
    </row>
    <row r="1007" spans="1:12">
      <c r="A1007" s="6" t="s">
        <v>49</v>
      </c>
      <c r="B1007" s="6"/>
      <c r="C1007" s="6" t="s">
        <v>1021</v>
      </c>
      <c r="D1007" s="6"/>
      <c r="E1007" s="6" t="s">
        <v>9</v>
      </c>
      <c r="F1007" s="7">
        <v>38657</v>
      </c>
      <c r="G1007" s="8">
        <v>1</v>
      </c>
      <c r="H1007" s="8">
        <v>1</v>
      </c>
      <c r="I1007" s="8">
        <v>0</v>
      </c>
      <c r="J1007" s="8">
        <v>1</v>
      </c>
      <c r="K1007" s="9">
        <v>167</v>
      </c>
      <c r="L1007" s="6" t="s">
        <v>51</v>
      </c>
    </row>
    <row r="1008" spans="1:12">
      <c r="A1008" s="6" t="s">
        <v>49</v>
      </c>
      <c r="B1008" s="6"/>
      <c r="C1008" s="6" t="s">
        <v>1022</v>
      </c>
      <c r="D1008" s="6"/>
      <c r="E1008" s="6" t="s">
        <v>9</v>
      </c>
      <c r="F1008" s="7">
        <v>38657</v>
      </c>
      <c r="G1008" s="8">
        <v>1</v>
      </c>
      <c r="H1008" s="8">
        <v>1</v>
      </c>
      <c r="I1008" s="8">
        <v>0</v>
      </c>
      <c r="J1008" s="8">
        <v>1</v>
      </c>
      <c r="K1008" s="9">
        <v>59</v>
      </c>
      <c r="L1008" s="6" t="s">
        <v>51</v>
      </c>
    </row>
    <row r="1009" spans="1:12">
      <c r="A1009" s="6" t="s">
        <v>49</v>
      </c>
      <c r="B1009" s="6"/>
      <c r="C1009" s="6" t="s">
        <v>1023</v>
      </c>
      <c r="D1009" s="6"/>
      <c r="E1009" s="6" t="s">
        <v>9</v>
      </c>
      <c r="F1009" s="7">
        <v>38657</v>
      </c>
      <c r="G1009" s="8">
        <v>1</v>
      </c>
      <c r="H1009" s="8">
        <v>1</v>
      </c>
      <c r="I1009" s="8">
        <v>0</v>
      </c>
      <c r="J1009" s="8">
        <v>1</v>
      </c>
      <c r="K1009" s="9">
        <v>92</v>
      </c>
      <c r="L1009" s="6" t="s">
        <v>51</v>
      </c>
    </row>
    <row r="1010" spans="1:12">
      <c r="A1010" s="6" t="s">
        <v>49</v>
      </c>
      <c r="B1010" s="6"/>
      <c r="C1010" s="6" t="s">
        <v>1024</v>
      </c>
      <c r="D1010" s="6"/>
      <c r="E1010" s="6" t="s">
        <v>9</v>
      </c>
      <c r="F1010" s="7"/>
      <c r="G1010" s="8">
        <v>1</v>
      </c>
      <c r="H1010" s="8">
        <v>1</v>
      </c>
      <c r="I1010" s="8">
        <v>0</v>
      </c>
      <c r="J1010" s="8">
        <v>1</v>
      </c>
      <c r="K1010" s="9">
        <v>53</v>
      </c>
      <c r="L1010" s="6" t="s">
        <v>51</v>
      </c>
    </row>
    <row r="1011" spans="1:12">
      <c r="A1011" s="6" t="s">
        <v>49</v>
      </c>
      <c r="B1011" s="6"/>
      <c r="C1011" s="6" t="s">
        <v>1025</v>
      </c>
      <c r="D1011" s="6"/>
      <c r="E1011" s="6" t="s">
        <v>9</v>
      </c>
      <c r="F1011" s="7">
        <v>38657</v>
      </c>
      <c r="G1011" s="8">
        <v>1</v>
      </c>
      <c r="H1011" s="8">
        <v>1</v>
      </c>
      <c r="I1011" s="8">
        <v>0</v>
      </c>
      <c r="J1011" s="8">
        <v>1</v>
      </c>
      <c r="K1011" s="9">
        <v>405</v>
      </c>
      <c r="L1011" s="6" t="s">
        <v>51</v>
      </c>
    </row>
    <row r="1012" spans="1:12">
      <c r="A1012" s="6" t="s">
        <v>49</v>
      </c>
      <c r="B1012" s="6"/>
      <c r="C1012" s="6" t="s">
        <v>1026</v>
      </c>
      <c r="D1012" s="6"/>
      <c r="E1012" s="6" t="s">
        <v>9</v>
      </c>
      <c r="F1012" s="7">
        <v>38657</v>
      </c>
      <c r="G1012" s="8">
        <v>1</v>
      </c>
      <c r="H1012" s="8">
        <v>1</v>
      </c>
      <c r="I1012" s="8">
        <v>0</v>
      </c>
      <c r="J1012" s="8">
        <v>1</v>
      </c>
      <c r="K1012" s="9">
        <v>32</v>
      </c>
      <c r="L1012" s="6" t="s">
        <v>51</v>
      </c>
    </row>
    <row r="1013" spans="1:12">
      <c r="A1013" s="6" t="s">
        <v>49</v>
      </c>
      <c r="B1013" s="6"/>
      <c r="C1013" s="6" t="s">
        <v>1027</v>
      </c>
      <c r="D1013" s="6"/>
      <c r="E1013" s="6" t="s">
        <v>9</v>
      </c>
      <c r="F1013" s="7">
        <v>38657</v>
      </c>
      <c r="G1013" s="8">
        <v>1</v>
      </c>
      <c r="H1013" s="8">
        <v>1</v>
      </c>
      <c r="I1013" s="8">
        <v>0</v>
      </c>
      <c r="J1013" s="8">
        <v>1</v>
      </c>
      <c r="K1013" s="9">
        <v>53</v>
      </c>
      <c r="L1013" s="6" t="s">
        <v>51</v>
      </c>
    </row>
    <row r="1014" spans="1:12">
      <c r="A1014" s="6" t="s">
        <v>49</v>
      </c>
      <c r="B1014" s="6"/>
      <c r="C1014" s="6" t="s">
        <v>1028</v>
      </c>
      <c r="D1014" s="6"/>
      <c r="E1014" s="6" t="s">
        <v>9</v>
      </c>
      <c r="F1014" s="7">
        <v>38657</v>
      </c>
      <c r="G1014" s="8">
        <v>1</v>
      </c>
      <c r="H1014" s="8">
        <v>1</v>
      </c>
      <c r="I1014" s="8">
        <v>0</v>
      </c>
      <c r="J1014" s="8">
        <v>1</v>
      </c>
      <c r="K1014" s="9">
        <v>4.8</v>
      </c>
      <c r="L1014" s="6" t="s">
        <v>51</v>
      </c>
    </row>
    <row r="1015" spans="1:12">
      <c r="A1015" s="6" t="s">
        <v>49</v>
      </c>
      <c r="B1015" s="6"/>
      <c r="C1015" s="6" t="s">
        <v>1029</v>
      </c>
      <c r="D1015" s="6"/>
      <c r="E1015" s="6" t="s">
        <v>9</v>
      </c>
      <c r="F1015" s="7">
        <v>38657</v>
      </c>
      <c r="G1015" s="8">
        <v>1</v>
      </c>
      <c r="H1015" s="8">
        <v>1</v>
      </c>
      <c r="I1015" s="8">
        <v>0</v>
      </c>
      <c r="J1015" s="8">
        <v>1</v>
      </c>
      <c r="K1015" s="9">
        <v>12</v>
      </c>
      <c r="L1015" s="6" t="s">
        <v>51</v>
      </c>
    </row>
    <row r="1016" spans="1:12">
      <c r="A1016" s="6" t="s">
        <v>49</v>
      </c>
      <c r="B1016" s="6"/>
      <c r="C1016" s="6" t="s">
        <v>1030</v>
      </c>
      <c r="D1016" s="6"/>
      <c r="E1016" s="6" t="s">
        <v>9</v>
      </c>
      <c r="F1016" s="7">
        <v>38657</v>
      </c>
      <c r="G1016" s="8">
        <v>1</v>
      </c>
      <c r="H1016" s="8">
        <v>1</v>
      </c>
      <c r="I1016" s="8">
        <v>0</v>
      </c>
      <c r="J1016" s="8">
        <v>1</v>
      </c>
      <c r="K1016" s="9">
        <v>15</v>
      </c>
      <c r="L1016" s="6" t="s">
        <v>51</v>
      </c>
    </row>
    <row r="1017" spans="1:12">
      <c r="A1017" s="6" t="s">
        <v>49</v>
      </c>
      <c r="B1017" s="6"/>
      <c r="C1017" s="6" t="s">
        <v>1031</v>
      </c>
      <c r="D1017" s="6"/>
      <c r="E1017" s="6" t="s">
        <v>9</v>
      </c>
      <c r="F1017" s="7">
        <v>38657</v>
      </c>
      <c r="G1017" s="8">
        <v>1</v>
      </c>
      <c r="H1017" s="8">
        <v>1</v>
      </c>
      <c r="I1017" s="8">
        <v>0</v>
      </c>
      <c r="J1017" s="8">
        <v>1</v>
      </c>
      <c r="K1017" s="9">
        <v>2.64</v>
      </c>
      <c r="L1017" s="6" t="s">
        <v>51</v>
      </c>
    </row>
    <row r="1018" spans="1:12">
      <c r="A1018" s="6" t="s">
        <v>49</v>
      </c>
      <c r="B1018" s="6"/>
      <c r="C1018" s="6" t="s">
        <v>1032</v>
      </c>
      <c r="D1018" s="6"/>
      <c r="E1018" s="6" t="s">
        <v>9</v>
      </c>
      <c r="F1018" s="7">
        <v>38657</v>
      </c>
      <c r="G1018" s="8">
        <v>1</v>
      </c>
      <c r="H1018" s="8">
        <v>1</v>
      </c>
      <c r="I1018" s="8">
        <v>0</v>
      </c>
      <c r="J1018" s="8">
        <v>1</v>
      </c>
      <c r="K1018" s="9">
        <v>45</v>
      </c>
      <c r="L1018" s="6" t="s">
        <v>51</v>
      </c>
    </row>
    <row r="1019" spans="1:12">
      <c r="A1019" s="6" t="s">
        <v>49</v>
      </c>
      <c r="B1019" s="6"/>
      <c r="C1019" s="6" t="s">
        <v>1033</v>
      </c>
      <c r="D1019" s="6"/>
      <c r="E1019" s="6" t="s">
        <v>9</v>
      </c>
      <c r="F1019" s="7">
        <v>38657</v>
      </c>
      <c r="G1019" s="8">
        <v>1</v>
      </c>
      <c r="H1019" s="8">
        <v>1</v>
      </c>
      <c r="I1019" s="8">
        <v>0</v>
      </c>
      <c r="J1019" s="8">
        <v>1</v>
      </c>
      <c r="K1019" s="9">
        <v>26</v>
      </c>
      <c r="L1019" s="6" t="s">
        <v>51</v>
      </c>
    </row>
    <row r="1020" spans="1:12">
      <c r="A1020" s="6" t="s">
        <v>49</v>
      </c>
      <c r="B1020" s="6"/>
      <c r="C1020" s="6" t="s">
        <v>1034</v>
      </c>
      <c r="D1020" s="6"/>
      <c r="E1020" s="6" t="s">
        <v>9</v>
      </c>
      <c r="F1020" s="7">
        <v>38657</v>
      </c>
      <c r="G1020" s="8">
        <v>1</v>
      </c>
      <c r="H1020" s="8">
        <v>1</v>
      </c>
      <c r="I1020" s="8">
        <v>0</v>
      </c>
      <c r="J1020" s="8">
        <v>1</v>
      </c>
      <c r="K1020" s="9">
        <v>6.09</v>
      </c>
      <c r="L1020" s="6" t="s">
        <v>51</v>
      </c>
    </row>
    <row r="1021" spans="1:12">
      <c r="A1021" s="6" t="s">
        <v>49</v>
      </c>
      <c r="B1021" s="6"/>
      <c r="C1021" s="6" t="s">
        <v>1035</v>
      </c>
      <c r="D1021" s="6"/>
      <c r="E1021" s="6" t="s">
        <v>9</v>
      </c>
      <c r="F1021" s="7">
        <v>38657</v>
      </c>
      <c r="G1021" s="8">
        <v>1</v>
      </c>
      <c r="H1021" s="8">
        <v>1</v>
      </c>
      <c r="I1021" s="8">
        <v>0</v>
      </c>
      <c r="J1021" s="8">
        <v>1</v>
      </c>
      <c r="K1021" s="9">
        <v>13</v>
      </c>
      <c r="L1021" s="6" t="s">
        <v>51</v>
      </c>
    </row>
    <row r="1022" spans="1:12">
      <c r="A1022" s="6" t="s">
        <v>49</v>
      </c>
      <c r="B1022" s="6"/>
      <c r="C1022" s="6" t="s">
        <v>1036</v>
      </c>
      <c r="D1022" s="6"/>
      <c r="E1022" s="6" t="s">
        <v>9</v>
      </c>
      <c r="F1022" s="7">
        <v>38657</v>
      </c>
      <c r="G1022" s="8">
        <v>1</v>
      </c>
      <c r="H1022" s="8">
        <v>1</v>
      </c>
      <c r="I1022" s="8">
        <v>0</v>
      </c>
      <c r="J1022" s="8">
        <v>1</v>
      </c>
      <c r="K1022" s="9">
        <v>11</v>
      </c>
      <c r="L1022" s="6" t="s">
        <v>51</v>
      </c>
    </row>
    <row r="1023" spans="1:12">
      <c r="A1023" s="6" t="s">
        <v>49</v>
      </c>
      <c r="B1023" s="6"/>
      <c r="C1023" s="6" t="s">
        <v>1037</v>
      </c>
      <c r="D1023" s="6"/>
      <c r="E1023" s="6" t="s">
        <v>9</v>
      </c>
      <c r="F1023" s="7">
        <v>38657</v>
      </c>
      <c r="G1023" s="8">
        <v>1</v>
      </c>
      <c r="H1023" s="8">
        <v>1</v>
      </c>
      <c r="I1023" s="8">
        <v>0</v>
      </c>
      <c r="J1023" s="8">
        <v>1</v>
      </c>
      <c r="K1023" s="9">
        <v>5.99</v>
      </c>
      <c r="L1023" s="6" t="s">
        <v>51</v>
      </c>
    </row>
    <row r="1024" spans="1:12">
      <c r="A1024" s="6" t="s">
        <v>49</v>
      </c>
      <c r="B1024" s="6"/>
      <c r="C1024" s="6" t="s">
        <v>1038</v>
      </c>
      <c r="D1024" s="6"/>
      <c r="E1024" s="6" t="s">
        <v>9</v>
      </c>
      <c r="F1024" s="7">
        <v>38657</v>
      </c>
      <c r="G1024" s="8">
        <v>1</v>
      </c>
      <c r="H1024" s="8">
        <v>1</v>
      </c>
      <c r="I1024" s="8">
        <v>0</v>
      </c>
      <c r="J1024" s="8">
        <v>1</v>
      </c>
      <c r="K1024" s="9">
        <v>567</v>
      </c>
      <c r="L1024" s="6" t="s">
        <v>51</v>
      </c>
    </row>
    <row r="1025" spans="1:12">
      <c r="A1025" s="6" t="s">
        <v>49</v>
      </c>
      <c r="B1025" s="6"/>
      <c r="C1025" s="6" t="s">
        <v>1039</v>
      </c>
      <c r="D1025" s="6"/>
      <c r="E1025" s="6" t="s">
        <v>9</v>
      </c>
      <c r="F1025" s="7">
        <v>38657</v>
      </c>
      <c r="G1025" s="8">
        <v>1</v>
      </c>
      <c r="H1025" s="8">
        <v>1</v>
      </c>
      <c r="I1025" s="8">
        <v>0</v>
      </c>
      <c r="J1025" s="8">
        <v>1</v>
      </c>
      <c r="K1025" s="9">
        <v>13</v>
      </c>
      <c r="L1025" s="6" t="s">
        <v>51</v>
      </c>
    </row>
    <row r="1026" spans="1:12">
      <c r="A1026" s="6" t="s">
        <v>49</v>
      </c>
      <c r="B1026" s="6"/>
      <c r="C1026" s="6" t="s">
        <v>1040</v>
      </c>
      <c r="D1026" s="6"/>
      <c r="E1026" s="6" t="s">
        <v>9</v>
      </c>
      <c r="F1026" s="7">
        <v>38657</v>
      </c>
      <c r="G1026" s="8">
        <v>1</v>
      </c>
      <c r="H1026" s="8">
        <v>1</v>
      </c>
      <c r="I1026" s="8">
        <v>0</v>
      </c>
      <c r="J1026" s="8">
        <v>1</v>
      </c>
      <c r="K1026" s="9">
        <v>8.68</v>
      </c>
      <c r="L1026" s="6" t="s">
        <v>51</v>
      </c>
    </row>
    <row r="1027" spans="1:12">
      <c r="A1027" s="6" t="s">
        <v>49</v>
      </c>
      <c r="B1027" s="6"/>
      <c r="C1027" s="6" t="s">
        <v>1041</v>
      </c>
      <c r="D1027" s="6"/>
      <c r="E1027" s="6" t="s">
        <v>9</v>
      </c>
      <c r="F1027" s="7">
        <v>38657</v>
      </c>
      <c r="G1027" s="8">
        <v>1</v>
      </c>
      <c r="H1027" s="8">
        <v>1</v>
      </c>
      <c r="I1027" s="8">
        <v>0</v>
      </c>
      <c r="J1027" s="8">
        <v>1</v>
      </c>
      <c r="K1027" s="9">
        <v>32</v>
      </c>
      <c r="L1027" s="6" t="s">
        <v>51</v>
      </c>
    </row>
    <row r="1028" spans="1:12">
      <c r="A1028" s="6" t="s">
        <v>49</v>
      </c>
      <c r="B1028" s="6"/>
      <c r="C1028" s="6" t="s">
        <v>1042</v>
      </c>
      <c r="D1028" s="6"/>
      <c r="E1028" s="6" t="s">
        <v>9</v>
      </c>
      <c r="F1028" s="7">
        <v>38657</v>
      </c>
      <c r="G1028" s="8">
        <v>1</v>
      </c>
      <c r="H1028" s="8">
        <v>1</v>
      </c>
      <c r="I1028" s="8">
        <v>0</v>
      </c>
      <c r="J1028" s="8">
        <v>1</v>
      </c>
      <c r="K1028" s="9">
        <v>27</v>
      </c>
      <c r="L1028" s="6" t="s">
        <v>51</v>
      </c>
    </row>
    <row r="1029" spans="1:12">
      <c r="A1029" s="6" t="s">
        <v>49</v>
      </c>
      <c r="B1029" s="6"/>
      <c r="C1029" s="6" t="s">
        <v>1043</v>
      </c>
      <c r="D1029" s="6"/>
      <c r="E1029" s="6" t="s">
        <v>9</v>
      </c>
      <c r="F1029" s="7">
        <v>38657</v>
      </c>
      <c r="G1029" s="8">
        <v>1</v>
      </c>
      <c r="H1029" s="8">
        <v>1</v>
      </c>
      <c r="I1029" s="8">
        <v>0</v>
      </c>
      <c r="J1029" s="8">
        <v>1</v>
      </c>
      <c r="K1029" s="9">
        <v>12</v>
      </c>
      <c r="L1029" s="6" t="s">
        <v>51</v>
      </c>
    </row>
    <row r="1030" spans="1:12">
      <c r="A1030" s="6" t="s">
        <v>49</v>
      </c>
      <c r="B1030" s="6"/>
      <c r="C1030" s="6" t="s">
        <v>1044</v>
      </c>
      <c r="D1030" s="6"/>
      <c r="E1030" s="6" t="s">
        <v>9</v>
      </c>
      <c r="F1030" s="7">
        <v>38657</v>
      </c>
      <c r="G1030" s="8">
        <v>1</v>
      </c>
      <c r="H1030" s="8">
        <v>1</v>
      </c>
      <c r="I1030" s="8">
        <v>0</v>
      </c>
      <c r="J1030" s="8">
        <v>1</v>
      </c>
      <c r="K1030" s="9">
        <v>57</v>
      </c>
      <c r="L1030" s="6" t="s">
        <v>51</v>
      </c>
    </row>
    <row r="1031" spans="1:12">
      <c r="A1031" s="6" t="s">
        <v>49</v>
      </c>
      <c r="B1031" s="6"/>
      <c r="C1031" s="6" t="s">
        <v>1045</v>
      </c>
      <c r="D1031" s="6"/>
      <c r="E1031" s="6" t="s">
        <v>9</v>
      </c>
      <c r="F1031" s="7">
        <v>38657</v>
      </c>
      <c r="G1031" s="8">
        <v>1</v>
      </c>
      <c r="H1031" s="8">
        <v>1</v>
      </c>
      <c r="I1031" s="8">
        <v>0</v>
      </c>
      <c r="J1031" s="8">
        <v>1</v>
      </c>
      <c r="K1031" s="9">
        <v>20</v>
      </c>
      <c r="L1031" s="6" t="s">
        <v>51</v>
      </c>
    </row>
    <row r="1032" spans="1:12">
      <c r="A1032" s="6" t="s">
        <v>49</v>
      </c>
      <c r="B1032" s="6"/>
      <c r="C1032" s="6" t="s">
        <v>1046</v>
      </c>
      <c r="D1032" s="6"/>
      <c r="E1032" s="6" t="s">
        <v>9</v>
      </c>
      <c r="F1032" s="7">
        <v>38657</v>
      </c>
      <c r="G1032" s="8">
        <v>1</v>
      </c>
      <c r="H1032" s="8">
        <v>1</v>
      </c>
      <c r="I1032" s="8">
        <v>0</v>
      </c>
      <c r="J1032" s="8">
        <v>1</v>
      </c>
      <c r="K1032" s="9">
        <v>24</v>
      </c>
      <c r="L1032" s="6" t="s">
        <v>51</v>
      </c>
    </row>
    <row r="1033" spans="1:12">
      <c r="A1033" s="6" t="s">
        <v>49</v>
      </c>
      <c r="B1033" s="6"/>
      <c r="C1033" s="6" t="s">
        <v>1047</v>
      </c>
      <c r="D1033" s="6"/>
      <c r="E1033" s="6" t="s">
        <v>9</v>
      </c>
      <c r="F1033" s="7">
        <v>38657</v>
      </c>
      <c r="G1033" s="8">
        <v>1</v>
      </c>
      <c r="H1033" s="8">
        <v>1</v>
      </c>
      <c r="I1033" s="8">
        <v>0</v>
      </c>
      <c r="J1033" s="8">
        <v>1</v>
      </c>
      <c r="K1033" s="9">
        <v>67.150000000000006</v>
      </c>
      <c r="L1033" s="6" t="s">
        <v>51</v>
      </c>
    </row>
    <row r="1034" spans="1:12">
      <c r="A1034" s="6" t="s">
        <v>49</v>
      </c>
      <c r="B1034" s="6"/>
      <c r="C1034" s="6" t="s">
        <v>1048</v>
      </c>
      <c r="D1034" s="6"/>
      <c r="E1034" s="6" t="s">
        <v>9</v>
      </c>
      <c r="F1034" s="7">
        <v>38657</v>
      </c>
      <c r="G1034" s="8">
        <v>1</v>
      </c>
      <c r="H1034" s="8">
        <v>1</v>
      </c>
      <c r="I1034" s="8">
        <v>0</v>
      </c>
      <c r="J1034" s="8">
        <v>1</v>
      </c>
      <c r="K1034" s="9">
        <v>28.75</v>
      </c>
      <c r="L1034" s="6" t="s">
        <v>51</v>
      </c>
    </row>
    <row r="1035" spans="1:12">
      <c r="A1035" s="6" t="s">
        <v>49</v>
      </c>
      <c r="B1035" s="6"/>
      <c r="C1035" s="6" t="s">
        <v>1049</v>
      </c>
      <c r="D1035" s="6"/>
      <c r="E1035" s="6" t="s">
        <v>9</v>
      </c>
      <c r="F1035" s="7">
        <v>38657</v>
      </c>
      <c r="G1035" s="8">
        <v>1</v>
      </c>
      <c r="H1035" s="8">
        <v>1</v>
      </c>
      <c r="I1035" s="8">
        <v>0</v>
      </c>
      <c r="J1035" s="8">
        <v>1</v>
      </c>
      <c r="K1035" s="9">
        <v>568</v>
      </c>
      <c r="L1035" s="6" t="s">
        <v>51</v>
      </c>
    </row>
    <row r="1036" spans="1:12">
      <c r="A1036" s="6" t="s">
        <v>49</v>
      </c>
      <c r="B1036" s="6"/>
      <c r="C1036" s="6" t="s">
        <v>1050</v>
      </c>
      <c r="D1036" s="6"/>
      <c r="E1036" s="6" t="s">
        <v>9</v>
      </c>
      <c r="F1036" s="7">
        <v>38657</v>
      </c>
      <c r="G1036" s="8">
        <v>1</v>
      </c>
      <c r="H1036" s="8">
        <v>1</v>
      </c>
      <c r="I1036" s="8">
        <v>0</v>
      </c>
      <c r="J1036" s="8">
        <v>1</v>
      </c>
      <c r="K1036" s="9">
        <v>26.43</v>
      </c>
      <c r="L1036" s="6" t="s">
        <v>51</v>
      </c>
    </row>
    <row r="1037" spans="1:12">
      <c r="A1037" s="6" t="s">
        <v>49</v>
      </c>
      <c r="B1037" s="6"/>
      <c r="C1037" s="6" t="s">
        <v>1051</v>
      </c>
      <c r="D1037" s="6"/>
      <c r="E1037" s="6" t="s">
        <v>9</v>
      </c>
      <c r="F1037" s="7">
        <v>38657</v>
      </c>
      <c r="G1037" s="8">
        <v>1</v>
      </c>
      <c r="H1037" s="8">
        <v>1</v>
      </c>
      <c r="I1037" s="8">
        <v>0</v>
      </c>
      <c r="J1037" s="8">
        <v>1</v>
      </c>
      <c r="K1037" s="9">
        <v>55</v>
      </c>
      <c r="L1037" s="6" t="s">
        <v>51</v>
      </c>
    </row>
    <row r="1038" spans="1:12">
      <c r="A1038" s="6" t="s">
        <v>49</v>
      </c>
      <c r="B1038" s="6"/>
      <c r="C1038" s="6" t="s">
        <v>1052</v>
      </c>
      <c r="D1038" s="6"/>
      <c r="E1038" s="6" t="s">
        <v>9</v>
      </c>
      <c r="F1038" s="7">
        <v>38657</v>
      </c>
      <c r="G1038" s="8">
        <v>1</v>
      </c>
      <c r="H1038" s="8">
        <v>1</v>
      </c>
      <c r="I1038" s="8">
        <v>0</v>
      </c>
      <c r="J1038" s="8">
        <v>1</v>
      </c>
      <c r="K1038" s="9">
        <v>15</v>
      </c>
      <c r="L1038" s="6" t="s">
        <v>51</v>
      </c>
    </row>
    <row r="1039" spans="1:12">
      <c r="A1039" s="6" t="s">
        <v>49</v>
      </c>
      <c r="B1039" s="6"/>
      <c r="C1039" s="6" t="s">
        <v>1053</v>
      </c>
      <c r="D1039" s="6"/>
      <c r="E1039" s="6" t="s">
        <v>9</v>
      </c>
      <c r="F1039" s="7">
        <v>38657</v>
      </c>
      <c r="G1039" s="8">
        <v>1</v>
      </c>
      <c r="H1039" s="8">
        <v>1</v>
      </c>
      <c r="I1039" s="8">
        <v>0</v>
      </c>
      <c r="J1039" s="8">
        <v>1</v>
      </c>
      <c r="K1039" s="9">
        <v>19</v>
      </c>
      <c r="L1039" s="6" t="s">
        <v>51</v>
      </c>
    </row>
    <row r="1040" spans="1:12">
      <c r="A1040" s="6" t="s">
        <v>49</v>
      </c>
      <c r="B1040" s="6"/>
      <c r="C1040" s="6" t="s">
        <v>1054</v>
      </c>
      <c r="D1040" s="6"/>
      <c r="E1040" s="6" t="s">
        <v>9</v>
      </c>
      <c r="F1040" s="7">
        <v>38657</v>
      </c>
      <c r="G1040" s="8">
        <v>1</v>
      </c>
      <c r="H1040" s="8">
        <v>1</v>
      </c>
      <c r="I1040" s="8">
        <v>0</v>
      </c>
      <c r="J1040" s="8">
        <v>1</v>
      </c>
      <c r="K1040" s="9">
        <v>28</v>
      </c>
      <c r="L1040" s="6" t="s">
        <v>51</v>
      </c>
    </row>
    <row r="1041" spans="1:12">
      <c r="A1041" s="6" t="s">
        <v>49</v>
      </c>
      <c r="B1041" s="6"/>
      <c r="C1041" s="6" t="s">
        <v>1055</v>
      </c>
      <c r="D1041" s="6"/>
      <c r="E1041" s="6" t="s">
        <v>9</v>
      </c>
      <c r="F1041" s="7">
        <v>38657</v>
      </c>
      <c r="G1041" s="8">
        <v>1</v>
      </c>
      <c r="H1041" s="8">
        <v>1</v>
      </c>
      <c r="I1041" s="8">
        <v>0</v>
      </c>
      <c r="J1041" s="8">
        <v>1</v>
      </c>
      <c r="K1041" s="9">
        <v>91</v>
      </c>
      <c r="L1041" s="6" t="s">
        <v>51</v>
      </c>
    </row>
    <row r="1042" spans="1:12">
      <c r="A1042" s="6" t="s">
        <v>49</v>
      </c>
      <c r="B1042" s="6"/>
      <c r="C1042" s="6" t="s">
        <v>1056</v>
      </c>
      <c r="D1042" s="6"/>
      <c r="E1042" s="6" t="s">
        <v>9</v>
      </c>
      <c r="F1042" s="7">
        <v>38657</v>
      </c>
      <c r="G1042" s="8">
        <v>1</v>
      </c>
      <c r="H1042" s="8">
        <v>1</v>
      </c>
      <c r="I1042" s="8">
        <v>0</v>
      </c>
      <c r="J1042" s="8">
        <v>1</v>
      </c>
      <c r="K1042" s="9">
        <v>171</v>
      </c>
      <c r="L1042" s="6" t="s">
        <v>51</v>
      </c>
    </row>
    <row r="1043" spans="1:12">
      <c r="A1043" s="6" t="s">
        <v>49</v>
      </c>
      <c r="B1043" s="6"/>
      <c r="C1043" s="6" t="s">
        <v>1057</v>
      </c>
      <c r="D1043" s="6"/>
      <c r="E1043" s="6" t="s">
        <v>9</v>
      </c>
      <c r="F1043" s="7">
        <v>38657</v>
      </c>
      <c r="G1043" s="8">
        <v>1</v>
      </c>
      <c r="H1043" s="8">
        <v>1</v>
      </c>
      <c r="I1043" s="8">
        <v>0</v>
      </c>
      <c r="J1043" s="8">
        <v>1</v>
      </c>
      <c r="K1043" s="9">
        <v>95</v>
      </c>
      <c r="L1043" s="6" t="s">
        <v>51</v>
      </c>
    </row>
    <row r="1044" spans="1:12">
      <c r="A1044" s="6" t="s">
        <v>49</v>
      </c>
      <c r="B1044" s="6"/>
      <c r="C1044" s="6" t="s">
        <v>1058</v>
      </c>
      <c r="D1044" s="6"/>
      <c r="E1044" s="6" t="s">
        <v>9</v>
      </c>
      <c r="F1044" s="7">
        <v>38657</v>
      </c>
      <c r="G1044" s="8">
        <v>1</v>
      </c>
      <c r="H1044" s="8">
        <v>1</v>
      </c>
      <c r="I1044" s="8">
        <v>0</v>
      </c>
      <c r="J1044" s="8">
        <v>1</v>
      </c>
      <c r="K1044" s="9">
        <v>38</v>
      </c>
      <c r="L1044" s="6" t="s">
        <v>51</v>
      </c>
    </row>
    <row r="1045" spans="1:12">
      <c r="A1045" s="6" t="s">
        <v>49</v>
      </c>
      <c r="B1045" s="6"/>
      <c r="C1045" s="6" t="s">
        <v>1059</v>
      </c>
      <c r="D1045" s="6"/>
      <c r="E1045" s="6" t="s">
        <v>9</v>
      </c>
      <c r="F1045" s="7">
        <v>38657</v>
      </c>
      <c r="G1045" s="8">
        <v>1</v>
      </c>
      <c r="H1045" s="8">
        <v>1</v>
      </c>
      <c r="I1045" s="8">
        <v>0</v>
      </c>
      <c r="J1045" s="8">
        <v>1</v>
      </c>
      <c r="K1045" s="9">
        <v>83</v>
      </c>
      <c r="L1045" s="6" t="s">
        <v>51</v>
      </c>
    </row>
    <row r="1046" spans="1:12">
      <c r="A1046" s="6" t="s">
        <v>49</v>
      </c>
      <c r="B1046" s="6"/>
      <c r="C1046" s="6" t="s">
        <v>1060</v>
      </c>
      <c r="D1046" s="6"/>
      <c r="E1046" s="6" t="s">
        <v>9</v>
      </c>
      <c r="F1046" s="7">
        <v>38657</v>
      </c>
      <c r="G1046" s="8">
        <v>1</v>
      </c>
      <c r="H1046" s="8">
        <v>1</v>
      </c>
      <c r="I1046" s="8">
        <v>0</v>
      </c>
      <c r="J1046" s="8">
        <v>1</v>
      </c>
      <c r="K1046" s="9">
        <v>616</v>
      </c>
      <c r="L1046" s="6" t="s">
        <v>51</v>
      </c>
    </row>
    <row r="1047" spans="1:12">
      <c r="A1047" s="6" t="s">
        <v>49</v>
      </c>
      <c r="B1047" s="6"/>
      <c r="C1047" s="6" t="s">
        <v>1061</v>
      </c>
      <c r="D1047" s="6"/>
      <c r="E1047" s="6" t="s">
        <v>9</v>
      </c>
      <c r="F1047" s="7">
        <v>38657</v>
      </c>
      <c r="G1047" s="8">
        <v>1</v>
      </c>
      <c r="H1047" s="8">
        <v>1</v>
      </c>
      <c r="I1047" s="8">
        <v>0</v>
      </c>
      <c r="J1047" s="8">
        <v>1</v>
      </c>
      <c r="K1047" s="9">
        <v>34</v>
      </c>
      <c r="L1047" s="6" t="s">
        <v>51</v>
      </c>
    </row>
    <row r="1048" spans="1:12">
      <c r="A1048" s="6" t="s">
        <v>49</v>
      </c>
      <c r="B1048" s="6"/>
      <c r="C1048" s="6" t="s">
        <v>1062</v>
      </c>
      <c r="D1048" s="6"/>
      <c r="E1048" s="6" t="s">
        <v>9</v>
      </c>
      <c r="F1048" s="7">
        <v>38657</v>
      </c>
      <c r="G1048" s="8">
        <v>1</v>
      </c>
      <c r="H1048" s="8">
        <v>1</v>
      </c>
      <c r="I1048" s="8">
        <v>0</v>
      </c>
      <c r="J1048" s="8">
        <v>1</v>
      </c>
      <c r="K1048" s="9">
        <v>43</v>
      </c>
      <c r="L1048" s="6" t="s">
        <v>51</v>
      </c>
    </row>
    <row r="1049" spans="1:12">
      <c r="A1049" s="6" t="s">
        <v>49</v>
      </c>
      <c r="B1049" s="6"/>
      <c r="C1049" s="6" t="s">
        <v>1063</v>
      </c>
      <c r="D1049" s="6"/>
      <c r="E1049" s="6" t="s">
        <v>9</v>
      </c>
      <c r="F1049" s="7">
        <v>38657</v>
      </c>
      <c r="G1049" s="8">
        <v>1</v>
      </c>
      <c r="H1049" s="8">
        <v>1</v>
      </c>
      <c r="I1049" s="8">
        <v>0</v>
      </c>
      <c r="J1049" s="8">
        <v>1</v>
      </c>
      <c r="K1049" s="9">
        <v>119</v>
      </c>
      <c r="L1049" s="6" t="s">
        <v>51</v>
      </c>
    </row>
    <row r="1050" spans="1:12">
      <c r="A1050" s="6" t="s">
        <v>49</v>
      </c>
      <c r="B1050" s="6"/>
      <c r="C1050" s="6" t="s">
        <v>1064</v>
      </c>
      <c r="D1050" s="6"/>
      <c r="E1050" s="6" t="s">
        <v>9</v>
      </c>
      <c r="F1050" s="7">
        <v>38657</v>
      </c>
      <c r="G1050" s="8">
        <v>1</v>
      </c>
      <c r="H1050" s="8">
        <v>1</v>
      </c>
      <c r="I1050" s="8">
        <v>0</v>
      </c>
      <c r="J1050" s="8">
        <v>1</v>
      </c>
      <c r="K1050" s="9">
        <v>60.48</v>
      </c>
      <c r="L1050" s="6" t="s">
        <v>51</v>
      </c>
    </row>
    <row r="1051" spans="1:12">
      <c r="A1051" s="6" t="s">
        <v>49</v>
      </c>
      <c r="B1051" s="6"/>
      <c r="C1051" s="6" t="s">
        <v>1065</v>
      </c>
      <c r="D1051" s="6"/>
      <c r="E1051" s="6" t="s">
        <v>9</v>
      </c>
      <c r="F1051" s="7">
        <v>38657</v>
      </c>
      <c r="G1051" s="8">
        <v>1</v>
      </c>
      <c r="H1051" s="8">
        <v>1</v>
      </c>
      <c r="I1051" s="8">
        <v>0</v>
      </c>
      <c r="J1051" s="8">
        <v>1</v>
      </c>
      <c r="K1051" s="9">
        <v>185</v>
      </c>
      <c r="L1051" s="6" t="s">
        <v>51</v>
      </c>
    </row>
    <row r="1052" spans="1:12">
      <c r="A1052" s="6" t="s">
        <v>49</v>
      </c>
      <c r="B1052" s="6"/>
      <c r="C1052" s="6" t="s">
        <v>1066</v>
      </c>
      <c r="D1052" s="6"/>
      <c r="E1052" s="6" t="s">
        <v>9</v>
      </c>
      <c r="F1052" s="7">
        <v>38657</v>
      </c>
      <c r="G1052" s="8">
        <v>1</v>
      </c>
      <c r="H1052" s="8">
        <v>1</v>
      </c>
      <c r="I1052" s="8">
        <v>0</v>
      </c>
      <c r="J1052" s="8">
        <v>1</v>
      </c>
      <c r="K1052" s="9">
        <v>7.05</v>
      </c>
      <c r="L1052" s="6" t="s">
        <v>51</v>
      </c>
    </row>
    <row r="1053" spans="1:12">
      <c r="A1053" s="6" t="s">
        <v>49</v>
      </c>
      <c r="B1053" s="6"/>
      <c r="C1053" s="6" t="s">
        <v>1067</v>
      </c>
      <c r="D1053" s="6"/>
      <c r="E1053" s="6" t="s">
        <v>9</v>
      </c>
      <c r="F1053" s="7">
        <v>38657</v>
      </c>
      <c r="G1053" s="8">
        <v>1</v>
      </c>
      <c r="H1053" s="8">
        <v>1</v>
      </c>
      <c r="I1053" s="8">
        <v>0</v>
      </c>
      <c r="J1053" s="8">
        <v>1</v>
      </c>
      <c r="K1053" s="9">
        <v>1.48</v>
      </c>
      <c r="L1053" s="6" t="s">
        <v>51</v>
      </c>
    </row>
    <row r="1054" spans="1:12">
      <c r="A1054" s="6" t="s">
        <v>49</v>
      </c>
      <c r="B1054" s="6"/>
      <c r="C1054" s="6" t="s">
        <v>1068</v>
      </c>
      <c r="D1054" s="6"/>
      <c r="E1054" s="6" t="s">
        <v>9</v>
      </c>
      <c r="F1054" s="7">
        <v>38657</v>
      </c>
      <c r="G1054" s="8">
        <v>1</v>
      </c>
      <c r="H1054" s="8">
        <v>1</v>
      </c>
      <c r="I1054" s="8">
        <v>0</v>
      </c>
      <c r="J1054" s="8">
        <v>1</v>
      </c>
      <c r="K1054" s="9">
        <v>311</v>
      </c>
      <c r="L1054" s="6" t="s">
        <v>51</v>
      </c>
    </row>
    <row r="1055" spans="1:12">
      <c r="A1055" s="6" t="s">
        <v>49</v>
      </c>
      <c r="B1055" s="6"/>
      <c r="C1055" s="6" t="s">
        <v>1069</v>
      </c>
      <c r="D1055" s="6"/>
      <c r="E1055" s="6" t="s">
        <v>9</v>
      </c>
      <c r="F1055" s="7">
        <v>38657</v>
      </c>
      <c r="G1055" s="8">
        <v>1</v>
      </c>
      <c r="H1055" s="8">
        <v>1</v>
      </c>
      <c r="I1055" s="8">
        <v>0</v>
      </c>
      <c r="J1055" s="8">
        <v>1</v>
      </c>
      <c r="K1055" s="9">
        <v>14.12</v>
      </c>
      <c r="L1055" s="6" t="s">
        <v>51</v>
      </c>
    </row>
    <row r="1056" spans="1:12">
      <c r="A1056" s="6" t="s">
        <v>49</v>
      </c>
      <c r="B1056" s="6"/>
      <c r="C1056" s="6" t="s">
        <v>1070</v>
      </c>
      <c r="D1056" s="6"/>
      <c r="E1056" s="6" t="s">
        <v>9</v>
      </c>
      <c r="F1056" s="7">
        <v>38657</v>
      </c>
      <c r="G1056" s="8">
        <v>1</v>
      </c>
      <c r="H1056" s="8">
        <v>1</v>
      </c>
      <c r="I1056" s="8">
        <v>0</v>
      </c>
      <c r="J1056" s="8">
        <v>1</v>
      </c>
      <c r="K1056" s="9">
        <v>19</v>
      </c>
      <c r="L1056" s="6" t="s">
        <v>51</v>
      </c>
    </row>
    <row r="1057" spans="1:12">
      <c r="A1057" s="6" t="s">
        <v>49</v>
      </c>
      <c r="B1057" s="6"/>
      <c r="C1057" s="6" t="s">
        <v>1071</v>
      </c>
      <c r="D1057" s="6"/>
      <c r="E1057" s="6" t="s">
        <v>9</v>
      </c>
      <c r="F1057" s="7">
        <v>38657</v>
      </c>
      <c r="G1057" s="8">
        <v>1</v>
      </c>
      <c r="H1057" s="8">
        <v>1</v>
      </c>
      <c r="I1057" s="8">
        <v>0</v>
      </c>
      <c r="J1057" s="8">
        <v>1</v>
      </c>
      <c r="K1057" s="9">
        <v>2405</v>
      </c>
      <c r="L1057" s="6" t="s">
        <v>51</v>
      </c>
    </row>
    <row r="1058" spans="1:12">
      <c r="A1058" s="6" t="s">
        <v>49</v>
      </c>
      <c r="B1058" s="6"/>
      <c r="C1058" s="6" t="s">
        <v>1072</v>
      </c>
      <c r="D1058" s="6"/>
      <c r="E1058" s="6" t="s">
        <v>9</v>
      </c>
      <c r="F1058" s="7">
        <v>38657</v>
      </c>
      <c r="G1058" s="8">
        <v>1</v>
      </c>
      <c r="H1058" s="8">
        <v>1</v>
      </c>
      <c r="I1058" s="8">
        <v>0</v>
      </c>
      <c r="J1058" s="8">
        <v>1</v>
      </c>
      <c r="K1058" s="9">
        <v>26</v>
      </c>
      <c r="L1058" s="6" t="s">
        <v>51</v>
      </c>
    </row>
    <row r="1059" spans="1:12">
      <c r="A1059" s="6" t="s">
        <v>49</v>
      </c>
      <c r="B1059" s="6"/>
      <c r="C1059" s="6" t="s">
        <v>1073</v>
      </c>
      <c r="D1059" s="6"/>
      <c r="E1059" s="6" t="s">
        <v>9</v>
      </c>
      <c r="F1059" s="7">
        <v>38657</v>
      </c>
      <c r="G1059" s="8">
        <v>1</v>
      </c>
      <c r="H1059" s="8">
        <v>1</v>
      </c>
      <c r="I1059" s="8">
        <v>0</v>
      </c>
      <c r="J1059" s="8">
        <v>1</v>
      </c>
      <c r="K1059" s="9">
        <v>27</v>
      </c>
      <c r="L1059" s="6" t="s">
        <v>51</v>
      </c>
    </row>
    <row r="1060" spans="1:12">
      <c r="A1060" s="6" t="s">
        <v>49</v>
      </c>
      <c r="B1060" s="6"/>
      <c r="C1060" s="6" t="s">
        <v>1074</v>
      </c>
      <c r="D1060" s="6"/>
      <c r="E1060" s="6" t="s">
        <v>9</v>
      </c>
      <c r="F1060" s="7">
        <v>38657</v>
      </c>
      <c r="G1060" s="8">
        <v>1</v>
      </c>
      <c r="H1060" s="8">
        <v>1</v>
      </c>
      <c r="I1060" s="8">
        <v>0</v>
      </c>
      <c r="J1060" s="8">
        <v>1</v>
      </c>
      <c r="K1060" s="9">
        <v>10</v>
      </c>
      <c r="L1060" s="6" t="s">
        <v>51</v>
      </c>
    </row>
    <row r="1061" spans="1:12">
      <c r="A1061" s="6" t="s">
        <v>49</v>
      </c>
      <c r="B1061" s="6"/>
      <c r="C1061" s="6" t="s">
        <v>1075</v>
      </c>
      <c r="D1061" s="6"/>
      <c r="E1061" s="6" t="s">
        <v>9</v>
      </c>
      <c r="F1061" s="7">
        <v>38657</v>
      </c>
      <c r="G1061" s="8">
        <v>1</v>
      </c>
      <c r="H1061" s="8">
        <v>1</v>
      </c>
      <c r="I1061" s="8">
        <v>0</v>
      </c>
      <c r="J1061" s="8">
        <v>1</v>
      </c>
      <c r="K1061" s="9">
        <v>94</v>
      </c>
      <c r="L1061" s="6" t="s">
        <v>51</v>
      </c>
    </row>
    <row r="1062" spans="1:12">
      <c r="A1062" s="6" t="s">
        <v>49</v>
      </c>
      <c r="B1062" s="6"/>
      <c r="C1062" s="6" t="s">
        <v>1076</v>
      </c>
      <c r="D1062" s="6"/>
      <c r="E1062" s="6" t="s">
        <v>9</v>
      </c>
      <c r="F1062" s="7">
        <v>38657</v>
      </c>
      <c r="G1062" s="8">
        <v>1</v>
      </c>
      <c r="H1062" s="8">
        <v>1</v>
      </c>
      <c r="I1062" s="8">
        <v>0</v>
      </c>
      <c r="J1062" s="8">
        <v>1</v>
      </c>
      <c r="K1062" s="9">
        <v>211</v>
      </c>
      <c r="L1062" s="6" t="s">
        <v>51</v>
      </c>
    </row>
    <row r="1063" spans="1:12">
      <c r="A1063" s="6" t="s">
        <v>49</v>
      </c>
      <c r="B1063" s="6"/>
      <c r="C1063" s="6" t="s">
        <v>1077</v>
      </c>
      <c r="D1063" s="6"/>
      <c r="E1063" s="6" t="s">
        <v>9</v>
      </c>
      <c r="F1063" s="7">
        <v>38657</v>
      </c>
      <c r="G1063" s="8">
        <v>1</v>
      </c>
      <c r="H1063" s="8">
        <v>1</v>
      </c>
      <c r="I1063" s="8">
        <v>0</v>
      </c>
      <c r="J1063" s="8">
        <v>1</v>
      </c>
      <c r="K1063" s="9">
        <v>59</v>
      </c>
      <c r="L1063" s="6" t="s">
        <v>51</v>
      </c>
    </row>
    <row r="1064" spans="1:12">
      <c r="A1064" s="6" t="s">
        <v>49</v>
      </c>
      <c r="B1064" s="6"/>
      <c r="C1064" s="6" t="s">
        <v>1078</v>
      </c>
      <c r="D1064" s="6"/>
      <c r="E1064" s="6" t="s">
        <v>9</v>
      </c>
      <c r="F1064" s="7">
        <v>38657</v>
      </c>
      <c r="G1064" s="8">
        <v>1</v>
      </c>
      <c r="H1064" s="8">
        <v>1</v>
      </c>
      <c r="I1064" s="8">
        <v>0</v>
      </c>
      <c r="J1064" s="8">
        <v>1</v>
      </c>
      <c r="K1064" s="9">
        <v>56</v>
      </c>
      <c r="L1064" s="6" t="s">
        <v>51</v>
      </c>
    </row>
    <row r="1065" spans="1:12">
      <c r="A1065" s="6" t="s">
        <v>49</v>
      </c>
      <c r="B1065" s="6"/>
      <c r="C1065" s="6" t="s">
        <v>1079</v>
      </c>
      <c r="D1065" s="6"/>
      <c r="E1065" s="6" t="s">
        <v>9</v>
      </c>
      <c r="F1065" s="7">
        <v>38657</v>
      </c>
      <c r="G1065" s="8">
        <v>1</v>
      </c>
      <c r="H1065" s="8">
        <v>1</v>
      </c>
      <c r="I1065" s="8">
        <v>0</v>
      </c>
      <c r="J1065" s="8">
        <v>1</v>
      </c>
      <c r="K1065" s="9">
        <v>73</v>
      </c>
      <c r="L1065" s="6" t="s">
        <v>51</v>
      </c>
    </row>
    <row r="1066" spans="1:12">
      <c r="A1066" s="6" t="s">
        <v>49</v>
      </c>
      <c r="B1066" s="6"/>
      <c r="C1066" s="6" t="s">
        <v>1080</v>
      </c>
      <c r="D1066" s="6"/>
      <c r="E1066" s="6" t="s">
        <v>9</v>
      </c>
      <c r="F1066" s="7">
        <v>38657</v>
      </c>
      <c r="G1066" s="8">
        <v>1</v>
      </c>
      <c r="H1066" s="8">
        <v>1</v>
      </c>
      <c r="I1066" s="8">
        <v>0</v>
      </c>
      <c r="J1066" s="8">
        <v>1</v>
      </c>
      <c r="K1066" s="9">
        <v>4.88</v>
      </c>
      <c r="L1066" s="6" t="s">
        <v>51</v>
      </c>
    </row>
    <row r="1067" spans="1:12">
      <c r="A1067" s="6" t="s">
        <v>49</v>
      </c>
      <c r="B1067" s="6"/>
      <c r="C1067" s="6" t="s">
        <v>1081</v>
      </c>
      <c r="D1067" s="6"/>
      <c r="E1067" s="6" t="s">
        <v>9</v>
      </c>
      <c r="F1067" s="7">
        <v>38657</v>
      </c>
      <c r="G1067" s="8">
        <v>1</v>
      </c>
      <c r="H1067" s="8">
        <v>1</v>
      </c>
      <c r="I1067" s="8">
        <v>0</v>
      </c>
      <c r="J1067" s="8">
        <v>1</v>
      </c>
      <c r="K1067" s="9">
        <v>30</v>
      </c>
      <c r="L1067" s="6" t="s">
        <v>51</v>
      </c>
    </row>
    <row r="1068" spans="1:12">
      <c r="A1068" s="6" t="s">
        <v>49</v>
      </c>
      <c r="B1068" s="6"/>
      <c r="C1068" s="6" t="s">
        <v>1082</v>
      </c>
      <c r="D1068" s="6"/>
      <c r="E1068" s="6" t="s">
        <v>9</v>
      </c>
      <c r="F1068" s="7">
        <v>38657</v>
      </c>
      <c r="G1068" s="8">
        <v>1</v>
      </c>
      <c r="H1068" s="8">
        <v>1</v>
      </c>
      <c r="I1068" s="8">
        <v>0</v>
      </c>
      <c r="J1068" s="8">
        <v>1</v>
      </c>
      <c r="K1068" s="9">
        <v>78</v>
      </c>
      <c r="L1068" s="6" t="s">
        <v>51</v>
      </c>
    </row>
    <row r="1069" spans="1:12">
      <c r="A1069" s="6" t="s">
        <v>49</v>
      </c>
      <c r="B1069" s="6"/>
      <c r="C1069" s="6" t="s">
        <v>1083</v>
      </c>
      <c r="D1069" s="6"/>
      <c r="E1069" s="6" t="s">
        <v>9</v>
      </c>
      <c r="F1069" s="7">
        <v>38657</v>
      </c>
      <c r="G1069" s="8">
        <v>1</v>
      </c>
      <c r="H1069" s="8">
        <v>1</v>
      </c>
      <c r="I1069" s="8">
        <v>0</v>
      </c>
      <c r="J1069" s="8">
        <v>1</v>
      </c>
      <c r="K1069" s="9">
        <v>22</v>
      </c>
      <c r="L1069" s="6" t="s">
        <v>51</v>
      </c>
    </row>
    <row r="1070" spans="1:12">
      <c r="A1070" s="6" t="s">
        <v>49</v>
      </c>
      <c r="B1070" s="6"/>
      <c r="C1070" s="6" t="s">
        <v>1084</v>
      </c>
      <c r="D1070" s="6"/>
      <c r="E1070" s="6" t="s">
        <v>9</v>
      </c>
      <c r="F1070" s="7">
        <v>38657</v>
      </c>
      <c r="G1070" s="8">
        <v>1</v>
      </c>
      <c r="H1070" s="8">
        <v>1</v>
      </c>
      <c r="I1070" s="8">
        <v>0</v>
      </c>
      <c r="J1070" s="8">
        <v>1</v>
      </c>
      <c r="K1070" s="9">
        <v>157</v>
      </c>
      <c r="L1070" s="6" t="s">
        <v>51</v>
      </c>
    </row>
    <row r="1071" spans="1:12">
      <c r="A1071" s="6" t="s">
        <v>49</v>
      </c>
      <c r="B1071" s="6"/>
      <c r="C1071" s="6" t="s">
        <v>1085</v>
      </c>
      <c r="D1071" s="6"/>
      <c r="E1071" s="6" t="s">
        <v>9</v>
      </c>
      <c r="F1071" s="7">
        <v>38657</v>
      </c>
      <c r="G1071" s="8">
        <v>1</v>
      </c>
      <c r="H1071" s="8">
        <v>1</v>
      </c>
      <c r="I1071" s="8">
        <v>0</v>
      </c>
      <c r="J1071" s="8">
        <v>1</v>
      </c>
      <c r="K1071" s="9">
        <v>2.17</v>
      </c>
      <c r="L1071" s="6" t="s">
        <v>51</v>
      </c>
    </row>
    <row r="1072" spans="1:12">
      <c r="A1072" s="6" t="s">
        <v>49</v>
      </c>
      <c r="B1072" s="6"/>
      <c r="C1072" s="6" t="s">
        <v>1086</v>
      </c>
      <c r="D1072" s="6"/>
      <c r="E1072" s="6" t="s">
        <v>9</v>
      </c>
      <c r="F1072" s="7">
        <v>38657</v>
      </c>
      <c r="G1072" s="8">
        <v>1</v>
      </c>
      <c r="H1072" s="8">
        <v>1</v>
      </c>
      <c r="I1072" s="8">
        <v>0</v>
      </c>
      <c r="J1072" s="8">
        <v>1</v>
      </c>
      <c r="K1072" s="9">
        <v>38</v>
      </c>
      <c r="L1072" s="6" t="s">
        <v>51</v>
      </c>
    </row>
    <row r="1073" spans="1:12">
      <c r="A1073" s="6" t="s">
        <v>49</v>
      </c>
      <c r="B1073" s="6"/>
      <c r="C1073" s="6" t="s">
        <v>1087</v>
      </c>
      <c r="D1073" s="6"/>
      <c r="E1073" s="6" t="s">
        <v>9</v>
      </c>
      <c r="F1073" s="7">
        <v>38657</v>
      </c>
      <c r="G1073" s="8">
        <v>1</v>
      </c>
      <c r="H1073" s="8">
        <v>1</v>
      </c>
      <c r="I1073" s="8">
        <v>0</v>
      </c>
      <c r="J1073" s="8">
        <v>1</v>
      </c>
      <c r="K1073" s="9">
        <v>162</v>
      </c>
      <c r="L1073" s="6" t="s">
        <v>51</v>
      </c>
    </row>
    <row r="1074" spans="1:12">
      <c r="A1074" s="6" t="s">
        <v>49</v>
      </c>
      <c r="B1074" s="6"/>
      <c r="C1074" s="6" t="s">
        <v>1088</v>
      </c>
      <c r="D1074" s="6"/>
      <c r="E1074" s="6" t="s">
        <v>9</v>
      </c>
      <c r="F1074" s="7">
        <v>38657</v>
      </c>
      <c r="G1074" s="8">
        <v>1</v>
      </c>
      <c r="H1074" s="8">
        <v>1</v>
      </c>
      <c r="I1074" s="8">
        <v>0</v>
      </c>
      <c r="J1074" s="8">
        <v>1</v>
      </c>
      <c r="K1074" s="9">
        <v>92</v>
      </c>
      <c r="L1074" s="6" t="s">
        <v>51</v>
      </c>
    </row>
    <row r="1075" spans="1:12">
      <c r="A1075" s="6" t="s">
        <v>49</v>
      </c>
      <c r="B1075" s="6"/>
      <c r="C1075" s="6" t="s">
        <v>1089</v>
      </c>
      <c r="D1075" s="6"/>
      <c r="E1075" s="6" t="s">
        <v>9</v>
      </c>
      <c r="F1075" s="7">
        <v>38657</v>
      </c>
      <c r="G1075" s="8">
        <v>1</v>
      </c>
      <c r="H1075" s="8">
        <v>1</v>
      </c>
      <c r="I1075" s="8">
        <v>0</v>
      </c>
      <c r="J1075" s="8">
        <v>1</v>
      </c>
      <c r="K1075" s="9">
        <v>75</v>
      </c>
      <c r="L1075" s="6" t="s">
        <v>51</v>
      </c>
    </row>
    <row r="1076" spans="1:12">
      <c r="A1076" s="6" t="s">
        <v>49</v>
      </c>
      <c r="B1076" s="6"/>
      <c r="C1076" s="6" t="s">
        <v>1090</v>
      </c>
      <c r="D1076" s="6"/>
      <c r="E1076" s="6" t="s">
        <v>9</v>
      </c>
      <c r="F1076" s="7">
        <v>38657</v>
      </c>
      <c r="G1076" s="8">
        <v>1</v>
      </c>
      <c r="H1076" s="8">
        <v>1</v>
      </c>
      <c r="I1076" s="8">
        <v>0</v>
      </c>
      <c r="J1076" s="8">
        <v>1</v>
      </c>
      <c r="K1076" s="9">
        <v>205</v>
      </c>
      <c r="L1076" s="6" t="s">
        <v>51</v>
      </c>
    </row>
    <row r="1077" spans="1:12">
      <c r="A1077" s="6" t="s">
        <v>49</v>
      </c>
      <c r="B1077" s="6"/>
      <c r="C1077" s="6" t="s">
        <v>1091</v>
      </c>
      <c r="D1077" s="6"/>
      <c r="E1077" s="6" t="s">
        <v>9</v>
      </c>
      <c r="F1077" s="7">
        <v>38657</v>
      </c>
      <c r="G1077" s="8">
        <v>1</v>
      </c>
      <c r="H1077" s="8">
        <v>1</v>
      </c>
      <c r="I1077" s="8">
        <v>0</v>
      </c>
      <c r="J1077" s="8">
        <v>1</v>
      </c>
      <c r="K1077" s="9">
        <v>345</v>
      </c>
      <c r="L1077" s="6" t="s">
        <v>51</v>
      </c>
    </row>
    <row r="1078" spans="1:12">
      <c r="A1078" s="6" t="s">
        <v>49</v>
      </c>
      <c r="B1078" s="6"/>
      <c r="C1078" s="6" t="s">
        <v>1092</v>
      </c>
      <c r="D1078" s="6"/>
      <c r="E1078" s="6" t="s">
        <v>9</v>
      </c>
      <c r="F1078" s="7">
        <v>38657</v>
      </c>
      <c r="G1078" s="8">
        <v>1</v>
      </c>
      <c r="H1078" s="8">
        <v>1</v>
      </c>
      <c r="I1078" s="8">
        <v>0</v>
      </c>
      <c r="J1078" s="8">
        <v>1</v>
      </c>
      <c r="K1078" s="9">
        <v>19</v>
      </c>
      <c r="L1078" s="6" t="s">
        <v>51</v>
      </c>
    </row>
    <row r="1079" spans="1:12">
      <c r="A1079" s="6" t="s">
        <v>49</v>
      </c>
      <c r="B1079" s="6"/>
      <c r="C1079" s="6" t="s">
        <v>1093</v>
      </c>
      <c r="D1079" s="6"/>
      <c r="E1079" s="6" t="s">
        <v>9</v>
      </c>
      <c r="F1079" s="7">
        <v>38657</v>
      </c>
      <c r="G1079" s="8">
        <v>1</v>
      </c>
      <c r="H1079" s="8">
        <v>1</v>
      </c>
      <c r="I1079" s="8">
        <v>0</v>
      </c>
      <c r="J1079" s="8">
        <v>1</v>
      </c>
      <c r="K1079" s="9">
        <v>110</v>
      </c>
      <c r="L1079" s="6" t="s">
        <v>51</v>
      </c>
    </row>
    <row r="1080" spans="1:12">
      <c r="A1080" s="6" t="s">
        <v>49</v>
      </c>
      <c r="B1080" s="6"/>
      <c r="C1080" s="6" t="s">
        <v>1094</v>
      </c>
      <c r="D1080" s="6"/>
      <c r="E1080" s="6" t="s">
        <v>9</v>
      </c>
      <c r="F1080" s="7">
        <v>38657</v>
      </c>
      <c r="G1080" s="8">
        <v>1</v>
      </c>
      <c r="H1080" s="8">
        <v>1</v>
      </c>
      <c r="I1080" s="8">
        <v>0</v>
      </c>
      <c r="J1080" s="8">
        <v>1</v>
      </c>
      <c r="K1080" s="9">
        <v>330</v>
      </c>
      <c r="L1080" s="6" t="s">
        <v>51</v>
      </c>
    </row>
    <row r="1081" spans="1:12">
      <c r="A1081" s="6" t="s">
        <v>49</v>
      </c>
      <c r="B1081" s="6"/>
      <c r="C1081" s="6" t="s">
        <v>1095</v>
      </c>
      <c r="D1081" s="6"/>
      <c r="E1081" s="6" t="s">
        <v>9</v>
      </c>
      <c r="F1081" s="7">
        <v>38657</v>
      </c>
      <c r="G1081" s="8">
        <v>1</v>
      </c>
      <c r="H1081" s="8">
        <v>1</v>
      </c>
      <c r="I1081" s="8">
        <v>0</v>
      </c>
      <c r="J1081" s="8">
        <v>1</v>
      </c>
      <c r="K1081" s="9">
        <v>380</v>
      </c>
      <c r="L1081" s="6" t="s">
        <v>51</v>
      </c>
    </row>
    <row r="1082" spans="1:12">
      <c r="A1082" s="6" t="s">
        <v>49</v>
      </c>
      <c r="B1082" s="6"/>
      <c r="C1082" s="6" t="s">
        <v>1096</v>
      </c>
      <c r="D1082" s="6"/>
      <c r="E1082" s="6" t="s">
        <v>9</v>
      </c>
      <c r="F1082" s="7">
        <v>38657</v>
      </c>
      <c r="G1082" s="8">
        <v>1</v>
      </c>
      <c r="H1082" s="8">
        <v>1</v>
      </c>
      <c r="I1082" s="8">
        <v>0</v>
      </c>
      <c r="J1082" s="8">
        <v>1</v>
      </c>
      <c r="K1082" s="9">
        <v>67</v>
      </c>
      <c r="L1082" s="6" t="s">
        <v>51</v>
      </c>
    </row>
    <row r="1083" spans="1:12">
      <c r="A1083" s="6" t="s">
        <v>49</v>
      </c>
      <c r="B1083" s="6"/>
      <c r="C1083" s="6" t="s">
        <v>1097</v>
      </c>
      <c r="D1083" s="6"/>
      <c r="E1083" s="6" t="s">
        <v>9</v>
      </c>
      <c r="F1083" s="7">
        <v>38657</v>
      </c>
      <c r="G1083" s="8">
        <v>1</v>
      </c>
      <c r="H1083" s="8">
        <v>1</v>
      </c>
      <c r="I1083" s="8">
        <v>0</v>
      </c>
      <c r="J1083" s="8">
        <v>1</v>
      </c>
      <c r="K1083" s="9">
        <v>176</v>
      </c>
      <c r="L1083" s="6" t="s">
        <v>51</v>
      </c>
    </row>
    <row r="1084" spans="1:12">
      <c r="A1084" s="6" t="s">
        <v>49</v>
      </c>
      <c r="B1084" s="6"/>
      <c r="C1084" s="6" t="s">
        <v>1098</v>
      </c>
      <c r="D1084" s="6"/>
      <c r="E1084" s="6" t="s">
        <v>9</v>
      </c>
      <c r="F1084" s="7">
        <v>38657</v>
      </c>
      <c r="G1084" s="8">
        <v>1</v>
      </c>
      <c r="H1084" s="8">
        <v>1</v>
      </c>
      <c r="I1084" s="8">
        <v>0</v>
      </c>
      <c r="J1084" s="8">
        <v>1</v>
      </c>
      <c r="K1084" s="9">
        <v>168</v>
      </c>
      <c r="L1084" s="6" t="s">
        <v>51</v>
      </c>
    </row>
    <row r="1085" spans="1:12">
      <c r="A1085" s="6" t="s">
        <v>49</v>
      </c>
      <c r="B1085" s="6"/>
      <c r="C1085" s="6" t="s">
        <v>1099</v>
      </c>
      <c r="D1085" s="6"/>
      <c r="E1085" s="6" t="s">
        <v>9</v>
      </c>
      <c r="F1085" s="7">
        <v>38657</v>
      </c>
      <c r="G1085" s="8">
        <v>1</v>
      </c>
      <c r="H1085" s="8">
        <v>1</v>
      </c>
      <c r="I1085" s="8">
        <v>0</v>
      </c>
      <c r="J1085" s="8">
        <v>1</v>
      </c>
      <c r="K1085" s="9">
        <v>34</v>
      </c>
      <c r="L1085" s="6" t="s">
        <v>51</v>
      </c>
    </row>
    <row r="1086" spans="1:12">
      <c r="A1086" s="6" t="s">
        <v>49</v>
      </c>
      <c r="B1086" s="6"/>
      <c r="C1086" s="6" t="s">
        <v>1100</v>
      </c>
      <c r="D1086" s="6"/>
      <c r="E1086" s="6" t="s">
        <v>9</v>
      </c>
      <c r="F1086" s="7">
        <v>38657</v>
      </c>
      <c r="G1086" s="8">
        <v>1</v>
      </c>
      <c r="H1086" s="8">
        <v>1</v>
      </c>
      <c r="I1086" s="8">
        <v>0</v>
      </c>
      <c r="J1086" s="8">
        <v>1</v>
      </c>
      <c r="K1086" s="9">
        <v>34</v>
      </c>
      <c r="L1086" s="6" t="s">
        <v>51</v>
      </c>
    </row>
    <row r="1087" spans="1:12">
      <c r="A1087" s="6" t="s">
        <v>49</v>
      </c>
      <c r="B1087" s="6"/>
      <c r="C1087" s="6" t="s">
        <v>1101</v>
      </c>
      <c r="D1087" s="6"/>
      <c r="E1087" s="6" t="s">
        <v>9</v>
      </c>
      <c r="F1087" s="7">
        <v>38657</v>
      </c>
      <c r="G1087" s="8">
        <v>1</v>
      </c>
      <c r="H1087" s="8">
        <v>1</v>
      </c>
      <c r="I1087" s="8">
        <v>0</v>
      </c>
      <c r="J1087" s="8">
        <v>1</v>
      </c>
      <c r="K1087" s="9">
        <v>34</v>
      </c>
      <c r="L1087" s="6" t="s">
        <v>51</v>
      </c>
    </row>
    <row r="1088" spans="1:12">
      <c r="A1088" s="6" t="s">
        <v>49</v>
      </c>
      <c r="B1088" s="6"/>
      <c r="C1088" s="6" t="s">
        <v>1102</v>
      </c>
      <c r="D1088" s="6"/>
      <c r="E1088" s="6" t="s">
        <v>9</v>
      </c>
      <c r="F1088" s="7">
        <v>38657</v>
      </c>
      <c r="G1088" s="8">
        <v>1</v>
      </c>
      <c r="H1088" s="8">
        <v>1</v>
      </c>
      <c r="I1088" s="8">
        <v>0</v>
      </c>
      <c r="J1088" s="8">
        <v>1</v>
      </c>
      <c r="K1088" s="9">
        <v>208</v>
      </c>
      <c r="L1088" s="6" t="s">
        <v>51</v>
      </c>
    </row>
    <row r="1089" spans="1:12">
      <c r="A1089" s="6" t="s">
        <v>49</v>
      </c>
      <c r="B1089" s="6"/>
      <c r="C1089" s="6" t="s">
        <v>1103</v>
      </c>
      <c r="D1089" s="6"/>
      <c r="E1089" s="6" t="s">
        <v>9</v>
      </c>
      <c r="F1089" s="7">
        <v>38657</v>
      </c>
      <c r="G1089" s="8">
        <v>1</v>
      </c>
      <c r="H1089" s="8">
        <v>1</v>
      </c>
      <c r="I1089" s="8">
        <v>0</v>
      </c>
      <c r="J1089" s="8">
        <v>1</v>
      </c>
      <c r="K1089" s="9">
        <v>34</v>
      </c>
      <c r="L1089" s="6" t="s">
        <v>51</v>
      </c>
    </row>
    <row r="1090" spans="1:12">
      <c r="A1090" s="6" t="s">
        <v>49</v>
      </c>
      <c r="B1090" s="6"/>
      <c r="C1090" s="6" t="s">
        <v>1104</v>
      </c>
      <c r="D1090" s="6"/>
      <c r="E1090" s="6" t="s">
        <v>9</v>
      </c>
      <c r="F1090" s="7">
        <v>38657</v>
      </c>
      <c r="G1090" s="8">
        <v>1</v>
      </c>
      <c r="H1090" s="8">
        <v>1</v>
      </c>
      <c r="I1090" s="8">
        <v>0</v>
      </c>
      <c r="J1090" s="8">
        <v>1</v>
      </c>
      <c r="K1090" s="9">
        <v>34</v>
      </c>
      <c r="L1090" s="6" t="s">
        <v>51</v>
      </c>
    </row>
    <row r="1091" spans="1:12">
      <c r="A1091" s="6" t="s">
        <v>49</v>
      </c>
      <c r="B1091" s="6"/>
      <c r="C1091" s="6" t="s">
        <v>1105</v>
      </c>
      <c r="D1091" s="6"/>
      <c r="E1091" s="6" t="s">
        <v>9</v>
      </c>
      <c r="F1091" s="7">
        <v>38657</v>
      </c>
      <c r="G1091" s="8">
        <v>1</v>
      </c>
      <c r="H1091" s="8">
        <v>1</v>
      </c>
      <c r="I1091" s="8">
        <v>0</v>
      </c>
      <c r="J1091" s="8">
        <v>1</v>
      </c>
      <c r="K1091" s="9">
        <v>25</v>
      </c>
      <c r="L1091" s="6" t="s">
        <v>51</v>
      </c>
    </row>
    <row r="1092" spans="1:12">
      <c r="A1092" s="6" t="s">
        <v>49</v>
      </c>
      <c r="B1092" s="6"/>
      <c r="C1092" s="6" t="s">
        <v>1106</v>
      </c>
      <c r="D1092" s="6"/>
      <c r="E1092" s="6" t="s">
        <v>9</v>
      </c>
      <c r="F1092" s="7">
        <v>38657</v>
      </c>
      <c r="G1092" s="8">
        <v>1</v>
      </c>
      <c r="H1092" s="8">
        <v>1</v>
      </c>
      <c r="I1092" s="8">
        <v>0</v>
      </c>
      <c r="J1092" s="8">
        <v>1</v>
      </c>
      <c r="K1092" s="9">
        <v>33</v>
      </c>
      <c r="L1092" s="6" t="s">
        <v>51</v>
      </c>
    </row>
    <row r="1093" spans="1:12">
      <c r="A1093" s="6" t="s">
        <v>49</v>
      </c>
      <c r="B1093" s="6"/>
      <c r="C1093" s="6" t="s">
        <v>1107</v>
      </c>
      <c r="D1093" s="6"/>
      <c r="E1093" s="6" t="s">
        <v>9</v>
      </c>
      <c r="F1093" s="7">
        <v>38657</v>
      </c>
      <c r="G1093" s="8">
        <v>1</v>
      </c>
      <c r="H1093" s="8">
        <v>1</v>
      </c>
      <c r="I1093" s="8">
        <v>0</v>
      </c>
      <c r="J1093" s="8">
        <v>1</v>
      </c>
      <c r="K1093" s="9">
        <v>25</v>
      </c>
      <c r="L1093" s="6" t="s">
        <v>51</v>
      </c>
    </row>
    <row r="1094" spans="1:12">
      <c r="A1094" s="6" t="s">
        <v>49</v>
      </c>
      <c r="B1094" s="6"/>
      <c r="C1094" s="6" t="s">
        <v>1108</v>
      </c>
      <c r="D1094" s="6"/>
      <c r="E1094" s="6" t="s">
        <v>9</v>
      </c>
      <c r="F1094" s="7">
        <v>38657</v>
      </c>
      <c r="G1094" s="8">
        <v>1</v>
      </c>
      <c r="H1094" s="8">
        <v>1</v>
      </c>
      <c r="I1094" s="8">
        <v>0</v>
      </c>
      <c r="J1094" s="8">
        <v>1</v>
      </c>
      <c r="K1094" s="9">
        <v>16</v>
      </c>
      <c r="L1094" s="6" t="s">
        <v>51</v>
      </c>
    </row>
    <row r="1095" spans="1:12">
      <c r="A1095" s="6" t="s">
        <v>49</v>
      </c>
      <c r="B1095" s="6"/>
      <c r="C1095" s="6" t="s">
        <v>1109</v>
      </c>
      <c r="D1095" s="6"/>
      <c r="E1095" s="6" t="s">
        <v>9</v>
      </c>
      <c r="F1095" s="7">
        <v>38657</v>
      </c>
      <c r="G1095" s="8">
        <v>1</v>
      </c>
      <c r="H1095" s="8">
        <v>1</v>
      </c>
      <c r="I1095" s="8">
        <v>0</v>
      </c>
      <c r="J1095" s="8">
        <v>1</v>
      </c>
      <c r="K1095" s="9">
        <v>9.9</v>
      </c>
      <c r="L1095" s="6" t="s">
        <v>51</v>
      </c>
    </row>
    <row r="1096" spans="1:12">
      <c r="A1096" s="6" t="s">
        <v>49</v>
      </c>
      <c r="B1096" s="6"/>
      <c r="C1096" s="6" t="s">
        <v>1110</v>
      </c>
      <c r="D1096" s="6"/>
      <c r="E1096" s="6" t="s">
        <v>9</v>
      </c>
      <c r="F1096" s="7">
        <v>38657</v>
      </c>
      <c r="G1096" s="8">
        <v>1</v>
      </c>
      <c r="H1096" s="8">
        <v>1</v>
      </c>
      <c r="I1096" s="8">
        <v>0</v>
      </c>
      <c r="J1096" s="8">
        <v>1</v>
      </c>
      <c r="K1096" s="9">
        <v>6.18</v>
      </c>
      <c r="L1096" s="6" t="s">
        <v>51</v>
      </c>
    </row>
    <row r="1097" spans="1:12">
      <c r="A1097" s="6" t="s">
        <v>49</v>
      </c>
      <c r="B1097" s="6"/>
      <c r="C1097" s="6" t="s">
        <v>1111</v>
      </c>
      <c r="D1097" s="6"/>
      <c r="E1097" s="6" t="s">
        <v>9</v>
      </c>
      <c r="F1097" s="7">
        <v>38657</v>
      </c>
      <c r="G1097" s="8">
        <v>1</v>
      </c>
      <c r="H1097" s="8">
        <v>1</v>
      </c>
      <c r="I1097" s="8">
        <v>0</v>
      </c>
      <c r="J1097" s="8">
        <v>1</v>
      </c>
      <c r="K1097" s="9">
        <v>255</v>
      </c>
      <c r="L1097" s="6" t="s">
        <v>51</v>
      </c>
    </row>
    <row r="1098" spans="1:12">
      <c r="A1098" s="6" t="s">
        <v>49</v>
      </c>
      <c r="B1098" s="6"/>
      <c r="C1098" s="6" t="s">
        <v>1112</v>
      </c>
      <c r="D1098" s="6"/>
      <c r="E1098" s="6" t="s">
        <v>9</v>
      </c>
      <c r="F1098" s="7">
        <v>38657</v>
      </c>
      <c r="G1098" s="8">
        <v>1</v>
      </c>
      <c r="H1098" s="8">
        <v>1</v>
      </c>
      <c r="I1098" s="8">
        <v>0</v>
      </c>
      <c r="J1098" s="8">
        <v>1</v>
      </c>
      <c r="K1098" s="9">
        <v>3.77</v>
      </c>
      <c r="L1098" s="6" t="s">
        <v>51</v>
      </c>
    </row>
    <row r="1099" spans="1:12">
      <c r="A1099" s="6" t="s">
        <v>49</v>
      </c>
      <c r="B1099" s="6"/>
      <c r="C1099" s="6" t="s">
        <v>1113</v>
      </c>
      <c r="D1099" s="6"/>
      <c r="E1099" s="6" t="s">
        <v>9</v>
      </c>
      <c r="F1099" s="7"/>
      <c r="G1099" s="8">
        <v>14109</v>
      </c>
      <c r="H1099" s="8">
        <v>14109</v>
      </c>
      <c r="I1099" s="8">
        <v>0</v>
      </c>
      <c r="J1099" s="8">
        <v>14109</v>
      </c>
      <c r="K1099" s="9">
        <v>2.76</v>
      </c>
      <c r="L1099" s="6" t="s">
        <v>23</v>
      </c>
    </row>
    <row r="1100" spans="1:12">
      <c r="A1100" s="6" t="s">
        <v>49</v>
      </c>
      <c r="B1100" s="6"/>
      <c r="C1100" s="6" t="s">
        <v>1114</v>
      </c>
      <c r="D1100" s="6"/>
      <c r="E1100" s="6" t="s">
        <v>9</v>
      </c>
      <c r="F1100" s="7">
        <v>38657</v>
      </c>
      <c r="G1100" s="8">
        <v>1</v>
      </c>
      <c r="H1100" s="8">
        <v>1</v>
      </c>
      <c r="I1100" s="8">
        <v>0</v>
      </c>
      <c r="J1100" s="8">
        <v>1</v>
      </c>
      <c r="K1100" s="9">
        <v>6.8</v>
      </c>
      <c r="L1100" s="6" t="s">
        <v>51</v>
      </c>
    </row>
    <row r="1101" spans="1:12">
      <c r="A1101" s="6" t="s">
        <v>49</v>
      </c>
      <c r="B1101" s="6"/>
      <c r="C1101" s="6" t="s">
        <v>1115</v>
      </c>
      <c r="D1101" s="6"/>
      <c r="E1101" s="6" t="s">
        <v>9</v>
      </c>
      <c r="F1101" s="7">
        <v>38657</v>
      </c>
      <c r="G1101" s="8">
        <v>1</v>
      </c>
      <c r="H1101" s="8">
        <v>1</v>
      </c>
      <c r="I1101" s="8">
        <v>0</v>
      </c>
      <c r="J1101" s="8">
        <v>1</v>
      </c>
      <c r="K1101" s="9">
        <v>114</v>
      </c>
      <c r="L1101" s="6" t="s">
        <v>51</v>
      </c>
    </row>
    <row r="1102" spans="1:12">
      <c r="A1102" s="6" t="s">
        <v>49</v>
      </c>
      <c r="B1102" s="6"/>
      <c r="C1102" s="6" t="s">
        <v>1116</v>
      </c>
      <c r="D1102" s="6"/>
      <c r="E1102" s="6" t="s">
        <v>9</v>
      </c>
      <c r="F1102" s="7">
        <v>38657</v>
      </c>
      <c r="G1102" s="8">
        <v>1</v>
      </c>
      <c r="H1102" s="8">
        <v>1</v>
      </c>
      <c r="I1102" s="8">
        <v>0</v>
      </c>
      <c r="J1102" s="8">
        <v>1</v>
      </c>
      <c r="K1102" s="9">
        <v>401</v>
      </c>
      <c r="L1102" s="6" t="s">
        <v>51</v>
      </c>
    </row>
    <row r="1103" spans="1:12">
      <c r="A1103" s="6" t="s">
        <v>49</v>
      </c>
      <c r="B1103" s="6"/>
      <c r="C1103" s="6" t="s">
        <v>1117</v>
      </c>
      <c r="D1103" s="6"/>
      <c r="E1103" s="6" t="s">
        <v>9</v>
      </c>
      <c r="F1103" s="7">
        <v>38657</v>
      </c>
      <c r="G1103" s="8">
        <v>1</v>
      </c>
      <c r="H1103" s="8">
        <v>1</v>
      </c>
      <c r="I1103" s="8">
        <v>0</v>
      </c>
      <c r="J1103" s="8">
        <v>1</v>
      </c>
      <c r="K1103" s="9">
        <v>53</v>
      </c>
      <c r="L1103" s="6" t="s">
        <v>51</v>
      </c>
    </row>
    <row r="1104" spans="1:12">
      <c r="A1104" s="6" t="s">
        <v>49</v>
      </c>
      <c r="B1104" s="6"/>
      <c r="C1104" s="6" t="s">
        <v>1118</v>
      </c>
      <c r="D1104" s="6"/>
      <c r="E1104" s="6" t="s">
        <v>9</v>
      </c>
      <c r="F1104" s="7">
        <v>38657</v>
      </c>
      <c r="G1104" s="8">
        <v>1</v>
      </c>
      <c r="H1104" s="8">
        <v>1</v>
      </c>
      <c r="I1104" s="8">
        <v>0</v>
      </c>
      <c r="J1104" s="8">
        <v>1</v>
      </c>
      <c r="K1104" s="9">
        <v>65</v>
      </c>
      <c r="L1104" s="6" t="s">
        <v>51</v>
      </c>
    </row>
    <row r="1105" spans="1:12">
      <c r="A1105" s="6" t="s">
        <v>49</v>
      </c>
      <c r="B1105" s="6"/>
      <c r="C1105" s="6" t="s">
        <v>1119</v>
      </c>
      <c r="D1105" s="6"/>
      <c r="E1105" s="6" t="s">
        <v>9</v>
      </c>
      <c r="F1105" s="7">
        <v>38657</v>
      </c>
      <c r="G1105" s="8">
        <v>1</v>
      </c>
      <c r="H1105" s="8">
        <v>1</v>
      </c>
      <c r="I1105" s="8">
        <v>0</v>
      </c>
      <c r="J1105" s="8">
        <v>1</v>
      </c>
      <c r="K1105" s="9">
        <v>1806</v>
      </c>
      <c r="L1105" s="6" t="s">
        <v>51</v>
      </c>
    </row>
    <row r="1106" spans="1:12">
      <c r="A1106" s="6" t="s">
        <v>49</v>
      </c>
      <c r="B1106" s="6"/>
      <c r="C1106" s="6" t="s">
        <v>1120</v>
      </c>
      <c r="D1106" s="6"/>
      <c r="E1106" s="6" t="s">
        <v>9</v>
      </c>
      <c r="F1106" s="7">
        <v>38657</v>
      </c>
      <c r="G1106" s="8">
        <v>1</v>
      </c>
      <c r="H1106" s="8">
        <v>1</v>
      </c>
      <c r="I1106" s="8">
        <v>0</v>
      </c>
      <c r="J1106" s="8">
        <v>1</v>
      </c>
      <c r="K1106" s="9">
        <v>942</v>
      </c>
      <c r="L1106" s="6" t="s">
        <v>51</v>
      </c>
    </row>
    <row r="1107" spans="1:12">
      <c r="A1107" s="6" t="s">
        <v>49</v>
      </c>
      <c r="B1107" s="6"/>
      <c r="C1107" s="6" t="s">
        <v>1121</v>
      </c>
      <c r="D1107" s="6"/>
      <c r="E1107" s="6" t="s">
        <v>9</v>
      </c>
      <c r="F1107" s="7">
        <v>38657</v>
      </c>
      <c r="G1107" s="8">
        <v>1</v>
      </c>
      <c r="H1107" s="8">
        <v>1</v>
      </c>
      <c r="I1107" s="8">
        <v>0</v>
      </c>
      <c r="J1107" s="8">
        <v>1</v>
      </c>
      <c r="K1107" s="9">
        <v>381</v>
      </c>
      <c r="L1107" s="6" t="s">
        <v>51</v>
      </c>
    </row>
    <row r="1108" spans="1:12">
      <c r="A1108" s="6" t="s">
        <v>49</v>
      </c>
      <c r="B1108" s="6"/>
      <c r="C1108" s="6" t="s">
        <v>1122</v>
      </c>
      <c r="D1108" s="6"/>
      <c r="E1108" s="6" t="s">
        <v>9</v>
      </c>
      <c r="F1108" s="7">
        <v>38657</v>
      </c>
      <c r="G1108" s="8">
        <v>1</v>
      </c>
      <c r="H1108" s="8">
        <v>1</v>
      </c>
      <c r="I1108" s="8">
        <v>0</v>
      </c>
      <c r="J1108" s="8">
        <v>1</v>
      </c>
      <c r="K1108" s="9">
        <v>1187</v>
      </c>
      <c r="L1108" s="6" t="s">
        <v>51</v>
      </c>
    </row>
    <row r="1109" spans="1:12">
      <c r="A1109" s="6" t="s">
        <v>49</v>
      </c>
      <c r="B1109" s="6"/>
      <c r="C1109" s="6" t="s">
        <v>1123</v>
      </c>
      <c r="D1109" s="6"/>
      <c r="E1109" s="6" t="s">
        <v>9</v>
      </c>
      <c r="F1109" s="7">
        <v>38657</v>
      </c>
      <c r="G1109" s="8">
        <v>1</v>
      </c>
      <c r="H1109" s="8">
        <v>1</v>
      </c>
      <c r="I1109" s="8">
        <v>0</v>
      </c>
      <c r="J1109" s="8">
        <v>1</v>
      </c>
      <c r="K1109" s="9">
        <v>642</v>
      </c>
      <c r="L1109" s="6" t="s">
        <v>51</v>
      </c>
    </row>
    <row r="1110" spans="1:12">
      <c r="A1110" s="6" t="s">
        <v>49</v>
      </c>
      <c r="B1110" s="6"/>
      <c r="C1110" s="6" t="s">
        <v>1124</v>
      </c>
      <c r="D1110" s="6"/>
      <c r="E1110" s="6" t="s">
        <v>9</v>
      </c>
      <c r="F1110" s="7">
        <v>38657</v>
      </c>
      <c r="G1110" s="8">
        <v>1</v>
      </c>
      <c r="H1110" s="8">
        <v>1</v>
      </c>
      <c r="I1110" s="8">
        <v>0</v>
      </c>
      <c r="J1110" s="8">
        <v>1</v>
      </c>
      <c r="K1110" s="9">
        <v>458</v>
      </c>
      <c r="L1110" s="6" t="s">
        <v>51</v>
      </c>
    </row>
    <row r="1111" spans="1:12">
      <c r="A1111" s="6" t="s">
        <v>49</v>
      </c>
      <c r="B1111" s="6"/>
      <c r="C1111" s="6" t="s">
        <v>1125</v>
      </c>
      <c r="D1111" s="6"/>
      <c r="E1111" s="6" t="s">
        <v>9</v>
      </c>
      <c r="F1111" s="7">
        <v>38657</v>
      </c>
      <c r="G1111" s="8">
        <v>1</v>
      </c>
      <c r="H1111" s="8">
        <v>1</v>
      </c>
      <c r="I1111" s="8">
        <v>0</v>
      </c>
      <c r="J1111" s="8">
        <v>1</v>
      </c>
      <c r="K1111" s="9">
        <v>1162</v>
      </c>
      <c r="L1111" s="6" t="s">
        <v>51</v>
      </c>
    </row>
    <row r="1112" spans="1:12">
      <c r="A1112" s="6" t="s">
        <v>49</v>
      </c>
      <c r="B1112" s="6"/>
      <c r="C1112" s="6" t="s">
        <v>1126</v>
      </c>
      <c r="D1112" s="6"/>
      <c r="E1112" s="6" t="s">
        <v>9</v>
      </c>
      <c r="F1112" s="7">
        <v>38657</v>
      </c>
      <c r="G1112" s="8">
        <v>1</v>
      </c>
      <c r="H1112" s="8">
        <v>1</v>
      </c>
      <c r="I1112" s="8">
        <v>0</v>
      </c>
      <c r="J1112" s="8">
        <v>1</v>
      </c>
      <c r="K1112" s="9">
        <v>751</v>
      </c>
      <c r="L1112" s="6" t="s">
        <v>51</v>
      </c>
    </row>
    <row r="1113" spans="1:12">
      <c r="A1113" s="6" t="s">
        <v>49</v>
      </c>
      <c r="B1113" s="6"/>
      <c r="C1113" s="6" t="s">
        <v>1127</v>
      </c>
      <c r="D1113" s="6"/>
      <c r="E1113" s="6" t="s">
        <v>9</v>
      </c>
      <c r="F1113" s="7">
        <v>38657</v>
      </c>
      <c r="G1113" s="8">
        <v>1</v>
      </c>
      <c r="H1113" s="8">
        <v>1</v>
      </c>
      <c r="I1113" s="8">
        <v>0</v>
      </c>
      <c r="J1113" s="8">
        <v>1</v>
      </c>
      <c r="K1113" s="9">
        <v>833</v>
      </c>
      <c r="L1113" s="6" t="s">
        <v>51</v>
      </c>
    </row>
    <row r="1114" spans="1:12">
      <c r="A1114" s="6" t="s">
        <v>49</v>
      </c>
      <c r="B1114" s="6"/>
      <c r="C1114" s="6" t="s">
        <v>1128</v>
      </c>
      <c r="D1114" s="6"/>
      <c r="E1114" s="6" t="s">
        <v>9</v>
      </c>
      <c r="F1114" s="7">
        <v>38657</v>
      </c>
      <c r="G1114" s="8">
        <v>1</v>
      </c>
      <c r="H1114" s="8">
        <v>1</v>
      </c>
      <c r="I1114" s="8">
        <v>0</v>
      </c>
      <c r="J1114" s="8">
        <v>1</v>
      </c>
      <c r="K1114" s="9">
        <v>244</v>
      </c>
      <c r="L1114" s="6" t="s">
        <v>51</v>
      </c>
    </row>
    <row r="1115" spans="1:12">
      <c r="A1115" s="6" t="s">
        <v>49</v>
      </c>
      <c r="B1115" s="6"/>
      <c r="C1115" s="6" t="s">
        <v>1129</v>
      </c>
      <c r="D1115" s="6"/>
      <c r="E1115" s="6" t="s">
        <v>9</v>
      </c>
      <c r="F1115" s="7">
        <v>38657</v>
      </c>
      <c r="G1115" s="8">
        <v>1</v>
      </c>
      <c r="H1115" s="8">
        <v>1</v>
      </c>
      <c r="I1115" s="8">
        <v>0</v>
      </c>
      <c r="J1115" s="8">
        <v>1</v>
      </c>
      <c r="K1115" s="9">
        <v>1156</v>
      </c>
      <c r="L1115" s="6" t="s">
        <v>51</v>
      </c>
    </row>
    <row r="1116" spans="1:12">
      <c r="A1116" s="6" t="s">
        <v>49</v>
      </c>
      <c r="B1116" s="6"/>
      <c r="C1116" s="6" t="s">
        <v>1130</v>
      </c>
      <c r="D1116" s="6"/>
      <c r="E1116" s="6" t="s">
        <v>9</v>
      </c>
      <c r="F1116" s="7">
        <v>38657</v>
      </c>
      <c r="G1116" s="8">
        <v>1</v>
      </c>
      <c r="H1116" s="8">
        <v>1</v>
      </c>
      <c r="I1116" s="8">
        <v>0</v>
      </c>
      <c r="J1116" s="8">
        <v>1</v>
      </c>
      <c r="K1116" s="9">
        <v>1054</v>
      </c>
      <c r="L1116" s="6" t="s">
        <v>51</v>
      </c>
    </row>
    <row r="1117" spans="1:12">
      <c r="A1117" s="6" t="s">
        <v>49</v>
      </c>
      <c r="B1117" s="6"/>
      <c r="C1117" s="6" t="s">
        <v>1131</v>
      </c>
      <c r="D1117" s="6"/>
      <c r="E1117" s="6" t="s">
        <v>9</v>
      </c>
      <c r="F1117" s="7">
        <v>38657</v>
      </c>
      <c r="G1117" s="8">
        <v>1</v>
      </c>
      <c r="H1117" s="8">
        <v>1</v>
      </c>
      <c r="I1117" s="8">
        <v>0</v>
      </c>
      <c r="J1117" s="8">
        <v>1</v>
      </c>
      <c r="K1117" s="9">
        <v>316</v>
      </c>
      <c r="L1117" s="6" t="s">
        <v>51</v>
      </c>
    </row>
    <row r="1118" spans="1:12">
      <c r="A1118" s="6" t="s">
        <v>49</v>
      </c>
      <c r="B1118" s="6"/>
      <c r="C1118" s="6" t="s">
        <v>1132</v>
      </c>
      <c r="D1118" s="6"/>
      <c r="E1118" s="6" t="s">
        <v>9</v>
      </c>
      <c r="F1118" s="7">
        <v>38657</v>
      </c>
      <c r="G1118" s="8">
        <v>1</v>
      </c>
      <c r="H1118" s="8">
        <v>1</v>
      </c>
      <c r="I1118" s="8">
        <v>0</v>
      </c>
      <c r="J1118" s="8">
        <v>1</v>
      </c>
      <c r="K1118" s="9">
        <v>210</v>
      </c>
      <c r="L1118" s="6" t="s">
        <v>51</v>
      </c>
    </row>
    <row r="1119" spans="1:12">
      <c r="A1119" s="6" t="s">
        <v>49</v>
      </c>
      <c r="B1119" s="6"/>
      <c r="C1119" s="6" t="s">
        <v>1133</v>
      </c>
      <c r="D1119" s="6"/>
      <c r="E1119" s="6" t="s">
        <v>9</v>
      </c>
      <c r="F1119" s="7">
        <v>38657</v>
      </c>
      <c r="G1119" s="8">
        <v>1</v>
      </c>
      <c r="H1119" s="8">
        <v>1</v>
      </c>
      <c r="I1119" s="8">
        <v>0</v>
      </c>
      <c r="J1119" s="8">
        <v>1</v>
      </c>
      <c r="K1119" s="9">
        <v>2335</v>
      </c>
      <c r="L1119" s="6" t="s">
        <v>51</v>
      </c>
    </row>
    <row r="1120" spans="1:12">
      <c r="A1120" s="6" t="s">
        <v>49</v>
      </c>
      <c r="B1120" s="6"/>
      <c r="C1120" s="6" t="s">
        <v>1134</v>
      </c>
      <c r="D1120" s="6"/>
      <c r="E1120" s="6" t="s">
        <v>9</v>
      </c>
      <c r="F1120" s="7">
        <v>38657</v>
      </c>
      <c r="G1120" s="8">
        <v>1</v>
      </c>
      <c r="H1120" s="8">
        <v>1</v>
      </c>
      <c r="I1120" s="8">
        <v>0</v>
      </c>
      <c r="J1120" s="8">
        <v>1</v>
      </c>
      <c r="K1120" s="9">
        <v>324</v>
      </c>
      <c r="L1120" s="6" t="s">
        <v>51</v>
      </c>
    </row>
    <row r="1121" spans="1:12">
      <c r="A1121" s="6" t="s">
        <v>49</v>
      </c>
      <c r="B1121" s="6"/>
      <c r="C1121" s="6" t="s">
        <v>1135</v>
      </c>
      <c r="D1121" s="6"/>
      <c r="E1121" s="6" t="s">
        <v>9</v>
      </c>
      <c r="F1121" s="7">
        <v>38657</v>
      </c>
      <c r="G1121" s="8">
        <v>1</v>
      </c>
      <c r="H1121" s="8">
        <v>1</v>
      </c>
      <c r="I1121" s="8">
        <v>0</v>
      </c>
      <c r="J1121" s="8">
        <v>1</v>
      </c>
      <c r="K1121" s="9">
        <v>215</v>
      </c>
      <c r="L1121" s="6" t="s">
        <v>51</v>
      </c>
    </row>
    <row r="1122" spans="1:12">
      <c r="A1122" s="6" t="s">
        <v>49</v>
      </c>
      <c r="B1122" s="6"/>
      <c r="C1122" s="6" t="s">
        <v>1136</v>
      </c>
      <c r="D1122" s="6"/>
      <c r="E1122" s="6" t="s">
        <v>9</v>
      </c>
      <c r="F1122" s="7">
        <v>38657</v>
      </c>
      <c r="G1122" s="8">
        <v>1</v>
      </c>
      <c r="H1122" s="8">
        <v>1</v>
      </c>
      <c r="I1122" s="8">
        <v>0</v>
      </c>
      <c r="J1122" s="8">
        <v>1</v>
      </c>
      <c r="K1122" s="9">
        <v>435</v>
      </c>
      <c r="L1122" s="6" t="s">
        <v>51</v>
      </c>
    </row>
    <row r="1123" spans="1:12">
      <c r="A1123" s="6" t="s">
        <v>49</v>
      </c>
      <c r="B1123" s="6"/>
      <c r="C1123" s="6" t="s">
        <v>1137</v>
      </c>
      <c r="D1123" s="6"/>
      <c r="E1123" s="6" t="s">
        <v>9</v>
      </c>
      <c r="F1123" s="7">
        <v>38657</v>
      </c>
      <c r="G1123" s="8">
        <v>1</v>
      </c>
      <c r="H1123" s="8">
        <v>1</v>
      </c>
      <c r="I1123" s="8">
        <v>0</v>
      </c>
      <c r="J1123" s="8">
        <v>1</v>
      </c>
      <c r="K1123" s="9">
        <v>415</v>
      </c>
      <c r="L1123" s="6" t="s">
        <v>51</v>
      </c>
    </row>
    <row r="1124" spans="1:12">
      <c r="A1124" s="6" t="s">
        <v>49</v>
      </c>
      <c r="B1124" s="6"/>
      <c r="C1124" s="6" t="s">
        <v>1138</v>
      </c>
      <c r="D1124" s="6"/>
      <c r="E1124" s="6" t="s">
        <v>9</v>
      </c>
      <c r="F1124" s="7">
        <v>38657</v>
      </c>
      <c r="G1124" s="8">
        <v>1</v>
      </c>
      <c r="H1124" s="8">
        <v>1</v>
      </c>
      <c r="I1124" s="8">
        <v>0</v>
      </c>
      <c r="J1124" s="8">
        <v>1</v>
      </c>
      <c r="K1124" s="9">
        <v>130</v>
      </c>
      <c r="L1124" s="6" t="s">
        <v>51</v>
      </c>
    </row>
    <row r="1125" spans="1:12">
      <c r="A1125" s="6" t="s">
        <v>49</v>
      </c>
      <c r="B1125" s="6"/>
      <c r="C1125" s="6" t="s">
        <v>1139</v>
      </c>
      <c r="D1125" s="6"/>
      <c r="E1125" s="6" t="s">
        <v>9</v>
      </c>
      <c r="F1125" s="7">
        <v>38657</v>
      </c>
      <c r="G1125" s="8">
        <v>1</v>
      </c>
      <c r="H1125" s="8">
        <v>1</v>
      </c>
      <c r="I1125" s="8">
        <v>0</v>
      </c>
      <c r="J1125" s="8">
        <v>1</v>
      </c>
      <c r="K1125" s="9">
        <v>122</v>
      </c>
      <c r="L1125" s="6" t="s">
        <v>51</v>
      </c>
    </row>
    <row r="1126" spans="1:12">
      <c r="A1126" s="6" t="s">
        <v>49</v>
      </c>
      <c r="B1126" s="6"/>
      <c r="C1126" s="6" t="s">
        <v>1140</v>
      </c>
      <c r="D1126" s="6"/>
      <c r="E1126" s="6" t="s">
        <v>9</v>
      </c>
      <c r="F1126" s="7">
        <v>38657</v>
      </c>
      <c r="G1126" s="8">
        <v>1</v>
      </c>
      <c r="H1126" s="8">
        <v>1</v>
      </c>
      <c r="I1126" s="8">
        <v>0</v>
      </c>
      <c r="J1126" s="8">
        <v>1</v>
      </c>
      <c r="K1126" s="9">
        <v>1254</v>
      </c>
      <c r="L1126" s="6" t="s">
        <v>51</v>
      </c>
    </row>
    <row r="1127" spans="1:12">
      <c r="A1127" s="6" t="s">
        <v>49</v>
      </c>
      <c r="B1127" s="6"/>
      <c r="C1127" s="6" t="s">
        <v>1141</v>
      </c>
      <c r="D1127" s="6"/>
      <c r="E1127" s="6" t="s">
        <v>9</v>
      </c>
      <c r="F1127" s="7">
        <v>38657</v>
      </c>
      <c r="G1127" s="8">
        <v>1</v>
      </c>
      <c r="H1127" s="8">
        <v>1</v>
      </c>
      <c r="I1127" s="8">
        <v>0</v>
      </c>
      <c r="J1127" s="8">
        <v>1</v>
      </c>
      <c r="K1127" s="9">
        <v>1379</v>
      </c>
      <c r="L1127" s="6" t="s">
        <v>51</v>
      </c>
    </row>
    <row r="1128" spans="1:12">
      <c r="A1128" s="6" t="s">
        <v>49</v>
      </c>
      <c r="B1128" s="6"/>
      <c r="C1128" s="6" t="s">
        <v>1142</v>
      </c>
      <c r="D1128" s="6"/>
      <c r="E1128" s="6" t="s">
        <v>9</v>
      </c>
      <c r="F1128" s="7">
        <v>38657</v>
      </c>
      <c r="G1128" s="8">
        <v>1</v>
      </c>
      <c r="H1128" s="8">
        <v>1</v>
      </c>
      <c r="I1128" s="8">
        <v>0</v>
      </c>
      <c r="J1128" s="8">
        <v>1</v>
      </c>
      <c r="K1128" s="9">
        <v>548</v>
      </c>
      <c r="L1128" s="6" t="s">
        <v>51</v>
      </c>
    </row>
    <row r="1129" spans="1:12">
      <c r="A1129" s="6" t="s">
        <v>49</v>
      </c>
      <c r="B1129" s="6"/>
      <c r="C1129" s="6" t="s">
        <v>1143</v>
      </c>
      <c r="D1129" s="6"/>
      <c r="E1129" s="6" t="s">
        <v>9</v>
      </c>
      <c r="F1129" s="7">
        <v>38657</v>
      </c>
      <c r="G1129" s="8">
        <v>1</v>
      </c>
      <c r="H1129" s="8">
        <v>1</v>
      </c>
      <c r="I1129" s="8">
        <v>0</v>
      </c>
      <c r="J1129" s="8">
        <v>1</v>
      </c>
      <c r="K1129" s="9">
        <v>3141</v>
      </c>
      <c r="L1129" s="6" t="s">
        <v>51</v>
      </c>
    </row>
    <row r="1130" spans="1:12">
      <c r="A1130" s="6" t="s">
        <v>49</v>
      </c>
      <c r="B1130" s="6"/>
      <c r="C1130" s="6" t="s">
        <v>1144</v>
      </c>
      <c r="D1130" s="6"/>
      <c r="E1130" s="6" t="s">
        <v>9</v>
      </c>
      <c r="F1130" s="7">
        <v>38657</v>
      </c>
      <c r="G1130" s="8">
        <v>1</v>
      </c>
      <c r="H1130" s="8">
        <v>1</v>
      </c>
      <c r="I1130" s="8">
        <v>0</v>
      </c>
      <c r="J1130" s="8">
        <v>1</v>
      </c>
      <c r="K1130" s="9">
        <v>272</v>
      </c>
      <c r="L1130" s="6" t="s">
        <v>51</v>
      </c>
    </row>
    <row r="1131" spans="1:12">
      <c r="A1131" s="6" t="s">
        <v>49</v>
      </c>
      <c r="B1131" s="6"/>
      <c r="C1131" s="6" t="s">
        <v>1145</v>
      </c>
      <c r="D1131" s="6"/>
      <c r="E1131" s="6" t="s">
        <v>9</v>
      </c>
      <c r="F1131" s="7">
        <v>38657</v>
      </c>
      <c r="G1131" s="8">
        <v>1</v>
      </c>
      <c r="H1131" s="8">
        <v>1</v>
      </c>
      <c r="I1131" s="8">
        <v>0</v>
      </c>
      <c r="J1131" s="8">
        <v>1</v>
      </c>
      <c r="K1131" s="9">
        <v>14</v>
      </c>
      <c r="L1131" s="6" t="s">
        <v>51</v>
      </c>
    </row>
    <row r="1132" spans="1:12">
      <c r="A1132" s="6" t="s">
        <v>49</v>
      </c>
      <c r="B1132" s="6"/>
      <c r="C1132" s="6" t="s">
        <v>1146</v>
      </c>
      <c r="D1132" s="6"/>
      <c r="E1132" s="6" t="s">
        <v>9</v>
      </c>
      <c r="F1132" s="7">
        <v>38657</v>
      </c>
      <c r="G1132" s="8">
        <v>1</v>
      </c>
      <c r="H1132" s="8">
        <v>1</v>
      </c>
      <c r="I1132" s="8">
        <v>0</v>
      </c>
      <c r="J1132" s="8">
        <v>1</v>
      </c>
      <c r="K1132" s="9">
        <v>466</v>
      </c>
      <c r="L1132" s="6" t="s">
        <v>51</v>
      </c>
    </row>
    <row r="1133" spans="1:12">
      <c r="A1133" s="6" t="s">
        <v>49</v>
      </c>
      <c r="B1133" s="6"/>
      <c r="C1133" s="6" t="s">
        <v>1147</v>
      </c>
      <c r="D1133" s="6"/>
      <c r="E1133" s="6" t="s">
        <v>9</v>
      </c>
      <c r="F1133" s="7">
        <v>38657</v>
      </c>
      <c r="G1133" s="8">
        <v>1</v>
      </c>
      <c r="H1133" s="8">
        <v>1</v>
      </c>
      <c r="I1133" s="8">
        <v>0</v>
      </c>
      <c r="J1133" s="8">
        <v>1</v>
      </c>
      <c r="K1133" s="9">
        <v>955</v>
      </c>
      <c r="L1133" s="6" t="s">
        <v>51</v>
      </c>
    </row>
    <row r="1134" spans="1:12">
      <c r="A1134" s="6" t="s">
        <v>49</v>
      </c>
      <c r="B1134" s="6"/>
      <c r="C1134" s="6" t="s">
        <v>1148</v>
      </c>
      <c r="D1134" s="6"/>
      <c r="E1134" s="6" t="s">
        <v>9</v>
      </c>
      <c r="F1134" s="7">
        <v>38657</v>
      </c>
      <c r="G1134" s="8">
        <v>1</v>
      </c>
      <c r="H1134" s="8">
        <v>1</v>
      </c>
      <c r="I1134" s="8">
        <v>0</v>
      </c>
      <c r="J1134" s="8">
        <v>1</v>
      </c>
      <c r="K1134" s="9">
        <v>752</v>
      </c>
      <c r="L1134" s="6" t="s">
        <v>51</v>
      </c>
    </row>
    <row r="1135" spans="1:12">
      <c r="A1135" s="6" t="s">
        <v>49</v>
      </c>
      <c r="B1135" s="6"/>
      <c r="C1135" s="6" t="s">
        <v>1149</v>
      </c>
      <c r="D1135" s="6"/>
      <c r="E1135" s="6" t="s">
        <v>9</v>
      </c>
      <c r="F1135" s="7">
        <v>38657</v>
      </c>
      <c r="G1135" s="8">
        <v>1</v>
      </c>
      <c r="H1135" s="8">
        <v>1</v>
      </c>
      <c r="I1135" s="8">
        <v>0</v>
      </c>
      <c r="J1135" s="8">
        <v>1</v>
      </c>
      <c r="K1135" s="9">
        <v>140</v>
      </c>
      <c r="L1135" s="6" t="s">
        <v>51</v>
      </c>
    </row>
    <row r="1136" spans="1:12">
      <c r="A1136" s="6" t="s">
        <v>49</v>
      </c>
      <c r="B1136" s="6"/>
      <c r="C1136" s="6" t="s">
        <v>1150</v>
      </c>
      <c r="D1136" s="6"/>
      <c r="E1136" s="6" t="s">
        <v>9</v>
      </c>
      <c r="F1136" s="7">
        <v>38657</v>
      </c>
      <c r="G1136" s="8">
        <v>1</v>
      </c>
      <c r="H1136" s="8">
        <v>1</v>
      </c>
      <c r="I1136" s="8">
        <v>0</v>
      </c>
      <c r="J1136" s="8">
        <v>1</v>
      </c>
      <c r="K1136" s="9">
        <v>128</v>
      </c>
      <c r="L1136" s="6" t="s">
        <v>51</v>
      </c>
    </row>
    <row r="1137" spans="1:12">
      <c r="A1137" s="6" t="s">
        <v>49</v>
      </c>
      <c r="B1137" s="6"/>
      <c r="C1137" s="6" t="s">
        <v>1151</v>
      </c>
      <c r="D1137" s="6"/>
      <c r="E1137" s="6" t="s">
        <v>9</v>
      </c>
      <c r="F1137" s="7">
        <v>38657</v>
      </c>
      <c r="G1137" s="8">
        <v>1</v>
      </c>
      <c r="H1137" s="8">
        <v>1</v>
      </c>
      <c r="I1137" s="8">
        <v>0</v>
      </c>
      <c r="J1137" s="8">
        <v>1</v>
      </c>
      <c r="K1137" s="9">
        <v>118</v>
      </c>
      <c r="L1137" s="6" t="s">
        <v>51</v>
      </c>
    </row>
    <row r="1138" spans="1:12">
      <c r="A1138" s="6" t="s">
        <v>49</v>
      </c>
      <c r="B1138" s="6"/>
      <c r="C1138" s="6" t="s">
        <v>1152</v>
      </c>
      <c r="D1138" s="6"/>
      <c r="E1138" s="6" t="s">
        <v>9</v>
      </c>
      <c r="F1138" s="7">
        <v>38657</v>
      </c>
      <c r="G1138" s="8">
        <v>1</v>
      </c>
      <c r="H1138" s="8">
        <v>1</v>
      </c>
      <c r="I1138" s="8">
        <v>0</v>
      </c>
      <c r="J1138" s="8">
        <v>1</v>
      </c>
      <c r="K1138" s="9">
        <v>30</v>
      </c>
      <c r="L1138" s="6" t="s">
        <v>51</v>
      </c>
    </row>
    <row r="1139" spans="1:12">
      <c r="A1139" s="6" t="s">
        <v>49</v>
      </c>
      <c r="B1139" s="6"/>
      <c r="C1139" s="6" t="s">
        <v>1153</v>
      </c>
      <c r="D1139" s="6"/>
      <c r="E1139" s="6" t="s">
        <v>9</v>
      </c>
      <c r="F1139" s="7">
        <v>38657</v>
      </c>
      <c r="G1139" s="8">
        <v>1</v>
      </c>
      <c r="H1139" s="8">
        <v>1</v>
      </c>
      <c r="I1139" s="8">
        <v>0</v>
      </c>
      <c r="J1139" s="8">
        <v>1</v>
      </c>
      <c r="K1139" s="9">
        <v>20.55</v>
      </c>
      <c r="L1139" s="6" t="s">
        <v>51</v>
      </c>
    </row>
    <row r="1140" spans="1:12">
      <c r="A1140" s="6" t="s">
        <v>49</v>
      </c>
      <c r="B1140" s="6"/>
      <c r="C1140" s="6" t="s">
        <v>1154</v>
      </c>
      <c r="D1140" s="6"/>
      <c r="E1140" s="6" t="s">
        <v>9</v>
      </c>
      <c r="F1140" s="7">
        <v>38657</v>
      </c>
      <c r="G1140" s="8">
        <v>1</v>
      </c>
      <c r="H1140" s="8">
        <v>1</v>
      </c>
      <c r="I1140" s="8">
        <v>0</v>
      </c>
      <c r="J1140" s="8">
        <v>1</v>
      </c>
      <c r="K1140" s="9">
        <v>7.36</v>
      </c>
      <c r="L1140" s="6" t="s">
        <v>51</v>
      </c>
    </row>
    <row r="1141" spans="1:12">
      <c r="A1141" s="6" t="s">
        <v>49</v>
      </c>
      <c r="B1141" s="6"/>
      <c r="C1141" s="6" t="s">
        <v>1155</v>
      </c>
      <c r="D1141" s="6"/>
      <c r="E1141" s="6" t="s">
        <v>9</v>
      </c>
      <c r="F1141" s="7">
        <v>38657</v>
      </c>
      <c r="G1141" s="8">
        <v>1</v>
      </c>
      <c r="H1141" s="8">
        <v>1</v>
      </c>
      <c r="I1141" s="8">
        <v>0</v>
      </c>
      <c r="J1141" s="8">
        <v>1</v>
      </c>
      <c r="K1141" s="9">
        <v>1.54</v>
      </c>
      <c r="L1141" s="6" t="s">
        <v>51</v>
      </c>
    </row>
    <row r="1142" spans="1:12">
      <c r="A1142" s="6" t="s">
        <v>49</v>
      </c>
      <c r="B1142" s="6"/>
      <c r="C1142" s="6" t="s">
        <v>1156</v>
      </c>
      <c r="D1142" s="6"/>
      <c r="E1142" s="6" t="s">
        <v>9</v>
      </c>
      <c r="F1142" s="7">
        <v>38657</v>
      </c>
      <c r="G1142" s="8">
        <v>1</v>
      </c>
      <c r="H1142" s="8">
        <v>1</v>
      </c>
      <c r="I1142" s="8">
        <v>0</v>
      </c>
      <c r="J1142" s="8">
        <v>1</v>
      </c>
      <c r="K1142" s="9">
        <v>44</v>
      </c>
      <c r="L1142" s="6" t="s">
        <v>51</v>
      </c>
    </row>
    <row r="1143" spans="1:12">
      <c r="A1143" s="6" t="s">
        <v>49</v>
      </c>
      <c r="B1143" s="6"/>
      <c r="C1143" s="6" t="s">
        <v>1157</v>
      </c>
      <c r="D1143" s="6"/>
      <c r="E1143" s="6" t="s">
        <v>9</v>
      </c>
      <c r="F1143" s="7">
        <v>38657</v>
      </c>
      <c r="G1143" s="8">
        <v>1</v>
      </c>
      <c r="H1143" s="8">
        <v>1</v>
      </c>
      <c r="I1143" s="8">
        <v>0</v>
      </c>
      <c r="J1143" s="8">
        <v>1</v>
      </c>
      <c r="K1143" s="9">
        <v>223</v>
      </c>
      <c r="L1143" s="6" t="s">
        <v>51</v>
      </c>
    </row>
    <row r="1144" spans="1:12">
      <c r="A1144" s="6" t="s">
        <v>49</v>
      </c>
      <c r="B1144" s="6"/>
      <c r="C1144" s="6" t="s">
        <v>1158</v>
      </c>
      <c r="D1144" s="6"/>
      <c r="E1144" s="6" t="s">
        <v>9</v>
      </c>
      <c r="F1144" s="7">
        <v>38657</v>
      </c>
      <c r="G1144" s="8">
        <v>1</v>
      </c>
      <c r="H1144" s="8">
        <v>1</v>
      </c>
      <c r="I1144" s="8">
        <v>0</v>
      </c>
      <c r="J1144" s="8">
        <v>1</v>
      </c>
      <c r="K1144" s="9">
        <v>78</v>
      </c>
      <c r="L1144" s="6" t="s">
        <v>51</v>
      </c>
    </row>
    <row r="1145" spans="1:12">
      <c r="A1145" s="6" t="s">
        <v>49</v>
      </c>
      <c r="B1145" s="6"/>
      <c r="C1145" s="6" t="s">
        <v>1159</v>
      </c>
      <c r="D1145" s="6"/>
      <c r="E1145" s="6" t="s">
        <v>9</v>
      </c>
      <c r="F1145" s="7">
        <v>38657</v>
      </c>
      <c r="G1145" s="8">
        <v>1</v>
      </c>
      <c r="H1145" s="8">
        <v>1</v>
      </c>
      <c r="I1145" s="8">
        <v>0</v>
      </c>
      <c r="J1145" s="8">
        <v>1</v>
      </c>
      <c r="K1145" s="9">
        <v>68.08</v>
      </c>
      <c r="L1145" s="6" t="s">
        <v>51</v>
      </c>
    </row>
    <row r="1146" spans="1:12">
      <c r="A1146" s="6" t="s">
        <v>49</v>
      </c>
      <c r="B1146" s="6"/>
      <c r="C1146" s="6" t="s">
        <v>1160</v>
      </c>
      <c r="D1146" s="6"/>
      <c r="E1146" s="6" t="s">
        <v>9</v>
      </c>
      <c r="F1146" s="7">
        <v>38657</v>
      </c>
      <c r="G1146" s="8">
        <v>1</v>
      </c>
      <c r="H1146" s="8">
        <v>1</v>
      </c>
      <c r="I1146" s="8">
        <v>0</v>
      </c>
      <c r="J1146" s="8">
        <v>1</v>
      </c>
      <c r="K1146" s="9">
        <v>3.2</v>
      </c>
      <c r="L1146" s="6" t="s">
        <v>51</v>
      </c>
    </row>
    <row r="1147" spans="1:12">
      <c r="A1147" s="6" t="s">
        <v>49</v>
      </c>
      <c r="B1147" s="6"/>
      <c r="C1147" s="6" t="s">
        <v>1161</v>
      </c>
      <c r="D1147" s="6"/>
      <c r="E1147" s="6" t="s">
        <v>9</v>
      </c>
      <c r="F1147" s="7">
        <v>38657</v>
      </c>
      <c r="G1147" s="8">
        <v>1</v>
      </c>
      <c r="H1147" s="8">
        <v>1</v>
      </c>
      <c r="I1147" s="8">
        <v>0</v>
      </c>
      <c r="J1147" s="8">
        <v>1</v>
      </c>
      <c r="K1147" s="9">
        <v>49</v>
      </c>
      <c r="L1147" s="6" t="s">
        <v>51</v>
      </c>
    </row>
    <row r="1148" spans="1:12">
      <c r="A1148" s="6" t="s">
        <v>49</v>
      </c>
      <c r="B1148" s="6"/>
      <c r="C1148" s="6" t="s">
        <v>1162</v>
      </c>
      <c r="D1148" s="6"/>
      <c r="E1148" s="6" t="s">
        <v>9</v>
      </c>
      <c r="F1148" s="7"/>
      <c r="G1148" s="8">
        <v>20141</v>
      </c>
      <c r="H1148" s="8">
        <v>20141</v>
      </c>
      <c r="I1148" s="8">
        <v>0</v>
      </c>
      <c r="J1148" s="8">
        <v>20141</v>
      </c>
      <c r="K1148" s="9">
        <v>3.94</v>
      </c>
      <c r="L1148" s="6" t="s">
        <v>23</v>
      </c>
    </row>
    <row r="1149" spans="1:12">
      <c r="A1149" s="6" t="s">
        <v>49</v>
      </c>
      <c r="B1149" s="6"/>
      <c r="C1149" s="6" t="s">
        <v>1163</v>
      </c>
      <c r="D1149" s="6"/>
      <c r="E1149" s="6" t="s">
        <v>9</v>
      </c>
      <c r="F1149" s="7">
        <v>38657</v>
      </c>
      <c r="G1149" s="8">
        <v>1</v>
      </c>
      <c r="H1149" s="8">
        <v>1</v>
      </c>
      <c r="I1149" s="8">
        <v>0</v>
      </c>
      <c r="J1149" s="8">
        <v>1</v>
      </c>
      <c r="K1149" s="9">
        <v>25</v>
      </c>
      <c r="L1149" s="6" t="s">
        <v>51</v>
      </c>
    </row>
    <row r="1150" spans="1:12">
      <c r="A1150" s="6" t="s">
        <v>49</v>
      </c>
      <c r="B1150" s="6"/>
      <c r="C1150" s="6" t="s">
        <v>1164</v>
      </c>
      <c r="D1150" s="6"/>
      <c r="E1150" s="6" t="s">
        <v>9</v>
      </c>
      <c r="F1150" s="7">
        <v>38657</v>
      </c>
      <c r="G1150" s="8">
        <v>1</v>
      </c>
      <c r="H1150" s="8">
        <v>1</v>
      </c>
      <c r="I1150" s="8">
        <v>0</v>
      </c>
      <c r="J1150" s="8">
        <v>1</v>
      </c>
      <c r="K1150" s="9">
        <v>134</v>
      </c>
      <c r="L1150" s="6" t="s">
        <v>51</v>
      </c>
    </row>
    <row r="1151" spans="1:12">
      <c r="A1151" s="6" t="s">
        <v>49</v>
      </c>
      <c r="B1151" s="6"/>
      <c r="C1151" s="6" t="s">
        <v>1165</v>
      </c>
      <c r="D1151" s="6"/>
      <c r="E1151" s="6" t="s">
        <v>9</v>
      </c>
      <c r="F1151" s="7">
        <v>38657</v>
      </c>
      <c r="G1151" s="8">
        <v>1</v>
      </c>
      <c r="H1151" s="8">
        <v>1</v>
      </c>
      <c r="I1151" s="8">
        <v>0</v>
      </c>
      <c r="J1151" s="8">
        <v>1</v>
      </c>
      <c r="K1151" s="9">
        <v>93</v>
      </c>
      <c r="L1151" s="6" t="s">
        <v>51</v>
      </c>
    </row>
    <row r="1152" spans="1:12">
      <c r="A1152" s="6" t="s">
        <v>49</v>
      </c>
      <c r="B1152" s="6"/>
      <c r="C1152" s="6" t="s">
        <v>1166</v>
      </c>
      <c r="D1152" s="6"/>
      <c r="E1152" s="6" t="s">
        <v>9</v>
      </c>
      <c r="F1152" s="7">
        <v>38657</v>
      </c>
      <c r="G1152" s="8">
        <v>1</v>
      </c>
      <c r="H1152" s="8">
        <v>1</v>
      </c>
      <c r="I1152" s="8">
        <v>0</v>
      </c>
      <c r="J1152" s="8">
        <v>1</v>
      </c>
      <c r="K1152" s="9">
        <v>24</v>
      </c>
      <c r="L1152" s="6" t="s">
        <v>51</v>
      </c>
    </row>
    <row r="1153" spans="1:12">
      <c r="A1153" s="6" t="s">
        <v>49</v>
      </c>
      <c r="B1153" s="6"/>
      <c r="C1153" s="6" t="s">
        <v>1167</v>
      </c>
      <c r="D1153" s="6"/>
      <c r="E1153" s="6" t="s">
        <v>9</v>
      </c>
      <c r="F1153" s="7">
        <v>38657</v>
      </c>
      <c r="G1153" s="8">
        <v>1</v>
      </c>
      <c r="H1153" s="8">
        <v>1</v>
      </c>
      <c r="I1153" s="8">
        <v>0</v>
      </c>
      <c r="J1153" s="8">
        <v>1</v>
      </c>
      <c r="K1153" s="9">
        <v>53</v>
      </c>
      <c r="L1153" s="6" t="s">
        <v>51</v>
      </c>
    </row>
    <row r="1154" spans="1:12">
      <c r="A1154" s="6" t="s">
        <v>49</v>
      </c>
      <c r="B1154" s="6"/>
      <c r="C1154" s="6" t="s">
        <v>1168</v>
      </c>
      <c r="D1154" s="6"/>
      <c r="E1154" s="6" t="s">
        <v>9</v>
      </c>
      <c r="F1154" s="7">
        <v>38657</v>
      </c>
      <c r="G1154" s="8">
        <v>1</v>
      </c>
      <c r="H1154" s="8">
        <v>1</v>
      </c>
      <c r="I1154" s="8">
        <v>0</v>
      </c>
      <c r="J1154" s="8">
        <v>1</v>
      </c>
      <c r="K1154" s="9">
        <v>80</v>
      </c>
      <c r="L1154" s="6" t="s">
        <v>51</v>
      </c>
    </row>
    <row r="1155" spans="1:12">
      <c r="A1155" s="6" t="s">
        <v>49</v>
      </c>
      <c r="B1155" s="6"/>
      <c r="C1155" s="6" t="s">
        <v>1169</v>
      </c>
      <c r="D1155" s="6"/>
      <c r="E1155" s="6" t="s">
        <v>9</v>
      </c>
      <c r="F1155" s="7">
        <v>38657</v>
      </c>
      <c r="G1155" s="8">
        <v>1</v>
      </c>
      <c r="H1155" s="8">
        <v>1</v>
      </c>
      <c r="I1155" s="8">
        <v>0</v>
      </c>
      <c r="J1155" s="8">
        <v>1</v>
      </c>
      <c r="K1155" s="9">
        <v>208.26</v>
      </c>
      <c r="L1155" s="6" t="s">
        <v>51</v>
      </c>
    </row>
    <row r="1156" spans="1:12">
      <c r="A1156" s="6" t="s">
        <v>49</v>
      </c>
      <c r="B1156" s="6"/>
      <c r="C1156" s="6" t="s">
        <v>1170</v>
      </c>
      <c r="D1156" s="6"/>
      <c r="E1156" s="6" t="s">
        <v>9</v>
      </c>
      <c r="F1156" s="7">
        <v>38657</v>
      </c>
      <c r="G1156" s="8">
        <v>1</v>
      </c>
      <c r="H1156" s="8">
        <v>1</v>
      </c>
      <c r="I1156" s="8">
        <v>0</v>
      </c>
      <c r="J1156" s="8">
        <v>1</v>
      </c>
      <c r="K1156" s="9">
        <v>3.8</v>
      </c>
      <c r="L1156" s="6" t="s">
        <v>51</v>
      </c>
    </row>
    <row r="1157" spans="1:12">
      <c r="A1157" s="6" t="s">
        <v>49</v>
      </c>
      <c r="B1157" s="6"/>
      <c r="C1157" s="6" t="s">
        <v>1171</v>
      </c>
      <c r="D1157" s="6"/>
      <c r="E1157" s="6" t="s">
        <v>9</v>
      </c>
      <c r="F1157" s="7">
        <v>38657</v>
      </c>
      <c r="G1157" s="8">
        <v>1</v>
      </c>
      <c r="H1157" s="8">
        <v>1</v>
      </c>
      <c r="I1157" s="8">
        <v>0</v>
      </c>
      <c r="J1157" s="8">
        <v>1</v>
      </c>
      <c r="K1157" s="9">
        <v>99</v>
      </c>
      <c r="L1157" s="6" t="s">
        <v>51</v>
      </c>
    </row>
    <row r="1158" spans="1:12">
      <c r="A1158" s="6" t="s">
        <v>49</v>
      </c>
      <c r="B1158" s="6"/>
      <c r="C1158" s="6" t="s">
        <v>1172</v>
      </c>
      <c r="D1158" s="6"/>
      <c r="E1158" s="6" t="s">
        <v>9</v>
      </c>
      <c r="F1158" s="7">
        <v>38657</v>
      </c>
      <c r="G1158" s="8">
        <v>1</v>
      </c>
      <c r="H1158" s="8">
        <v>1</v>
      </c>
      <c r="I1158" s="8">
        <v>0</v>
      </c>
      <c r="J1158" s="8">
        <v>1</v>
      </c>
      <c r="K1158" s="9">
        <v>25</v>
      </c>
      <c r="L1158" s="6" t="s">
        <v>51</v>
      </c>
    </row>
    <row r="1159" spans="1:12">
      <c r="A1159" s="6" t="s">
        <v>49</v>
      </c>
      <c r="B1159" s="6"/>
      <c r="C1159" s="6" t="s">
        <v>1173</v>
      </c>
      <c r="D1159" s="6"/>
      <c r="E1159" s="6" t="s">
        <v>9</v>
      </c>
      <c r="F1159" s="7">
        <v>38657</v>
      </c>
      <c r="G1159" s="8">
        <v>1</v>
      </c>
      <c r="H1159" s="8">
        <v>1</v>
      </c>
      <c r="I1159" s="8">
        <v>0</v>
      </c>
      <c r="J1159" s="8">
        <v>1</v>
      </c>
      <c r="K1159" s="9">
        <v>16</v>
      </c>
      <c r="L1159" s="6" t="s">
        <v>51</v>
      </c>
    </row>
    <row r="1160" spans="1:12">
      <c r="A1160" s="6" t="s">
        <v>49</v>
      </c>
      <c r="B1160" s="6"/>
      <c r="C1160" s="6" t="s">
        <v>1174</v>
      </c>
      <c r="D1160" s="6"/>
      <c r="E1160" s="6" t="s">
        <v>9</v>
      </c>
      <c r="F1160" s="7">
        <v>38657</v>
      </c>
      <c r="G1160" s="8">
        <v>1</v>
      </c>
      <c r="H1160" s="8">
        <v>1</v>
      </c>
      <c r="I1160" s="8">
        <v>0</v>
      </c>
      <c r="J1160" s="8">
        <v>1</v>
      </c>
      <c r="K1160" s="9">
        <v>3.53</v>
      </c>
      <c r="L1160" s="6" t="s">
        <v>51</v>
      </c>
    </row>
    <row r="1161" spans="1:12">
      <c r="A1161" s="6" t="s">
        <v>49</v>
      </c>
      <c r="B1161" s="6"/>
      <c r="C1161" s="6" t="s">
        <v>1175</v>
      </c>
      <c r="D1161" s="6"/>
      <c r="E1161" s="6" t="s">
        <v>9</v>
      </c>
      <c r="F1161" s="7">
        <v>38657</v>
      </c>
      <c r="G1161" s="8">
        <v>1</v>
      </c>
      <c r="H1161" s="8">
        <v>1</v>
      </c>
      <c r="I1161" s="8">
        <v>0</v>
      </c>
      <c r="J1161" s="8">
        <v>1</v>
      </c>
      <c r="K1161" s="9">
        <v>20</v>
      </c>
      <c r="L1161" s="6" t="s">
        <v>51</v>
      </c>
    </row>
    <row r="1162" spans="1:12">
      <c r="A1162" s="6" t="s">
        <v>49</v>
      </c>
      <c r="B1162" s="6"/>
      <c r="C1162" s="6" t="s">
        <v>1176</v>
      </c>
      <c r="D1162" s="6"/>
      <c r="E1162" s="6" t="s">
        <v>9</v>
      </c>
      <c r="F1162" s="7">
        <v>38657</v>
      </c>
      <c r="G1162" s="8">
        <v>1</v>
      </c>
      <c r="H1162" s="8">
        <v>1</v>
      </c>
      <c r="I1162" s="8">
        <v>0</v>
      </c>
      <c r="J1162" s="8">
        <v>1</v>
      </c>
      <c r="K1162" s="9">
        <v>38</v>
      </c>
      <c r="L1162" s="6" t="s">
        <v>51</v>
      </c>
    </row>
    <row r="1163" spans="1:12">
      <c r="A1163" s="6" t="s">
        <v>49</v>
      </c>
      <c r="B1163" s="6"/>
      <c r="C1163" s="6" t="s">
        <v>1177</v>
      </c>
      <c r="D1163" s="6"/>
      <c r="E1163" s="6" t="s">
        <v>9</v>
      </c>
      <c r="F1163" s="7">
        <v>38657</v>
      </c>
      <c r="G1163" s="8">
        <v>1</v>
      </c>
      <c r="H1163" s="8">
        <v>1</v>
      </c>
      <c r="I1163" s="8">
        <v>0</v>
      </c>
      <c r="J1163" s="8">
        <v>1</v>
      </c>
      <c r="K1163" s="9">
        <v>5.67</v>
      </c>
      <c r="L1163" s="6" t="s">
        <v>51</v>
      </c>
    </row>
    <row r="1164" spans="1:12">
      <c r="A1164" s="6" t="s">
        <v>49</v>
      </c>
      <c r="B1164" s="6"/>
      <c r="C1164" s="6" t="s">
        <v>1178</v>
      </c>
      <c r="D1164" s="6"/>
      <c r="E1164" s="6" t="s">
        <v>9</v>
      </c>
      <c r="F1164" s="7">
        <v>38657</v>
      </c>
      <c r="G1164" s="8">
        <v>1</v>
      </c>
      <c r="H1164" s="8">
        <v>1</v>
      </c>
      <c r="I1164" s="8">
        <v>0</v>
      </c>
      <c r="J1164" s="8">
        <v>1</v>
      </c>
      <c r="K1164" s="9">
        <v>8.5399999999999903</v>
      </c>
      <c r="L1164" s="6" t="s">
        <v>51</v>
      </c>
    </row>
    <row r="1165" spans="1:12">
      <c r="A1165" s="6" t="s">
        <v>49</v>
      </c>
      <c r="B1165" s="6"/>
      <c r="C1165" s="6" t="s">
        <v>1179</v>
      </c>
      <c r="D1165" s="6"/>
      <c r="E1165" s="6" t="s">
        <v>9</v>
      </c>
      <c r="F1165" s="7">
        <v>38657</v>
      </c>
      <c r="G1165" s="8">
        <v>1</v>
      </c>
      <c r="H1165" s="8">
        <v>1</v>
      </c>
      <c r="I1165" s="8">
        <v>0</v>
      </c>
      <c r="J1165" s="8">
        <v>1</v>
      </c>
      <c r="K1165" s="9">
        <v>235</v>
      </c>
      <c r="L1165" s="6" t="s">
        <v>51</v>
      </c>
    </row>
    <row r="1166" spans="1:12">
      <c r="A1166" s="6" t="s">
        <v>49</v>
      </c>
      <c r="B1166" s="6"/>
      <c r="C1166" s="6" t="s">
        <v>1180</v>
      </c>
      <c r="D1166" s="6"/>
      <c r="E1166" s="6" t="s">
        <v>9</v>
      </c>
      <c r="F1166" s="7">
        <v>38657</v>
      </c>
      <c r="G1166" s="8">
        <v>1</v>
      </c>
      <c r="H1166" s="8">
        <v>1</v>
      </c>
      <c r="I1166" s="8">
        <v>0</v>
      </c>
      <c r="J1166" s="8">
        <v>1</v>
      </c>
      <c r="K1166" s="9">
        <v>8.56</v>
      </c>
      <c r="L1166" s="6" t="s">
        <v>51</v>
      </c>
    </row>
    <row r="1167" spans="1:12">
      <c r="A1167" s="6" t="s">
        <v>49</v>
      </c>
      <c r="B1167" s="6"/>
      <c r="C1167" s="6" t="s">
        <v>1181</v>
      </c>
      <c r="D1167" s="6"/>
      <c r="E1167" s="6" t="s">
        <v>9</v>
      </c>
      <c r="F1167" s="7">
        <v>38657</v>
      </c>
      <c r="G1167" s="8">
        <v>1</v>
      </c>
      <c r="H1167" s="8">
        <v>1</v>
      </c>
      <c r="I1167" s="8">
        <v>0</v>
      </c>
      <c r="J1167" s="8">
        <v>1</v>
      </c>
      <c r="K1167" s="9">
        <v>4.62</v>
      </c>
      <c r="L1167" s="6" t="s">
        <v>51</v>
      </c>
    </row>
    <row r="1168" spans="1:12">
      <c r="A1168" s="6" t="s">
        <v>49</v>
      </c>
      <c r="B1168" s="6"/>
      <c r="C1168" s="6" t="s">
        <v>1182</v>
      </c>
      <c r="D1168" s="6"/>
      <c r="E1168" s="6" t="s">
        <v>9</v>
      </c>
      <c r="F1168" s="7">
        <v>38657</v>
      </c>
      <c r="G1168" s="8">
        <v>1</v>
      </c>
      <c r="H1168" s="8">
        <v>1</v>
      </c>
      <c r="I1168" s="8">
        <v>0</v>
      </c>
      <c r="J1168" s="8">
        <v>1</v>
      </c>
      <c r="K1168" s="9">
        <v>23</v>
      </c>
      <c r="L1168" s="6" t="s">
        <v>51</v>
      </c>
    </row>
    <row r="1169" spans="1:12">
      <c r="A1169" s="6" t="s">
        <v>49</v>
      </c>
      <c r="B1169" s="6"/>
      <c r="C1169" s="6" t="s">
        <v>1183</v>
      </c>
      <c r="D1169" s="6"/>
      <c r="E1169" s="6" t="s">
        <v>9</v>
      </c>
      <c r="F1169" s="7">
        <v>38657</v>
      </c>
      <c r="G1169" s="8">
        <v>1</v>
      </c>
      <c r="H1169" s="8">
        <v>1</v>
      </c>
      <c r="I1169" s="8">
        <v>0</v>
      </c>
      <c r="J1169" s="8">
        <v>1</v>
      </c>
      <c r="K1169" s="9">
        <v>48</v>
      </c>
      <c r="L1169" s="6" t="s">
        <v>51</v>
      </c>
    </row>
    <row r="1170" spans="1:12">
      <c r="A1170" s="6" t="s">
        <v>49</v>
      </c>
      <c r="B1170" s="6"/>
      <c r="C1170" s="6" t="s">
        <v>1184</v>
      </c>
      <c r="D1170" s="6"/>
      <c r="E1170" s="6" t="s">
        <v>9</v>
      </c>
      <c r="F1170" s="7">
        <v>38657</v>
      </c>
      <c r="G1170" s="8">
        <v>1</v>
      </c>
      <c r="H1170" s="8">
        <v>1</v>
      </c>
      <c r="I1170" s="8">
        <v>0</v>
      </c>
      <c r="J1170" s="8">
        <v>1</v>
      </c>
      <c r="K1170" s="9">
        <v>10</v>
      </c>
      <c r="L1170" s="6" t="s">
        <v>51</v>
      </c>
    </row>
    <row r="1171" spans="1:12">
      <c r="A1171" s="6" t="s">
        <v>49</v>
      </c>
      <c r="B1171" s="6"/>
      <c r="C1171" s="6" t="s">
        <v>1185</v>
      </c>
      <c r="D1171" s="6"/>
      <c r="E1171" s="6" t="s">
        <v>9</v>
      </c>
      <c r="F1171" s="7">
        <v>38657</v>
      </c>
      <c r="G1171" s="8">
        <v>1</v>
      </c>
      <c r="H1171" s="8">
        <v>1</v>
      </c>
      <c r="I1171" s="8">
        <v>0</v>
      </c>
      <c r="J1171" s="8">
        <v>1</v>
      </c>
      <c r="K1171" s="9">
        <v>32</v>
      </c>
      <c r="L1171" s="6" t="s">
        <v>51</v>
      </c>
    </row>
    <row r="1172" spans="1:12">
      <c r="A1172" s="6" t="s">
        <v>49</v>
      </c>
      <c r="B1172" s="6"/>
      <c r="C1172" s="6" t="s">
        <v>1186</v>
      </c>
      <c r="D1172" s="6"/>
      <c r="E1172" s="6" t="s">
        <v>9</v>
      </c>
      <c r="F1172" s="7">
        <v>38657</v>
      </c>
      <c r="G1172" s="8">
        <v>1</v>
      </c>
      <c r="H1172" s="8">
        <v>1</v>
      </c>
      <c r="I1172" s="8">
        <v>0</v>
      </c>
      <c r="J1172" s="8">
        <v>1</v>
      </c>
      <c r="K1172" s="9">
        <v>40.75</v>
      </c>
      <c r="L1172" s="6" t="s">
        <v>51</v>
      </c>
    </row>
    <row r="1173" spans="1:12">
      <c r="A1173" s="6" t="s">
        <v>49</v>
      </c>
      <c r="B1173" s="6"/>
      <c r="C1173" s="6" t="s">
        <v>1187</v>
      </c>
      <c r="D1173" s="6"/>
      <c r="E1173" s="6" t="s">
        <v>9</v>
      </c>
      <c r="F1173" s="7">
        <v>38657</v>
      </c>
      <c r="G1173" s="8">
        <v>1</v>
      </c>
      <c r="H1173" s="8">
        <v>1</v>
      </c>
      <c r="I1173" s="8">
        <v>0</v>
      </c>
      <c r="J1173" s="8">
        <v>1</v>
      </c>
      <c r="K1173" s="9">
        <v>27</v>
      </c>
      <c r="L1173" s="6" t="s">
        <v>51</v>
      </c>
    </row>
    <row r="1174" spans="1:12">
      <c r="A1174" s="6" t="s">
        <v>49</v>
      </c>
      <c r="B1174" s="6"/>
      <c r="C1174" s="6" t="s">
        <v>1188</v>
      </c>
      <c r="D1174" s="6"/>
      <c r="E1174" s="6" t="s">
        <v>9</v>
      </c>
      <c r="F1174" s="7">
        <v>38657</v>
      </c>
      <c r="G1174" s="8">
        <v>1</v>
      </c>
      <c r="H1174" s="8">
        <v>1</v>
      </c>
      <c r="I1174" s="8">
        <v>0</v>
      </c>
      <c r="J1174" s="8">
        <v>1</v>
      </c>
      <c r="K1174" s="9">
        <v>12</v>
      </c>
      <c r="L1174" s="6" t="s">
        <v>51</v>
      </c>
    </row>
    <row r="1175" spans="1:12">
      <c r="A1175" s="6" t="s">
        <v>49</v>
      </c>
      <c r="B1175" s="6"/>
      <c r="C1175" s="6" t="s">
        <v>1189</v>
      </c>
      <c r="D1175" s="6"/>
      <c r="E1175" s="6" t="s">
        <v>9</v>
      </c>
      <c r="F1175" s="7">
        <v>38657</v>
      </c>
      <c r="G1175" s="8">
        <v>1</v>
      </c>
      <c r="H1175" s="8">
        <v>1</v>
      </c>
      <c r="I1175" s="8">
        <v>0</v>
      </c>
      <c r="J1175" s="8">
        <v>1</v>
      </c>
      <c r="K1175" s="9">
        <v>6.32</v>
      </c>
      <c r="L1175" s="6" t="s">
        <v>51</v>
      </c>
    </row>
    <row r="1176" spans="1:12">
      <c r="A1176" s="6" t="s">
        <v>49</v>
      </c>
      <c r="B1176" s="6"/>
      <c r="C1176" s="6" t="s">
        <v>1190</v>
      </c>
      <c r="D1176" s="6"/>
      <c r="E1176" s="6" t="s">
        <v>9</v>
      </c>
      <c r="F1176" s="7">
        <v>38657</v>
      </c>
      <c r="G1176" s="8">
        <v>1</v>
      </c>
      <c r="H1176" s="8">
        <v>1</v>
      </c>
      <c r="I1176" s="8">
        <v>0</v>
      </c>
      <c r="J1176" s="8">
        <v>1</v>
      </c>
      <c r="K1176" s="9">
        <v>412</v>
      </c>
      <c r="L1176" s="6" t="s">
        <v>51</v>
      </c>
    </row>
    <row r="1177" spans="1:12">
      <c r="A1177" s="6" t="s">
        <v>49</v>
      </c>
      <c r="B1177" s="6"/>
      <c r="C1177" s="6" t="s">
        <v>1191</v>
      </c>
      <c r="D1177" s="6"/>
      <c r="E1177" s="6" t="s">
        <v>9</v>
      </c>
      <c r="F1177" s="7">
        <v>38657</v>
      </c>
      <c r="G1177" s="8">
        <v>1</v>
      </c>
      <c r="H1177" s="8">
        <v>1</v>
      </c>
      <c r="I1177" s="8">
        <v>0</v>
      </c>
      <c r="J1177" s="8">
        <v>1</v>
      </c>
      <c r="K1177" s="9">
        <v>27</v>
      </c>
      <c r="L1177" s="6" t="s">
        <v>51</v>
      </c>
    </row>
    <row r="1178" spans="1:12">
      <c r="A1178" s="6" t="s">
        <v>49</v>
      </c>
      <c r="B1178" s="6"/>
      <c r="C1178" s="6" t="s">
        <v>1192</v>
      </c>
      <c r="D1178" s="6"/>
      <c r="E1178" s="6" t="s">
        <v>9</v>
      </c>
      <c r="F1178" s="7">
        <v>38657</v>
      </c>
      <c r="G1178" s="8">
        <v>1</v>
      </c>
      <c r="H1178" s="8">
        <v>1</v>
      </c>
      <c r="I1178" s="8">
        <v>0</v>
      </c>
      <c r="J1178" s="8">
        <v>1</v>
      </c>
      <c r="K1178" s="9">
        <v>168</v>
      </c>
      <c r="L1178" s="6" t="s">
        <v>51</v>
      </c>
    </row>
    <row r="1179" spans="1:12">
      <c r="A1179" s="6" t="s">
        <v>49</v>
      </c>
      <c r="B1179" s="6"/>
      <c r="C1179" s="6" t="s">
        <v>1193</v>
      </c>
      <c r="D1179" s="6"/>
      <c r="E1179" s="6" t="s">
        <v>9</v>
      </c>
      <c r="F1179" s="7">
        <v>38657</v>
      </c>
      <c r="G1179" s="8">
        <v>1</v>
      </c>
      <c r="H1179" s="8">
        <v>1</v>
      </c>
      <c r="I1179" s="8">
        <v>0</v>
      </c>
      <c r="J1179" s="8">
        <v>1</v>
      </c>
      <c r="K1179" s="9">
        <v>9.65</v>
      </c>
      <c r="L1179" s="6" t="s">
        <v>51</v>
      </c>
    </row>
    <row r="1180" spans="1:12">
      <c r="A1180" s="6" t="s">
        <v>49</v>
      </c>
      <c r="B1180" s="6"/>
      <c r="C1180" s="6" t="s">
        <v>1194</v>
      </c>
      <c r="D1180" s="6"/>
      <c r="E1180" s="6" t="s">
        <v>9</v>
      </c>
      <c r="F1180" s="7">
        <v>38657</v>
      </c>
      <c r="G1180" s="8">
        <v>1</v>
      </c>
      <c r="H1180" s="8">
        <v>1</v>
      </c>
      <c r="I1180" s="8">
        <v>0</v>
      </c>
      <c r="J1180" s="8">
        <v>1</v>
      </c>
      <c r="K1180" s="9">
        <v>14</v>
      </c>
      <c r="L1180" s="6" t="s">
        <v>51</v>
      </c>
    </row>
    <row r="1181" spans="1:12">
      <c r="A1181" s="6" t="s">
        <v>49</v>
      </c>
      <c r="B1181" s="6"/>
      <c r="C1181" s="6" t="s">
        <v>1195</v>
      </c>
      <c r="D1181" s="6"/>
      <c r="E1181" s="6" t="s">
        <v>9</v>
      </c>
      <c r="F1181" s="7">
        <v>38657</v>
      </c>
      <c r="G1181" s="8">
        <v>1</v>
      </c>
      <c r="H1181" s="8">
        <v>1</v>
      </c>
      <c r="I1181" s="8">
        <v>0</v>
      </c>
      <c r="J1181" s="8">
        <v>1</v>
      </c>
      <c r="K1181" s="9">
        <v>36</v>
      </c>
      <c r="L1181" s="6" t="s">
        <v>51</v>
      </c>
    </row>
    <row r="1182" spans="1:12">
      <c r="A1182" s="6" t="s">
        <v>49</v>
      </c>
      <c r="B1182" s="6"/>
      <c r="C1182" s="6" t="s">
        <v>1196</v>
      </c>
      <c r="D1182" s="6"/>
      <c r="E1182" s="6" t="s">
        <v>9</v>
      </c>
      <c r="F1182" s="7">
        <v>38657</v>
      </c>
      <c r="G1182" s="8">
        <v>1</v>
      </c>
      <c r="H1182" s="8">
        <v>1</v>
      </c>
      <c r="I1182" s="8">
        <v>0</v>
      </c>
      <c r="J1182" s="8">
        <v>1</v>
      </c>
      <c r="K1182" s="9">
        <v>630</v>
      </c>
      <c r="L1182" s="6" t="s">
        <v>51</v>
      </c>
    </row>
    <row r="1183" spans="1:12">
      <c r="A1183" s="6" t="s">
        <v>49</v>
      </c>
      <c r="B1183" s="6"/>
      <c r="C1183" s="6" t="s">
        <v>1197</v>
      </c>
      <c r="D1183" s="6"/>
      <c r="E1183" s="6" t="s">
        <v>9</v>
      </c>
      <c r="F1183" s="7">
        <v>38657</v>
      </c>
      <c r="G1183" s="8">
        <v>1</v>
      </c>
      <c r="H1183" s="8">
        <v>1</v>
      </c>
      <c r="I1183" s="8">
        <v>0</v>
      </c>
      <c r="J1183" s="8">
        <v>1</v>
      </c>
      <c r="K1183" s="9">
        <v>16</v>
      </c>
      <c r="L1183" s="6" t="s">
        <v>51</v>
      </c>
    </row>
    <row r="1184" spans="1:12">
      <c r="A1184" s="6" t="s">
        <v>49</v>
      </c>
      <c r="B1184" s="6"/>
      <c r="C1184" s="6" t="s">
        <v>1198</v>
      </c>
      <c r="D1184" s="6"/>
      <c r="E1184" s="6" t="s">
        <v>9</v>
      </c>
      <c r="F1184" s="7">
        <v>38657</v>
      </c>
      <c r="G1184" s="8">
        <v>1</v>
      </c>
      <c r="H1184" s="8">
        <v>1</v>
      </c>
      <c r="I1184" s="8">
        <v>0</v>
      </c>
      <c r="J1184" s="8">
        <v>1</v>
      </c>
      <c r="K1184" s="9">
        <v>35</v>
      </c>
      <c r="L1184" s="6" t="s">
        <v>51</v>
      </c>
    </row>
    <row r="1185" spans="1:12">
      <c r="A1185" s="6" t="s">
        <v>49</v>
      </c>
      <c r="B1185" s="6"/>
      <c r="C1185" s="6" t="s">
        <v>1199</v>
      </c>
      <c r="D1185" s="6"/>
      <c r="E1185" s="6" t="s">
        <v>9</v>
      </c>
      <c r="F1185" s="7">
        <v>38657</v>
      </c>
      <c r="G1185" s="8">
        <v>1</v>
      </c>
      <c r="H1185" s="8">
        <v>1</v>
      </c>
      <c r="I1185" s="8">
        <v>0</v>
      </c>
      <c r="J1185" s="8">
        <v>1</v>
      </c>
      <c r="K1185" s="9">
        <v>487</v>
      </c>
      <c r="L1185" s="6" t="s">
        <v>51</v>
      </c>
    </row>
    <row r="1186" spans="1:12">
      <c r="A1186" s="6" t="s">
        <v>49</v>
      </c>
      <c r="B1186" s="6"/>
      <c r="C1186" s="6" t="s">
        <v>1200</v>
      </c>
      <c r="D1186" s="6"/>
      <c r="E1186" s="6" t="s">
        <v>9</v>
      </c>
      <c r="F1186" s="7">
        <v>38657</v>
      </c>
      <c r="G1186" s="8">
        <v>1</v>
      </c>
      <c r="H1186" s="8">
        <v>1</v>
      </c>
      <c r="I1186" s="8">
        <v>0</v>
      </c>
      <c r="J1186" s="8">
        <v>1</v>
      </c>
      <c r="K1186" s="9">
        <v>34</v>
      </c>
      <c r="L1186" s="6" t="s">
        <v>51</v>
      </c>
    </row>
    <row r="1187" spans="1:12">
      <c r="A1187" s="6" t="s">
        <v>49</v>
      </c>
      <c r="B1187" s="6"/>
      <c r="C1187" s="6" t="s">
        <v>1201</v>
      </c>
      <c r="D1187" s="6"/>
      <c r="E1187" s="6" t="s">
        <v>9</v>
      </c>
      <c r="F1187" s="7">
        <v>38657</v>
      </c>
      <c r="G1187" s="8">
        <v>1</v>
      </c>
      <c r="H1187" s="8">
        <v>1</v>
      </c>
      <c r="I1187" s="8">
        <v>0</v>
      </c>
      <c r="J1187" s="8">
        <v>1</v>
      </c>
      <c r="K1187" s="9">
        <v>253</v>
      </c>
      <c r="L1187" s="6" t="s">
        <v>51</v>
      </c>
    </row>
    <row r="1188" spans="1:12">
      <c r="A1188" s="6" t="s">
        <v>49</v>
      </c>
      <c r="B1188" s="6"/>
      <c r="C1188" s="6" t="s">
        <v>1202</v>
      </c>
      <c r="D1188" s="6"/>
      <c r="E1188" s="6" t="s">
        <v>9</v>
      </c>
      <c r="F1188" s="7">
        <v>38657</v>
      </c>
      <c r="G1188" s="8">
        <v>1</v>
      </c>
      <c r="H1188" s="8">
        <v>1</v>
      </c>
      <c r="I1188" s="8">
        <v>0</v>
      </c>
      <c r="J1188" s="8">
        <v>1</v>
      </c>
      <c r="K1188" s="9">
        <v>108</v>
      </c>
      <c r="L1188" s="6" t="s">
        <v>51</v>
      </c>
    </row>
    <row r="1189" spans="1:12">
      <c r="A1189" s="6" t="s">
        <v>49</v>
      </c>
      <c r="B1189" s="6"/>
      <c r="C1189" s="6" t="s">
        <v>1203</v>
      </c>
      <c r="D1189" s="6"/>
      <c r="E1189" s="6" t="s">
        <v>9</v>
      </c>
      <c r="F1189" s="7">
        <v>38657</v>
      </c>
      <c r="G1189" s="8">
        <v>1</v>
      </c>
      <c r="H1189" s="8">
        <v>1</v>
      </c>
      <c r="I1189" s="8">
        <v>0</v>
      </c>
      <c r="J1189" s="8">
        <v>1</v>
      </c>
      <c r="K1189" s="9">
        <v>78</v>
      </c>
      <c r="L1189" s="6" t="s">
        <v>51</v>
      </c>
    </row>
    <row r="1190" spans="1:12">
      <c r="A1190" s="6" t="s">
        <v>49</v>
      </c>
      <c r="B1190" s="6"/>
      <c r="C1190" s="6" t="s">
        <v>1204</v>
      </c>
      <c r="D1190" s="6"/>
      <c r="E1190" s="6" t="s">
        <v>9</v>
      </c>
      <c r="F1190" s="7">
        <v>38657</v>
      </c>
      <c r="G1190" s="8">
        <v>1</v>
      </c>
      <c r="H1190" s="8">
        <v>1</v>
      </c>
      <c r="I1190" s="8">
        <v>0</v>
      </c>
      <c r="J1190" s="8">
        <v>1</v>
      </c>
      <c r="K1190" s="9">
        <v>36</v>
      </c>
      <c r="L1190" s="6" t="s">
        <v>51</v>
      </c>
    </row>
    <row r="1191" spans="1:12">
      <c r="A1191" s="6" t="s">
        <v>49</v>
      </c>
      <c r="B1191" s="6"/>
      <c r="C1191" s="6" t="s">
        <v>1205</v>
      </c>
      <c r="D1191" s="6"/>
      <c r="E1191" s="6" t="s">
        <v>9</v>
      </c>
      <c r="F1191" s="7">
        <v>38657</v>
      </c>
      <c r="G1191" s="8">
        <v>1</v>
      </c>
      <c r="H1191" s="8">
        <v>1</v>
      </c>
      <c r="I1191" s="8">
        <v>0</v>
      </c>
      <c r="J1191" s="8">
        <v>1</v>
      </c>
      <c r="K1191" s="9">
        <v>4.4400000000000004</v>
      </c>
      <c r="L1191" s="6" t="s">
        <v>51</v>
      </c>
    </row>
    <row r="1192" spans="1:12">
      <c r="A1192" s="6" t="s">
        <v>49</v>
      </c>
      <c r="B1192" s="6"/>
      <c r="C1192" s="6" t="s">
        <v>1206</v>
      </c>
      <c r="D1192" s="6"/>
      <c r="E1192" s="6" t="s">
        <v>9</v>
      </c>
      <c r="F1192" s="7">
        <v>38657</v>
      </c>
      <c r="G1192" s="8">
        <v>1</v>
      </c>
      <c r="H1192" s="8">
        <v>1</v>
      </c>
      <c r="I1192" s="8">
        <v>0</v>
      </c>
      <c r="J1192" s="8">
        <v>1</v>
      </c>
      <c r="K1192" s="9">
        <v>92</v>
      </c>
      <c r="L1192" s="6" t="s">
        <v>51</v>
      </c>
    </row>
    <row r="1193" spans="1:12">
      <c r="A1193" s="6" t="s">
        <v>49</v>
      </c>
      <c r="B1193" s="6"/>
      <c r="C1193" s="6" t="s">
        <v>1207</v>
      </c>
      <c r="D1193" s="6"/>
      <c r="E1193" s="6" t="s">
        <v>9</v>
      </c>
      <c r="F1193" s="7">
        <v>38657</v>
      </c>
      <c r="G1193" s="8">
        <v>1</v>
      </c>
      <c r="H1193" s="8">
        <v>1</v>
      </c>
      <c r="I1193" s="8">
        <v>0</v>
      </c>
      <c r="J1193" s="8">
        <v>1</v>
      </c>
      <c r="K1193" s="9">
        <v>179</v>
      </c>
      <c r="L1193" s="6" t="s">
        <v>51</v>
      </c>
    </row>
    <row r="1194" spans="1:12">
      <c r="A1194" s="6" t="s">
        <v>49</v>
      </c>
      <c r="B1194" s="6"/>
      <c r="C1194" s="6" t="s">
        <v>1208</v>
      </c>
      <c r="D1194" s="6"/>
      <c r="E1194" s="6" t="s">
        <v>9</v>
      </c>
      <c r="F1194" s="7">
        <v>38657</v>
      </c>
      <c r="G1194" s="8">
        <v>1</v>
      </c>
      <c r="H1194" s="8">
        <v>1</v>
      </c>
      <c r="I1194" s="8">
        <v>0</v>
      </c>
      <c r="J1194" s="8">
        <v>1</v>
      </c>
      <c r="K1194" s="9">
        <v>38</v>
      </c>
      <c r="L1194" s="6" t="s">
        <v>51</v>
      </c>
    </row>
    <row r="1195" spans="1:12">
      <c r="A1195" s="6" t="s">
        <v>49</v>
      </c>
      <c r="B1195" s="6"/>
      <c r="C1195" s="6" t="s">
        <v>1209</v>
      </c>
      <c r="D1195" s="6"/>
      <c r="E1195" s="6" t="s">
        <v>9</v>
      </c>
      <c r="F1195" s="7">
        <v>38657</v>
      </c>
      <c r="G1195" s="8">
        <v>1</v>
      </c>
      <c r="H1195" s="8">
        <v>1</v>
      </c>
      <c r="I1195" s="8">
        <v>0</v>
      </c>
      <c r="J1195" s="8">
        <v>1</v>
      </c>
      <c r="K1195" s="9">
        <v>53</v>
      </c>
      <c r="L1195" s="6" t="s">
        <v>51</v>
      </c>
    </row>
    <row r="1196" spans="1:12">
      <c r="A1196" s="6" t="s">
        <v>49</v>
      </c>
      <c r="B1196" s="6"/>
      <c r="C1196" s="6" t="s">
        <v>1210</v>
      </c>
      <c r="D1196" s="6"/>
      <c r="E1196" s="6" t="s">
        <v>9</v>
      </c>
      <c r="F1196" s="7">
        <v>38657</v>
      </c>
      <c r="G1196" s="8">
        <v>1</v>
      </c>
      <c r="H1196" s="8">
        <v>1</v>
      </c>
      <c r="I1196" s="8">
        <v>0</v>
      </c>
      <c r="J1196" s="8">
        <v>1</v>
      </c>
      <c r="K1196" s="9">
        <v>121</v>
      </c>
      <c r="L1196" s="6" t="s">
        <v>51</v>
      </c>
    </row>
    <row r="1197" spans="1:12">
      <c r="A1197" s="6" t="s">
        <v>49</v>
      </c>
      <c r="B1197" s="6"/>
      <c r="C1197" s="6" t="s">
        <v>1211</v>
      </c>
      <c r="D1197" s="6"/>
      <c r="E1197" s="6" t="s">
        <v>9</v>
      </c>
      <c r="F1197" s="7">
        <v>38657</v>
      </c>
      <c r="G1197" s="8">
        <v>1</v>
      </c>
      <c r="H1197" s="8">
        <v>1</v>
      </c>
      <c r="I1197" s="8">
        <v>0</v>
      </c>
      <c r="J1197" s="8">
        <v>1</v>
      </c>
      <c r="K1197" s="9">
        <v>21</v>
      </c>
      <c r="L1197" s="6" t="s">
        <v>51</v>
      </c>
    </row>
    <row r="1198" spans="1:12">
      <c r="A1198" s="6" t="s">
        <v>49</v>
      </c>
      <c r="B1198" s="6"/>
      <c r="C1198" s="6" t="s">
        <v>1212</v>
      </c>
      <c r="D1198" s="6"/>
      <c r="E1198" s="6" t="s">
        <v>9</v>
      </c>
      <c r="F1198" s="7">
        <v>38657</v>
      </c>
      <c r="G1198" s="8">
        <v>1</v>
      </c>
      <c r="H1198" s="8">
        <v>1</v>
      </c>
      <c r="I1198" s="8">
        <v>0</v>
      </c>
      <c r="J1198" s="8">
        <v>1</v>
      </c>
      <c r="K1198" s="9">
        <v>548</v>
      </c>
      <c r="L1198" s="6" t="s">
        <v>51</v>
      </c>
    </row>
    <row r="1199" spans="1:12">
      <c r="A1199" s="6" t="s">
        <v>49</v>
      </c>
      <c r="B1199" s="6"/>
      <c r="C1199" s="6" t="s">
        <v>1213</v>
      </c>
      <c r="D1199" s="6"/>
      <c r="E1199" s="6" t="s">
        <v>9</v>
      </c>
      <c r="F1199" s="7">
        <v>38657</v>
      </c>
      <c r="G1199" s="8">
        <v>1</v>
      </c>
      <c r="H1199" s="8">
        <v>1</v>
      </c>
      <c r="I1199" s="8">
        <v>0</v>
      </c>
      <c r="J1199" s="8">
        <v>1</v>
      </c>
      <c r="K1199" s="9">
        <v>1181</v>
      </c>
      <c r="L1199" s="6" t="s">
        <v>51</v>
      </c>
    </row>
    <row r="1200" spans="1:12">
      <c r="A1200" s="6" t="s">
        <v>49</v>
      </c>
      <c r="B1200" s="6"/>
      <c r="C1200" s="6" t="s">
        <v>1214</v>
      </c>
      <c r="D1200" s="6"/>
      <c r="E1200" s="6" t="s">
        <v>9</v>
      </c>
      <c r="F1200" s="7">
        <v>38657</v>
      </c>
      <c r="G1200" s="8">
        <v>1</v>
      </c>
      <c r="H1200" s="8">
        <v>1</v>
      </c>
      <c r="I1200" s="8">
        <v>0</v>
      </c>
      <c r="J1200" s="8">
        <v>1</v>
      </c>
      <c r="K1200" s="9">
        <v>1266</v>
      </c>
      <c r="L1200" s="6" t="s">
        <v>51</v>
      </c>
    </row>
    <row r="1201" spans="1:12">
      <c r="A1201" s="6" t="s">
        <v>49</v>
      </c>
      <c r="B1201" s="6"/>
      <c r="C1201" s="6" t="s">
        <v>1215</v>
      </c>
      <c r="D1201" s="6"/>
      <c r="E1201" s="6" t="s">
        <v>9</v>
      </c>
      <c r="F1201" s="7">
        <v>38657</v>
      </c>
      <c r="G1201" s="8">
        <v>1</v>
      </c>
      <c r="H1201" s="8">
        <v>1</v>
      </c>
      <c r="I1201" s="8">
        <v>0</v>
      </c>
      <c r="J1201" s="8">
        <v>1</v>
      </c>
      <c r="K1201" s="9">
        <v>3847</v>
      </c>
      <c r="L1201" s="6" t="s">
        <v>51</v>
      </c>
    </row>
    <row r="1202" spans="1:12">
      <c r="A1202" s="6" t="s">
        <v>49</v>
      </c>
      <c r="B1202" s="6"/>
      <c r="C1202" s="6" t="s">
        <v>1216</v>
      </c>
      <c r="D1202" s="6"/>
      <c r="E1202" s="6" t="s">
        <v>9</v>
      </c>
      <c r="F1202" s="7">
        <v>38657</v>
      </c>
      <c r="G1202" s="8">
        <v>1</v>
      </c>
      <c r="H1202" s="8">
        <v>1</v>
      </c>
      <c r="I1202" s="8">
        <v>0</v>
      </c>
      <c r="J1202" s="8">
        <v>1</v>
      </c>
      <c r="K1202" s="9">
        <v>51</v>
      </c>
      <c r="L1202" s="6" t="s">
        <v>51</v>
      </c>
    </row>
    <row r="1203" spans="1:12">
      <c r="A1203" s="6" t="s">
        <v>49</v>
      </c>
      <c r="B1203" s="6"/>
      <c r="C1203" s="6" t="s">
        <v>1217</v>
      </c>
      <c r="D1203" s="6"/>
      <c r="E1203" s="6" t="s">
        <v>9</v>
      </c>
      <c r="F1203" s="7">
        <v>38657</v>
      </c>
      <c r="G1203" s="8">
        <v>1</v>
      </c>
      <c r="H1203" s="8">
        <v>1</v>
      </c>
      <c r="I1203" s="8">
        <v>0</v>
      </c>
      <c r="J1203" s="8">
        <v>1</v>
      </c>
      <c r="K1203" s="9">
        <v>214</v>
      </c>
      <c r="L1203" s="6" t="s">
        <v>51</v>
      </c>
    </row>
    <row r="1204" spans="1:12">
      <c r="A1204" s="6" t="s">
        <v>49</v>
      </c>
      <c r="B1204" s="6"/>
      <c r="C1204" s="6" t="s">
        <v>1218</v>
      </c>
      <c r="D1204" s="6"/>
      <c r="E1204" s="6" t="s">
        <v>9</v>
      </c>
      <c r="F1204" s="7">
        <v>38657</v>
      </c>
      <c r="G1204" s="8">
        <v>1</v>
      </c>
      <c r="H1204" s="8">
        <v>1</v>
      </c>
      <c r="I1204" s="8">
        <v>0</v>
      </c>
      <c r="J1204" s="8">
        <v>1</v>
      </c>
      <c r="K1204" s="9">
        <v>27</v>
      </c>
      <c r="L1204" s="6" t="s">
        <v>51</v>
      </c>
    </row>
    <row r="1205" spans="1:12">
      <c r="A1205" s="6" t="s">
        <v>49</v>
      </c>
      <c r="B1205" s="6"/>
      <c r="C1205" s="6" t="s">
        <v>1219</v>
      </c>
      <c r="D1205" s="6"/>
      <c r="E1205" s="6" t="s">
        <v>9</v>
      </c>
      <c r="F1205" s="7">
        <v>38657</v>
      </c>
      <c r="G1205" s="8">
        <v>1</v>
      </c>
      <c r="H1205" s="8">
        <v>1</v>
      </c>
      <c r="I1205" s="8">
        <v>0</v>
      </c>
      <c r="J1205" s="8">
        <v>1</v>
      </c>
      <c r="K1205" s="9">
        <v>17</v>
      </c>
      <c r="L1205" s="6" t="s">
        <v>51</v>
      </c>
    </row>
    <row r="1206" spans="1:12">
      <c r="A1206" s="6" t="s">
        <v>49</v>
      </c>
      <c r="B1206" s="6"/>
      <c r="C1206" s="6" t="s">
        <v>1220</v>
      </c>
      <c r="D1206" s="6"/>
      <c r="E1206" s="6" t="s">
        <v>9</v>
      </c>
      <c r="F1206" s="7">
        <v>38657</v>
      </c>
      <c r="G1206" s="8">
        <v>1</v>
      </c>
      <c r="H1206" s="8">
        <v>1</v>
      </c>
      <c r="I1206" s="8">
        <v>0</v>
      </c>
      <c r="J1206" s="8">
        <v>1</v>
      </c>
      <c r="K1206" s="9">
        <v>39</v>
      </c>
      <c r="L1206" s="6" t="s">
        <v>51</v>
      </c>
    </row>
    <row r="1207" spans="1:12">
      <c r="A1207" s="6" t="s">
        <v>49</v>
      </c>
      <c r="B1207" s="6"/>
      <c r="C1207" s="6" t="s">
        <v>1221</v>
      </c>
      <c r="D1207" s="6"/>
      <c r="E1207" s="6" t="s">
        <v>9</v>
      </c>
      <c r="F1207" s="7">
        <v>38657</v>
      </c>
      <c r="G1207" s="8">
        <v>1</v>
      </c>
      <c r="H1207" s="8">
        <v>1</v>
      </c>
      <c r="I1207" s="8">
        <v>0</v>
      </c>
      <c r="J1207" s="8">
        <v>1</v>
      </c>
      <c r="K1207" s="9">
        <v>31</v>
      </c>
      <c r="L1207" s="6" t="s">
        <v>51</v>
      </c>
    </row>
    <row r="1208" spans="1:12">
      <c r="A1208" s="6" t="s">
        <v>49</v>
      </c>
      <c r="B1208" s="6"/>
      <c r="C1208" s="6" t="s">
        <v>1222</v>
      </c>
      <c r="D1208" s="6"/>
      <c r="E1208" s="6" t="s">
        <v>9</v>
      </c>
      <c r="F1208" s="7">
        <v>38657</v>
      </c>
      <c r="G1208" s="8">
        <v>1</v>
      </c>
      <c r="H1208" s="8">
        <v>1</v>
      </c>
      <c r="I1208" s="8">
        <v>0</v>
      </c>
      <c r="J1208" s="8">
        <v>1</v>
      </c>
      <c r="K1208" s="9">
        <v>16</v>
      </c>
      <c r="L1208" s="6" t="s">
        <v>51</v>
      </c>
    </row>
    <row r="1209" spans="1:12">
      <c r="A1209" s="6" t="s">
        <v>49</v>
      </c>
      <c r="B1209" s="6"/>
      <c r="C1209" s="6" t="s">
        <v>1223</v>
      </c>
      <c r="D1209" s="6"/>
      <c r="E1209" s="6" t="s">
        <v>9</v>
      </c>
      <c r="F1209" s="7">
        <v>38657</v>
      </c>
      <c r="G1209" s="8">
        <v>1</v>
      </c>
      <c r="H1209" s="8">
        <v>1</v>
      </c>
      <c r="I1209" s="8">
        <v>0</v>
      </c>
      <c r="J1209" s="8">
        <v>1</v>
      </c>
      <c r="K1209" s="9">
        <v>107</v>
      </c>
      <c r="L1209" s="6" t="s">
        <v>51</v>
      </c>
    </row>
    <row r="1210" spans="1:12">
      <c r="A1210" s="6" t="s">
        <v>49</v>
      </c>
      <c r="B1210" s="6"/>
      <c r="C1210" s="6" t="s">
        <v>1224</v>
      </c>
      <c r="D1210" s="6"/>
      <c r="E1210" s="6" t="s">
        <v>9</v>
      </c>
      <c r="F1210" s="7">
        <v>38657</v>
      </c>
      <c r="G1210" s="8">
        <v>1</v>
      </c>
      <c r="H1210" s="8">
        <v>1</v>
      </c>
      <c r="I1210" s="8">
        <v>0</v>
      </c>
      <c r="J1210" s="8">
        <v>1</v>
      </c>
      <c r="K1210" s="9">
        <v>47</v>
      </c>
      <c r="L1210" s="6" t="s">
        <v>51</v>
      </c>
    </row>
    <row r="1211" spans="1:12">
      <c r="A1211" s="6" t="s">
        <v>49</v>
      </c>
      <c r="B1211" s="6"/>
      <c r="C1211" s="6" t="s">
        <v>1225</v>
      </c>
      <c r="D1211" s="6"/>
      <c r="E1211" s="6" t="s">
        <v>9</v>
      </c>
      <c r="F1211" s="7">
        <v>38657</v>
      </c>
      <c r="G1211" s="8">
        <v>1</v>
      </c>
      <c r="H1211" s="8">
        <v>1</v>
      </c>
      <c r="I1211" s="8">
        <v>0</v>
      </c>
      <c r="J1211" s="8">
        <v>1</v>
      </c>
      <c r="K1211" s="9">
        <v>99</v>
      </c>
      <c r="L1211" s="6" t="s">
        <v>51</v>
      </c>
    </row>
    <row r="1212" spans="1:12">
      <c r="A1212" s="6" t="s">
        <v>49</v>
      </c>
      <c r="B1212" s="6"/>
      <c r="C1212" s="6" t="s">
        <v>1226</v>
      </c>
      <c r="D1212" s="6"/>
      <c r="E1212" s="6" t="s">
        <v>9</v>
      </c>
      <c r="F1212" s="7">
        <v>38657</v>
      </c>
      <c r="G1212" s="8">
        <v>1</v>
      </c>
      <c r="H1212" s="8">
        <v>1</v>
      </c>
      <c r="I1212" s="8">
        <v>0</v>
      </c>
      <c r="J1212" s="8">
        <v>1</v>
      </c>
      <c r="K1212" s="9">
        <v>29</v>
      </c>
      <c r="L1212" s="6" t="s">
        <v>51</v>
      </c>
    </row>
    <row r="1213" spans="1:12">
      <c r="A1213" s="6" t="s">
        <v>49</v>
      </c>
      <c r="B1213" s="6"/>
      <c r="C1213" s="6" t="s">
        <v>1227</v>
      </c>
      <c r="D1213" s="6"/>
      <c r="E1213" s="6" t="s">
        <v>9</v>
      </c>
      <c r="F1213" s="7">
        <v>38657</v>
      </c>
      <c r="G1213" s="8">
        <v>1</v>
      </c>
      <c r="H1213" s="8">
        <v>1</v>
      </c>
      <c r="I1213" s="8">
        <v>0</v>
      </c>
      <c r="J1213" s="8">
        <v>1</v>
      </c>
      <c r="K1213" s="9">
        <v>34</v>
      </c>
      <c r="L1213" s="6" t="s">
        <v>51</v>
      </c>
    </row>
    <row r="1214" spans="1:12">
      <c r="A1214" s="6" t="s">
        <v>49</v>
      </c>
      <c r="B1214" s="6"/>
      <c r="C1214" s="6" t="s">
        <v>1228</v>
      </c>
      <c r="D1214" s="6"/>
      <c r="E1214" s="6" t="s">
        <v>9</v>
      </c>
      <c r="F1214" s="7">
        <v>38657</v>
      </c>
      <c r="G1214" s="8">
        <v>1</v>
      </c>
      <c r="H1214" s="8">
        <v>1</v>
      </c>
      <c r="I1214" s="8">
        <v>0</v>
      </c>
      <c r="J1214" s="8">
        <v>1</v>
      </c>
      <c r="K1214" s="9">
        <v>13</v>
      </c>
      <c r="L1214" s="6" t="s">
        <v>51</v>
      </c>
    </row>
    <row r="1215" spans="1:12">
      <c r="A1215" s="6" t="s">
        <v>49</v>
      </c>
      <c r="B1215" s="6"/>
      <c r="C1215" s="6" t="s">
        <v>1229</v>
      </c>
      <c r="D1215" s="6"/>
      <c r="E1215" s="6" t="s">
        <v>9</v>
      </c>
      <c r="F1215" s="7">
        <v>38657</v>
      </c>
      <c r="G1215" s="8">
        <v>1</v>
      </c>
      <c r="H1215" s="8">
        <v>1</v>
      </c>
      <c r="I1215" s="8">
        <v>0</v>
      </c>
      <c r="J1215" s="8">
        <v>1</v>
      </c>
      <c r="K1215" s="9">
        <v>6.61</v>
      </c>
      <c r="L1215" s="6" t="s">
        <v>51</v>
      </c>
    </row>
    <row r="1216" spans="1:12">
      <c r="A1216" s="6" t="s">
        <v>49</v>
      </c>
      <c r="B1216" s="6"/>
      <c r="C1216" s="6" t="s">
        <v>1230</v>
      </c>
      <c r="D1216" s="6"/>
      <c r="E1216" s="6" t="s">
        <v>9</v>
      </c>
      <c r="F1216" s="7">
        <v>38657</v>
      </c>
      <c r="G1216" s="8">
        <v>1</v>
      </c>
      <c r="H1216" s="8">
        <v>1</v>
      </c>
      <c r="I1216" s="8">
        <v>0</v>
      </c>
      <c r="J1216" s="8">
        <v>1</v>
      </c>
      <c r="K1216" s="9">
        <v>26</v>
      </c>
      <c r="L1216" s="6" t="s">
        <v>51</v>
      </c>
    </row>
    <row r="1217" spans="1:12">
      <c r="A1217" s="6" t="s">
        <v>49</v>
      </c>
      <c r="B1217" s="6"/>
      <c r="C1217" s="6" t="s">
        <v>1231</v>
      </c>
      <c r="D1217" s="6"/>
      <c r="E1217" s="6" t="s">
        <v>9</v>
      </c>
      <c r="F1217" s="7">
        <v>38657</v>
      </c>
      <c r="G1217" s="8">
        <v>1</v>
      </c>
      <c r="H1217" s="8">
        <v>1</v>
      </c>
      <c r="I1217" s="8">
        <v>0</v>
      </c>
      <c r="J1217" s="8">
        <v>1</v>
      </c>
      <c r="K1217" s="9">
        <v>26</v>
      </c>
      <c r="L1217" s="6" t="s">
        <v>51</v>
      </c>
    </row>
    <row r="1218" spans="1:12">
      <c r="A1218" s="6" t="s">
        <v>49</v>
      </c>
      <c r="B1218" s="6"/>
      <c r="C1218" s="6" t="s">
        <v>1232</v>
      </c>
      <c r="D1218" s="6"/>
      <c r="E1218" s="6" t="s">
        <v>9</v>
      </c>
      <c r="F1218" s="7">
        <v>38657</v>
      </c>
      <c r="G1218" s="8">
        <v>1</v>
      </c>
      <c r="H1218" s="8">
        <v>1</v>
      </c>
      <c r="I1218" s="8">
        <v>0</v>
      </c>
      <c r="J1218" s="8">
        <v>1</v>
      </c>
      <c r="K1218" s="9">
        <v>50</v>
      </c>
      <c r="L1218" s="6" t="s">
        <v>51</v>
      </c>
    </row>
    <row r="1219" spans="1:12">
      <c r="A1219" s="6" t="s">
        <v>49</v>
      </c>
      <c r="B1219" s="6"/>
      <c r="C1219" s="6" t="s">
        <v>1233</v>
      </c>
      <c r="D1219" s="6"/>
      <c r="E1219" s="6" t="s">
        <v>9</v>
      </c>
      <c r="F1219" s="7">
        <v>38657</v>
      </c>
      <c r="G1219" s="8">
        <v>1</v>
      </c>
      <c r="H1219" s="8">
        <v>1</v>
      </c>
      <c r="I1219" s="8">
        <v>0</v>
      </c>
      <c r="J1219" s="8">
        <v>1</v>
      </c>
      <c r="K1219" s="9">
        <v>46</v>
      </c>
      <c r="L1219" s="6" t="s">
        <v>51</v>
      </c>
    </row>
    <row r="1220" spans="1:12">
      <c r="A1220" s="6" t="s">
        <v>49</v>
      </c>
      <c r="B1220" s="6"/>
      <c r="C1220" s="6" t="s">
        <v>1234</v>
      </c>
      <c r="D1220" s="6"/>
      <c r="E1220" s="6" t="s">
        <v>9</v>
      </c>
      <c r="F1220" s="7">
        <v>38657</v>
      </c>
      <c r="G1220" s="8">
        <v>1</v>
      </c>
      <c r="H1220" s="8">
        <v>1</v>
      </c>
      <c r="I1220" s="8">
        <v>0</v>
      </c>
      <c r="J1220" s="8">
        <v>1</v>
      </c>
      <c r="K1220" s="9">
        <v>42</v>
      </c>
      <c r="L1220" s="6" t="s">
        <v>51</v>
      </c>
    </row>
    <row r="1221" spans="1:12">
      <c r="A1221" s="6" t="s">
        <v>49</v>
      </c>
      <c r="B1221" s="6"/>
      <c r="C1221" s="6" t="s">
        <v>1235</v>
      </c>
      <c r="D1221" s="6"/>
      <c r="E1221" s="6" t="s">
        <v>9</v>
      </c>
      <c r="F1221" s="7">
        <v>38657</v>
      </c>
      <c r="G1221" s="8">
        <v>1</v>
      </c>
      <c r="H1221" s="8">
        <v>1</v>
      </c>
      <c r="I1221" s="8">
        <v>0</v>
      </c>
      <c r="J1221" s="8">
        <v>1</v>
      </c>
      <c r="K1221" s="9">
        <v>12</v>
      </c>
      <c r="L1221" s="6" t="s">
        <v>51</v>
      </c>
    </row>
    <row r="1222" spans="1:12">
      <c r="A1222" s="6" t="s">
        <v>49</v>
      </c>
      <c r="B1222" s="6"/>
      <c r="C1222" s="6" t="s">
        <v>1236</v>
      </c>
      <c r="D1222" s="6"/>
      <c r="E1222" s="6" t="s">
        <v>9</v>
      </c>
      <c r="F1222" s="7">
        <v>38657</v>
      </c>
      <c r="G1222" s="8">
        <v>1</v>
      </c>
      <c r="H1222" s="8">
        <v>1</v>
      </c>
      <c r="I1222" s="8">
        <v>0</v>
      </c>
      <c r="J1222" s="8">
        <v>1</v>
      </c>
      <c r="K1222" s="9">
        <v>55</v>
      </c>
      <c r="L1222" s="6" t="s">
        <v>51</v>
      </c>
    </row>
    <row r="1223" spans="1:12">
      <c r="A1223" s="6" t="s">
        <v>49</v>
      </c>
      <c r="B1223" s="6"/>
      <c r="C1223" s="6" t="s">
        <v>1237</v>
      </c>
      <c r="D1223" s="6"/>
      <c r="E1223" s="6" t="s">
        <v>9</v>
      </c>
      <c r="F1223" s="7">
        <v>38657</v>
      </c>
      <c r="G1223" s="8">
        <v>1</v>
      </c>
      <c r="H1223" s="8">
        <v>1</v>
      </c>
      <c r="I1223" s="8">
        <v>0</v>
      </c>
      <c r="J1223" s="8">
        <v>1</v>
      </c>
      <c r="K1223" s="9">
        <v>32</v>
      </c>
      <c r="L1223" s="6" t="s">
        <v>51</v>
      </c>
    </row>
    <row r="1224" spans="1:12">
      <c r="A1224" s="6" t="s">
        <v>49</v>
      </c>
      <c r="B1224" s="6"/>
      <c r="C1224" s="6" t="s">
        <v>1238</v>
      </c>
      <c r="D1224" s="6"/>
      <c r="E1224" s="6" t="s">
        <v>9</v>
      </c>
      <c r="F1224" s="7">
        <v>38657</v>
      </c>
      <c r="G1224" s="8">
        <v>1</v>
      </c>
      <c r="H1224" s="8">
        <v>1</v>
      </c>
      <c r="I1224" s="8">
        <v>0</v>
      </c>
      <c r="J1224" s="8">
        <v>1</v>
      </c>
      <c r="K1224" s="9">
        <v>845</v>
      </c>
      <c r="L1224" s="6" t="s">
        <v>51</v>
      </c>
    </row>
    <row r="1225" spans="1:12">
      <c r="A1225" s="6" t="s">
        <v>49</v>
      </c>
      <c r="B1225" s="6"/>
      <c r="C1225" s="6" t="s">
        <v>1239</v>
      </c>
      <c r="D1225" s="6"/>
      <c r="E1225" s="6" t="s">
        <v>9</v>
      </c>
      <c r="F1225" s="7">
        <v>38657</v>
      </c>
      <c r="G1225" s="8">
        <v>1</v>
      </c>
      <c r="H1225" s="8">
        <v>1</v>
      </c>
      <c r="I1225" s="8">
        <v>0</v>
      </c>
      <c r="J1225" s="8">
        <v>1</v>
      </c>
      <c r="K1225" s="9">
        <v>5541</v>
      </c>
      <c r="L1225" s="6" t="s">
        <v>51</v>
      </c>
    </row>
    <row r="1226" spans="1:12">
      <c r="A1226" s="6" t="s">
        <v>49</v>
      </c>
      <c r="B1226" s="6"/>
      <c r="C1226" s="6" t="s">
        <v>1240</v>
      </c>
      <c r="D1226" s="6"/>
      <c r="E1226" s="6" t="s">
        <v>9</v>
      </c>
      <c r="F1226" s="7">
        <v>38657</v>
      </c>
      <c r="G1226" s="8">
        <v>1</v>
      </c>
      <c r="H1226" s="8">
        <v>1</v>
      </c>
      <c r="I1226" s="8">
        <v>0</v>
      </c>
      <c r="J1226" s="8">
        <v>1</v>
      </c>
      <c r="K1226" s="9">
        <v>2.4</v>
      </c>
      <c r="L1226" s="6" t="s">
        <v>51</v>
      </c>
    </row>
    <row r="1227" spans="1:12">
      <c r="A1227" s="6" t="s">
        <v>49</v>
      </c>
      <c r="B1227" s="6"/>
      <c r="C1227" s="6" t="s">
        <v>1241</v>
      </c>
      <c r="D1227" s="6"/>
      <c r="E1227" s="6" t="s">
        <v>9</v>
      </c>
      <c r="F1227" s="7">
        <v>38657</v>
      </c>
      <c r="G1227" s="8">
        <v>1</v>
      </c>
      <c r="H1227" s="8">
        <v>1</v>
      </c>
      <c r="I1227" s="8">
        <v>0</v>
      </c>
      <c r="J1227" s="8">
        <v>1</v>
      </c>
      <c r="K1227" s="9">
        <v>15.46</v>
      </c>
      <c r="L1227" s="6" t="s">
        <v>51</v>
      </c>
    </row>
    <row r="1228" spans="1:12">
      <c r="A1228" s="6" t="s">
        <v>49</v>
      </c>
      <c r="B1228" s="6"/>
      <c r="C1228" s="6" t="s">
        <v>1242</v>
      </c>
      <c r="D1228" s="6"/>
      <c r="E1228" s="6" t="s">
        <v>9</v>
      </c>
      <c r="F1228" s="7">
        <v>38657</v>
      </c>
      <c r="G1228" s="8">
        <v>1</v>
      </c>
      <c r="H1228" s="8">
        <v>1</v>
      </c>
      <c r="I1228" s="8">
        <v>0</v>
      </c>
      <c r="J1228" s="8">
        <v>1</v>
      </c>
      <c r="K1228" s="9">
        <v>177</v>
      </c>
      <c r="L1228" s="6" t="s">
        <v>51</v>
      </c>
    </row>
    <row r="1229" spans="1:12">
      <c r="A1229" s="6" t="s">
        <v>49</v>
      </c>
      <c r="B1229" s="6"/>
      <c r="C1229" s="6" t="s">
        <v>1243</v>
      </c>
      <c r="D1229" s="6"/>
      <c r="E1229" s="6" t="s">
        <v>9</v>
      </c>
      <c r="F1229" s="7">
        <v>38657</v>
      </c>
      <c r="G1229" s="8">
        <v>1</v>
      </c>
      <c r="H1229" s="8">
        <v>1</v>
      </c>
      <c r="I1229" s="8">
        <v>0</v>
      </c>
      <c r="J1229" s="8">
        <v>1</v>
      </c>
      <c r="K1229" s="9">
        <v>48</v>
      </c>
      <c r="L1229" s="6" t="s">
        <v>51</v>
      </c>
    </row>
    <row r="1230" spans="1:12">
      <c r="A1230" s="6" t="s">
        <v>49</v>
      </c>
      <c r="B1230" s="6"/>
      <c r="C1230" s="6" t="s">
        <v>1244</v>
      </c>
      <c r="D1230" s="6"/>
      <c r="E1230" s="6" t="s">
        <v>9</v>
      </c>
      <c r="F1230" s="7">
        <v>38657</v>
      </c>
      <c r="G1230" s="8">
        <v>1</v>
      </c>
      <c r="H1230" s="8">
        <v>1</v>
      </c>
      <c r="I1230" s="8">
        <v>0</v>
      </c>
      <c r="J1230" s="8">
        <v>1</v>
      </c>
      <c r="K1230" s="9">
        <v>113</v>
      </c>
      <c r="L1230" s="6" t="s">
        <v>51</v>
      </c>
    </row>
    <row r="1231" spans="1:12">
      <c r="A1231" s="6" t="s">
        <v>49</v>
      </c>
      <c r="B1231" s="6"/>
      <c r="C1231" s="6" t="s">
        <v>1245</v>
      </c>
      <c r="D1231" s="6"/>
      <c r="E1231" s="6" t="s">
        <v>9</v>
      </c>
      <c r="F1231" s="7">
        <v>38657</v>
      </c>
      <c r="G1231" s="8">
        <v>1</v>
      </c>
      <c r="H1231" s="8">
        <v>1</v>
      </c>
      <c r="I1231" s="8">
        <v>0</v>
      </c>
      <c r="J1231" s="8">
        <v>1</v>
      </c>
      <c r="K1231" s="9">
        <v>2462</v>
      </c>
      <c r="L1231" s="6" t="s">
        <v>51</v>
      </c>
    </row>
    <row r="1232" spans="1:12">
      <c r="A1232" s="6" t="s">
        <v>49</v>
      </c>
      <c r="B1232" s="6"/>
      <c r="C1232" s="6" t="s">
        <v>1246</v>
      </c>
      <c r="D1232" s="6"/>
      <c r="E1232" s="6" t="s">
        <v>9</v>
      </c>
      <c r="F1232" s="7">
        <v>38657</v>
      </c>
      <c r="G1232" s="8">
        <v>1</v>
      </c>
      <c r="H1232" s="8">
        <v>1</v>
      </c>
      <c r="I1232" s="8">
        <v>0</v>
      </c>
      <c r="J1232" s="8">
        <v>1</v>
      </c>
      <c r="K1232" s="9">
        <v>167.9</v>
      </c>
      <c r="L1232" s="6" t="s">
        <v>51</v>
      </c>
    </row>
    <row r="1233" spans="1:12">
      <c r="A1233" s="6" t="s">
        <v>49</v>
      </c>
      <c r="B1233" s="6"/>
      <c r="C1233" s="6" t="s">
        <v>1247</v>
      </c>
      <c r="D1233" s="6"/>
      <c r="E1233" s="6" t="s">
        <v>9</v>
      </c>
      <c r="F1233" s="7">
        <v>38657</v>
      </c>
      <c r="G1233" s="8">
        <v>1</v>
      </c>
      <c r="H1233" s="8">
        <v>1</v>
      </c>
      <c r="I1233" s="8">
        <v>0</v>
      </c>
      <c r="J1233" s="8">
        <v>1</v>
      </c>
      <c r="K1233" s="9">
        <v>8.08</v>
      </c>
      <c r="L1233" s="6" t="s">
        <v>51</v>
      </c>
    </row>
    <row r="1234" spans="1:12">
      <c r="A1234" s="6" t="s">
        <v>49</v>
      </c>
      <c r="B1234" s="6"/>
      <c r="C1234" s="6" t="s">
        <v>1248</v>
      </c>
      <c r="D1234" s="6"/>
      <c r="E1234" s="6" t="s">
        <v>9</v>
      </c>
      <c r="F1234" s="7">
        <v>38657</v>
      </c>
      <c r="G1234" s="8">
        <v>1</v>
      </c>
      <c r="H1234" s="8">
        <v>1</v>
      </c>
      <c r="I1234" s="8">
        <v>0</v>
      </c>
      <c r="J1234" s="8">
        <v>1</v>
      </c>
      <c r="K1234" s="9">
        <v>28</v>
      </c>
      <c r="L1234" s="6" t="s">
        <v>51</v>
      </c>
    </row>
    <row r="1235" spans="1:12">
      <c r="A1235" s="6" t="s">
        <v>49</v>
      </c>
      <c r="B1235" s="6"/>
      <c r="C1235" s="6" t="s">
        <v>1249</v>
      </c>
      <c r="D1235" s="6"/>
      <c r="E1235" s="6" t="s">
        <v>9</v>
      </c>
      <c r="F1235" s="7">
        <v>38657</v>
      </c>
      <c r="G1235" s="8">
        <v>1</v>
      </c>
      <c r="H1235" s="8">
        <v>1</v>
      </c>
      <c r="I1235" s="8">
        <v>0</v>
      </c>
      <c r="J1235" s="8">
        <v>1</v>
      </c>
      <c r="K1235" s="9">
        <v>65</v>
      </c>
      <c r="L1235" s="6" t="s">
        <v>51</v>
      </c>
    </row>
    <row r="1236" spans="1:12">
      <c r="A1236" s="6" t="s">
        <v>49</v>
      </c>
      <c r="B1236" s="6"/>
      <c r="C1236" s="6" t="s">
        <v>1250</v>
      </c>
      <c r="D1236" s="6"/>
      <c r="E1236" s="6" t="s">
        <v>9</v>
      </c>
      <c r="F1236" s="7">
        <v>38657</v>
      </c>
      <c r="G1236" s="8">
        <v>1</v>
      </c>
      <c r="H1236" s="8">
        <v>1</v>
      </c>
      <c r="I1236" s="8">
        <v>0</v>
      </c>
      <c r="J1236" s="8">
        <v>1</v>
      </c>
      <c r="K1236" s="9">
        <v>43</v>
      </c>
      <c r="L1236" s="6" t="s">
        <v>51</v>
      </c>
    </row>
    <row r="1237" spans="1:12">
      <c r="A1237" s="6" t="s">
        <v>49</v>
      </c>
      <c r="B1237" s="6"/>
      <c r="C1237" s="6" t="s">
        <v>1251</v>
      </c>
      <c r="D1237" s="6"/>
      <c r="E1237" s="6" t="s">
        <v>9</v>
      </c>
      <c r="F1237" s="7">
        <v>38657</v>
      </c>
      <c r="G1237" s="8">
        <v>1</v>
      </c>
      <c r="H1237" s="8">
        <v>1</v>
      </c>
      <c r="I1237" s="8">
        <v>0</v>
      </c>
      <c r="J1237" s="8">
        <v>1</v>
      </c>
      <c r="K1237" s="9">
        <v>67</v>
      </c>
      <c r="L1237" s="6" t="s">
        <v>51</v>
      </c>
    </row>
    <row r="1238" spans="1:12">
      <c r="A1238" s="6" t="s">
        <v>49</v>
      </c>
      <c r="B1238" s="6"/>
      <c r="C1238" s="6" t="s">
        <v>1252</v>
      </c>
      <c r="D1238" s="6"/>
      <c r="E1238" s="6" t="s">
        <v>9</v>
      </c>
      <c r="F1238" s="7">
        <v>38657</v>
      </c>
      <c r="G1238" s="8">
        <v>1</v>
      </c>
      <c r="H1238" s="8">
        <v>1</v>
      </c>
      <c r="I1238" s="8">
        <v>0</v>
      </c>
      <c r="J1238" s="8">
        <v>1</v>
      </c>
      <c r="K1238" s="9">
        <v>52</v>
      </c>
      <c r="L1238" s="6" t="s">
        <v>51</v>
      </c>
    </row>
    <row r="1239" spans="1:12">
      <c r="A1239" s="6" t="s">
        <v>49</v>
      </c>
      <c r="B1239" s="6"/>
      <c r="C1239" s="6" t="s">
        <v>1253</v>
      </c>
      <c r="D1239" s="6"/>
      <c r="E1239" s="6" t="s">
        <v>9</v>
      </c>
      <c r="F1239" s="7">
        <v>38657</v>
      </c>
      <c r="G1239" s="8">
        <v>1</v>
      </c>
      <c r="H1239" s="8">
        <v>1</v>
      </c>
      <c r="I1239" s="8">
        <v>0</v>
      </c>
      <c r="J1239" s="8">
        <v>1</v>
      </c>
      <c r="K1239" s="9">
        <v>66</v>
      </c>
      <c r="L1239" s="6" t="s">
        <v>51</v>
      </c>
    </row>
    <row r="1240" spans="1:12">
      <c r="A1240" s="6" t="s">
        <v>49</v>
      </c>
      <c r="B1240" s="6"/>
      <c r="C1240" s="6" t="s">
        <v>1254</v>
      </c>
      <c r="D1240" s="6"/>
      <c r="E1240" s="6" t="s">
        <v>9</v>
      </c>
      <c r="F1240" s="7">
        <v>38657</v>
      </c>
      <c r="G1240" s="8">
        <v>1</v>
      </c>
      <c r="H1240" s="8">
        <v>1</v>
      </c>
      <c r="I1240" s="8">
        <v>0</v>
      </c>
      <c r="J1240" s="8">
        <v>1</v>
      </c>
      <c r="K1240" s="9">
        <v>55.53</v>
      </c>
      <c r="L1240" s="6" t="s">
        <v>51</v>
      </c>
    </row>
    <row r="1241" spans="1:12">
      <c r="A1241" s="6" t="s">
        <v>49</v>
      </c>
      <c r="B1241" s="6"/>
      <c r="C1241" s="6" t="s">
        <v>1255</v>
      </c>
      <c r="D1241" s="6"/>
      <c r="E1241" s="6" t="s">
        <v>9</v>
      </c>
      <c r="F1241" s="7">
        <v>38657</v>
      </c>
      <c r="G1241" s="8">
        <v>1</v>
      </c>
      <c r="H1241" s="8">
        <v>1</v>
      </c>
      <c r="I1241" s="8">
        <v>0</v>
      </c>
      <c r="J1241" s="8">
        <v>1</v>
      </c>
      <c r="K1241" s="9">
        <v>45</v>
      </c>
      <c r="L1241" s="6" t="s">
        <v>51</v>
      </c>
    </row>
    <row r="1242" spans="1:12">
      <c r="A1242" s="6" t="s">
        <v>49</v>
      </c>
      <c r="B1242" s="6"/>
      <c r="C1242" s="6" t="s">
        <v>1256</v>
      </c>
      <c r="D1242" s="6"/>
      <c r="E1242" s="6" t="s">
        <v>9</v>
      </c>
      <c r="F1242" s="7">
        <v>38657</v>
      </c>
      <c r="G1242" s="8">
        <v>1</v>
      </c>
      <c r="H1242" s="8">
        <v>1</v>
      </c>
      <c r="I1242" s="8">
        <v>0</v>
      </c>
      <c r="J1242" s="8">
        <v>1</v>
      </c>
      <c r="K1242" s="9">
        <v>23</v>
      </c>
      <c r="L1242" s="6" t="s">
        <v>51</v>
      </c>
    </row>
    <row r="1243" spans="1:12">
      <c r="A1243" s="6" t="s">
        <v>49</v>
      </c>
      <c r="B1243" s="6"/>
      <c r="C1243" s="6" t="s">
        <v>1257</v>
      </c>
      <c r="D1243" s="6"/>
      <c r="E1243" s="6" t="s">
        <v>9</v>
      </c>
      <c r="F1243" s="7">
        <v>38657</v>
      </c>
      <c r="G1243" s="8">
        <v>1</v>
      </c>
      <c r="H1243" s="8">
        <v>1</v>
      </c>
      <c r="I1243" s="8">
        <v>0</v>
      </c>
      <c r="J1243" s="8">
        <v>1</v>
      </c>
      <c r="K1243" s="9">
        <v>212</v>
      </c>
      <c r="L1243" s="6" t="s">
        <v>51</v>
      </c>
    </row>
    <row r="1244" spans="1:12">
      <c r="A1244" s="6" t="s">
        <v>49</v>
      </c>
      <c r="B1244" s="6"/>
      <c r="C1244" s="6" t="s">
        <v>1258</v>
      </c>
      <c r="D1244" s="6"/>
      <c r="E1244" s="6" t="s">
        <v>9</v>
      </c>
      <c r="F1244" s="7">
        <v>38657</v>
      </c>
      <c r="G1244" s="8">
        <v>1</v>
      </c>
      <c r="H1244" s="8">
        <v>1</v>
      </c>
      <c r="I1244" s="8">
        <v>0</v>
      </c>
      <c r="J1244" s="8">
        <v>1</v>
      </c>
      <c r="K1244" s="9">
        <v>53</v>
      </c>
      <c r="L1244" s="6" t="s">
        <v>51</v>
      </c>
    </row>
    <row r="1245" spans="1:12">
      <c r="A1245" s="6" t="s">
        <v>49</v>
      </c>
      <c r="B1245" s="6"/>
      <c r="C1245" s="6" t="s">
        <v>1259</v>
      </c>
      <c r="D1245" s="6"/>
      <c r="E1245" s="6" t="s">
        <v>9</v>
      </c>
      <c r="F1245" s="7">
        <v>38657</v>
      </c>
      <c r="G1245" s="8">
        <v>1</v>
      </c>
      <c r="H1245" s="8">
        <v>1</v>
      </c>
      <c r="I1245" s="8">
        <v>0</v>
      </c>
      <c r="J1245" s="8">
        <v>1</v>
      </c>
      <c r="K1245" s="9">
        <v>80</v>
      </c>
      <c r="L1245" s="6" t="s">
        <v>51</v>
      </c>
    </row>
    <row r="1246" spans="1:12">
      <c r="A1246" s="6" t="s">
        <v>49</v>
      </c>
      <c r="B1246" s="6"/>
      <c r="C1246" s="6" t="s">
        <v>1260</v>
      </c>
      <c r="D1246" s="6"/>
      <c r="E1246" s="6" t="s">
        <v>9</v>
      </c>
      <c r="F1246" s="7">
        <v>38657</v>
      </c>
      <c r="G1246" s="8">
        <v>1</v>
      </c>
      <c r="H1246" s="8">
        <v>1</v>
      </c>
      <c r="I1246" s="8">
        <v>0</v>
      </c>
      <c r="J1246" s="8">
        <v>1</v>
      </c>
      <c r="K1246" s="9">
        <v>1.24</v>
      </c>
      <c r="L1246" s="6" t="s">
        <v>51</v>
      </c>
    </row>
    <row r="1247" spans="1:12">
      <c r="A1247" s="6" t="s">
        <v>49</v>
      </c>
      <c r="B1247" s="6"/>
      <c r="C1247" s="6" t="s">
        <v>1261</v>
      </c>
      <c r="D1247" s="6"/>
      <c r="E1247" s="6" t="s">
        <v>9</v>
      </c>
      <c r="F1247" s="7">
        <v>38657</v>
      </c>
      <c r="G1247" s="8">
        <v>1</v>
      </c>
      <c r="H1247" s="8">
        <v>1</v>
      </c>
      <c r="I1247" s="8">
        <v>0</v>
      </c>
      <c r="J1247" s="8">
        <v>1</v>
      </c>
      <c r="K1247" s="9">
        <v>75.25</v>
      </c>
      <c r="L1247" s="6" t="s">
        <v>51</v>
      </c>
    </row>
    <row r="1248" spans="1:12">
      <c r="A1248" s="6" t="s">
        <v>49</v>
      </c>
      <c r="B1248" s="6"/>
      <c r="C1248" s="6" t="s">
        <v>1262</v>
      </c>
      <c r="D1248" s="6"/>
      <c r="E1248" s="6" t="s">
        <v>9</v>
      </c>
      <c r="F1248" s="7">
        <v>38657</v>
      </c>
      <c r="G1248" s="8">
        <v>1</v>
      </c>
      <c r="H1248" s="8">
        <v>1</v>
      </c>
      <c r="I1248" s="8">
        <v>0</v>
      </c>
      <c r="J1248" s="8">
        <v>1</v>
      </c>
      <c r="K1248" s="9">
        <v>6.48</v>
      </c>
      <c r="L1248" s="6" t="s">
        <v>51</v>
      </c>
    </row>
    <row r="1249" spans="1:12">
      <c r="A1249" s="6" t="s">
        <v>49</v>
      </c>
      <c r="B1249" s="6"/>
      <c r="C1249" s="6" t="s">
        <v>1263</v>
      </c>
      <c r="D1249" s="6"/>
      <c r="E1249" s="6" t="s">
        <v>9</v>
      </c>
      <c r="F1249" s="7">
        <v>38657</v>
      </c>
      <c r="G1249" s="8">
        <v>1</v>
      </c>
      <c r="H1249" s="8">
        <v>1</v>
      </c>
      <c r="I1249" s="8">
        <v>0</v>
      </c>
      <c r="J1249" s="8">
        <v>1</v>
      </c>
      <c r="K1249" s="9">
        <v>36</v>
      </c>
      <c r="L1249" s="6" t="s">
        <v>51</v>
      </c>
    </row>
    <row r="1250" spans="1:12">
      <c r="A1250" s="6" t="s">
        <v>49</v>
      </c>
      <c r="B1250" s="6"/>
      <c r="C1250" s="6" t="s">
        <v>1264</v>
      </c>
      <c r="D1250" s="6"/>
      <c r="E1250" s="6" t="s">
        <v>9</v>
      </c>
      <c r="F1250" s="7">
        <v>38657</v>
      </c>
      <c r="G1250" s="8">
        <v>1</v>
      </c>
      <c r="H1250" s="8">
        <v>1</v>
      </c>
      <c r="I1250" s="8">
        <v>0</v>
      </c>
      <c r="J1250" s="8">
        <v>1</v>
      </c>
      <c r="K1250" s="9">
        <v>3929</v>
      </c>
      <c r="L1250" s="6" t="s">
        <v>51</v>
      </c>
    </row>
    <row r="1251" spans="1:12">
      <c r="A1251" s="6" t="s">
        <v>49</v>
      </c>
      <c r="B1251" s="6"/>
      <c r="C1251" s="6" t="s">
        <v>1265</v>
      </c>
      <c r="D1251" s="6"/>
      <c r="E1251" s="6" t="s">
        <v>9</v>
      </c>
      <c r="F1251" s="7">
        <v>38657</v>
      </c>
      <c r="G1251" s="8">
        <v>1</v>
      </c>
      <c r="H1251" s="8">
        <v>1</v>
      </c>
      <c r="I1251" s="8">
        <v>0</v>
      </c>
      <c r="J1251" s="8">
        <v>1</v>
      </c>
      <c r="K1251" s="9">
        <v>14</v>
      </c>
      <c r="L1251" s="6" t="s">
        <v>51</v>
      </c>
    </row>
    <row r="1252" spans="1:12">
      <c r="A1252" s="6" t="s">
        <v>49</v>
      </c>
      <c r="B1252" s="6"/>
      <c r="C1252" s="6" t="s">
        <v>1266</v>
      </c>
      <c r="D1252" s="6"/>
      <c r="E1252" s="6" t="s">
        <v>9</v>
      </c>
      <c r="F1252" s="7">
        <v>38657</v>
      </c>
      <c r="G1252" s="8">
        <v>1</v>
      </c>
      <c r="H1252" s="8">
        <v>1</v>
      </c>
      <c r="I1252" s="8">
        <v>0</v>
      </c>
      <c r="J1252" s="8">
        <v>1</v>
      </c>
      <c r="K1252" s="9">
        <v>1.47</v>
      </c>
      <c r="L1252" s="6" t="s">
        <v>51</v>
      </c>
    </row>
    <row r="1253" spans="1:12">
      <c r="A1253" s="6" t="s">
        <v>49</v>
      </c>
      <c r="B1253" s="6"/>
      <c r="C1253" s="6" t="s">
        <v>1267</v>
      </c>
      <c r="D1253" s="6"/>
      <c r="E1253" s="6" t="s">
        <v>9</v>
      </c>
      <c r="F1253" s="7">
        <v>38657</v>
      </c>
      <c r="G1253" s="8">
        <v>1</v>
      </c>
      <c r="H1253" s="8">
        <v>1</v>
      </c>
      <c r="I1253" s="8">
        <v>0</v>
      </c>
      <c r="J1253" s="8">
        <v>1</v>
      </c>
      <c r="K1253" s="9">
        <v>11</v>
      </c>
      <c r="L1253" s="6" t="s">
        <v>51</v>
      </c>
    </row>
    <row r="1254" spans="1:12">
      <c r="A1254" s="6" t="s">
        <v>49</v>
      </c>
      <c r="B1254" s="6"/>
      <c r="C1254" s="6" t="s">
        <v>1268</v>
      </c>
      <c r="D1254" s="6"/>
      <c r="E1254" s="6" t="s">
        <v>9</v>
      </c>
      <c r="F1254" s="7">
        <v>38657</v>
      </c>
      <c r="G1254" s="8">
        <v>1</v>
      </c>
      <c r="H1254" s="8">
        <v>1</v>
      </c>
      <c r="I1254" s="8">
        <v>0</v>
      </c>
      <c r="J1254" s="8">
        <v>1</v>
      </c>
      <c r="K1254" s="9">
        <v>3529</v>
      </c>
      <c r="L1254" s="6" t="s">
        <v>51</v>
      </c>
    </row>
    <row r="1255" spans="1:12">
      <c r="A1255" s="6" t="s">
        <v>49</v>
      </c>
      <c r="B1255" s="6"/>
      <c r="C1255" s="6" t="s">
        <v>1269</v>
      </c>
      <c r="D1255" s="6"/>
      <c r="E1255" s="6" t="s">
        <v>9</v>
      </c>
      <c r="F1255" s="7">
        <v>38657</v>
      </c>
      <c r="G1255" s="8">
        <v>1</v>
      </c>
      <c r="H1255" s="8">
        <v>1</v>
      </c>
      <c r="I1255" s="8">
        <v>0</v>
      </c>
      <c r="J1255" s="8">
        <v>1</v>
      </c>
      <c r="K1255" s="9">
        <v>82.87</v>
      </c>
      <c r="L1255" s="6" t="s">
        <v>51</v>
      </c>
    </row>
    <row r="1256" spans="1:12">
      <c r="A1256" s="6" t="s">
        <v>49</v>
      </c>
      <c r="B1256" s="6"/>
      <c r="C1256" s="6" t="s">
        <v>1270</v>
      </c>
      <c r="D1256" s="6"/>
      <c r="E1256" s="6" t="s">
        <v>9</v>
      </c>
      <c r="F1256" s="7">
        <v>38657</v>
      </c>
      <c r="G1256" s="8">
        <v>1</v>
      </c>
      <c r="H1256" s="8">
        <v>1</v>
      </c>
      <c r="I1256" s="8">
        <v>0</v>
      </c>
      <c r="J1256" s="8">
        <v>1</v>
      </c>
      <c r="K1256" s="9">
        <v>227</v>
      </c>
      <c r="L1256" s="6" t="s">
        <v>51</v>
      </c>
    </row>
    <row r="1257" spans="1:12">
      <c r="A1257" s="6" t="s">
        <v>49</v>
      </c>
      <c r="B1257" s="6"/>
      <c r="C1257" s="6" t="s">
        <v>1271</v>
      </c>
      <c r="D1257" s="6"/>
      <c r="E1257" s="6" t="s">
        <v>9</v>
      </c>
      <c r="F1257" s="7">
        <v>38657</v>
      </c>
      <c r="G1257" s="8">
        <v>1</v>
      </c>
      <c r="H1257" s="8">
        <v>1</v>
      </c>
      <c r="I1257" s="8">
        <v>0</v>
      </c>
      <c r="J1257" s="8">
        <v>1</v>
      </c>
      <c r="K1257" s="9">
        <v>1122.02</v>
      </c>
      <c r="L1257" s="6" t="s">
        <v>51</v>
      </c>
    </row>
    <row r="1258" spans="1:12">
      <c r="A1258" s="6" t="s">
        <v>49</v>
      </c>
      <c r="B1258" s="6"/>
      <c r="C1258" s="6" t="s">
        <v>1272</v>
      </c>
      <c r="D1258" s="6"/>
      <c r="E1258" s="6" t="s">
        <v>9</v>
      </c>
      <c r="F1258" s="7">
        <v>38657</v>
      </c>
      <c r="G1258" s="8">
        <v>1</v>
      </c>
      <c r="H1258" s="8">
        <v>1</v>
      </c>
      <c r="I1258" s="8">
        <v>0</v>
      </c>
      <c r="J1258" s="8">
        <v>1</v>
      </c>
      <c r="K1258" s="9">
        <v>19.309999999999899</v>
      </c>
      <c r="L1258" s="6" t="s">
        <v>51</v>
      </c>
    </row>
    <row r="1259" spans="1:12">
      <c r="A1259" s="6" t="s">
        <v>49</v>
      </c>
      <c r="B1259" s="6"/>
      <c r="C1259" s="6" t="s">
        <v>1273</v>
      </c>
      <c r="D1259" s="6"/>
      <c r="E1259" s="6" t="s">
        <v>9</v>
      </c>
      <c r="F1259" s="7">
        <v>38657</v>
      </c>
      <c r="G1259" s="8">
        <v>1</v>
      </c>
      <c r="H1259" s="8">
        <v>1</v>
      </c>
      <c r="I1259" s="8">
        <v>0</v>
      </c>
      <c r="J1259" s="8">
        <v>1</v>
      </c>
      <c r="K1259" s="9">
        <v>368.79</v>
      </c>
      <c r="L1259" s="6" t="s">
        <v>51</v>
      </c>
    </row>
    <row r="1260" spans="1:12">
      <c r="A1260" s="6" t="s">
        <v>49</v>
      </c>
      <c r="B1260" s="6"/>
      <c r="C1260" s="6" t="s">
        <v>1274</v>
      </c>
      <c r="D1260" s="6"/>
      <c r="E1260" s="6" t="s">
        <v>9</v>
      </c>
      <c r="F1260" s="7">
        <v>38657</v>
      </c>
      <c r="G1260" s="8">
        <v>1</v>
      </c>
      <c r="H1260" s="8">
        <v>1</v>
      </c>
      <c r="I1260" s="8">
        <v>0</v>
      </c>
      <c r="J1260" s="8">
        <v>1</v>
      </c>
      <c r="K1260" s="9">
        <v>196.74</v>
      </c>
      <c r="L1260" s="6" t="s">
        <v>51</v>
      </c>
    </row>
    <row r="1261" spans="1:12">
      <c r="A1261" s="6" t="s">
        <v>49</v>
      </c>
      <c r="B1261" s="6"/>
      <c r="C1261" s="6" t="s">
        <v>1275</v>
      </c>
      <c r="D1261" s="6"/>
      <c r="E1261" s="6" t="s">
        <v>9</v>
      </c>
      <c r="F1261" s="7">
        <v>38657</v>
      </c>
      <c r="G1261" s="8">
        <v>1</v>
      </c>
      <c r="H1261" s="8">
        <v>1</v>
      </c>
      <c r="I1261" s="8">
        <v>0</v>
      </c>
      <c r="J1261" s="8">
        <v>1</v>
      </c>
      <c r="K1261" s="9">
        <v>71</v>
      </c>
      <c r="L1261" s="6" t="s">
        <v>51</v>
      </c>
    </row>
    <row r="1262" spans="1:12">
      <c r="A1262" s="6" t="s">
        <v>49</v>
      </c>
      <c r="B1262" s="6"/>
      <c r="C1262" s="6" t="s">
        <v>1276</v>
      </c>
      <c r="D1262" s="6"/>
      <c r="E1262" s="6" t="s">
        <v>9</v>
      </c>
      <c r="F1262" s="7">
        <v>38657</v>
      </c>
      <c r="G1262" s="8">
        <v>1</v>
      </c>
      <c r="H1262" s="8">
        <v>1</v>
      </c>
      <c r="I1262" s="8">
        <v>0</v>
      </c>
      <c r="J1262" s="8">
        <v>1</v>
      </c>
      <c r="K1262" s="9">
        <v>17.5</v>
      </c>
      <c r="L1262" s="6" t="s">
        <v>51</v>
      </c>
    </row>
    <row r="1263" spans="1:12">
      <c r="A1263" s="6" t="s">
        <v>49</v>
      </c>
      <c r="B1263" s="6"/>
      <c r="C1263" s="6" t="s">
        <v>1277</v>
      </c>
      <c r="D1263" s="6"/>
      <c r="E1263" s="6" t="s">
        <v>9</v>
      </c>
      <c r="F1263" s="7">
        <v>38657</v>
      </c>
      <c r="G1263" s="8">
        <v>1</v>
      </c>
      <c r="H1263" s="8">
        <v>1</v>
      </c>
      <c r="I1263" s="8">
        <v>0</v>
      </c>
      <c r="J1263" s="8">
        <v>1</v>
      </c>
      <c r="K1263" s="9">
        <v>21.18</v>
      </c>
      <c r="L1263" s="6" t="s">
        <v>51</v>
      </c>
    </row>
    <row r="1264" spans="1:12">
      <c r="A1264" s="6" t="s">
        <v>49</v>
      </c>
      <c r="B1264" s="6"/>
      <c r="C1264" s="6" t="s">
        <v>1278</v>
      </c>
      <c r="D1264" s="6"/>
      <c r="E1264" s="6" t="s">
        <v>9</v>
      </c>
      <c r="F1264" s="7">
        <v>38657</v>
      </c>
      <c r="G1264" s="8">
        <v>1</v>
      </c>
      <c r="H1264" s="8">
        <v>1</v>
      </c>
      <c r="I1264" s="8">
        <v>0</v>
      </c>
      <c r="J1264" s="8">
        <v>1</v>
      </c>
      <c r="K1264" s="9">
        <v>20.43</v>
      </c>
      <c r="L1264" s="6" t="s">
        <v>51</v>
      </c>
    </row>
    <row r="1265" spans="1:12">
      <c r="A1265" s="6" t="s">
        <v>49</v>
      </c>
      <c r="B1265" s="6"/>
      <c r="C1265" s="6" t="s">
        <v>1279</v>
      </c>
      <c r="D1265" s="6"/>
      <c r="E1265" s="6" t="s">
        <v>9</v>
      </c>
      <c r="F1265" s="7">
        <v>38657</v>
      </c>
      <c r="G1265" s="8">
        <v>1</v>
      </c>
      <c r="H1265" s="8">
        <v>1</v>
      </c>
      <c r="I1265" s="8">
        <v>0</v>
      </c>
      <c r="J1265" s="8">
        <v>1</v>
      </c>
      <c r="K1265" s="9">
        <v>514</v>
      </c>
      <c r="L1265" s="6" t="s">
        <v>51</v>
      </c>
    </row>
    <row r="1266" spans="1:12">
      <c r="A1266" s="6" t="s">
        <v>49</v>
      </c>
      <c r="B1266" s="6"/>
      <c r="C1266" s="6" t="s">
        <v>1280</v>
      </c>
      <c r="D1266" s="6"/>
      <c r="E1266" s="6" t="s">
        <v>9</v>
      </c>
      <c r="F1266" s="7">
        <v>38657</v>
      </c>
      <c r="G1266" s="8">
        <v>1</v>
      </c>
      <c r="H1266" s="8">
        <v>1</v>
      </c>
      <c r="I1266" s="8">
        <v>0</v>
      </c>
      <c r="J1266" s="8">
        <v>1</v>
      </c>
      <c r="K1266" s="9">
        <v>25.42</v>
      </c>
      <c r="L1266" s="6" t="s">
        <v>51</v>
      </c>
    </row>
    <row r="1267" spans="1:12">
      <c r="A1267" s="6" t="s">
        <v>49</v>
      </c>
      <c r="B1267" s="6"/>
      <c r="C1267" s="6" t="s">
        <v>1281</v>
      </c>
      <c r="D1267" s="6"/>
      <c r="E1267" s="6" t="s">
        <v>9</v>
      </c>
      <c r="F1267" s="7">
        <v>38657</v>
      </c>
      <c r="G1267" s="8">
        <v>1</v>
      </c>
      <c r="H1267" s="8">
        <v>1</v>
      </c>
      <c r="I1267" s="8">
        <v>0</v>
      </c>
      <c r="J1267" s="8">
        <v>1</v>
      </c>
      <c r="K1267" s="9">
        <v>170.84</v>
      </c>
      <c r="L1267" s="6" t="s">
        <v>51</v>
      </c>
    </row>
    <row r="1268" spans="1:12">
      <c r="A1268" s="6" t="s">
        <v>49</v>
      </c>
      <c r="B1268" s="6"/>
      <c r="C1268" s="6" t="s">
        <v>1282</v>
      </c>
      <c r="D1268" s="6"/>
      <c r="E1268" s="6" t="s">
        <v>9</v>
      </c>
      <c r="F1268" s="7">
        <v>38657</v>
      </c>
      <c r="G1268" s="8">
        <v>1</v>
      </c>
      <c r="H1268" s="8">
        <v>1</v>
      </c>
      <c r="I1268" s="8">
        <v>0</v>
      </c>
      <c r="J1268" s="8">
        <v>1</v>
      </c>
      <c r="K1268" s="9">
        <v>278.61</v>
      </c>
      <c r="L1268" s="6" t="s">
        <v>51</v>
      </c>
    </row>
    <row r="1269" spans="1:12">
      <c r="A1269" s="6" t="s">
        <v>49</v>
      </c>
      <c r="B1269" s="6"/>
      <c r="C1269" s="6" t="s">
        <v>1283</v>
      </c>
      <c r="D1269" s="6"/>
      <c r="E1269" s="6" t="s">
        <v>9</v>
      </c>
      <c r="F1269" s="7">
        <v>38657</v>
      </c>
      <c r="G1269" s="8">
        <v>1</v>
      </c>
      <c r="H1269" s="8">
        <v>1</v>
      </c>
      <c r="I1269" s="8">
        <v>0</v>
      </c>
      <c r="J1269" s="8">
        <v>1</v>
      </c>
      <c r="K1269" s="9">
        <v>89</v>
      </c>
      <c r="L1269" s="6" t="s">
        <v>51</v>
      </c>
    </row>
    <row r="1270" spans="1:12">
      <c r="A1270" s="6" t="s">
        <v>49</v>
      </c>
      <c r="B1270" s="6"/>
      <c r="C1270" s="6" t="s">
        <v>1284</v>
      </c>
      <c r="D1270" s="6"/>
      <c r="E1270" s="6" t="s">
        <v>9</v>
      </c>
      <c r="F1270" s="7">
        <v>38657</v>
      </c>
      <c r="G1270" s="8">
        <v>1</v>
      </c>
      <c r="H1270" s="8">
        <v>1</v>
      </c>
      <c r="I1270" s="8">
        <v>0</v>
      </c>
      <c r="J1270" s="8">
        <v>1</v>
      </c>
      <c r="K1270" s="9">
        <v>240.43</v>
      </c>
      <c r="L1270" s="6" t="s">
        <v>51</v>
      </c>
    </row>
    <row r="1271" spans="1:12">
      <c r="A1271" s="6" t="s">
        <v>49</v>
      </c>
      <c r="B1271" s="6"/>
      <c r="C1271" s="6" t="s">
        <v>1285</v>
      </c>
      <c r="D1271" s="6"/>
      <c r="E1271" s="6" t="s">
        <v>9</v>
      </c>
      <c r="F1271" s="7">
        <v>38657</v>
      </c>
      <c r="G1271" s="8">
        <v>1</v>
      </c>
      <c r="H1271" s="8">
        <v>1</v>
      </c>
      <c r="I1271" s="8">
        <v>0</v>
      </c>
      <c r="J1271" s="8">
        <v>1</v>
      </c>
      <c r="K1271" s="9">
        <v>88</v>
      </c>
      <c r="L1271" s="6" t="s">
        <v>51</v>
      </c>
    </row>
    <row r="1272" spans="1:12">
      <c r="A1272" s="6" t="s">
        <v>49</v>
      </c>
      <c r="B1272" s="6"/>
      <c r="C1272" s="6" t="s">
        <v>1286</v>
      </c>
      <c r="D1272" s="6"/>
      <c r="E1272" s="6" t="s">
        <v>9</v>
      </c>
      <c r="F1272" s="7">
        <v>38657</v>
      </c>
      <c r="G1272" s="8">
        <v>1</v>
      </c>
      <c r="H1272" s="8">
        <v>1</v>
      </c>
      <c r="I1272" s="8">
        <v>0</v>
      </c>
      <c r="J1272" s="8">
        <v>1</v>
      </c>
      <c r="K1272" s="9">
        <v>87</v>
      </c>
      <c r="L1272" s="6" t="s">
        <v>51</v>
      </c>
    </row>
    <row r="1273" spans="1:12">
      <c r="A1273" s="6" t="s">
        <v>49</v>
      </c>
      <c r="B1273" s="6"/>
      <c r="C1273" s="6" t="s">
        <v>1287</v>
      </c>
      <c r="D1273" s="6"/>
      <c r="E1273" s="6" t="s">
        <v>9</v>
      </c>
      <c r="F1273" s="7">
        <v>38657</v>
      </c>
      <c r="G1273" s="8">
        <v>1</v>
      </c>
      <c r="H1273" s="8">
        <v>1</v>
      </c>
      <c r="I1273" s="8">
        <v>0</v>
      </c>
      <c r="J1273" s="8">
        <v>1</v>
      </c>
      <c r="K1273" s="9">
        <v>76</v>
      </c>
      <c r="L1273" s="6" t="s">
        <v>51</v>
      </c>
    </row>
    <row r="1274" spans="1:12">
      <c r="A1274" s="6" t="s">
        <v>49</v>
      </c>
      <c r="B1274" s="6"/>
      <c r="C1274" s="6" t="s">
        <v>1288</v>
      </c>
      <c r="D1274" s="6"/>
      <c r="E1274" s="6" t="s">
        <v>9</v>
      </c>
      <c r="F1274" s="7">
        <v>38657</v>
      </c>
      <c r="G1274" s="8">
        <v>1</v>
      </c>
      <c r="H1274" s="8">
        <v>1</v>
      </c>
      <c r="I1274" s="8">
        <v>0</v>
      </c>
      <c r="J1274" s="8">
        <v>1</v>
      </c>
      <c r="K1274" s="9">
        <v>107</v>
      </c>
      <c r="L1274" s="6" t="s">
        <v>51</v>
      </c>
    </row>
    <row r="1275" spans="1:12">
      <c r="A1275" s="6" t="s">
        <v>49</v>
      </c>
      <c r="B1275" s="6"/>
      <c r="C1275" s="6" t="s">
        <v>1289</v>
      </c>
      <c r="D1275" s="6"/>
      <c r="E1275" s="6" t="s">
        <v>9</v>
      </c>
      <c r="F1275" s="7">
        <v>38657</v>
      </c>
      <c r="G1275" s="8">
        <v>1</v>
      </c>
      <c r="H1275" s="8">
        <v>1</v>
      </c>
      <c r="I1275" s="8">
        <v>0</v>
      </c>
      <c r="J1275" s="8">
        <v>1</v>
      </c>
      <c r="K1275" s="9">
        <v>136</v>
      </c>
      <c r="L1275" s="6" t="s">
        <v>51</v>
      </c>
    </row>
    <row r="1276" spans="1:12">
      <c r="A1276" s="6" t="s">
        <v>49</v>
      </c>
      <c r="B1276" s="6"/>
      <c r="C1276" s="6" t="s">
        <v>1290</v>
      </c>
      <c r="D1276" s="6"/>
      <c r="E1276" s="6" t="s">
        <v>9</v>
      </c>
      <c r="F1276" s="7">
        <v>38657</v>
      </c>
      <c r="G1276" s="8">
        <v>1</v>
      </c>
      <c r="H1276" s="8">
        <v>1</v>
      </c>
      <c r="I1276" s="8">
        <v>0</v>
      </c>
      <c r="J1276" s="8">
        <v>1</v>
      </c>
      <c r="K1276" s="9">
        <v>604</v>
      </c>
      <c r="L1276" s="6" t="s">
        <v>51</v>
      </c>
    </row>
    <row r="1277" spans="1:12">
      <c r="A1277" s="6" t="s">
        <v>49</v>
      </c>
      <c r="B1277" s="6"/>
      <c r="C1277" s="6" t="s">
        <v>1291</v>
      </c>
      <c r="D1277" s="6"/>
      <c r="E1277" s="6" t="s">
        <v>9</v>
      </c>
      <c r="F1277" s="7">
        <v>38657</v>
      </c>
      <c r="G1277" s="8">
        <v>1</v>
      </c>
      <c r="H1277" s="8">
        <v>1</v>
      </c>
      <c r="I1277" s="8">
        <v>0</v>
      </c>
      <c r="J1277" s="8">
        <v>1</v>
      </c>
      <c r="K1277" s="9">
        <v>112</v>
      </c>
      <c r="L1277" s="6" t="s">
        <v>51</v>
      </c>
    </row>
    <row r="1278" spans="1:12">
      <c r="A1278" s="6" t="s">
        <v>49</v>
      </c>
      <c r="B1278" s="6"/>
      <c r="C1278" s="6" t="s">
        <v>1292</v>
      </c>
      <c r="D1278" s="6"/>
      <c r="E1278" s="6" t="s">
        <v>9</v>
      </c>
      <c r="F1278" s="7">
        <v>38657</v>
      </c>
      <c r="G1278" s="8">
        <v>1</v>
      </c>
      <c r="H1278" s="8">
        <v>1</v>
      </c>
      <c r="I1278" s="8">
        <v>0</v>
      </c>
      <c r="J1278" s="8">
        <v>1</v>
      </c>
      <c r="K1278" s="9">
        <v>36</v>
      </c>
      <c r="L1278" s="6" t="s">
        <v>51</v>
      </c>
    </row>
    <row r="1279" spans="1:12">
      <c r="A1279" s="6" t="s">
        <v>49</v>
      </c>
      <c r="B1279" s="6"/>
      <c r="C1279" s="6" t="s">
        <v>1293</v>
      </c>
      <c r="D1279" s="6"/>
      <c r="E1279" s="6" t="s">
        <v>9</v>
      </c>
      <c r="F1279" s="7">
        <v>38657</v>
      </c>
      <c r="G1279" s="8">
        <v>1</v>
      </c>
      <c r="H1279" s="8">
        <v>1</v>
      </c>
      <c r="I1279" s="8">
        <v>0</v>
      </c>
      <c r="J1279" s="8">
        <v>1</v>
      </c>
      <c r="K1279" s="9">
        <v>152</v>
      </c>
      <c r="L1279" s="6" t="s">
        <v>51</v>
      </c>
    </row>
    <row r="1280" spans="1:12">
      <c r="A1280" s="6" t="s">
        <v>49</v>
      </c>
      <c r="B1280" s="6"/>
      <c r="C1280" s="6" t="s">
        <v>1294</v>
      </c>
      <c r="D1280" s="6"/>
      <c r="E1280" s="6" t="s">
        <v>9</v>
      </c>
      <c r="F1280" s="7">
        <v>38657</v>
      </c>
      <c r="G1280" s="8">
        <v>1</v>
      </c>
      <c r="H1280" s="8">
        <v>1</v>
      </c>
      <c r="I1280" s="8">
        <v>0</v>
      </c>
      <c r="J1280" s="8">
        <v>1</v>
      </c>
      <c r="K1280" s="9">
        <v>152</v>
      </c>
      <c r="L1280" s="6" t="s">
        <v>51</v>
      </c>
    </row>
    <row r="1281" spans="1:12">
      <c r="A1281" s="6" t="s">
        <v>49</v>
      </c>
      <c r="B1281" s="6"/>
      <c r="C1281" s="6" t="s">
        <v>1295</v>
      </c>
      <c r="D1281" s="6"/>
      <c r="E1281" s="6" t="s">
        <v>9</v>
      </c>
      <c r="F1281" s="7">
        <v>38657</v>
      </c>
      <c r="G1281" s="8">
        <v>1</v>
      </c>
      <c r="H1281" s="8">
        <v>1</v>
      </c>
      <c r="I1281" s="8">
        <v>0</v>
      </c>
      <c r="J1281" s="8">
        <v>1</v>
      </c>
      <c r="K1281" s="9">
        <v>152</v>
      </c>
      <c r="L1281" s="6" t="s">
        <v>51</v>
      </c>
    </row>
    <row r="1282" spans="1:12">
      <c r="A1282" s="6" t="s">
        <v>49</v>
      </c>
      <c r="B1282" s="6"/>
      <c r="C1282" s="6" t="s">
        <v>1296</v>
      </c>
      <c r="D1282" s="6"/>
      <c r="E1282" s="6" t="s">
        <v>9</v>
      </c>
      <c r="F1282" s="7">
        <v>38657</v>
      </c>
      <c r="G1282" s="8">
        <v>1</v>
      </c>
      <c r="H1282" s="8">
        <v>1</v>
      </c>
      <c r="I1282" s="8">
        <v>0</v>
      </c>
      <c r="J1282" s="8">
        <v>1</v>
      </c>
      <c r="K1282" s="9">
        <v>361</v>
      </c>
      <c r="L1282" s="6" t="s">
        <v>51</v>
      </c>
    </row>
    <row r="1283" spans="1:12">
      <c r="A1283" s="6" t="s">
        <v>49</v>
      </c>
      <c r="B1283" s="6"/>
      <c r="C1283" s="6" t="s">
        <v>1297</v>
      </c>
      <c r="D1283" s="6"/>
      <c r="E1283" s="6" t="s">
        <v>9</v>
      </c>
      <c r="F1283" s="7">
        <v>38657</v>
      </c>
      <c r="G1283" s="8">
        <v>1</v>
      </c>
      <c r="H1283" s="8">
        <v>1</v>
      </c>
      <c r="I1283" s="8">
        <v>0</v>
      </c>
      <c r="J1283" s="8">
        <v>1</v>
      </c>
      <c r="K1283" s="9">
        <v>27</v>
      </c>
      <c r="L1283" s="6" t="s">
        <v>51</v>
      </c>
    </row>
    <row r="1284" spans="1:12">
      <c r="A1284" s="6" t="s">
        <v>49</v>
      </c>
      <c r="B1284" s="6"/>
      <c r="C1284" s="6" t="s">
        <v>1298</v>
      </c>
      <c r="D1284" s="6"/>
      <c r="E1284" s="6" t="s">
        <v>9</v>
      </c>
      <c r="F1284" s="7">
        <v>38657</v>
      </c>
      <c r="G1284" s="8">
        <v>1</v>
      </c>
      <c r="H1284" s="8">
        <v>1</v>
      </c>
      <c r="I1284" s="8">
        <v>0</v>
      </c>
      <c r="J1284" s="8">
        <v>1</v>
      </c>
      <c r="K1284" s="9">
        <v>35</v>
      </c>
      <c r="L1284" s="6" t="s">
        <v>51</v>
      </c>
    </row>
    <row r="1285" spans="1:12">
      <c r="A1285" s="6" t="s">
        <v>49</v>
      </c>
      <c r="B1285" s="6"/>
      <c r="C1285" s="6" t="s">
        <v>1299</v>
      </c>
      <c r="D1285" s="6"/>
      <c r="E1285" s="6" t="s">
        <v>9</v>
      </c>
      <c r="F1285" s="7">
        <v>38657</v>
      </c>
      <c r="G1285" s="8">
        <v>1</v>
      </c>
      <c r="H1285" s="8">
        <v>1</v>
      </c>
      <c r="I1285" s="8">
        <v>0</v>
      </c>
      <c r="J1285" s="8">
        <v>1</v>
      </c>
      <c r="K1285" s="9">
        <v>1.97</v>
      </c>
      <c r="L1285" s="6" t="s">
        <v>51</v>
      </c>
    </row>
    <row r="1286" spans="1:12">
      <c r="A1286" s="6" t="s">
        <v>49</v>
      </c>
      <c r="B1286" s="6"/>
      <c r="C1286" s="6" t="s">
        <v>1300</v>
      </c>
      <c r="D1286" s="6"/>
      <c r="E1286" s="6" t="s">
        <v>9</v>
      </c>
      <c r="F1286" s="7">
        <v>38657</v>
      </c>
      <c r="G1286" s="8">
        <v>1</v>
      </c>
      <c r="H1286" s="8">
        <v>1</v>
      </c>
      <c r="I1286" s="8">
        <v>0</v>
      </c>
      <c r="J1286" s="8">
        <v>1</v>
      </c>
      <c r="K1286" s="9">
        <v>54</v>
      </c>
      <c r="L1286" s="6" t="s">
        <v>51</v>
      </c>
    </row>
    <row r="1287" spans="1:12">
      <c r="A1287" s="6" t="s">
        <v>49</v>
      </c>
      <c r="B1287" s="6"/>
      <c r="C1287" s="6" t="s">
        <v>1301</v>
      </c>
      <c r="D1287" s="6"/>
      <c r="E1287" s="6" t="s">
        <v>9</v>
      </c>
      <c r="F1287" s="7">
        <v>38657</v>
      </c>
      <c r="G1287" s="8">
        <v>1</v>
      </c>
      <c r="H1287" s="8">
        <v>1</v>
      </c>
      <c r="I1287" s="8">
        <v>0</v>
      </c>
      <c r="J1287" s="8">
        <v>1</v>
      </c>
      <c r="K1287" s="9">
        <v>888</v>
      </c>
      <c r="L1287" s="6" t="s">
        <v>51</v>
      </c>
    </row>
    <row r="1288" spans="1:12">
      <c r="A1288" s="6" t="s">
        <v>49</v>
      </c>
      <c r="B1288" s="6"/>
      <c r="C1288" s="6" t="s">
        <v>1302</v>
      </c>
      <c r="D1288" s="6"/>
      <c r="E1288" s="6" t="s">
        <v>9</v>
      </c>
      <c r="F1288" s="7">
        <v>38657</v>
      </c>
      <c r="G1288" s="8">
        <v>1</v>
      </c>
      <c r="H1288" s="8">
        <v>1</v>
      </c>
      <c r="I1288" s="8">
        <v>0</v>
      </c>
      <c r="J1288" s="8">
        <v>1</v>
      </c>
      <c r="K1288" s="9">
        <v>46</v>
      </c>
      <c r="L1288" s="6" t="s">
        <v>51</v>
      </c>
    </row>
    <row r="1289" spans="1:12">
      <c r="A1289" s="6" t="s">
        <v>49</v>
      </c>
      <c r="B1289" s="6"/>
      <c r="C1289" s="6" t="s">
        <v>1303</v>
      </c>
      <c r="D1289" s="6"/>
      <c r="E1289" s="6" t="s">
        <v>9</v>
      </c>
      <c r="F1289" s="7">
        <v>38657</v>
      </c>
      <c r="G1289" s="8">
        <v>1</v>
      </c>
      <c r="H1289" s="8">
        <v>1</v>
      </c>
      <c r="I1289" s="8">
        <v>0</v>
      </c>
      <c r="J1289" s="8">
        <v>1</v>
      </c>
      <c r="K1289" s="9">
        <v>46</v>
      </c>
      <c r="L1289" s="6" t="s">
        <v>51</v>
      </c>
    </row>
    <row r="1290" spans="1:12">
      <c r="A1290" s="6" t="s">
        <v>49</v>
      </c>
      <c r="B1290" s="6"/>
      <c r="C1290" s="6" t="s">
        <v>1304</v>
      </c>
      <c r="D1290" s="6"/>
      <c r="E1290" s="6" t="s">
        <v>9</v>
      </c>
      <c r="F1290" s="7">
        <v>38657</v>
      </c>
      <c r="G1290" s="8">
        <v>1</v>
      </c>
      <c r="H1290" s="8">
        <v>1</v>
      </c>
      <c r="I1290" s="8">
        <v>0</v>
      </c>
      <c r="J1290" s="8">
        <v>1</v>
      </c>
      <c r="K1290" s="9">
        <v>189</v>
      </c>
      <c r="L1290" s="6" t="s">
        <v>51</v>
      </c>
    </row>
    <row r="1291" spans="1:12">
      <c r="A1291" s="6" t="s">
        <v>49</v>
      </c>
      <c r="B1291" s="6"/>
      <c r="C1291" s="6" t="s">
        <v>1305</v>
      </c>
      <c r="D1291" s="6"/>
      <c r="E1291" s="6" t="s">
        <v>9</v>
      </c>
      <c r="F1291" s="7">
        <v>38657</v>
      </c>
      <c r="G1291" s="8">
        <v>1</v>
      </c>
      <c r="H1291" s="8">
        <v>1</v>
      </c>
      <c r="I1291" s="8">
        <v>0</v>
      </c>
      <c r="J1291" s="8">
        <v>1</v>
      </c>
      <c r="K1291" s="9">
        <v>57</v>
      </c>
      <c r="L1291" s="6" t="s">
        <v>51</v>
      </c>
    </row>
    <row r="1292" spans="1:12">
      <c r="A1292" s="6" t="s">
        <v>49</v>
      </c>
      <c r="B1292" s="6"/>
      <c r="C1292" s="6" t="s">
        <v>1306</v>
      </c>
      <c r="D1292" s="6"/>
      <c r="E1292" s="6" t="s">
        <v>9</v>
      </c>
      <c r="F1292" s="7">
        <v>38657</v>
      </c>
      <c r="G1292" s="8">
        <v>1</v>
      </c>
      <c r="H1292" s="8">
        <v>1</v>
      </c>
      <c r="I1292" s="8">
        <v>0</v>
      </c>
      <c r="J1292" s="8">
        <v>1</v>
      </c>
      <c r="K1292" s="9">
        <v>33</v>
      </c>
      <c r="L1292" s="6" t="s">
        <v>51</v>
      </c>
    </row>
    <row r="1293" spans="1:12">
      <c r="A1293" s="6" t="s">
        <v>49</v>
      </c>
      <c r="B1293" s="6"/>
      <c r="C1293" s="6" t="s">
        <v>1307</v>
      </c>
      <c r="D1293" s="6"/>
      <c r="E1293" s="6" t="s">
        <v>9</v>
      </c>
      <c r="F1293" s="7">
        <v>38657</v>
      </c>
      <c r="G1293" s="8">
        <v>1</v>
      </c>
      <c r="H1293" s="8">
        <v>1</v>
      </c>
      <c r="I1293" s="8">
        <v>0</v>
      </c>
      <c r="J1293" s="8">
        <v>1</v>
      </c>
      <c r="K1293" s="9">
        <v>13</v>
      </c>
      <c r="L1293" s="6" t="s">
        <v>51</v>
      </c>
    </row>
    <row r="1294" spans="1:12">
      <c r="A1294" s="6" t="s">
        <v>49</v>
      </c>
      <c r="B1294" s="6"/>
      <c r="C1294" s="6" t="s">
        <v>1308</v>
      </c>
      <c r="D1294" s="6"/>
      <c r="E1294" s="6" t="s">
        <v>9</v>
      </c>
      <c r="F1294" s="7">
        <v>38657</v>
      </c>
      <c r="G1294" s="8">
        <v>1</v>
      </c>
      <c r="H1294" s="8">
        <v>1</v>
      </c>
      <c r="I1294" s="8">
        <v>0</v>
      </c>
      <c r="J1294" s="8">
        <v>1</v>
      </c>
      <c r="K1294" s="9">
        <v>2.4900000000000002</v>
      </c>
      <c r="L1294" s="6" t="s">
        <v>51</v>
      </c>
    </row>
    <row r="1295" spans="1:12">
      <c r="A1295" s="6" t="s">
        <v>49</v>
      </c>
      <c r="B1295" s="6"/>
      <c r="C1295" s="6" t="s">
        <v>1309</v>
      </c>
      <c r="D1295" s="6"/>
      <c r="E1295" s="6" t="s">
        <v>9</v>
      </c>
      <c r="F1295" s="7">
        <v>38657</v>
      </c>
      <c r="G1295" s="8">
        <v>1</v>
      </c>
      <c r="H1295" s="8">
        <v>1</v>
      </c>
      <c r="I1295" s="8">
        <v>0</v>
      </c>
      <c r="J1295" s="8">
        <v>1</v>
      </c>
      <c r="K1295" s="9">
        <v>106.07</v>
      </c>
      <c r="L1295" s="6" t="s">
        <v>51</v>
      </c>
    </row>
    <row r="1296" spans="1:12">
      <c r="A1296" s="6" t="s">
        <v>49</v>
      </c>
      <c r="B1296" s="6"/>
      <c r="C1296" s="6" t="s">
        <v>1310</v>
      </c>
      <c r="D1296" s="6"/>
      <c r="E1296" s="6" t="s">
        <v>9</v>
      </c>
      <c r="F1296" s="7">
        <v>38657</v>
      </c>
      <c r="G1296" s="8">
        <v>1</v>
      </c>
      <c r="H1296" s="8">
        <v>1</v>
      </c>
      <c r="I1296" s="8">
        <v>0</v>
      </c>
      <c r="J1296" s="8">
        <v>1</v>
      </c>
      <c r="K1296" s="9">
        <v>85.79</v>
      </c>
      <c r="L1296" s="6" t="s">
        <v>51</v>
      </c>
    </row>
    <row r="1297" spans="1:12">
      <c r="A1297" s="6" t="s">
        <v>49</v>
      </c>
      <c r="B1297" s="6"/>
      <c r="C1297" s="6" t="s">
        <v>1311</v>
      </c>
      <c r="D1297" s="6"/>
      <c r="E1297" s="6" t="s">
        <v>9</v>
      </c>
      <c r="F1297" s="7">
        <v>38657</v>
      </c>
      <c r="G1297" s="8">
        <v>1</v>
      </c>
      <c r="H1297" s="8">
        <v>1</v>
      </c>
      <c r="I1297" s="8">
        <v>0</v>
      </c>
      <c r="J1297" s="8">
        <v>1</v>
      </c>
      <c r="K1297" s="9">
        <v>80.260000000000005</v>
      </c>
      <c r="L1297" s="6" t="s">
        <v>51</v>
      </c>
    </row>
    <row r="1298" spans="1:12">
      <c r="A1298" s="6" t="s">
        <v>49</v>
      </c>
      <c r="B1298" s="6"/>
      <c r="C1298" s="6" t="s">
        <v>1312</v>
      </c>
      <c r="D1298" s="6"/>
      <c r="E1298" s="6" t="s">
        <v>9</v>
      </c>
      <c r="F1298" s="7">
        <v>38657</v>
      </c>
      <c r="G1298" s="8">
        <v>1</v>
      </c>
      <c r="H1298" s="8">
        <v>1</v>
      </c>
      <c r="I1298" s="8">
        <v>0</v>
      </c>
      <c r="J1298" s="8">
        <v>1</v>
      </c>
      <c r="K1298" s="9">
        <v>466</v>
      </c>
      <c r="L1298" s="6" t="s">
        <v>51</v>
      </c>
    </row>
    <row r="1299" spans="1:12">
      <c r="A1299" s="6" t="s">
        <v>49</v>
      </c>
      <c r="B1299" s="6"/>
      <c r="C1299" s="6" t="s">
        <v>1313</v>
      </c>
      <c r="D1299" s="6"/>
      <c r="E1299" s="6" t="s">
        <v>9</v>
      </c>
      <c r="F1299" s="7">
        <v>38657</v>
      </c>
      <c r="G1299" s="8">
        <v>1</v>
      </c>
      <c r="H1299" s="8">
        <v>1</v>
      </c>
      <c r="I1299" s="8">
        <v>0</v>
      </c>
      <c r="J1299" s="8">
        <v>1</v>
      </c>
      <c r="K1299" s="9">
        <v>62</v>
      </c>
      <c r="L1299" s="6" t="s">
        <v>51</v>
      </c>
    </row>
    <row r="1300" spans="1:12">
      <c r="A1300" s="6" t="s">
        <v>49</v>
      </c>
      <c r="B1300" s="6"/>
      <c r="C1300" s="6" t="s">
        <v>1314</v>
      </c>
      <c r="D1300" s="6"/>
      <c r="E1300" s="6" t="s">
        <v>9</v>
      </c>
      <c r="F1300" s="7">
        <v>38657</v>
      </c>
      <c r="G1300" s="8">
        <v>1</v>
      </c>
      <c r="H1300" s="8">
        <v>1</v>
      </c>
      <c r="I1300" s="8">
        <v>0</v>
      </c>
      <c r="J1300" s="8">
        <v>1</v>
      </c>
      <c r="K1300" s="9">
        <v>77</v>
      </c>
      <c r="L1300" s="6" t="s">
        <v>51</v>
      </c>
    </row>
    <row r="1301" spans="1:12">
      <c r="A1301" s="6" t="s">
        <v>49</v>
      </c>
      <c r="B1301" s="6"/>
      <c r="C1301" s="6" t="s">
        <v>1315</v>
      </c>
      <c r="D1301" s="6"/>
      <c r="E1301" s="6" t="s">
        <v>9</v>
      </c>
      <c r="F1301" s="7">
        <v>38657</v>
      </c>
      <c r="G1301" s="8">
        <v>1</v>
      </c>
      <c r="H1301" s="8">
        <v>1</v>
      </c>
      <c r="I1301" s="8">
        <v>0</v>
      </c>
      <c r="J1301" s="8">
        <v>1</v>
      </c>
      <c r="K1301" s="9">
        <v>92</v>
      </c>
      <c r="L1301" s="6" t="s">
        <v>51</v>
      </c>
    </row>
    <row r="1302" spans="1:12">
      <c r="A1302" s="6" t="s">
        <v>49</v>
      </c>
      <c r="B1302" s="6"/>
      <c r="C1302" s="6" t="s">
        <v>1316</v>
      </c>
      <c r="D1302" s="6"/>
      <c r="E1302" s="6" t="s">
        <v>9</v>
      </c>
      <c r="F1302" s="7">
        <v>38657</v>
      </c>
      <c r="G1302" s="8">
        <v>1</v>
      </c>
      <c r="H1302" s="8">
        <v>1</v>
      </c>
      <c r="I1302" s="8">
        <v>0</v>
      </c>
      <c r="J1302" s="8">
        <v>1</v>
      </c>
      <c r="K1302" s="9">
        <v>38</v>
      </c>
      <c r="L1302" s="6" t="s">
        <v>51</v>
      </c>
    </row>
    <row r="1303" spans="1:12">
      <c r="A1303" s="6" t="s">
        <v>49</v>
      </c>
      <c r="B1303" s="6"/>
      <c r="C1303" s="6" t="s">
        <v>1317</v>
      </c>
      <c r="D1303" s="6"/>
      <c r="E1303" s="6" t="s">
        <v>9</v>
      </c>
      <c r="F1303" s="7">
        <v>38657</v>
      </c>
      <c r="G1303" s="8">
        <v>1</v>
      </c>
      <c r="H1303" s="8">
        <v>1</v>
      </c>
      <c r="I1303" s="8">
        <v>0</v>
      </c>
      <c r="J1303" s="8">
        <v>1</v>
      </c>
      <c r="K1303" s="9">
        <v>2.97</v>
      </c>
      <c r="L1303" s="6" t="s">
        <v>51</v>
      </c>
    </row>
    <row r="1304" spans="1:12">
      <c r="A1304" s="6" t="s">
        <v>49</v>
      </c>
      <c r="B1304" s="6"/>
      <c r="C1304" s="6" t="s">
        <v>1318</v>
      </c>
      <c r="D1304" s="6"/>
      <c r="E1304" s="6" t="s">
        <v>9</v>
      </c>
      <c r="F1304" s="7">
        <v>38657</v>
      </c>
      <c r="G1304" s="8">
        <v>1</v>
      </c>
      <c r="H1304" s="8">
        <v>1</v>
      </c>
      <c r="I1304" s="8">
        <v>0</v>
      </c>
      <c r="J1304" s="8">
        <v>1</v>
      </c>
      <c r="K1304" s="9">
        <v>40</v>
      </c>
      <c r="L1304" s="6" t="s">
        <v>51</v>
      </c>
    </row>
    <row r="1305" spans="1:12">
      <c r="A1305" s="6" t="s">
        <v>49</v>
      </c>
      <c r="B1305" s="6"/>
      <c r="C1305" s="6" t="s">
        <v>1319</v>
      </c>
      <c r="D1305" s="6"/>
      <c r="E1305" s="6" t="s">
        <v>9</v>
      </c>
      <c r="F1305" s="7">
        <v>38657</v>
      </c>
      <c r="G1305" s="8">
        <v>1</v>
      </c>
      <c r="H1305" s="8">
        <v>1</v>
      </c>
      <c r="I1305" s="8">
        <v>0</v>
      </c>
      <c r="J1305" s="8">
        <v>1</v>
      </c>
      <c r="K1305" s="9">
        <v>51</v>
      </c>
      <c r="L1305" s="6" t="s">
        <v>51</v>
      </c>
    </row>
    <row r="1306" spans="1:12">
      <c r="A1306" s="6" t="s">
        <v>49</v>
      </c>
      <c r="B1306" s="6"/>
      <c r="C1306" s="6" t="s">
        <v>1320</v>
      </c>
      <c r="D1306" s="6"/>
      <c r="E1306" s="6" t="s">
        <v>9</v>
      </c>
      <c r="F1306" s="7">
        <v>38657</v>
      </c>
      <c r="G1306" s="8">
        <v>1</v>
      </c>
      <c r="H1306" s="8">
        <v>1</v>
      </c>
      <c r="I1306" s="8">
        <v>0</v>
      </c>
      <c r="J1306" s="8">
        <v>1</v>
      </c>
      <c r="K1306" s="9">
        <v>60</v>
      </c>
      <c r="L1306" s="6" t="s">
        <v>51</v>
      </c>
    </row>
    <row r="1307" spans="1:12">
      <c r="A1307" s="6" t="s">
        <v>49</v>
      </c>
      <c r="B1307" s="6"/>
      <c r="C1307" s="6" t="s">
        <v>1321</v>
      </c>
      <c r="D1307" s="6"/>
      <c r="E1307" s="6" t="s">
        <v>9</v>
      </c>
      <c r="F1307" s="7">
        <v>38657</v>
      </c>
      <c r="G1307" s="8">
        <v>1</v>
      </c>
      <c r="H1307" s="8">
        <v>1</v>
      </c>
      <c r="I1307" s="8">
        <v>0</v>
      </c>
      <c r="J1307" s="8">
        <v>1</v>
      </c>
      <c r="K1307" s="9">
        <v>60</v>
      </c>
      <c r="L1307" s="6" t="s">
        <v>51</v>
      </c>
    </row>
    <row r="1308" spans="1:12">
      <c r="A1308" s="6" t="s">
        <v>49</v>
      </c>
      <c r="B1308" s="6"/>
      <c r="C1308" s="6" t="s">
        <v>1322</v>
      </c>
      <c r="D1308" s="6"/>
      <c r="E1308" s="6" t="s">
        <v>9</v>
      </c>
      <c r="F1308" s="7">
        <v>38657</v>
      </c>
      <c r="G1308" s="8">
        <v>1</v>
      </c>
      <c r="H1308" s="8">
        <v>1</v>
      </c>
      <c r="I1308" s="8">
        <v>0</v>
      </c>
      <c r="J1308" s="8">
        <v>1</v>
      </c>
      <c r="K1308" s="9">
        <v>34</v>
      </c>
      <c r="L1308" s="6" t="s">
        <v>51</v>
      </c>
    </row>
    <row r="1309" spans="1:12">
      <c r="A1309" s="6" t="s">
        <v>49</v>
      </c>
      <c r="B1309" s="6"/>
      <c r="C1309" s="6" t="s">
        <v>1323</v>
      </c>
      <c r="D1309" s="6"/>
      <c r="E1309" s="6" t="s">
        <v>9</v>
      </c>
      <c r="F1309" s="7">
        <v>38657</v>
      </c>
      <c r="G1309" s="8">
        <v>1</v>
      </c>
      <c r="H1309" s="8">
        <v>1</v>
      </c>
      <c r="I1309" s="8">
        <v>0</v>
      </c>
      <c r="J1309" s="8">
        <v>1</v>
      </c>
      <c r="K1309" s="9">
        <v>625</v>
      </c>
      <c r="L1309" s="6" t="s">
        <v>51</v>
      </c>
    </row>
    <row r="1310" spans="1:12">
      <c r="A1310" s="6" t="s">
        <v>49</v>
      </c>
      <c r="B1310" s="6"/>
      <c r="C1310" s="6" t="s">
        <v>1324</v>
      </c>
      <c r="D1310" s="6"/>
      <c r="E1310" s="6" t="s">
        <v>9</v>
      </c>
      <c r="F1310" s="7">
        <v>38657</v>
      </c>
      <c r="G1310" s="8">
        <v>1</v>
      </c>
      <c r="H1310" s="8">
        <v>1</v>
      </c>
      <c r="I1310" s="8">
        <v>0</v>
      </c>
      <c r="J1310" s="8">
        <v>1</v>
      </c>
      <c r="K1310" s="9">
        <v>33.99</v>
      </c>
      <c r="L1310" s="6" t="s">
        <v>51</v>
      </c>
    </row>
    <row r="1311" spans="1:12">
      <c r="A1311" s="6" t="s">
        <v>49</v>
      </c>
      <c r="B1311" s="6"/>
      <c r="C1311" s="6" t="s">
        <v>1325</v>
      </c>
      <c r="D1311" s="6"/>
      <c r="E1311" s="6" t="s">
        <v>9</v>
      </c>
      <c r="F1311" s="7">
        <v>38657</v>
      </c>
      <c r="G1311" s="8">
        <v>1</v>
      </c>
      <c r="H1311" s="8">
        <v>1</v>
      </c>
      <c r="I1311" s="8">
        <v>0</v>
      </c>
      <c r="J1311" s="8">
        <v>1</v>
      </c>
      <c r="K1311" s="9">
        <v>28.37</v>
      </c>
      <c r="L1311" s="6" t="s">
        <v>51</v>
      </c>
    </row>
    <row r="1312" spans="1:12">
      <c r="A1312" s="6" t="s">
        <v>49</v>
      </c>
      <c r="B1312" s="6"/>
      <c r="C1312" s="6" t="s">
        <v>1326</v>
      </c>
      <c r="D1312" s="6"/>
      <c r="E1312" s="6" t="s">
        <v>9</v>
      </c>
      <c r="F1312" s="7">
        <v>38657</v>
      </c>
      <c r="G1312" s="8">
        <v>1</v>
      </c>
      <c r="H1312" s="8">
        <v>1</v>
      </c>
      <c r="I1312" s="8">
        <v>0</v>
      </c>
      <c r="J1312" s="8">
        <v>1</v>
      </c>
      <c r="K1312" s="9">
        <v>34</v>
      </c>
      <c r="L1312" s="6" t="s">
        <v>51</v>
      </c>
    </row>
    <row r="1313" spans="1:12">
      <c r="A1313" s="6" t="s">
        <v>49</v>
      </c>
      <c r="B1313" s="6"/>
      <c r="C1313" s="6" t="s">
        <v>1327</v>
      </c>
      <c r="D1313" s="6"/>
      <c r="E1313" s="6" t="s">
        <v>9</v>
      </c>
      <c r="F1313" s="7">
        <v>38657</v>
      </c>
      <c r="G1313" s="8">
        <v>1</v>
      </c>
      <c r="H1313" s="8">
        <v>1</v>
      </c>
      <c r="I1313" s="8">
        <v>0</v>
      </c>
      <c r="J1313" s="8">
        <v>1</v>
      </c>
      <c r="K1313" s="9">
        <v>56</v>
      </c>
      <c r="L1313" s="6" t="s">
        <v>51</v>
      </c>
    </row>
    <row r="1314" spans="1:12">
      <c r="A1314" s="6" t="s">
        <v>49</v>
      </c>
      <c r="B1314" s="6"/>
      <c r="C1314" s="6" t="s">
        <v>1328</v>
      </c>
      <c r="D1314" s="6"/>
      <c r="E1314" s="6" t="s">
        <v>9</v>
      </c>
      <c r="F1314" s="7">
        <v>38657</v>
      </c>
      <c r="G1314" s="8">
        <v>1</v>
      </c>
      <c r="H1314" s="8">
        <v>1</v>
      </c>
      <c r="I1314" s="8">
        <v>0</v>
      </c>
      <c r="J1314" s="8">
        <v>1</v>
      </c>
      <c r="K1314" s="9">
        <v>205</v>
      </c>
      <c r="L1314" s="6" t="s">
        <v>51</v>
      </c>
    </row>
    <row r="1315" spans="1:12">
      <c r="A1315" s="6" t="s">
        <v>49</v>
      </c>
      <c r="B1315" s="6"/>
      <c r="C1315" s="6" t="s">
        <v>1329</v>
      </c>
      <c r="D1315" s="6"/>
      <c r="E1315" s="6" t="s">
        <v>9</v>
      </c>
      <c r="F1315" s="7">
        <v>38657</v>
      </c>
      <c r="G1315" s="8">
        <v>1</v>
      </c>
      <c r="H1315" s="8">
        <v>1</v>
      </c>
      <c r="I1315" s="8">
        <v>0</v>
      </c>
      <c r="J1315" s="8">
        <v>1</v>
      </c>
      <c r="K1315" s="9">
        <v>25</v>
      </c>
      <c r="L1315" s="6" t="s">
        <v>51</v>
      </c>
    </row>
    <row r="1316" spans="1:12">
      <c r="A1316" s="6" t="s">
        <v>49</v>
      </c>
      <c r="B1316" s="6"/>
      <c r="C1316" s="6" t="s">
        <v>1330</v>
      </c>
      <c r="D1316" s="6"/>
      <c r="E1316" s="6" t="s">
        <v>9</v>
      </c>
      <c r="F1316" s="7">
        <v>38657</v>
      </c>
      <c r="G1316" s="8">
        <v>1</v>
      </c>
      <c r="H1316" s="8">
        <v>1</v>
      </c>
      <c r="I1316" s="8">
        <v>0</v>
      </c>
      <c r="J1316" s="8">
        <v>1</v>
      </c>
      <c r="K1316" s="9">
        <v>3357</v>
      </c>
      <c r="L1316" s="6" t="s">
        <v>51</v>
      </c>
    </row>
    <row r="1317" spans="1:12">
      <c r="A1317" s="6" t="s">
        <v>49</v>
      </c>
      <c r="B1317" s="6"/>
      <c r="C1317" s="6" t="s">
        <v>1331</v>
      </c>
      <c r="D1317" s="6"/>
      <c r="E1317" s="6" t="s">
        <v>9</v>
      </c>
      <c r="F1317" s="7">
        <v>38657</v>
      </c>
      <c r="G1317" s="8">
        <v>1</v>
      </c>
      <c r="H1317" s="8">
        <v>1</v>
      </c>
      <c r="I1317" s="8">
        <v>0</v>
      </c>
      <c r="J1317" s="8">
        <v>1</v>
      </c>
      <c r="K1317" s="9">
        <v>37</v>
      </c>
      <c r="L1317" s="6" t="s">
        <v>51</v>
      </c>
    </row>
    <row r="1318" spans="1:12">
      <c r="A1318" s="6" t="s">
        <v>49</v>
      </c>
      <c r="B1318" s="6"/>
      <c r="C1318" s="6" t="s">
        <v>1332</v>
      </c>
      <c r="D1318" s="6"/>
      <c r="E1318" s="6" t="s">
        <v>9</v>
      </c>
      <c r="F1318" s="7">
        <v>38657</v>
      </c>
      <c r="G1318" s="8">
        <v>1</v>
      </c>
      <c r="H1318" s="8">
        <v>1</v>
      </c>
      <c r="I1318" s="8">
        <v>0</v>
      </c>
      <c r="J1318" s="8">
        <v>1</v>
      </c>
      <c r="K1318" s="9">
        <v>1313</v>
      </c>
      <c r="L1318" s="6" t="s">
        <v>51</v>
      </c>
    </row>
    <row r="1319" spans="1:12">
      <c r="A1319" s="6" t="s">
        <v>49</v>
      </c>
      <c r="B1319" s="6"/>
      <c r="C1319" s="6" t="s">
        <v>1333</v>
      </c>
      <c r="D1319" s="6"/>
      <c r="E1319" s="6" t="s">
        <v>9</v>
      </c>
      <c r="F1319" s="7">
        <v>38657</v>
      </c>
      <c r="G1319" s="8">
        <v>1</v>
      </c>
      <c r="H1319" s="8">
        <v>1</v>
      </c>
      <c r="I1319" s="8">
        <v>0</v>
      </c>
      <c r="J1319" s="8">
        <v>1</v>
      </c>
      <c r="K1319" s="9">
        <v>7160</v>
      </c>
      <c r="L1319" s="6" t="s">
        <v>51</v>
      </c>
    </row>
    <row r="1320" spans="1:12">
      <c r="A1320" s="6" t="s">
        <v>49</v>
      </c>
      <c r="B1320" s="6"/>
      <c r="C1320" s="6" t="s">
        <v>1334</v>
      </c>
      <c r="D1320" s="6"/>
      <c r="E1320" s="6" t="s">
        <v>9</v>
      </c>
      <c r="F1320" s="7">
        <v>38657</v>
      </c>
      <c r="G1320" s="8">
        <v>1</v>
      </c>
      <c r="H1320" s="8">
        <v>1</v>
      </c>
      <c r="I1320" s="8">
        <v>0</v>
      </c>
      <c r="J1320" s="8">
        <v>1</v>
      </c>
      <c r="K1320" s="9">
        <v>138</v>
      </c>
      <c r="L1320" s="6" t="s">
        <v>51</v>
      </c>
    </row>
    <row r="1321" spans="1:12">
      <c r="A1321" s="6" t="s">
        <v>49</v>
      </c>
      <c r="B1321" s="6"/>
      <c r="C1321" s="6" t="s">
        <v>1335</v>
      </c>
      <c r="D1321" s="6"/>
      <c r="E1321" s="6" t="s">
        <v>9</v>
      </c>
      <c r="F1321" s="7">
        <v>38657</v>
      </c>
      <c r="G1321" s="8">
        <v>1</v>
      </c>
      <c r="H1321" s="8">
        <v>1</v>
      </c>
      <c r="I1321" s="8">
        <v>0</v>
      </c>
      <c r="J1321" s="8">
        <v>1</v>
      </c>
      <c r="K1321" s="9">
        <v>4.3</v>
      </c>
      <c r="L1321" s="6" t="s">
        <v>51</v>
      </c>
    </row>
    <row r="1322" spans="1:12">
      <c r="A1322" s="6" t="s">
        <v>49</v>
      </c>
      <c r="B1322" s="6"/>
      <c r="C1322" s="6" t="s">
        <v>1336</v>
      </c>
      <c r="D1322" s="6"/>
      <c r="E1322" s="6" t="s">
        <v>9</v>
      </c>
      <c r="F1322" s="7">
        <v>38657</v>
      </c>
      <c r="G1322" s="8">
        <v>1</v>
      </c>
      <c r="H1322" s="8">
        <v>1</v>
      </c>
      <c r="I1322" s="8">
        <v>0</v>
      </c>
      <c r="J1322" s="8">
        <v>1</v>
      </c>
      <c r="K1322" s="9">
        <v>344</v>
      </c>
      <c r="L1322" s="6" t="s">
        <v>51</v>
      </c>
    </row>
    <row r="1323" spans="1:12">
      <c r="A1323" s="6" t="s">
        <v>49</v>
      </c>
      <c r="B1323" s="6"/>
      <c r="C1323" s="6" t="s">
        <v>1337</v>
      </c>
      <c r="D1323" s="6"/>
      <c r="E1323" s="6" t="s">
        <v>9</v>
      </c>
      <c r="F1323" s="7">
        <v>38657</v>
      </c>
      <c r="G1323" s="8">
        <v>1</v>
      </c>
      <c r="H1323" s="8">
        <v>1</v>
      </c>
      <c r="I1323" s="8">
        <v>0</v>
      </c>
      <c r="J1323" s="8">
        <v>1</v>
      </c>
      <c r="K1323" s="9">
        <v>1.29</v>
      </c>
      <c r="L1323" s="6" t="s">
        <v>51</v>
      </c>
    </row>
    <row r="1324" spans="1:12">
      <c r="A1324" s="6" t="s">
        <v>49</v>
      </c>
      <c r="B1324" s="6"/>
      <c r="C1324" s="6" t="s">
        <v>1338</v>
      </c>
      <c r="D1324" s="6"/>
      <c r="E1324" s="6" t="s">
        <v>9</v>
      </c>
      <c r="F1324" s="7">
        <v>38657</v>
      </c>
      <c r="G1324" s="8">
        <v>1</v>
      </c>
      <c r="H1324" s="8">
        <v>1</v>
      </c>
      <c r="I1324" s="8">
        <v>0</v>
      </c>
      <c r="J1324" s="8">
        <v>1</v>
      </c>
      <c r="K1324" s="9">
        <v>14</v>
      </c>
      <c r="L1324" s="6" t="s">
        <v>51</v>
      </c>
    </row>
    <row r="1325" spans="1:12">
      <c r="A1325" s="6" t="s">
        <v>49</v>
      </c>
      <c r="B1325" s="6"/>
      <c r="C1325" s="6" t="s">
        <v>1339</v>
      </c>
      <c r="D1325" s="6"/>
      <c r="E1325" s="6" t="s">
        <v>9</v>
      </c>
      <c r="F1325" s="7">
        <v>38657</v>
      </c>
      <c r="G1325" s="8">
        <v>1</v>
      </c>
      <c r="H1325" s="8">
        <v>1</v>
      </c>
      <c r="I1325" s="8">
        <v>0</v>
      </c>
      <c r="J1325" s="8">
        <v>1</v>
      </c>
      <c r="K1325" s="9">
        <v>22</v>
      </c>
      <c r="L1325" s="6" t="s">
        <v>51</v>
      </c>
    </row>
    <row r="1326" spans="1:12">
      <c r="A1326" s="6" t="s">
        <v>49</v>
      </c>
      <c r="B1326" s="6"/>
      <c r="C1326" s="6" t="s">
        <v>1340</v>
      </c>
      <c r="D1326" s="6"/>
      <c r="E1326" s="6" t="s">
        <v>9</v>
      </c>
      <c r="F1326" s="7">
        <v>38657</v>
      </c>
      <c r="G1326" s="8">
        <v>1</v>
      </c>
      <c r="H1326" s="8">
        <v>1</v>
      </c>
      <c r="I1326" s="8">
        <v>0</v>
      </c>
      <c r="J1326" s="8">
        <v>1</v>
      </c>
      <c r="K1326" s="9">
        <v>63</v>
      </c>
      <c r="L1326" s="6" t="s">
        <v>51</v>
      </c>
    </row>
    <row r="1327" spans="1:12">
      <c r="A1327" s="6" t="s">
        <v>49</v>
      </c>
      <c r="B1327" s="6"/>
      <c r="C1327" s="6" t="s">
        <v>1341</v>
      </c>
      <c r="D1327" s="6"/>
      <c r="E1327" s="6" t="s">
        <v>9</v>
      </c>
      <c r="F1327" s="7">
        <v>38657</v>
      </c>
      <c r="G1327" s="8">
        <v>1</v>
      </c>
      <c r="H1327" s="8">
        <v>1</v>
      </c>
      <c r="I1327" s="8">
        <v>0</v>
      </c>
      <c r="J1327" s="8">
        <v>1</v>
      </c>
      <c r="K1327" s="9">
        <v>30</v>
      </c>
      <c r="L1327" s="6" t="s">
        <v>51</v>
      </c>
    </row>
    <row r="1328" spans="1:12">
      <c r="A1328" s="6" t="s">
        <v>49</v>
      </c>
      <c r="B1328" s="6"/>
      <c r="C1328" s="6" t="s">
        <v>1342</v>
      </c>
      <c r="D1328" s="6"/>
      <c r="E1328" s="6" t="s">
        <v>9</v>
      </c>
      <c r="F1328" s="7">
        <v>38657</v>
      </c>
      <c r="G1328" s="8">
        <v>1</v>
      </c>
      <c r="H1328" s="8">
        <v>1</v>
      </c>
      <c r="I1328" s="8">
        <v>0</v>
      </c>
      <c r="J1328" s="8">
        <v>1</v>
      </c>
      <c r="K1328" s="9">
        <v>49</v>
      </c>
      <c r="L1328" s="6" t="s">
        <v>51</v>
      </c>
    </row>
    <row r="1329" spans="1:12">
      <c r="A1329" s="6" t="s">
        <v>49</v>
      </c>
      <c r="B1329" s="6"/>
      <c r="C1329" s="6" t="s">
        <v>1343</v>
      </c>
      <c r="D1329" s="6"/>
      <c r="E1329" s="6" t="s">
        <v>9</v>
      </c>
      <c r="F1329" s="7">
        <v>38657</v>
      </c>
      <c r="G1329" s="8">
        <v>1</v>
      </c>
      <c r="H1329" s="8">
        <v>1</v>
      </c>
      <c r="I1329" s="8">
        <v>0</v>
      </c>
      <c r="J1329" s="8">
        <v>1</v>
      </c>
      <c r="K1329" s="9">
        <v>4.96</v>
      </c>
      <c r="L1329" s="6" t="s">
        <v>51</v>
      </c>
    </row>
    <row r="1330" spans="1:12">
      <c r="A1330" s="6" t="s">
        <v>49</v>
      </c>
      <c r="B1330" s="6"/>
      <c r="C1330" s="6" t="s">
        <v>1344</v>
      </c>
      <c r="D1330" s="6"/>
      <c r="E1330" s="6" t="s">
        <v>9</v>
      </c>
      <c r="F1330" s="7">
        <v>38657</v>
      </c>
      <c r="G1330" s="8">
        <v>1</v>
      </c>
      <c r="H1330" s="8">
        <v>1</v>
      </c>
      <c r="I1330" s="8">
        <v>0</v>
      </c>
      <c r="J1330" s="8">
        <v>1</v>
      </c>
      <c r="K1330" s="9">
        <v>3.3</v>
      </c>
      <c r="L1330" s="6" t="s">
        <v>51</v>
      </c>
    </row>
    <row r="1331" spans="1:12">
      <c r="A1331" s="6" t="s">
        <v>49</v>
      </c>
      <c r="B1331" s="6"/>
      <c r="C1331" s="6" t="s">
        <v>1345</v>
      </c>
      <c r="D1331" s="6"/>
      <c r="E1331" s="6" t="s">
        <v>9</v>
      </c>
      <c r="F1331" s="7">
        <v>38657</v>
      </c>
      <c r="G1331" s="8">
        <v>1</v>
      </c>
      <c r="H1331" s="8">
        <v>1</v>
      </c>
      <c r="I1331" s="8">
        <v>0</v>
      </c>
      <c r="J1331" s="8">
        <v>1</v>
      </c>
      <c r="K1331" s="9">
        <v>608</v>
      </c>
      <c r="L1331" s="6" t="s">
        <v>51</v>
      </c>
    </row>
    <row r="1332" spans="1:12">
      <c r="A1332" s="6" t="s">
        <v>49</v>
      </c>
      <c r="B1332" s="6"/>
      <c r="C1332" s="6" t="s">
        <v>1346</v>
      </c>
      <c r="D1332" s="6"/>
      <c r="E1332" s="6" t="s">
        <v>9</v>
      </c>
      <c r="F1332" s="7">
        <v>38657</v>
      </c>
      <c r="G1332" s="8">
        <v>1</v>
      </c>
      <c r="H1332" s="8">
        <v>1</v>
      </c>
      <c r="I1332" s="8">
        <v>0</v>
      </c>
      <c r="J1332" s="8">
        <v>1</v>
      </c>
      <c r="K1332" s="9">
        <v>3.3</v>
      </c>
      <c r="L1332" s="6" t="s">
        <v>51</v>
      </c>
    </row>
    <row r="1333" spans="1:12">
      <c r="A1333" s="6" t="s">
        <v>49</v>
      </c>
      <c r="B1333" s="6"/>
      <c r="C1333" s="6" t="s">
        <v>1347</v>
      </c>
      <c r="D1333" s="6"/>
      <c r="E1333" s="6" t="s">
        <v>9</v>
      </c>
      <c r="F1333" s="7">
        <v>38657</v>
      </c>
      <c r="G1333" s="8">
        <v>1</v>
      </c>
      <c r="H1333" s="8">
        <v>1</v>
      </c>
      <c r="I1333" s="8">
        <v>0</v>
      </c>
      <c r="J1333" s="8">
        <v>1</v>
      </c>
      <c r="K1333" s="9">
        <v>42</v>
      </c>
      <c r="L1333" s="6" t="s">
        <v>51</v>
      </c>
    </row>
    <row r="1334" spans="1:12">
      <c r="A1334" s="6" t="s">
        <v>49</v>
      </c>
      <c r="B1334" s="6"/>
      <c r="C1334" s="6" t="s">
        <v>1348</v>
      </c>
      <c r="D1334" s="6"/>
      <c r="E1334" s="6" t="s">
        <v>9</v>
      </c>
      <c r="F1334" s="7">
        <v>38657</v>
      </c>
      <c r="G1334" s="8">
        <v>1</v>
      </c>
      <c r="H1334" s="8">
        <v>1</v>
      </c>
      <c r="I1334" s="8">
        <v>0</v>
      </c>
      <c r="J1334" s="8">
        <v>1</v>
      </c>
      <c r="K1334" s="9">
        <v>26</v>
      </c>
      <c r="L1334" s="6" t="s">
        <v>51</v>
      </c>
    </row>
    <row r="1335" spans="1:12">
      <c r="A1335" s="6" t="s">
        <v>49</v>
      </c>
      <c r="B1335" s="6"/>
      <c r="C1335" s="6" t="s">
        <v>1349</v>
      </c>
      <c r="D1335" s="6"/>
      <c r="E1335" s="6" t="s">
        <v>9</v>
      </c>
      <c r="F1335" s="7">
        <v>38657</v>
      </c>
      <c r="G1335" s="8">
        <v>1</v>
      </c>
      <c r="H1335" s="8">
        <v>1</v>
      </c>
      <c r="I1335" s="8">
        <v>0</v>
      </c>
      <c r="J1335" s="8">
        <v>1</v>
      </c>
      <c r="K1335" s="9">
        <v>13</v>
      </c>
      <c r="L1335" s="6" t="s">
        <v>51</v>
      </c>
    </row>
    <row r="1336" spans="1:12">
      <c r="A1336" s="6" t="s">
        <v>49</v>
      </c>
      <c r="B1336" s="6"/>
      <c r="C1336" s="6" t="s">
        <v>1350</v>
      </c>
      <c r="D1336" s="6"/>
      <c r="E1336" s="6" t="s">
        <v>9</v>
      </c>
      <c r="F1336" s="7">
        <v>38657</v>
      </c>
      <c r="G1336" s="8">
        <v>1</v>
      </c>
      <c r="H1336" s="8">
        <v>1</v>
      </c>
      <c r="I1336" s="8">
        <v>0</v>
      </c>
      <c r="J1336" s="8">
        <v>1</v>
      </c>
      <c r="K1336" s="9">
        <v>9.91</v>
      </c>
      <c r="L1336" s="6" t="s">
        <v>51</v>
      </c>
    </row>
    <row r="1337" spans="1:12">
      <c r="A1337" s="6" t="s">
        <v>49</v>
      </c>
      <c r="B1337" s="6"/>
      <c r="C1337" s="6" t="s">
        <v>1351</v>
      </c>
      <c r="D1337" s="6"/>
      <c r="E1337" s="6" t="s">
        <v>9</v>
      </c>
      <c r="F1337" s="7">
        <v>38657</v>
      </c>
      <c r="G1337" s="8">
        <v>1</v>
      </c>
      <c r="H1337" s="8">
        <v>1</v>
      </c>
      <c r="I1337" s="8">
        <v>0</v>
      </c>
      <c r="J1337" s="8">
        <v>1</v>
      </c>
      <c r="K1337" s="9">
        <v>4.63</v>
      </c>
      <c r="L1337" s="6" t="s">
        <v>51</v>
      </c>
    </row>
    <row r="1338" spans="1:12">
      <c r="A1338" s="6" t="s">
        <v>49</v>
      </c>
      <c r="B1338" s="6"/>
      <c r="C1338" s="6" t="s">
        <v>1352</v>
      </c>
      <c r="D1338" s="6"/>
      <c r="E1338" s="6" t="s">
        <v>9</v>
      </c>
      <c r="F1338" s="7">
        <v>38657</v>
      </c>
      <c r="G1338" s="8">
        <v>1</v>
      </c>
      <c r="H1338" s="8">
        <v>1</v>
      </c>
      <c r="I1338" s="8">
        <v>0</v>
      </c>
      <c r="J1338" s="8">
        <v>1</v>
      </c>
      <c r="K1338" s="9">
        <v>2.71</v>
      </c>
      <c r="L1338" s="6" t="s">
        <v>51</v>
      </c>
    </row>
    <row r="1339" spans="1:12">
      <c r="A1339" s="6" t="s">
        <v>49</v>
      </c>
      <c r="B1339" s="6"/>
      <c r="C1339" s="6" t="s">
        <v>1353</v>
      </c>
      <c r="D1339" s="6"/>
      <c r="E1339" s="6" t="s">
        <v>9</v>
      </c>
      <c r="F1339" s="7">
        <v>38657</v>
      </c>
      <c r="G1339" s="8">
        <v>1</v>
      </c>
      <c r="H1339" s="8">
        <v>1</v>
      </c>
      <c r="I1339" s="8">
        <v>0</v>
      </c>
      <c r="J1339" s="8">
        <v>1</v>
      </c>
      <c r="K1339" s="9">
        <v>23</v>
      </c>
      <c r="L1339" s="6" t="s">
        <v>51</v>
      </c>
    </row>
    <row r="1340" spans="1:12">
      <c r="A1340" s="6" t="s">
        <v>49</v>
      </c>
      <c r="B1340" s="6"/>
      <c r="C1340" s="6" t="s">
        <v>1354</v>
      </c>
      <c r="D1340" s="6"/>
      <c r="E1340" s="6" t="s">
        <v>9</v>
      </c>
      <c r="F1340" s="7">
        <v>38657</v>
      </c>
      <c r="G1340" s="8">
        <v>1</v>
      </c>
      <c r="H1340" s="8">
        <v>1</v>
      </c>
      <c r="I1340" s="8">
        <v>0</v>
      </c>
      <c r="J1340" s="8">
        <v>1</v>
      </c>
      <c r="K1340" s="9">
        <v>6.61</v>
      </c>
      <c r="L1340" s="6" t="s">
        <v>51</v>
      </c>
    </row>
    <row r="1341" spans="1:12">
      <c r="A1341" s="6" t="s">
        <v>49</v>
      </c>
      <c r="B1341" s="6"/>
      <c r="C1341" s="6" t="s">
        <v>1355</v>
      </c>
      <c r="D1341" s="6"/>
      <c r="E1341" s="6" t="s">
        <v>9</v>
      </c>
      <c r="F1341" s="7">
        <v>38657</v>
      </c>
      <c r="G1341" s="8">
        <v>1</v>
      </c>
      <c r="H1341" s="8">
        <v>1</v>
      </c>
      <c r="I1341" s="8">
        <v>0</v>
      </c>
      <c r="J1341" s="8">
        <v>1</v>
      </c>
      <c r="K1341" s="9">
        <v>4.24</v>
      </c>
      <c r="L1341" s="6" t="s">
        <v>51</v>
      </c>
    </row>
    <row r="1342" spans="1:12">
      <c r="A1342" s="6" t="s">
        <v>49</v>
      </c>
      <c r="B1342" s="6"/>
      <c r="C1342" s="6" t="s">
        <v>1356</v>
      </c>
      <c r="D1342" s="6"/>
      <c r="E1342" s="6" t="s">
        <v>9</v>
      </c>
      <c r="F1342" s="7">
        <v>38657</v>
      </c>
      <c r="G1342" s="8">
        <v>1</v>
      </c>
      <c r="H1342" s="8">
        <v>1</v>
      </c>
      <c r="I1342" s="8">
        <v>0</v>
      </c>
      <c r="J1342" s="8">
        <v>1</v>
      </c>
      <c r="K1342" s="9">
        <v>1522</v>
      </c>
      <c r="L1342" s="6" t="s">
        <v>51</v>
      </c>
    </row>
    <row r="1343" spans="1:12">
      <c r="A1343" s="6" t="s">
        <v>49</v>
      </c>
      <c r="B1343" s="6"/>
      <c r="C1343" s="6" t="s">
        <v>1357</v>
      </c>
      <c r="D1343" s="6"/>
      <c r="E1343" s="6" t="s">
        <v>9</v>
      </c>
      <c r="F1343" s="7">
        <v>38657</v>
      </c>
      <c r="G1343" s="8">
        <v>1</v>
      </c>
      <c r="H1343" s="8">
        <v>1</v>
      </c>
      <c r="I1343" s="8">
        <v>0</v>
      </c>
      <c r="J1343" s="8">
        <v>1</v>
      </c>
      <c r="K1343" s="9">
        <v>19</v>
      </c>
      <c r="L1343" s="6" t="s">
        <v>51</v>
      </c>
    </row>
    <row r="1344" spans="1:12">
      <c r="A1344" s="6" t="s">
        <v>49</v>
      </c>
      <c r="B1344" s="6"/>
      <c r="C1344" s="6" t="s">
        <v>1358</v>
      </c>
      <c r="D1344" s="6"/>
      <c r="E1344" s="6" t="s">
        <v>9</v>
      </c>
      <c r="F1344" s="7">
        <v>38657</v>
      </c>
      <c r="G1344" s="8">
        <v>1</v>
      </c>
      <c r="H1344" s="8">
        <v>1</v>
      </c>
      <c r="I1344" s="8">
        <v>0</v>
      </c>
      <c r="J1344" s="8">
        <v>1</v>
      </c>
      <c r="K1344" s="9">
        <v>13.54</v>
      </c>
      <c r="L1344" s="6" t="s">
        <v>51</v>
      </c>
    </row>
    <row r="1345" spans="1:12">
      <c r="A1345" s="6" t="s">
        <v>49</v>
      </c>
      <c r="B1345" s="6"/>
      <c r="C1345" s="6" t="s">
        <v>1359</v>
      </c>
      <c r="D1345" s="6"/>
      <c r="E1345" s="6" t="s">
        <v>9</v>
      </c>
      <c r="F1345" s="7">
        <v>38657</v>
      </c>
      <c r="G1345" s="8">
        <v>1</v>
      </c>
      <c r="H1345" s="8">
        <v>1</v>
      </c>
      <c r="I1345" s="8">
        <v>0</v>
      </c>
      <c r="J1345" s="8">
        <v>1</v>
      </c>
      <c r="K1345" s="9">
        <v>9.91</v>
      </c>
      <c r="L1345" s="6" t="s">
        <v>51</v>
      </c>
    </row>
    <row r="1346" spans="1:12">
      <c r="A1346" s="6" t="s">
        <v>49</v>
      </c>
      <c r="B1346" s="6"/>
      <c r="C1346" s="6" t="s">
        <v>1360</v>
      </c>
      <c r="D1346" s="6"/>
      <c r="E1346" s="6" t="s">
        <v>9</v>
      </c>
      <c r="F1346" s="7">
        <v>38657</v>
      </c>
      <c r="G1346" s="8">
        <v>1</v>
      </c>
      <c r="H1346" s="8">
        <v>1</v>
      </c>
      <c r="I1346" s="8">
        <v>0</v>
      </c>
      <c r="J1346" s="8">
        <v>1</v>
      </c>
      <c r="K1346" s="9">
        <v>30.02</v>
      </c>
      <c r="L1346" s="6" t="s">
        <v>51</v>
      </c>
    </row>
    <row r="1347" spans="1:12">
      <c r="A1347" s="6" t="s">
        <v>49</v>
      </c>
      <c r="B1347" s="6"/>
      <c r="C1347" s="6" t="s">
        <v>1361</v>
      </c>
      <c r="D1347" s="6"/>
      <c r="E1347" s="6" t="s">
        <v>9</v>
      </c>
      <c r="F1347" s="7">
        <v>38657</v>
      </c>
      <c r="G1347" s="8">
        <v>1</v>
      </c>
      <c r="H1347" s="8">
        <v>1</v>
      </c>
      <c r="I1347" s="8">
        <v>0</v>
      </c>
      <c r="J1347" s="8">
        <v>1</v>
      </c>
      <c r="K1347" s="9">
        <v>6.61</v>
      </c>
      <c r="L1347" s="6" t="s">
        <v>51</v>
      </c>
    </row>
    <row r="1348" spans="1:12">
      <c r="A1348" s="6" t="s">
        <v>49</v>
      </c>
      <c r="B1348" s="6"/>
      <c r="C1348" s="6" t="s">
        <v>1362</v>
      </c>
      <c r="D1348" s="6"/>
      <c r="E1348" s="6" t="s">
        <v>9</v>
      </c>
      <c r="F1348" s="7">
        <v>38657</v>
      </c>
      <c r="G1348" s="8">
        <v>1</v>
      </c>
      <c r="H1348" s="8">
        <v>1</v>
      </c>
      <c r="I1348" s="8">
        <v>0</v>
      </c>
      <c r="J1348" s="8">
        <v>1</v>
      </c>
      <c r="K1348" s="9">
        <v>2.58</v>
      </c>
      <c r="L1348" s="6" t="s">
        <v>51</v>
      </c>
    </row>
    <row r="1349" spans="1:12">
      <c r="A1349" s="6" t="s">
        <v>49</v>
      </c>
      <c r="B1349" s="6"/>
      <c r="C1349" s="6" t="s">
        <v>1363</v>
      </c>
      <c r="D1349" s="6"/>
      <c r="E1349" s="6" t="s">
        <v>9</v>
      </c>
      <c r="F1349" s="7">
        <v>38657</v>
      </c>
      <c r="G1349" s="8">
        <v>1</v>
      </c>
      <c r="H1349" s="8">
        <v>1</v>
      </c>
      <c r="I1349" s="8">
        <v>0</v>
      </c>
      <c r="J1349" s="8">
        <v>1</v>
      </c>
      <c r="K1349" s="9">
        <v>9.91</v>
      </c>
      <c r="L1349" s="6" t="s">
        <v>51</v>
      </c>
    </row>
    <row r="1350" spans="1:12">
      <c r="A1350" s="6" t="s">
        <v>49</v>
      </c>
      <c r="B1350" s="6"/>
      <c r="C1350" s="6" t="s">
        <v>1364</v>
      </c>
      <c r="D1350" s="6"/>
      <c r="E1350" s="6" t="s">
        <v>9</v>
      </c>
      <c r="F1350" s="7">
        <v>38657</v>
      </c>
      <c r="G1350" s="8">
        <v>1</v>
      </c>
      <c r="H1350" s="8">
        <v>1</v>
      </c>
      <c r="I1350" s="8">
        <v>0</v>
      </c>
      <c r="J1350" s="8">
        <v>1</v>
      </c>
      <c r="K1350" s="9">
        <v>19</v>
      </c>
      <c r="L1350" s="6" t="s">
        <v>51</v>
      </c>
    </row>
    <row r="1351" spans="1:12">
      <c r="A1351" s="6" t="s">
        <v>49</v>
      </c>
      <c r="B1351" s="6"/>
      <c r="C1351" s="6" t="s">
        <v>1365</v>
      </c>
      <c r="D1351" s="6"/>
      <c r="E1351" s="6" t="s">
        <v>9</v>
      </c>
      <c r="F1351" s="7">
        <v>38657</v>
      </c>
      <c r="G1351" s="8">
        <v>1</v>
      </c>
      <c r="H1351" s="8">
        <v>1</v>
      </c>
      <c r="I1351" s="8">
        <v>0</v>
      </c>
      <c r="J1351" s="8">
        <v>1</v>
      </c>
      <c r="K1351" s="9">
        <v>7.42</v>
      </c>
      <c r="L1351" s="6" t="s">
        <v>51</v>
      </c>
    </row>
    <row r="1352" spans="1:12">
      <c r="A1352" s="6" t="s">
        <v>49</v>
      </c>
      <c r="B1352" s="6"/>
      <c r="C1352" s="6" t="s">
        <v>1366</v>
      </c>
      <c r="D1352" s="6"/>
      <c r="E1352" s="6" t="s">
        <v>9</v>
      </c>
      <c r="F1352" s="7">
        <v>38657</v>
      </c>
      <c r="G1352" s="8">
        <v>1</v>
      </c>
      <c r="H1352" s="8">
        <v>1</v>
      </c>
      <c r="I1352" s="8">
        <v>0</v>
      </c>
      <c r="J1352" s="8">
        <v>1</v>
      </c>
      <c r="K1352" s="9">
        <v>29</v>
      </c>
      <c r="L1352" s="6" t="s">
        <v>51</v>
      </c>
    </row>
    <row r="1353" spans="1:12">
      <c r="A1353" s="6" t="s">
        <v>49</v>
      </c>
      <c r="B1353" s="6"/>
      <c r="C1353" s="6" t="s">
        <v>1367</v>
      </c>
      <c r="D1353" s="6"/>
      <c r="E1353" s="6" t="s">
        <v>9</v>
      </c>
      <c r="F1353" s="7">
        <v>38657</v>
      </c>
      <c r="G1353" s="8">
        <v>1</v>
      </c>
      <c r="H1353" s="8">
        <v>1</v>
      </c>
      <c r="I1353" s="8">
        <v>0</v>
      </c>
      <c r="J1353" s="8">
        <v>1</v>
      </c>
      <c r="K1353" s="9">
        <v>158</v>
      </c>
      <c r="L1353" s="6" t="s">
        <v>51</v>
      </c>
    </row>
    <row r="1354" spans="1:12">
      <c r="A1354" s="6" t="s">
        <v>49</v>
      </c>
      <c r="B1354" s="6"/>
      <c r="C1354" s="6" t="s">
        <v>1368</v>
      </c>
      <c r="D1354" s="6"/>
      <c r="E1354" s="6" t="s">
        <v>9</v>
      </c>
      <c r="F1354" s="7">
        <v>38657</v>
      </c>
      <c r="G1354" s="8">
        <v>1</v>
      </c>
      <c r="H1354" s="8">
        <v>1</v>
      </c>
      <c r="I1354" s="8">
        <v>0</v>
      </c>
      <c r="J1354" s="8">
        <v>1</v>
      </c>
      <c r="K1354" s="9">
        <v>55</v>
      </c>
      <c r="L1354" s="6" t="s">
        <v>51</v>
      </c>
    </row>
    <row r="1355" spans="1:12">
      <c r="A1355" s="6" t="s">
        <v>49</v>
      </c>
      <c r="B1355" s="6"/>
      <c r="C1355" s="6" t="s">
        <v>1369</v>
      </c>
      <c r="D1355" s="6"/>
      <c r="E1355" s="6" t="s">
        <v>9</v>
      </c>
      <c r="F1355" s="7">
        <v>38657</v>
      </c>
      <c r="G1355" s="8">
        <v>1</v>
      </c>
      <c r="H1355" s="8">
        <v>1</v>
      </c>
      <c r="I1355" s="8">
        <v>0</v>
      </c>
      <c r="J1355" s="8">
        <v>1</v>
      </c>
      <c r="K1355" s="9">
        <v>2.88</v>
      </c>
      <c r="L1355" s="6" t="s">
        <v>51</v>
      </c>
    </row>
    <row r="1356" spans="1:12">
      <c r="A1356" s="6" t="s">
        <v>49</v>
      </c>
      <c r="B1356" s="6"/>
      <c r="C1356" s="6" t="s">
        <v>1370</v>
      </c>
      <c r="D1356" s="6"/>
      <c r="E1356" s="6" t="s">
        <v>9</v>
      </c>
      <c r="F1356" s="7">
        <v>38657</v>
      </c>
      <c r="G1356" s="8">
        <v>1</v>
      </c>
      <c r="H1356" s="8">
        <v>1</v>
      </c>
      <c r="I1356" s="8">
        <v>0</v>
      </c>
      <c r="J1356" s="8">
        <v>1</v>
      </c>
      <c r="K1356" s="9">
        <v>4.95</v>
      </c>
      <c r="L1356" s="6" t="s">
        <v>51</v>
      </c>
    </row>
    <row r="1357" spans="1:12">
      <c r="A1357" s="6" t="s">
        <v>49</v>
      </c>
      <c r="B1357" s="6"/>
      <c r="C1357" s="6" t="s">
        <v>1371</v>
      </c>
      <c r="D1357" s="6"/>
      <c r="E1357" s="6" t="s">
        <v>9</v>
      </c>
      <c r="F1357" s="7">
        <v>38657</v>
      </c>
      <c r="G1357" s="8">
        <v>1</v>
      </c>
      <c r="H1357" s="8">
        <v>1</v>
      </c>
      <c r="I1357" s="8">
        <v>0</v>
      </c>
      <c r="J1357" s="8">
        <v>1</v>
      </c>
      <c r="K1357" s="9">
        <v>13</v>
      </c>
      <c r="L1357" s="6" t="s">
        <v>51</v>
      </c>
    </row>
    <row r="1358" spans="1:12">
      <c r="A1358" s="6" t="s">
        <v>49</v>
      </c>
      <c r="B1358" s="6"/>
      <c r="C1358" s="6" t="s">
        <v>1372</v>
      </c>
      <c r="D1358" s="6"/>
      <c r="E1358" s="6" t="s">
        <v>9</v>
      </c>
      <c r="F1358" s="7">
        <v>38657</v>
      </c>
      <c r="G1358" s="8">
        <v>1</v>
      </c>
      <c r="H1358" s="8">
        <v>1</v>
      </c>
      <c r="I1358" s="8">
        <v>0</v>
      </c>
      <c r="J1358" s="8">
        <v>1</v>
      </c>
      <c r="K1358" s="9">
        <v>2.73</v>
      </c>
      <c r="L1358" s="6" t="s">
        <v>51</v>
      </c>
    </row>
    <row r="1359" spans="1:12">
      <c r="A1359" s="6" t="s">
        <v>49</v>
      </c>
      <c r="B1359" s="6"/>
      <c r="C1359" s="6" t="s">
        <v>1373</v>
      </c>
      <c r="D1359" s="6"/>
      <c r="E1359" s="6" t="s">
        <v>9</v>
      </c>
      <c r="F1359" s="7">
        <v>38657</v>
      </c>
      <c r="G1359" s="8">
        <v>1</v>
      </c>
      <c r="H1359" s="8">
        <v>1</v>
      </c>
      <c r="I1359" s="8">
        <v>0</v>
      </c>
      <c r="J1359" s="8">
        <v>1</v>
      </c>
      <c r="K1359" s="9">
        <v>4.71</v>
      </c>
      <c r="L1359" s="6" t="s">
        <v>51</v>
      </c>
    </row>
    <row r="1360" spans="1:12">
      <c r="A1360" s="6" t="s">
        <v>49</v>
      </c>
      <c r="B1360" s="6"/>
      <c r="C1360" s="6" t="s">
        <v>1374</v>
      </c>
      <c r="D1360" s="6"/>
      <c r="E1360" s="6" t="s">
        <v>9</v>
      </c>
      <c r="F1360" s="7">
        <v>38657</v>
      </c>
      <c r="G1360" s="8">
        <v>1</v>
      </c>
      <c r="H1360" s="8">
        <v>1</v>
      </c>
      <c r="I1360" s="8">
        <v>0</v>
      </c>
      <c r="J1360" s="8">
        <v>1</v>
      </c>
      <c r="K1360" s="9">
        <v>90</v>
      </c>
      <c r="L1360" s="6" t="s">
        <v>51</v>
      </c>
    </row>
    <row r="1361" spans="1:12">
      <c r="A1361" s="6" t="s">
        <v>49</v>
      </c>
      <c r="B1361" s="6"/>
      <c r="C1361" s="6" t="s">
        <v>1375</v>
      </c>
      <c r="D1361" s="6"/>
      <c r="E1361" s="6" t="s">
        <v>9</v>
      </c>
      <c r="F1361" s="7">
        <v>38657</v>
      </c>
      <c r="G1361" s="8">
        <v>1</v>
      </c>
      <c r="H1361" s="8">
        <v>1</v>
      </c>
      <c r="I1361" s="8">
        <v>0</v>
      </c>
      <c r="J1361" s="8">
        <v>1</v>
      </c>
      <c r="K1361" s="9">
        <v>70</v>
      </c>
      <c r="L1361" s="6" t="s">
        <v>51</v>
      </c>
    </row>
    <row r="1362" spans="1:12">
      <c r="A1362" s="6" t="s">
        <v>49</v>
      </c>
      <c r="B1362" s="6"/>
      <c r="C1362" s="6" t="s">
        <v>1376</v>
      </c>
      <c r="D1362" s="6"/>
      <c r="E1362" s="6" t="s">
        <v>9</v>
      </c>
      <c r="F1362" s="7">
        <v>38657</v>
      </c>
      <c r="G1362" s="8">
        <v>1</v>
      </c>
      <c r="H1362" s="8">
        <v>1</v>
      </c>
      <c r="I1362" s="8">
        <v>0</v>
      </c>
      <c r="J1362" s="8">
        <v>1</v>
      </c>
      <c r="K1362" s="9">
        <v>43</v>
      </c>
      <c r="L1362" s="6" t="s">
        <v>51</v>
      </c>
    </row>
    <row r="1363" spans="1:12">
      <c r="A1363" s="6" t="s">
        <v>49</v>
      </c>
      <c r="B1363" s="6"/>
      <c r="C1363" s="6" t="s">
        <v>1377</v>
      </c>
      <c r="D1363" s="6"/>
      <c r="E1363" s="6" t="s">
        <v>9</v>
      </c>
      <c r="F1363" s="7">
        <v>38657</v>
      </c>
      <c r="G1363" s="8">
        <v>1</v>
      </c>
      <c r="H1363" s="8">
        <v>1</v>
      </c>
      <c r="I1363" s="8">
        <v>0</v>
      </c>
      <c r="J1363" s="8">
        <v>1</v>
      </c>
      <c r="K1363" s="9">
        <v>57</v>
      </c>
      <c r="L1363" s="6" t="s">
        <v>51</v>
      </c>
    </row>
    <row r="1364" spans="1:12">
      <c r="A1364" s="6" t="s">
        <v>49</v>
      </c>
      <c r="B1364" s="6"/>
      <c r="C1364" s="6" t="s">
        <v>1378</v>
      </c>
      <c r="D1364" s="6"/>
      <c r="E1364" s="6" t="s">
        <v>9</v>
      </c>
      <c r="F1364" s="7">
        <v>38657</v>
      </c>
      <c r="G1364" s="8">
        <v>1</v>
      </c>
      <c r="H1364" s="8">
        <v>1</v>
      </c>
      <c r="I1364" s="8">
        <v>0</v>
      </c>
      <c r="J1364" s="8">
        <v>1</v>
      </c>
      <c r="K1364" s="9">
        <v>3.11</v>
      </c>
      <c r="L1364" s="6" t="s">
        <v>51</v>
      </c>
    </row>
    <row r="1365" spans="1:12">
      <c r="A1365" s="6" t="s">
        <v>49</v>
      </c>
      <c r="B1365" s="6"/>
      <c r="C1365" s="6" t="s">
        <v>1379</v>
      </c>
      <c r="D1365" s="6"/>
      <c r="E1365" s="6" t="s">
        <v>9</v>
      </c>
      <c r="F1365" s="7">
        <v>38657</v>
      </c>
      <c r="G1365" s="8">
        <v>1</v>
      </c>
      <c r="H1365" s="8">
        <v>1</v>
      </c>
      <c r="I1365" s="8">
        <v>0</v>
      </c>
      <c r="J1365" s="8">
        <v>1</v>
      </c>
      <c r="K1365" s="9">
        <v>161.729999999999</v>
      </c>
      <c r="L1365" s="6" t="s">
        <v>51</v>
      </c>
    </row>
    <row r="1366" spans="1:12">
      <c r="A1366" s="6" t="s">
        <v>49</v>
      </c>
      <c r="B1366" s="6"/>
      <c r="C1366" s="6" t="s">
        <v>1380</v>
      </c>
      <c r="D1366" s="6"/>
      <c r="E1366" s="6" t="s">
        <v>9</v>
      </c>
      <c r="F1366" s="7">
        <v>38657</v>
      </c>
      <c r="G1366" s="8">
        <v>1</v>
      </c>
      <c r="H1366" s="8">
        <v>1</v>
      </c>
      <c r="I1366" s="8">
        <v>0</v>
      </c>
      <c r="J1366" s="8">
        <v>1</v>
      </c>
      <c r="K1366" s="9">
        <v>869</v>
      </c>
      <c r="L1366" s="6" t="s">
        <v>51</v>
      </c>
    </row>
    <row r="1367" spans="1:12">
      <c r="A1367" s="6" t="s">
        <v>49</v>
      </c>
      <c r="B1367" s="6"/>
      <c r="C1367" s="6" t="s">
        <v>1381</v>
      </c>
      <c r="D1367" s="6"/>
      <c r="E1367" s="6" t="s">
        <v>9</v>
      </c>
      <c r="F1367" s="7">
        <v>39442</v>
      </c>
      <c r="G1367" s="8">
        <v>1405852</v>
      </c>
      <c r="H1367" s="8">
        <v>1405852</v>
      </c>
      <c r="I1367" s="8">
        <v>0</v>
      </c>
      <c r="J1367" s="8">
        <v>1405852</v>
      </c>
      <c r="K1367" s="9">
        <v>189</v>
      </c>
      <c r="L1367" s="6" t="s">
        <v>51</v>
      </c>
    </row>
    <row r="1368" spans="1:12">
      <c r="A1368" s="6" t="s">
        <v>49</v>
      </c>
      <c r="B1368" s="6"/>
      <c r="C1368" s="6" t="s">
        <v>1382</v>
      </c>
      <c r="D1368" s="6"/>
      <c r="E1368" s="6" t="s">
        <v>9</v>
      </c>
      <c r="F1368" s="7">
        <v>39442</v>
      </c>
      <c r="G1368" s="8">
        <v>1432492</v>
      </c>
      <c r="H1368" s="8">
        <v>1432492</v>
      </c>
      <c r="I1368" s="8">
        <v>0</v>
      </c>
      <c r="J1368" s="8">
        <v>1432492</v>
      </c>
      <c r="K1368" s="9">
        <v>193</v>
      </c>
      <c r="L1368" s="6" t="s">
        <v>51</v>
      </c>
    </row>
    <row r="1369" spans="1:12">
      <c r="A1369" s="6" t="s">
        <v>49</v>
      </c>
      <c r="B1369" s="6"/>
      <c r="C1369" s="6" t="s">
        <v>1383</v>
      </c>
      <c r="D1369" s="6"/>
      <c r="E1369" s="6" t="s">
        <v>9</v>
      </c>
      <c r="F1369" s="7">
        <v>39442</v>
      </c>
      <c r="G1369" s="8">
        <v>931512</v>
      </c>
      <c r="H1369" s="8">
        <v>931512</v>
      </c>
      <c r="I1369" s="8">
        <v>0</v>
      </c>
      <c r="J1369" s="8">
        <v>931512</v>
      </c>
      <c r="K1369" s="9">
        <v>125</v>
      </c>
      <c r="L1369" s="6" t="s">
        <v>51</v>
      </c>
    </row>
    <row r="1370" spans="1:12">
      <c r="A1370" s="6" t="s">
        <v>49</v>
      </c>
      <c r="B1370" s="6"/>
      <c r="C1370" s="6" t="s">
        <v>1384</v>
      </c>
      <c r="D1370" s="6"/>
      <c r="E1370" s="6" t="s">
        <v>9</v>
      </c>
      <c r="F1370" s="7">
        <v>39442</v>
      </c>
      <c r="G1370" s="8">
        <v>2967918</v>
      </c>
      <c r="H1370" s="8">
        <v>2967918</v>
      </c>
      <c r="I1370" s="8">
        <v>0</v>
      </c>
      <c r="J1370" s="8">
        <v>2967918</v>
      </c>
      <c r="K1370" s="9">
        <v>401</v>
      </c>
      <c r="L1370" s="6" t="s">
        <v>51</v>
      </c>
    </row>
    <row r="1371" spans="1:12">
      <c r="A1371" s="6" t="s">
        <v>49</v>
      </c>
      <c r="B1371" s="6"/>
      <c r="C1371" s="6" t="s">
        <v>1385</v>
      </c>
      <c r="D1371" s="6"/>
      <c r="E1371" s="6" t="s">
        <v>9</v>
      </c>
      <c r="F1371" s="7">
        <v>39442</v>
      </c>
      <c r="G1371" s="8">
        <v>590150</v>
      </c>
      <c r="H1371" s="8">
        <v>590150</v>
      </c>
      <c r="I1371" s="8">
        <v>0</v>
      </c>
      <c r="J1371" s="8">
        <v>590150</v>
      </c>
      <c r="K1371" s="9">
        <v>79</v>
      </c>
      <c r="L1371" s="6" t="s">
        <v>51</v>
      </c>
    </row>
    <row r="1372" spans="1:12">
      <c r="A1372" s="6" t="s">
        <v>49</v>
      </c>
      <c r="B1372" s="6"/>
      <c r="C1372" s="6" t="s">
        <v>1386</v>
      </c>
      <c r="D1372" s="6"/>
      <c r="E1372" s="6" t="s">
        <v>9</v>
      </c>
      <c r="F1372" s="7">
        <v>39442</v>
      </c>
      <c r="G1372" s="8">
        <v>45288</v>
      </c>
      <c r="H1372" s="8">
        <v>45288</v>
      </c>
      <c r="I1372" s="8">
        <v>0</v>
      </c>
      <c r="J1372" s="8">
        <v>45288</v>
      </c>
      <c r="K1372" s="9">
        <v>6.12</v>
      </c>
      <c r="L1372" s="6" t="s">
        <v>51</v>
      </c>
    </row>
    <row r="1373" spans="1:12">
      <c r="A1373" s="6" t="s">
        <v>49</v>
      </c>
      <c r="B1373" s="6"/>
      <c r="C1373" s="6" t="s">
        <v>1387</v>
      </c>
      <c r="D1373" s="6"/>
      <c r="E1373" s="6" t="s">
        <v>9</v>
      </c>
      <c r="F1373" s="7">
        <v>39442</v>
      </c>
      <c r="G1373" s="8">
        <v>1489028</v>
      </c>
      <c r="H1373" s="8">
        <v>1489028</v>
      </c>
      <c r="I1373" s="8">
        <v>0</v>
      </c>
      <c r="J1373" s="8">
        <v>1489028</v>
      </c>
      <c r="K1373" s="9">
        <v>201</v>
      </c>
      <c r="L1373" s="6" t="s">
        <v>51</v>
      </c>
    </row>
    <row r="1374" spans="1:12">
      <c r="A1374" s="6" t="s">
        <v>49</v>
      </c>
      <c r="B1374" s="6"/>
      <c r="C1374" s="6" t="s">
        <v>1388</v>
      </c>
      <c r="D1374" s="6"/>
      <c r="E1374" s="6" t="s">
        <v>9</v>
      </c>
      <c r="F1374" s="7">
        <v>39442</v>
      </c>
      <c r="G1374" s="8">
        <v>3258368</v>
      </c>
      <c r="H1374" s="8">
        <v>3258368</v>
      </c>
      <c r="I1374" s="8">
        <v>0</v>
      </c>
      <c r="J1374" s="8">
        <v>3258368</v>
      </c>
      <c r="K1374" s="9">
        <v>440</v>
      </c>
      <c r="L1374" s="6" t="s">
        <v>51</v>
      </c>
    </row>
    <row r="1375" spans="1:12">
      <c r="A1375" s="6" t="s">
        <v>49</v>
      </c>
      <c r="B1375" s="6"/>
      <c r="C1375" s="6" t="s">
        <v>1389</v>
      </c>
      <c r="D1375" s="6"/>
      <c r="E1375" s="6" t="s">
        <v>9</v>
      </c>
      <c r="F1375" s="7">
        <v>39457</v>
      </c>
      <c r="G1375" s="8">
        <v>1</v>
      </c>
      <c r="H1375" s="8">
        <v>1</v>
      </c>
      <c r="I1375" s="8">
        <v>0</v>
      </c>
      <c r="J1375" s="8">
        <v>1</v>
      </c>
      <c r="K1375" s="9">
        <v>38.770000000000003</v>
      </c>
      <c r="L1375" s="6" t="s">
        <v>51</v>
      </c>
    </row>
    <row r="1376" spans="1:12">
      <c r="A1376" s="6" t="s">
        <v>49</v>
      </c>
      <c r="B1376" s="6"/>
      <c r="C1376" s="6" t="s">
        <v>1390</v>
      </c>
      <c r="D1376" s="6"/>
      <c r="E1376" s="6" t="s">
        <v>9</v>
      </c>
      <c r="F1376" s="7">
        <v>38657</v>
      </c>
      <c r="G1376" s="8">
        <v>1</v>
      </c>
      <c r="H1376" s="8">
        <v>1</v>
      </c>
      <c r="I1376" s="8">
        <v>0</v>
      </c>
      <c r="J1376" s="8">
        <v>1</v>
      </c>
      <c r="K1376" s="9">
        <v>105.94</v>
      </c>
      <c r="L1376" s="6" t="s">
        <v>51</v>
      </c>
    </row>
    <row r="1377" spans="1:12">
      <c r="A1377" s="6" t="s">
        <v>49</v>
      </c>
      <c r="B1377" s="6"/>
      <c r="C1377" s="6" t="s">
        <v>1391</v>
      </c>
      <c r="D1377" s="6"/>
      <c r="E1377" s="6" t="s">
        <v>9</v>
      </c>
      <c r="F1377" s="7">
        <v>39457</v>
      </c>
      <c r="G1377" s="8">
        <v>1</v>
      </c>
      <c r="H1377" s="8">
        <v>1</v>
      </c>
      <c r="I1377" s="8">
        <v>0</v>
      </c>
      <c r="J1377" s="8">
        <v>1</v>
      </c>
      <c r="K1377" s="9">
        <v>443.95</v>
      </c>
      <c r="L1377" s="6" t="s">
        <v>51</v>
      </c>
    </row>
    <row r="1378" spans="1:12">
      <c r="A1378" s="6" t="s">
        <v>49</v>
      </c>
      <c r="B1378" s="6"/>
      <c r="C1378" s="6" t="s">
        <v>1392</v>
      </c>
      <c r="D1378" s="6"/>
      <c r="E1378" s="6" t="s">
        <v>9</v>
      </c>
      <c r="F1378" s="7">
        <v>38657</v>
      </c>
      <c r="G1378" s="8">
        <v>1</v>
      </c>
      <c r="H1378" s="8">
        <v>1</v>
      </c>
      <c r="I1378" s="8">
        <v>0</v>
      </c>
      <c r="J1378" s="8">
        <v>1</v>
      </c>
      <c r="K1378" s="9">
        <v>1974</v>
      </c>
      <c r="L1378" s="6" t="s">
        <v>51</v>
      </c>
    </row>
    <row r="1379" spans="1:12">
      <c r="A1379" s="6" t="s">
        <v>49</v>
      </c>
      <c r="B1379" s="6"/>
      <c r="C1379" s="6" t="s">
        <v>1393</v>
      </c>
      <c r="D1379" s="6"/>
      <c r="E1379" s="6" t="s">
        <v>9</v>
      </c>
      <c r="F1379" s="7">
        <v>38657</v>
      </c>
      <c r="G1379" s="8">
        <v>1</v>
      </c>
      <c r="H1379" s="8">
        <v>1</v>
      </c>
      <c r="I1379" s="8">
        <v>0</v>
      </c>
      <c r="J1379" s="8">
        <v>1</v>
      </c>
      <c r="K1379" s="9">
        <v>1187</v>
      </c>
      <c r="L1379" s="6" t="s">
        <v>51</v>
      </c>
    </row>
    <row r="1380" spans="1:12">
      <c r="A1380" s="6" t="s">
        <v>49</v>
      </c>
      <c r="B1380" s="6"/>
      <c r="C1380" s="6" t="s">
        <v>1394</v>
      </c>
      <c r="D1380" s="6"/>
      <c r="E1380" s="6" t="s">
        <v>9</v>
      </c>
      <c r="F1380" s="7">
        <v>41660</v>
      </c>
      <c r="G1380" s="8">
        <v>1</v>
      </c>
      <c r="H1380" s="8">
        <v>1</v>
      </c>
      <c r="I1380" s="8">
        <v>0</v>
      </c>
      <c r="J1380" s="8">
        <v>1</v>
      </c>
      <c r="K1380" s="9">
        <v>99</v>
      </c>
      <c r="L1380" s="6" t="s">
        <v>51</v>
      </c>
    </row>
    <row r="1381" spans="1:12">
      <c r="A1381" s="6" t="s">
        <v>49</v>
      </c>
      <c r="B1381" s="6"/>
      <c r="C1381" s="6" t="s">
        <v>1395</v>
      </c>
      <c r="D1381" s="6"/>
      <c r="E1381" s="6" t="s">
        <v>9</v>
      </c>
      <c r="F1381" s="7">
        <v>38657</v>
      </c>
      <c r="G1381" s="8">
        <v>1</v>
      </c>
      <c r="H1381" s="8">
        <v>1</v>
      </c>
      <c r="I1381" s="8">
        <v>0</v>
      </c>
      <c r="J1381" s="8">
        <v>1</v>
      </c>
      <c r="K1381" s="9">
        <v>73</v>
      </c>
      <c r="L1381" s="6" t="s">
        <v>51</v>
      </c>
    </row>
    <row r="1382" spans="1:12">
      <c r="A1382" s="6" t="s">
        <v>49</v>
      </c>
      <c r="B1382" s="6"/>
      <c r="C1382" s="6" t="s">
        <v>1396</v>
      </c>
      <c r="D1382" s="6"/>
      <c r="E1382" s="6" t="s">
        <v>9</v>
      </c>
      <c r="F1382" s="7">
        <v>38657</v>
      </c>
      <c r="G1382" s="8">
        <v>1</v>
      </c>
      <c r="H1382" s="8">
        <v>1</v>
      </c>
      <c r="I1382" s="8">
        <v>0</v>
      </c>
      <c r="J1382" s="8">
        <v>1</v>
      </c>
      <c r="K1382" s="9">
        <v>11</v>
      </c>
      <c r="L1382" s="6" t="s">
        <v>51</v>
      </c>
    </row>
    <row r="1383" spans="1:12">
      <c r="A1383" s="6" t="s">
        <v>49</v>
      </c>
      <c r="B1383" s="6"/>
      <c r="C1383" s="6" t="s">
        <v>1397</v>
      </c>
      <c r="D1383" s="6"/>
      <c r="E1383" s="6" t="s">
        <v>9</v>
      </c>
      <c r="F1383" s="7">
        <v>38657</v>
      </c>
      <c r="G1383" s="8">
        <v>1</v>
      </c>
      <c r="H1383" s="8">
        <v>1</v>
      </c>
      <c r="I1383" s="8">
        <v>0</v>
      </c>
      <c r="J1383" s="8">
        <v>1</v>
      </c>
      <c r="K1383" s="9">
        <v>55.76</v>
      </c>
      <c r="L1383" s="6" t="s">
        <v>51</v>
      </c>
    </row>
    <row r="1384" spans="1:12">
      <c r="A1384" s="6" t="s">
        <v>49</v>
      </c>
      <c r="B1384" s="6"/>
      <c r="C1384" s="6" t="s">
        <v>1398</v>
      </c>
      <c r="D1384" s="6"/>
      <c r="E1384" s="6" t="s">
        <v>9</v>
      </c>
      <c r="F1384" s="7">
        <v>38657</v>
      </c>
      <c r="G1384" s="8">
        <v>1</v>
      </c>
      <c r="H1384" s="8">
        <v>1</v>
      </c>
      <c r="I1384" s="8">
        <v>0</v>
      </c>
      <c r="J1384" s="8">
        <v>1</v>
      </c>
      <c r="K1384" s="9">
        <v>54</v>
      </c>
      <c r="L1384" s="6" t="s">
        <v>51</v>
      </c>
    </row>
    <row r="1385" spans="1:12">
      <c r="A1385" s="6" t="s">
        <v>49</v>
      </c>
      <c r="B1385" s="6"/>
      <c r="C1385" s="6" t="s">
        <v>1399</v>
      </c>
      <c r="D1385" s="6"/>
      <c r="E1385" s="6" t="s">
        <v>9</v>
      </c>
      <c r="F1385" s="7">
        <v>38657</v>
      </c>
      <c r="G1385" s="8">
        <v>1</v>
      </c>
      <c r="H1385" s="8">
        <v>1</v>
      </c>
      <c r="I1385" s="8">
        <v>0</v>
      </c>
      <c r="J1385" s="8">
        <v>1</v>
      </c>
      <c r="K1385" s="9">
        <v>132.82</v>
      </c>
      <c r="L1385" s="6" t="s">
        <v>51</v>
      </c>
    </row>
    <row r="1386" spans="1:12">
      <c r="A1386" s="6" t="s">
        <v>49</v>
      </c>
      <c r="B1386" s="6"/>
      <c r="C1386" s="6" t="s">
        <v>1400</v>
      </c>
      <c r="D1386" s="6"/>
      <c r="E1386" s="6" t="s">
        <v>9</v>
      </c>
      <c r="F1386" s="7">
        <v>38657</v>
      </c>
      <c r="G1386" s="8">
        <v>1</v>
      </c>
      <c r="H1386" s="8">
        <v>1</v>
      </c>
      <c r="I1386" s="8">
        <v>0</v>
      </c>
      <c r="J1386" s="8">
        <v>1</v>
      </c>
      <c r="K1386" s="9">
        <v>5.63</v>
      </c>
      <c r="L1386" s="6" t="s">
        <v>51</v>
      </c>
    </row>
    <row r="1387" spans="1:12">
      <c r="A1387" s="6" t="s">
        <v>49</v>
      </c>
      <c r="B1387" s="6"/>
      <c r="C1387" s="6" t="s">
        <v>1401</v>
      </c>
      <c r="D1387" s="6"/>
      <c r="E1387" s="6" t="s">
        <v>9</v>
      </c>
      <c r="F1387" s="7">
        <v>38657</v>
      </c>
      <c r="G1387" s="8">
        <v>1</v>
      </c>
      <c r="H1387" s="8">
        <v>1</v>
      </c>
      <c r="I1387" s="8">
        <v>0</v>
      </c>
      <c r="J1387" s="8">
        <v>1</v>
      </c>
      <c r="K1387" s="9">
        <v>310.8</v>
      </c>
      <c r="L1387" s="6" t="s">
        <v>51</v>
      </c>
    </row>
    <row r="1388" spans="1:12">
      <c r="A1388" s="6" t="s">
        <v>49</v>
      </c>
      <c r="B1388" s="6"/>
      <c r="C1388" s="6" t="s">
        <v>1402</v>
      </c>
      <c r="D1388" s="6"/>
      <c r="E1388" s="6" t="s">
        <v>9</v>
      </c>
      <c r="F1388" s="7">
        <v>38657</v>
      </c>
      <c r="G1388" s="8">
        <v>1</v>
      </c>
      <c r="H1388" s="8">
        <v>1</v>
      </c>
      <c r="I1388" s="8">
        <v>0</v>
      </c>
      <c r="J1388" s="8">
        <v>1</v>
      </c>
      <c r="K1388" s="9">
        <v>24.81</v>
      </c>
      <c r="L1388" s="6" t="s">
        <v>51</v>
      </c>
    </row>
    <row r="1389" spans="1:12">
      <c r="A1389" s="6" t="s">
        <v>49</v>
      </c>
      <c r="B1389" s="6"/>
      <c r="C1389" s="6" t="s">
        <v>1403</v>
      </c>
      <c r="D1389" s="6"/>
      <c r="E1389" s="6" t="s">
        <v>9</v>
      </c>
      <c r="F1389" s="7">
        <v>38657</v>
      </c>
      <c r="G1389" s="8">
        <v>1</v>
      </c>
      <c r="H1389" s="8">
        <v>1</v>
      </c>
      <c r="I1389" s="8">
        <v>0</v>
      </c>
      <c r="J1389" s="8">
        <v>1</v>
      </c>
      <c r="K1389" s="9">
        <v>5.69</v>
      </c>
      <c r="L1389" s="6" t="s">
        <v>51</v>
      </c>
    </row>
    <row r="1390" spans="1:12">
      <c r="A1390" s="6" t="s">
        <v>49</v>
      </c>
      <c r="B1390" s="6"/>
      <c r="C1390" s="6" t="s">
        <v>1404</v>
      </c>
      <c r="D1390" s="6"/>
      <c r="E1390" s="6" t="s">
        <v>9</v>
      </c>
      <c r="F1390" s="7">
        <v>38657</v>
      </c>
      <c r="G1390" s="8">
        <v>1</v>
      </c>
      <c r="H1390" s="8">
        <v>1</v>
      </c>
      <c r="I1390" s="8">
        <v>0</v>
      </c>
      <c r="J1390" s="8">
        <v>1</v>
      </c>
      <c r="K1390" s="9">
        <v>62.24</v>
      </c>
      <c r="L1390" s="6" t="s">
        <v>51</v>
      </c>
    </row>
    <row r="1391" spans="1:12">
      <c r="A1391" s="6" t="s">
        <v>49</v>
      </c>
      <c r="B1391" s="6"/>
      <c r="C1391" s="6" t="s">
        <v>1405</v>
      </c>
      <c r="D1391" s="6"/>
      <c r="E1391" s="6" t="s">
        <v>9</v>
      </c>
      <c r="F1391" s="7">
        <v>38657</v>
      </c>
      <c r="G1391" s="8">
        <v>1</v>
      </c>
      <c r="H1391" s="8">
        <v>1</v>
      </c>
      <c r="I1391" s="8">
        <v>0</v>
      </c>
      <c r="J1391" s="8">
        <v>1</v>
      </c>
      <c r="K1391" s="9">
        <v>274</v>
      </c>
      <c r="L1391" s="6" t="s">
        <v>51</v>
      </c>
    </row>
    <row r="1392" spans="1:12">
      <c r="A1392" s="6" t="s">
        <v>49</v>
      </c>
      <c r="B1392" s="6"/>
      <c r="C1392" s="6" t="s">
        <v>1406</v>
      </c>
      <c r="D1392" s="6"/>
      <c r="E1392" s="6" t="s">
        <v>9</v>
      </c>
      <c r="F1392" s="7">
        <v>38657</v>
      </c>
      <c r="G1392" s="8">
        <v>1</v>
      </c>
      <c r="H1392" s="8">
        <v>1</v>
      </c>
      <c r="I1392" s="8">
        <v>0</v>
      </c>
      <c r="J1392" s="8">
        <v>1</v>
      </c>
      <c r="K1392" s="9">
        <v>45</v>
      </c>
      <c r="L1392" s="6" t="s">
        <v>51</v>
      </c>
    </row>
    <row r="1393" spans="1:12">
      <c r="A1393" s="6" t="s">
        <v>49</v>
      </c>
      <c r="B1393" s="6"/>
      <c r="C1393" s="6" t="s">
        <v>1407</v>
      </c>
      <c r="D1393" s="6"/>
      <c r="E1393" s="6" t="s">
        <v>9</v>
      </c>
      <c r="F1393" s="7">
        <v>38657</v>
      </c>
      <c r="G1393" s="8">
        <v>1</v>
      </c>
      <c r="H1393" s="8">
        <v>1</v>
      </c>
      <c r="I1393" s="8">
        <v>0</v>
      </c>
      <c r="J1393" s="8">
        <v>1</v>
      </c>
      <c r="K1393" s="9">
        <v>979</v>
      </c>
      <c r="L1393" s="6" t="s">
        <v>51</v>
      </c>
    </row>
    <row r="1394" spans="1:12">
      <c r="A1394" s="6" t="s">
        <v>49</v>
      </c>
      <c r="B1394" s="6"/>
      <c r="C1394" s="6" t="s">
        <v>1408</v>
      </c>
      <c r="D1394" s="6"/>
      <c r="E1394" s="6" t="s">
        <v>9</v>
      </c>
      <c r="F1394" s="7">
        <v>38657</v>
      </c>
      <c r="G1394" s="8">
        <v>1</v>
      </c>
      <c r="H1394" s="8">
        <v>1</v>
      </c>
      <c r="I1394" s="8">
        <v>0</v>
      </c>
      <c r="J1394" s="8">
        <v>1</v>
      </c>
      <c r="K1394" s="9">
        <v>83</v>
      </c>
      <c r="L1394" s="6" t="s">
        <v>51</v>
      </c>
    </row>
    <row r="1395" spans="1:12">
      <c r="A1395" s="6" t="s">
        <v>49</v>
      </c>
      <c r="B1395" s="6"/>
      <c r="C1395" s="6" t="s">
        <v>1409</v>
      </c>
      <c r="D1395" s="6"/>
      <c r="E1395" s="6" t="s">
        <v>9</v>
      </c>
      <c r="F1395" s="7">
        <v>41364</v>
      </c>
      <c r="G1395" s="8">
        <v>1</v>
      </c>
      <c r="H1395" s="8">
        <v>1</v>
      </c>
      <c r="I1395" s="8">
        <v>0</v>
      </c>
      <c r="J1395" s="8">
        <v>1</v>
      </c>
      <c r="K1395" s="9">
        <v>40</v>
      </c>
      <c r="L1395" s="6" t="s">
        <v>51</v>
      </c>
    </row>
    <row r="1396" spans="1:12">
      <c r="A1396" s="6" t="s">
        <v>49</v>
      </c>
      <c r="B1396" s="6"/>
      <c r="C1396" s="6" t="s">
        <v>1410</v>
      </c>
      <c r="D1396" s="6"/>
      <c r="E1396" s="6" t="s">
        <v>9</v>
      </c>
      <c r="F1396" s="7">
        <v>41364</v>
      </c>
      <c r="G1396" s="8">
        <v>1</v>
      </c>
      <c r="H1396" s="8">
        <v>1</v>
      </c>
      <c r="I1396" s="8">
        <v>0</v>
      </c>
      <c r="J1396" s="8">
        <v>1</v>
      </c>
      <c r="K1396" s="9">
        <v>40</v>
      </c>
      <c r="L1396" s="6" t="s">
        <v>51</v>
      </c>
    </row>
    <row r="1397" spans="1:12">
      <c r="A1397" s="6" t="s">
        <v>49</v>
      </c>
      <c r="B1397" s="6"/>
      <c r="C1397" s="6" t="s">
        <v>1411</v>
      </c>
      <c r="D1397" s="6"/>
      <c r="E1397" s="6" t="s">
        <v>9</v>
      </c>
      <c r="F1397" s="7">
        <v>38657</v>
      </c>
      <c r="G1397" s="8">
        <v>1</v>
      </c>
      <c r="H1397" s="8">
        <v>1</v>
      </c>
      <c r="I1397" s="8">
        <v>0</v>
      </c>
      <c r="J1397" s="8">
        <v>1</v>
      </c>
      <c r="K1397" s="9">
        <v>40</v>
      </c>
      <c r="L1397" s="6" t="s">
        <v>51</v>
      </c>
    </row>
    <row r="1398" spans="1:12">
      <c r="A1398" s="6" t="s">
        <v>49</v>
      </c>
      <c r="B1398" s="6"/>
      <c r="C1398" s="6" t="s">
        <v>1412</v>
      </c>
      <c r="D1398" s="6"/>
      <c r="E1398" s="6" t="s">
        <v>9</v>
      </c>
      <c r="F1398" s="7">
        <v>38657</v>
      </c>
      <c r="G1398" s="8">
        <v>1</v>
      </c>
      <c r="H1398" s="8">
        <v>1</v>
      </c>
      <c r="I1398" s="8">
        <v>0</v>
      </c>
      <c r="J1398" s="8">
        <v>1</v>
      </c>
      <c r="K1398" s="9">
        <v>113.98</v>
      </c>
      <c r="L1398" s="6" t="s">
        <v>51</v>
      </c>
    </row>
    <row r="1399" spans="1:12">
      <c r="A1399" s="6" t="s">
        <v>49</v>
      </c>
      <c r="B1399" s="6"/>
      <c r="C1399" s="6" t="s">
        <v>1413</v>
      </c>
      <c r="D1399" s="6"/>
      <c r="E1399" s="6" t="s">
        <v>9</v>
      </c>
      <c r="F1399" s="7">
        <v>38657</v>
      </c>
      <c r="G1399" s="8">
        <v>1</v>
      </c>
      <c r="H1399" s="8">
        <v>1</v>
      </c>
      <c r="I1399" s="8">
        <v>0</v>
      </c>
      <c r="J1399" s="8">
        <v>1</v>
      </c>
      <c r="K1399" s="9">
        <v>40</v>
      </c>
      <c r="L1399" s="6" t="s">
        <v>51</v>
      </c>
    </row>
    <row r="1400" spans="1:12">
      <c r="A1400" s="6" t="s">
        <v>49</v>
      </c>
      <c r="B1400" s="6"/>
      <c r="C1400" s="6" t="s">
        <v>1414</v>
      </c>
      <c r="D1400" s="6"/>
      <c r="E1400" s="6" t="s">
        <v>9</v>
      </c>
      <c r="F1400" s="7">
        <v>38657</v>
      </c>
      <c r="G1400" s="8">
        <v>1</v>
      </c>
      <c r="H1400" s="8">
        <v>1</v>
      </c>
      <c r="I1400" s="8">
        <v>0</v>
      </c>
      <c r="J1400" s="8">
        <v>1</v>
      </c>
      <c r="K1400" s="9">
        <v>40</v>
      </c>
      <c r="L1400" s="6" t="s">
        <v>51</v>
      </c>
    </row>
    <row r="1401" spans="1:12">
      <c r="A1401" s="6" t="s">
        <v>49</v>
      </c>
      <c r="B1401" s="6"/>
      <c r="C1401" s="6" t="s">
        <v>1415</v>
      </c>
      <c r="D1401" s="6"/>
      <c r="E1401" s="6" t="s">
        <v>9</v>
      </c>
      <c r="F1401" s="7">
        <v>38657</v>
      </c>
      <c r="G1401" s="8">
        <v>1</v>
      </c>
      <c r="H1401" s="8">
        <v>1</v>
      </c>
      <c r="I1401" s="8">
        <v>0</v>
      </c>
      <c r="J1401" s="8">
        <v>1</v>
      </c>
      <c r="K1401" s="9">
        <v>40</v>
      </c>
      <c r="L1401" s="6" t="s">
        <v>51</v>
      </c>
    </row>
    <row r="1402" spans="1:12">
      <c r="A1402" s="6" t="s">
        <v>49</v>
      </c>
      <c r="B1402" s="6"/>
      <c r="C1402" s="6" t="s">
        <v>1416</v>
      </c>
      <c r="D1402" s="6"/>
      <c r="E1402" s="6" t="s">
        <v>9</v>
      </c>
      <c r="F1402" s="7">
        <v>38657</v>
      </c>
      <c r="G1402" s="8">
        <v>1</v>
      </c>
      <c r="H1402" s="8">
        <v>1</v>
      </c>
      <c r="I1402" s="8">
        <v>0</v>
      </c>
      <c r="J1402" s="8">
        <v>1</v>
      </c>
      <c r="K1402" s="9">
        <v>40</v>
      </c>
      <c r="L1402" s="6" t="s">
        <v>51</v>
      </c>
    </row>
    <row r="1403" spans="1:12">
      <c r="A1403" s="6" t="s">
        <v>49</v>
      </c>
      <c r="B1403" s="6"/>
      <c r="C1403" s="6" t="s">
        <v>1417</v>
      </c>
      <c r="D1403" s="6"/>
      <c r="E1403" s="6" t="s">
        <v>9</v>
      </c>
      <c r="F1403" s="7">
        <v>38657</v>
      </c>
      <c r="G1403" s="8">
        <v>1</v>
      </c>
      <c r="H1403" s="8">
        <v>1</v>
      </c>
      <c r="I1403" s="8">
        <v>0</v>
      </c>
      <c r="J1403" s="8">
        <v>1</v>
      </c>
      <c r="K1403" s="9">
        <v>41</v>
      </c>
      <c r="L1403" s="6" t="s">
        <v>51</v>
      </c>
    </row>
    <row r="1404" spans="1:12">
      <c r="A1404" s="6" t="s">
        <v>49</v>
      </c>
      <c r="B1404" s="6"/>
      <c r="C1404" s="6" t="s">
        <v>1418</v>
      </c>
      <c r="D1404" s="6"/>
      <c r="E1404" s="6" t="s">
        <v>9</v>
      </c>
      <c r="F1404" s="7">
        <v>38657</v>
      </c>
      <c r="G1404" s="8">
        <v>1</v>
      </c>
      <c r="H1404" s="8">
        <v>1</v>
      </c>
      <c r="I1404" s="8">
        <v>0</v>
      </c>
      <c r="J1404" s="8">
        <v>1</v>
      </c>
      <c r="K1404" s="9">
        <v>40</v>
      </c>
      <c r="L1404" s="6" t="s">
        <v>51</v>
      </c>
    </row>
    <row r="1405" spans="1:12">
      <c r="A1405" s="6" t="s">
        <v>49</v>
      </c>
      <c r="B1405" s="6"/>
      <c r="C1405" s="6" t="s">
        <v>1419</v>
      </c>
      <c r="D1405" s="6"/>
      <c r="E1405" s="6" t="s">
        <v>9</v>
      </c>
      <c r="F1405" s="7">
        <v>38657</v>
      </c>
      <c r="G1405" s="8">
        <v>1</v>
      </c>
      <c r="H1405" s="8">
        <v>1</v>
      </c>
      <c r="I1405" s="8">
        <v>0</v>
      </c>
      <c r="J1405" s="8">
        <v>1</v>
      </c>
      <c r="K1405" s="9">
        <v>40</v>
      </c>
      <c r="L1405" s="6" t="s">
        <v>51</v>
      </c>
    </row>
    <row r="1406" spans="1:12">
      <c r="A1406" s="6" t="s">
        <v>49</v>
      </c>
      <c r="B1406" s="6"/>
      <c r="C1406" s="6" t="s">
        <v>1420</v>
      </c>
      <c r="D1406" s="6"/>
      <c r="E1406" s="6" t="s">
        <v>9</v>
      </c>
      <c r="F1406" s="7">
        <v>38657</v>
      </c>
      <c r="G1406" s="8">
        <v>1</v>
      </c>
      <c r="H1406" s="8">
        <v>1</v>
      </c>
      <c r="I1406" s="8">
        <v>0</v>
      </c>
      <c r="J1406" s="8">
        <v>1</v>
      </c>
      <c r="K1406" s="9">
        <v>40</v>
      </c>
      <c r="L1406" s="6" t="s">
        <v>51</v>
      </c>
    </row>
    <row r="1407" spans="1:12">
      <c r="A1407" s="6" t="s">
        <v>49</v>
      </c>
      <c r="B1407" s="6"/>
      <c r="C1407" s="6" t="s">
        <v>1421</v>
      </c>
      <c r="D1407" s="6"/>
      <c r="E1407" s="6" t="s">
        <v>9</v>
      </c>
      <c r="F1407" s="7">
        <v>38657</v>
      </c>
      <c r="G1407" s="8">
        <v>1</v>
      </c>
      <c r="H1407" s="8">
        <v>1</v>
      </c>
      <c r="I1407" s="8">
        <v>0</v>
      </c>
      <c r="J1407" s="8">
        <v>1</v>
      </c>
      <c r="K1407" s="9">
        <v>11</v>
      </c>
      <c r="L1407" s="6" t="s">
        <v>51</v>
      </c>
    </row>
    <row r="1408" spans="1:12">
      <c r="A1408" s="6" t="s">
        <v>49</v>
      </c>
      <c r="B1408" s="6"/>
      <c r="C1408" s="6" t="s">
        <v>1422</v>
      </c>
      <c r="D1408" s="6"/>
      <c r="E1408" s="6" t="s">
        <v>9</v>
      </c>
      <c r="F1408" s="7">
        <v>38657</v>
      </c>
      <c r="G1408" s="8">
        <v>1</v>
      </c>
      <c r="H1408" s="8">
        <v>1</v>
      </c>
      <c r="I1408" s="8">
        <v>0</v>
      </c>
      <c r="J1408" s="8">
        <v>1</v>
      </c>
      <c r="K1408" s="9">
        <v>11</v>
      </c>
      <c r="L1408" s="6" t="s">
        <v>51</v>
      </c>
    </row>
    <row r="1409" spans="1:12">
      <c r="A1409" s="6" t="s">
        <v>49</v>
      </c>
      <c r="B1409" s="6"/>
      <c r="C1409" s="6" t="s">
        <v>1423</v>
      </c>
      <c r="D1409" s="6"/>
      <c r="E1409" s="6" t="s">
        <v>9</v>
      </c>
      <c r="F1409" s="7">
        <v>38657</v>
      </c>
      <c r="G1409" s="8">
        <v>1</v>
      </c>
      <c r="H1409" s="8">
        <v>1</v>
      </c>
      <c r="I1409" s="8">
        <v>0</v>
      </c>
      <c r="J1409" s="8">
        <v>1</v>
      </c>
      <c r="K1409" s="9">
        <v>247.88</v>
      </c>
      <c r="L1409" s="6" t="s">
        <v>51</v>
      </c>
    </row>
    <row r="1410" spans="1:12">
      <c r="A1410" s="6" t="s">
        <v>49</v>
      </c>
      <c r="B1410" s="6"/>
      <c r="C1410" s="6" t="s">
        <v>1424</v>
      </c>
      <c r="D1410" s="6"/>
      <c r="E1410" s="6" t="s">
        <v>9</v>
      </c>
      <c r="F1410" s="7">
        <v>38657</v>
      </c>
      <c r="G1410" s="8">
        <v>1</v>
      </c>
      <c r="H1410" s="8">
        <v>1</v>
      </c>
      <c r="I1410" s="8">
        <v>0</v>
      </c>
      <c r="J1410" s="8">
        <v>1</v>
      </c>
      <c r="K1410" s="9">
        <v>11</v>
      </c>
      <c r="L1410" s="6" t="s">
        <v>51</v>
      </c>
    </row>
    <row r="1411" spans="1:12">
      <c r="A1411" s="6" t="s">
        <v>49</v>
      </c>
      <c r="B1411" s="6"/>
      <c r="C1411" s="6" t="s">
        <v>1425</v>
      </c>
      <c r="D1411" s="6"/>
      <c r="E1411" s="6" t="s">
        <v>9</v>
      </c>
      <c r="F1411" s="7">
        <v>38657</v>
      </c>
      <c r="G1411" s="8">
        <v>1</v>
      </c>
      <c r="H1411" s="8">
        <v>1</v>
      </c>
      <c r="I1411" s="8">
        <v>0</v>
      </c>
      <c r="J1411" s="8">
        <v>1</v>
      </c>
      <c r="K1411" s="9">
        <v>4.8600000000000003</v>
      </c>
      <c r="L1411" s="6" t="s">
        <v>51</v>
      </c>
    </row>
    <row r="1412" spans="1:12">
      <c r="A1412" s="6" t="s">
        <v>49</v>
      </c>
      <c r="B1412" s="6"/>
      <c r="C1412" s="6" t="s">
        <v>1426</v>
      </c>
      <c r="D1412" s="6"/>
      <c r="E1412" s="6" t="s">
        <v>9</v>
      </c>
      <c r="F1412" s="7">
        <v>38657</v>
      </c>
      <c r="G1412" s="8">
        <v>1</v>
      </c>
      <c r="H1412" s="8">
        <v>1</v>
      </c>
      <c r="I1412" s="8">
        <v>0</v>
      </c>
      <c r="J1412" s="8">
        <v>1</v>
      </c>
      <c r="K1412" s="9">
        <v>39</v>
      </c>
      <c r="L1412" s="6" t="s">
        <v>51</v>
      </c>
    </row>
    <row r="1413" spans="1:12">
      <c r="A1413" s="6" t="s">
        <v>49</v>
      </c>
      <c r="B1413" s="6"/>
      <c r="C1413" s="6" t="s">
        <v>1427</v>
      </c>
      <c r="D1413" s="6"/>
      <c r="E1413" s="6" t="s">
        <v>9</v>
      </c>
      <c r="F1413" s="7">
        <v>38657</v>
      </c>
      <c r="G1413" s="8">
        <v>1</v>
      </c>
      <c r="H1413" s="8">
        <v>1</v>
      </c>
      <c r="I1413" s="8">
        <v>0</v>
      </c>
      <c r="J1413" s="8">
        <v>1</v>
      </c>
      <c r="K1413" s="9">
        <v>17</v>
      </c>
      <c r="L1413" s="6" t="s">
        <v>51</v>
      </c>
    </row>
    <row r="1414" spans="1:12">
      <c r="A1414" s="6" t="s">
        <v>49</v>
      </c>
      <c r="B1414" s="6"/>
      <c r="C1414" s="6" t="s">
        <v>1428</v>
      </c>
      <c r="D1414" s="6"/>
      <c r="E1414" s="6" t="s">
        <v>9</v>
      </c>
      <c r="F1414" s="7">
        <v>38657</v>
      </c>
      <c r="G1414" s="8">
        <v>1</v>
      </c>
      <c r="H1414" s="8">
        <v>1</v>
      </c>
      <c r="I1414" s="8">
        <v>0</v>
      </c>
      <c r="J1414" s="8">
        <v>1</v>
      </c>
      <c r="K1414" s="9">
        <v>2.06</v>
      </c>
      <c r="L1414" s="6" t="s">
        <v>51</v>
      </c>
    </row>
    <row r="1415" spans="1:12">
      <c r="A1415" s="6" t="s">
        <v>49</v>
      </c>
      <c r="B1415" s="6"/>
      <c r="C1415" s="6" t="s">
        <v>1429</v>
      </c>
      <c r="D1415" s="6"/>
      <c r="E1415" s="6" t="s">
        <v>9</v>
      </c>
      <c r="F1415" s="7">
        <v>38657</v>
      </c>
      <c r="G1415" s="8">
        <v>1</v>
      </c>
      <c r="H1415" s="8">
        <v>1</v>
      </c>
      <c r="I1415" s="8">
        <v>0</v>
      </c>
      <c r="J1415" s="8">
        <v>1</v>
      </c>
      <c r="K1415" s="9">
        <v>39</v>
      </c>
      <c r="L1415" s="6" t="s">
        <v>51</v>
      </c>
    </row>
    <row r="1416" spans="1:12">
      <c r="A1416" s="6" t="s">
        <v>49</v>
      </c>
      <c r="B1416" s="6"/>
      <c r="C1416" s="6" t="s">
        <v>1430</v>
      </c>
      <c r="D1416" s="6"/>
      <c r="E1416" s="6" t="s">
        <v>9</v>
      </c>
      <c r="F1416" s="7">
        <v>38657</v>
      </c>
      <c r="G1416" s="8">
        <v>1</v>
      </c>
      <c r="H1416" s="8">
        <v>1</v>
      </c>
      <c r="I1416" s="8">
        <v>0</v>
      </c>
      <c r="J1416" s="8">
        <v>1</v>
      </c>
      <c r="K1416" s="9">
        <v>39</v>
      </c>
      <c r="L1416" s="6" t="s">
        <v>51</v>
      </c>
    </row>
    <row r="1417" spans="1:12">
      <c r="A1417" s="6" t="s">
        <v>49</v>
      </c>
      <c r="B1417" s="6"/>
      <c r="C1417" s="6" t="s">
        <v>1431</v>
      </c>
      <c r="D1417" s="6"/>
      <c r="E1417" s="6" t="s">
        <v>9</v>
      </c>
      <c r="F1417" s="7">
        <v>38657</v>
      </c>
      <c r="G1417" s="8">
        <v>1</v>
      </c>
      <c r="H1417" s="8">
        <v>1</v>
      </c>
      <c r="I1417" s="8">
        <v>0</v>
      </c>
      <c r="J1417" s="8">
        <v>1</v>
      </c>
      <c r="K1417" s="9">
        <v>39</v>
      </c>
      <c r="L1417" s="6" t="s">
        <v>51</v>
      </c>
    </row>
    <row r="1418" spans="1:12">
      <c r="A1418" s="6" t="s">
        <v>49</v>
      </c>
      <c r="B1418" s="6"/>
      <c r="C1418" s="6" t="s">
        <v>1432</v>
      </c>
      <c r="D1418" s="6"/>
      <c r="E1418" s="6" t="s">
        <v>9</v>
      </c>
      <c r="F1418" s="7">
        <v>38657</v>
      </c>
      <c r="G1418" s="8">
        <v>1</v>
      </c>
      <c r="H1418" s="8">
        <v>1</v>
      </c>
      <c r="I1418" s="8">
        <v>0</v>
      </c>
      <c r="J1418" s="8">
        <v>1</v>
      </c>
      <c r="K1418" s="9">
        <v>39</v>
      </c>
      <c r="L1418" s="6" t="s">
        <v>51</v>
      </c>
    </row>
    <row r="1419" spans="1:12">
      <c r="A1419" s="6" t="s">
        <v>49</v>
      </c>
      <c r="B1419" s="6"/>
      <c r="C1419" s="6" t="s">
        <v>1433</v>
      </c>
      <c r="D1419" s="6"/>
      <c r="E1419" s="6" t="s">
        <v>9</v>
      </c>
      <c r="F1419" s="7">
        <v>38657</v>
      </c>
      <c r="G1419" s="8">
        <v>1</v>
      </c>
      <c r="H1419" s="8">
        <v>1</v>
      </c>
      <c r="I1419" s="8">
        <v>0</v>
      </c>
      <c r="J1419" s="8">
        <v>1</v>
      </c>
      <c r="K1419" s="9">
        <v>39</v>
      </c>
      <c r="L1419" s="6" t="s">
        <v>51</v>
      </c>
    </row>
    <row r="1420" spans="1:12">
      <c r="A1420" s="6" t="s">
        <v>49</v>
      </c>
      <c r="B1420" s="6"/>
      <c r="C1420" s="6" t="s">
        <v>1434</v>
      </c>
      <c r="D1420" s="6"/>
      <c r="E1420" s="6" t="s">
        <v>9</v>
      </c>
      <c r="F1420" s="7">
        <v>38657</v>
      </c>
      <c r="G1420" s="8">
        <v>1</v>
      </c>
      <c r="H1420" s="8">
        <v>1</v>
      </c>
      <c r="I1420" s="8">
        <v>0</v>
      </c>
      <c r="J1420" s="8">
        <v>1</v>
      </c>
      <c r="K1420" s="9">
        <v>21.25</v>
      </c>
      <c r="L1420" s="6" t="s">
        <v>51</v>
      </c>
    </row>
    <row r="1421" spans="1:12">
      <c r="A1421" s="6" t="s">
        <v>49</v>
      </c>
      <c r="B1421" s="6"/>
      <c r="C1421" s="6" t="s">
        <v>1435</v>
      </c>
      <c r="D1421" s="6"/>
      <c r="E1421" s="6" t="s">
        <v>9</v>
      </c>
      <c r="F1421" s="7">
        <v>38657</v>
      </c>
      <c r="G1421" s="8">
        <v>1</v>
      </c>
      <c r="H1421" s="8">
        <v>1</v>
      </c>
      <c r="I1421" s="8">
        <v>0</v>
      </c>
      <c r="J1421" s="8">
        <v>1</v>
      </c>
      <c r="K1421" s="9">
        <v>39</v>
      </c>
      <c r="L1421" s="6" t="s">
        <v>51</v>
      </c>
    </row>
    <row r="1422" spans="1:12">
      <c r="A1422" s="6" t="s">
        <v>49</v>
      </c>
      <c r="B1422" s="6"/>
      <c r="C1422" s="6" t="s">
        <v>1436</v>
      </c>
      <c r="D1422" s="6"/>
      <c r="E1422" s="6" t="s">
        <v>9</v>
      </c>
      <c r="F1422" s="7">
        <v>38657</v>
      </c>
      <c r="G1422" s="8">
        <v>1</v>
      </c>
      <c r="H1422" s="8">
        <v>1</v>
      </c>
      <c r="I1422" s="8">
        <v>0</v>
      </c>
      <c r="J1422" s="8">
        <v>1</v>
      </c>
      <c r="K1422" s="9">
        <v>39</v>
      </c>
      <c r="L1422" s="6" t="s">
        <v>51</v>
      </c>
    </row>
    <row r="1423" spans="1:12">
      <c r="A1423" s="6" t="s">
        <v>49</v>
      </c>
      <c r="B1423" s="6"/>
      <c r="C1423" s="6" t="s">
        <v>1437</v>
      </c>
      <c r="D1423" s="6"/>
      <c r="E1423" s="6" t="s">
        <v>9</v>
      </c>
      <c r="F1423" s="7">
        <v>38657</v>
      </c>
      <c r="G1423" s="8">
        <v>1</v>
      </c>
      <c r="H1423" s="8">
        <v>1</v>
      </c>
      <c r="I1423" s="8">
        <v>0</v>
      </c>
      <c r="J1423" s="8">
        <v>1</v>
      </c>
      <c r="K1423" s="9">
        <v>39</v>
      </c>
      <c r="L1423" s="6" t="s">
        <v>51</v>
      </c>
    </row>
    <row r="1424" spans="1:12">
      <c r="A1424" s="6" t="s">
        <v>49</v>
      </c>
      <c r="B1424" s="6"/>
      <c r="C1424" s="6" t="s">
        <v>1438</v>
      </c>
      <c r="D1424" s="6"/>
      <c r="E1424" s="6" t="s">
        <v>9</v>
      </c>
      <c r="F1424" s="7">
        <v>38657</v>
      </c>
      <c r="G1424" s="8">
        <v>1</v>
      </c>
      <c r="H1424" s="8">
        <v>1</v>
      </c>
      <c r="I1424" s="8">
        <v>0</v>
      </c>
      <c r="J1424" s="8">
        <v>1</v>
      </c>
      <c r="K1424" s="9">
        <v>39</v>
      </c>
      <c r="L1424" s="6" t="s">
        <v>51</v>
      </c>
    </row>
    <row r="1425" spans="1:12">
      <c r="A1425" s="6" t="s">
        <v>49</v>
      </c>
      <c r="B1425" s="6"/>
      <c r="C1425" s="6" t="s">
        <v>1439</v>
      </c>
      <c r="D1425" s="6"/>
      <c r="E1425" s="6" t="s">
        <v>9</v>
      </c>
      <c r="F1425" s="7">
        <v>38657</v>
      </c>
      <c r="G1425" s="8">
        <v>1</v>
      </c>
      <c r="H1425" s="8">
        <v>1</v>
      </c>
      <c r="I1425" s="8">
        <v>0</v>
      </c>
      <c r="J1425" s="8">
        <v>1</v>
      </c>
      <c r="K1425" s="9">
        <v>39</v>
      </c>
      <c r="L1425" s="6" t="s">
        <v>51</v>
      </c>
    </row>
    <row r="1426" spans="1:12">
      <c r="A1426" s="6" t="s">
        <v>49</v>
      </c>
      <c r="B1426" s="6"/>
      <c r="C1426" s="6" t="s">
        <v>1440</v>
      </c>
      <c r="D1426" s="6"/>
      <c r="E1426" s="6" t="s">
        <v>9</v>
      </c>
      <c r="F1426" s="7">
        <v>38657</v>
      </c>
      <c r="G1426" s="8">
        <v>1</v>
      </c>
      <c r="H1426" s="8">
        <v>1</v>
      </c>
      <c r="I1426" s="8">
        <v>0</v>
      </c>
      <c r="J1426" s="8">
        <v>1</v>
      </c>
      <c r="K1426" s="9">
        <v>39</v>
      </c>
      <c r="L1426" s="6" t="s">
        <v>51</v>
      </c>
    </row>
    <row r="1427" spans="1:12">
      <c r="A1427" s="6" t="s">
        <v>49</v>
      </c>
      <c r="B1427" s="6"/>
      <c r="C1427" s="6" t="s">
        <v>1441</v>
      </c>
      <c r="D1427" s="6"/>
      <c r="E1427" s="6" t="s">
        <v>9</v>
      </c>
      <c r="F1427" s="7">
        <v>38657</v>
      </c>
      <c r="G1427" s="8">
        <v>1</v>
      </c>
      <c r="H1427" s="8">
        <v>1</v>
      </c>
      <c r="I1427" s="8">
        <v>0</v>
      </c>
      <c r="J1427" s="8">
        <v>1</v>
      </c>
      <c r="K1427" s="9">
        <v>39</v>
      </c>
      <c r="L1427" s="6" t="s">
        <v>51</v>
      </c>
    </row>
    <row r="1428" spans="1:12">
      <c r="A1428" s="6" t="s">
        <v>49</v>
      </c>
      <c r="B1428" s="6"/>
      <c r="C1428" s="6" t="s">
        <v>1442</v>
      </c>
      <c r="D1428" s="6"/>
      <c r="E1428" s="6" t="s">
        <v>9</v>
      </c>
      <c r="F1428" s="7">
        <v>38657</v>
      </c>
      <c r="G1428" s="8">
        <v>1</v>
      </c>
      <c r="H1428" s="8">
        <v>1</v>
      </c>
      <c r="I1428" s="8">
        <v>0</v>
      </c>
      <c r="J1428" s="8">
        <v>1</v>
      </c>
      <c r="K1428" s="9">
        <v>116</v>
      </c>
      <c r="L1428" s="6" t="s">
        <v>51</v>
      </c>
    </row>
    <row r="1429" spans="1:12">
      <c r="A1429" s="6" t="s">
        <v>49</v>
      </c>
      <c r="B1429" s="6"/>
      <c r="C1429" s="6" t="s">
        <v>1443</v>
      </c>
      <c r="D1429" s="6"/>
      <c r="E1429" s="6" t="s">
        <v>9</v>
      </c>
      <c r="F1429" s="7">
        <v>38657</v>
      </c>
      <c r="G1429" s="8">
        <v>1</v>
      </c>
      <c r="H1429" s="8">
        <v>1</v>
      </c>
      <c r="I1429" s="8">
        <v>0</v>
      </c>
      <c r="J1429" s="8">
        <v>1</v>
      </c>
      <c r="K1429" s="9">
        <v>52</v>
      </c>
      <c r="L1429" s="6" t="s">
        <v>51</v>
      </c>
    </row>
    <row r="1430" spans="1:12">
      <c r="A1430" s="6" t="s">
        <v>49</v>
      </c>
      <c r="B1430" s="6"/>
      <c r="C1430" s="6" t="s">
        <v>1444</v>
      </c>
      <c r="D1430" s="6"/>
      <c r="E1430" s="6" t="s">
        <v>9</v>
      </c>
      <c r="F1430" s="7">
        <v>38657</v>
      </c>
      <c r="G1430" s="8">
        <v>1</v>
      </c>
      <c r="H1430" s="8">
        <v>1</v>
      </c>
      <c r="I1430" s="8">
        <v>0</v>
      </c>
      <c r="J1430" s="8">
        <v>1</v>
      </c>
      <c r="K1430" s="9">
        <v>35</v>
      </c>
      <c r="L1430" s="6" t="s">
        <v>51</v>
      </c>
    </row>
    <row r="1431" spans="1:12">
      <c r="A1431" s="6" t="s">
        <v>49</v>
      </c>
      <c r="B1431" s="6"/>
      <c r="C1431" s="6" t="s">
        <v>1445</v>
      </c>
      <c r="D1431" s="6"/>
      <c r="E1431" s="6" t="s">
        <v>9</v>
      </c>
      <c r="F1431" s="7">
        <v>38657</v>
      </c>
      <c r="G1431" s="8">
        <v>1</v>
      </c>
      <c r="H1431" s="8">
        <v>1</v>
      </c>
      <c r="I1431" s="8">
        <v>0</v>
      </c>
      <c r="J1431" s="8">
        <v>1</v>
      </c>
      <c r="K1431" s="9">
        <v>24</v>
      </c>
      <c r="L1431" s="6" t="s">
        <v>51</v>
      </c>
    </row>
    <row r="1432" spans="1:12">
      <c r="A1432" s="6" t="s">
        <v>49</v>
      </c>
      <c r="B1432" s="6"/>
      <c r="C1432" s="6" t="s">
        <v>1446</v>
      </c>
      <c r="D1432" s="6"/>
      <c r="E1432" s="6" t="s">
        <v>9</v>
      </c>
      <c r="F1432" s="7">
        <v>38657</v>
      </c>
      <c r="G1432" s="8">
        <v>1</v>
      </c>
      <c r="H1432" s="8">
        <v>1</v>
      </c>
      <c r="I1432" s="8">
        <v>0</v>
      </c>
      <c r="J1432" s="8">
        <v>1</v>
      </c>
      <c r="K1432" s="9">
        <v>36</v>
      </c>
      <c r="L1432" s="6" t="s">
        <v>51</v>
      </c>
    </row>
    <row r="1433" spans="1:12">
      <c r="A1433" s="6" t="s">
        <v>49</v>
      </c>
      <c r="B1433" s="6"/>
      <c r="C1433" s="6" t="s">
        <v>1447</v>
      </c>
      <c r="D1433" s="6"/>
      <c r="E1433" s="6" t="s">
        <v>9</v>
      </c>
      <c r="F1433" s="7">
        <v>38657</v>
      </c>
      <c r="G1433" s="8">
        <v>1</v>
      </c>
      <c r="H1433" s="8">
        <v>1</v>
      </c>
      <c r="I1433" s="8">
        <v>0</v>
      </c>
      <c r="J1433" s="8">
        <v>1</v>
      </c>
      <c r="K1433" s="9">
        <v>36</v>
      </c>
      <c r="L1433" s="6" t="s">
        <v>51</v>
      </c>
    </row>
    <row r="1434" spans="1:12">
      <c r="A1434" s="6" t="s">
        <v>49</v>
      </c>
      <c r="B1434" s="6"/>
      <c r="C1434" s="6" t="s">
        <v>1448</v>
      </c>
      <c r="D1434" s="6"/>
      <c r="E1434" s="6" t="s">
        <v>9</v>
      </c>
      <c r="F1434" s="7">
        <v>38657</v>
      </c>
      <c r="G1434" s="8">
        <v>1</v>
      </c>
      <c r="H1434" s="8">
        <v>1</v>
      </c>
      <c r="I1434" s="8">
        <v>0</v>
      </c>
      <c r="J1434" s="8">
        <v>1</v>
      </c>
      <c r="K1434" s="9">
        <v>36</v>
      </c>
      <c r="L1434" s="6" t="s">
        <v>51</v>
      </c>
    </row>
    <row r="1435" spans="1:12">
      <c r="A1435" s="6" t="s">
        <v>49</v>
      </c>
      <c r="B1435" s="6"/>
      <c r="C1435" s="6" t="s">
        <v>1449</v>
      </c>
      <c r="D1435" s="6"/>
      <c r="E1435" s="6" t="s">
        <v>9</v>
      </c>
      <c r="F1435" s="7">
        <v>38657</v>
      </c>
      <c r="G1435" s="8">
        <v>1</v>
      </c>
      <c r="H1435" s="8">
        <v>1</v>
      </c>
      <c r="I1435" s="8">
        <v>0</v>
      </c>
      <c r="J1435" s="8">
        <v>1</v>
      </c>
      <c r="K1435" s="9">
        <v>36</v>
      </c>
      <c r="L1435" s="6" t="s">
        <v>51</v>
      </c>
    </row>
    <row r="1436" spans="1:12">
      <c r="A1436" s="6" t="s">
        <v>49</v>
      </c>
      <c r="B1436" s="6"/>
      <c r="C1436" s="6" t="s">
        <v>1450</v>
      </c>
      <c r="D1436" s="6"/>
      <c r="E1436" s="6" t="s">
        <v>9</v>
      </c>
      <c r="F1436" s="7">
        <v>38657</v>
      </c>
      <c r="G1436" s="8">
        <v>1</v>
      </c>
      <c r="H1436" s="8">
        <v>1</v>
      </c>
      <c r="I1436" s="8">
        <v>0</v>
      </c>
      <c r="J1436" s="8">
        <v>1</v>
      </c>
      <c r="K1436" s="9">
        <v>36</v>
      </c>
      <c r="L1436" s="6" t="s">
        <v>51</v>
      </c>
    </row>
    <row r="1437" spans="1:12">
      <c r="A1437" s="6" t="s">
        <v>49</v>
      </c>
      <c r="B1437" s="6"/>
      <c r="C1437" s="6" t="s">
        <v>1451</v>
      </c>
      <c r="D1437" s="6"/>
      <c r="E1437" s="6" t="s">
        <v>9</v>
      </c>
      <c r="F1437" s="7">
        <v>38657</v>
      </c>
      <c r="G1437" s="8">
        <v>1</v>
      </c>
      <c r="H1437" s="8">
        <v>1</v>
      </c>
      <c r="I1437" s="8">
        <v>0</v>
      </c>
      <c r="J1437" s="8">
        <v>1</v>
      </c>
      <c r="K1437" s="9">
        <v>36</v>
      </c>
      <c r="L1437" s="6" t="s">
        <v>51</v>
      </c>
    </row>
    <row r="1438" spans="1:12">
      <c r="A1438" s="6" t="s">
        <v>49</v>
      </c>
      <c r="B1438" s="6"/>
      <c r="C1438" s="6" t="s">
        <v>1452</v>
      </c>
      <c r="D1438" s="6"/>
      <c r="E1438" s="6" t="s">
        <v>9</v>
      </c>
      <c r="F1438" s="7">
        <v>41364</v>
      </c>
      <c r="G1438" s="8">
        <v>1</v>
      </c>
      <c r="H1438" s="8">
        <v>1</v>
      </c>
      <c r="I1438" s="8">
        <v>0</v>
      </c>
      <c r="J1438" s="8">
        <v>1</v>
      </c>
      <c r="K1438" s="9">
        <v>36</v>
      </c>
      <c r="L1438" s="6" t="s">
        <v>51</v>
      </c>
    </row>
    <row r="1439" spans="1:12">
      <c r="A1439" s="6" t="s">
        <v>49</v>
      </c>
      <c r="B1439" s="6"/>
      <c r="C1439" s="6" t="s">
        <v>1453</v>
      </c>
      <c r="D1439" s="6"/>
      <c r="E1439" s="6" t="s">
        <v>9</v>
      </c>
      <c r="F1439" s="7">
        <v>38657</v>
      </c>
      <c r="G1439" s="8">
        <v>1</v>
      </c>
      <c r="H1439" s="8">
        <v>1</v>
      </c>
      <c r="I1439" s="8">
        <v>0</v>
      </c>
      <c r="J1439" s="8">
        <v>1</v>
      </c>
      <c r="K1439" s="9">
        <v>37</v>
      </c>
      <c r="L1439" s="6" t="s">
        <v>51</v>
      </c>
    </row>
    <row r="1440" spans="1:12">
      <c r="A1440" s="6" t="s">
        <v>49</v>
      </c>
      <c r="B1440" s="6"/>
      <c r="C1440" s="6" t="s">
        <v>1454</v>
      </c>
      <c r="D1440" s="6"/>
      <c r="E1440" s="6" t="s">
        <v>9</v>
      </c>
      <c r="F1440" s="7">
        <v>38657</v>
      </c>
      <c r="G1440" s="8">
        <v>1</v>
      </c>
      <c r="H1440" s="8">
        <v>1</v>
      </c>
      <c r="I1440" s="8">
        <v>0</v>
      </c>
      <c r="J1440" s="8">
        <v>1</v>
      </c>
      <c r="K1440" s="9">
        <v>38</v>
      </c>
      <c r="L1440" s="6" t="s">
        <v>51</v>
      </c>
    </row>
    <row r="1441" spans="1:12">
      <c r="A1441" s="6" t="s">
        <v>49</v>
      </c>
      <c r="B1441" s="6"/>
      <c r="C1441" s="6" t="s">
        <v>1455</v>
      </c>
      <c r="D1441" s="6"/>
      <c r="E1441" s="6" t="s">
        <v>9</v>
      </c>
      <c r="F1441" s="7">
        <v>38657</v>
      </c>
      <c r="G1441" s="8">
        <v>1</v>
      </c>
      <c r="H1441" s="8">
        <v>1</v>
      </c>
      <c r="I1441" s="8">
        <v>0</v>
      </c>
      <c r="J1441" s="8">
        <v>1</v>
      </c>
      <c r="K1441" s="9">
        <v>48</v>
      </c>
      <c r="L1441" s="6" t="s">
        <v>51</v>
      </c>
    </row>
    <row r="1442" spans="1:12">
      <c r="A1442" s="6" t="s">
        <v>49</v>
      </c>
      <c r="B1442" s="6"/>
      <c r="C1442" s="6" t="s">
        <v>1456</v>
      </c>
      <c r="D1442" s="6"/>
      <c r="E1442" s="6" t="s">
        <v>9</v>
      </c>
      <c r="F1442" s="7">
        <v>38657</v>
      </c>
      <c r="G1442" s="8">
        <v>1</v>
      </c>
      <c r="H1442" s="8">
        <v>1</v>
      </c>
      <c r="I1442" s="8">
        <v>0</v>
      </c>
      <c r="J1442" s="8">
        <v>1</v>
      </c>
      <c r="K1442" s="9">
        <v>31</v>
      </c>
      <c r="L1442" s="6" t="s">
        <v>51</v>
      </c>
    </row>
    <row r="1443" spans="1:12">
      <c r="A1443" s="6" t="s">
        <v>49</v>
      </c>
      <c r="B1443" s="6"/>
      <c r="C1443" s="6" t="s">
        <v>1457</v>
      </c>
      <c r="D1443" s="6"/>
      <c r="E1443" s="6" t="s">
        <v>9</v>
      </c>
      <c r="F1443" s="7">
        <v>38657</v>
      </c>
      <c r="G1443" s="8">
        <v>1</v>
      </c>
      <c r="H1443" s="8">
        <v>1</v>
      </c>
      <c r="I1443" s="8">
        <v>0</v>
      </c>
      <c r="J1443" s="8">
        <v>1</v>
      </c>
      <c r="K1443" s="9">
        <v>181</v>
      </c>
      <c r="L1443" s="6" t="s">
        <v>51</v>
      </c>
    </row>
    <row r="1444" spans="1:12">
      <c r="A1444" s="6" t="s">
        <v>49</v>
      </c>
      <c r="B1444" s="6"/>
      <c r="C1444" s="6" t="s">
        <v>1458</v>
      </c>
      <c r="D1444" s="6"/>
      <c r="E1444" s="6" t="s">
        <v>9</v>
      </c>
      <c r="F1444" s="7">
        <v>38657</v>
      </c>
      <c r="G1444" s="8">
        <v>1</v>
      </c>
      <c r="H1444" s="8">
        <v>1</v>
      </c>
      <c r="I1444" s="8">
        <v>0</v>
      </c>
      <c r="J1444" s="8">
        <v>1</v>
      </c>
      <c r="K1444" s="9">
        <v>4.18</v>
      </c>
      <c r="L1444" s="6" t="s">
        <v>51</v>
      </c>
    </row>
    <row r="1445" spans="1:12">
      <c r="A1445" s="6" t="s">
        <v>49</v>
      </c>
      <c r="B1445" s="6"/>
      <c r="C1445" s="6" t="s">
        <v>1459</v>
      </c>
      <c r="D1445" s="6"/>
      <c r="E1445" s="6" t="s">
        <v>9</v>
      </c>
      <c r="F1445" s="7">
        <v>38657</v>
      </c>
      <c r="G1445" s="8">
        <v>1</v>
      </c>
      <c r="H1445" s="8">
        <v>1</v>
      </c>
      <c r="I1445" s="8">
        <v>0</v>
      </c>
      <c r="J1445" s="8">
        <v>1</v>
      </c>
      <c r="K1445" s="9">
        <v>35</v>
      </c>
      <c r="L1445" s="6" t="s">
        <v>51</v>
      </c>
    </row>
    <row r="1446" spans="1:12">
      <c r="A1446" s="6" t="s">
        <v>49</v>
      </c>
      <c r="B1446" s="6"/>
      <c r="C1446" s="6" t="s">
        <v>1460</v>
      </c>
      <c r="D1446" s="6"/>
      <c r="E1446" s="6" t="s">
        <v>9</v>
      </c>
      <c r="F1446" s="7">
        <v>38657</v>
      </c>
      <c r="G1446" s="8">
        <v>1</v>
      </c>
      <c r="H1446" s="8">
        <v>1</v>
      </c>
      <c r="I1446" s="8">
        <v>0</v>
      </c>
      <c r="J1446" s="8">
        <v>1</v>
      </c>
      <c r="K1446" s="9">
        <v>42</v>
      </c>
      <c r="L1446" s="6" t="s">
        <v>51</v>
      </c>
    </row>
    <row r="1447" spans="1:12">
      <c r="A1447" s="6" t="s">
        <v>49</v>
      </c>
      <c r="B1447" s="6"/>
      <c r="C1447" s="6" t="s">
        <v>1461</v>
      </c>
      <c r="D1447" s="6"/>
      <c r="E1447" s="6" t="s">
        <v>9</v>
      </c>
      <c r="F1447" s="7">
        <v>38657</v>
      </c>
      <c r="G1447" s="8">
        <v>1</v>
      </c>
      <c r="H1447" s="8">
        <v>1</v>
      </c>
      <c r="I1447" s="8">
        <v>0</v>
      </c>
      <c r="J1447" s="8">
        <v>1</v>
      </c>
      <c r="K1447" s="9">
        <v>40</v>
      </c>
      <c r="L1447" s="6" t="s">
        <v>51</v>
      </c>
    </row>
    <row r="1448" spans="1:12">
      <c r="A1448" s="6" t="s">
        <v>49</v>
      </c>
      <c r="B1448" s="6"/>
      <c r="C1448" s="6" t="s">
        <v>1462</v>
      </c>
      <c r="D1448" s="6"/>
      <c r="E1448" s="6" t="s">
        <v>9</v>
      </c>
      <c r="F1448" s="7">
        <v>38657</v>
      </c>
      <c r="G1448" s="8">
        <v>1</v>
      </c>
      <c r="H1448" s="8">
        <v>1</v>
      </c>
      <c r="I1448" s="8">
        <v>0</v>
      </c>
      <c r="J1448" s="8">
        <v>1</v>
      </c>
      <c r="K1448" s="9">
        <v>40</v>
      </c>
      <c r="L1448" s="6" t="s">
        <v>51</v>
      </c>
    </row>
    <row r="1449" spans="1:12">
      <c r="A1449" s="6" t="s">
        <v>49</v>
      </c>
      <c r="B1449" s="6"/>
      <c r="C1449" s="6" t="s">
        <v>1463</v>
      </c>
      <c r="D1449" s="6"/>
      <c r="E1449" s="6" t="s">
        <v>9</v>
      </c>
      <c r="F1449" s="7">
        <v>38657</v>
      </c>
      <c r="G1449" s="8">
        <v>1</v>
      </c>
      <c r="H1449" s="8">
        <v>1</v>
      </c>
      <c r="I1449" s="8">
        <v>0</v>
      </c>
      <c r="J1449" s="8">
        <v>1</v>
      </c>
      <c r="K1449" s="9">
        <v>40</v>
      </c>
      <c r="L1449" s="6" t="s">
        <v>51</v>
      </c>
    </row>
    <row r="1450" spans="1:12">
      <c r="A1450" s="6" t="s">
        <v>49</v>
      </c>
      <c r="B1450" s="6"/>
      <c r="C1450" s="6" t="s">
        <v>1464</v>
      </c>
      <c r="D1450" s="6"/>
      <c r="E1450" s="6" t="s">
        <v>9</v>
      </c>
      <c r="F1450" s="7">
        <v>38657</v>
      </c>
      <c r="G1450" s="8">
        <v>1</v>
      </c>
      <c r="H1450" s="8">
        <v>1</v>
      </c>
      <c r="I1450" s="8">
        <v>0</v>
      </c>
      <c r="J1450" s="8">
        <v>1</v>
      </c>
      <c r="K1450" s="9">
        <v>28</v>
      </c>
      <c r="L1450" s="6" t="s">
        <v>51</v>
      </c>
    </row>
    <row r="1451" spans="1:12">
      <c r="A1451" s="6" t="s">
        <v>49</v>
      </c>
      <c r="B1451" s="6"/>
      <c r="C1451" s="6" t="s">
        <v>1465</v>
      </c>
      <c r="D1451" s="6"/>
      <c r="E1451" s="6" t="s">
        <v>9</v>
      </c>
      <c r="F1451" s="7">
        <v>38657</v>
      </c>
      <c r="G1451" s="8">
        <v>1</v>
      </c>
      <c r="H1451" s="8">
        <v>1</v>
      </c>
      <c r="I1451" s="8">
        <v>0</v>
      </c>
      <c r="J1451" s="8">
        <v>1</v>
      </c>
      <c r="K1451" s="9">
        <v>12</v>
      </c>
      <c r="L1451" s="6" t="s">
        <v>51</v>
      </c>
    </row>
    <row r="1452" spans="1:12">
      <c r="A1452" s="6" t="s">
        <v>49</v>
      </c>
      <c r="B1452" s="6"/>
      <c r="C1452" s="6" t="s">
        <v>1466</v>
      </c>
      <c r="D1452" s="6"/>
      <c r="E1452" s="6" t="s">
        <v>9</v>
      </c>
      <c r="F1452" s="7">
        <v>38657</v>
      </c>
      <c r="G1452" s="8">
        <v>1</v>
      </c>
      <c r="H1452" s="8">
        <v>1</v>
      </c>
      <c r="I1452" s="8">
        <v>0</v>
      </c>
      <c r="J1452" s="8">
        <v>1</v>
      </c>
      <c r="K1452" s="9">
        <v>40</v>
      </c>
      <c r="L1452" s="6" t="s">
        <v>51</v>
      </c>
    </row>
    <row r="1453" spans="1:12">
      <c r="A1453" s="6" t="s">
        <v>49</v>
      </c>
      <c r="B1453" s="6"/>
      <c r="C1453" s="6" t="s">
        <v>1467</v>
      </c>
      <c r="D1453" s="6"/>
      <c r="E1453" s="6" t="s">
        <v>9</v>
      </c>
      <c r="F1453" s="7"/>
      <c r="G1453" s="8">
        <v>1</v>
      </c>
      <c r="H1453" s="8">
        <v>1</v>
      </c>
      <c r="I1453" s="8">
        <v>0</v>
      </c>
      <c r="J1453" s="8">
        <v>1</v>
      </c>
      <c r="K1453" s="9">
        <v>6.61</v>
      </c>
      <c r="L1453" s="6" t="s">
        <v>51</v>
      </c>
    </row>
    <row r="1454" spans="1:12">
      <c r="A1454" s="6" t="s">
        <v>49</v>
      </c>
      <c r="B1454" s="6"/>
      <c r="C1454" s="6" t="s">
        <v>1468</v>
      </c>
      <c r="D1454" s="6"/>
      <c r="E1454" s="6" t="s">
        <v>9</v>
      </c>
      <c r="F1454" s="7">
        <v>38657</v>
      </c>
      <c r="G1454" s="8">
        <v>1</v>
      </c>
      <c r="H1454" s="8">
        <v>1</v>
      </c>
      <c r="I1454" s="8">
        <v>0</v>
      </c>
      <c r="J1454" s="8">
        <v>1</v>
      </c>
      <c r="K1454" s="9">
        <v>40</v>
      </c>
      <c r="L1454" s="6" t="s">
        <v>51</v>
      </c>
    </row>
    <row r="1455" spans="1:12">
      <c r="A1455" s="6" t="s">
        <v>49</v>
      </c>
      <c r="B1455" s="6"/>
      <c r="C1455" s="6" t="s">
        <v>1469</v>
      </c>
      <c r="D1455" s="6"/>
      <c r="E1455" s="6" t="s">
        <v>9</v>
      </c>
      <c r="F1455" s="7">
        <v>38657</v>
      </c>
      <c r="G1455" s="8">
        <v>1</v>
      </c>
      <c r="H1455" s="8">
        <v>1</v>
      </c>
      <c r="I1455" s="8">
        <v>0</v>
      </c>
      <c r="J1455" s="8">
        <v>1</v>
      </c>
      <c r="K1455" s="9">
        <v>40</v>
      </c>
      <c r="L1455" s="6" t="s">
        <v>51</v>
      </c>
    </row>
    <row r="1456" spans="1:12">
      <c r="A1456" s="6" t="s">
        <v>49</v>
      </c>
      <c r="B1456" s="6"/>
      <c r="C1456" s="6" t="s">
        <v>1470</v>
      </c>
      <c r="D1456" s="6"/>
      <c r="E1456" s="6" t="s">
        <v>9</v>
      </c>
      <c r="F1456" s="7">
        <v>38657</v>
      </c>
      <c r="G1456" s="8">
        <v>1</v>
      </c>
      <c r="H1456" s="8">
        <v>1</v>
      </c>
      <c r="I1456" s="8">
        <v>0</v>
      </c>
      <c r="J1456" s="8">
        <v>1</v>
      </c>
      <c r="K1456" s="9">
        <v>40</v>
      </c>
      <c r="L1456" s="6" t="s">
        <v>51</v>
      </c>
    </row>
    <row r="1457" spans="1:12">
      <c r="A1457" s="6" t="s">
        <v>49</v>
      </c>
      <c r="B1457" s="6"/>
      <c r="C1457" s="6" t="s">
        <v>1471</v>
      </c>
      <c r="D1457" s="6"/>
      <c r="E1457" s="6" t="s">
        <v>9</v>
      </c>
      <c r="F1457" s="7">
        <v>38657</v>
      </c>
      <c r="G1457" s="8">
        <v>1</v>
      </c>
      <c r="H1457" s="8">
        <v>1</v>
      </c>
      <c r="I1457" s="8">
        <v>0</v>
      </c>
      <c r="J1457" s="8">
        <v>1</v>
      </c>
      <c r="K1457" s="9">
        <v>40</v>
      </c>
      <c r="L1457" s="6" t="s">
        <v>51</v>
      </c>
    </row>
    <row r="1458" spans="1:12">
      <c r="A1458" s="6" t="s">
        <v>49</v>
      </c>
      <c r="B1458" s="6"/>
      <c r="C1458" s="6" t="s">
        <v>1472</v>
      </c>
      <c r="D1458" s="6"/>
      <c r="E1458" s="6" t="s">
        <v>9</v>
      </c>
      <c r="F1458" s="7">
        <v>38657</v>
      </c>
      <c r="G1458" s="8">
        <v>1</v>
      </c>
      <c r="H1458" s="8">
        <v>1</v>
      </c>
      <c r="I1458" s="8">
        <v>0</v>
      </c>
      <c r="J1458" s="8">
        <v>1</v>
      </c>
      <c r="K1458" s="9">
        <v>2.73</v>
      </c>
      <c r="L1458" s="6" t="s">
        <v>51</v>
      </c>
    </row>
    <row r="1459" spans="1:12">
      <c r="A1459" s="6" t="s">
        <v>49</v>
      </c>
      <c r="B1459" s="6"/>
      <c r="C1459" s="6" t="s">
        <v>1473</v>
      </c>
      <c r="D1459" s="6"/>
      <c r="E1459" s="6" t="s">
        <v>9</v>
      </c>
      <c r="F1459" s="7">
        <v>38657</v>
      </c>
      <c r="G1459" s="8">
        <v>1</v>
      </c>
      <c r="H1459" s="8">
        <v>1</v>
      </c>
      <c r="I1459" s="8">
        <v>0</v>
      </c>
      <c r="J1459" s="8">
        <v>1</v>
      </c>
      <c r="K1459" s="9">
        <v>2.50999999999999</v>
      </c>
      <c r="L1459" s="6" t="s">
        <v>51</v>
      </c>
    </row>
    <row r="1460" spans="1:12">
      <c r="A1460" s="6" t="s">
        <v>49</v>
      </c>
      <c r="B1460" s="6"/>
      <c r="C1460" s="6" t="s">
        <v>1474</v>
      </c>
      <c r="D1460" s="6"/>
      <c r="E1460" s="6" t="s">
        <v>9</v>
      </c>
      <c r="F1460" s="7">
        <v>38657</v>
      </c>
      <c r="G1460" s="8">
        <v>1</v>
      </c>
      <c r="H1460" s="8">
        <v>1</v>
      </c>
      <c r="I1460" s="8">
        <v>0</v>
      </c>
      <c r="J1460" s="8">
        <v>1</v>
      </c>
      <c r="K1460" s="9">
        <v>0.42</v>
      </c>
      <c r="L1460" s="6" t="s">
        <v>51</v>
      </c>
    </row>
    <row r="1461" spans="1:12">
      <c r="A1461" s="6" t="s">
        <v>49</v>
      </c>
      <c r="B1461" s="6"/>
      <c r="C1461" s="6" t="s">
        <v>1475</v>
      </c>
      <c r="D1461" s="6"/>
      <c r="E1461" s="6" t="s">
        <v>9</v>
      </c>
      <c r="F1461" s="7">
        <v>38657</v>
      </c>
      <c r="G1461" s="8">
        <v>1</v>
      </c>
      <c r="H1461" s="8">
        <v>1</v>
      </c>
      <c r="I1461" s="8">
        <v>0</v>
      </c>
      <c r="J1461" s="8">
        <v>1</v>
      </c>
      <c r="K1461" s="9">
        <v>14</v>
      </c>
      <c r="L1461" s="6" t="s">
        <v>51</v>
      </c>
    </row>
    <row r="1462" spans="1:12">
      <c r="A1462" s="6" t="s">
        <v>49</v>
      </c>
      <c r="B1462" s="6"/>
      <c r="C1462" s="6" t="s">
        <v>1476</v>
      </c>
      <c r="D1462" s="6"/>
      <c r="E1462" s="6" t="s">
        <v>9</v>
      </c>
      <c r="F1462" s="7"/>
      <c r="G1462" s="8">
        <v>1</v>
      </c>
      <c r="H1462" s="8">
        <v>1</v>
      </c>
      <c r="I1462" s="8">
        <v>0</v>
      </c>
      <c r="J1462" s="8">
        <v>1</v>
      </c>
      <c r="K1462" s="9">
        <v>91</v>
      </c>
      <c r="L1462" s="6" t="s">
        <v>51</v>
      </c>
    </row>
    <row r="1463" spans="1:12">
      <c r="A1463" s="6" t="s">
        <v>49</v>
      </c>
      <c r="B1463" s="6"/>
      <c r="C1463" s="6" t="s">
        <v>1477</v>
      </c>
      <c r="D1463" s="6"/>
      <c r="E1463" s="6" t="s">
        <v>9</v>
      </c>
      <c r="F1463" s="7">
        <v>38657</v>
      </c>
      <c r="G1463" s="8">
        <v>1</v>
      </c>
      <c r="H1463" s="8">
        <v>1</v>
      </c>
      <c r="I1463" s="8">
        <v>0</v>
      </c>
      <c r="J1463" s="8">
        <v>1</v>
      </c>
      <c r="K1463" s="9">
        <v>117</v>
      </c>
      <c r="L1463" s="6" t="s">
        <v>51</v>
      </c>
    </row>
    <row r="1464" spans="1:12">
      <c r="A1464" s="6" t="s">
        <v>49</v>
      </c>
      <c r="B1464" s="6"/>
      <c r="C1464" s="6" t="s">
        <v>1478</v>
      </c>
      <c r="D1464" s="6"/>
      <c r="E1464" s="6" t="s">
        <v>9</v>
      </c>
      <c r="F1464" s="7">
        <v>38657</v>
      </c>
      <c r="G1464" s="8">
        <v>1</v>
      </c>
      <c r="H1464" s="8">
        <v>1</v>
      </c>
      <c r="I1464" s="8">
        <v>0</v>
      </c>
      <c r="J1464" s="8">
        <v>1</v>
      </c>
      <c r="K1464" s="9">
        <v>69</v>
      </c>
      <c r="L1464" s="6" t="s">
        <v>51</v>
      </c>
    </row>
    <row r="1465" spans="1:12">
      <c r="A1465" s="6" t="s">
        <v>49</v>
      </c>
      <c r="B1465" s="6"/>
      <c r="C1465" s="6" t="s">
        <v>1479</v>
      </c>
      <c r="D1465" s="6"/>
      <c r="E1465" s="6" t="s">
        <v>9</v>
      </c>
      <c r="F1465" s="7">
        <v>38657</v>
      </c>
      <c r="G1465" s="8">
        <v>1</v>
      </c>
      <c r="H1465" s="8">
        <v>1</v>
      </c>
      <c r="I1465" s="8">
        <v>0</v>
      </c>
      <c r="J1465" s="8">
        <v>1</v>
      </c>
      <c r="K1465" s="9">
        <v>6.68</v>
      </c>
      <c r="L1465" s="6" t="s">
        <v>51</v>
      </c>
    </row>
    <row r="1466" spans="1:12">
      <c r="A1466" s="6" t="s">
        <v>49</v>
      </c>
      <c r="B1466" s="6"/>
      <c r="C1466" s="6" t="s">
        <v>1480</v>
      </c>
      <c r="D1466" s="6"/>
      <c r="E1466" s="6" t="s">
        <v>9</v>
      </c>
      <c r="F1466" s="7"/>
      <c r="G1466" s="8">
        <v>1</v>
      </c>
      <c r="H1466" s="8">
        <v>1</v>
      </c>
      <c r="I1466" s="8">
        <v>0</v>
      </c>
      <c r="J1466" s="8">
        <v>1</v>
      </c>
      <c r="K1466" s="9">
        <v>2.09</v>
      </c>
      <c r="L1466" s="6" t="s">
        <v>51</v>
      </c>
    </row>
    <row r="1467" spans="1:12">
      <c r="A1467" s="6" t="s">
        <v>49</v>
      </c>
      <c r="B1467" s="6"/>
      <c r="C1467" s="6" t="s">
        <v>1481</v>
      </c>
      <c r="D1467" s="6"/>
      <c r="E1467" s="6" t="s">
        <v>9</v>
      </c>
      <c r="F1467" s="7">
        <v>41785</v>
      </c>
      <c r="G1467" s="8">
        <v>16606</v>
      </c>
      <c r="H1467" s="8">
        <v>16606</v>
      </c>
      <c r="I1467" s="8">
        <v>0</v>
      </c>
      <c r="J1467" s="8">
        <v>16606</v>
      </c>
      <c r="K1467" s="9">
        <v>3.6</v>
      </c>
      <c r="L1467" s="6" t="s">
        <v>51</v>
      </c>
    </row>
    <row r="1468" spans="1:12">
      <c r="A1468" s="6" t="s">
        <v>49</v>
      </c>
      <c r="B1468" s="6"/>
      <c r="C1468" s="6" t="s">
        <v>1482</v>
      </c>
      <c r="D1468" s="6"/>
      <c r="E1468" s="6" t="s">
        <v>9</v>
      </c>
      <c r="F1468" s="7">
        <v>41785</v>
      </c>
      <c r="G1468" s="8">
        <v>599</v>
      </c>
      <c r="H1468" s="8">
        <v>599</v>
      </c>
      <c r="I1468" s="8">
        <v>0</v>
      </c>
      <c r="J1468" s="8">
        <v>599</v>
      </c>
      <c r="K1468" s="9">
        <v>0.13</v>
      </c>
      <c r="L1468" s="6" t="s">
        <v>51</v>
      </c>
    </row>
    <row r="1469" spans="1:12">
      <c r="A1469" s="6" t="s">
        <v>49</v>
      </c>
      <c r="B1469" s="6"/>
      <c r="C1469" s="6" t="s">
        <v>1483</v>
      </c>
      <c r="D1469" s="6"/>
      <c r="E1469" s="6" t="s">
        <v>9</v>
      </c>
      <c r="F1469" s="7">
        <v>38657</v>
      </c>
      <c r="G1469" s="8">
        <v>1</v>
      </c>
      <c r="H1469" s="8">
        <v>1</v>
      </c>
      <c r="I1469" s="8">
        <v>0</v>
      </c>
      <c r="J1469" s="8">
        <v>1</v>
      </c>
      <c r="K1469" s="9">
        <v>214</v>
      </c>
      <c r="L1469" s="6" t="s">
        <v>51</v>
      </c>
    </row>
    <row r="1470" spans="1:12">
      <c r="A1470" s="6" t="s">
        <v>49</v>
      </c>
      <c r="B1470" s="6"/>
      <c r="C1470" s="6" t="s">
        <v>1484</v>
      </c>
      <c r="D1470" s="6"/>
      <c r="E1470" s="6" t="s">
        <v>9</v>
      </c>
      <c r="F1470" s="7">
        <v>38657</v>
      </c>
      <c r="G1470" s="8">
        <v>1</v>
      </c>
      <c r="H1470" s="8">
        <v>1</v>
      </c>
      <c r="I1470" s="8">
        <v>0</v>
      </c>
      <c r="J1470" s="8">
        <v>1</v>
      </c>
      <c r="K1470" s="9">
        <v>96</v>
      </c>
      <c r="L1470" s="6" t="s">
        <v>51</v>
      </c>
    </row>
    <row r="1471" spans="1:12">
      <c r="A1471" s="6" t="s">
        <v>49</v>
      </c>
      <c r="B1471" s="6"/>
      <c r="C1471" s="6" t="s">
        <v>1485</v>
      </c>
      <c r="D1471" s="6"/>
      <c r="E1471" s="6" t="s">
        <v>9</v>
      </c>
      <c r="F1471" s="7">
        <v>38657</v>
      </c>
      <c r="G1471" s="8">
        <v>1</v>
      </c>
      <c r="H1471" s="8">
        <v>1</v>
      </c>
      <c r="I1471" s="8">
        <v>0</v>
      </c>
      <c r="J1471" s="8">
        <v>1</v>
      </c>
      <c r="K1471" s="9">
        <v>60</v>
      </c>
      <c r="L1471" s="6" t="s">
        <v>51</v>
      </c>
    </row>
    <row r="1472" spans="1:12">
      <c r="A1472" s="6" t="s">
        <v>49</v>
      </c>
      <c r="B1472" s="6"/>
      <c r="C1472" s="6" t="s">
        <v>1486</v>
      </c>
      <c r="D1472" s="6"/>
      <c r="E1472" s="6" t="s">
        <v>9</v>
      </c>
      <c r="F1472" s="7">
        <v>38657</v>
      </c>
      <c r="G1472" s="8">
        <v>1</v>
      </c>
      <c r="H1472" s="8">
        <v>1</v>
      </c>
      <c r="I1472" s="8">
        <v>0</v>
      </c>
      <c r="J1472" s="8">
        <v>1</v>
      </c>
      <c r="K1472" s="9">
        <v>87</v>
      </c>
      <c r="L1472" s="6" t="s">
        <v>51</v>
      </c>
    </row>
    <row r="1473" spans="1:12">
      <c r="A1473" s="6" t="s">
        <v>49</v>
      </c>
      <c r="B1473" s="6"/>
      <c r="C1473" s="6" t="s">
        <v>1487</v>
      </c>
      <c r="D1473" s="6"/>
      <c r="E1473" s="6" t="s">
        <v>9</v>
      </c>
      <c r="F1473" s="7">
        <v>38657</v>
      </c>
      <c r="G1473" s="8">
        <v>1</v>
      </c>
      <c r="H1473" s="8">
        <v>1</v>
      </c>
      <c r="I1473" s="8">
        <v>0</v>
      </c>
      <c r="J1473" s="8">
        <v>1</v>
      </c>
      <c r="K1473" s="9">
        <v>880</v>
      </c>
      <c r="L1473" s="6" t="s">
        <v>51</v>
      </c>
    </row>
    <row r="1474" spans="1:12">
      <c r="A1474" s="6" t="s">
        <v>49</v>
      </c>
      <c r="B1474" s="6"/>
      <c r="C1474" s="6" t="s">
        <v>1488</v>
      </c>
      <c r="D1474" s="6"/>
      <c r="E1474" s="6" t="s">
        <v>9</v>
      </c>
      <c r="F1474" s="7">
        <v>38657</v>
      </c>
      <c r="G1474" s="8">
        <v>1</v>
      </c>
      <c r="H1474" s="8">
        <v>1</v>
      </c>
      <c r="I1474" s="8">
        <v>0</v>
      </c>
      <c r="J1474" s="8">
        <v>1</v>
      </c>
      <c r="K1474" s="9">
        <v>49</v>
      </c>
      <c r="L1474" s="6" t="s">
        <v>51</v>
      </c>
    </row>
    <row r="1475" spans="1:12">
      <c r="A1475" s="6" t="s">
        <v>49</v>
      </c>
      <c r="B1475" s="6"/>
      <c r="C1475" s="6" t="s">
        <v>1489</v>
      </c>
      <c r="D1475" s="6"/>
      <c r="E1475" s="6" t="s">
        <v>9</v>
      </c>
      <c r="F1475" s="7">
        <v>41364</v>
      </c>
      <c r="G1475" s="8">
        <v>1</v>
      </c>
      <c r="H1475" s="8">
        <v>1</v>
      </c>
      <c r="I1475" s="8">
        <v>0</v>
      </c>
      <c r="J1475" s="8">
        <v>1</v>
      </c>
      <c r="K1475" s="9">
        <v>1.76</v>
      </c>
      <c r="L1475" s="6" t="s">
        <v>51</v>
      </c>
    </row>
    <row r="1476" spans="1:12">
      <c r="A1476" s="6" t="s">
        <v>49</v>
      </c>
      <c r="B1476" s="6"/>
      <c r="C1476" s="6" t="s">
        <v>1490</v>
      </c>
      <c r="D1476" s="6"/>
      <c r="E1476" s="6" t="s">
        <v>9</v>
      </c>
      <c r="F1476" s="7"/>
      <c r="G1476" s="8">
        <v>1</v>
      </c>
      <c r="H1476" s="8">
        <v>1</v>
      </c>
      <c r="I1476" s="8">
        <v>0</v>
      </c>
      <c r="J1476" s="8">
        <v>1</v>
      </c>
      <c r="K1476" s="9">
        <v>13</v>
      </c>
      <c r="L1476" s="6" t="s">
        <v>51</v>
      </c>
    </row>
    <row r="1477" spans="1:12">
      <c r="A1477" s="6" t="s">
        <v>49</v>
      </c>
      <c r="B1477" s="6"/>
      <c r="C1477" s="6" t="s">
        <v>1491</v>
      </c>
      <c r="D1477" s="6"/>
      <c r="E1477" s="6" t="s">
        <v>9</v>
      </c>
      <c r="F1477" s="7">
        <v>38657</v>
      </c>
      <c r="G1477" s="8">
        <v>1</v>
      </c>
      <c r="H1477" s="8">
        <v>1</v>
      </c>
      <c r="I1477" s="8">
        <v>0</v>
      </c>
      <c r="J1477" s="8">
        <v>1</v>
      </c>
      <c r="K1477" s="9">
        <v>2.82</v>
      </c>
      <c r="L1477" s="6" t="s">
        <v>51</v>
      </c>
    </row>
    <row r="1478" spans="1:12">
      <c r="A1478" s="6" t="s">
        <v>49</v>
      </c>
      <c r="B1478" s="6"/>
      <c r="C1478" s="6" t="s">
        <v>1492</v>
      </c>
      <c r="D1478" s="6"/>
      <c r="E1478" s="6" t="s">
        <v>9</v>
      </c>
      <c r="F1478" s="7">
        <v>38657</v>
      </c>
      <c r="G1478" s="8">
        <v>1</v>
      </c>
      <c r="H1478" s="8">
        <v>1</v>
      </c>
      <c r="I1478" s="8">
        <v>0</v>
      </c>
      <c r="J1478" s="8">
        <v>1</v>
      </c>
      <c r="K1478" s="9">
        <v>2243</v>
      </c>
      <c r="L1478" s="6" t="s">
        <v>51</v>
      </c>
    </row>
    <row r="1479" spans="1:12">
      <c r="A1479" s="6" t="s">
        <v>49</v>
      </c>
      <c r="B1479" s="6"/>
      <c r="C1479" s="6" t="s">
        <v>1493</v>
      </c>
      <c r="D1479" s="6"/>
      <c r="E1479" s="6" t="s">
        <v>9</v>
      </c>
      <c r="F1479" s="7">
        <v>38657</v>
      </c>
      <c r="G1479" s="8">
        <v>1</v>
      </c>
      <c r="H1479" s="8">
        <v>1</v>
      </c>
      <c r="I1479" s="8">
        <v>0</v>
      </c>
      <c r="J1479" s="8">
        <v>1</v>
      </c>
      <c r="K1479" s="9">
        <v>470</v>
      </c>
      <c r="L1479" s="6" t="s">
        <v>51</v>
      </c>
    </row>
    <row r="1480" spans="1:12">
      <c r="A1480" s="6" t="s">
        <v>49</v>
      </c>
      <c r="B1480" s="6"/>
      <c r="C1480" s="6" t="s">
        <v>1494</v>
      </c>
      <c r="D1480" s="6"/>
      <c r="E1480" s="6" t="s">
        <v>9</v>
      </c>
      <c r="F1480" s="7">
        <v>41677</v>
      </c>
      <c r="G1480" s="8">
        <v>1</v>
      </c>
      <c r="H1480" s="8">
        <v>1</v>
      </c>
      <c r="I1480" s="8">
        <v>0</v>
      </c>
      <c r="J1480" s="8">
        <v>1</v>
      </c>
      <c r="K1480" s="9">
        <v>225</v>
      </c>
      <c r="L1480" s="6" t="s">
        <v>51</v>
      </c>
    </row>
    <row r="1481" spans="1:12">
      <c r="A1481" s="6" t="s">
        <v>49</v>
      </c>
      <c r="B1481" s="6"/>
      <c r="C1481" s="6" t="s">
        <v>1495</v>
      </c>
      <c r="D1481" s="6"/>
      <c r="E1481" s="6" t="s">
        <v>9</v>
      </c>
      <c r="F1481" s="7">
        <v>41677</v>
      </c>
      <c r="G1481" s="8">
        <v>1</v>
      </c>
      <c r="H1481" s="8">
        <v>1</v>
      </c>
      <c r="I1481" s="8">
        <v>0</v>
      </c>
      <c r="J1481" s="8">
        <v>1</v>
      </c>
      <c r="K1481" s="9">
        <v>762</v>
      </c>
      <c r="L1481" s="6" t="s">
        <v>51</v>
      </c>
    </row>
    <row r="1482" spans="1:12">
      <c r="A1482" s="6" t="s">
        <v>49</v>
      </c>
      <c r="B1482" s="6"/>
      <c r="C1482" s="6" t="s">
        <v>1496</v>
      </c>
      <c r="D1482" s="6"/>
      <c r="E1482" s="6" t="s">
        <v>9</v>
      </c>
      <c r="F1482" s="7">
        <v>41677</v>
      </c>
      <c r="G1482" s="8">
        <v>1</v>
      </c>
      <c r="H1482" s="8">
        <v>1</v>
      </c>
      <c r="I1482" s="8">
        <v>0</v>
      </c>
      <c r="J1482" s="8">
        <v>1</v>
      </c>
      <c r="K1482" s="9">
        <v>55</v>
      </c>
      <c r="L1482" s="6" t="s">
        <v>51</v>
      </c>
    </row>
    <row r="1483" spans="1:12">
      <c r="A1483" s="6" t="s">
        <v>49</v>
      </c>
      <c r="B1483" s="6"/>
      <c r="C1483" s="6" t="s">
        <v>1497</v>
      </c>
      <c r="D1483" s="6"/>
      <c r="E1483" s="6" t="s">
        <v>9</v>
      </c>
      <c r="F1483" s="7">
        <v>41677</v>
      </c>
      <c r="G1483" s="8">
        <v>1</v>
      </c>
      <c r="H1483" s="8">
        <v>1</v>
      </c>
      <c r="I1483" s="8">
        <v>0</v>
      </c>
      <c r="J1483" s="8">
        <v>1</v>
      </c>
      <c r="K1483" s="9">
        <v>75</v>
      </c>
      <c r="L1483" s="6" t="s">
        <v>51</v>
      </c>
    </row>
    <row r="1484" spans="1:12">
      <c r="A1484" s="6" t="s">
        <v>49</v>
      </c>
      <c r="B1484" s="6"/>
      <c r="C1484" s="6" t="s">
        <v>1498</v>
      </c>
      <c r="D1484" s="6"/>
      <c r="E1484" s="6" t="s">
        <v>9</v>
      </c>
      <c r="F1484" s="7">
        <v>41677</v>
      </c>
      <c r="G1484" s="8">
        <v>1</v>
      </c>
      <c r="H1484" s="8">
        <v>1</v>
      </c>
      <c r="I1484" s="8">
        <v>0</v>
      </c>
      <c r="J1484" s="8">
        <v>1</v>
      </c>
      <c r="K1484" s="9">
        <v>255</v>
      </c>
      <c r="L1484" s="6" t="s">
        <v>51</v>
      </c>
    </row>
    <row r="1485" spans="1:12">
      <c r="A1485" s="6" t="s">
        <v>49</v>
      </c>
      <c r="B1485" s="6"/>
      <c r="C1485" s="6" t="s">
        <v>1499</v>
      </c>
      <c r="D1485" s="6"/>
      <c r="E1485" s="6" t="s">
        <v>9</v>
      </c>
      <c r="F1485" s="7">
        <v>41677</v>
      </c>
      <c r="G1485" s="8">
        <v>1</v>
      </c>
      <c r="H1485" s="8">
        <v>1</v>
      </c>
      <c r="I1485" s="8">
        <v>0</v>
      </c>
      <c r="J1485" s="8">
        <v>1</v>
      </c>
      <c r="K1485" s="9">
        <v>75</v>
      </c>
      <c r="L1485" s="6" t="s">
        <v>51</v>
      </c>
    </row>
    <row r="1486" spans="1:12">
      <c r="A1486" s="6" t="s">
        <v>49</v>
      </c>
      <c r="B1486" s="6"/>
      <c r="C1486" s="6" t="s">
        <v>1500</v>
      </c>
      <c r="D1486" s="6"/>
      <c r="E1486" s="6" t="s">
        <v>9</v>
      </c>
      <c r="F1486" s="7">
        <v>41677</v>
      </c>
      <c r="G1486" s="8">
        <v>1</v>
      </c>
      <c r="H1486" s="8">
        <v>1</v>
      </c>
      <c r="I1486" s="8">
        <v>0</v>
      </c>
      <c r="J1486" s="8">
        <v>1</v>
      </c>
      <c r="K1486" s="9">
        <v>19</v>
      </c>
      <c r="L1486" s="6" t="s">
        <v>51</v>
      </c>
    </row>
    <row r="1487" spans="1:12">
      <c r="A1487" s="6" t="s">
        <v>49</v>
      </c>
      <c r="B1487" s="6"/>
      <c r="C1487" s="6" t="s">
        <v>1501</v>
      </c>
      <c r="D1487" s="6"/>
      <c r="E1487" s="6" t="s">
        <v>9</v>
      </c>
      <c r="F1487" s="7">
        <v>41453</v>
      </c>
      <c r="G1487" s="8">
        <v>1</v>
      </c>
      <c r="H1487" s="8">
        <v>1</v>
      </c>
      <c r="I1487" s="8">
        <v>0</v>
      </c>
      <c r="J1487" s="8">
        <v>1</v>
      </c>
      <c r="K1487" s="9">
        <v>1.02</v>
      </c>
      <c r="L1487" s="6" t="s">
        <v>51</v>
      </c>
    </row>
    <row r="1488" spans="1:12">
      <c r="A1488" s="6" t="s">
        <v>49</v>
      </c>
      <c r="B1488" s="6"/>
      <c r="C1488" s="6" t="s">
        <v>1502</v>
      </c>
      <c r="D1488" s="6"/>
      <c r="E1488" s="6" t="s">
        <v>9</v>
      </c>
      <c r="F1488" s="7">
        <v>41677</v>
      </c>
      <c r="G1488" s="8">
        <v>1</v>
      </c>
      <c r="H1488" s="8">
        <v>1</v>
      </c>
      <c r="I1488" s="8">
        <v>0</v>
      </c>
      <c r="J1488" s="8">
        <v>1</v>
      </c>
      <c r="K1488" s="9">
        <v>346</v>
      </c>
      <c r="L1488" s="6" t="s">
        <v>51</v>
      </c>
    </row>
    <row r="1489" spans="1:12">
      <c r="A1489" s="6" t="s">
        <v>49</v>
      </c>
      <c r="B1489" s="6"/>
      <c r="C1489" s="6" t="s">
        <v>1503</v>
      </c>
      <c r="D1489" s="6"/>
      <c r="E1489" s="6" t="s">
        <v>9</v>
      </c>
      <c r="F1489" s="7">
        <v>41677</v>
      </c>
      <c r="G1489" s="8">
        <v>1</v>
      </c>
      <c r="H1489" s="8">
        <v>1</v>
      </c>
      <c r="I1489" s="8">
        <v>0</v>
      </c>
      <c r="J1489" s="8">
        <v>1</v>
      </c>
      <c r="K1489" s="9">
        <v>278</v>
      </c>
      <c r="L1489" s="6" t="s">
        <v>51</v>
      </c>
    </row>
    <row r="1490" spans="1:12">
      <c r="A1490" s="6" t="s">
        <v>49</v>
      </c>
      <c r="B1490" s="6"/>
      <c r="C1490" s="6" t="s">
        <v>1504</v>
      </c>
      <c r="D1490" s="6"/>
      <c r="E1490" s="6" t="s">
        <v>9</v>
      </c>
      <c r="F1490" s="7">
        <v>41677</v>
      </c>
      <c r="G1490" s="8">
        <v>1</v>
      </c>
      <c r="H1490" s="8">
        <v>1</v>
      </c>
      <c r="I1490" s="8">
        <v>0</v>
      </c>
      <c r="J1490" s="8">
        <v>1</v>
      </c>
      <c r="K1490" s="9">
        <v>400</v>
      </c>
      <c r="L1490" s="6" t="s">
        <v>51</v>
      </c>
    </row>
    <row r="1491" spans="1:12">
      <c r="A1491" s="6" t="s">
        <v>49</v>
      </c>
      <c r="B1491" s="6"/>
      <c r="C1491" s="6" t="s">
        <v>1505</v>
      </c>
      <c r="D1491" s="6"/>
      <c r="E1491" s="6" t="s">
        <v>9</v>
      </c>
      <c r="F1491" s="7">
        <v>41677</v>
      </c>
      <c r="G1491" s="8">
        <v>1</v>
      </c>
      <c r="H1491" s="8">
        <v>1</v>
      </c>
      <c r="I1491" s="8">
        <v>0</v>
      </c>
      <c r="J1491" s="8">
        <v>1</v>
      </c>
      <c r="K1491" s="9">
        <v>125</v>
      </c>
      <c r="L1491" s="6" t="s">
        <v>51</v>
      </c>
    </row>
    <row r="1492" spans="1:12">
      <c r="A1492" s="6" t="s">
        <v>49</v>
      </c>
      <c r="B1492" s="6"/>
      <c r="C1492" s="6" t="s">
        <v>1506</v>
      </c>
      <c r="D1492" s="6"/>
      <c r="E1492" s="6" t="s">
        <v>9</v>
      </c>
      <c r="F1492" s="7">
        <v>41677</v>
      </c>
      <c r="G1492" s="8">
        <v>1</v>
      </c>
      <c r="H1492" s="8">
        <v>1</v>
      </c>
      <c r="I1492" s="8">
        <v>0</v>
      </c>
      <c r="J1492" s="8">
        <v>1</v>
      </c>
      <c r="K1492" s="9">
        <v>566</v>
      </c>
      <c r="L1492" s="6" t="s">
        <v>51</v>
      </c>
    </row>
    <row r="1493" spans="1:12">
      <c r="A1493" s="6" t="s">
        <v>49</v>
      </c>
      <c r="B1493" s="6"/>
      <c r="C1493" s="6" t="s">
        <v>1507</v>
      </c>
      <c r="D1493" s="6"/>
      <c r="E1493" s="6" t="s">
        <v>9</v>
      </c>
      <c r="F1493" s="7">
        <v>38657</v>
      </c>
      <c r="G1493" s="8">
        <v>1</v>
      </c>
      <c r="H1493" s="8">
        <v>1</v>
      </c>
      <c r="I1493" s="8">
        <v>0</v>
      </c>
      <c r="J1493" s="8">
        <v>1</v>
      </c>
      <c r="K1493" s="9">
        <v>528</v>
      </c>
      <c r="L1493" s="6" t="s">
        <v>51</v>
      </c>
    </row>
    <row r="1494" spans="1:12">
      <c r="A1494" s="6" t="s">
        <v>49</v>
      </c>
      <c r="B1494" s="6"/>
      <c r="C1494" s="6" t="s">
        <v>1508</v>
      </c>
      <c r="D1494" s="6"/>
      <c r="E1494" s="6" t="s">
        <v>9</v>
      </c>
      <c r="F1494" s="7">
        <v>41730</v>
      </c>
      <c r="G1494" s="8">
        <v>14530</v>
      </c>
      <c r="H1494" s="8">
        <v>14530</v>
      </c>
      <c r="I1494" s="8">
        <v>0</v>
      </c>
      <c r="J1494" s="8">
        <v>14530</v>
      </c>
      <c r="K1494" s="9">
        <v>3.15</v>
      </c>
      <c r="L1494" s="6" t="s">
        <v>51</v>
      </c>
    </row>
    <row r="1495" spans="1:12">
      <c r="A1495" s="6" t="s">
        <v>49</v>
      </c>
      <c r="B1495" s="6"/>
      <c r="C1495" s="6" t="s">
        <v>1509</v>
      </c>
      <c r="D1495" s="6"/>
      <c r="E1495" s="6" t="s">
        <v>9</v>
      </c>
      <c r="F1495" s="7">
        <v>41730</v>
      </c>
      <c r="G1495" s="8">
        <v>295232</v>
      </c>
      <c r="H1495" s="8">
        <v>295232</v>
      </c>
      <c r="I1495" s="8">
        <v>0</v>
      </c>
      <c r="J1495" s="8">
        <v>295232</v>
      </c>
      <c r="K1495" s="9">
        <v>64</v>
      </c>
      <c r="L1495" s="6" t="s">
        <v>51</v>
      </c>
    </row>
    <row r="1496" spans="1:12">
      <c r="A1496" s="6" t="s">
        <v>49</v>
      </c>
      <c r="B1496" s="6"/>
      <c r="C1496" s="6" t="s">
        <v>1510</v>
      </c>
      <c r="D1496" s="6"/>
      <c r="E1496" s="6" t="s">
        <v>9</v>
      </c>
      <c r="F1496" s="7">
        <v>41730</v>
      </c>
      <c r="G1496" s="8">
        <v>129164</v>
      </c>
      <c r="H1496" s="8">
        <v>129164</v>
      </c>
      <c r="I1496" s="8">
        <v>0</v>
      </c>
      <c r="J1496" s="8">
        <v>129164</v>
      </c>
      <c r="K1496" s="9">
        <v>28</v>
      </c>
      <c r="L1496" s="6" t="s">
        <v>51</v>
      </c>
    </row>
    <row r="1497" spans="1:12">
      <c r="A1497" s="6" t="s">
        <v>49</v>
      </c>
      <c r="B1497" s="6"/>
      <c r="C1497" s="6" t="s">
        <v>1511</v>
      </c>
      <c r="D1497" s="6"/>
      <c r="E1497" s="6" t="s">
        <v>9</v>
      </c>
      <c r="F1497" s="7">
        <v>38657</v>
      </c>
      <c r="G1497" s="8">
        <v>1</v>
      </c>
      <c r="H1497" s="8">
        <v>1</v>
      </c>
      <c r="I1497" s="8">
        <v>0</v>
      </c>
      <c r="J1497" s="8">
        <v>1</v>
      </c>
      <c r="K1497" s="9">
        <v>23</v>
      </c>
      <c r="L1497" s="6" t="s">
        <v>51</v>
      </c>
    </row>
    <row r="1498" spans="1:12">
      <c r="A1498" s="6" t="s">
        <v>49</v>
      </c>
      <c r="B1498" s="6"/>
      <c r="C1498" s="6" t="s">
        <v>1512</v>
      </c>
      <c r="D1498" s="6"/>
      <c r="E1498" s="6" t="s">
        <v>9</v>
      </c>
      <c r="F1498" s="7">
        <v>38657</v>
      </c>
      <c r="G1498" s="8">
        <v>1</v>
      </c>
      <c r="H1498" s="8">
        <v>1</v>
      </c>
      <c r="I1498" s="8">
        <v>0</v>
      </c>
      <c r="J1498" s="8">
        <v>1</v>
      </c>
      <c r="K1498" s="9">
        <v>5.35</v>
      </c>
      <c r="L1498" s="6" t="s">
        <v>51</v>
      </c>
    </row>
    <row r="1499" spans="1:12">
      <c r="A1499" s="6" t="s">
        <v>49</v>
      </c>
      <c r="B1499" s="6"/>
      <c r="C1499" s="6" t="s">
        <v>1513</v>
      </c>
      <c r="D1499" s="6"/>
      <c r="E1499" s="6" t="s">
        <v>9</v>
      </c>
      <c r="F1499" s="7">
        <v>38657</v>
      </c>
      <c r="G1499" s="8">
        <v>1</v>
      </c>
      <c r="H1499" s="8">
        <v>1</v>
      </c>
      <c r="I1499" s="8">
        <v>0</v>
      </c>
      <c r="J1499" s="8">
        <v>1</v>
      </c>
      <c r="K1499" s="9">
        <v>14</v>
      </c>
      <c r="L1499" s="6" t="s">
        <v>51</v>
      </c>
    </row>
    <row r="1500" spans="1:12">
      <c r="A1500" s="6" t="s">
        <v>49</v>
      </c>
      <c r="B1500" s="6"/>
      <c r="C1500" s="6" t="s">
        <v>1514</v>
      </c>
      <c r="D1500" s="6"/>
      <c r="E1500" s="6" t="s">
        <v>9</v>
      </c>
      <c r="F1500" s="7">
        <v>38657</v>
      </c>
      <c r="G1500" s="8">
        <v>1</v>
      </c>
      <c r="H1500" s="8">
        <v>1</v>
      </c>
      <c r="I1500" s="8">
        <v>0</v>
      </c>
      <c r="J1500" s="8">
        <v>1</v>
      </c>
      <c r="K1500" s="9">
        <v>6.35</v>
      </c>
      <c r="L1500" s="6" t="s">
        <v>51</v>
      </c>
    </row>
    <row r="1501" spans="1:12">
      <c r="A1501" s="6" t="s">
        <v>49</v>
      </c>
      <c r="B1501" s="6"/>
      <c r="C1501" s="6" t="s">
        <v>1515</v>
      </c>
      <c r="D1501" s="6"/>
      <c r="E1501" s="6" t="s">
        <v>9</v>
      </c>
      <c r="F1501" s="7">
        <v>38657</v>
      </c>
      <c r="G1501" s="8">
        <v>1</v>
      </c>
      <c r="H1501" s="8">
        <v>1</v>
      </c>
      <c r="I1501" s="8">
        <v>0</v>
      </c>
      <c r="J1501" s="8">
        <v>1</v>
      </c>
      <c r="K1501" s="9">
        <v>13</v>
      </c>
      <c r="L1501" s="6" t="s">
        <v>51</v>
      </c>
    </row>
    <row r="1502" spans="1:12">
      <c r="A1502" s="6" t="s">
        <v>49</v>
      </c>
      <c r="B1502" s="6"/>
      <c r="C1502" s="6" t="s">
        <v>1516</v>
      </c>
      <c r="D1502" s="6"/>
      <c r="E1502" s="6" t="s">
        <v>9</v>
      </c>
      <c r="F1502" s="7">
        <v>38657</v>
      </c>
      <c r="G1502" s="8">
        <v>1</v>
      </c>
      <c r="H1502" s="8">
        <v>1</v>
      </c>
      <c r="I1502" s="8">
        <v>0</v>
      </c>
      <c r="J1502" s="8">
        <v>1</v>
      </c>
      <c r="K1502" s="9">
        <v>21.51</v>
      </c>
      <c r="L1502" s="6" t="s">
        <v>51</v>
      </c>
    </row>
    <row r="1503" spans="1:12">
      <c r="A1503" s="6" t="s">
        <v>49</v>
      </c>
      <c r="B1503" s="6"/>
      <c r="C1503" s="6" t="s">
        <v>1517</v>
      </c>
      <c r="D1503" s="6"/>
      <c r="E1503" s="6" t="s">
        <v>9</v>
      </c>
      <c r="F1503" s="7">
        <v>38657</v>
      </c>
      <c r="G1503" s="8">
        <v>1</v>
      </c>
      <c r="H1503" s="8">
        <v>1</v>
      </c>
      <c r="I1503" s="8">
        <v>0</v>
      </c>
      <c r="J1503" s="8">
        <v>1</v>
      </c>
      <c r="K1503" s="9">
        <v>7.28</v>
      </c>
      <c r="L1503" s="6" t="s">
        <v>51</v>
      </c>
    </row>
    <row r="1504" spans="1:12">
      <c r="A1504" s="6" t="s">
        <v>49</v>
      </c>
      <c r="B1504" s="6"/>
      <c r="C1504" s="6" t="s">
        <v>1518</v>
      </c>
      <c r="D1504" s="6"/>
      <c r="E1504" s="6" t="s">
        <v>9</v>
      </c>
      <c r="F1504" s="7">
        <v>38657</v>
      </c>
      <c r="G1504" s="8">
        <v>1</v>
      </c>
      <c r="H1504" s="8">
        <v>1</v>
      </c>
      <c r="I1504" s="8">
        <v>0</v>
      </c>
      <c r="J1504" s="8">
        <v>1</v>
      </c>
      <c r="K1504" s="9">
        <v>19</v>
      </c>
      <c r="L1504" s="6" t="s">
        <v>51</v>
      </c>
    </row>
    <row r="1505" spans="1:12">
      <c r="A1505" s="6" t="s">
        <v>49</v>
      </c>
      <c r="B1505" s="6"/>
      <c r="C1505" s="6" t="s">
        <v>1519</v>
      </c>
      <c r="D1505" s="6"/>
      <c r="E1505" s="6" t="s">
        <v>9</v>
      </c>
      <c r="F1505" s="7">
        <v>38657</v>
      </c>
      <c r="G1505" s="8">
        <v>1</v>
      </c>
      <c r="H1505" s="8">
        <v>1</v>
      </c>
      <c r="I1505" s="8">
        <v>0</v>
      </c>
      <c r="J1505" s="8">
        <v>1</v>
      </c>
      <c r="K1505" s="9">
        <v>6.03</v>
      </c>
      <c r="L1505" s="6" t="s">
        <v>51</v>
      </c>
    </row>
    <row r="1506" spans="1:12">
      <c r="A1506" s="6" t="s">
        <v>49</v>
      </c>
      <c r="B1506" s="6"/>
      <c r="C1506" s="6" t="s">
        <v>1520</v>
      </c>
      <c r="D1506" s="6"/>
      <c r="E1506" s="6" t="s">
        <v>9</v>
      </c>
      <c r="F1506" s="7">
        <v>38657</v>
      </c>
      <c r="G1506" s="8">
        <v>1</v>
      </c>
      <c r="H1506" s="8">
        <v>1</v>
      </c>
      <c r="I1506" s="8">
        <v>0</v>
      </c>
      <c r="J1506" s="8">
        <v>1</v>
      </c>
      <c r="K1506" s="9">
        <v>7.59</v>
      </c>
      <c r="L1506" s="6" t="s">
        <v>51</v>
      </c>
    </row>
    <row r="1507" spans="1:12">
      <c r="A1507" s="6" t="s">
        <v>49</v>
      </c>
      <c r="B1507" s="6"/>
      <c r="C1507" s="6" t="s">
        <v>1521</v>
      </c>
      <c r="D1507" s="6"/>
      <c r="E1507" s="6" t="s">
        <v>9</v>
      </c>
      <c r="F1507" s="7">
        <v>38657</v>
      </c>
      <c r="G1507" s="8">
        <v>1</v>
      </c>
      <c r="H1507" s="8">
        <v>1</v>
      </c>
      <c r="I1507" s="8">
        <v>0</v>
      </c>
      <c r="J1507" s="8">
        <v>1</v>
      </c>
      <c r="K1507" s="9">
        <v>143.19</v>
      </c>
      <c r="L1507" s="6" t="s">
        <v>51</v>
      </c>
    </row>
    <row r="1508" spans="1:12">
      <c r="A1508" s="6" t="s">
        <v>49</v>
      </c>
      <c r="B1508" s="6"/>
      <c r="C1508" s="6" t="s">
        <v>1522</v>
      </c>
      <c r="D1508" s="6"/>
      <c r="E1508" s="6" t="s">
        <v>9</v>
      </c>
      <c r="F1508" s="7">
        <v>38657</v>
      </c>
      <c r="G1508" s="8">
        <v>1</v>
      </c>
      <c r="H1508" s="8">
        <v>1</v>
      </c>
      <c r="I1508" s="8">
        <v>0</v>
      </c>
      <c r="J1508" s="8">
        <v>1</v>
      </c>
      <c r="K1508" s="9">
        <v>87.82</v>
      </c>
      <c r="L1508" s="6" t="s">
        <v>51</v>
      </c>
    </row>
    <row r="1509" spans="1:12">
      <c r="A1509" s="6" t="s">
        <v>49</v>
      </c>
      <c r="B1509" s="6"/>
      <c r="C1509" s="6" t="s">
        <v>1523</v>
      </c>
      <c r="D1509" s="6"/>
      <c r="E1509" s="6" t="s">
        <v>9</v>
      </c>
      <c r="F1509" s="7">
        <v>41453</v>
      </c>
      <c r="G1509" s="8">
        <v>1</v>
      </c>
      <c r="H1509" s="8">
        <v>1</v>
      </c>
      <c r="I1509" s="8">
        <v>0</v>
      </c>
      <c r="J1509" s="8">
        <v>1</v>
      </c>
      <c r="K1509" s="9">
        <v>6.61</v>
      </c>
      <c r="L1509" s="6" t="s">
        <v>51</v>
      </c>
    </row>
    <row r="1510" spans="1:12">
      <c r="A1510" s="6" t="s">
        <v>49</v>
      </c>
      <c r="B1510" s="6"/>
      <c r="C1510" s="6" t="s">
        <v>1524</v>
      </c>
      <c r="D1510" s="6"/>
      <c r="E1510" s="6" t="s">
        <v>9</v>
      </c>
      <c r="F1510" s="7">
        <v>38657</v>
      </c>
      <c r="G1510" s="8">
        <v>1</v>
      </c>
      <c r="H1510" s="8">
        <v>1</v>
      </c>
      <c r="I1510" s="8">
        <v>0</v>
      </c>
      <c r="J1510" s="8">
        <v>1</v>
      </c>
      <c r="K1510" s="9">
        <v>2.52999999999999</v>
      </c>
      <c r="L1510" s="6" t="s">
        <v>51</v>
      </c>
    </row>
    <row r="1511" spans="1:12">
      <c r="A1511" s="6" t="s">
        <v>49</v>
      </c>
      <c r="B1511" s="6"/>
      <c r="C1511" s="6" t="s">
        <v>1525</v>
      </c>
      <c r="D1511" s="6"/>
      <c r="E1511" s="6" t="s">
        <v>9</v>
      </c>
      <c r="F1511" s="7">
        <v>38657</v>
      </c>
      <c r="G1511" s="8">
        <v>1</v>
      </c>
      <c r="H1511" s="8">
        <v>1</v>
      </c>
      <c r="I1511" s="8">
        <v>0</v>
      </c>
      <c r="J1511" s="8">
        <v>1</v>
      </c>
      <c r="K1511" s="9">
        <v>22</v>
      </c>
      <c r="L1511" s="6" t="s">
        <v>51</v>
      </c>
    </row>
    <row r="1512" spans="1:12">
      <c r="A1512" s="6" t="s">
        <v>49</v>
      </c>
      <c r="B1512" s="6"/>
      <c r="C1512" s="6" t="s">
        <v>1526</v>
      </c>
      <c r="D1512" s="6"/>
      <c r="E1512" s="6" t="s">
        <v>9</v>
      </c>
      <c r="F1512" s="7">
        <v>38657</v>
      </c>
      <c r="G1512" s="8">
        <v>1</v>
      </c>
      <c r="H1512" s="8">
        <v>1</v>
      </c>
      <c r="I1512" s="8">
        <v>0</v>
      </c>
      <c r="J1512" s="8">
        <v>1</v>
      </c>
      <c r="K1512" s="9">
        <v>118</v>
      </c>
      <c r="L1512" s="6" t="s">
        <v>51</v>
      </c>
    </row>
    <row r="1513" spans="1:12">
      <c r="A1513" s="6" t="s">
        <v>49</v>
      </c>
      <c r="B1513" s="6"/>
      <c r="C1513" s="6" t="s">
        <v>1527</v>
      </c>
      <c r="D1513" s="6"/>
      <c r="E1513" s="6" t="s">
        <v>9</v>
      </c>
      <c r="F1513" s="7">
        <v>38657</v>
      </c>
      <c r="G1513" s="8">
        <v>1</v>
      </c>
      <c r="H1513" s="8">
        <v>1</v>
      </c>
      <c r="I1513" s="8">
        <v>0</v>
      </c>
      <c r="J1513" s="8">
        <v>1</v>
      </c>
      <c r="K1513" s="9">
        <v>1.32</v>
      </c>
      <c r="L1513" s="6" t="s">
        <v>51</v>
      </c>
    </row>
    <row r="1514" spans="1:12">
      <c r="A1514" s="6" t="s">
        <v>49</v>
      </c>
      <c r="B1514" s="6"/>
      <c r="C1514" s="6" t="s">
        <v>1528</v>
      </c>
      <c r="D1514" s="6"/>
      <c r="E1514" s="6" t="s">
        <v>9</v>
      </c>
      <c r="F1514" s="7">
        <v>38657</v>
      </c>
      <c r="G1514" s="8">
        <v>1</v>
      </c>
      <c r="H1514" s="8">
        <v>1</v>
      </c>
      <c r="I1514" s="8">
        <v>0</v>
      </c>
      <c r="J1514" s="8">
        <v>1</v>
      </c>
      <c r="K1514" s="9">
        <v>1.02</v>
      </c>
      <c r="L1514" s="6" t="s">
        <v>51</v>
      </c>
    </row>
    <row r="1515" spans="1:12">
      <c r="A1515" s="6" t="s">
        <v>49</v>
      </c>
      <c r="B1515" s="6"/>
      <c r="C1515" s="6" t="s">
        <v>1529</v>
      </c>
      <c r="D1515" s="6"/>
      <c r="E1515" s="6" t="s">
        <v>9</v>
      </c>
      <c r="F1515" s="7">
        <v>38657</v>
      </c>
      <c r="G1515" s="8">
        <v>1</v>
      </c>
      <c r="H1515" s="8">
        <v>1</v>
      </c>
      <c r="I1515" s="8">
        <v>0</v>
      </c>
      <c r="J1515" s="8">
        <v>1</v>
      </c>
      <c r="K1515" s="9">
        <v>28</v>
      </c>
      <c r="L1515" s="6" t="s">
        <v>51</v>
      </c>
    </row>
    <row r="1516" spans="1:12">
      <c r="A1516" s="6" t="s">
        <v>49</v>
      </c>
      <c r="B1516" s="6"/>
      <c r="C1516" s="6" t="s">
        <v>1530</v>
      </c>
      <c r="D1516" s="6"/>
      <c r="E1516" s="6" t="s">
        <v>9</v>
      </c>
      <c r="F1516" s="7">
        <v>38657</v>
      </c>
      <c r="G1516" s="8">
        <v>1</v>
      </c>
      <c r="H1516" s="8">
        <v>1</v>
      </c>
      <c r="I1516" s="8">
        <v>0</v>
      </c>
      <c r="J1516" s="8">
        <v>1</v>
      </c>
      <c r="K1516" s="9">
        <v>22</v>
      </c>
      <c r="L1516" s="6" t="s">
        <v>51</v>
      </c>
    </row>
    <row r="1517" spans="1:12">
      <c r="A1517" s="6" t="s">
        <v>49</v>
      </c>
      <c r="B1517" s="6"/>
      <c r="C1517" s="6" t="s">
        <v>1531</v>
      </c>
      <c r="D1517" s="6"/>
      <c r="E1517" s="6" t="s">
        <v>9</v>
      </c>
      <c r="F1517" s="7">
        <v>38657</v>
      </c>
      <c r="G1517" s="8">
        <v>1</v>
      </c>
      <c r="H1517" s="8">
        <v>1</v>
      </c>
      <c r="I1517" s="8">
        <v>0</v>
      </c>
      <c r="J1517" s="8">
        <v>1</v>
      </c>
      <c r="K1517" s="9">
        <v>46.75</v>
      </c>
      <c r="L1517" s="6" t="s">
        <v>51</v>
      </c>
    </row>
    <row r="1518" spans="1:12">
      <c r="A1518" s="6" t="s">
        <v>49</v>
      </c>
      <c r="B1518" s="6"/>
      <c r="C1518" s="6" t="s">
        <v>1532</v>
      </c>
      <c r="D1518" s="6"/>
      <c r="E1518" s="6" t="s">
        <v>9</v>
      </c>
      <c r="F1518" s="7">
        <v>38657</v>
      </c>
      <c r="G1518" s="8">
        <v>1</v>
      </c>
      <c r="H1518" s="8">
        <v>1</v>
      </c>
      <c r="I1518" s="8">
        <v>0</v>
      </c>
      <c r="J1518" s="8">
        <v>1</v>
      </c>
      <c r="K1518" s="9">
        <v>10</v>
      </c>
      <c r="L1518" s="6" t="s">
        <v>51</v>
      </c>
    </row>
    <row r="1519" spans="1:12">
      <c r="A1519" s="6" t="s">
        <v>49</v>
      </c>
      <c r="B1519" s="6"/>
      <c r="C1519" s="6" t="s">
        <v>1533</v>
      </c>
      <c r="D1519" s="6"/>
      <c r="E1519" s="6" t="s">
        <v>9</v>
      </c>
      <c r="F1519" s="7">
        <v>38657</v>
      </c>
      <c r="G1519" s="8">
        <v>1</v>
      </c>
      <c r="H1519" s="8">
        <v>1</v>
      </c>
      <c r="I1519" s="8">
        <v>0</v>
      </c>
      <c r="J1519" s="8">
        <v>1</v>
      </c>
      <c r="K1519" s="9">
        <v>9.09</v>
      </c>
      <c r="L1519" s="6" t="s">
        <v>51</v>
      </c>
    </row>
    <row r="1520" spans="1:12">
      <c r="A1520" s="6" t="s">
        <v>49</v>
      </c>
      <c r="B1520" s="6"/>
      <c r="C1520" s="6" t="s">
        <v>1534</v>
      </c>
      <c r="D1520" s="6"/>
      <c r="E1520" s="6" t="s">
        <v>9</v>
      </c>
      <c r="F1520" s="7">
        <v>41453</v>
      </c>
      <c r="G1520" s="8">
        <v>1</v>
      </c>
      <c r="H1520" s="8">
        <v>1</v>
      </c>
      <c r="I1520" s="8">
        <v>0</v>
      </c>
      <c r="J1520" s="8">
        <v>1</v>
      </c>
      <c r="K1520" s="9">
        <v>6.78</v>
      </c>
      <c r="L1520" s="6" t="s">
        <v>51</v>
      </c>
    </row>
    <row r="1521" spans="1:12">
      <c r="A1521" s="6" t="s">
        <v>49</v>
      </c>
      <c r="B1521" s="6"/>
      <c r="C1521" s="6" t="s">
        <v>1535</v>
      </c>
      <c r="D1521" s="6"/>
      <c r="E1521" s="6" t="s">
        <v>9</v>
      </c>
      <c r="F1521" s="7">
        <v>38657</v>
      </c>
      <c r="G1521" s="8">
        <v>1</v>
      </c>
      <c r="H1521" s="8">
        <v>1</v>
      </c>
      <c r="I1521" s="8">
        <v>0</v>
      </c>
      <c r="J1521" s="8">
        <v>1</v>
      </c>
      <c r="K1521" s="9">
        <v>8.8800000000000008</v>
      </c>
      <c r="L1521" s="6" t="s">
        <v>51</v>
      </c>
    </row>
    <row r="1522" spans="1:12">
      <c r="A1522" s="6" t="s">
        <v>49</v>
      </c>
      <c r="B1522" s="6"/>
      <c r="C1522" s="6" t="s">
        <v>1536</v>
      </c>
      <c r="D1522" s="6"/>
      <c r="E1522" s="6" t="s">
        <v>9</v>
      </c>
      <c r="F1522" s="7">
        <v>38657</v>
      </c>
      <c r="G1522" s="8">
        <v>1</v>
      </c>
      <c r="H1522" s="8">
        <v>1</v>
      </c>
      <c r="I1522" s="8">
        <v>0</v>
      </c>
      <c r="J1522" s="8">
        <v>1</v>
      </c>
      <c r="K1522" s="9">
        <v>14</v>
      </c>
      <c r="L1522" s="6" t="s">
        <v>51</v>
      </c>
    </row>
    <row r="1523" spans="1:12">
      <c r="A1523" s="6" t="s">
        <v>49</v>
      </c>
      <c r="B1523" s="6"/>
      <c r="C1523" s="6" t="s">
        <v>1537</v>
      </c>
      <c r="D1523" s="6"/>
      <c r="E1523" s="6" t="s">
        <v>9</v>
      </c>
      <c r="F1523" s="7">
        <v>38657</v>
      </c>
      <c r="G1523" s="8">
        <v>1</v>
      </c>
      <c r="H1523" s="8">
        <v>1</v>
      </c>
      <c r="I1523" s="8">
        <v>0</v>
      </c>
      <c r="J1523" s="8">
        <v>1</v>
      </c>
      <c r="K1523" s="9">
        <v>113.58</v>
      </c>
      <c r="L1523" s="6" t="s">
        <v>51</v>
      </c>
    </row>
    <row r="1524" spans="1:12">
      <c r="A1524" s="6" t="s">
        <v>49</v>
      </c>
      <c r="B1524" s="6"/>
      <c r="C1524" s="6" t="s">
        <v>1538</v>
      </c>
      <c r="D1524" s="6"/>
      <c r="E1524" s="6" t="s">
        <v>9</v>
      </c>
      <c r="F1524" s="7">
        <v>38657</v>
      </c>
      <c r="G1524" s="8">
        <v>1</v>
      </c>
      <c r="H1524" s="8">
        <v>1</v>
      </c>
      <c r="I1524" s="8">
        <v>0</v>
      </c>
      <c r="J1524" s="8">
        <v>1</v>
      </c>
      <c r="K1524" s="9">
        <v>19</v>
      </c>
      <c r="L1524" s="6" t="s">
        <v>51</v>
      </c>
    </row>
    <row r="1525" spans="1:12">
      <c r="A1525" s="6" t="s">
        <v>49</v>
      </c>
      <c r="B1525" s="6"/>
      <c r="C1525" s="6" t="s">
        <v>1539</v>
      </c>
      <c r="D1525" s="6"/>
      <c r="E1525" s="6" t="s">
        <v>9</v>
      </c>
      <c r="F1525" s="7">
        <v>38657</v>
      </c>
      <c r="G1525" s="8">
        <v>1</v>
      </c>
      <c r="H1525" s="8">
        <v>1</v>
      </c>
      <c r="I1525" s="8">
        <v>0</v>
      </c>
      <c r="J1525" s="8">
        <v>1</v>
      </c>
      <c r="K1525" s="9">
        <v>23</v>
      </c>
      <c r="L1525" s="6" t="s">
        <v>51</v>
      </c>
    </row>
    <row r="1526" spans="1:12">
      <c r="A1526" s="6" t="s">
        <v>49</v>
      </c>
      <c r="B1526" s="6"/>
      <c r="C1526" s="6" t="s">
        <v>1540</v>
      </c>
      <c r="D1526" s="6"/>
      <c r="E1526" s="6" t="s">
        <v>9</v>
      </c>
      <c r="F1526" s="7">
        <v>38657</v>
      </c>
      <c r="G1526" s="8">
        <v>1</v>
      </c>
      <c r="H1526" s="8">
        <v>1</v>
      </c>
      <c r="I1526" s="8">
        <v>0</v>
      </c>
      <c r="J1526" s="8">
        <v>1</v>
      </c>
      <c r="K1526" s="9">
        <v>125</v>
      </c>
      <c r="L1526" s="6" t="s">
        <v>51</v>
      </c>
    </row>
    <row r="1527" spans="1:12">
      <c r="A1527" s="6" t="s">
        <v>49</v>
      </c>
      <c r="B1527" s="6"/>
      <c r="C1527" s="6" t="s">
        <v>1541</v>
      </c>
      <c r="D1527" s="6"/>
      <c r="E1527" s="6" t="s">
        <v>9</v>
      </c>
      <c r="F1527" s="7">
        <v>38657</v>
      </c>
      <c r="G1527" s="8">
        <v>1</v>
      </c>
      <c r="H1527" s="8">
        <v>1</v>
      </c>
      <c r="I1527" s="8">
        <v>0</v>
      </c>
      <c r="J1527" s="8">
        <v>1</v>
      </c>
      <c r="K1527" s="9">
        <v>158</v>
      </c>
      <c r="L1527" s="6" t="s">
        <v>51</v>
      </c>
    </row>
    <row r="1528" spans="1:12">
      <c r="A1528" s="6" t="s">
        <v>49</v>
      </c>
      <c r="B1528" s="6"/>
      <c r="C1528" s="6" t="s">
        <v>1542</v>
      </c>
      <c r="D1528" s="6"/>
      <c r="E1528" s="6" t="s">
        <v>9</v>
      </c>
      <c r="F1528" s="7">
        <v>38657</v>
      </c>
      <c r="G1528" s="8">
        <v>1</v>
      </c>
      <c r="H1528" s="8">
        <v>1</v>
      </c>
      <c r="I1528" s="8">
        <v>0</v>
      </c>
      <c r="J1528" s="8">
        <v>1</v>
      </c>
      <c r="K1528" s="9">
        <v>11</v>
      </c>
      <c r="L1528" s="6" t="s">
        <v>51</v>
      </c>
    </row>
    <row r="1529" spans="1:12">
      <c r="A1529" s="6" t="s">
        <v>49</v>
      </c>
      <c r="B1529" s="6"/>
      <c r="C1529" s="6" t="s">
        <v>1543</v>
      </c>
      <c r="D1529" s="6"/>
      <c r="E1529" s="6" t="s">
        <v>9</v>
      </c>
      <c r="F1529" s="7">
        <v>38657</v>
      </c>
      <c r="G1529" s="8">
        <v>1</v>
      </c>
      <c r="H1529" s="8">
        <v>1</v>
      </c>
      <c r="I1529" s="8">
        <v>0</v>
      </c>
      <c r="J1529" s="8">
        <v>1</v>
      </c>
      <c r="K1529" s="9">
        <v>4.12</v>
      </c>
      <c r="L1529" s="6" t="s">
        <v>51</v>
      </c>
    </row>
    <row r="1530" spans="1:12">
      <c r="A1530" s="6" t="s">
        <v>49</v>
      </c>
      <c r="B1530" s="6"/>
      <c r="C1530" s="6" t="s">
        <v>1544</v>
      </c>
      <c r="D1530" s="6"/>
      <c r="E1530" s="6" t="s">
        <v>9</v>
      </c>
      <c r="F1530" s="7">
        <v>38657</v>
      </c>
      <c r="G1530" s="8">
        <v>1</v>
      </c>
      <c r="H1530" s="8">
        <v>1</v>
      </c>
      <c r="I1530" s="8">
        <v>0</v>
      </c>
      <c r="J1530" s="8">
        <v>1</v>
      </c>
      <c r="K1530" s="9">
        <v>6.46</v>
      </c>
      <c r="L1530" s="6" t="s">
        <v>51</v>
      </c>
    </row>
    <row r="1531" spans="1:12">
      <c r="A1531" s="6" t="s">
        <v>49</v>
      </c>
      <c r="B1531" s="6"/>
      <c r="C1531" s="6" t="s">
        <v>1545</v>
      </c>
      <c r="D1531" s="6"/>
      <c r="E1531" s="6" t="s">
        <v>9</v>
      </c>
      <c r="F1531" s="7">
        <v>41453</v>
      </c>
      <c r="G1531" s="8">
        <v>1</v>
      </c>
      <c r="H1531" s="8">
        <v>1</v>
      </c>
      <c r="I1531" s="8">
        <v>0</v>
      </c>
      <c r="J1531" s="8">
        <v>1</v>
      </c>
      <c r="K1531" s="9">
        <v>4.2</v>
      </c>
      <c r="L1531" s="6" t="s">
        <v>51</v>
      </c>
    </row>
    <row r="1532" spans="1:12">
      <c r="A1532" s="6" t="s">
        <v>49</v>
      </c>
      <c r="B1532" s="6"/>
      <c r="C1532" s="6" t="s">
        <v>1546</v>
      </c>
      <c r="D1532" s="6"/>
      <c r="E1532" s="6" t="s">
        <v>9</v>
      </c>
      <c r="F1532" s="7">
        <v>38657</v>
      </c>
      <c r="G1532" s="8">
        <v>1</v>
      </c>
      <c r="H1532" s="8">
        <v>1</v>
      </c>
      <c r="I1532" s="8">
        <v>0</v>
      </c>
      <c r="J1532" s="8">
        <v>1</v>
      </c>
      <c r="K1532" s="9">
        <v>0.27</v>
      </c>
      <c r="L1532" s="6" t="s">
        <v>51</v>
      </c>
    </row>
    <row r="1533" spans="1:12">
      <c r="A1533" s="6" t="s">
        <v>49</v>
      </c>
      <c r="B1533" s="6"/>
      <c r="C1533" s="6" t="s">
        <v>1547</v>
      </c>
      <c r="D1533" s="6"/>
      <c r="E1533" s="6" t="s">
        <v>9</v>
      </c>
      <c r="F1533" s="7">
        <v>38657</v>
      </c>
      <c r="G1533" s="8">
        <v>1</v>
      </c>
      <c r="H1533" s="8">
        <v>1</v>
      </c>
      <c r="I1533" s="8">
        <v>0</v>
      </c>
      <c r="J1533" s="8">
        <v>1</v>
      </c>
      <c r="K1533" s="9">
        <v>13</v>
      </c>
      <c r="L1533" s="6" t="s">
        <v>51</v>
      </c>
    </row>
    <row r="1534" spans="1:12">
      <c r="A1534" s="6" t="s">
        <v>49</v>
      </c>
      <c r="B1534" s="6"/>
      <c r="C1534" s="6" t="s">
        <v>1548</v>
      </c>
      <c r="D1534" s="6"/>
      <c r="E1534" s="6" t="s">
        <v>9</v>
      </c>
      <c r="F1534" s="7">
        <v>38657</v>
      </c>
      <c r="G1534" s="8">
        <v>1</v>
      </c>
      <c r="H1534" s="8">
        <v>1</v>
      </c>
      <c r="I1534" s="8">
        <v>0</v>
      </c>
      <c r="J1534" s="8">
        <v>1</v>
      </c>
      <c r="K1534" s="9">
        <v>62</v>
      </c>
      <c r="L1534" s="6" t="s">
        <v>51</v>
      </c>
    </row>
    <row r="1535" spans="1:12">
      <c r="A1535" s="6" t="s">
        <v>49</v>
      </c>
      <c r="B1535" s="6"/>
      <c r="C1535" s="6" t="s">
        <v>1549</v>
      </c>
      <c r="D1535" s="6"/>
      <c r="E1535" s="6" t="s">
        <v>9</v>
      </c>
      <c r="F1535" s="7">
        <v>38657</v>
      </c>
      <c r="G1535" s="8">
        <v>1</v>
      </c>
      <c r="H1535" s="8">
        <v>1</v>
      </c>
      <c r="I1535" s="8">
        <v>0</v>
      </c>
      <c r="J1535" s="8">
        <v>1</v>
      </c>
      <c r="K1535" s="9">
        <v>6.61</v>
      </c>
      <c r="L1535" s="6" t="s">
        <v>51</v>
      </c>
    </row>
    <row r="1536" spans="1:12">
      <c r="A1536" s="6" t="s">
        <v>49</v>
      </c>
      <c r="B1536" s="6"/>
      <c r="C1536" s="6" t="s">
        <v>1550</v>
      </c>
      <c r="D1536" s="6"/>
      <c r="E1536" s="6" t="s">
        <v>9</v>
      </c>
      <c r="F1536" s="7">
        <v>38657</v>
      </c>
      <c r="G1536" s="8">
        <v>1</v>
      </c>
      <c r="H1536" s="8">
        <v>1</v>
      </c>
      <c r="I1536" s="8">
        <v>0</v>
      </c>
      <c r="J1536" s="8">
        <v>1</v>
      </c>
      <c r="K1536" s="9">
        <v>40</v>
      </c>
      <c r="L1536" s="6" t="s">
        <v>51</v>
      </c>
    </row>
    <row r="1537" spans="1:12">
      <c r="A1537" s="6" t="s">
        <v>49</v>
      </c>
      <c r="B1537" s="6"/>
      <c r="C1537" s="6" t="s">
        <v>1551</v>
      </c>
      <c r="D1537" s="6"/>
      <c r="E1537" s="6" t="s">
        <v>9</v>
      </c>
      <c r="F1537" s="7">
        <v>38657</v>
      </c>
      <c r="G1537" s="8">
        <v>1</v>
      </c>
      <c r="H1537" s="8">
        <v>1</v>
      </c>
      <c r="I1537" s="8">
        <v>0</v>
      </c>
      <c r="J1537" s="8">
        <v>1</v>
      </c>
      <c r="K1537" s="9">
        <v>2.46</v>
      </c>
      <c r="L1537" s="6" t="s">
        <v>51</v>
      </c>
    </row>
    <row r="1538" spans="1:12">
      <c r="A1538" s="6" t="s">
        <v>49</v>
      </c>
      <c r="B1538" s="6"/>
      <c r="C1538" s="6" t="s">
        <v>1552</v>
      </c>
      <c r="D1538" s="6"/>
      <c r="E1538" s="6" t="s">
        <v>9</v>
      </c>
      <c r="F1538" s="7">
        <v>38657</v>
      </c>
      <c r="G1538" s="8">
        <v>1</v>
      </c>
      <c r="H1538" s="8">
        <v>1</v>
      </c>
      <c r="I1538" s="8">
        <v>0</v>
      </c>
      <c r="J1538" s="8">
        <v>1</v>
      </c>
      <c r="K1538" s="9">
        <v>15</v>
      </c>
      <c r="L1538" s="6" t="s">
        <v>51</v>
      </c>
    </row>
    <row r="1539" spans="1:12">
      <c r="A1539" s="6" t="s">
        <v>49</v>
      </c>
      <c r="B1539" s="6"/>
      <c r="C1539" s="6" t="s">
        <v>1553</v>
      </c>
      <c r="D1539" s="6"/>
      <c r="E1539" s="6" t="s">
        <v>9</v>
      </c>
      <c r="F1539" s="7">
        <v>38657</v>
      </c>
      <c r="G1539" s="8">
        <v>1</v>
      </c>
      <c r="H1539" s="8">
        <v>1</v>
      </c>
      <c r="I1539" s="8">
        <v>0</v>
      </c>
      <c r="J1539" s="8">
        <v>1</v>
      </c>
      <c r="K1539" s="9">
        <v>2.06</v>
      </c>
      <c r="L1539" s="6" t="s">
        <v>51</v>
      </c>
    </row>
    <row r="1540" spans="1:12">
      <c r="A1540" s="6" t="s">
        <v>49</v>
      </c>
      <c r="B1540" s="6"/>
      <c r="C1540" s="6" t="s">
        <v>1554</v>
      </c>
      <c r="D1540" s="6"/>
      <c r="E1540" s="6" t="s">
        <v>9</v>
      </c>
      <c r="F1540" s="7">
        <v>38657</v>
      </c>
      <c r="G1540" s="8">
        <v>1</v>
      </c>
      <c r="H1540" s="8">
        <v>1</v>
      </c>
      <c r="I1540" s="8">
        <v>0</v>
      </c>
      <c r="J1540" s="8">
        <v>1</v>
      </c>
      <c r="K1540" s="9">
        <v>6.35</v>
      </c>
      <c r="L1540" s="6" t="s">
        <v>51</v>
      </c>
    </row>
    <row r="1541" spans="1:12">
      <c r="A1541" s="6" t="s">
        <v>49</v>
      </c>
      <c r="B1541" s="6"/>
      <c r="C1541" s="6" t="s">
        <v>1555</v>
      </c>
      <c r="D1541" s="6"/>
      <c r="E1541" s="6" t="s">
        <v>9</v>
      </c>
      <c r="F1541" s="7">
        <v>38657</v>
      </c>
      <c r="G1541" s="8">
        <v>1</v>
      </c>
      <c r="H1541" s="8">
        <v>1</v>
      </c>
      <c r="I1541" s="8">
        <v>0</v>
      </c>
      <c r="J1541" s="8">
        <v>1</v>
      </c>
      <c r="K1541" s="9">
        <v>333</v>
      </c>
      <c r="L1541" s="6" t="s">
        <v>51</v>
      </c>
    </row>
    <row r="1542" spans="1:12">
      <c r="A1542" s="6" t="s">
        <v>49</v>
      </c>
      <c r="B1542" s="6"/>
      <c r="C1542" s="6" t="s">
        <v>1556</v>
      </c>
      <c r="D1542" s="6"/>
      <c r="E1542" s="6" t="s">
        <v>9</v>
      </c>
      <c r="F1542" s="7">
        <v>38657</v>
      </c>
      <c r="G1542" s="8">
        <v>1</v>
      </c>
      <c r="H1542" s="8">
        <v>1</v>
      </c>
      <c r="I1542" s="8">
        <v>0</v>
      </c>
      <c r="J1542" s="8">
        <v>1</v>
      </c>
      <c r="K1542" s="9">
        <v>13.09</v>
      </c>
      <c r="L1542" s="6" t="s">
        <v>51</v>
      </c>
    </row>
    <row r="1543" spans="1:12">
      <c r="A1543" s="6" t="s">
        <v>49</v>
      </c>
      <c r="B1543" s="6"/>
      <c r="C1543" s="6" t="s">
        <v>1557</v>
      </c>
      <c r="D1543" s="6"/>
      <c r="E1543" s="6" t="s">
        <v>9</v>
      </c>
      <c r="F1543" s="7">
        <v>38657</v>
      </c>
      <c r="G1543" s="8">
        <v>1</v>
      </c>
      <c r="H1543" s="8">
        <v>1</v>
      </c>
      <c r="I1543" s="8">
        <v>0</v>
      </c>
      <c r="J1543" s="8">
        <v>1</v>
      </c>
      <c r="K1543" s="9">
        <v>204</v>
      </c>
      <c r="L1543" s="6" t="s">
        <v>51</v>
      </c>
    </row>
    <row r="1544" spans="1:12">
      <c r="A1544" s="6" t="s">
        <v>49</v>
      </c>
      <c r="B1544" s="6"/>
      <c r="C1544" s="6" t="s">
        <v>1558</v>
      </c>
      <c r="D1544" s="6"/>
      <c r="E1544" s="6" t="s">
        <v>9</v>
      </c>
      <c r="F1544" s="7">
        <v>38657</v>
      </c>
      <c r="G1544" s="8">
        <v>1</v>
      </c>
      <c r="H1544" s="8">
        <v>1</v>
      </c>
      <c r="I1544" s="8">
        <v>0</v>
      </c>
      <c r="J1544" s="8">
        <v>1</v>
      </c>
      <c r="K1544" s="9">
        <v>201</v>
      </c>
      <c r="L1544" s="6" t="s">
        <v>51</v>
      </c>
    </row>
    <row r="1545" spans="1:12">
      <c r="A1545" s="6" t="s">
        <v>49</v>
      </c>
      <c r="B1545" s="6"/>
      <c r="C1545" s="6" t="s">
        <v>1559</v>
      </c>
      <c r="D1545" s="6"/>
      <c r="E1545" s="6" t="s">
        <v>9</v>
      </c>
      <c r="F1545" s="7">
        <v>38657</v>
      </c>
      <c r="G1545" s="8">
        <v>1</v>
      </c>
      <c r="H1545" s="8">
        <v>1</v>
      </c>
      <c r="I1545" s="8">
        <v>0</v>
      </c>
      <c r="J1545" s="8">
        <v>1</v>
      </c>
      <c r="K1545" s="9">
        <v>36</v>
      </c>
      <c r="L1545" s="6" t="s">
        <v>51</v>
      </c>
    </row>
    <row r="1546" spans="1:12">
      <c r="A1546" s="6" t="s">
        <v>49</v>
      </c>
      <c r="B1546" s="6"/>
      <c r="C1546" s="6" t="s">
        <v>1560</v>
      </c>
      <c r="D1546" s="6"/>
      <c r="E1546" s="6" t="s">
        <v>9</v>
      </c>
      <c r="F1546" s="7">
        <v>38657</v>
      </c>
      <c r="G1546" s="8">
        <v>1</v>
      </c>
      <c r="H1546" s="8">
        <v>1</v>
      </c>
      <c r="I1546" s="8">
        <v>0</v>
      </c>
      <c r="J1546" s="8">
        <v>1</v>
      </c>
      <c r="K1546" s="9">
        <v>19</v>
      </c>
      <c r="L1546" s="6" t="s">
        <v>51</v>
      </c>
    </row>
    <row r="1547" spans="1:12">
      <c r="A1547" s="6" t="s">
        <v>49</v>
      </c>
      <c r="B1547" s="6"/>
      <c r="C1547" s="6" t="s">
        <v>1561</v>
      </c>
      <c r="D1547" s="6"/>
      <c r="E1547" s="6" t="s">
        <v>9</v>
      </c>
      <c r="F1547" s="7">
        <v>38657</v>
      </c>
      <c r="G1547" s="8">
        <v>1</v>
      </c>
      <c r="H1547" s="8">
        <v>1</v>
      </c>
      <c r="I1547" s="8">
        <v>0</v>
      </c>
      <c r="J1547" s="8">
        <v>1</v>
      </c>
      <c r="K1547" s="9">
        <v>52</v>
      </c>
      <c r="L1547" s="6" t="s">
        <v>51</v>
      </c>
    </row>
    <row r="1548" spans="1:12">
      <c r="A1548" s="6" t="s">
        <v>49</v>
      </c>
      <c r="B1548" s="6"/>
      <c r="C1548" s="6" t="s">
        <v>1562</v>
      </c>
      <c r="D1548" s="6"/>
      <c r="E1548" s="6" t="s">
        <v>9</v>
      </c>
      <c r="F1548" s="7">
        <v>38657</v>
      </c>
      <c r="G1548" s="8">
        <v>1</v>
      </c>
      <c r="H1548" s="8">
        <v>1</v>
      </c>
      <c r="I1548" s="8">
        <v>0</v>
      </c>
      <c r="J1548" s="8">
        <v>1</v>
      </c>
      <c r="K1548" s="9">
        <v>6.61</v>
      </c>
      <c r="L1548" s="6" t="s">
        <v>51</v>
      </c>
    </row>
    <row r="1549" spans="1:12">
      <c r="A1549" s="6" t="s">
        <v>49</v>
      </c>
      <c r="B1549" s="6"/>
      <c r="C1549" s="6" t="s">
        <v>1563</v>
      </c>
      <c r="D1549" s="6"/>
      <c r="E1549" s="6" t="s">
        <v>9</v>
      </c>
      <c r="F1549" s="7">
        <v>38657</v>
      </c>
      <c r="G1549" s="8">
        <v>1</v>
      </c>
      <c r="H1549" s="8">
        <v>1</v>
      </c>
      <c r="I1549" s="8">
        <v>0</v>
      </c>
      <c r="J1549" s="8">
        <v>1</v>
      </c>
      <c r="K1549" s="9">
        <v>29</v>
      </c>
      <c r="L1549" s="6" t="s">
        <v>51</v>
      </c>
    </row>
    <row r="1550" spans="1:12">
      <c r="A1550" s="6" t="s">
        <v>49</v>
      </c>
      <c r="B1550" s="6"/>
      <c r="C1550" s="6" t="s">
        <v>1564</v>
      </c>
      <c r="D1550" s="6"/>
      <c r="E1550" s="6" t="s">
        <v>9</v>
      </c>
      <c r="F1550" s="7">
        <v>38657</v>
      </c>
      <c r="G1550" s="8">
        <v>1</v>
      </c>
      <c r="H1550" s="8">
        <v>1</v>
      </c>
      <c r="I1550" s="8">
        <v>0</v>
      </c>
      <c r="J1550" s="8">
        <v>1</v>
      </c>
      <c r="K1550" s="9">
        <v>109</v>
      </c>
      <c r="L1550" s="6" t="s">
        <v>51</v>
      </c>
    </row>
    <row r="1551" spans="1:12">
      <c r="A1551" s="6" t="s">
        <v>49</v>
      </c>
      <c r="B1551" s="6"/>
      <c r="C1551" s="6" t="s">
        <v>1565</v>
      </c>
      <c r="D1551" s="6"/>
      <c r="E1551" s="6" t="s">
        <v>9</v>
      </c>
      <c r="F1551" s="7">
        <v>38657</v>
      </c>
      <c r="G1551" s="8">
        <v>1</v>
      </c>
      <c r="H1551" s="8">
        <v>1</v>
      </c>
      <c r="I1551" s="8">
        <v>0</v>
      </c>
      <c r="J1551" s="8">
        <v>1</v>
      </c>
      <c r="K1551" s="9">
        <v>56</v>
      </c>
      <c r="L1551" s="6" t="s">
        <v>51</v>
      </c>
    </row>
    <row r="1552" spans="1:12">
      <c r="A1552" s="6" t="s">
        <v>49</v>
      </c>
      <c r="B1552" s="6"/>
      <c r="C1552" s="6" t="s">
        <v>1566</v>
      </c>
      <c r="D1552" s="6"/>
      <c r="E1552" s="6" t="s">
        <v>9</v>
      </c>
      <c r="F1552" s="7">
        <v>38657</v>
      </c>
      <c r="G1552" s="8">
        <v>1</v>
      </c>
      <c r="H1552" s="8">
        <v>1</v>
      </c>
      <c r="I1552" s="8">
        <v>0</v>
      </c>
      <c r="J1552" s="8">
        <v>1</v>
      </c>
      <c r="K1552" s="9">
        <v>158</v>
      </c>
      <c r="L1552" s="6" t="s">
        <v>51</v>
      </c>
    </row>
    <row r="1553" spans="1:12">
      <c r="A1553" s="6" t="s">
        <v>49</v>
      </c>
      <c r="B1553" s="6"/>
      <c r="C1553" s="6" t="s">
        <v>1567</v>
      </c>
      <c r="D1553" s="6"/>
      <c r="E1553" s="6" t="s">
        <v>9</v>
      </c>
      <c r="F1553" s="7">
        <v>38657</v>
      </c>
      <c r="G1553" s="8">
        <v>1</v>
      </c>
      <c r="H1553" s="8">
        <v>1</v>
      </c>
      <c r="I1553" s="8">
        <v>0</v>
      </c>
      <c r="J1553" s="8">
        <v>1</v>
      </c>
      <c r="K1553" s="9">
        <v>19</v>
      </c>
      <c r="L1553" s="6" t="s">
        <v>51</v>
      </c>
    </row>
    <row r="1554" spans="1:12">
      <c r="A1554" s="6" t="s">
        <v>49</v>
      </c>
      <c r="B1554" s="6"/>
      <c r="C1554" s="6" t="s">
        <v>1568</v>
      </c>
      <c r="D1554" s="6"/>
      <c r="E1554" s="6" t="s">
        <v>9</v>
      </c>
      <c r="F1554" s="7">
        <v>38657</v>
      </c>
      <c r="G1554" s="8">
        <v>1</v>
      </c>
      <c r="H1554" s="8">
        <v>1</v>
      </c>
      <c r="I1554" s="8">
        <v>0</v>
      </c>
      <c r="J1554" s="8">
        <v>1</v>
      </c>
      <c r="K1554" s="9">
        <v>234</v>
      </c>
      <c r="L1554" s="6" t="s">
        <v>51</v>
      </c>
    </row>
    <row r="1555" spans="1:12">
      <c r="A1555" s="6" t="s">
        <v>49</v>
      </c>
      <c r="B1555" s="6"/>
      <c r="C1555" s="6" t="s">
        <v>1569</v>
      </c>
      <c r="D1555" s="6"/>
      <c r="E1555" s="6" t="s">
        <v>9</v>
      </c>
      <c r="F1555" s="7">
        <v>38657</v>
      </c>
      <c r="G1555" s="8">
        <v>1</v>
      </c>
      <c r="H1555" s="8">
        <v>1</v>
      </c>
      <c r="I1555" s="8">
        <v>0</v>
      </c>
      <c r="J1555" s="8">
        <v>1</v>
      </c>
      <c r="K1555" s="9">
        <v>62</v>
      </c>
      <c r="L1555" s="6" t="s">
        <v>51</v>
      </c>
    </row>
    <row r="1556" spans="1:12">
      <c r="A1556" s="6" t="s">
        <v>49</v>
      </c>
      <c r="B1556" s="6"/>
      <c r="C1556" s="6" t="s">
        <v>1570</v>
      </c>
      <c r="D1556" s="6"/>
      <c r="E1556" s="6" t="s">
        <v>9</v>
      </c>
      <c r="F1556" s="7">
        <v>38657</v>
      </c>
      <c r="G1556" s="8">
        <v>1</v>
      </c>
      <c r="H1556" s="8">
        <v>1</v>
      </c>
      <c r="I1556" s="8">
        <v>0</v>
      </c>
      <c r="J1556" s="8">
        <v>1</v>
      </c>
      <c r="K1556" s="9">
        <v>19</v>
      </c>
      <c r="L1556" s="6" t="s">
        <v>51</v>
      </c>
    </row>
    <row r="1557" spans="1:12">
      <c r="A1557" s="6" t="s">
        <v>49</v>
      </c>
      <c r="B1557" s="6"/>
      <c r="C1557" s="6" t="s">
        <v>1571</v>
      </c>
      <c r="D1557" s="6"/>
      <c r="E1557" s="6" t="s">
        <v>9</v>
      </c>
      <c r="F1557" s="7">
        <v>38657</v>
      </c>
      <c r="G1557" s="8">
        <v>1</v>
      </c>
      <c r="H1557" s="8">
        <v>1</v>
      </c>
      <c r="I1557" s="8">
        <v>0</v>
      </c>
      <c r="J1557" s="8">
        <v>1</v>
      </c>
      <c r="K1557" s="9">
        <v>175</v>
      </c>
      <c r="L1557" s="6" t="s">
        <v>51</v>
      </c>
    </row>
    <row r="1558" spans="1:12">
      <c r="A1558" s="6" t="s">
        <v>49</v>
      </c>
      <c r="B1558" s="6"/>
      <c r="C1558" s="6" t="s">
        <v>1572</v>
      </c>
      <c r="D1558" s="6"/>
      <c r="E1558" s="6" t="s">
        <v>9</v>
      </c>
      <c r="F1558" s="7">
        <v>38657</v>
      </c>
      <c r="G1558" s="8">
        <v>1</v>
      </c>
      <c r="H1558" s="8">
        <v>1</v>
      </c>
      <c r="I1558" s="8">
        <v>0</v>
      </c>
      <c r="J1558" s="8">
        <v>1</v>
      </c>
      <c r="K1558" s="9">
        <v>42</v>
      </c>
      <c r="L1558" s="6" t="s">
        <v>51</v>
      </c>
    </row>
    <row r="1559" spans="1:12">
      <c r="A1559" s="6" t="s">
        <v>49</v>
      </c>
      <c r="B1559" s="6"/>
      <c r="C1559" s="6" t="s">
        <v>1573</v>
      </c>
      <c r="D1559" s="6"/>
      <c r="E1559" s="6" t="s">
        <v>9</v>
      </c>
      <c r="F1559" s="7">
        <v>38657</v>
      </c>
      <c r="G1559" s="8">
        <v>1</v>
      </c>
      <c r="H1559" s="8">
        <v>1</v>
      </c>
      <c r="I1559" s="8">
        <v>0</v>
      </c>
      <c r="J1559" s="8">
        <v>1</v>
      </c>
      <c r="K1559" s="9">
        <v>42</v>
      </c>
      <c r="L1559" s="6" t="s">
        <v>51</v>
      </c>
    </row>
    <row r="1560" spans="1:12">
      <c r="A1560" s="6" t="s">
        <v>49</v>
      </c>
      <c r="B1560" s="6"/>
      <c r="C1560" s="6" t="s">
        <v>1574</v>
      </c>
      <c r="D1560" s="6"/>
      <c r="E1560" s="6" t="s">
        <v>9</v>
      </c>
      <c r="F1560" s="7">
        <v>38657</v>
      </c>
      <c r="G1560" s="8">
        <v>1</v>
      </c>
      <c r="H1560" s="8">
        <v>1</v>
      </c>
      <c r="I1560" s="8">
        <v>0</v>
      </c>
      <c r="J1560" s="8">
        <v>1</v>
      </c>
      <c r="K1560" s="9">
        <v>29</v>
      </c>
      <c r="L1560" s="6" t="s">
        <v>51</v>
      </c>
    </row>
    <row r="1561" spans="1:12">
      <c r="A1561" s="6" t="s">
        <v>49</v>
      </c>
      <c r="B1561" s="6"/>
      <c r="C1561" s="6" t="s">
        <v>1575</v>
      </c>
      <c r="D1561" s="6"/>
      <c r="E1561" s="6" t="s">
        <v>9</v>
      </c>
      <c r="F1561" s="7">
        <v>38657</v>
      </c>
      <c r="G1561" s="8">
        <v>1</v>
      </c>
      <c r="H1561" s="8">
        <v>1</v>
      </c>
      <c r="I1561" s="8">
        <v>0</v>
      </c>
      <c r="J1561" s="8">
        <v>1</v>
      </c>
      <c r="K1561" s="9">
        <v>112</v>
      </c>
      <c r="L1561" s="6" t="s">
        <v>51</v>
      </c>
    </row>
    <row r="1562" spans="1:12">
      <c r="A1562" s="6" t="s">
        <v>49</v>
      </c>
      <c r="B1562" s="6"/>
      <c r="C1562" s="6" t="s">
        <v>1576</v>
      </c>
      <c r="D1562" s="6"/>
      <c r="E1562" s="6" t="s">
        <v>9</v>
      </c>
      <c r="F1562" s="7">
        <v>38657</v>
      </c>
      <c r="G1562" s="8">
        <v>1</v>
      </c>
      <c r="H1562" s="8">
        <v>1</v>
      </c>
      <c r="I1562" s="8">
        <v>0</v>
      </c>
      <c r="J1562" s="8">
        <v>1</v>
      </c>
      <c r="K1562" s="9">
        <v>29</v>
      </c>
      <c r="L1562" s="6" t="s">
        <v>51</v>
      </c>
    </row>
    <row r="1563" spans="1:12">
      <c r="A1563" s="6" t="s">
        <v>49</v>
      </c>
      <c r="B1563" s="6"/>
      <c r="C1563" s="6" t="s">
        <v>1577</v>
      </c>
      <c r="D1563" s="6"/>
      <c r="E1563" s="6" t="s">
        <v>9</v>
      </c>
      <c r="F1563" s="7">
        <v>38657</v>
      </c>
      <c r="G1563" s="8">
        <v>1</v>
      </c>
      <c r="H1563" s="8">
        <v>1</v>
      </c>
      <c r="I1563" s="8">
        <v>0</v>
      </c>
      <c r="J1563" s="8">
        <v>1</v>
      </c>
      <c r="K1563" s="9">
        <v>158</v>
      </c>
      <c r="L1563" s="6" t="s">
        <v>51</v>
      </c>
    </row>
    <row r="1564" spans="1:12">
      <c r="A1564" s="6" t="s">
        <v>49</v>
      </c>
      <c r="B1564" s="6"/>
      <c r="C1564" s="6" t="s">
        <v>1578</v>
      </c>
      <c r="D1564" s="6"/>
      <c r="E1564" s="6" t="s">
        <v>9</v>
      </c>
      <c r="F1564" s="7">
        <v>38657</v>
      </c>
      <c r="G1564" s="8">
        <v>1</v>
      </c>
      <c r="H1564" s="8">
        <v>1</v>
      </c>
      <c r="I1564" s="8">
        <v>0</v>
      </c>
      <c r="J1564" s="8">
        <v>1</v>
      </c>
      <c r="K1564" s="9">
        <v>6.61</v>
      </c>
      <c r="L1564" s="6" t="s">
        <v>51</v>
      </c>
    </row>
    <row r="1565" spans="1:12">
      <c r="A1565" s="6" t="s">
        <v>49</v>
      </c>
      <c r="B1565" s="6"/>
      <c r="C1565" s="6" t="s">
        <v>1579</v>
      </c>
      <c r="D1565" s="6"/>
      <c r="E1565" s="6" t="s">
        <v>9</v>
      </c>
      <c r="F1565" s="7">
        <v>38657</v>
      </c>
      <c r="G1565" s="8">
        <v>1</v>
      </c>
      <c r="H1565" s="8">
        <v>1</v>
      </c>
      <c r="I1565" s="8">
        <v>0</v>
      </c>
      <c r="J1565" s="8">
        <v>1</v>
      </c>
      <c r="K1565" s="9">
        <v>128</v>
      </c>
      <c r="L1565" s="6" t="s">
        <v>51</v>
      </c>
    </row>
    <row r="1566" spans="1:12">
      <c r="A1566" s="6" t="s">
        <v>49</v>
      </c>
      <c r="B1566" s="6"/>
      <c r="C1566" s="6" t="s">
        <v>1580</v>
      </c>
      <c r="D1566" s="6"/>
      <c r="E1566" s="6" t="s">
        <v>9</v>
      </c>
      <c r="F1566" s="7">
        <v>38657</v>
      </c>
      <c r="G1566" s="8">
        <v>1</v>
      </c>
      <c r="H1566" s="8">
        <v>1</v>
      </c>
      <c r="I1566" s="8">
        <v>0</v>
      </c>
      <c r="J1566" s="8">
        <v>1</v>
      </c>
      <c r="K1566" s="9">
        <v>33</v>
      </c>
      <c r="L1566" s="6" t="s">
        <v>51</v>
      </c>
    </row>
    <row r="1567" spans="1:12">
      <c r="A1567" s="6" t="s">
        <v>49</v>
      </c>
      <c r="B1567" s="6"/>
      <c r="C1567" s="6" t="s">
        <v>1581</v>
      </c>
      <c r="D1567" s="6"/>
      <c r="E1567" s="6" t="s">
        <v>9</v>
      </c>
      <c r="F1567" s="7"/>
      <c r="G1567" s="8">
        <v>1</v>
      </c>
      <c r="H1567" s="8">
        <v>1</v>
      </c>
      <c r="I1567" s="8">
        <v>0</v>
      </c>
      <c r="J1567" s="8">
        <v>1</v>
      </c>
      <c r="K1567" s="9">
        <v>6.61</v>
      </c>
      <c r="L1567" s="6" t="s">
        <v>51</v>
      </c>
    </row>
    <row r="1568" spans="1:12">
      <c r="A1568" s="6" t="s">
        <v>49</v>
      </c>
      <c r="B1568" s="6"/>
      <c r="C1568" s="6" t="s">
        <v>1582</v>
      </c>
      <c r="D1568" s="6"/>
      <c r="E1568" s="6" t="s">
        <v>9</v>
      </c>
      <c r="F1568" s="7"/>
      <c r="G1568" s="8">
        <v>1</v>
      </c>
      <c r="H1568" s="8">
        <v>1</v>
      </c>
      <c r="I1568" s="8">
        <v>0</v>
      </c>
      <c r="J1568" s="8">
        <v>1</v>
      </c>
      <c r="K1568" s="9">
        <v>19</v>
      </c>
      <c r="L1568" s="6" t="s">
        <v>51</v>
      </c>
    </row>
    <row r="1569" spans="1:12">
      <c r="A1569" s="6" t="s">
        <v>49</v>
      </c>
      <c r="B1569" s="6"/>
      <c r="C1569" s="6" t="s">
        <v>1583</v>
      </c>
      <c r="D1569" s="6"/>
      <c r="E1569" s="6" t="s">
        <v>9</v>
      </c>
      <c r="F1569" s="7">
        <v>38657</v>
      </c>
      <c r="G1569" s="8">
        <v>1</v>
      </c>
      <c r="H1569" s="8">
        <v>1</v>
      </c>
      <c r="I1569" s="8">
        <v>0</v>
      </c>
      <c r="J1569" s="8">
        <v>1</v>
      </c>
      <c r="K1569" s="9">
        <v>261</v>
      </c>
      <c r="L1569" s="6" t="s">
        <v>51</v>
      </c>
    </row>
    <row r="1570" spans="1:12">
      <c r="A1570" s="6" t="s">
        <v>49</v>
      </c>
      <c r="B1570" s="6"/>
      <c r="C1570" s="6" t="s">
        <v>1584</v>
      </c>
      <c r="D1570" s="6"/>
      <c r="E1570" s="6" t="s">
        <v>9</v>
      </c>
      <c r="F1570" s="7">
        <v>40519</v>
      </c>
      <c r="G1570" s="8">
        <v>1</v>
      </c>
      <c r="H1570" s="8">
        <v>1</v>
      </c>
      <c r="I1570" s="8">
        <v>0</v>
      </c>
      <c r="J1570" s="8">
        <v>1</v>
      </c>
      <c r="K1570" s="9">
        <v>36</v>
      </c>
      <c r="L1570" s="6" t="s">
        <v>51</v>
      </c>
    </row>
    <row r="1571" spans="1:12">
      <c r="A1571" s="6" t="s">
        <v>49</v>
      </c>
      <c r="B1571" s="6"/>
      <c r="C1571" s="6" t="s">
        <v>1585</v>
      </c>
      <c r="D1571" s="6"/>
      <c r="E1571" s="6" t="s">
        <v>9</v>
      </c>
      <c r="F1571" s="7">
        <v>38657</v>
      </c>
      <c r="G1571" s="8">
        <v>1</v>
      </c>
      <c r="H1571" s="8">
        <v>1</v>
      </c>
      <c r="I1571" s="8">
        <v>0</v>
      </c>
      <c r="J1571" s="8">
        <v>1</v>
      </c>
      <c r="K1571" s="9">
        <v>52</v>
      </c>
      <c r="L1571" s="6" t="s">
        <v>51</v>
      </c>
    </row>
    <row r="1572" spans="1:12">
      <c r="A1572" s="6" t="s">
        <v>49</v>
      </c>
      <c r="B1572" s="6"/>
      <c r="C1572" s="6" t="s">
        <v>1586</v>
      </c>
      <c r="D1572" s="6"/>
      <c r="E1572" s="6" t="s">
        <v>9</v>
      </c>
      <c r="F1572" s="7">
        <v>38657</v>
      </c>
      <c r="G1572" s="8">
        <v>1</v>
      </c>
      <c r="H1572" s="8">
        <v>1</v>
      </c>
      <c r="I1572" s="8">
        <v>0</v>
      </c>
      <c r="J1572" s="8">
        <v>1</v>
      </c>
      <c r="K1572" s="9">
        <v>92</v>
      </c>
      <c r="L1572" s="6" t="s">
        <v>51</v>
      </c>
    </row>
    <row r="1573" spans="1:12">
      <c r="A1573" s="6" t="s">
        <v>49</v>
      </c>
      <c r="B1573" s="6"/>
      <c r="C1573" s="6" t="s">
        <v>1587</v>
      </c>
      <c r="D1573" s="6"/>
      <c r="E1573" s="6" t="s">
        <v>9</v>
      </c>
      <c r="F1573" s="7">
        <v>38657</v>
      </c>
      <c r="G1573" s="8">
        <v>1</v>
      </c>
      <c r="H1573" s="8">
        <v>1</v>
      </c>
      <c r="I1573" s="8">
        <v>0</v>
      </c>
      <c r="J1573" s="8">
        <v>1</v>
      </c>
      <c r="K1573" s="9">
        <v>79</v>
      </c>
      <c r="L1573" s="6" t="s">
        <v>51</v>
      </c>
    </row>
    <row r="1574" spans="1:12">
      <c r="A1574" s="6" t="s">
        <v>49</v>
      </c>
      <c r="B1574" s="6"/>
      <c r="C1574" s="6" t="s">
        <v>1588</v>
      </c>
      <c r="D1574" s="6"/>
      <c r="E1574" s="6" t="s">
        <v>9</v>
      </c>
      <c r="F1574" s="7">
        <v>38657</v>
      </c>
      <c r="G1574" s="8">
        <v>1</v>
      </c>
      <c r="H1574" s="8">
        <v>1</v>
      </c>
      <c r="I1574" s="8">
        <v>0</v>
      </c>
      <c r="J1574" s="8">
        <v>1</v>
      </c>
      <c r="K1574" s="9">
        <v>231</v>
      </c>
      <c r="L1574" s="6" t="s">
        <v>51</v>
      </c>
    </row>
    <row r="1575" spans="1:12">
      <c r="A1575" s="6" t="s">
        <v>49</v>
      </c>
      <c r="B1575" s="6"/>
      <c r="C1575" s="6" t="s">
        <v>1589</v>
      </c>
      <c r="D1575" s="6"/>
      <c r="E1575" s="6" t="s">
        <v>9</v>
      </c>
      <c r="F1575" s="7">
        <v>38657</v>
      </c>
      <c r="G1575" s="8">
        <v>1</v>
      </c>
      <c r="H1575" s="8">
        <v>1</v>
      </c>
      <c r="I1575" s="8">
        <v>0</v>
      </c>
      <c r="J1575" s="8">
        <v>1</v>
      </c>
      <c r="K1575" s="9">
        <v>13</v>
      </c>
      <c r="L1575" s="6" t="s">
        <v>51</v>
      </c>
    </row>
    <row r="1576" spans="1:12">
      <c r="A1576" s="6" t="s">
        <v>49</v>
      </c>
      <c r="B1576" s="6"/>
      <c r="C1576" s="6" t="s">
        <v>1590</v>
      </c>
      <c r="D1576" s="6"/>
      <c r="E1576" s="6" t="s">
        <v>9</v>
      </c>
      <c r="F1576" s="7">
        <v>38657</v>
      </c>
      <c r="G1576" s="8">
        <v>1</v>
      </c>
      <c r="H1576" s="8">
        <v>1</v>
      </c>
      <c r="I1576" s="8">
        <v>0</v>
      </c>
      <c r="J1576" s="8">
        <v>1</v>
      </c>
      <c r="K1576" s="9">
        <v>3.3</v>
      </c>
      <c r="L1576" s="6" t="s">
        <v>51</v>
      </c>
    </row>
    <row r="1577" spans="1:12">
      <c r="A1577" s="6" t="s">
        <v>49</v>
      </c>
      <c r="B1577" s="6"/>
      <c r="C1577" s="6" t="s">
        <v>1591</v>
      </c>
      <c r="D1577" s="6"/>
      <c r="E1577" s="6" t="s">
        <v>9</v>
      </c>
      <c r="F1577" s="7">
        <v>38657</v>
      </c>
      <c r="G1577" s="8">
        <v>1</v>
      </c>
      <c r="H1577" s="8">
        <v>1</v>
      </c>
      <c r="I1577" s="8">
        <v>0</v>
      </c>
      <c r="J1577" s="8">
        <v>1</v>
      </c>
      <c r="K1577" s="9">
        <v>130</v>
      </c>
      <c r="L1577" s="6" t="s">
        <v>51</v>
      </c>
    </row>
    <row r="1578" spans="1:12">
      <c r="A1578" s="6" t="s">
        <v>49</v>
      </c>
      <c r="B1578" s="6"/>
      <c r="C1578" s="6" t="s">
        <v>1592</v>
      </c>
      <c r="D1578" s="6"/>
      <c r="E1578" s="6" t="s">
        <v>9</v>
      </c>
      <c r="F1578" s="7">
        <v>38657</v>
      </c>
      <c r="G1578" s="8">
        <v>1</v>
      </c>
      <c r="H1578" s="8">
        <v>1</v>
      </c>
      <c r="I1578" s="8">
        <v>0</v>
      </c>
      <c r="J1578" s="8">
        <v>1</v>
      </c>
      <c r="K1578" s="9">
        <v>59</v>
      </c>
      <c r="L1578" s="6" t="s">
        <v>51</v>
      </c>
    </row>
    <row r="1579" spans="1:12">
      <c r="A1579" s="6" t="s">
        <v>49</v>
      </c>
      <c r="B1579" s="6"/>
      <c r="C1579" s="6" t="s">
        <v>1593</v>
      </c>
      <c r="D1579" s="6"/>
      <c r="E1579" s="6" t="s">
        <v>9</v>
      </c>
      <c r="F1579" s="7">
        <v>38657</v>
      </c>
      <c r="G1579" s="8">
        <v>1</v>
      </c>
      <c r="H1579" s="8">
        <v>1</v>
      </c>
      <c r="I1579" s="8">
        <v>0</v>
      </c>
      <c r="J1579" s="8">
        <v>1</v>
      </c>
      <c r="K1579" s="9">
        <v>4.29</v>
      </c>
      <c r="L1579" s="6" t="s">
        <v>51</v>
      </c>
    </row>
    <row r="1580" spans="1:12">
      <c r="A1580" s="6" t="s">
        <v>49</v>
      </c>
      <c r="B1580" s="6"/>
      <c r="C1580" s="6" t="s">
        <v>1594</v>
      </c>
      <c r="D1580" s="6"/>
      <c r="E1580" s="6" t="s">
        <v>9</v>
      </c>
      <c r="F1580" s="7"/>
      <c r="G1580" s="8">
        <v>1</v>
      </c>
      <c r="H1580" s="8">
        <v>1</v>
      </c>
      <c r="I1580" s="8">
        <v>0</v>
      </c>
      <c r="J1580" s="8">
        <v>1</v>
      </c>
      <c r="K1580" s="9">
        <v>31.89</v>
      </c>
      <c r="L1580" s="6" t="s">
        <v>51</v>
      </c>
    </row>
    <row r="1581" spans="1:12">
      <c r="A1581" s="6" t="s">
        <v>49</v>
      </c>
      <c r="B1581" s="6"/>
      <c r="C1581" s="6" t="s">
        <v>1595</v>
      </c>
      <c r="D1581" s="6"/>
      <c r="E1581" s="6" t="s">
        <v>9</v>
      </c>
      <c r="F1581" s="7">
        <v>39643</v>
      </c>
      <c r="G1581" s="8">
        <v>1</v>
      </c>
      <c r="H1581" s="8">
        <v>1</v>
      </c>
      <c r="I1581" s="8">
        <v>0</v>
      </c>
      <c r="J1581" s="8">
        <v>1</v>
      </c>
      <c r="K1581" s="9">
        <v>97</v>
      </c>
      <c r="L1581" s="6" t="s">
        <v>51</v>
      </c>
    </row>
    <row r="1582" spans="1:12">
      <c r="A1582" s="6" t="s">
        <v>49</v>
      </c>
      <c r="B1582" s="6"/>
      <c r="C1582" s="6" t="s">
        <v>1596</v>
      </c>
      <c r="D1582" s="6"/>
      <c r="E1582" s="6" t="s">
        <v>9</v>
      </c>
      <c r="F1582" s="7">
        <v>39643</v>
      </c>
      <c r="G1582" s="8">
        <v>23549</v>
      </c>
      <c r="H1582" s="8">
        <v>23549</v>
      </c>
      <c r="I1582" s="8">
        <v>0</v>
      </c>
      <c r="J1582" s="8">
        <v>23549</v>
      </c>
      <c r="K1582" s="9">
        <v>8.01</v>
      </c>
      <c r="L1582" s="6" t="s">
        <v>51</v>
      </c>
    </row>
    <row r="1583" spans="1:12">
      <c r="A1583" s="6" t="s">
        <v>49</v>
      </c>
      <c r="B1583" s="6"/>
      <c r="C1583" s="6" t="s">
        <v>1597</v>
      </c>
      <c r="D1583" s="6"/>
      <c r="E1583" s="6" t="s">
        <v>9</v>
      </c>
      <c r="F1583" s="7">
        <v>39643</v>
      </c>
      <c r="G1583" s="8">
        <v>1</v>
      </c>
      <c r="H1583" s="8">
        <v>1</v>
      </c>
      <c r="I1583" s="8">
        <v>0</v>
      </c>
      <c r="J1583" s="8">
        <v>1</v>
      </c>
      <c r="K1583" s="9">
        <v>26</v>
      </c>
      <c r="L1583" s="6" t="s">
        <v>51</v>
      </c>
    </row>
    <row r="1584" spans="1:12">
      <c r="A1584" s="6" t="s">
        <v>49</v>
      </c>
      <c r="B1584" s="6"/>
      <c r="C1584" s="6" t="s">
        <v>1598</v>
      </c>
      <c r="D1584" s="6"/>
      <c r="E1584" s="6" t="s">
        <v>9</v>
      </c>
      <c r="F1584" s="7">
        <v>39643</v>
      </c>
      <c r="G1584" s="8">
        <v>28047</v>
      </c>
      <c r="H1584" s="8">
        <v>28047</v>
      </c>
      <c r="I1584" s="8">
        <v>0</v>
      </c>
      <c r="J1584" s="8">
        <v>28047</v>
      </c>
      <c r="K1584" s="9">
        <v>9.5399999999999903</v>
      </c>
      <c r="L1584" s="6" t="s">
        <v>51</v>
      </c>
    </row>
    <row r="1585" spans="1:12">
      <c r="A1585" s="6" t="s">
        <v>49</v>
      </c>
      <c r="B1585" s="6"/>
      <c r="C1585" s="6" t="s">
        <v>1599</v>
      </c>
      <c r="D1585" s="6"/>
      <c r="E1585" s="6" t="s">
        <v>9</v>
      </c>
      <c r="F1585" s="7">
        <v>38657</v>
      </c>
      <c r="G1585" s="8">
        <v>1</v>
      </c>
      <c r="H1585" s="8">
        <v>1</v>
      </c>
      <c r="I1585" s="8">
        <v>0</v>
      </c>
      <c r="J1585" s="8">
        <v>1</v>
      </c>
      <c r="K1585" s="9">
        <v>26</v>
      </c>
      <c r="L1585" s="6" t="s">
        <v>51</v>
      </c>
    </row>
    <row r="1586" spans="1:12">
      <c r="A1586" s="6" t="s">
        <v>49</v>
      </c>
      <c r="B1586" s="6"/>
      <c r="C1586" s="6" t="s">
        <v>1600</v>
      </c>
      <c r="D1586" s="6"/>
      <c r="E1586" s="6" t="s">
        <v>9</v>
      </c>
      <c r="F1586" s="7">
        <v>38657</v>
      </c>
      <c r="G1586" s="8">
        <v>1</v>
      </c>
      <c r="H1586" s="8">
        <v>1</v>
      </c>
      <c r="I1586" s="8">
        <v>0</v>
      </c>
      <c r="J1586" s="8">
        <v>1</v>
      </c>
      <c r="K1586" s="9">
        <v>36</v>
      </c>
      <c r="L1586" s="6" t="s">
        <v>51</v>
      </c>
    </row>
    <row r="1587" spans="1:12">
      <c r="A1587" s="6" t="s">
        <v>49</v>
      </c>
      <c r="B1587" s="6"/>
      <c r="C1587" s="6" t="s">
        <v>1601</v>
      </c>
      <c r="D1587" s="6"/>
      <c r="E1587" s="6" t="s">
        <v>9</v>
      </c>
      <c r="F1587" s="7">
        <v>38657</v>
      </c>
      <c r="G1587" s="8">
        <v>1</v>
      </c>
      <c r="H1587" s="8">
        <v>1</v>
      </c>
      <c r="I1587" s="8">
        <v>0</v>
      </c>
      <c r="J1587" s="8">
        <v>1</v>
      </c>
      <c r="K1587" s="9">
        <v>21</v>
      </c>
      <c r="L1587" s="6" t="s">
        <v>51</v>
      </c>
    </row>
    <row r="1588" spans="1:12">
      <c r="A1588" s="6" t="s">
        <v>49</v>
      </c>
      <c r="B1588" s="6"/>
      <c r="C1588" s="6" t="s">
        <v>1602</v>
      </c>
      <c r="D1588" s="6"/>
      <c r="E1588" s="6" t="s">
        <v>9</v>
      </c>
      <c r="F1588" s="7">
        <v>38657</v>
      </c>
      <c r="G1588" s="8">
        <v>1</v>
      </c>
      <c r="H1588" s="8">
        <v>1</v>
      </c>
      <c r="I1588" s="8">
        <v>0</v>
      </c>
      <c r="J1588" s="8">
        <v>1</v>
      </c>
      <c r="K1588" s="9">
        <v>29</v>
      </c>
      <c r="L1588" s="6" t="s">
        <v>51</v>
      </c>
    </row>
    <row r="1589" spans="1:12">
      <c r="A1589" s="6" t="s">
        <v>49</v>
      </c>
      <c r="B1589" s="6"/>
      <c r="C1589" s="6" t="s">
        <v>1603</v>
      </c>
      <c r="D1589" s="6"/>
      <c r="E1589" s="6" t="s">
        <v>9</v>
      </c>
      <c r="F1589" s="7">
        <v>38657</v>
      </c>
      <c r="G1589" s="8">
        <v>1</v>
      </c>
      <c r="H1589" s="8">
        <v>1</v>
      </c>
      <c r="I1589" s="8">
        <v>0</v>
      </c>
      <c r="J1589" s="8">
        <v>1</v>
      </c>
      <c r="K1589" s="9">
        <v>46</v>
      </c>
      <c r="L1589" s="6" t="s">
        <v>51</v>
      </c>
    </row>
    <row r="1590" spans="1:12">
      <c r="A1590" s="6" t="s">
        <v>49</v>
      </c>
      <c r="B1590" s="6"/>
      <c r="C1590" s="6" t="s">
        <v>1604</v>
      </c>
      <c r="D1590" s="6"/>
      <c r="E1590" s="6" t="s">
        <v>9</v>
      </c>
      <c r="F1590" s="7">
        <v>38657</v>
      </c>
      <c r="G1590" s="8">
        <v>1</v>
      </c>
      <c r="H1590" s="8">
        <v>1</v>
      </c>
      <c r="I1590" s="8">
        <v>0</v>
      </c>
      <c r="J1590" s="8">
        <v>1</v>
      </c>
      <c r="K1590" s="9">
        <v>69</v>
      </c>
      <c r="L1590" s="6" t="s">
        <v>51</v>
      </c>
    </row>
    <row r="1591" spans="1:12">
      <c r="A1591" s="6" t="s">
        <v>49</v>
      </c>
      <c r="B1591" s="6"/>
      <c r="C1591" s="6" t="s">
        <v>1605</v>
      </c>
      <c r="D1591" s="6"/>
      <c r="E1591" s="6" t="s">
        <v>9</v>
      </c>
      <c r="F1591" s="7">
        <v>38657</v>
      </c>
      <c r="G1591" s="8">
        <v>1</v>
      </c>
      <c r="H1591" s="8">
        <v>1</v>
      </c>
      <c r="I1591" s="8">
        <v>0</v>
      </c>
      <c r="J1591" s="8">
        <v>1</v>
      </c>
      <c r="K1591" s="9">
        <v>42</v>
      </c>
      <c r="L1591" s="6" t="s">
        <v>51</v>
      </c>
    </row>
    <row r="1592" spans="1:12">
      <c r="A1592" s="6" t="s">
        <v>49</v>
      </c>
      <c r="B1592" s="6"/>
      <c r="C1592" s="6" t="s">
        <v>1606</v>
      </c>
      <c r="D1592" s="6"/>
      <c r="E1592" s="6" t="s">
        <v>9</v>
      </c>
      <c r="F1592" s="7">
        <v>38657</v>
      </c>
      <c r="G1592" s="8">
        <v>1</v>
      </c>
      <c r="H1592" s="8">
        <v>1</v>
      </c>
      <c r="I1592" s="8">
        <v>0</v>
      </c>
      <c r="J1592" s="8">
        <v>1</v>
      </c>
      <c r="K1592" s="9">
        <v>10</v>
      </c>
      <c r="L1592" s="6" t="s">
        <v>51</v>
      </c>
    </row>
    <row r="1593" spans="1:12">
      <c r="A1593" s="6" t="s">
        <v>49</v>
      </c>
      <c r="B1593" s="6"/>
      <c r="C1593" s="6" t="s">
        <v>1607</v>
      </c>
      <c r="D1593" s="6"/>
      <c r="E1593" s="6" t="s">
        <v>9</v>
      </c>
      <c r="F1593" s="7"/>
      <c r="G1593" s="8">
        <v>1</v>
      </c>
      <c r="H1593" s="8">
        <v>1</v>
      </c>
      <c r="I1593" s="8">
        <v>0</v>
      </c>
      <c r="J1593" s="8">
        <v>1</v>
      </c>
      <c r="K1593" s="9">
        <v>8.14</v>
      </c>
      <c r="L1593" s="6" t="s">
        <v>51</v>
      </c>
    </row>
    <row r="1594" spans="1:12">
      <c r="A1594" s="6" t="s">
        <v>49</v>
      </c>
      <c r="B1594" s="6"/>
      <c r="C1594" s="6" t="s">
        <v>1608</v>
      </c>
      <c r="D1594" s="6"/>
      <c r="E1594" s="6" t="s">
        <v>9</v>
      </c>
      <c r="F1594" s="7">
        <v>38657</v>
      </c>
      <c r="G1594" s="8">
        <v>1</v>
      </c>
      <c r="H1594" s="8">
        <v>1</v>
      </c>
      <c r="I1594" s="8">
        <v>0</v>
      </c>
      <c r="J1594" s="8">
        <v>1</v>
      </c>
      <c r="K1594" s="9">
        <v>6.61</v>
      </c>
      <c r="L1594" s="6" t="s">
        <v>51</v>
      </c>
    </row>
    <row r="1595" spans="1:12">
      <c r="A1595" s="6" t="s">
        <v>49</v>
      </c>
      <c r="B1595" s="6"/>
      <c r="C1595" s="6" t="s">
        <v>1609</v>
      </c>
      <c r="D1595" s="6"/>
      <c r="E1595" s="6" t="s">
        <v>9</v>
      </c>
      <c r="F1595" s="7">
        <v>38657</v>
      </c>
      <c r="G1595" s="8">
        <v>1</v>
      </c>
      <c r="H1595" s="8">
        <v>1</v>
      </c>
      <c r="I1595" s="8">
        <v>0</v>
      </c>
      <c r="J1595" s="8">
        <v>1</v>
      </c>
      <c r="K1595" s="9">
        <v>31</v>
      </c>
      <c r="L1595" s="6" t="s">
        <v>51</v>
      </c>
    </row>
    <row r="1596" spans="1:12">
      <c r="A1596" s="6" t="s">
        <v>49</v>
      </c>
      <c r="B1596" s="6"/>
      <c r="C1596" s="6" t="s">
        <v>1610</v>
      </c>
      <c r="D1596" s="6"/>
      <c r="E1596" s="6" t="s">
        <v>9</v>
      </c>
      <c r="F1596" s="7">
        <v>38657</v>
      </c>
      <c r="G1596" s="8">
        <v>1</v>
      </c>
      <c r="H1596" s="8">
        <v>1</v>
      </c>
      <c r="I1596" s="8">
        <v>0</v>
      </c>
      <c r="J1596" s="8">
        <v>1</v>
      </c>
      <c r="K1596" s="9">
        <v>267</v>
      </c>
      <c r="L1596" s="6" t="s">
        <v>51</v>
      </c>
    </row>
    <row r="1597" spans="1:12">
      <c r="A1597" s="6" t="s">
        <v>49</v>
      </c>
      <c r="B1597" s="6"/>
      <c r="C1597" s="6" t="s">
        <v>1611</v>
      </c>
      <c r="D1597" s="6"/>
      <c r="E1597" s="6" t="s">
        <v>9</v>
      </c>
      <c r="F1597" s="7">
        <v>38657</v>
      </c>
      <c r="G1597" s="8">
        <v>1</v>
      </c>
      <c r="H1597" s="8">
        <v>1</v>
      </c>
      <c r="I1597" s="8">
        <v>0</v>
      </c>
      <c r="J1597" s="8">
        <v>1</v>
      </c>
      <c r="K1597" s="9">
        <v>102</v>
      </c>
      <c r="L1597" s="6" t="s">
        <v>51</v>
      </c>
    </row>
    <row r="1598" spans="1:12">
      <c r="A1598" s="6" t="s">
        <v>49</v>
      </c>
      <c r="B1598" s="6"/>
      <c r="C1598" s="6" t="s">
        <v>1612</v>
      </c>
      <c r="D1598" s="6"/>
      <c r="E1598" s="6" t="s">
        <v>9</v>
      </c>
      <c r="F1598" s="7">
        <v>38657</v>
      </c>
      <c r="G1598" s="8">
        <v>1</v>
      </c>
      <c r="H1598" s="8">
        <v>1</v>
      </c>
      <c r="I1598" s="8">
        <v>0</v>
      </c>
      <c r="J1598" s="8">
        <v>1</v>
      </c>
      <c r="K1598" s="9">
        <v>10</v>
      </c>
      <c r="L1598" s="6" t="s">
        <v>51</v>
      </c>
    </row>
    <row r="1599" spans="1:12">
      <c r="A1599" s="6" t="s">
        <v>49</v>
      </c>
      <c r="B1599" s="6"/>
      <c r="C1599" s="6" t="s">
        <v>1613</v>
      </c>
      <c r="D1599" s="6"/>
      <c r="E1599" s="6" t="s">
        <v>9</v>
      </c>
      <c r="F1599" s="7">
        <v>38657</v>
      </c>
      <c r="G1599" s="8">
        <v>1</v>
      </c>
      <c r="H1599" s="8">
        <v>1</v>
      </c>
      <c r="I1599" s="8">
        <v>0</v>
      </c>
      <c r="J1599" s="8">
        <v>1</v>
      </c>
      <c r="K1599" s="9">
        <v>85</v>
      </c>
      <c r="L1599" s="6" t="s">
        <v>51</v>
      </c>
    </row>
    <row r="1600" spans="1:12">
      <c r="A1600" s="6" t="s">
        <v>49</v>
      </c>
      <c r="B1600" s="6"/>
      <c r="C1600" s="6" t="s">
        <v>1614</v>
      </c>
      <c r="D1600" s="6"/>
      <c r="E1600" s="6" t="s">
        <v>9</v>
      </c>
      <c r="F1600" s="7">
        <v>38657</v>
      </c>
      <c r="G1600" s="8">
        <v>1</v>
      </c>
      <c r="H1600" s="8">
        <v>1</v>
      </c>
      <c r="I1600" s="8">
        <v>0</v>
      </c>
      <c r="J1600" s="8">
        <v>1</v>
      </c>
      <c r="K1600" s="9">
        <v>13</v>
      </c>
      <c r="L1600" s="6" t="s">
        <v>51</v>
      </c>
    </row>
    <row r="1601" spans="1:12">
      <c r="A1601" s="6" t="s">
        <v>49</v>
      </c>
      <c r="B1601" s="6"/>
      <c r="C1601" s="6" t="s">
        <v>1615</v>
      </c>
      <c r="D1601" s="6"/>
      <c r="E1601" s="6" t="s">
        <v>9</v>
      </c>
      <c r="F1601" s="7">
        <v>40519</v>
      </c>
      <c r="G1601" s="8">
        <v>1</v>
      </c>
      <c r="H1601" s="8">
        <v>1</v>
      </c>
      <c r="I1601" s="8">
        <v>0</v>
      </c>
      <c r="J1601" s="8">
        <v>1</v>
      </c>
      <c r="K1601" s="9">
        <v>188</v>
      </c>
      <c r="L1601" s="6" t="s">
        <v>51</v>
      </c>
    </row>
    <row r="1602" spans="1:12">
      <c r="A1602" s="6" t="s">
        <v>49</v>
      </c>
      <c r="B1602" s="6"/>
      <c r="C1602" s="6" t="s">
        <v>1616</v>
      </c>
      <c r="D1602" s="6"/>
      <c r="E1602" s="6" t="s">
        <v>9</v>
      </c>
      <c r="F1602" s="7">
        <v>38657</v>
      </c>
      <c r="G1602" s="8">
        <v>1</v>
      </c>
      <c r="H1602" s="8">
        <v>1</v>
      </c>
      <c r="I1602" s="8">
        <v>0</v>
      </c>
      <c r="J1602" s="8">
        <v>1</v>
      </c>
      <c r="K1602" s="9">
        <v>95</v>
      </c>
      <c r="L1602" s="6" t="s">
        <v>51</v>
      </c>
    </row>
    <row r="1603" spans="1:12">
      <c r="A1603" s="6" t="s">
        <v>49</v>
      </c>
      <c r="B1603" s="6"/>
      <c r="C1603" s="6" t="s">
        <v>1617</v>
      </c>
      <c r="D1603" s="6"/>
      <c r="E1603" s="6" t="s">
        <v>9</v>
      </c>
      <c r="F1603" s="7">
        <v>38657</v>
      </c>
      <c r="G1603" s="8">
        <v>1</v>
      </c>
      <c r="H1603" s="8">
        <v>1</v>
      </c>
      <c r="I1603" s="8">
        <v>0</v>
      </c>
      <c r="J1603" s="8">
        <v>1</v>
      </c>
      <c r="K1603" s="9">
        <v>99</v>
      </c>
      <c r="L1603" s="6" t="s">
        <v>51</v>
      </c>
    </row>
    <row r="1604" spans="1:12">
      <c r="A1604" s="6" t="s">
        <v>49</v>
      </c>
      <c r="B1604" s="6"/>
      <c r="C1604" s="6" t="s">
        <v>1618</v>
      </c>
      <c r="D1604" s="6"/>
      <c r="E1604" s="6" t="s">
        <v>9</v>
      </c>
      <c r="F1604" s="7">
        <v>38657</v>
      </c>
      <c r="G1604" s="8">
        <v>1</v>
      </c>
      <c r="H1604" s="8">
        <v>1</v>
      </c>
      <c r="I1604" s="8">
        <v>0</v>
      </c>
      <c r="J1604" s="8">
        <v>1</v>
      </c>
      <c r="K1604" s="9">
        <v>18</v>
      </c>
      <c r="L1604" s="6" t="s">
        <v>51</v>
      </c>
    </row>
    <row r="1605" spans="1:12">
      <c r="A1605" s="6" t="s">
        <v>49</v>
      </c>
      <c r="B1605" s="6"/>
      <c r="C1605" s="6" t="s">
        <v>1619</v>
      </c>
      <c r="D1605" s="6"/>
      <c r="E1605" s="6" t="s">
        <v>9</v>
      </c>
      <c r="F1605" s="7">
        <v>38657</v>
      </c>
      <c r="G1605" s="8">
        <v>1</v>
      </c>
      <c r="H1605" s="8">
        <v>1</v>
      </c>
      <c r="I1605" s="8">
        <v>0</v>
      </c>
      <c r="J1605" s="8">
        <v>1</v>
      </c>
      <c r="K1605" s="9">
        <v>33</v>
      </c>
      <c r="L1605" s="6" t="s">
        <v>51</v>
      </c>
    </row>
    <row r="1606" spans="1:12">
      <c r="A1606" s="6" t="s">
        <v>49</v>
      </c>
      <c r="B1606" s="6"/>
      <c r="C1606" s="6" t="s">
        <v>1620</v>
      </c>
      <c r="D1606" s="6"/>
      <c r="E1606" s="6" t="s">
        <v>9</v>
      </c>
      <c r="F1606" s="7">
        <v>38657</v>
      </c>
      <c r="G1606" s="8">
        <v>1</v>
      </c>
      <c r="H1606" s="8">
        <v>1</v>
      </c>
      <c r="I1606" s="8">
        <v>0</v>
      </c>
      <c r="J1606" s="8">
        <v>1</v>
      </c>
      <c r="K1606" s="9">
        <v>18</v>
      </c>
      <c r="L1606" s="6" t="s">
        <v>51</v>
      </c>
    </row>
    <row r="1607" spans="1:12">
      <c r="A1607" s="6" t="s">
        <v>49</v>
      </c>
      <c r="B1607" s="6"/>
      <c r="C1607" s="6" t="s">
        <v>1621</v>
      </c>
      <c r="D1607" s="6"/>
      <c r="E1607" s="6" t="s">
        <v>9</v>
      </c>
      <c r="F1607" s="7">
        <v>38657</v>
      </c>
      <c r="G1607" s="8">
        <v>1</v>
      </c>
      <c r="H1607" s="8">
        <v>1</v>
      </c>
      <c r="I1607" s="8">
        <v>0</v>
      </c>
      <c r="J1607" s="8">
        <v>1</v>
      </c>
      <c r="K1607" s="9">
        <v>2.5499999999999901</v>
      </c>
      <c r="L1607" s="6" t="s">
        <v>51</v>
      </c>
    </row>
    <row r="1608" spans="1:12">
      <c r="A1608" s="6" t="s">
        <v>49</v>
      </c>
      <c r="B1608" s="6"/>
      <c r="C1608" s="6" t="s">
        <v>1622</v>
      </c>
      <c r="D1608" s="6"/>
      <c r="E1608" s="6" t="s">
        <v>9</v>
      </c>
      <c r="F1608" s="7">
        <v>38657</v>
      </c>
      <c r="G1608" s="8">
        <v>1</v>
      </c>
      <c r="H1608" s="8">
        <v>1</v>
      </c>
      <c r="I1608" s="8">
        <v>0</v>
      </c>
      <c r="J1608" s="8">
        <v>1</v>
      </c>
      <c r="K1608" s="9">
        <v>80</v>
      </c>
      <c r="L1608" s="6" t="s">
        <v>51</v>
      </c>
    </row>
    <row r="1609" spans="1:12">
      <c r="A1609" s="6" t="s">
        <v>49</v>
      </c>
      <c r="B1609" s="6"/>
      <c r="C1609" s="6" t="s">
        <v>1623</v>
      </c>
      <c r="D1609" s="6"/>
      <c r="E1609" s="6" t="s">
        <v>9</v>
      </c>
      <c r="F1609" s="7">
        <v>40829</v>
      </c>
      <c r="G1609" s="8">
        <v>1</v>
      </c>
      <c r="H1609" s="8">
        <v>1</v>
      </c>
      <c r="I1609" s="8">
        <v>0</v>
      </c>
      <c r="J1609" s="8">
        <v>1</v>
      </c>
      <c r="K1609" s="9">
        <v>18.52</v>
      </c>
      <c r="L1609" s="6" t="s">
        <v>51</v>
      </c>
    </row>
    <row r="1610" spans="1:12">
      <c r="A1610" s="6" t="s">
        <v>49</v>
      </c>
      <c r="B1610" s="6"/>
      <c r="C1610" s="6" t="s">
        <v>1624</v>
      </c>
      <c r="D1610" s="6"/>
      <c r="E1610" s="6" t="s">
        <v>9</v>
      </c>
      <c r="F1610" s="7">
        <v>38657</v>
      </c>
      <c r="G1610" s="8">
        <v>1</v>
      </c>
      <c r="H1610" s="8">
        <v>1</v>
      </c>
      <c r="I1610" s="8">
        <v>0</v>
      </c>
      <c r="J1610" s="8">
        <v>1</v>
      </c>
      <c r="K1610" s="9">
        <v>22</v>
      </c>
      <c r="L1610" s="6" t="s">
        <v>51</v>
      </c>
    </row>
    <row r="1611" spans="1:12">
      <c r="A1611" s="6" t="s">
        <v>49</v>
      </c>
      <c r="B1611" s="6"/>
      <c r="C1611" s="6" t="s">
        <v>1625</v>
      </c>
      <c r="D1611" s="6"/>
      <c r="E1611" s="6" t="s">
        <v>9</v>
      </c>
      <c r="F1611" s="7">
        <v>38657</v>
      </c>
      <c r="G1611" s="8">
        <v>1</v>
      </c>
      <c r="H1611" s="8">
        <v>1</v>
      </c>
      <c r="I1611" s="8">
        <v>0</v>
      </c>
      <c r="J1611" s="8">
        <v>1</v>
      </c>
      <c r="K1611" s="9">
        <v>18</v>
      </c>
      <c r="L1611" s="6" t="s">
        <v>51</v>
      </c>
    </row>
    <row r="1612" spans="1:12">
      <c r="A1612" s="6" t="s">
        <v>49</v>
      </c>
      <c r="B1612" s="6"/>
      <c r="C1612" s="6" t="s">
        <v>1626</v>
      </c>
      <c r="D1612" s="6"/>
      <c r="E1612" s="6" t="s">
        <v>9</v>
      </c>
      <c r="F1612" s="7">
        <v>38657</v>
      </c>
      <c r="G1612" s="8">
        <v>1</v>
      </c>
      <c r="H1612" s="8">
        <v>1</v>
      </c>
      <c r="I1612" s="8">
        <v>0</v>
      </c>
      <c r="J1612" s="8">
        <v>1</v>
      </c>
      <c r="K1612" s="9">
        <v>52</v>
      </c>
      <c r="L1612" s="6" t="s">
        <v>51</v>
      </c>
    </row>
    <row r="1613" spans="1:12">
      <c r="A1613" s="6" t="s">
        <v>49</v>
      </c>
      <c r="B1613" s="6"/>
      <c r="C1613" s="6" t="s">
        <v>1627</v>
      </c>
      <c r="D1613" s="6"/>
      <c r="E1613" s="6" t="s">
        <v>9</v>
      </c>
      <c r="F1613" s="7">
        <v>38657</v>
      </c>
      <c r="G1613" s="8">
        <v>1</v>
      </c>
      <c r="H1613" s="8">
        <v>1</v>
      </c>
      <c r="I1613" s="8">
        <v>0</v>
      </c>
      <c r="J1613" s="8">
        <v>1</v>
      </c>
      <c r="K1613" s="9">
        <v>10</v>
      </c>
      <c r="L1613" s="6" t="s">
        <v>51</v>
      </c>
    </row>
    <row r="1614" spans="1:12">
      <c r="A1614" s="6" t="s">
        <v>49</v>
      </c>
      <c r="B1614" s="6"/>
      <c r="C1614" s="6" t="s">
        <v>1628</v>
      </c>
      <c r="D1614" s="6"/>
      <c r="E1614" s="6" t="s">
        <v>9</v>
      </c>
      <c r="F1614" s="7">
        <v>38657</v>
      </c>
      <c r="G1614" s="8">
        <v>1</v>
      </c>
      <c r="H1614" s="8">
        <v>1</v>
      </c>
      <c r="I1614" s="8">
        <v>0</v>
      </c>
      <c r="J1614" s="8">
        <v>1</v>
      </c>
      <c r="K1614" s="9">
        <v>39</v>
      </c>
      <c r="L1614" s="6" t="s">
        <v>51</v>
      </c>
    </row>
    <row r="1615" spans="1:12">
      <c r="A1615" s="6" t="s">
        <v>49</v>
      </c>
      <c r="B1615" s="6"/>
      <c r="C1615" s="6" t="s">
        <v>1629</v>
      </c>
      <c r="D1615" s="6"/>
      <c r="E1615" s="6" t="s">
        <v>9</v>
      </c>
      <c r="F1615" s="7">
        <v>38657</v>
      </c>
      <c r="G1615" s="8">
        <v>1</v>
      </c>
      <c r="H1615" s="8">
        <v>1</v>
      </c>
      <c r="I1615" s="8">
        <v>0</v>
      </c>
      <c r="J1615" s="8">
        <v>1</v>
      </c>
      <c r="K1615" s="9">
        <v>185</v>
      </c>
      <c r="L1615" s="6" t="s">
        <v>51</v>
      </c>
    </row>
    <row r="1616" spans="1:12">
      <c r="A1616" s="6" t="s">
        <v>49</v>
      </c>
      <c r="B1616" s="6"/>
      <c r="C1616" s="6" t="s">
        <v>1630</v>
      </c>
      <c r="D1616" s="6"/>
      <c r="E1616" s="6" t="s">
        <v>9</v>
      </c>
      <c r="F1616" s="7">
        <v>38657</v>
      </c>
      <c r="G1616" s="8">
        <v>1</v>
      </c>
      <c r="H1616" s="8">
        <v>1</v>
      </c>
      <c r="I1616" s="8">
        <v>0</v>
      </c>
      <c r="J1616" s="8">
        <v>1</v>
      </c>
      <c r="K1616" s="9">
        <v>181</v>
      </c>
      <c r="L1616" s="6" t="s">
        <v>51</v>
      </c>
    </row>
    <row r="1617" spans="1:12">
      <c r="A1617" s="6" t="s">
        <v>49</v>
      </c>
      <c r="B1617" s="6"/>
      <c r="C1617" s="6" t="s">
        <v>1631</v>
      </c>
      <c r="D1617" s="6"/>
      <c r="E1617" s="6" t="s">
        <v>9</v>
      </c>
      <c r="F1617" s="7">
        <v>38657</v>
      </c>
      <c r="G1617" s="8">
        <v>1</v>
      </c>
      <c r="H1617" s="8">
        <v>1</v>
      </c>
      <c r="I1617" s="8">
        <v>0</v>
      </c>
      <c r="J1617" s="8">
        <v>1</v>
      </c>
      <c r="K1617" s="9">
        <v>95</v>
      </c>
      <c r="L1617" s="6" t="s">
        <v>51</v>
      </c>
    </row>
    <row r="1618" spans="1:12">
      <c r="A1618" s="6" t="s">
        <v>49</v>
      </c>
      <c r="B1618" s="6"/>
      <c r="C1618" s="6" t="s">
        <v>1632</v>
      </c>
      <c r="D1618" s="6"/>
      <c r="E1618" s="6" t="s">
        <v>9</v>
      </c>
      <c r="F1618" s="7">
        <v>38657</v>
      </c>
      <c r="G1618" s="8">
        <v>1</v>
      </c>
      <c r="H1618" s="8">
        <v>1</v>
      </c>
      <c r="I1618" s="8">
        <v>0</v>
      </c>
      <c r="J1618" s="8">
        <v>1</v>
      </c>
      <c r="K1618" s="9">
        <v>42</v>
      </c>
      <c r="L1618" s="6" t="s">
        <v>51</v>
      </c>
    </row>
    <row r="1619" spans="1:12">
      <c r="A1619" s="6" t="s">
        <v>49</v>
      </c>
      <c r="B1619" s="6"/>
      <c r="C1619" s="6" t="s">
        <v>1633</v>
      </c>
      <c r="D1619" s="6"/>
      <c r="E1619" s="6" t="s">
        <v>9</v>
      </c>
      <c r="F1619" s="7">
        <v>38657</v>
      </c>
      <c r="G1619" s="8">
        <v>1</v>
      </c>
      <c r="H1619" s="8">
        <v>1</v>
      </c>
      <c r="I1619" s="8">
        <v>0</v>
      </c>
      <c r="J1619" s="8">
        <v>1</v>
      </c>
      <c r="K1619" s="9">
        <v>66</v>
      </c>
      <c r="L1619" s="6" t="s">
        <v>51</v>
      </c>
    </row>
    <row r="1620" spans="1:12">
      <c r="A1620" s="6" t="s">
        <v>49</v>
      </c>
      <c r="B1620" s="6"/>
      <c r="C1620" s="6" t="s">
        <v>1634</v>
      </c>
      <c r="D1620" s="6"/>
      <c r="E1620" s="6" t="s">
        <v>9</v>
      </c>
      <c r="F1620" s="7"/>
      <c r="G1620" s="8">
        <v>1</v>
      </c>
      <c r="H1620" s="8">
        <v>1</v>
      </c>
      <c r="I1620" s="8">
        <v>0</v>
      </c>
      <c r="J1620" s="8">
        <v>1</v>
      </c>
      <c r="K1620" s="9">
        <v>3.3</v>
      </c>
      <c r="L1620" s="6" t="s">
        <v>51</v>
      </c>
    </row>
    <row r="1621" spans="1:12">
      <c r="A1621" s="6" t="s">
        <v>49</v>
      </c>
      <c r="B1621" s="6"/>
      <c r="C1621" s="6" t="s">
        <v>1635</v>
      </c>
      <c r="D1621" s="6"/>
      <c r="E1621" s="6" t="s">
        <v>9</v>
      </c>
      <c r="F1621" s="7">
        <v>38657</v>
      </c>
      <c r="G1621" s="8">
        <v>1</v>
      </c>
      <c r="H1621" s="8">
        <v>1</v>
      </c>
      <c r="I1621" s="8">
        <v>0</v>
      </c>
      <c r="J1621" s="8">
        <v>1</v>
      </c>
      <c r="K1621" s="9">
        <v>4.4400000000000004</v>
      </c>
      <c r="L1621" s="6" t="s">
        <v>51</v>
      </c>
    </row>
    <row r="1622" spans="1:12">
      <c r="A1622" s="6" t="s">
        <v>49</v>
      </c>
      <c r="B1622" s="6"/>
      <c r="C1622" s="6" t="s">
        <v>1636</v>
      </c>
      <c r="D1622" s="6"/>
      <c r="E1622" s="6" t="s">
        <v>9</v>
      </c>
      <c r="F1622" s="7"/>
      <c r="G1622" s="8">
        <v>1</v>
      </c>
      <c r="H1622" s="8">
        <v>1</v>
      </c>
      <c r="I1622" s="8">
        <v>0</v>
      </c>
      <c r="J1622" s="8">
        <v>1</v>
      </c>
      <c r="K1622" s="9">
        <v>22</v>
      </c>
      <c r="L1622" s="6" t="s">
        <v>51</v>
      </c>
    </row>
    <row r="1623" spans="1:12">
      <c r="A1623" s="6" t="s">
        <v>49</v>
      </c>
      <c r="B1623" s="6"/>
      <c r="C1623" s="6" t="s">
        <v>1637</v>
      </c>
      <c r="D1623" s="6"/>
      <c r="E1623" s="6" t="s">
        <v>9</v>
      </c>
      <c r="F1623" s="7">
        <v>38657</v>
      </c>
      <c r="G1623" s="8">
        <v>1</v>
      </c>
      <c r="H1623" s="8">
        <v>1</v>
      </c>
      <c r="I1623" s="8">
        <v>0</v>
      </c>
      <c r="J1623" s="8">
        <v>1</v>
      </c>
      <c r="K1623" s="9">
        <v>19</v>
      </c>
      <c r="L1623" s="6" t="s">
        <v>51</v>
      </c>
    </row>
    <row r="1624" spans="1:12">
      <c r="A1624" s="6" t="s">
        <v>49</v>
      </c>
      <c r="B1624" s="6"/>
      <c r="C1624" s="6" t="s">
        <v>1638</v>
      </c>
      <c r="D1624" s="6"/>
      <c r="E1624" s="6" t="s">
        <v>9</v>
      </c>
      <c r="F1624" s="7">
        <v>38657</v>
      </c>
      <c r="G1624" s="8">
        <v>1</v>
      </c>
      <c r="H1624" s="8">
        <v>1</v>
      </c>
      <c r="I1624" s="8">
        <v>0</v>
      </c>
      <c r="J1624" s="8">
        <v>1</v>
      </c>
      <c r="K1624" s="9">
        <v>12</v>
      </c>
      <c r="L1624" s="6" t="s">
        <v>51</v>
      </c>
    </row>
    <row r="1625" spans="1:12">
      <c r="A1625" s="6" t="s">
        <v>49</v>
      </c>
      <c r="B1625" s="6"/>
      <c r="C1625" s="6" t="s">
        <v>1639</v>
      </c>
      <c r="D1625" s="6"/>
      <c r="E1625" s="6" t="s">
        <v>9</v>
      </c>
      <c r="F1625" s="7">
        <v>38657</v>
      </c>
      <c r="G1625" s="8">
        <v>1</v>
      </c>
      <c r="H1625" s="8">
        <v>1</v>
      </c>
      <c r="I1625" s="8">
        <v>0</v>
      </c>
      <c r="J1625" s="8">
        <v>1</v>
      </c>
      <c r="K1625" s="9">
        <v>12</v>
      </c>
      <c r="L1625" s="6" t="s">
        <v>51</v>
      </c>
    </row>
    <row r="1626" spans="1:12">
      <c r="A1626" s="6" t="s">
        <v>49</v>
      </c>
      <c r="B1626" s="6"/>
      <c r="C1626" s="6" t="s">
        <v>1640</v>
      </c>
      <c r="D1626" s="6"/>
      <c r="E1626" s="6" t="s">
        <v>9</v>
      </c>
      <c r="F1626" s="7">
        <v>38657</v>
      </c>
      <c r="G1626" s="8">
        <v>1</v>
      </c>
      <c r="H1626" s="8">
        <v>1</v>
      </c>
      <c r="I1626" s="8">
        <v>0</v>
      </c>
      <c r="J1626" s="8">
        <v>1</v>
      </c>
      <c r="K1626" s="9">
        <v>12</v>
      </c>
      <c r="L1626" s="6" t="s">
        <v>51</v>
      </c>
    </row>
    <row r="1627" spans="1:12">
      <c r="A1627" s="6" t="s">
        <v>49</v>
      </c>
      <c r="B1627" s="6"/>
      <c r="C1627" s="6" t="s">
        <v>1641</v>
      </c>
      <c r="D1627" s="6"/>
      <c r="E1627" s="6" t="s">
        <v>9</v>
      </c>
      <c r="F1627" s="7">
        <v>38657</v>
      </c>
      <c r="G1627" s="8">
        <v>1</v>
      </c>
      <c r="H1627" s="8">
        <v>1</v>
      </c>
      <c r="I1627" s="8">
        <v>0</v>
      </c>
      <c r="J1627" s="8">
        <v>1</v>
      </c>
      <c r="K1627" s="9">
        <v>36</v>
      </c>
      <c r="L1627" s="6" t="s">
        <v>51</v>
      </c>
    </row>
    <row r="1628" spans="1:12">
      <c r="A1628" s="6" t="s">
        <v>49</v>
      </c>
      <c r="B1628" s="6"/>
      <c r="C1628" s="6" t="s">
        <v>1642</v>
      </c>
      <c r="D1628" s="6"/>
      <c r="E1628" s="6" t="s">
        <v>9</v>
      </c>
      <c r="F1628" s="7">
        <v>38657</v>
      </c>
      <c r="G1628" s="8">
        <v>1</v>
      </c>
      <c r="H1628" s="8">
        <v>1</v>
      </c>
      <c r="I1628" s="8">
        <v>0</v>
      </c>
      <c r="J1628" s="8">
        <v>1</v>
      </c>
      <c r="K1628" s="9">
        <v>10</v>
      </c>
      <c r="L1628" s="6" t="s">
        <v>51</v>
      </c>
    </row>
    <row r="1629" spans="1:12">
      <c r="A1629" s="6" t="s">
        <v>49</v>
      </c>
      <c r="B1629" s="6"/>
      <c r="C1629" s="6" t="s">
        <v>1643</v>
      </c>
      <c r="D1629" s="6"/>
      <c r="E1629" s="6" t="s">
        <v>9</v>
      </c>
      <c r="F1629" s="7">
        <v>38657</v>
      </c>
      <c r="G1629" s="8">
        <v>1</v>
      </c>
      <c r="H1629" s="8">
        <v>1</v>
      </c>
      <c r="I1629" s="8">
        <v>0</v>
      </c>
      <c r="J1629" s="8">
        <v>1</v>
      </c>
      <c r="K1629" s="9">
        <v>96</v>
      </c>
      <c r="L1629" s="6" t="s">
        <v>51</v>
      </c>
    </row>
    <row r="1630" spans="1:12">
      <c r="A1630" s="6" t="s">
        <v>49</v>
      </c>
      <c r="B1630" s="6"/>
      <c r="C1630" s="6" t="s">
        <v>1644</v>
      </c>
      <c r="D1630" s="6"/>
      <c r="E1630" s="6" t="s">
        <v>9</v>
      </c>
      <c r="F1630" s="7">
        <v>38657</v>
      </c>
      <c r="G1630" s="8">
        <v>1</v>
      </c>
      <c r="H1630" s="8">
        <v>1</v>
      </c>
      <c r="I1630" s="8">
        <v>0</v>
      </c>
      <c r="J1630" s="8">
        <v>1</v>
      </c>
      <c r="K1630" s="9">
        <v>0.05</v>
      </c>
      <c r="L1630" s="6" t="s">
        <v>51</v>
      </c>
    </row>
    <row r="1631" spans="1:12">
      <c r="A1631" s="6" t="s">
        <v>49</v>
      </c>
      <c r="B1631" s="6"/>
      <c r="C1631" s="6" t="s">
        <v>1645</v>
      </c>
      <c r="D1631" s="6"/>
      <c r="E1631" s="6" t="s">
        <v>9</v>
      </c>
      <c r="F1631" s="7">
        <v>38657</v>
      </c>
      <c r="G1631" s="8">
        <v>1</v>
      </c>
      <c r="H1631" s="8">
        <v>1</v>
      </c>
      <c r="I1631" s="8">
        <v>0</v>
      </c>
      <c r="J1631" s="8">
        <v>1</v>
      </c>
      <c r="K1631" s="9">
        <v>26</v>
      </c>
      <c r="L1631" s="6" t="s">
        <v>51</v>
      </c>
    </row>
    <row r="1632" spans="1:12">
      <c r="A1632" s="6" t="s">
        <v>49</v>
      </c>
      <c r="B1632" s="6"/>
      <c r="C1632" s="6" t="s">
        <v>1646</v>
      </c>
      <c r="D1632" s="6"/>
      <c r="E1632" s="6" t="s">
        <v>9</v>
      </c>
      <c r="F1632" s="7">
        <v>38657</v>
      </c>
      <c r="G1632" s="8">
        <v>1</v>
      </c>
      <c r="H1632" s="8">
        <v>1</v>
      </c>
      <c r="I1632" s="8">
        <v>0</v>
      </c>
      <c r="J1632" s="8">
        <v>1</v>
      </c>
      <c r="K1632" s="9">
        <v>57</v>
      </c>
      <c r="L1632" s="6" t="s">
        <v>51</v>
      </c>
    </row>
    <row r="1633" spans="1:12">
      <c r="A1633" s="6" t="s">
        <v>49</v>
      </c>
      <c r="B1633" s="6"/>
      <c r="C1633" s="6" t="s">
        <v>1647</v>
      </c>
      <c r="D1633" s="6"/>
      <c r="E1633" s="6" t="s">
        <v>9</v>
      </c>
      <c r="F1633" s="7">
        <v>38657</v>
      </c>
      <c r="G1633" s="8">
        <v>1</v>
      </c>
      <c r="H1633" s="8">
        <v>1</v>
      </c>
      <c r="I1633" s="8">
        <v>0</v>
      </c>
      <c r="J1633" s="8">
        <v>1</v>
      </c>
      <c r="K1633" s="9">
        <v>27</v>
      </c>
      <c r="L1633" s="6" t="s">
        <v>51</v>
      </c>
    </row>
    <row r="1634" spans="1:12">
      <c r="A1634" s="6" t="s">
        <v>49</v>
      </c>
      <c r="B1634" s="6"/>
      <c r="C1634" s="6" t="s">
        <v>1648</v>
      </c>
      <c r="D1634" s="6"/>
      <c r="E1634" s="6" t="s">
        <v>9</v>
      </c>
      <c r="F1634" s="7">
        <v>38657</v>
      </c>
      <c r="G1634" s="8">
        <v>1</v>
      </c>
      <c r="H1634" s="8">
        <v>1</v>
      </c>
      <c r="I1634" s="8">
        <v>0</v>
      </c>
      <c r="J1634" s="8">
        <v>1</v>
      </c>
      <c r="K1634" s="9">
        <v>83.85</v>
      </c>
      <c r="L1634" s="6" t="s">
        <v>51</v>
      </c>
    </row>
    <row r="1635" spans="1:12">
      <c r="A1635" s="6" t="s">
        <v>49</v>
      </c>
      <c r="B1635" s="6"/>
      <c r="C1635" s="6" t="s">
        <v>1649</v>
      </c>
      <c r="D1635" s="6"/>
      <c r="E1635" s="6" t="s">
        <v>9</v>
      </c>
      <c r="F1635" s="7">
        <v>38657</v>
      </c>
      <c r="G1635" s="8">
        <v>1</v>
      </c>
      <c r="H1635" s="8">
        <v>1</v>
      </c>
      <c r="I1635" s="8">
        <v>0</v>
      </c>
      <c r="J1635" s="8">
        <v>1</v>
      </c>
      <c r="K1635" s="9">
        <v>80</v>
      </c>
      <c r="L1635" s="6" t="s">
        <v>51</v>
      </c>
    </row>
    <row r="1636" spans="1:12">
      <c r="A1636" s="6" t="s">
        <v>49</v>
      </c>
      <c r="B1636" s="6"/>
      <c r="C1636" s="6" t="s">
        <v>1650</v>
      </c>
      <c r="D1636" s="6"/>
      <c r="E1636" s="6" t="s">
        <v>9</v>
      </c>
      <c r="F1636" s="7">
        <v>38657</v>
      </c>
      <c r="G1636" s="8">
        <v>1</v>
      </c>
      <c r="H1636" s="8">
        <v>1</v>
      </c>
      <c r="I1636" s="8">
        <v>0</v>
      </c>
      <c r="J1636" s="8">
        <v>1</v>
      </c>
      <c r="K1636" s="9">
        <v>20</v>
      </c>
      <c r="L1636" s="6" t="s">
        <v>51</v>
      </c>
    </row>
    <row r="1637" spans="1:12">
      <c r="A1637" s="6" t="s">
        <v>49</v>
      </c>
      <c r="B1637" s="6"/>
      <c r="C1637" s="6" t="s">
        <v>1651</v>
      </c>
      <c r="D1637" s="6"/>
      <c r="E1637" s="6" t="s">
        <v>9</v>
      </c>
      <c r="F1637" s="7">
        <v>38657</v>
      </c>
      <c r="G1637" s="8">
        <v>1</v>
      </c>
      <c r="H1637" s="8">
        <v>1</v>
      </c>
      <c r="I1637" s="8">
        <v>0</v>
      </c>
      <c r="J1637" s="8">
        <v>1</v>
      </c>
      <c r="K1637" s="9">
        <v>3.29</v>
      </c>
      <c r="L1637" s="6" t="s">
        <v>51</v>
      </c>
    </row>
    <row r="1638" spans="1:12">
      <c r="A1638" s="6" t="s">
        <v>49</v>
      </c>
      <c r="B1638" s="6"/>
      <c r="C1638" s="6" t="s">
        <v>1652</v>
      </c>
      <c r="D1638" s="6"/>
      <c r="E1638" s="6" t="s">
        <v>9</v>
      </c>
      <c r="F1638" s="7">
        <v>38657</v>
      </c>
      <c r="G1638" s="8">
        <v>1</v>
      </c>
      <c r="H1638" s="8">
        <v>1</v>
      </c>
      <c r="I1638" s="8">
        <v>0</v>
      </c>
      <c r="J1638" s="8">
        <v>1</v>
      </c>
      <c r="K1638" s="9">
        <v>55</v>
      </c>
      <c r="L1638" s="6" t="s">
        <v>51</v>
      </c>
    </row>
    <row r="1639" spans="1:12">
      <c r="A1639" s="6" t="s">
        <v>49</v>
      </c>
      <c r="B1639" s="6"/>
      <c r="C1639" s="6" t="s">
        <v>1653</v>
      </c>
      <c r="D1639" s="6"/>
      <c r="E1639" s="6" t="s">
        <v>9</v>
      </c>
      <c r="F1639" s="7">
        <v>38657</v>
      </c>
      <c r="G1639" s="8">
        <v>1</v>
      </c>
      <c r="H1639" s="8">
        <v>1</v>
      </c>
      <c r="I1639" s="8">
        <v>0</v>
      </c>
      <c r="J1639" s="8">
        <v>1</v>
      </c>
      <c r="K1639" s="9">
        <v>53</v>
      </c>
      <c r="L1639" s="6" t="s">
        <v>51</v>
      </c>
    </row>
    <row r="1640" spans="1:12">
      <c r="A1640" s="6" t="s">
        <v>49</v>
      </c>
      <c r="B1640" s="6"/>
      <c r="C1640" s="6" t="s">
        <v>1654</v>
      </c>
      <c r="D1640" s="6"/>
      <c r="E1640" s="6" t="s">
        <v>9</v>
      </c>
      <c r="F1640" s="7">
        <v>38657</v>
      </c>
      <c r="G1640" s="8">
        <v>1</v>
      </c>
      <c r="H1640" s="8">
        <v>1</v>
      </c>
      <c r="I1640" s="8">
        <v>0</v>
      </c>
      <c r="J1640" s="8">
        <v>1</v>
      </c>
      <c r="K1640" s="9">
        <v>1.57</v>
      </c>
      <c r="L1640" s="6" t="s">
        <v>51</v>
      </c>
    </row>
    <row r="1641" spans="1:12">
      <c r="A1641" s="6" t="s">
        <v>49</v>
      </c>
      <c r="B1641" s="6"/>
      <c r="C1641" s="6" t="s">
        <v>1655</v>
      </c>
      <c r="D1641" s="6"/>
      <c r="E1641" s="6" t="s">
        <v>9</v>
      </c>
      <c r="F1641" s="7">
        <v>38657</v>
      </c>
      <c r="G1641" s="8">
        <v>1</v>
      </c>
      <c r="H1641" s="8">
        <v>1</v>
      </c>
      <c r="I1641" s="8">
        <v>0</v>
      </c>
      <c r="J1641" s="8">
        <v>1</v>
      </c>
      <c r="K1641" s="9">
        <v>2.5499999999999901</v>
      </c>
      <c r="L1641" s="6" t="s">
        <v>51</v>
      </c>
    </row>
    <row r="1642" spans="1:12">
      <c r="A1642" s="6" t="s">
        <v>49</v>
      </c>
      <c r="B1642" s="6"/>
      <c r="C1642" s="6" t="s">
        <v>1656</v>
      </c>
      <c r="D1642" s="6"/>
      <c r="E1642" s="6" t="s">
        <v>9</v>
      </c>
      <c r="F1642" s="7">
        <v>38657</v>
      </c>
      <c r="G1642" s="8">
        <v>1</v>
      </c>
      <c r="H1642" s="8">
        <v>1</v>
      </c>
      <c r="I1642" s="8">
        <v>0</v>
      </c>
      <c r="J1642" s="8">
        <v>1</v>
      </c>
      <c r="K1642" s="9">
        <v>23</v>
      </c>
      <c r="L1642" s="6" t="s">
        <v>51</v>
      </c>
    </row>
    <row r="1643" spans="1:12">
      <c r="A1643" s="6" t="s">
        <v>49</v>
      </c>
      <c r="B1643" s="6"/>
      <c r="C1643" s="6" t="s">
        <v>1657</v>
      </c>
      <c r="D1643" s="6"/>
      <c r="E1643" s="6" t="s">
        <v>9</v>
      </c>
      <c r="F1643" s="7">
        <v>38657</v>
      </c>
      <c r="G1643" s="8">
        <v>1</v>
      </c>
      <c r="H1643" s="8">
        <v>1</v>
      </c>
      <c r="I1643" s="8">
        <v>0</v>
      </c>
      <c r="J1643" s="8">
        <v>1</v>
      </c>
      <c r="K1643" s="9">
        <v>31</v>
      </c>
      <c r="L1643" s="6" t="s">
        <v>51</v>
      </c>
    </row>
    <row r="1644" spans="1:12">
      <c r="A1644" s="6" t="s">
        <v>49</v>
      </c>
      <c r="B1644" s="6"/>
      <c r="C1644" s="6" t="s">
        <v>1658</v>
      </c>
      <c r="D1644" s="6"/>
      <c r="E1644" s="6" t="s">
        <v>9</v>
      </c>
      <c r="F1644" s="7">
        <v>38657</v>
      </c>
      <c r="G1644" s="8">
        <v>1</v>
      </c>
      <c r="H1644" s="8">
        <v>1</v>
      </c>
      <c r="I1644" s="8">
        <v>0</v>
      </c>
      <c r="J1644" s="8">
        <v>1</v>
      </c>
      <c r="K1644" s="9">
        <v>1036</v>
      </c>
      <c r="L1644" s="6" t="s">
        <v>51</v>
      </c>
    </row>
    <row r="1645" spans="1:12">
      <c r="A1645" s="6" t="s">
        <v>49</v>
      </c>
      <c r="B1645" s="6"/>
      <c r="C1645" s="6" t="s">
        <v>1659</v>
      </c>
      <c r="D1645" s="6"/>
      <c r="E1645" s="6" t="s">
        <v>9</v>
      </c>
      <c r="F1645" s="7">
        <v>38657</v>
      </c>
      <c r="G1645" s="8">
        <v>1</v>
      </c>
      <c r="H1645" s="8">
        <v>1</v>
      </c>
      <c r="I1645" s="8">
        <v>0</v>
      </c>
      <c r="J1645" s="8">
        <v>1</v>
      </c>
      <c r="K1645" s="9">
        <v>683</v>
      </c>
      <c r="L1645" s="6" t="s">
        <v>51</v>
      </c>
    </row>
    <row r="1646" spans="1:12">
      <c r="A1646" s="6" t="s">
        <v>49</v>
      </c>
      <c r="B1646" s="6"/>
      <c r="C1646" s="6" t="s">
        <v>1660</v>
      </c>
      <c r="D1646" s="6"/>
      <c r="E1646" s="6" t="s">
        <v>9</v>
      </c>
      <c r="F1646" s="7">
        <v>38657</v>
      </c>
      <c r="G1646" s="8">
        <v>1</v>
      </c>
      <c r="H1646" s="8">
        <v>1</v>
      </c>
      <c r="I1646" s="8">
        <v>0</v>
      </c>
      <c r="J1646" s="8">
        <v>1</v>
      </c>
      <c r="K1646" s="9">
        <v>775</v>
      </c>
      <c r="L1646" s="6" t="s">
        <v>51</v>
      </c>
    </row>
    <row r="1647" spans="1:12">
      <c r="A1647" s="6" t="s">
        <v>49</v>
      </c>
      <c r="B1647" s="6"/>
      <c r="C1647" s="6" t="s">
        <v>1661</v>
      </c>
      <c r="D1647" s="6"/>
      <c r="E1647" s="6" t="s">
        <v>9</v>
      </c>
      <c r="F1647" s="7">
        <v>38657</v>
      </c>
      <c r="G1647" s="8">
        <v>1</v>
      </c>
      <c r="H1647" s="8">
        <v>1</v>
      </c>
      <c r="I1647" s="8">
        <v>0</v>
      </c>
      <c r="J1647" s="8">
        <v>1</v>
      </c>
      <c r="K1647" s="9">
        <v>604</v>
      </c>
      <c r="L1647" s="6" t="s">
        <v>51</v>
      </c>
    </row>
    <row r="1648" spans="1:12">
      <c r="A1648" s="6" t="s">
        <v>49</v>
      </c>
      <c r="B1648" s="6"/>
      <c r="C1648" s="6" t="s">
        <v>1662</v>
      </c>
      <c r="D1648" s="6"/>
      <c r="E1648" s="6" t="s">
        <v>9</v>
      </c>
      <c r="F1648" s="7">
        <v>41730</v>
      </c>
      <c r="G1648" s="8">
        <v>27170</v>
      </c>
      <c r="H1648" s="8">
        <v>27170</v>
      </c>
      <c r="I1648" s="8">
        <v>0</v>
      </c>
      <c r="J1648" s="8">
        <v>27170</v>
      </c>
      <c r="K1648" s="9">
        <v>5.89</v>
      </c>
      <c r="L1648" s="6" t="s">
        <v>51</v>
      </c>
    </row>
    <row r="1649" spans="1:12">
      <c r="A1649" s="6" t="s">
        <v>49</v>
      </c>
      <c r="B1649" s="6"/>
      <c r="C1649" s="6" t="s">
        <v>1663</v>
      </c>
      <c r="D1649" s="6"/>
      <c r="E1649" s="6" t="s">
        <v>9</v>
      </c>
      <c r="F1649" s="7">
        <v>38657</v>
      </c>
      <c r="G1649" s="8">
        <v>1</v>
      </c>
      <c r="H1649" s="8">
        <v>1</v>
      </c>
      <c r="I1649" s="8">
        <v>0</v>
      </c>
      <c r="J1649" s="8">
        <v>1</v>
      </c>
      <c r="K1649" s="9">
        <v>20</v>
      </c>
      <c r="L1649" s="6" t="s">
        <v>51</v>
      </c>
    </row>
    <row r="1650" spans="1:12">
      <c r="A1650" s="6" t="s">
        <v>49</v>
      </c>
      <c r="B1650" s="6"/>
      <c r="C1650" s="6" t="s">
        <v>1664</v>
      </c>
      <c r="D1650" s="6"/>
      <c r="E1650" s="6" t="s">
        <v>9</v>
      </c>
      <c r="F1650" s="7">
        <v>38657</v>
      </c>
      <c r="G1650" s="8">
        <v>1</v>
      </c>
      <c r="H1650" s="8">
        <v>1</v>
      </c>
      <c r="I1650" s="8">
        <v>0</v>
      </c>
      <c r="J1650" s="8">
        <v>1</v>
      </c>
      <c r="K1650" s="9">
        <v>18</v>
      </c>
      <c r="L1650" s="6" t="s">
        <v>51</v>
      </c>
    </row>
    <row r="1651" spans="1:12">
      <c r="A1651" s="6" t="s">
        <v>49</v>
      </c>
      <c r="B1651" s="6"/>
      <c r="C1651" s="6" t="s">
        <v>1665</v>
      </c>
      <c r="D1651" s="6"/>
      <c r="E1651" s="6" t="s">
        <v>9</v>
      </c>
      <c r="F1651" s="7">
        <v>38657</v>
      </c>
      <c r="G1651" s="8">
        <v>1</v>
      </c>
      <c r="H1651" s="8">
        <v>1</v>
      </c>
      <c r="I1651" s="8">
        <v>0</v>
      </c>
      <c r="J1651" s="8">
        <v>1</v>
      </c>
      <c r="K1651" s="9">
        <v>5.1100000000000003</v>
      </c>
      <c r="L1651" s="6" t="s">
        <v>51</v>
      </c>
    </row>
    <row r="1652" spans="1:12">
      <c r="A1652" s="6" t="s">
        <v>49</v>
      </c>
      <c r="B1652" s="6"/>
      <c r="C1652" s="6" t="s">
        <v>1666</v>
      </c>
      <c r="D1652" s="6"/>
      <c r="E1652" s="6" t="s">
        <v>9</v>
      </c>
      <c r="F1652" s="7">
        <v>38657</v>
      </c>
      <c r="G1652" s="8">
        <v>1</v>
      </c>
      <c r="H1652" s="8">
        <v>1</v>
      </c>
      <c r="I1652" s="8">
        <v>0</v>
      </c>
      <c r="J1652" s="8">
        <v>1</v>
      </c>
      <c r="K1652" s="9">
        <v>3.4</v>
      </c>
      <c r="L1652" s="6" t="s">
        <v>51</v>
      </c>
    </row>
    <row r="1653" spans="1:12">
      <c r="A1653" s="6" t="s">
        <v>49</v>
      </c>
      <c r="B1653" s="6"/>
      <c r="C1653" s="6" t="s">
        <v>1667</v>
      </c>
      <c r="D1653" s="6"/>
      <c r="E1653" s="6" t="s">
        <v>9</v>
      </c>
      <c r="F1653" s="7">
        <v>38657</v>
      </c>
      <c r="G1653" s="8">
        <v>1</v>
      </c>
      <c r="H1653" s="8">
        <v>1</v>
      </c>
      <c r="I1653" s="8">
        <v>0</v>
      </c>
      <c r="J1653" s="8">
        <v>1</v>
      </c>
      <c r="K1653" s="9">
        <v>6.89</v>
      </c>
      <c r="L1653" s="6" t="s">
        <v>51</v>
      </c>
    </row>
    <row r="1654" spans="1:12">
      <c r="A1654" s="6" t="s">
        <v>49</v>
      </c>
      <c r="B1654" s="6"/>
      <c r="C1654" s="6" t="s">
        <v>1668</v>
      </c>
      <c r="D1654" s="6"/>
      <c r="E1654" s="6" t="s">
        <v>9</v>
      </c>
      <c r="F1654" s="7">
        <v>38657</v>
      </c>
      <c r="G1654" s="8">
        <v>1</v>
      </c>
      <c r="H1654" s="8">
        <v>1</v>
      </c>
      <c r="I1654" s="8">
        <v>0</v>
      </c>
      <c r="J1654" s="8">
        <v>1</v>
      </c>
      <c r="K1654" s="9">
        <v>1.18</v>
      </c>
      <c r="L1654" s="6" t="s">
        <v>51</v>
      </c>
    </row>
    <row r="1655" spans="1:12">
      <c r="A1655" s="6" t="s">
        <v>49</v>
      </c>
      <c r="B1655" s="6"/>
      <c r="C1655" s="6" t="s">
        <v>1669</v>
      </c>
      <c r="D1655" s="6"/>
      <c r="E1655" s="6" t="s">
        <v>9</v>
      </c>
      <c r="F1655" s="7">
        <v>38657</v>
      </c>
      <c r="G1655" s="8">
        <v>1</v>
      </c>
      <c r="H1655" s="8">
        <v>1</v>
      </c>
      <c r="I1655" s="8">
        <v>0</v>
      </c>
      <c r="J1655" s="8">
        <v>1</v>
      </c>
      <c r="K1655" s="9">
        <v>63</v>
      </c>
      <c r="L1655" s="6" t="s">
        <v>51</v>
      </c>
    </row>
    <row r="1656" spans="1:12">
      <c r="A1656" s="6" t="s">
        <v>49</v>
      </c>
      <c r="B1656" s="6"/>
      <c r="C1656" s="6" t="s">
        <v>1670</v>
      </c>
      <c r="D1656" s="6"/>
      <c r="E1656" s="6" t="s">
        <v>9</v>
      </c>
      <c r="F1656" s="7">
        <v>38657</v>
      </c>
      <c r="G1656" s="8">
        <v>1</v>
      </c>
      <c r="H1656" s="8">
        <v>1</v>
      </c>
      <c r="I1656" s="8">
        <v>0</v>
      </c>
      <c r="J1656" s="8">
        <v>1</v>
      </c>
      <c r="K1656" s="9">
        <v>63</v>
      </c>
      <c r="L1656" s="6" t="s">
        <v>51</v>
      </c>
    </row>
    <row r="1657" spans="1:12">
      <c r="A1657" s="6" t="s">
        <v>49</v>
      </c>
      <c r="B1657" s="6"/>
      <c r="C1657" s="6" t="s">
        <v>1671</v>
      </c>
      <c r="D1657" s="6"/>
      <c r="E1657" s="6" t="s">
        <v>9</v>
      </c>
      <c r="F1657" s="7">
        <v>38657</v>
      </c>
      <c r="G1657" s="8">
        <v>1</v>
      </c>
      <c r="H1657" s="8">
        <v>1</v>
      </c>
      <c r="I1657" s="8">
        <v>0</v>
      </c>
      <c r="J1657" s="8">
        <v>1</v>
      </c>
      <c r="K1657" s="9">
        <v>6.11</v>
      </c>
      <c r="L1657" s="6" t="s">
        <v>51</v>
      </c>
    </row>
    <row r="1658" spans="1:12">
      <c r="A1658" s="6" t="s">
        <v>49</v>
      </c>
      <c r="B1658" s="6"/>
      <c r="C1658" s="6" t="s">
        <v>1672</v>
      </c>
      <c r="D1658" s="6"/>
      <c r="E1658" s="6" t="s">
        <v>9</v>
      </c>
      <c r="F1658" s="7">
        <v>38657</v>
      </c>
      <c r="G1658" s="8">
        <v>1</v>
      </c>
      <c r="H1658" s="8">
        <v>1</v>
      </c>
      <c r="I1658" s="8">
        <v>0</v>
      </c>
      <c r="J1658" s="8">
        <v>1</v>
      </c>
      <c r="K1658" s="9">
        <v>14</v>
      </c>
      <c r="L1658" s="6" t="s">
        <v>51</v>
      </c>
    </row>
    <row r="1659" spans="1:12">
      <c r="A1659" s="6" t="s">
        <v>49</v>
      </c>
      <c r="B1659" s="6"/>
      <c r="C1659" s="6" t="s">
        <v>1673</v>
      </c>
      <c r="D1659" s="6"/>
      <c r="E1659" s="6" t="s">
        <v>9</v>
      </c>
      <c r="F1659" s="7">
        <v>38657</v>
      </c>
      <c r="G1659" s="8">
        <v>1</v>
      </c>
      <c r="H1659" s="8">
        <v>1</v>
      </c>
      <c r="I1659" s="8">
        <v>0</v>
      </c>
      <c r="J1659" s="8">
        <v>1</v>
      </c>
      <c r="K1659" s="9">
        <v>36</v>
      </c>
      <c r="L1659" s="6" t="s">
        <v>51</v>
      </c>
    </row>
    <row r="1660" spans="1:12">
      <c r="A1660" s="6" t="s">
        <v>49</v>
      </c>
      <c r="B1660" s="6"/>
      <c r="C1660" s="6" t="s">
        <v>1674</v>
      </c>
      <c r="D1660" s="6"/>
      <c r="E1660" s="6" t="s">
        <v>9</v>
      </c>
      <c r="F1660" s="7">
        <v>38657</v>
      </c>
      <c r="G1660" s="8">
        <v>1</v>
      </c>
      <c r="H1660" s="8">
        <v>1</v>
      </c>
      <c r="I1660" s="8">
        <v>0</v>
      </c>
      <c r="J1660" s="8">
        <v>1</v>
      </c>
      <c r="K1660" s="9">
        <v>112</v>
      </c>
      <c r="L1660" s="6" t="s">
        <v>51</v>
      </c>
    </row>
    <row r="1661" spans="1:12">
      <c r="A1661" s="6" t="s">
        <v>49</v>
      </c>
      <c r="B1661" s="6"/>
      <c r="C1661" s="6" t="s">
        <v>1675</v>
      </c>
      <c r="D1661" s="6"/>
      <c r="E1661" s="6" t="s">
        <v>9</v>
      </c>
      <c r="F1661" s="7">
        <v>38657</v>
      </c>
      <c r="G1661" s="8">
        <v>1</v>
      </c>
      <c r="H1661" s="8">
        <v>1</v>
      </c>
      <c r="I1661" s="8">
        <v>0</v>
      </c>
      <c r="J1661" s="8">
        <v>1</v>
      </c>
      <c r="K1661" s="9">
        <v>49</v>
      </c>
      <c r="L1661" s="6" t="s">
        <v>51</v>
      </c>
    </row>
    <row r="1662" spans="1:12">
      <c r="A1662" s="6" t="s">
        <v>49</v>
      </c>
      <c r="B1662" s="6"/>
      <c r="C1662" s="6" t="s">
        <v>1676</v>
      </c>
      <c r="D1662" s="6"/>
      <c r="E1662" s="6" t="s">
        <v>9</v>
      </c>
      <c r="F1662" s="7">
        <v>38657</v>
      </c>
      <c r="G1662" s="8">
        <v>1</v>
      </c>
      <c r="H1662" s="8">
        <v>1</v>
      </c>
      <c r="I1662" s="8">
        <v>0</v>
      </c>
      <c r="J1662" s="8">
        <v>1</v>
      </c>
      <c r="K1662" s="9">
        <v>440</v>
      </c>
      <c r="L1662" s="6" t="s">
        <v>51</v>
      </c>
    </row>
    <row r="1663" spans="1:12">
      <c r="A1663" s="6" t="s">
        <v>49</v>
      </c>
      <c r="B1663" s="6"/>
      <c r="C1663" s="6" t="s">
        <v>1677</v>
      </c>
      <c r="D1663" s="6"/>
      <c r="E1663" s="6" t="s">
        <v>9</v>
      </c>
      <c r="F1663" s="7">
        <v>38657</v>
      </c>
      <c r="G1663" s="8">
        <v>1</v>
      </c>
      <c r="H1663" s="8">
        <v>1</v>
      </c>
      <c r="I1663" s="8">
        <v>0</v>
      </c>
      <c r="J1663" s="8">
        <v>1</v>
      </c>
      <c r="K1663" s="9">
        <v>135</v>
      </c>
      <c r="L1663" s="6" t="s">
        <v>51</v>
      </c>
    </row>
    <row r="1664" spans="1:12">
      <c r="A1664" s="6" t="s">
        <v>49</v>
      </c>
      <c r="B1664" s="6"/>
      <c r="C1664" s="6" t="s">
        <v>1678</v>
      </c>
      <c r="D1664" s="6"/>
      <c r="E1664" s="6" t="s">
        <v>9</v>
      </c>
      <c r="F1664" s="7"/>
      <c r="G1664" s="8">
        <v>1</v>
      </c>
      <c r="H1664" s="8">
        <v>1</v>
      </c>
      <c r="I1664" s="8">
        <v>0</v>
      </c>
      <c r="J1664" s="8">
        <v>1</v>
      </c>
      <c r="K1664" s="9">
        <v>46</v>
      </c>
      <c r="L1664" s="6" t="s">
        <v>51</v>
      </c>
    </row>
    <row r="1665" spans="1:12">
      <c r="A1665" s="6" t="s">
        <v>49</v>
      </c>
      <c r="B1665" s="6"/>
      <c r="C1665" s="6" t="s">
        <v>1679</v>
      </c>
      <c r="D1665" s="6"/>
      <c r="E1665" s="6" t="s">
        <v>9</v>
      </c>
      <c r="F1665" s="7">
        <v>38657</v>
      </c>
      <c r="G1665" s="8">
        <v>1</v>
      </c>
      <c r="H1665" s="8">
        <v>1</v>
      </c>
      <c r="I1665" s="8">
        <v>0</v>
      </c>
      <c r="J1665" s="8">
        <v>1</v>
      </c>
      <c r="K1665" s="9">
        <v>26</v>
      </c>
      <c r="L1665" s="6" t="s">
        <v>51</v>
      </c>
    </row>
    <row r="1666" spans="1:12">
      <c r="A1666" s="6" t="s">
        <v>49</v>
      </c>
      <c r="B1666" s="6"/>
      <c r="C1666" s="6" t="s">
        <v>1680</v>
      </c>
      <c r="D1666" s="6"/>
      <c r="E1666" s="6" t="s">
        <v>9</v>
      </c>
      <c r="F1666" s="7">
        <v>38657</v>
      </c>
      <c r="G1666" s="8">
        <v>1</v>
      </c>
      <c r="H1666" s="8">
        <v>1</v>
      </c>
      <c r="I1666" s="8">
        <v>0</v>
      </c>
      <c r="J1666" s="8">
        <v>1</v>
      </c>
      <c r="K1666" s="9">
        <v>29</v>
      </c>
      <c r="L1666" s="6" t="s">
        <v>51</v>
      </c>
    </row>
    <row r="1667" spans="1:12">
      <c r="A1667" s="6" t="s">
        <v>49</v>
      </c>
      <c r="B1667" s="6"/>
      <c r="C1667" s="6" t="s">
        <v>1681</v>
      </c>
      <c r="D1667" s="6"/>
      <c r="E1667" s="6" t="s">
        <v>9</v>
      </c>
      <c r="F1667" s="7">
        <v>38657</v>
      </c>
      <c r="G1667" s="8">
        <v>1</v>
      </c>
      <c r="H1667" s="8">
        <v>1</v>
      </c>
      <c r="I1667" s="8">
        <v>0</v>
      </c>
      <c r="J1667" s="8">
        <v>1</v>
      </c>
      <c r="K1667" s="9">
        <v>16</v>
      </c>
      <c r="L1667" s="6" t="s">
        <v>51</v>
      </c>
    </row>
    <row r="1668" spans="1:12">
      <c r="A1668" s="6" t="s">
        <v>49</v>
      </c>
      <c r="B1668" s="6"/>
      <c r="C1668" s="6" t="s">
        <v>1682</v>
      </c>
      <c r="D1668" s="6"/>
      <c r="E1668" s="6" t="s">
        <v>9</v>
      </c>
      <c r="F1668" s="7">
        <v>38657</v>
      </c>
      <c r="G1668" s="8">
        <v>1</v>
      </c>
      <c r="H1668" s="8">
        <v>1</v>
      </c>
      <c r="I1668" s="8">
        <v>0</v>
      </c>
      <c r="J1668" s="8">
        <v>1</v>
      </c>
      <c r="K1668" s="9">
        <v>9.91</v>
      </c>
      <c r="L1668" s="6" t="s">
        <v>51</v>
      </c>
    </row>
    <row r="1669" spans="1:12">
      <c r="A1669" s="6" t="s">
        <v>49</v>
      </c>
      <c r="B1669" s="6"/>
      <c r="C1669" s="6" t="s">
        <v>1683</v>
      </c>
      <c r="D1669" s="6"/>
      <c r="E1669" s="6" t="s">
        <v>9</v>
      </c>
      <c r="F1669" s="7">
        <v>38657</v>
      </c>
      <c r="G1669" s="8">
        <v>1</v>
      </c>
      <c r="H1669" s="8">
        <v>1</v>
      </c>
      <c r="I1669" s="8">
        <v>0</v>
      </c>
      <c r="J1669" s="8">
        <v>1</v>
      </c>
      <c r="K1669" s="9">
        <v>82</v>
      </c>
      <c r="L1669" s="6" t="s">
        <v>51</v>
      </c>
    </row>
    <row r="1670" spans="1:12">
      <c r="A1670" s="6" t="s">
        <v>49</v>
      </c>
      <c r="B1670" s="6"/>
      <c r="C1670" s="6" t="s">
        <v>1684</v>
      </c>
      <c r="D1670" s="6"/>
      <c r="E1670" s="6" t="s">
        <v>9</v>
      </c>
      <c r="F1670" s="7">
        <v>38657</v>
      </c>
      <c r="G1670" s="8">
        <v>1</v>
      </c>
      <c r="H1670" s="8">
        <v>1</v>
      </c>
      <c r="I1670" s="8">
        <v>0</v>
      </c>
      <c r="J1670" s="8">
        <v>1</v>
      </c>
      <c r="K1670" s="9">
        <v>107</v>
      </c>
      <c r="L1670" s="6" t="s">
        <v>51</v>
      </c>
    </row>
    <row r="1671" spans="1:12">
      <c r="A1671" s="6" t="s">
        <v>49</v>
      </c>
      <c r="B1671" s="6"/>
      <c r="C1671" s="6" t="s">
        <v>1685</v>
      </c>
      <c r="D1671" s="6"/>
      <c r="E1671" s="6" t="s">
        <v>9</v>
      </c>
      <c r="F1671" s="7">
        <v>38657</v>
      </c>
      <c r="G1671" s="8">
        <v>1</v>
      </c>
      <c r="H1671" s="8">
        <v>1</v>
      </c>
      <c r="I1671" s="8">
        <v>0</v>
      </c>
      <c r="J1671" s="8">
        <v>1</v>
      </c>
      <c r="K1671" s="9">
        <v>87</v>
      </c>
      <c r="L1671" s="6" t="s">
        <v>51</v>
      </c>
    </row>
    <row r="1672" spans="1:12">
      <c r="A1672" s="6" t="s">
        <v>49</v>
      </c>
      <c r="B1672" s="6"/>
      <c r="C1672" s="6" t="s">
        <v>1686</v>
      </c>
      <c r="D1672" s="6"/>
      <c r="E1672" s="6" t="s">
        <v>9</v>
      </c>
      <c r="F1672" s="7">
        <v>38657</v>
      </c>
      <c r="G1672" s="8">
        <v>1</v>
      </c>
      <c r="H1672" s="8">
        <v>1</v>
      </c>
      <c r="I1672" s="8">
        <v>0</v>
      </c>
      <c r="J1672" s="8">
        <v>1</v>
      </c>
      <c r="K1672" s="9">
        <v>0.28000000000000003</v>
      </c>
      <c r="L1672" s="6" t="s">
        <v>51</v>
      </c>
    </row>
    <row r="1673" spans="1:12">
      <c r="A1673" s="6" t="s">
        <v>49</v>
      </c>
      <c r="B1673" s="6"/>
      <c r="C1673" s="6" t="s">
        <v>1687</v>
      </c>
      <c r="D1673" s="6"/>
      <c r="E1673" s="6" t="s">
        <v>9</v>
      </c>
      <c r="F1673" s="7">
        <v>38657</v>
      </c>
      <c r="G1673" s="8">
        <v>1</v>
      </c>
      <c r="H1673" s="8">
        <v>1</v>
      </c>
      <c r="I1673" s="8">
        <v>0</v>
      </c>
      <c r="J1673" s="8">
        <v>1</v>
      </c>
      <c r="K1673" s="9">
        <v>69</v>
      </c>
      <c r="L1673" s="6" t="s">
        <v>51</v>
      </c>
    </row>
    <row r="1674" spans="1:12">
      <c r="A1674" s="6" t="s">
        <v>49</v>
      </c>
      <c r="B1674" s="6"/>
      <c r="C1674" s="6" t="s">
        <v>1688</v>
      </c>
      <c r="D1674" s="6"/>
      <c r="E1674" s="6" t="s">
        <v>9</v>
      </c>
      <c r="F1674" s="7">
        <v>38657</v>
      </c>
      <c r="G1674" s="8">
        <v>1</v>
      </c>
      <c r="H1674" s="8">
        <v>1</v>
      </c>
      <c r="I1674" s="8">
        <v>0</v>
      </c>
      <c r="J1674" s="8">
        <v>1</v>
      </c>
      <c r="K1674" s="9">
        <v>6.61</v>
      </c>
      <c r="L1674" s="6" t="s">
        <v>51</v>
      </c>
    </row>
    <row r="1675" spans="1:12">
      <c r="A1675" s="6" t="s">
        <v>49</v>
      </c>
      <c r="B1675" s="6"/>
      <c r="C1675" s="6" t="s">
        <v>1689</v>
      </c>
      <c r="D1675" s="6"/>
      <c r="E1675" s="6" t="s">
        <v>9</v>
      </c>
      <c r="F1675" s="7"/>
      <c r="G1675" s="8">
        <v>1</v>
      </c>
      <c r="H1675" s="8">
        <v>1</v>
      </c>
      <c r="I1675" s="8">
        <v>0</v>
      </c>
      <c r="J1675" s="8">
        <v>1</v>
      </c>
      <c r="K1675" s="9">
        <v>13</v>
      </c>
      <c r="L1675" s="6" t="s">
        <v>51</v>
      </c>
    </row>
    <row r="1676" spans="1:12">
      <c r="A1676" s="6" t="s">
        <v>49</v>
      </c>
      <c r="B1676" s="6"/>
      <c r="C1676" s="6" t="s">
        <v>1690</v>
      </c>
      <c r="D1676" s="6"/>
      <c r="E1676" s="6" t="s">
        <v>9</v>
      </c>
      <c r="F1676" s="7">
        <v>38657</v>
      </c>
      <c r="G1676" s="8">
        <v>1</v>
      </c>
      <c r="H1676" s="8">
        <v>1</v>
      </c>
      <c r="I1676" s="8">
        <v>0</v>
      </c>
      <c r="J1676" s="8">
        <v>1</v>
      </c>
      <c r="K1676" s="9">
        <v>48</v>
      </c>
      <c r="L1676" s="6" t="s">
        <v>51</v>
      </c>
    </row>
    <row r="1677" spans="1:12">
      <c r="A1677" s="6" t="s">
        <v>49</v>
      </c>
      <c r="B1677" s="6"/>
      <c r="C1677" s="6" t="s">
        <v>1691</v>
      </c>
      <c r="D1677" s="6"/>
      <c r="E1677" s="6" t="s">
        <v>9</v>
      </c>
      <c r="F1677" s="7">
        <v>38657</v>
      </c>
      <c r="G1677" s="8">
        <v>1</v>
      </c>
      <c r="H1677" s="8">
        <v>1</v>
      </c>
      <c r="I1677" s="8">
        <v>0</v>
      </c>
      <c r="J1677" s="8">
        <v>1</v>
      </c>
      <c r="K1677" s="9">
        <v>320</v>
      </c>
      <c r="L1677" s="6" t="s">
        <v>51</v>
      </c>
    </row>
    <row r="1678" spans="1:12">
      <c r="A1678" s="6" t="s">
        <v>49</v>
      </c>
      <c r="B1678" s="6"/>
      <c r="C1678" s="6" t="s">
        <v>1692</v>
      </c>
      <c r="D1678" s="6"/>
      <c r="E1678" s="6" t="s">
        <v>9</v>
      </c>
      <c r="F1678" s="7">
        <v>38657</v>
      </c>
      <c r="G1678" s="8">
        <v>1</v>
      </c>
      <c r="H1678" s="8">
        <v>1</v>
      </c>
      <c r="I1678" s="8">
        <v>0</v>
      </c>
      <c r="J1678" s="8">
        <v>1</v>
      </c>
      <c r="K1678" s="9">
        <v>46</v>
      </c>
      <c r="L1678" s="6" t="s">
        <v>51</v>
      </c>
    </row>
    <row r="1679" spans="1:12">
      <c r="A1679" s="6" t="s">
        <v>49</v>
      </c>
      <c r="B1679" s="6"/>
      <c r="C1679" s="6" t="s">
        <v>1693</v>
      </c>
      <c r="D1679" s="6"/>
      <c r="E1679" s="6" t="s">
        <v>9</v>
      </c>
      <c r="F1679" s="7">
        <v>38657</v>
      </c>
      <c r="G1679" s="8">
        <v>6133498</v>
      </c>
      <c r="H1679" s="8">
        <v>6133498</v>
      </c>
      <c r="I1679" s="8">
        <v>0</v>
      </c>
      <c r="J1679" s="8">
        <v>6133498</v>
      </c>
      <c r="K1679" s="9">
        <v>319.32</v>
      </c>
      <c r="L1679" s="6" t="s">
        <v>1694</v>
      </c>
    </row>
    <row r="1680" spans="1:12">
      <c r="A1680" s="6" t="s">
        <v>49</v>
      </c>
      <c r="B1680" s="6"/>
      <c r="C1680" s="6" t="s">
        <v>1695</v>
      </c>
      <c r="D1680" s="6"/>
      <c r="E1680" s="6" t="s">
        <v>9</v>
      </c>
      <c r="F1680" s="7"/>
      <c r="G1680" s="8">
        <v>1</v>
      </c>
      <c r="H1680" s="8">
        <v>1</v>
      </c>
      <c r="I1680" s="8">
        <v>0</v>
      </c>
      <c r="J1680" s="8">
        <v>1</v>
      </c>
      <c r="K1680" s="9">
        <v>0.88</v>
      </c>
      <c r="L1680" s="6" t="s">
        <v>51</v>
      </c>
    </row>
    <row r="1681" spans="1:12">
      <c r="A1681" s="6" t="s">
        <v>49</v>
      </c>
      <c r="B1681" s="6"/>
      <c r="C1681" s="6" t="s">
        <v>1696</v>
      </c>
      <c r="D1681" s="6"/>
      <c r="E1681" s="6" t="s">
        <v>9</v>
      </c>
      <c r="F1681" s="7">
        <v>38657</v>
      </c>
      <c r="G1681" s="8">
        <v>1</v>
      </c>
      <c r="H1681" s="8">
        <v>1</v>
      </c>
      <c r="I1681" s="8">
        <v>0</v>
      </c>
      <c r="J1681" s="8">
        <v>1</v>
      </c>
      <c r="K1681" s="9">
        <v>387</v>
      </c>
      <c r="L1681" s="6" t="s">
        <v>51</v>
      </c>
    </row>
    <row r="1682" spans="1:12">
      <c r="A1682" s="6" t="s">
        <v>49</v>
      </c>
      <c r="B1682" s="6"/>
      <c r="C1682" s="6" t="s">
        <v>1697</v>
      </c>
      <c r="D1682" s="6"/>
      <c r="E1682" s="6" t="s">
        <v>9</v>
      </c>
      <c r="F1682" s="7">
        <v>38657</v>
      </c>
      <c r="G1682" s="8">
        <v>1</v>
      </c>
      <c r="H1682" s="8">
        <v>1</v>
      </c>
      <c r="I1682" s="8">
        <v>0</v>
      </c>
      <c r="J1682" s="8">
        <v>1</v>
      </c>
      <c r="K1682" s="9">
        <v>413</v>
      </c>
      <c r="L1682" s="6" t="s">
        <v>51</v>
      </c>
    </row>
    <row r="1683" spans="1:12">
      <c r="A1683" s="6" t="s">
        <v>49</v>
      </c>
      <c r="B1683" s="6"/>
      <c r="C1683" s="6" t="s">
        <v>1698</v>
      </c>
      <c r="D1683" s="6"/>
      <c r="E1683" s="6" t="s">
        <v>9</v>
      </c>
      <c r="F1683" s="7">
        <v>38657</v>
      </c>
      <c r="G1683" s="8">
        <v>1</v>
      </c>
      <c r="H1683" s="8">
        <v>1</v>
      </c>
      <c r="I1683" s="8">
        <v>0</v>
      </c>
      <c r="J1683" s="8">
        <v>1</v>
      </c>
      <c r="K1683" s="9">
        <v>581</v>
      </c>
      <c r="L1683" s="6" t="s">
        <v>51</v>
      </c>
    </row>
    <row r="1684" spans="1:12">
      <c r="A1684" s="6" t="s">
        <v>49</v>
      </c>
      <c r="B1684" s="6"/>
      <c r="C1684" s="6" t="s">
        <v>1699</v>
      </c>
      <c r="D1684" s="6"/>
      <c r="E1684" s="6" t="s">
        <v>9</v>
      </c>
      <c r="F1684" s="7">
        <v>38657</v>
      </c>
      <c r="G1684" s="8">
        <v>1</v>
      </c>
      <c r="H1684" s="8">
        <v>1</v>
      </c>
      <c r="I1684" s="8">
        <v>0</v>
      </c>
      <c r="J1684" s="8">
        <v>1</v>
      </c>
      <c r="K1684" s="9">
        <v>183</v>
      </c>
      <c r="L1684" s="6" t="s">
        <v>51</v>
      </c>
    </row>
    <row r="1685" spans="1:12">
      <c r="A1685" s="6" t="s">
        <v>49</v>
      </c>
      <c r="B1685" s="6"/>
      <c r="C1685" s="6" t="s">
        <v>1700</v>
      </c>
      <c r="D1685" s="6"/>
      <c r="E1685" s="6" t="s">
        <v>9</v>
      </c>
      <c r="F1685" s="7">
        <v>38657</v>
      </c>
      <c r="G1685" s="8">
        <v>1</v>
      </c>
      <c r="H1685" s="8">
        <v>1</v>
      </c>
      <c r="I1685" s="8">
        <v>0</v>
      </c>
      <c r="J1685" s="8">
        <v>1</v>
      </c>
      <c r="K1685" s="9">
        <v>24</v>
      </c>
      <c r="L1685" s="6" t="s">
        <v>51</v>
      </c>
    </row>
    <row r="1686" spans="1:12">
      <c r="A1686" s="6" t="s">
        <v>49</v>
      </c>
      <c r="B1686" s="6"/>
      <c r="C1686" s="6" t="s">
        <v>1701</v>
      </c>
      <c r="D1686" s="6"/>
      <c r="E1686" s="6" t="s">
        <v>9</v>
      </c>
      <c r="F1686" s="7">
        <v>38657</v>
      </c>
      <c r="G1686" s="8">
        <v>1</v>
      </c>
      <c r="H1686" s="8">
        <v>1</v>
      </c>
      <c r="I1686" s="8">
        <v>0</v>
      </c>
      <c r="J1686" s="8">
        <v>1</v>
      </c>
      <c r="K1686" s="9">
        <v>0.82</v>
      </c>
      <c r="L1686" s="6" t="s">
        <v>51</v>
      </c>
    </row>
    <row r="1687" spans="1:12">
      <c r="A1687" s="6" t="s">
        <v>49</v>
      </c>
      <c r="B1687" s="6"/>
      <c r="C1687" s="6" t="s">
        <v>1702</v>
      </c>
      <c r="D1687" s="6"/>
      <c r="E1687" s="6" t="s">
        <v>9</v>
      </c>
      <c r="F1687" s="7"/>
      <c r="G1687" s="8">
        <v>1</v>
      </c>
      <c r="H1687" s="8">
        <v>1</v>
      </c>
      <c r="I1687" s="8">
        <v>0</v>
      </c>
      <c r="J1687" s="8">
        <v>1</v>
      </c>
      <c r="K1687" s="9">
        <v>6.61</v>
      </c>
      <c r="L1687" s="6" t="s">
        <v>51</v>
      </c>
    </row>
    <row r="1688" spans="1:12">
      <c r="A1688" s="6" t="s">
        <v>49</v>
      </c>
      <c r="B1688" s="6"/>
      <c r="C1688" s="6" t="s">
        <v>1703</v>
      </c>
      <c r="D1688" s="6"/>
      <c r="E1688" s="6" t="s">
        <v>9</v>
      </c>
      <c r="F1688" s="7">
        <v>38657</v>
      </c>
      <c r="G1688" s="8">
        <v>1</v>
      </c>
      <c r="H1688" s="8">
        <v>1</v>
      </c>
      <c r="I1688" s="8">
        <v>0</v>
      </c>
      <c r="J1688" s="8">
        <v>1</v>
      </c>
      <c r="K1688" s="9">
        <v>37</v>
      </c>
      <c r="L1688" s="6" t="s">
        <v>51</v>
      </c>
    </row>
    <row r="1689" spans="1:12">
      <c r="A1689" s="6" t="s">
        <v>49</v>
      </c>
      <c r="B1689" s="6"/>
      <c r="C1689" s="6" t="s">
        <v>1704</v>
      </c>
      <c r="D1689" s="6"/>
      <c r="E1689" s="6" t="s">
        <v>9</v>
      </c>
      <c r="F1689" s="7">
        <v>38657</v>
      </c>
      <c r="G1689" s="8">
        <v>1</v>
      </c>
      <c r="H1689" s="8">
        <v>1</v>
      </c>
      <c r="I1689" s="8">
        <v>0</v>
      </c>
      <c r="J1689" s="8">
        <v>1</v>
      </c>
      <c r="K1689" s="9">
        <v>32.33</v>
      </c>
      <c r="L1689" s="6" t="s">
        <v>51</v>
      </c>
    </row>
    <row r="1690" spans="1:12">
      <c r="A1690" s="6" t="s">
        <v>49</v>
      </c>
      <c r="B1690" s="6"/>
      <c r="C1690" s="6" t="s">
        <v>1705</v>
      </c>
      <c r="D1690" s="6"/>
      <c r="E1690" s="6" t="s">
        <v>9</v>
      </c>
      <c r="F1690" s="7">
        <v>38657</v>
      </c>
      <c r="G1690" s="8">
        <v>1</v>
      </c>
      <c r="H1690" s="8">
        <v>1</v>
      </c>
      <c r="I1690" s="8">
        <v>0</v>
      </c>
      <c r="J1690" s="8">
        <v>1</v>
      </c>
      <c r="K1690" s="9">
        <v>19.46</v>
      </c>
      <c r="L1690" s="6" t="s">
        <v>51</v>
      </c>
    </row>
    <row r="1691" spans="1:12">
      <c r="A1691" s="6" t="s">
        <v>49</v>
      </c>
      <c r="B1691" s="6"/>
      <c r="C1691" s="6" t="s">
        <v>1706</v>
      </c>
      <c r="D1691" s="6"/>
      <c r="E1691" s="6" t="s">
        <v>9</v>
      </c>
      <c r="F1691" s="7">
        <v>38657</v>
      </c>
      <c r="G1691" s="8">
        <v>1</v>
      </c>
      <c r="H1691" s="8">
        <v>1</v>
      </c>
      <c r="I1691" s="8">
        <v>0</v>
      </c>
      <c r="J1691" s="8">
        <v>1</v>
      </c>
      <c r="K1691" s="9">
        <v>33</v>
      </c>
      <c r="L1691" s="6" t="s">
        <v>51</v>
      </c>
    </row>
    <row r="1692" spans="1:12">
      <c r="A1692" s="6" t="s">
        <v>49</v>
      </c>
      <c r="B1692" s="6"/>
      <c r="C1692" s="6" t="s">
        <v>1707</v>
      </c>
      <c r="D1692" s="6"/>
      <c r="E1692" s="6" t="s">
        <v>9</v>
      </c>
      <c r="F1692" s="7">
        <v>38657</v>
      </c>
      <c r="G1692" s="8">
        <v>1</v>
      </c>
      <c r="H1692" s="8">
        <v>1</v>
      </c>
      <c r="I1692" s="8">
        <v>0</v>
      </c>
      <c r="J1692" s="8">
        <v>1</v>
      </c>
      <c r="K1692" s="9">
        <v>32.229999999999897</v>
      </c>
      <c r="L1692" s="6" t="s">
        <v>51</v>
      </c>
    </row>
    <row r="1693" spans="1:12">
      <c r="A1693" s="6" t="s">
        <v>49</v>
      </c>
      <c r="B1693" s="6"/>
      <c r="C1693" s="6" t="s">
        <v>1708</v>
      </c>
      <c r="D1693" s="6"/>
      <c r="E1693" s="6" t="s">
        <v>9</v>
      </c>
      <c r="F1693" s="7">
        <v>38657</v>
      </c>
      <c r="G1693" s="8">
        <v>1</v>
      </c>
      <c r="H1693" s="8">
        <v>1</v>
      </c>
      <c r="I1693" s="8">
        <v>0</v>
      </c>
      <c r="J1693" s="8">
        <v>1</v>
      </c>
      <c r="K1693" s="9">
        <v>90</v>
      </c>
      <c r="L1693" s="6" t="s">
        <v>51</v>
      </c>
    </row>
    <row r="1694" spans="1:12">
      <c r="A1694" s="6" t="s">
        <v>49</v>
      </c>
      <c r="B1694" s="6"/>
      <c r="C1694" s="6" t="s">
        <v>1709</v>
      </c>
      <c r="D1694" s="6"/>
      <c r="E1694" s="6" t="s">
        <v>9</v>
      </c>
      <c r="F1694" s="7">
        <v>38657</v>
      </c>
      <c r="G1694" s="8">
        <v>1</v>
      </c>
      <c r="H1694" s="8">
        <v>1</v>
      </c>
      <c r="I1694" s="8">
        <v>0</v>
      </c>
      <c r="J1694" s="8">
        <v>1</v>
      </c>
      <c r="K1694" s="9">
        <v>93.94</v>
      </c>
      <c r="L1694" s="6" t="s">
        <v>51</v>
      </c>
    </row>
    <row r="1695" spans="1:12">
      <c r="A1695" s="6" t="s">
        <v>49</v>
      </c>
      <c r="B1695" s="6"/>
      <c r="C1695" s="6" t="s">
        <v>1710</v>
      </c>
      <c r="D1695" s="6"/>
      <c r="E1695" s="6" t="s">
        <v>9</v>
      </c>
      <c r="F1695" s="7">
        <v>38657</v>
      </c>
      <c r="G1695" s="8">
        <v>1</v>
      </c>
      <c r="H1695" s="8">
        <v>1</v>
      </c>
      <c r="I1695" s="8">
        <v>0</v>
      </c>
      <c r="J1695" s="8">
        <v>1</v>
      </c>
      <c r="K1695" s="9">
        <v>25</v>
      </c>
      <c r="L1695" s="6" t="s">
        <v>51</v>
      </c>
    </row>
    <row r="1696" spans="1:12">
      <c r="A1696" s="6" t="s">
        <v>49</v>
      </c>
      <c r="B1696" s="6"/>
      <c r="C1696" s="6" t="s">
        <v>1711</v>
      </c>
      <c r="D1696" s="6"/>
      <c r="E1696" s="6" t="s">
        <v>9</v>
      </c>
      <c r="F1696" s="7">
        <v>38657</v>
      </c>
      <c r="G1696" s="8">
        <v>1</v>
      </c>
      <c r="H1696" s="8">
        <v>1</v>
      </c>
      <c r="I1696" s="8">
        <v>0</v>
      </c>
      <c r="J1696" s="8">
        <v>1</v>
      </c>
      <c r="K1696" s="9">
        <v>117</v>
      </c>
      <c r="L1696" s="6" t="s">
        <v>51</v>
      </c>
    </row>
    <row r="1697" spans="1:12">
      <c r="A1697" s="6" t="s">
        <v>49</v>
      </c>
      <c r="B1697" s="6"/>
      <c r="C1697" s="6" t="s">
        <v>1712</v>
      </c>
      <c r="D1697" s="6"/>
      <c r="E1697" s="6" t="s">
        <v>9</v>
      </c>
      <c r="F1697" s="7">
        <v>38657</v>
      </c>
      <c r="G1697" s="8">
        <v>1</v>
      </c>
      <c r="H1697" s="8">
        <v>1</v>
      </c>
      <c r="I1697" s="8">
        <v>0</v>
      </c>
      <c r="J1697" s="8">
        <v>1</v>
      </c>
      <c r="K1697" s="9">
        <v>189</v>
      </c>
      <c r="L1697" s="6" t="s">
        <v>51</v>
      </c>
    </row>
    <row r="1698" spans="1:12">
      <c r="A1698" s="6" t="s">
        <v>49</v>
      </c>
      <c r="B1698" s="6"/>
      <c r="C1698" s="6" t="s">
        <v>1713</v>
      </c>
      <c r="D1698" s="6"/>
      <c r="E1698" s="6" t="s">
        <v>9</v>
      </c>
      <c r="F1698" s="7">
        <v>41158</v>
      </c>
      <c r="G1698" s="8">
        <v>1</v>
      </c>
      <c r="H1698" s="8">
        <v>1</v>
      </c>
      <c r="I1698" s="8">
        <v>0</v>
      </c>
      <c r="J1698" s="8">
        <v>1</v>
      </c>
      <c r="K1698" s="9">
        <v>56</v>
      </c>
      <c r="L1698" s="6" t="s">
        <v>51</v>
      </c>
    </row>
    <row r="1699" spans="1:12">
      <c r="A1699" s="6" t="s">
        <v>49</v>
      </c>
      <c r="B1699" s="6"/>
      <c r="C1699" s="6" t="s">
        <v>1714</v>
      </c>
      <c r="D1699" s="6"/>
      <c r="E1699" s="6" t="s">
        <v>9</v>
      </c>
      <c r="F1699" s="7">
        <v>38657</v>
      </c>
      <c r="G1699" s="8">
        <v>1</v>
      </c>
      <c r="H1699" s="8">
        <v>1</v>
      </c>
      <c r="I1699" s="8">
        <v>0</v>
      </c>
      <c r="J1699" s="8">
        <v>1</v>
      </c>
      <c r="K1699" s="9">
        <v>174</v>
      </c>
      <c r="L1699" s="6" t="s">
        <v>51</v>
      </c>
    </row>
    <row r="1700" spans="1:12">
      <c r="A1700" s="6" t="s">
        <v>49</v>
      </c>
      <c r="B1700" s="6"/>
      <c r="C1700" s="6" t="s">
        <v>1715</v>
      </c>
      <c r="D1700" s="6"/>
      <c r="E1700" s="6" t="s">
        <v>9</v>
      </c>
      <c r="F1700" s="7">
        <v>41000</v>
      </c>
      <c r="G1700" s="8">
        <v>1</v>
      </c>
      <c r="H1700" s="8">
        <v>1</v>
      </c>
      <c r="I1700" s="8">
        <v>0</v>
      </c>
      <c r="J1700" s="8">
        <v>1</v>
      </c>
      <c r="K1700" s="9">
        <v>782.33</v>
      </c>
      <c r="L1700" s="6" t="s">
        <v>51</v>
      </c>
    </row>
    <row r="1701" spans="1:12">
      <c r="A1701" s="6" t="s">
        <v>49</v>
      </c>
      <c r="B1701" s="6"/>
      <c r="C1701" s="6" t="s">
        <v>1716</v>
      </c>
      <c r="D1701" s="6"/>
      <c r="E1701" s="6" t="s">
        <v>9</v>
      </c>
      <c r="F1701" s="7">
        <v>38657</v>
      </c>
      <c r="G1701" s="8">
        <v>1</v>
      </c>
      <c r="H1701" s="8">
        <v>1</v>
      </c>
      <c r="I1701" s="8">
        <v>0</v>
      </c>
      <c r="J1701" s="8">
        <v>1</v>
      </c>
      <c r="K1701" s="9">
        <v>111</v>
      </c>
      <c r="L1701" s="6" t="s">
        <v>51</v>
      </c>
    </row>
    <row r="1702" spans="1:12">
      <c r="A1702" s="6" t="s">
        <v>49</v>
      </c>
      <c r="B1702" s="6"/>
      <c r="C1702" s="6" t="s">
        <v>1717</v>
      </c>
      <c r="D1702" s="6"/>
      <c r="E1702" s="6" t="s">
        <v>9</v>
      </c>
      <c r="F1702" s="7">
        <v>38657</v>
      </c>
      <c r="G1702" s="8">
        <v>1</v>
      </c>
      <c r="H1702" s="8">
        <v>1</v>
      </c>
      <c r="I1702" s="8">
        <v>0</v>
      </c>
      <c r="J1702" s="8">
        <v>1</v>
      </c>
      <c r="K1702" s="9">
        <v>27</v>
      </c>
      <c r="L1702" s="6" t="s">
        <v>51</v>
      </c>
    </row>
    <row r="1703" spans="1:12">
      <c r="A1703" s="6" t="s">
        <v>49</v>
      </c>
      <c r="B1703" s="6"/>
      <c r="C1703" s="6" t="s">
        <v>1718</v>
      </c>
      <c r="D1703" s="6"/>
      <c r="E1703" s="6" t="s">
        <v>9</v>
      </c>
      <c r="F1703" s="7">
        <v>38657</v>
      </c>
      <c r="G1703" s="8">
        <v>1</v>
      </c>
      <c r="H1703" s="8">
        <v>1</v>
      </c>
      <c r="I1703" s="8">
        <v>0</v>
      </c>
      <c r="J1703" s="8">
        <v>1</v>
      </c>
      <c r="K1703" s="9">
        <v>92</v>
      </c>
      <c r="L1703" s="6" t="s">
        <v>51</v>
      </c>
    </row>
    <row r="1704" spans="1:12">
      <c r="A1704" s="6" t="s">
        <v>49</v>
      </c>
      <c r="B1704" s="6"/>
      <c r="C1704" s="6" t="s">
        <v>1719</v>
      </c>
      <c r="D1704" s="6"/>
      <c r="E1704" s="6" t="s">
        <v>9</v>
      </c>
      <c r="F1704" s="7">
        <v>38657</v>
      </c>
      <c r="G1704" s="8">
        <v>1</v>
      </c>
      <c r="H1704" s="8">
        <v>1</v>
      </c>
      <c r="I1704" s="8">
        <v>0</v>
      </c>
      <c r="J1704" s="8">
        <v>1</v>
      </c>
      <c r="K1704" s="9">
        <v>70</v>
      </c>
      <c r="L1704" s="6" t="s">
        <v>51</v>
      </c>
    </row>
    <row r="1705" spans="1:12">
      <c r="A1705" s="6" t="s">
        <v>49</v>
      </c>
      <c r="B1705" s="6"/>
      <c r="C1705" s="6" t="s">
        <v>1720</v>
      </c>
      <c r="D1705" s="6"/>
      <c r="E1705" s="6" t="s">
        <v>9</v>
      </c>
      <c r="F1705" s="7">
        <v>38657</v>
      </c>
      <c r="G1705" s="8">
        <v>1</v>
      </c>
      <c r="H1705" s="8">
        <v>1</v>
      </c>
      <c r="I1705" s="8">
        <v>0</v>
      </c>
      <c r="J1705" s="8">
        <v>1</v>
      </c>
      <c r="K1705" s="9">
        <v>794</v>
      </c>
      <c r="L1705" s="6" t="s">
        <v>51</v>
      </c>
    </row>
    <row r="1706" spans="1:12">
      <c r="A1706" s="6" t="s">
        <v>49</v>
      </c>
      <c r="B1706" s="6"/>
      <c r="C1706" s="6" t="s">
        <v>1721</v>
      </c>
      <c r="D1706" s="6"/>
      <c r="E1706" s="6" t="s">
        <v>9</v>
      </c>
      <c r="F1706" s="7">
        <v>38657</v>
      </c>
      <c r="G1706" s="8">
        <v>1</v>
      </c>
      <c r="H1706" s="8">
        <v>1</v>
      </c>
      <c r="I1706" s="8">
        <v>0</v>
      </c>
      <c r="J1706" s="8">
        <v>1</v>
      </c>
      <c r="K1706" s="9">
        <v>212</v>
      </c>
      <c r="L1706" s="6" t="s">
        <v>51</v>
      </c>
    </row>
    <row r="1707" spans="1:12">
      <c r="A1707" s="6" t="s">
        <v>49</v>
      </c>
      <c r="B1707" s="6"/>
      <c r="C1707" s="6" t="s">
        <v>1722</v>
      </c>
      <c r="D1707" s="6"/>
      <c r="E1707" s="6" t="s">
        <v>9</v>
      </c>
      <c r="F1707" s="7">
        <v>38657</v>
      </c>
      <c r="G1707" s="8">
        <v>1</v>
      </c>
      <c r="H1707" s="8">
        <v>1</v>
      </c>
      <c r="I1707" s="8">
        <v>0</v>
      </c>
      <c r="J1707" s="8">
        <v>1</v>
      </c>
      <c r="K1707" s="9">
        <v>73</v>
      </c>
      <c r="L1707" s="6" t="s">
        <v>51</v>
      </c>
    </row>
    <row r="1708" spans="1:12">
      <c r="A1708" s="6" t="s">
        <v>49</v>
      </c>
      <c r="B1708" s="6"/>
      <c r="C1708" s="6" t="s">
        <v>1723</v>
      </c>
      <c r="D1708" s="6"/>
      <c r="E1708" s="6" t="s">
        <v>9</v>
      </c>
      <c r="F1708" s="7">
        <v>38657</v>
      </c>
      <c r="G1708" s="8">
        <v>1</v>
      </c>
      <c r="H1708" s="8">
        <v>1</v>
      </c>
      <c r="I1708" s="8">
        <v>0</v>
      </c>
      <c r="J1708" s="8">
        <v>1</v>
      </c>
      <c r="K1708" s="9">
        <v>529</v>
      </c>
      <c r="L1708" s="6" t="s">
        <v>51</v>
      </c>
    </row>
    <row r="1709" spans="1:12">
      <c r="A1709" s="6" t="s">
        <v>49</v>
      </c>
      <c r="B1709" s="6"/>
      <c r="C1709" s="6" t="s">
        <v>1724</v>
      </c>
      <c r="D1709" s="6"/>
      <c r="E1709" s="6" t="s">
        <v>9</v>
      </c>
      <c r="F1709" s="7"/>
      <c r="G1709" s="8">
        <v>1</v>
      </c>
      <c r="H1709" s="8">
        <v>1</v>
      </c>
      <c r="I1709" s="8">
        <v>0</v>
      </c>
      <c r="J1709" s="8">
        <v>1</v>
      </c>
      <c r="K1709" s="9">
        <v>26</v>
      </c>
      <c r="L1709" s="6" t="s">
        <v>51</v>
      </c>
    </row>
    <row r="1710" spans="1:12">
      <c r="A1710" s="6" t="s">
        <v>49</v>
      </c>
      <c r="B1710" s="6"/>
      <c r="C1710" s="6" t="s">
        <v>1725</v>
      </c>
      <c r="D1710" s="6"/>
      <c r="E1710" s="6" t="s">
        <v>9</v>
      </c>
      <c r="F1710" s="7">
        <v>38657</v>
      </c>
      <c r="G1710" s="8">
        <v>1</v>
      </c>
      <c r="H1710" s="8">
        <v>1</v>
      </c>
      <c r="I1710" s="8">
        <v>0</v>
      </c>
      <c r="J1710" s="8">
        <v>1</v>
      </c>
      <c r="K1710" s="9">
        <v>469</v>
      </c>
      <c r="L1710" s="6" t="s">
        <v>51</v>
      </c>
    </row>
    <row r="1711" spans="1:12">
      <c r="A1711" s="6" t="s">
        <v>49</v>
      </c>
      <c r="B1711" s="6"/>
      <c r="C1711" s="6" t="s">
        <v>1726</v>
      </c>
      <c r="D1711" s="6"/>
      <c r="E1711" s="6" t="s">
        <v>9</v>
      </c>
      <c r="F1711" s="7">
        <v>38657</v>
      </c>
      <c r="G1711" s="8">
        <v>1</v>
      </c>
      <c r="H1711" s="8">
        <v>1</v>
      </c>
      <c r="I1711" s="8">
        <v>0</v>
      </c>
      <c r="J1711" s="8">
        <v>1</v>
      </c>
      <c r="K1711" s="9">
        <v>24</v>
      </c>
      <c r="L1711" s="6" t="s">
        <v>51</v>
      </c>
    </row>
    <row r="1712" spans="1:12">
      <c r="A1712" s="6" t="s">
        <v>49</v>
      </c>
      <c r="B1712" s="6"/>
      <c r="C1712" s="6" t="s">
        <v>1727</v>
      </c>
      <c r="D1712" s="6"/>
      <c r="E1712" s="6" t="s">
        <v>9</v>
      </c>
      <c r="F1712" s="7">
        <v>38657</v>
      </c>
      <c r="G1712" s="8">
        <v>1</v>
      </c>
      <c r="H1712" s="8">
        <v>1</v>
      </c>
      <c r="I1712" s="8">
        <v>0</v>
      </c>
      <c r="J1712" s="8">
        <v>1</v>
      </c>
      <c r="K1712" s="9">
        <v>122</v>
      </c>
      <c r="L1712" s="6" t="s">
        <v>51</v>
      </c>
    </row>
    <row r="1713" spans="1:12">
      <c r="A1713" s="6" t="s">
        <v>49</v>
      </c>
      <c r="B1713" s="6"/>
      <c r="C1713" s="6" t="s">
        <v>1728</v>
      </c>
      <c r="D1713" s="6"/>
      <c r="E1713" s="6" t="s">
        <v>9</v>
      </c>
      <c r="F1713" s="7">
        <v>38657</v>
      </c>
      <c r="G1713" s="8">
        <v>1</v>
      </c>
      <c r="H1713" s="8">
        <v>1</v>
      </c>
      <c r="I1713" s="8">
        <v>0</v>
      </c>
      <c r="J1713" s="8">
        <v>1</v>
      </c>
      <c r="K1713" s="9">
        <v>410</v>
      </c>
      <c r="L1713" s="6" t="s">
        <v>51</v>
      </c>
    </row>
    <row r="1714" spans="1:12">
      <c r="A1714" s="6" t="s">
        <v>49</v>
      </c>
      <c r="B1714" s="6"/>
      <c r="C1714" s="6" t="s">
        <v>1729</v>
      </c>
      <c r="D1714" s="6"/>
      <c r="E1714" s="6" t="s">
        <v>9</v>
      </c>
      <c r="F1714" s="7">
        <v>38657</v>
      </c>
      <c r="G1714" s="8">
        <v>1</v>
      </c>
      <c r="H1714" s="8">
        <v>1</v>
      </c>
      <c r="I1714" s="8">
        <v>0</v>
      </c>
      <c r="J1714" s="8">
        <v>1</v>
      </c>
      <c r="K1714" s="9">
        <v>125</v>
      </c>
      <c r="L1714" s="6" t="s">
        <v>51</v>
      </c>
    </row>
    <row r="1715" spans="1:12">
      <c r="A1715" s="6" t="s">
        <v>49</v>
      </c>
      <c r="B1715" s="6"/>
      <c r="C1715" s="6" t="s">
        <v>1730</v>
      </c>
      <c r="D1715" s="6"/>
      <c r="E1715" s="6" t="s">
        <v>9</v>
      </c>
      <c r="F1715" s="7">
        <v>38657</v>
      </c>
      <c r="G1715" s="8">
        <v>1</v>
      </c>
      <c r="H1715" s="8">
        <v>1</v>
      </c>
      <c r="I1715" s="8">
        <v>0</v>
      </c>
      <c r="J1715" s="8">
        <v>1</v>
      </c>
      <c r="K1715" s="9">
        <v>71</v>
      </c>
      <c r="L1715" s="6" t="s">
        <v>51</v>
      </c>
    </row>
    <row r="1716" spans="1:12">
      <c r="A1716" s="6" t="s">
        <v>49</v>
      </c>
      <c r="B1716" s="6"/>
      <c r="C1716" s="6" t="s">
        <v>1731</v>
      </c>
      <c r="D1716" s="6"/>
      <c r="E1716" s="6" t="s">
        <v>9</v>
      </c>
      <c r="F1716" s="7">
        <v>38657</v>
      </c>
      <c r="G1716" s="8">
        <v>1</v>
      </c>
      <c r="H1716" s="8">
        <v>1</v>
      </c>
      <c r="I1716" s="8">
        <v>0</v>
      </c>
      <c r="J1716" s="8">
        <v>1</v>
      </c>
      <c r="K1716" s="9">
        <v>72</v>
      </c>
      <c r="L1716" s="6" t="s">
        <v>51</v>
      </c>
    </row>
    <row r="1717" spans="1:12">
      <c r="A1717" s="6" t="s">
        <v>49</v>
      </c>
      <c r="B1717" s="6"/>
      <c r="C1717" s="6" t="s">
        <v>1732</v>
      </c>
      <c r="D1717" s="6"/>
      <c r="E1717" s="6" t="s">
        <v>9</v>
      </c>
      <c r="F1717" s="7">
        <v>38657</v>
      </c>
      <c r="G1717" s="8">
        <v>1</v>
      </c>
      <c r="H1717" s="8">
        <v>1</v>
      </c>
      <c r="I1717" s="8">
        <v>0</v>
      </c>
      <c r="J1717" s="8">
        <v>1</v>
      </c>
      <c r="K1717" s="9">
        <v>64</v>
      </c>
      <c r="L1717" s="6" t="s">
        <v>51</v>
      </c>
    </row>
    <row r="1718" spans="1:12">
      <c r="A1718" s="6" t="s">
        <v>49</v>
      </c>
      <c r="B1718" s="6"/>
      <c r="C1718" s="6" t="s">
        <v>1733</v>
      </c>
      <c r="D1718" s="6"/>
      <c r="E1718" s="6" t="s">
        <v>9</v>
      </c>
      <c r="F1718" s="7">
        <v>38657</v>
      </c>
      <c r="G1718" s="8">
        <v>1</v>
      </c>
      <c r="H1718" s="8">
        <v>1</v>
      </c>
      <c r="I1718" s="8">
        <v>0</v>
      </c>
      <c r="J1718" s="8">
        <v>1</v>
      </c>
      <c r="K1718" s="9">
        <v>21</v>
      </c>
      <c r="L1718" s="6" t="s">
        <v>51</v>
      </c>
    </row>
    <row r="1719" spans="1:12">
      <c r="A1719" s="6" t="s">
        <v>49</v>
      </c>
      <c r="B1719" s="6"/>
      <c r="C1719" s="6" t="s">
        <v>1734</v>
      </c>
      <c r="D1719" s="6"/>
      <c r="E1719" s="6" t="s">
        <v>9</v>
      </c>
      <c r="F1719" s="7">
        <v>38657</v>
      </c>
      <c r="G1719" s="8">
        <v>1</v>
      </c>
      <c r="H1719" s="8">
        <v>1</v>
      </c>
      <c r="I1719" s="8">
        <v>0</v>
      </c>
      <c r="J1719" s="8">
        <v>1</v>
      </c>
      <c r="K1719" s="9">
        <v>31</v>
      </c>
      <c r="L1719" s="6" t="s">
        <v>51</v>
      </c>
    </row>
    <row r="1720" spans="1:12">
      <c r="A1720" s="6" t="s">
        <v>49</v>
      </c>
      <c r="B1720" s="6"/>
      <c r="C1720" s="6" t="s">
        <v>1735</v>
      </c>
      <c r="D1720" s="6"/>
      <c r="E1720" s="6" t="s">
        <v>9</v>
      </c>
      <c r="F1720" s="7"/>
      <c r="G1720" s="8">
        <v>1</v>
      </c>
      <c r="H1720" s="8">
        <v>1</v>
      </c>
      <c r="I1720" s="8">
        <v>0</v>
      </c>
      <c r="J1720" s="8">
        <v>1</v>
      </c>
      <c r="K1720" s="9">
        <v>9.91</v>
      </c>
      <c r="L1720" s="6" t="s">
        <v>51</v>
      </c>
    </row>
    <row r="1721" spans="1:12">
      <c r="A1721" s="6" t="s">
        <v>49</v>
      </c>
      <c r="B1721" s="6"/>
      <c r="C1721" s="6" t="s">
        <v>1736</v>
      </c>
      <c r="D1721" s="6"/>
      <c r="E1721" s="6" t="s">
        <v>9</v>
      </c>
      <c r="F1721" s="7">
        <v>38657</v>
      </c>
      <c r="G1721" s="8">
        <v>1</v>
      </c>
      <c r="H1721" s="8">
        <v>1</v>
      </c>
      <c r="I1721" s="8">
        <v>0</v>
      </c>
      <c r="J1721" s="8">
        <v>1</v>
      </c>
      <c r="K1721" s="9">
        <v>156</v>
      </c>
      <c r="L1721" s="6" t="s">
        <v>51</v>
      </c>
    </row>
    <row r="1722" spans="1:12">
      <c r="A1722" s="6" t="s">
        <v>49</v>
      </c>
      <c r="B1722" s="6"/>
      <c r="C1722" s="6" t="s">
        <v>1737</v>
      </c>
      <c r="D1722" s="6"/>
      <c r="E1722" s="6" t="s">
        <v>9</v>
      </c>
      <c r="F1722" s="7">
        <v>38657</v>
      </c>
      <c r="G1722" s="8">
        <v>1</v>
      </c>
      <c r="H1722" s="8">
        <v>1</v>
      </c>
      <c r="I1722" s="8">
        <v>0</v>
      </c>
      <c r="J1722" s="8">
        <v>1</v>
      </c>
      <c r="K1722" s="9">
        <v>127</v>
      </c>
      <c r="L1722" s="6" t="s">
        <v>51</v>
      </c>
    </row>
    <row r="1723" spans="1:12">
      <c r="A1723" s="6" t="s">
        <v>49</v>
      </c>
      <c r="B1723" s="6"/>
      <c r="C1723" s="6" t="s">
        <v>1738</v>
      </c>
      <c r="D1723" s="6"/>
      <c r="E1723" s="6" t="s">
        <v>9</v>
      </c>
      <c r="F1723" s="7">
        <v>38657</v>
      </c>
      <c r="G1723" s="8">
        <v>1</v>
      </c>
      <c r="H1723" s="8">
        <v>1</v>
      </c>
      <c r="I1723" s="8">
        <v>0</v>
      </c>
      <c r="J1723" s="8">
        <v>1</v>
      </c>
      <c r="K1723" s="9">
        <v>288</v>
      </c>
      <c r="L1723" s="6" t="s">
        <v>51</v>
      </c>
    </row>
    <row r="1724" spans="1:12">
      <c r="A1724" s="6" t="s">
        <v>49</v>
      </c>
      <c r="B1724" s="6"/>
      <c r="C1724" s="6" t="s">
        <v>1739</v>
      </c>
      <c r="D1724" s="6"/>
      <c r="E1724" s="6" t="s">
        <v>9</v>
      </c>
      <c r="F1724" s="7">
        <v>38657</v>
      </c>
      <c r="G1724" s="8">
        <v>1</v>
      </c>
      <c r="H1724" s="8">
        <v>1</v>
      </c>
      <c r="I1724" s="8">
        <v>0</v>
      </c>
      <c r="J1724" s="8">
        <v>1</v>
      </c>
      <c r="K1724" s="9">
        <v>0.7</v>
      </c>
      <c r="L1724" s="6" t="s">
        <v>51</v>
      </c>
    </row>
    <row r="1725" spans="1:12">
      <c r="A1725" s="6" t="s">
        <v>49</v>
      </c>
      <c r="B1725" s="6"/>
      <c r="C1725" s="6" t="s">
        <v>1740</v>
      </c>
      <c r="D1725" s="6"/>
      <c r="E1725" s="6" t="s">
        <v>9</v>
      </c>
      <c r="F1725" s="7">
        <v>38657</v>
      </c>
      <c r="G1725" s="8">
        <v>1</v>
      </c>
      <c r="H1725" s="8">
        <v>1</v>
      </c>
      <c r="I1725" s="8">
        <v>0</v>
      </c>
      <c r="J1725" s="8">
        <v>1</v>
      </c>
      <c r="K1725" s="9">
        <v>55</v>
      </c>
      <c r="L1725" s="6" t="s">
        <v>51</v>
      </c>
    </row>
    <row r="1726" spans="1:12">
      <c r="A1726" s="6" t="s">
        <v>49</v>
      </c>
      <c r="B1726" s="6"/>
      <c r="C1726" s="6" t="s">
        <v>1741</v>
      </c>
      <c r="D1726" s="6"/>
      <c r="E1726" s="6" t="s">
        <v>9</v>
      </c>
      <c r="F1726" s="7">
        <v>38657</v>
      </c>
      <c r="G1726" s="8">
        <v>1</v>
      </c>
      <c r="H1726" s="8">
        <v>1</v>
      </c>
      <c r="I1726" s="8">
        <v>0</v>
      </c>
      <c r="J1726" s="8">
        <v>1</v>
      </c>
      <c r="K1726" s="9">
        <v>82</v>
      </c>
      <c r="L1726" s="6" t="s">
        <v>51</v>
      </c>
    </row>
    <row r="1727" spans="1:12">
      <c r="A1727" s="6" t="s">
        <v>49</v>
      </c>
      <c r="B1727" s="6"/>
      <c r="C1727" s="6" t="s">
        <v>1742</v>
      </c>
      <c r="D1727" s="6"/>
      <c r="E1727" s="6" t="s">
        <v>9</v>
      </c>
      <c r="F1727" s="7">
        <v>38657</v>
      </c>
      <c r="G1727" s="8">
        <v>1</v>
      </c>
      <c r="H1727" s="8">
        <v>1</v>
      </c>
      <c r="I1727" s="8">
        <v>0</v>
      </c>
      <c r="J1727" s="8">
        <v>1</v>
      </c>
      <c r="K1727" s="9">
        <v>184</v>
      </c>
      <c r="L1727" s="6" t="s">
        <v>51</v>
      </c>
    </row>
    <row r="1728" spans="1:12">
      <c r="A1728" s="6" t="s">
        <v>49</v>
      </c>
      <c r="B1728" s="6"/>
      <c r="C1728" s="6" t="s">
        <v>1743</v>
      </c>
      <c r="D1728" s="6"/>
      <c r="E1728" s="6" t="s">
        <v>9</v>
      </c>
      <c r="F1728" s="7">
        <v>38657</v>
      </c>
      <c r="G1728" s="8">
        <v>1</v>
      </c>
      <c r="H1728" s="8">
        <v>1</v>
      </c>
      <c r="I1728" s="8">
        <v>0</v>
      </c>
      <c r="J1728" s="8">
        <v>1</v>
      </c>
      <c r="K1728" s="9">
        <v>36</v>
      </c>
      <c r="L1728" s="6" t="s">
        <v>51</v>
      </c>
    </row>
    <row r="1729" spans="1:12">
      <c r="A1729" s="6" t="s">
        <v>49</v>
      </c>
      <c r="B1729" s="6"/>
      <c r="C1729" s="6" t="s">
        <v>1744</v>
      </c>
      <c r="D1729" s="6"/>
      <c r="E1729" s="6" t="s">
        <v>9</v>
      </c>
      <c r="F1729" s="7">
        <v>38657</v>
      </c>
      <c r="G1729" s="8">
        <v>1</v>
      </c>
      <c r="H1729" s="8">
        <v>1</v>
      </c>
      <c r="I1729" s="8">
        <v>0</v>
      </c>
      <c r="J1729" s="8">
        <v>1</v>
      </c>
      <c r="K1729" s="9">
        <v>17</v>
      </c>
      <c r="L1729" s="6" t="s">
        <v>51</v>
      </c>
    </row>
    <row r="1730" spans="1:12">
      <c r="A1730" s="6" t="s">
        <v>49</v>
      </c>
      <c r="B1730" s="6"/>
      <c r="C1730" s="6" t="s">
        <v>1745</v>
      </c>
      <c r="D1730" s="6"/>
      <c r="E1730" s="6" t="s">
        <v>9</v>
      </c>
      <c r="F1730" s="7">
        <v>38657</v>
      </c>
      <c r="G1730" s="8">
        <v>1</v>
      </c>
      <c r="H1730" s="8">
        <v>1</v>
      </c>
      <c r="I1730" s="8">
        <v>0</v>
      </c>
      <c r="J1730" s="8">
        <v>1</v>
      </c>
      <c r="K1730" s="9">
        <v>183</v>
      </c>
      <c r="L1730" s="6" t="s">
        <v>51</v>
      </c>
    </row>
    <row r="1731" spans="1:12">
      <c r="A1731" s="6" t="s">
        <v>49</v>
      </c>
      <c r="B1731" s="6"/>
      <c r="C1731" s="6" t="s">
        <v>1746</v>
      </c>
      <c r="D1731" s="6"/>
      <c r="E1731" s="6" t="s">
        <v>9</v>
      </c>
      <c r="F1731" s="7"/>
      <c r="G1731" s="8">
        <v>1</v>
      </c>
      <c r="H1731" s="8">
        <v>1</v>
      </c>
      <c r="I1731" s="8">
        <v>0</v>
      </c>
      <c r="J1731" s="8">
        <v>1</v>
      </c>
      <c r="K1731" s="9">
        <v>9.91</v>
      </c>
      <c r="L1731" s="6" t="s">
        <v>51</v>
      </c>
    </row>
    <row r="1732" spans="1:12">
      <c r="A1732" s="6" t="s">
        <v>49</v>
      </c>
      <c r="B1732" s="6"/>
      <c r="C1732" s="6" t="s">
        <v>1747</v>
      </c>
      <c r="D1732" s="6"/>
      <c r="E1732" s="6" t="s">
        <v>9</v>
      </c>
      <c r="F1732" s="7">
        <v>38657</v>
      </c>
      <c r="G1732" s="8">
        <v>1</v>
      </c>
      <c r="H1732" s="8">
        <v>1</v>
      </c>
      <c r="I1732" s="8">
        <v>0</v>
      </c>
      <c r="J1732" s="8">
        <v>1</v>
      </c>
      <c r="K1732" s="9">
        <v>12</v>
      </c>
      <c r="L1732" s="6" t="s">
        <v>51</v>
      </c>
    </row>
    <row r="1733" spans="1:12">
      <c r="A1733" s="6" t="s">
        <v>49</v>
      </c>
      <c r="B1733" s="6"/>
      <c r="C1733" s="6" t="s">
        <v>1748</v>
      </c>
      <c r="D1733" s="6"/>
      <c r="E1733" s="6" t="s">
        <v>9</v>
      </c>
      <c r="F1733" s="7">
        <v>38657</v>
      </c>
      <c r="G1733" s="8">
        <v>1</v>
      </c>
      <c r="H1733" s="8">
        <v>1</v>
      </c>
      <c r="I1733" s="8">
        <v>0</v>
      </c>
      <c r="J1733" s="8">
        <v>1</v>
      </c>
      <c r="K1733" s="9">
        <v>76</v>
      </c>
      <c r="L1733" s="6" t="s">
        <v>51</v>
      </c>
    </row>
    <row r="1734" spans="1:12">
      <c r="A1734" s="6" t="s">
        <v>49</v>
      </c>
      <c r="B1734" s="6"/>
      <c r="C1734" s="6" t="s">
        <v>1749</v>
      </c>
      <c r="D1734" s="6"/>
      <c r="E1734" s="6" t="s">
        <v>9</v>
      </c>
      <c r="F1734" s="7">
        <v>38657</v>
      </c>
      <c r="G1734" s="8">
        <v>1</v>
      </c>
      <c r="H1734" s="8">
        <v>1</v>
      </c>
      <c r="I1734" s="8">
        <v>0</v>
      </c>
      <c r="J1734" s="8">
        <v>1</v>
      </c>
      <c r="K1734" s="9">
        <v>413</v>
      </c>
      <c r="L1734" s="6" t="s">
        <v>51</v>
      </c>
    </row>
    <row r="1735" spans="1:12">
      <c r="A1735" s="6" t="s">
        <v>49</v>
      </c>
      <c r="B1735" s="6"/>
      <c r="C1735" s="6" t="s">
        <v>1750</v>
      </c>
      <c r="D1735" s="6"/>
      <c r="E1735" s="6" t="s">
        <v>9</v>
      </c>
      <c r="F1735" s="7">
        <v>38657</v>
      </c>
      <c r="G1735" s="8">
        <v>1</v>
      </c>
      <c r="H1735" s="8">
        <v>1</v>
      </c>
      <c r="I1735" s="8">
        <v>0</v>
      </c>
      <c r="J1735" s="8">
        <v>1</v>
      </c>
      <c r="K1735" s="9">
        <v>266</v>
      </c>
      <c r="L1735" s="6" t="s">
        <v>51</v>
      </c>
    </row>
    <row r="1736" spans="1:12">
      <c r="A1736" s="6" t="s">
        <v>49</v>
      </c>
      <c r="B1736" s="6"/>
      <c r="C1736" s="6" t="s">
        <v>1751</v>
      </c>
      <c r="D1736" s="6"/>
      <c r="E1736" s="6" t="s">
        <v>9</v>
      </c>
      <c r="F1736" s="7">
        <v>38657</v>
      </c>
      <c r="G1736" s="8">
        <v>1</v>
      </c>
      <c r="H1736" s="8">
        <v>1</v>
      </c>
      <c r="I1736" s="8">
        <v>0</v>
      </c>
      <c r="J1736" s="8">
        <v>1</v>
      </c>
      <c r="K1736" s="9">
        <v>181</v>
      </c>
      <c r="L1736" s="6" t="s">
        <v>51</v>
      </c>
    </row>
    <row r="1737" spans="1:12">
      <c r="A1737" s="6" t="s">
        <v>49</v>
      </c>
      <c r="B1737" s="6"/>
      <c r="C1737" s="6" t="s">
        <v>1752</v>
      </c>
      <c r="D1737" s="6"/>
      <c r="E1737" s="6" t="s">
        <v>9</v>
      </c>
      <c r="F1737" s="7">
        <v>38657</v>
      </c>
      <c r="G1737" s="8">
        <v>1</v>
      </c>
      <c r="H1737" s="8">
        <v>1</v>
      </c>
      <c r="I1737" s="8">
        <v>0</v>
      </c>
      <c r="J1737" s="8">
        <v>1</v>
      </c>
      <c r="K1737" s="9">
        <v>90</v>
      </c>
      <c r="L1737" s="6" t="s">
        <v>51</v>
      </c>
    </row>
    <row r="1738" spans="1:12">
      <c r="A1738" s="6" t="s">
        <v>49</v>
      </c>
      <c r="B1738" s="6"/>
      <c r="C1738" s="6" t="s">
        <v>1753</v>
      </c>
      <c r="D1738" s="6"/>
      <c r="E1738" s="6" t="s">
        <v>9</v>
      </c>
      <c r="F1738" s="7">
        <v>38657</v>
      </c>
      <c r="G1738" s="8">
        <v>1</v>
      </c>
      <c r="H1738" s="8">
        <v>1</v>
      </c>
      <c r="I1738" s="8">
        <v>0</v>
      </c>
      <c r="J1738" s="8">
        <v>1</v>
      </c>
      <c r="K1738" s="9">
        <v>24</v>
      </c>
      <c r="L1738" s="6" t="s">
        <v>51</v>
      </c>
    </row>
    <row r="1739" spans="1:12">
      <c r="A1739" s="6" t="s">
        <v>49</v>
      </c>
      <c r="B1739" s="6"/>
      <c r="C1739" s="6" t="s">
        <v>1754</v>
      </c>
      <c r="D1739" s="6"/>
      <c r="E1739" s="6" t="s">
        <v>9</v>
      </c>
      <c r="F1739" s="7">
        <v>38657</v>
      </c>
      <c r="G1739" s="8">
        <v>1</v>
      </c>
      <c r="H1739" s="8">
        <v>1</v>
      </c>
      <c r="I1739" s="8">
        <v>0</v>
      </c>
      <c r="J1739" s="8">
        <v>1</v>
      </c>
      <c r="K1739" s="9">
        <v>32</v>
      </c>
      <c r="L1739" s="6" t="s">
        <v>51</v>
      </c>
    </row>
    <row r="1740" spans="1:12">
      <c r="A1740" s="6" t="s">
        <v>49</v>
      </c>
      <c r="B1740" s="6"/>
      <c r="C1740" s="6" t="s">
        <v>1755</v>
      </c>
      <c r="D1740" s="6"/>
      <c r="E1740" s="6" t="s">
        <v>9</v>
      </c>
      <c r="F1740" s="7">
        <v>38657</v>
      </c>
      <c r="G1740" s="8">
        <v>1</v>
      </c>
      <c r="H1740" s="8">
        <v>1</v>
      </c>
      <c r="I1740" s="8">
        <v>0</v>
      </c>
      <c r="J1740" s="8">
        <v>1</v>
      </c>
      <c r="K1740" s="9">
        <v>40</v>
      </c>
      <c r="L1740" s="6" t="s">
        <v>51</v>
      </c>
    </row>
    <row r="1741" spans="1:12">
      <c r="A1741" s="6" t="s">
        <v>49</v>
      </c>
      <c r="B1741" s="6"/>
      <c r="C1741" s="6" t="s">
        <v>1756</v>
      </c>
      <c r="D1741" s="6"/>
      <c r="E1741" s="6" t="s">
        <v>9</v>
      </c>
      <c r="F1741" s="7">
        <v>38657</v>
      </c>
      <c r="G1741" s="8">
        <v>1</v>
      </c>
      <c r="H1741" s="8">
        <v>1</v>
      </c>
      <c r="I1741" s="8">
        <v>0</v>
      </c>
      <c r="J1741" s="8">
        <v>1</v>
      </c>
      <c r="K1741" s="9">
        <v>136</v>
      </c>
      <c r="L1741" s="6" t="s">
        <v>51</v>
      </c>
    </row>
    <row r="1742" spans="1:12">
      <c r="A1742" s="6" t="s">
        <v>49</v>
      </c>
      <c r="B1742" s="6"/>
      <c r="C1742" s="6" t="s">
        <v>1757</v>
      </c>
      <c r="D1742" s="6"/>
      <c r="E1742" s="6" t="s">
        <v>9</v>
      </c>
      <c r="F1742" s="7"/>
      <c r="G1742" s="8">
        <v>1</v>
      </c>
      <c r="H1742" s="8">
        <v>1</v>
      </c>
      <c r="I1742" s="8">
        <v>0</v>
      </c>
      <c r="J1742" s="8">
        <v>1</v>
      </c>
      <c r="K1742" s="9">
        <v>9.91</v>
      </c>
      <c r="L1742" s="6" t="s">
        <v>51</v>
      </c>
    </row>
    <row r="1743" spans="1:12">
      <c r="A1743" s="6" t="s">
        <v>49</v>
      </c>
      <c r="B1743" s="6"/>
      <c r="C1743" s="6" t="s">
        <v>1758</v>
      </c>
      <c r="D1743" s="6"/>
      <c r="E1743" s="6" t="s">
        <v>9</v>
      </c>
      <c r="F1743" s="7">
        <v>38657</v>
      </c>
      <c r="G1743" s="8">
        <v>1</v>
      </c>
      <c r="H1743" s="8">
        <v>1</v>
      </c>
      <c r="I1743" s="8">
        <v>0</v>
      </c>
      <c r="J1743" s="8">
        <v>1</v>
      </c>
      <c r="K1743" s="9">
        <v>6.78</v>
      </c>
      <c r="L1743" s="6" t="s">
        <v>51</v>
      </c>
    </row>
    <row r="1744" spans="1:12">
      <c r="A1744" s="6" t="s">
        <v>49</v>
      </c>
      <c r="B1744" s="6"/>
      <c r="C1744" s="6" t="s">
        <v>1759</v>
      </c>
      <c r="D1744" s="6"/>
      <c r="E1744" s="6" t="s">
        <v>9</v>
      </c>
      <c r="F1744" s="7">
        <v>38657</v>
      </c>
      <c r="G1744" s="8">
        <v>1</v>
      </c>
      <c r="H1744" s="8">
        <v>1</v>
      </c>
      <c r="I1744" s="8">
        <v>0</v>
      </c>
      <c r="J1744" s="8">
        <v>1</v>
      </c>
      <c r="K1744" s="9">
        <v>5.26</v>
      </c>
      <c r="L1744" s="6" t="s">
        <v>51</v>
      </c>
    </row>
    <row r="1745" spans="1:12">
      <c r="A1745" s="6" t="s">
        <v>49</v>
      </c>
      <c r="B1745" s="6"/>
      <c r="C1745" s="6" t="s">
        <v>1760</v>
      </c>
      <c r="D1745" s="6"/>
      <c r="E1745" s="6" t="s">
        <v>9</v>
      </c>
      <c r="F1745" s="7">
        <v>38657</v>
      </c>
      <c r="G1745" s="8">
        <v>1</v>
      </c>
      <c r="H1745" s="8">
        <v>1</v>
      </c>
      <c r="I1745" s="8">
        <v>0</v>
      </c>
      <c r="J1745" s="8">
        <v>1</v>
      </c>
      <c r="K1745" s="9">
        <v>12.58</v>
      </c>
      <c r="L1745" s="6" t="s">
        <v>51</v>
      </c>
    </row>
    <row r="1746" spans="1:12">
      <c r="A1746" s="6" t="s">
        <v>49</v>
      </c>
      <c r="B1746" s="6"/>
      <c r="C1746" s="6" t="s">
        <v>1761</v>
      </c>
      <c r="D1746" s="6"/>
      <c r="E1746" s="6" t="s">
        <v>9</v>
      </c>
      <c r="F1746" s="7">
        <v>38657</v>
      </c>
      <c r="G1746" s="8">
        <v>1</v>
      </c>
      <c r="H1746" s="8">
        <v>1</v>
      </c>
      <c r="I1746" s="8">
        <v>0</v>
      </c>
      <c r="J1746" s="8">
        <v>1</v>
      </c>
      <c r="K1746" s="9">
        <v>3.15</v>
      </c>
      <c r="L1746" s="6" t="s">
        <v>51</v>
      </c>
    </row>
    <row r="1747" spans="1:12">
      <c r="A1747" s="6" t="s">
        <v>49</v>
      </c>
      <c r="B1747" s="6"/>
      <c r="C1747" s="6" t="s">
        <v>1762</v>
      </c>
      <c r="D1747" s="6"/>
      <c r="E1747" s="6" t="s">
        <v>9</v>
      </c>
      <c r="F1747" s="7">
        <v>38657</v>
      </c>
      <c r="G1747" s="8">
        <v>1</v>
      </c>
      <c r="H1747" s="8">
        <v>1</v>
      </c>
      <c r="I1747" s="8">
        <v>0</v>
      </c>
      <c r="J1747" s="8">
        <v>1</v>
      </c>
      <c r="K1747" s="9">
        <v>6</v>
      </c>
      <c r="L1747" s="6" t="s">
        <v>51</v>
      </c>
    </row>
    <row r="1748" spans="1:12">
      <c r="A1748" s="6" t="s">
        <v>49</v>
      </c>
      <c r="B1748" s="6"/>
      <c r="C1748" s="6" t="s">
        <v>1763</v>
      </c>
      <c r="D1748" s="6"/>
      <c r="E1748" s="6" t="s">
        <v>9</v>
      </c>
      <c r="F1748" s="7">
        <v>38657</v>
      </c>
      <c r="G1748" s="8">
        <v>1</v>
      </c>
      <c r="H1748" s="8">
        <v>1</v>
      </c>
      <c r="I1748" s="8">
        <v>0</v>
      </c>
      <c r="J1748" s="8">
        <v>1</v>
      </c>
      <c r="K1748" s="9">
        <v>5.17</v>
      </c>
      <c r="L1748" s="6" t="s">
        <v>51</v>
      </c>
    </row>
    <row r="1749" spans="1:12">
      <c r="A1749" s="6" t="s">
        <v>49</v>
      </c>
      <c r="B1749" s="6"/>
      <c r="C1749" s="6" t="s">
        <v>1764</v>
      </c>
      <c r="D1749" s="6"/>
      <c r="E1749" s="6" t="s">
        <v>9</v>
      </c>
      <c r="F1749" s="7">
        <v>38657</v>
      </c>
      <c r="G1749" s="8">
        <v>1</v>
      </c>
      <c r="H1749" s="8">
        <v>1</v>
      </c>
      <c r="I1749" s="8">
        <v>0</v>
      </c>
      <c r="J1749" s="8">
        <v>1</v>
      </c>
      <c r="K1749" s="9">
        <v>2.83</v>
      </c>
      <c r="L1749" s="6" t="s">
        <v>51</v>
      </c>
    </row>
    <row r="1750" spans="1:12">
      <c r="A1750" s="6" t="s">
        <v>49</v>
      </c>
      <c r="B1750" s="6"/>
      <c r="C1750" s="6" t="s">
        <v>1765</v>
      </c>
      <c r="D1750" s="6"/>
      <c r="E1750" s="6" t="s">
        <v>9</v>
      </c>
      <c r="F1750" s="7">
        <v>38657</v>
      </c>
      <c r="G1750" s="8">
        <v>1</v>
      </c>
      <c r="H1750" s="8">
        <v>1</v>
      </c>
      <c r="I1750" s="8">
        <v>0</v>
      </c>
      <c r="J1750" s="8">
        <v>1</v>
      </c>
      <c r="K1750" s="9">
        <v>15</v>
      </c>
      <c r="L1750" s="6" t="s">
        <v>51</v>
      </c>
    </row>
    <row r="1751" spans="1:12">
      <c r="A1751" s="6" t="s">
        <v>49</v>
      </c>
      <c r="B1751" s="6"/>
      <c r="C1751" s="6" t="s">
        <v>1766</v>
      </c>
      <c r="D1751" s="6"/>
      <c r="E1751" s="6" t="s">
        <v>9</v>
      </c>
      <c r="F1751" s="7">
        <v>38657</v>
      </c>
      <c r="G1751" s="8">
        <v>1</v>
      </c>
      <c r="H1751" s="8">
        <v>1</v>
      </c>
      <c r="I1751" s="8">
        <v>0</v>
      </c>
      <c r="J1751" s="8">
        <v>1</v>
      </c>
      <c r="K1751" s="9">
        <v>1.21</v>
      </c>
      <c r="L1751" s="6" t="s">
        <v>51</v>
      </c>
    </row>
    <row r="1752" spans="1:12">
      <c r="A1752" s="6" t="s">
        <v>49</v>
      </c>
      <c r="B1752" s="6"/>
      <c r="C1752" s="6" t="s">
        <v>1767</v>
      </c>
      <c r="D1752" s="6"/>
      <c r="E1752" s="6" t="s">
        <v>9</v>
      </c>
      <c r="F1752" s="7">
        <v>38657</v>
      </c>
      <c r="G1752" s="8">
        <v>1</v>
      </c>
      <c r="H1752" s="8">
        <v>1</v>
      </c>
      <c r="I1752" s="8">
        <v>0</v>
      </c>
      <c r="J1752" s="8">
        <v>1</v>
      </c>
      <c r="K1752" s="9">
        <v>10</v>
      </c>
      <c r="L1752" s="6" t="s">
        <v>51</v>
      </c>
    </row>
    <row r="1753" spans="1:12">
      <c r="A1753" s="6" t="s">
        <v>49</v>
      </c>
      <c r="B1753" s="6"/>
      <c r="C1753" s="6" t="s">
        <v>1768</v>
      </c>
      <c r="D1753" s="6"/>
      <c r="E1753" s="6" t="s">
        <v>9</v>
      </c>
      <c r="F1753" s="7"/>
      <c r="G1753" s="8">
        <v>1</v>
      </c>
      <c r="H1753" s="8">
        <v>1</v>
      </c>
      <c r="I1753" s="8">
        <v>0</v>
      </c>
      <c r="J1753" s="8">
        <v>1</v>
      </c>
      <c r="K1753" s="9">
        <v>6.61</v>
      </c>
      <c r="L1753" s="6" t="s">
        <v>51</v>
      </c>
    </row>
    <row r="1754" spans="1:12">
      <c r="A1754" s="6" t="s">
        <v>49</v>
      </c>
      <c r="B1754" s="6"/>
      <c r="C1754" s="6" t="s">
        <v>1769</v>
      </c>
      <c r="D1754" s="6"/>
      <c r="E1754" s="6" t="s">
        <v>9</v>
      </c>
      <c r="F1754" s="7">
        <v>38657</v>
      </c>
      <c r="G1754" s="8">
        <v>1</v>
      </c>
      <c r="H1754" s="8">
        <v>1</v>
      </c>
      <c r="I1754" s="8">
        <v>0</v>
      </c>
      <c r="J1754" s="8">
        <v>1</v>
      </c>
      <c r="K1754" s="9">
        <v>18</v>
      </c>
      <c r="L1754" s="6" t="s">
        <v>51</v>
      </c>
    </row>
    <row r="1755" spans="1:12">
      <c r="A1755" s="6" t="s">
        <v>49</v>
      </c>
      <c r="B1755" s="6"/>
      <c r="C1755" s="6" t="s">
        <v>1770</v>
      </c>
      <c r="D1755" s="6"/>
      <c r="E1755" s="6" t="s">
        <v>9</v>
      </c>
      <c r="F1755" s="7">
        <v>38657</v>
      </c>
      <c r="G1755" s="8">
        <v>1</v>
      </c>
      <c r="H1755" s="8">
        <v>1</v>
      </c>
      <c r="I1755" s="8">
        <v>0</v>
      </c>
      <c r="J1755" s="8">
        <v>1</v>
      </c>
      <c r="K1755" s="9">
        <v>1206</v>
      </c>
      <c r="L1755" s="6" t="s">
        <v>51</v>
      </c>
    </row>
    <row r="1756" spans="1:12">
      <c r="A1756" s="6" t="s">
        <v>49</v>
      </c>
      <c r="B1756" s="6"/>
      <c r="C1756" s="6" t="s">
        <v>1771</v>
      </c>
      <c r="D1756" s="6"/>
      <c r="E1756" s="6" t="s">
        <v>9</v>
      </c>
      <c r="F1756" s="7">
        <v>38657</v>
      </c>
      <c r="G1756" s="8">
        <v>1</v>
      </c>
      <c r="H1756" s="8">
        <v>1</v>
      </c>
      <c r="I1756" s="8">
        <v>0</v>
      </c>
      <c r="J1756" s="8">
        <v>1</v>
      </c>
      <c r="K1756" s="9">
        <v>1051</v>
      </c>
      <c r="L1756" s="6" t="s">
        <v>51</v>
      </c>
    </row>
    <row r="1757" spans="1:12">
      <c r="A1757" s="6" t="s">
        <v>49</v>
      </c>
      <c r="B1757" s="6"/>
      <c r="C1757" s="6" t="s">
        <v>1772</v>
      </c>
      <c r="D1757" s="6"/>
      <c r="E1757" s="6" t="s">
        <v>9</v>
      </c>
      <c r="F1757" s="7">
        <v>38657</v>
      </c>
      <c r="G1757" s="8">
        <v>1</v>
      </c>
      <c r="H1757" s="8">
        <v>1</v>
      </c>
      <c r="I1757" s="8">
        <v>0</v>
      </c>
      <c r="J1757" s="8">
        <v>1</v>
      </c>
      <c r="K1757" s="9">
        <v>458</v>
      </c>
      <c r="L1757" s="6" t="s">
        <v>51</v>
      </c>
    </row>
    <row r="1758" spans="1:12">
      <c r="A1758" s="6" t="s">
        <v>49</v>
      </c>
      <c r="B1758" s="6"/>
      <c r="C1758" s="6" t="s">
        <v>1773</v>
      </c>
      <c r="D1758" s="6"/>
      <c r="E1758" s="6" t="s">
        <v>9</v>
      </c>
      <c r="F1758" s="7">
        <v>38657</v>
      </c>
      <c r="G1758" s="8">
        <v>1</v>
      </c>
      <c r="H1758" s="8">
        <v>1</v>
      </c>
      <c r="I1758" s="8">
        <v>0</v>
      </c>
      <c r="J1758" s="8">
        <v>1</v>
      </c>
      <c r="K1758" s="9">
        <v>1032</v>
      </c>
      <c r="L1758" s="6" t="s">
        <v>51</v>
      </c>
    </row>
    <row r="1759" spans="1:12">
      <c r="A1759" s="6" t="s">
        <v>49</v>
      </c>
      <c r="B1759" s="6"/>
      <c r="C1759" s="6" t="s">
        <v>1774</v>
      </c>
      <c r="D1759" s="6"/>
      <c r="E1759" s="6" t="s">
        <v>9</v>
      </c>
      <c r="F1759" s="7">
        <v>38657</v>
      </c>
      <c r="G1759" s="8">
        <v>1</v>
      </c>
      <c r="H1759" s="8">
        <v>1</v>
      </c>
      <c r="I1759" s="8">
        <v>0</v>
      </c>
      <c r="J1759" s="8">
        <v>1</v>
      </c>
      <c r="K1759" s="9">
        <v>832</v>
      </c>
      <c r="L1759" s="6" t="s">
        <v>51</v>
      </c>
    </row>
    <row r="1760" spans="1:12">
      <c r="A1760" s="6" t="s">
        <v>49</v>
      </c>
      <c r="B1760" s="6"/>
      <c r="C1760" s="6" t="s">
        <v>1775</v>
      </c>
      <c r="D1760" s="6"/>
      <c r="E1760" s="6" t="s">
        <v>9</v>
      </c>
      <c r="F1760" s="7">
        <v>38657</v>
      </c>
      <c r="G1760" s="8">
        <v>1</v>
      </c>
      <c r="H1760" s="8">
        <v>1</v>
      </c>
      <c r="I1760" s="8">
        <v>0</v>
      </c>
      <c r="J1760" s="8">
        <v>1</v>
      </c>
      <c r="K1760" s="9">
        <v>1329</v>
      </c>
      <c r="L1760" s="6" t="s">
        <v>51</v>
      </c>
    </row>
    <row r="1761" spans="1:12">
      <c r="A1761" s="6" t="s">
        <v>49</v>
      </c>
      <c r="B1761" s="6"/>
      <c r="C1761" s="6" t="s">
        <v>1776</v>
      </c>
      <c r="D1761" s="6"/>
      <c r="E1761" s="6" t="s">
        <v>9</v>
      </c>
      <c r="F1761" s="7">
        <v>38657</v>
      </c>
      <c r="G1761" s="8">
        <v>1</v>
      </c>
      <c r="H1761" s="8">
        <v>1</v>
      </c>
      <c r="I1761" s="8">
        <v>0</v>
      </c>
      <c r="J1761" s="8">
        <v>1</v>
      </c>
      <c r="K1761" s="9">
        <v>877</v>
      </c>
      <c r="L1761" s="6" t="s">
        <v>51</v>
      </c>
    </row>
    <row r="1762" spans="1:12">
      <c r="A1762" s="6" t="s">
        <v>49</v>
      </c>
      <c r="B1762" s="6"/>
      <c r="C1762" s="6" t="s">
        <v>1777</v>
      </c>
      <c r="D1762" s="6"/>
      <c r="E1762" s="6" t="s">
        <v>9</v>
      </c>
      <c r="F1762" s="7">
        <v>38657</v>
      </c>
      <c r="G1762" s="8">
        <v>1</v>
      </c>
      <c r="H1762" s="8">
        <v>1</v>
      </c>
      <c r="I1762" s="8">
        <v>0</v>
      </c>
      <c r="J1762" s="8">
        <v>1</v>
      </c>
      <c r="K1762" s="9">
        <v>22</v>
      </c>
      <c r="L1762" s="6" t="s">
        <v>51</v>
      </c>
    </row>
    <row r="1763" spans="1:12">
      <c r="A1763" s="6" t="s">
        <v>49</v>
      </c>
      <c r="B1763" s="6"/>
      <c r="C1763" s="6" t="s">
        <v>1778</v>
      </c>
      <c r="D1763" s="6"/>
      <c r="E1763" s="6" t="s">
        <v>9</v>
      </c>
      <c r="F1763" s="7">
        <v>38657</v>
      </c>
      <c r="G1763" s="8">
        <v>1</v>
      </c>
      <c r="H1763" s="8">
        <v>1</v>
      </c>
      <c r="I1763" s="8">
        <v>0</v>
      </c>
      <c r="J1763" s="8">
        <v>1</v>
      </c>
      <c r="K1763" s="9">
        <v>98</v>
      </c>
      <c r="L1763" s="6" t="s">
        <v>51</v>
      </c>
    </row>
    <row r="1764" spans="1:12">
      <c r="A1764" s="6" t="s">
        <v>49</v>
      </c>
      <c r="B1764" s="6"/>
      <c r="C1764" s="6" t="s">
        <v>1779</v>
      </c>
      <c r="D1764" s="6"/>
      <c r="E1764" s="6" t="s">
        <v>9</v>
      </c>
      <c r="F1764" s="7"/>
      <c r="G1764" s="8">
        <v>1</v>
      </c>
      <c r="H1764" s="8">
        <v>1</v>
      </c>
      <c r="I1764" s="8">
        <v>0</v>
      </c>
      <c r="J1764" s="8">
        <v>1</v>
      </c>
      <c r="K1764" s="9">
        <v>9.91</v>
      </c>
      <c r="L1764" s="6" t="s">
        <v>51</v>
      </c>
    </row>
    <row r="1765" spans="1:12">
      <c r="A1765" s="6" t="s">
        <v>49</v>
      </c>
      <c r="B1765" s="6"/>
      <c r="C1765" s="6" t="s">
        <v>1780</v>
      </c>
      <c r="D1765" s="6"/>
      <c r="E1765" s="6" t="s">
        <v>9</v>
      </c>
      <c r="F1765" s="7">
        <v>38657</v>
      </c>
      <c r="G1765" s="8">
        <v>1</v>
      </c>
      <c r="H1765" s="8">
        <v>1</v>
      </c>
      <c r="I1765" s="8">
        <v>0</v>
      </c>
      <c r="J1765" s="8">
        <v>1</v>
      </c>
      <c r="K1765" s="9">
        <v>28</v>
      </c>
      <c r="L1765" s="6" t="s">
        <v>51</v>
      </c>
    </row>
    <row r="1766" spans="1:12">
      <c r="A1766" s="6" t="s">
        <v>49</v>
      </c>
      <c r="B1766" s="6"/>
      <c r="C1766" s="6" t="s">
        <v>1781</v>
      </c>
      <c r="D1766" s="6"/>
      <c r="E1766" s="6" t="s">
        <v>9</v>
      </c>
      <c r="F1766" s="7">
        <v>38657</v>
      </c>
      <c r="G1766" s="8">
        <v>1</v>
      </c>
      <c r="H1766" s="8">
        <v>1</v>
      </c>
      <c r="I1766" s="8">
        <v>0</v>
      </c>
      <c r="J1766" s="8">
        <v>1</v>
      </c>
      <c r="K1766" s="9">
        <v>4.8099999999999898</v>
      </c>
      <c r="L1766" s="6" t="s">
        <v>51</v>
      </c>
    </row>
    <row r="1767" spans="1:12">
      <c r="A1767" s="6" t="s">
        <v>49</v>
      </c>
      <c r="B1767" s="6"/>
      <c r="C1767" s="6" t="s">
        <v>1782</v>
      </c>
      <c r="D1767" s="6"/>
      <c r="E1767" s="6" t="s">
        <v>9</v>
      </c>
      <c r="F1767" s="7"/>
      <c r="G1767" s="8">
        <v>1</v>
      </c>
      <c r="H1767" s="8">
        <v>1</v>
      </c>
      <c r="I1767" s="8">
        <v>0</v>
      </c>
      <c r="J1767" s="8">
        <v>1</v>
      </c>
      <c r="K1767" s="9">
        <v>0.77</v>
      </c>
      <c r="L1767" s="6" t="s">
        <v>51</v>
      </c>
    </row>
    <row r="1768" spans="1:12">
      <c r="A1768" s="6" t="s">
        <v>49</v>
      </c>
      <c r="B1768" s="6"/>
      <c r="C1768" s="6" t="s">
        <v>1783</v>
      </c>
      <c r="D1768" s="6"/>
      <c r="E1768" s="6" t="s">
        <v>9</v>
      </c>
      <c r="F1768" s="7"/>
      <c r="G1768" s="8">
        <v>1</v>
      </c>
      <c r="H1768" s="8">
        <v>1</v>
      </c>
      <c r="I1768" s="8">
        <v>0</v>
      </c>
      <c r="J1768" s="8">
        <v>1</v>
      </c>
      <c r="K1768" s="9">
        <v>2.88</v>
      </c>
      <c r="L1768" s="6" t="s">
        <v>51</v>
      </c>
    </row>
    <row r="1769" spans="1:12">
      <c r="A1769" s="6" t="s">
        <v>49</v>
      </c>
      <c r="B1769" s="6"/>
      <c r="C1769" s="6" t="s">
        <v>1784</v>
      </c>
      <c r="D1769" s="6"/>
      <c r="E1769" s="6" t="s">
        <v>9</v>
      </c>
      <c r="F1769" s="7"/>
      <c r="G1769" s="8">
        <v>1</v>
      </c>
      <c r="H1769" s="8">
        <v>1</v>
      </c>
      <c r="I1769" s="8">
        <v>0</v>
      </c>
      <c r="J1769" s="8">
        <v>1</v>
      </c>
      <c r="K1769" s="9">
        <v>4.79</v>
      </c>
      <c r="L1769" s="6" t="s">
        <v>51</v>
      </c>
    </row>
    <row r="1770" spans="1:12">
      <c r="A1770" s="6" t="s">
        <v>49</v>
      </c>
      <c r="B1770" s="6"/>
      <c r="C1770" s="6" t="s">
        <v>1785</v>
      </c>
      <c r="D1770" s="6"/>
      <c r="E1770" s="6" t="s">
        <v>9</v>
      </c>
      <c r="F1770" s="7">
        <v>38657</v>
      </c>
      <c r="G1770" s="8">
        <v>1</v>
      </c>
      <c r="H1770" s="8">
        <v>1</v>
      </c>
      <c r="I1770" s="8">
        <v>0</v>
      </c>
      <c r="J1770" s="8">
        <v>1</v>
      </c>
      <c r="K1770" s="9">
        <v>65</v>
      </c>
      <c r="L1770" s="6" t="s">
        <v>51</v>
      </c>
    </row>
    <row r="1771" spans="1:12">
      <c r="A1771" s="6" t="s">
        <v>49</v>
      </c>
      <c r="B1771" s="6"/>
      <c r="C1771" s="6" t="s">
        <v>1786</v>
      </c>
      <c r="D1771" s="6"/>
      <c r="E1771" s="6" t="s">
        <v>9</v>
      </c>
      <c r="F1771" s="7">
        <v>38657</v>
      </c>
      <c r="G1771" s="8">
        <v>1</v>
      </c>
      <c r="H1771" s="8">
        <v>1</v>
      </c>
      <c r="I1771" s="8">
        <v>0</v>
      </c>
      <c r="J1771" s="8">
        <v>1</v>
      </c>
      <c r="K1771" s="9">
        <v>29</v>
      </c>
      <c r="L1771" s="6" t="s">
        <v>51</v>
      </c>
    </row>
    <row r="1772" spans="1:12">
      <c r="A1772" s="6" t="s">
        <v>49</v>
      </c>
      <c r="B1772" s="6"/>
      <c r="C1772" s="6" t="s">
        <v>1787</v>
      </c>
      <c r="D1772" s="6"/>
      <c r="E1772" s="6" t="s">
        <v>9</v>
      </c>
      <c r="F1772" s="7">
        <v>38657</v>
      </c>
      <c r="G1772" s="8">
        <v>1</v>
      </c>
      <c r="H1772" s="8">
        <v>1</v>
      </c>
      <c r="I1772" s="8">
        <v>0</v>
      </c>
      <c r="J1772" s="8">
        <v>1</v>
      </c>
      <c r="K1772" s="9">
        <v>77</v>
      </c>
      <c r="L1772" s="6" t="s">
        <v>51</v>
      </c>
    </row>
    <row r="1773" spans="1:12">
      <c r="A1773" s="6" t="s">
        <v>49</v>
      </c>
      <c r="B1773" s="6"/>
      <c r="C1773" s="6" t="s">
        <v>1788</v>
      </c>
      <c r="D1773" s="6"/>
      <c r="E1773" s="6" t="s">
        <v>9</v>
      </c>
      <c r="F1773" s="7">
        <v>38657</v>
      </c>
      <c r="G1773" s="8">
        <v>1</v>
      </c>
      <c r="H1773" s="8">
        <v>1</v>
      </c>
      <c r="I1773" s="8">
        <v>0</v>
      </c>
      <c r="J1773" s="8">
        <v>1</v>
      </c>
      <c r="K1773" s="9">
        <v>0.42</v>
      </c>
      <c r="L1773" s="6" t="s">
        <v>51</v>
      </c>
    </row>
    <row r="1774" spans="1:12">
      <c r="A1774" s="6" t="s">
        <v>49</v>
      </c>
      <c r="B1774" s="6"/>
      <c r="C1774" s="6" t="s">
        <v>1789</v>
      </c>
      <c r="D1774" s="6"/>
      <c r="E1774" s="6" t="s">
        <v>9</v>
      </c>
      <c r="F1774" s="7">
        <v>38657</v>
      </c>
      <c r="G1774" s="8">
        <v>1</v>
      </c>
      <c r="H1774" s="8">
        <v>1</v>
      </c>
      <c r="I1774" s="8">
        <v>0</v>
      </c>
      <c r="J1774" s="8">
        <v>1</v>
      </c>
      <c r="K1774" s="9">
        <v>3.49</v>
      </c>
      <c r="L1774" s="6" t="s">
        <v>51</v>
      </c>
    </row>
    <row r="1775" spans="1:12">
      <c r="A1775" s="6" t="s">
        <v>49</v>
      </c>
      <c r="B1775" s="6"/>
      <c r="C1775" s="6" t="s">
        <v>1790</v>
      </c>
      <c r="D1775" s="6"/>
      <c r="E1775" s="6" t="s">
        <v>9</v>
      </c>
      <c r="F1775" s="7"/>
      <c r="G1775" s="8">
        <v>1</v>
      </c>
      <c r="H1775" s="8">
        <v>1</v>
      </c>
      <c r="I1775" s="8">
        <v>0</v>
      </c>
      <c r="J1775" s="8">
        <v>1</v>
      </c>
      <c r="K1775" s="9">
        <v>6.61</v>
      </c>
      <c r="L1775" s="6" t="s">
        <v>51</v>
      </c>
    </row>
    <row r="1776" spans="1:12">
      <c r="A1776" s="6" t="s">
        <v>49</v>
      </c>
      <c r="B1776" s="6"/>
      <c r="C1776" s="6" t="s">
        <v>1791</v>
      </c>
      <c r="D1776" s="6"/>
      <c r="E1776" s="6" t="s">
        <v>9</v>
      </c>
      <c r="F1776" s="7">
        <v>38657</v>
      </c>
      <c r="G1776" s="8">
        <v>1</v>
      </c>
      <c r="H1776" s="8">
        <v>1</v>
      </c>
      <c r="I1776" s="8">
        <v>0</v>
      </c>
      <c r="J1776" s="8">
        <v>1</v>
      </c>
      <c r="K1776" s="9">
        <v>17</v>
      </c>
      <c r="L1776" s="6" t="s">
        <v>51</v>
      </c>
    </row>
    <row r="1777" spans="1:12">
      <c r="A1777" s="6" t="s">
        <v>49</v>
      </c>
      <c r="B1777" s="6"/>
      <c r="C1777" s="6" t="s">
        <v>1792</v>
      </c>
      <c r="D1777" s="6"/>
      <c r="E1777" s="6" t="s">
        <v>9</v>
      </c>
      <c r="F1777" s="7">
        <v>38657</v>
      </c>
      <c r="G1777" s="8">
        <v>1</v>
      </c>
      <c r="H1777" s="8">
        <v>1</v>
      </c>
      <c r="I1777" s="8">
        <v>0</v>
      </c>
      <c r="J1777" s="8">
        <v>1</v>
      </c>
      <c r="K1777" s="9">
        <v>38</v>
      </c>
      <c r="L1777" s="6" t="s">
        <v>51</v>
      </c>
    </row>
    <row r="1778" spans="1:12">
      <c r="A1778" s="6" t="s">
        <v>49</v>
      </c>
      <c r="B1778" s="6"/>
      <c r="C1778" s="6" t="s">
        <v>1793</v>
      </c>
      <c r="D1778" s="6"/>
      <c r="E1778" s="6" t="s">
        <v>9</v>
      </c>
      <c r="F1778" s="7">
        <v>38657</v>
      </c>
      <c r="G1778" s="8">
        <v>1</v>
      </c>
      <c r="H1778" s="8">
        <v>1</v>
      </c>
      <c r="I1778" s="8">
        <v>0</v>
      </c>
      <c r="J1778" s="8">
        <v>1</v>
      </c>
      <c r="K1778" s="9">
        <v>1.36</v>
      </c>
      <c r="L1778" s="6" t="s">
        <v>51</v>
      </c>
    </row>
    <row r="1779" spans="1:12">
      <c r="A1779" s="6" t="s">
        <v>49</v>
      </c>
      <c r="B1779" s="6"/>
      <c r="C1779" s="6" t="s">
        <v>1794</v>
      </c>
      <c r="D1779" s="6"/>
      <c r="E1779" s="6" t="s">
        <v>9</v>
      </c>
      <c r="F1779" s="7">
        <v>38657</v>
      </c>
      <c r="G1779" s="8">
        <v>1</v>
      </c>
      <c r="H1779" s="8">
        <v>1</v>
      </c>
      <c r="I1779" s="8">
        <v>0</v>
      </c>
      <c r="J1779" s="8">
        <v>1</v>
      </c>
      <c r="K1779" s="9">
        <v>23</v>
      </c>
      <c r="L1779" s="6" t="s">
        <v>51</v>
      </c>
    </row>
    <row r="1780" spans="1:12">
      <c r="A1780" s="6" t="s">
        <v>49</v>
      </c>
      <c r="B1780" s="6"/>
      <c r="C1780" s="6" t="s">
        <v>1795</v>
      </c>
      <c r="D1780" s="6"/>
      <c r="E1780" s="6" t="s">
        <v>9</v>
      </c>
      <c r="F1780" s="7">
        <v>38657</v>
      </c>
      <c r="G1780" s="8">
        <v>1</v>
      </c>
      <c r="H1780" s="8">
        <v>1</v>
      </c>
      <c r="I1780" s="8">
        <v>0</v>
      </c>
      <c r="J1780" s="8">
        <v>1</v>
      </c>
      <c r="K1780" s="9">
        <v>17</v>
      </c>
      <c r="L1780" s="6" t="s">
        <v>51</v>
      </c>
    </row>
    <row r="1781" spans="1:12">
      <c r="A1781" s="6" t="s">
        <v>49</v>
      </c>
      <c r="B1781" s="6"/>
      <c r="C1781" s="6" t="s">
        <v>1796</v>
      </c>
      <c r="D1781" s="6"/>
      <c r="E1781" s="6" t="s">
        <v>9</v>
      </c>
      <c r="F1781" s="7">
        <v>38657</v>
      </c>
      <c r="G1781" s="8">
        <v>1</v>
      </c>
      <c r="H1781" s="8">
        <v>1</v>
      </c>
      <c r="I1781" s="8">
        <v>0</v>
      </c>
      <c r="J1781" s="8">
        <v>1</v>
      </c>
      <c r="K1781" s="9">
        <v>22</v>
      </c>
      <c r="L1781" s="6" t="s">
        <v>51</v>
      </c>
    </row>
    <row r="1782" spans="1:12">
      <c r="A1782" s="6" t="s">
        <v>49</v>
      </c>
      <c r="B1782" s="6"/>
      <c r="C1782" s="6" t="s">
        <v>1797</v>
      </c>
      <c r="D1782" s="6"/>
      <c r="E1782" s="6" t="s">
        <v>9</v>
      </c>
      <c r="F1782" s="7">
        <v>38657</v>
      </c>
      <c r="G1782" s="8">
        <v>1</v>
      </c>
      <c r="H1782" s="8">
        <v>1</v>
      </c>
      <c r="I1782" s="8">
        <v>0</v>
      </c>
      <c r="J1782" s="8">
        <v>1</v>
      </c>
      <c r="K1782" s="9">
        <v>16</v>
      </c>
      <c r="L1782" s="6" t="s">
        <v>51</v>
      </c>
    </row>
    <row r="1783" spans="1:12">
      <c r="A1783" s="6" t="s">
        <v>49</v>
      </c>
      <c r="B1783" s="6"/>
      <c r="C1783" s="6" t="s">
        <v>1798</v>
      </c>
      <c r="D1783" s="6"/>
      <c r="E1783" s="6" t="s">
        <v>9</v>
      </c>
      <c r="F1783" s="7">
        <v>38657</v>
      </c>
      <c r="G1783" s="8">
        <v>1</v>
      </c>
      <c r="H1783" s="8">
        <v>1</v>
      </c>
      <c r="I1783" s="8">
        <v>0</v>
      </c>
      <c r="J1783" s="8">
        <v>1</v>
      </c>
      <c r="K1783" s="9">
        <v>35</v>
      </c>
      <c r="L1783" s="6" t="s">
        <v>51</v>
      </c>
    </row>
    <row r="1784" spans="1:12">
      <c r="A1784" s="6" t="s">
        <v>49</v>
      </c>
      <c r="B1784" s="6"/>
      <c r="C1784" s="6" t="s">
        <v>1799</v>
      </c>
      <c r="D1784" s="6"/>
      <c r="E1784" s="6" t="s">
        <v>9</v>
      </c>
      <c r="F1784" s="7">
        <v>38657</v>
      </c>
      <c r="G1784" s="8">
        <v>1</v>
      </c>
      <c r="H1784" s="8">
        <v>1</v>
      </c>
      <c r="I1784" s="8">
        <v>0</v>
      </c>
      <c r="J1784" s="8">
        <v>1</v>
      </c>
      <c r="K1784" s="9">
        <v>5.91</v>
      </c>
      <c r="L1784" s="6" t="s">
        <v>51</v>
      </c>
    </row>
    <row r="1785" spans="1:12">
      <c r="A1785" s="6" t="s">
        <v>49</v>
      </c>
      <c r="B1785" s="6"/>
      <c r="C1785" s="6" t="s">
        <v>1800</v>
      </c>
      <c r="D1785" s="6"/>
      <c r="E1785" s="6" t="s">
        <v>9</v>
      </c>
      <c r="F1785" s="7">
        <v>38657</v>
      </c>
      <c r="G1785" s="8">
        <v>1</v>
      </c>
      <c r="H1785" s="8">
        <v>1</v>
      </c>
      <c r="I1785" s="8">
        <v>0</v>
      </c>
      <c r="J1785" s="8">
        <v>1</v>
      </c>
      <c r="K1785" s="9">
        <v>436</v>
      </c>
      <c r="L1785" s="6" t="s">
        <v>51</v>
      </c>
    </row>
    <row r="1786" spans="1:12">
      <c r="A1786" s="6" t="s">
        <v>49</v>
      </c>
      <c r="B1786" s="6"/>
      <c r="C1786" s="6" t="s">
        <v>1801</v>
      </c>
      <c r="D1786" s="6"/>
      <c r="E1786" s="6" t="s">
        <v>9</v>
      </c>
      <c r="F1786" s="7"/>
      <c r="G1786" s="8">
        <v>1</v>
      </c>
      <c r="H1786" s="8">
        <v>1</v>
      </c>
      <c r="I1786" s="8">
        <v>0</v>
      </c>
      <c r="J1786" s="8">
        <v>1</v>
      </c>
      <c r="K1786" s="9">
        <v>6.61</v>
      </c>
      <c r="L1786" s="6" t="s">
        <v>51</v>
      </c>
    </row>
    <row r="1787" spans="1:12">
      <c r="A1787" s="6" t="s">
        <v>49</v>
      </c>
      <c r="B1787" s="6"/>
      <c r="C1787" s="6" t="s">
        <v>1802</v>
      </c>
      <c r="D1787" s="6"/>
      <c r="E1787" s="6" t="s">
        <v>9</v>
      </c>
      <c r="F1787" s="7">
        <v>38657</v>
      </c>
      <c r="G1787" s="8">
        <v>1</v>
      </c>
      <c r="H1787" s="8">
        <v>1</v>
      </c>
      <c r="I1787" s="8">
        <v>0</v>
      </c>
      <c r="J1787" s="8">
        <v>1</v>
      </c>
      <c r="K1787" s="9">
        <v>35</v>
      </c>
      <c r="L1787" s="6" t="s">
        <v>51</v>
      </c>
    </row>
    <row r="1788" spans="1:12">
      <c r="A1788" s="6" t="s">
        <v>49</v>
      </c>
      <c r="B1788" s="6"/>
      <c r="C1788" s="6" t="s">
        <v>1803</v>
      </c>
      <c r="D1788" s="6"/>
      <c r="E1788" s="6" t="s">
        <v>9</v>
      </c>
      <c r="F1788" s="7">
        <v>38657</v>
      </c>
      <c r="G1788" s="8">
        <v>1</v>
      </c>
      <c r="H1788" s="8">
        <v>1</v>
      </c>
      <c r="I1788" s="8">
        <v>0</v>
      </c>
      <c r="J1788" s="8">
        <v>1</v>
      </c>
      <c r="K1788" s="9">
        <v>54</v>
      </c>
      <c r="L1788" s="6" t="s">
        <v>51</v>
      </c>
    </row>
    <row r="1789" spans="1:12">
      <c r="A1789" s="6" t="s">
        <v>49</v>
      </c>
      <c r="B1789" s="6"/>
      <c r="C1789" s="6" t="s">
        <v>1804</v>
      </c>
      <c r="D1789" s="6"/>
      <c r="E1789" s="6" t="s">
        <v>9</v>
      </c>
      <c r="F1789" s="7">
        <v>38657</v>
      </c>
      <c r="G1789" s="8">
        <v>1</v>
      </c>
      <c r="H1789" s="8">
        <v>1</v>
      </c>
      <c r="I1789" s="8">
        <v>0</v>
      </c>
      <c r="J1789" s="8">
        <v>1</v>
      </c>
      <c r="K1789" s="9">
        <v>2.86</v>
      </c>
      <c r="L1789" s="6" t="s">
        <v>51</v>
      </c>
    </row>
    <row r="1790" spans="1:12">
      <c r="A1790" s="6" t="s">
        <v>49</v>
      </c>
      <c r="B1790" s="6"/>
      <c r="C1790" s="6" t="s">
        <v>1805</v>
      </c>
      <c r="D1790" s="6"/>
      <c r="E1790" s="6" t="s">
        <v>9</v>
      </c>
      <c r="F1790" s="7">
        <v>38657</v>
      </c>
      <c r="G1790" s="8">
        <v>1</v>
      </c>
      <c r="H1790" s="8">
        <v>1</v>
      </c>
      <c r="I1790" s="8">
        <v>0</v>
      </c>
      <c r="J1790" s="8">
        <v>1</v>
      </c>
      <c r="K1790" s="9">
        <v>12</v>
      </c>
      <c r="L1790" s="6" t="s">
        <v>51</v>
      </c>
    </row>
    <row r="1791" spans="1:12">
      <c r="A1791" s="6" t="s">
        <v>49</v>
      </c>
      <c r="B1791" s="6"/>
      <c r="C1791" s="6" t="s">
        <v>1806</v>
      </c>
      <c r="D1791" s="6"/>
      <c r="E1791" s="6" t="s">
        <v>9</v>
      </c>
      <c r="F1791" s="7">
        <v>38657</v>
      </c>
      <c r="G1791" s="8">
        <v>1</v>
      </c>
      <c r="H1791" s="8">
        <v>1</v>
      </c>
      <c r="I1791" s="8">
        <v>0</v>
      </c>
      <c r="J1791" s="8">
        <v>1</v>
      </c>
      <c r="K1791" s="9">
        <v>256</v>
      </c>
      <c r="L1791" s="6" t="s">
        <v>51</v>
      </c>
    </row>
    <row r="1792" spans="1:12">
      <c r="A1792" s="6" t="s">
        <v>49</v>
      </c>
      <c r="B1792" s="6"/>
      <c r="C1792" s="6" t="s">
        <v>1807</v>
      </c>
      <c r="D1792" s="6"/>
      <c r="E1792" s="6" t="s">
        <v>9</v>
      </c>
      <c r="F1792" s="7">
        <v>38657</v>
      </c>
      <c r="G1792" s="8">
        <v>1</v>
      </c>
      <c r="H1792" s="8">
        <v>1</v>
      </c>
      <c r="I1792" s="8">
        <v>0</v>
      </c>
      <c r="J1792" s="8">
        <v>1</v>
      </c>
      <c r="K1792" s="9">
        <v>166</v>
      </c>
      <c r="L1792" s="6" t="s">
        <v>51</v>
      </c>
    </row>
    <row r="1793" spans="1:12">
      <c r="A1793" s="6" t="s">
        <v>49</v>
      </c>
      <c r="B1793" s="6"/>
      <c r="C1793" s="6" t="s">
        <v>1808</v>
      </c>
      <c r="D1793" s="6"/>
      <c r="E1793" s="6" t="s">
        <v>9</v>
      </c>
      <c r="F1793" s="7">
        <v>38657</v>
      </c>
      <c r="G1793" s="8">
        <v>1</v>
      </c>
      <c r="H1793" s="8">
        <v>1</v>
      </c>
      <c r="I1793" s="8">
        <v>0</v>
      </c>
      <c r="J1793" s="8">
        <v>1</v>
      </c>
      <c r="K1793" s="9">
        <v>122</v>
      </c>
      <c r="L1793" s="6" t="s">
        <v>51</v>
      </c>
    </row>
    <row r="1794" spans="1:12">
      <c r="A1794" s="6" t="s">
        <v>49</v>
      </c>
      <c r="B1794" s="6"/>
      <c r="C1794" s="6" t="s">
        <v>1809</v>
      </c>
      <c r="D1794" s="6"/>
      <c r="E1794" s="6" t="s">
        <v>9</v>
      </c>
      <c r="F1794" s="7">
        <v>38657</v>
      </c>
      <c r="G1794" s="8">
        <v>1</v>
      </c>
      <c r="H1794" s="8">
        <v>1</v>
      </c>
      <c r="I1794" s="8">
        <v>0</v>
      </c>
      <c r="J1794" s="8">
        <v>1</v>
      </c>
      <c r="K1794" s="9">
        <v>148</v>
      </c>
      <c r="L1794" s="6" t="s">
        <v>51</v>
      </c>
    </row>
    <row r="1795" spans="1:12">
      <c r="A1795" s="6" t="s">
        <v>49</v>
      </c>
      <c r="B1795" s="6"/>
      <c r="C1795" s="6" t="s">
        <v>1810</v>
      </c>
      <c r="D1795" s="6"/>
      <c r="E1795" s="6" t="s">
        <v>9</v>
      </c>
      <c r="F1795" s="7">
        <v>38657</v>
      </c>
      <c r="G1795" s="8">
        <v>1</v>
      </c>
      <c r="H1795" s="8">
        <v>1</v>
      </c>
      <c r="I1795" s="8">
        <v>0</v>
      </c>
      <c r="J1795" s="8">
        <v>1</v>
      </c>
      <c r="K1795" s="9">
        <v>703</v>
      </c>
      <c r="L1795" s="6" t="s">
        <v>51</v>
      </c>
    </row>
    <row r="1796" spans="1:12">
      <c r="A1796" s="6" t="s">
        <v>49</v>
      </c>
      <c r="B1796" s="6"/>
      <c r="C1796" s="6" t="s">
        <v>1811</v>
      </c>
      <c r="D1796" s="6"/>
      <c r="E1796" s="6" t="s">
        <v>9</v>
      </c>
      <c r="F1796" s="7">
        <v>38657</v>
      </c>
      <c r="G1796" s="8">
        <v>1</v>
      </c>
      <c r="H1796" s="8">
        <v>1</v>
      </c>
      <c r="I1796" s="8">
        <v>0</v>
      </c>
      <c r="J1796" s="8">
        <v>1</v>
      </c>
      <c r="K1796" s="9">
        <v>2.33</v>
      </c>
      <c r="L1796" s="6" t="s">
        <v>51</v>
      </c>
    </row>
    <row r="1797" spans="1:12">
      <c r="A1797" s="6" t="s">
        <v>49</v>
      </c>
      <c r="B1797" s="6"/>
      <c r="C1797" s="6" t="s">
        <v>1812</v>
      </c>
      <c r="D1797" s="6"/>
      <c r="E1797" s="6" t="s">
        <v>9</v>
      </c>
      <c r="F1797" s="7">
        <v>38657</v>
      </c>
      <c r="G1797" s="8">
        <v>1</v>
      </c>
      <c r="H1797" s="8">
        <v>1</v>
      </c>
      <c r="I1797" s="8">
        <v>0</v>
      </c>
      <c r="J1797" s="8">
        <v>1</v>
      </c>
      <c r="K1797" s="9">
        <v>20.49</v>
      </c>
      <c r="L1797" s="6" t="s">
        <v>51</v>
      </c>
    </row>
    <row r="1798" spans="1:12">
      <c r="A1798" s="6" t="s">
        <v>49</v>
      </c>
      <c r="B1798" s="6"/>
      <c r="C1798" s="6" t="s">
        <v>1813</v>
      </c>
      <c r="D1798" s="6"/>
      <c r="E1798" s="6" t="s">
        <v>9</v>
      </c>
      <c r="F1798" s="7"/>
      <c r="G1798" s="8">
        <v>1</v>
      </c>
      <c r="H1798" s="8">
        <v>1</v>
      </c>
      <c r="I1798" s="8">
        <v>0</v>
      </c>
      <c r="J1798" s="8">
        <v>1</v>
      </c>
      <c r="K1798" s="9">
        <v>6.61</v>
      </c>
      <c r="L1798" s="6" t="s">
        <v>51</v>
      </c>
    </row>
    <row r="1799" spans="1:12">
      <c r="A1799" s="6" t="s">
        <v>49</v>
      </c>
      <c r="B1799" s="6"/>
      <c r="C1799" s="6" t="s">
        <v>1814</v>
      </c>
      <c r="D1799" s="6"/>
      <c r="E1799" s="6" t="s">
        <v>9</v>
      </c>
      <c r="F1799" s="7">
        <v>38657</v>
      </c>
      <c r="G1799" s="8">
        <v>1</v>
      </c>
      <c r="H1799" s="8">
        <v>1</v>
      </c>
      <c r="I1799" s="8">
        <v>0</v>
      </c>
      <c r="J1799" s="8">
        <v>1</v>
      </c>
      <c r="K1799" s="9">
        <v>30</v>
      </c>
      <c r="L1799" s="6" t="s">
        <v>51</v>
      </c>
    </row>
    <row r="1800" spans="1:12">
      <c r="A1800" s="6" t="s">
        <v>49</v>
      </c>
      <c r="B1800" s="6"/>
      <c r="C1800" s="6" t="s">
        <v>1815</v>
      </c>
      <c r="D1800" s="6"/>
      <c r="E1800" s="6" t="s">
        <v>9</v>
      </c>
      <c r="F1800" s="7">
        <v>38657</v>
      </c>
      <c r="G1800" s="8">
        <v>1</v>
      </c>
      <c r="H1800" s="8">
        <v>1</v>
      </c>
      <c r="I1800" s="8">
        <v>0</v>
      </c>
      <c r="J1800" s="8">
        <v>1</v>
      </c>
      <c r="K1800" s="9">
        <v>19</v>
      </c>
      <c r="L1800" s="6" t="s">
        <v>51</v>
      </c>
    </row>
    <row r="1801" spans="1:12">
      <c r="A1801" s="6" t="s">
        <v>49</v>
      </c>
      <c r="B1801" s="6"/>
      <c r="C1801" s="6" t="s">
        <v>1816</v>
      </c>
      <c r="D1801" s="6"/>
      <c r="E1801" s="6" t="s">
        <v>9</v>
      </c>
      <c r="F1801" s="7">
        <v>38657</v>
      </c>
      <c r="G1801" s="8">
        <v>1</v>
      </c>
      <c r="H1801" s="8">
        <v>1</v>
      </c>
      <c r="I1801" s="8">
        <v>0</v>
      </c>
      <c r="J1801" s="8">
        <v>1</v>
      </c>
      <c r="K1801" s="9">
        <v>20</v>
      </c>
      <c r="L1801" s="6" t="s">
        <v>51</v>
      </c>
    </row>
    <row r="1802" spans="1:12">
      <c r="A1802" s="6" t="s">
        <v>49</v>
      </c>
      <c r="B1802" s="6"/>
      <c r="C1802" s="6" t="s">
        <v>1817</v>
      </c>
      <c r="D1802" s="6"/>
      <c r="E1802" s="6" t="s">
        <v>9</v>
      </c>
      <c r="F1802" s="7">
        <v>38657</v>
      </c>
      <c r="G1802" s="8">
        <v>1</v>
      </c>
      <c r="H1802" s="8">
        <v>1</v>
      </c>
      <c r="I1802" s="8">
        <v>0</v>
      </c>
      <c r="J1802" s="8">
        <v>1</v>
      </c>
      <c r="K1802" s="9">
        <v>20</v>
      </c>
      <c r="L1802" s="6" t="s">
        <v>51</v>
      </c>
    </row>
    <row r="1803" spans="1:12">
      <c r="A1803" s="6" t="s">
        <v>49</v>
      </c>
      <c r="B1803" s="6"/>
      <c r="C1803" s="6" t="s">
        <v>1818</v>
      </c>
      <c r="D1803" s="6"/>
      <c r="E1803" s="6" t="s">
        <v>9</v>
      </c>
      <c r="F1803" s="7">
        <v>38657</v>
      </c>
      <c r="G1803" s="8">
        <v>1</v>
      </c>
      <c r="H1803" s="8">
        <v>1</v>
      </c>
      <c r="I1803" s="8">
        <v>0</v>
      </c>
      <c r="J1803" s="8">
        <v>1</v>
      </c>
      <c r="K1803" s="9">
        <v>21</v>
      </c>
      <c r="L1803" s="6" t="s">
        <v>51</v>
      </c>
    </row>
    <row r="1804" spans="1:12">
      <c r="A1804" s="6" t="s">
        <v>49</v>
      </c>
      <c r="B1804" s="6"/>
      <c r="C1804" s="6" t="s">
        <v>1819</v>
      </c>
      <c r="D1804" s="6"/>
      <c r="E1804" s="6" t="s">
        <v>9</v>
      </c>
      <c r="F1804" s="7">
        <v>38657</v>
      </c>
      <c r="G1804" s="8">
        <v>1</v>
      </c>
      <c r="H1804" s="8">
        <v>1</v>
      </c>
      <c r="I1804" s="8">
        <v>0</v>
      </c>
      <c r="J1804" s="8">
        <v>1</v>
      </c>
      <c r="K1804" s="9">
        <v>7.0000000000000007E-2</v>
      </c>
      <c r="L1804" s="6" t="s">
        <v>51</v>
      </c>
    </row>
    <row r="1805" spans="1:12">
      <c r="A1805" s="6" t="s">
        <v>49</v>
      </c>
      <c r="B1805" s="6"/>
      <c r="C1805" s="6" t="s">
        <v>1820</v>
      </c>
      <c r="D1805" s="6"/>
      <c r="E1805" s="6" t="s">
        <v>9</v>
      </c>
      <c r="F1805" s="7">
        <v>38657</v>
      </c>
      <c r="G1805" s="8">
        <v>1</v>
      </c>
      <c r="H1805" s="8">
        <v>1</v>
      </c>
      <c r="I1805" s="8">
        <v>0</v>
      </c>
      <c r="J1805" s="8">
        <v>1</v>
      </c>
      <c r="K1805" s="9">
        <v>0.17</v>
      </c>
      <c r="L1805" s="6" t="s">
        <v>51</v>
      </c>
    </row>
    <row r="1806" spans="1:12">
      <c r="A1806" s="6" t="s">
        <v>49</v>
      </c>
      <c r="B1806" s="6"/>
      <c r="C1806" s="6" t="s">
        <v>1821</v>
      </c>
      <c r="D1806" s="6"/>
      <c r="E1806" s="6" t="s">
        <v>9</v>
      </c>
      <c r="F1806" s="7">
        <v>38657</v>
      </c>
      <c r="G1806" s="8">
        <v>1</v>
      </c>
      <c r="H1806" s="8">
        <v>1</v>
      </c>
      <c r="I1806" s="8">
        <v>0</v>
      </c>
      <c r="J1806" s="8">
        <v>1</v>
      </c>
      <c r="K1806" s="9">
        <v>0.53</v>
      </c>
      <c r="L1806" s="6" t="s">
        <v>51</v>
      </c>
    </row>
    <row r="1807" spans="1:12">
      <c r="A1807" s="6" t="s">
        <v>49</v>
      </c>
      <c r="B1807" s="6"/>
      <c r="C1807" s="6" t="s">
        <v>1822</v>
      </c>
      <c r="D1807" s="6"/>
      <c r="E1807" s="6" t="s">
        <v>9</v>
      </c>
      <c r="F1807" s="7">
        <v>38657</v>
      </c>
      <c r="G1807" s="8">
        <v>1</v>
      </c>
      <c r="H1807" s="8">
        <v>1</v>
      </c>
      <c r="I1807" s="8">
        <v>0</v>
      </c>
      <c r="J1807" s="8">
        <v>1</v>
      </c>
      <c r="K1807" s="9">
        <v>0.77</v>
      </c>
      <c r="L1807" s="6" t="s">
        <v>51</v>
      </c>
    </row>
    <row r="1808" spans="1:12">
      <c r="A1808" s="6" t="s">
        <v>49</v>
      </c>
      <c r="B1808" s="6"/>
      <c r="C1808" s="6" t="s">
        <v>1823</v>
      </c>
      <c r="D1808" s="6"/>
      <c r="E1808" s="6" t="s">
        <v>9</v>
      </c>
      <c r="F1808" s="7">
        <v>38657</v>
      </c>
      <c r="G1808" s="8">
        <v>1</v>
      </c>
      <c r="H1808" s="8">
        <v>1</v>
      </c>
      <c r="I1808" s="8">
        <v>0</v>
      </c>
      <c r="J1808" s="8">
        <v>1</v>
      </c>
      <c r="K1808" s="9">
        <v>1.4</v>
      </c>
      <c r="L1808" s="6" t="s">
        <v>51</v>
      </c>
    </row>
    <row r="1809" spans="1:12">
      <c r="A1809" s="6" t="s">
        <v>49</v>
      </c>
      <c r="B1809" s="6"/>
      <c r="C1809" s="6" t="s">
        <v>1824</v>
      </c>
      <c r="D1809" s="6"/>
      <c r="E1809" s="6" t="s">
        <v>9</v>
      </c>
      <c r="F1809" s="7"/>
      <c r="G1809" s="8">
        <v>1</v>
      </c>
      <c r="H1809" s="8">
        <v>1</v>
      </c>
      <c r="I1809" s="8">
        <v>0</v>
      </c>
      <c r="J1809" s="8">
        <v>1</v>
      </c>
      <c r="K1809" s="9">
        <v>6.61</v>
      </c>
      <c r="L1809" s="6" t="s">
        <v>51</v>
      </c>
    </row>
    <row r="1810" spans="1:12">
      <c r="A1810" s="6" t="s">
        <v>49</v>
      </c>
      <c r="B1810" s="6"/>
      <c r="C1810" s="6" t="s">
        <v>1825</v>
      </c>
      <c r="D1810" s="6"/>
      <c r="E1810" s="6" t="s">
        <v>9</v>
      </c>
      <c r="F1810" s="7">
        <v>38657</v>
      </c>
      <c r="G1810" s="8">
        <v>1</v>
      </c>
      <c r="H1810" s="8">
        <v>1</v>
      </c>
      <c r="I1810" s="8">
        <v>0</v>
      </c>
      <c r="J1810" s="8">
        <v>1</v>
      </c>
      <c r="K1810" s="9">
        <v>1.61</v>
      </c>
      <c r="L1810" s="6" t="s">
        <v>51</v>
      </c>
    </row>
    <row r="1811" spans="1:12">
      <c r="A1811" s="6" t="s">
        <v>49</v>
      </c>
      <c r="B1811" s="6"/>
      <c r="C1811" s="6" t="s">
        <v>1826</v>
      </c>
      <c r="D1811" s="6"/>
      <c r="E1811" s="6" t="s">
        <v>9</v>
      </c>
      <c r="F1811" s="7">
        <v>38657</v>
      </c>
      <c r="G1811" s="8">
        <v>1</v>
      </c>
      <c r="H1811" s="8">
        <v>1</v>
      </c>
      <c r="I1811" s="8">
        <v>0</v>
      </c>
      <c r="J1811" s="8">
        <v>1</v>
      </c>
      <c r="K1811" s="9">
        <v>0.82</v>
      </c>
      <c r="L1811" s="6" t="s">
        <v>51</v>
      </c>
    </row>
    <row r="1812" spans="1:12">
      <c r="A1812" s="6" t="s">
        <v>49</v>
      </c>
      <c r="B1812" s="6"/>
      <c r="C1812" s="6" t="s">
        <v>1827</v>
      </c>
      <c r="D1812" s="6"/>
      <c r="E1812" s="6" t="s">
        <v>9</v>
      </c>
      <c r="F1812" s="7">
        <v>38657</v>
      </c>
      <c r="G1812" s="8">
        <v>1</v>
      </c>
      <c r="H1812" s="8">
        <v>1</v>
      </c>
      <c r="I1812" s="8">
        <v>0</v>
      </c>
      <c r="J1812" s="8">
        <v>1</v>
      </c>
      <c r="K1812" s="9">
        <v>0.96</v>
      </c>
      <c r="L1812" s="6" t="s">
        <v>51</v>
      </c>
    </row>
    <row r="1813" spans="1:12">
      <c r="A1813" s="6" t="s">
        <v>49</v>
      </c>
      <c r="B1813" s="6"/>
      <c r="C1813" s="6" t="s">
        <v>1828</v>
      </c>
      <c r="D1813" s="6"/>
      <c r="E1813" s="6" t="s">
        <v>9</v>
      </c>
      <c r="F1813" s="7">
        <v>38657</v>
      </c>
      <c r="G1813" s="8">
        <v>1</v>
      </c>
      <c r="H1813" s="8">
        <v>1</v>
      </c>
      <c r="I1813" s="8">
        <v>0</v>
      </c>
      <c r="J1813" s="8">
        <v>1</v>
      </c>
      <c r="K1813" s="9">
        <v>1.48</v>
      </c>
      <c r="L1813" s="6" t="s">
        <v>51</v>
      </c>
    </row>
    <row r="1814" spans="1:12">
      <c r="A1814" s="6" t="s">
        <v>49</v>
      </c>
      <c r="B1814" s="6"/>
      <c r="C1814" s="6" t="s">
        <v>1829</v>
      </c>
      <c r="D1814" s="6"/>
      <c r="E1814" s="6" t="s">
        <v>9</v>
      </c>
      <c r="F1814" s="7">
        <v>38657</v>
      </c>
      <c r="G1814" s="8">
        <v>1</v>
      </c>
      <c r="H1814" s="8">
        <v>1</v>
      </c>
      <c r="I1814" s="8">
        <v>0</v>
      </c>
      <c r="J1814" s="8">
        <v>1</v>
      </c>
      <c r="K1814" s="9">
        <v>0.73</v>
      </c>
      <c r="L1814" s="6" t="s">
        <v>51</v>
      </c>
    </row>
    <row r="1815" spans="1:12">
      <c r="A1815" s="6" t="s">
        <v>49</v>
      </c>
      <c r="B1815" s="6"/>
      <c r="C1815" s="6" t="s">
        <v>1830</v>
      </c>
      <c r="D1815" s="6"/>
      <c r="E1815" s="6" t="s">
        <v>9</v>
      </c>
      <c r="F1815" s="7">
        <v>38657</v>
      </c>
      <c r="G1815" s="8">
        <v>1</v>
      </c>
      <c r="H1815" s="8">
        <v>1</v>
      </c>
      <c r="I1815" s="8">
        <v>0</v>
      </c>
      <c r="J1815" s="8">
        <v>1</v>
      </c>
      <c r="K1815" s="9">
        <v>2.3199999999999901</v>
      </c>
      <c r="L1815" s="6" t="s">
        <v>51</v>
      </c>
    </row>
    <row r="1816" spans="1:12">
      <c r="A1816" s="6" t="s">
        <v>49</v>
      </c>
      <c r="B1816" s="6"/>
      <c r="C1816" s="6" t="s">
        <v>1831</v>
      </c>
      <c r="D1816" s="6"/>
      <c r="E1816" s="6" t="s">
        <v>9</v>
      </c>
      <c r="F1816" s="7">
        <v>38657</v>
      </c>
      <c r="G1816" s="8">
        <v>1</v>
      </c>
      <c r="H1816" s="8">
        <v>1</v>
      </c>
      <c r="I1816" s="8">
        <v>0</v>
      </c>
      <c r="J1816" s="8">
        <v>1</v>
      </c>
      <c r="K1816" s="9">
        <v>1.33</v>
      </c>
      <c r="L1816" s="6" t="s">
        <v>51</v>
      </c>
    </row>
    <row r="1817" spans="1:12">
      <c r="A1817" s="6" t="s">
        <v>49</v>
      </c>
      <c r="B1817" s="6"/>
      <c r="C1817" s="6" t="s">
        <v>1832</v>
      </c>
      <c r="D1817" s="6"/>
      <c r="E1817" s="6" t="s">
        <v>9</v>
      </c>
      <c r="F1817" s="7">
        <v>38657</v>
      </c>
      <c r="G1817" s="8">
        <v>1</v>
      </c>
      <c r="H1817" s="8">
        <v>1</v>
      </c>
      <c r="I1817" s="8">
        <v>0</v>
      </c>
      <c r="J1817" s="8">
        <v>1</v>
      </c>
      <c r="K1817" s="9">
        <v>1.1599999999999899</v>
      </c>
      <c r="L1817" s="6" t="s">
        <v>51</v>
      </c>
    </row>
    <row r="1818" spans="1:12">
      <c r="A1818" s="6" t="s">
        <v>49</v>
      </c>
      <c r="B1818" s="6"/>
      <c r="C1818" s="6" t="s">
        <v>1833</v>
      </c>
      <c r="D1818" s="6"/>
      <c r="E1818" s="6" t="s">
        <v>9</v>
      </c>
      <c r="F1818" s="7">
        <v>38657</v>
      </c>
      <c r="G1818" s="8">
        <v>1</v>
      </c>
      <c r="H1818" s="8">
        <v>1</v>
      </c>
      <c r="I1818" s="8">
        <v>0</v>
      </c>
      <c r="J1818" s="8">
        <v>1</v>
      </c>
      <c r="K1818" s="9">
        <v>3.08</v>
      </c>
      <c r="L1818" s="6" t="s">
        <v>51</v>
      </c>
    </row>
    <row r="1819" spans="1:12">
      <c r="A1819" s="6" t="s">
        <v>49</v>
      </c>
      <c r="B1819" s="6"/>
      <c r="C1819" s="6" t="s">
        <v>1834</v>
      </c>
      <c r="D1819" s="6"/>
      <c r="E1819" s="6" t="s">
        <v>9</v>
      </c>
      <c r="F1819" s="7">
        <v>38657</v>
      </c>
      <c r="G1819" s="8">
        <v>1</v>
      </c>
      <c r="H1819" s="8">
        <v>1</v>
      </c>
      <c r="I1819" s="8">
        <v>0</v>
      </c>
      <c r="J1819" s="8">
        <v>1</v>
      </c>
      <c r="K1819" s="9">
        <v>6.93</v>
      </c>
      <c r="L1819" s="6" t="s">
        <v>51</v>
      </c>
    </row>
    <row r="1820" spans="1:12">
      <c r="A1820" s="6" t="s">
        <v>49</v>
      </c>
      <c r="B1820" s="6"/>
      <c r="C1820" s="6" t="s">
        <v>1835</v>
      </c>
      <c r="D1820" s="6"/>
      <c r="E1820" s="6" t="s">
        <v>9</v>
      </c>
      <c r="F1820" s="7">
        <v>38657</v>
      </c>
      <c r="G1820" s="8">
        <v>1</v>
      </c>
      <c r="H1820" s="8">
        <v>1</v>
      </c>
      <c r="I1820" s="8">
        <v>0</v>
      </c>
      <c r="J1820" s="8">
        <v>1</v>
      </c>
      <c r="K1820" s="9">
        <v>190</v>
      </c>
      <c r="L1820" s="6" t="s">
        <v>51</v>
      </c>
    </row>
    <row r="1821" spans="1:12">
      <c r="A1821" s="6" t="s">
        <v>49</v>
      </c>
      <c r="B1821" s="6"/>
      <c r="C1821" s="6" t="s">
        <v>1836</v>
      </c>
      <c r="D1821" s="6"/>
      <c r="E1821" s="6" t="s">
        <v>9</v>
      </c>
      <c r="F1821" s="7">
        <v>38657</v>
      </c>
      <c r="G1821" s="8">
        <v>1</v>
      </c>
      <c r="H1821" s="8">
        <v>1</v>
      </c>
      <c r="I1821" s="8">
        <v>0</v>
      </c>
      <c r="J1821" s="8">
        <v>1</v>
      </c>
      <c r="K1821" s="9">
        <v>53</v>
      </c>
      <c r="L1821" s="6" t="s">
        <v>51</v>
      </c>
    </row>
    <row r="1822" spans="1:12">
      <c r="A1822" s="6" t="s">
        <v>49</v>
      </c>
      <c r="B1822" s="6"/>
      <c r="C1822" s="6" t="s">
        <v>1837</v>
      </c>
      <c r="D1822" s="6"/>
      <c r="E1822" s="6" t="s">
        <v>9</v>
      </c>
      <c r="F1822" s="7">
        <v>38657</v>
      </c>
      <c r="G1822" s="8">
        <v>1</v>
      </c>
      <c r="H1822" s="8">
        <v>1</v>
      </c>
      <c r="I1822" s="8">
        <v>0</v>
      </c>
      <c r="J1822" s="8">
        <v>1</v>
      </c>
      <c r="K1822" s="9">
        <v>105.22</v>
      </c>
      <c r="L1822" s="6" t="s">
        <v>51</v>
      </c>
    </row>
    <row r="1823" spans="1:12">
      <c r="A1823" s="6" t="s">
        <v>49</v>
      </c>
      <c r="B1823" s="6"/>
      <c r="C1823" s="6" t="s">
        <v>1838</v>
      </c>
      <c r="D1823" s="6"/>
      <c r="E1823" s="6" t="s">
        <v>9</v>
      </c>
      <c r="F1823" s="7">
        <v>38657</v>
      </c>
      <c r="G1823" s="8">
        <v>1</v>
      </c>
      <c r="H1823" s="8">
        <v>1</v>
      </c>
      <c r="I1823" s="8">
        <v>0</v>
      </c>
      <c r="J1823" s="8">
        <v>1</v>
      </c>
      <c r="K1823" s="9">
        <v>220</v>
      </c>
      <c r="L1823" s="6" t="s">
        <v>51</v>
      </c>
    </row>
    <row r="1824" spans="1:12">
      <c r="A1824" s="6" t="s">
        <v>49</v>
      </c>
      <c r="B1824" s="6"/>
      <c r="C1824" s="6" t="s">
        <v>1839</v>
      </c>
      <c r="D1824" s="6"/>
      <c r="E1824" s="6" t="s">
        <v>9</v>
      </c>
      <c r="F1824" s="7">
        <v>38657</v>
      </c>
      <c r="G1824" s="8">
        <v>1</v>
      </c>
      <c r="H1824" s="8">
        <v>1</v>
      </c>
      <c r="I1824" s="8">
        <v>0</v>
      </c>
      <c r="J1824" s="8">
        <v>1</v>
      </c>
      <c r="K1824" s="9">
        <v>49</v>
      </c>
      <c r="L1824" s="6" t="s">
        <v>51</v>
      </c>
    </row>
    <row r="1825" spans="1:12">
      <c r="A1825" s="6" t="s">
        <v>49</v>
      </c>
      <c r="B1825" s="6"/>
      <c r="C1825" s="6" t="s">
        <v>1840</v>
      </c>
      <c r="D1825" s="6"/>
      <c r="E1825" s="6" t="s">
        <v>9</v>
      </c>
      <c r="F1825" s="7">
        <v>38657</v>
      </c>
      <c r="G1825" s="8">
        <v>1</v>
      </c>
      <c r="H1825" s="8">
        <v>1</v>
      </c>
      <c r="I1825" s="8">
        <v>0</v>
      </c>
      <c r="J1825" s="8">
        <v>1</v>
      </c>
      <c r="K1825" s="9">
        <v>73</v>
      </c>
      <c r="L1825" s="6" t="s">
        <v>51</v>
      </c>
    </row>
    <row r="1826" spans="1:12">
      <c r="A1826" s="6" t="s">
        <v>49</v>
      </c>
      <c r="B1826" s="6"/>
      <c r="C1826" s="6" t="s">
        <v>1841</v>
      </c>
      <c r="D1826" s="6"/>
      <c r="E1826" s="6" t="s">
        <v>9</v>
      </c>
      <c r="F1826" s="7">
        <v>41365</v>
      </c>
      <c r="G1826" s="8">
        <v>9494</v>
      </c>
      <c r="H1826" s="8">
        <v>9494</v>
      </c>
      <c r="I1826" s="8">
        <v>0</v>
      </c>
      <c r="J1826" s="8">
        <v>9494</v>
      </c>
      <c r="K1826" s="9">
        <v>202</v>
      </c>
      <c r="L1826" s="6" t="s">
        <v>1842</v>
      </c>
    </row>
    <row r="1827" spans="1:12">
      <c r="A1827" s="6" t="s">
        <v>49</v>
      </c>
      <c r="B1827" s="6"/>
      <c r="C1827" s="6" t="s">
        <v>1843</v>
      </c>
      <c r="D1827" s="6"/>
      <c r="E1827" s="6" t="s">
        <v>9</v>
      </c>
      <c r="F1827" s="7">
        <v>41542</v>
      </c>
      <c r="G1827" s="8">
        <v>120000</v>
      </c>
      <c r="H1827" s="8">
        <v>120000</v>
      </c>
      <c r="I1827" s="8">
        <v>0</v>
      </c>
      <c r="J1827" s="8">
        <v>120000</v>
      </c>
      <c r="K1827" s="9">
        <v>10</v>
      </c>
      <c r="L1827" s="6" t="s">
        <v>51</v>
      </c>
    </row>
    <row r="1828" spans="1:12">
      <c r="A1828" s="6" t="s">
        <v>49</v>
      </c>
      <c r="B1828" s="6"/>
      <c r="C1828" s="6" t="s">
        <v>1844</v>
      </c>
      <c r="D1828" s="6"/>
      <c r="E1828" s="6" t="s">
        <v>9</v>
      </c>
      <c r="F1828" s="7">
        <v>41542</v>
      </c>
      <c r="G1828" s="8">
        <v>1</v>
      </c>
      <c r="H1828" s="8">
        <v>1</v>
      </c>
      <c r="I1828" s="8">
        <v>0</v>
      </c>
      <c r="J1828" s="8">
        <v>1</v>
      </c>
      <c r="K1828" s="9">
        <v>104</v>
      </c>
      <c r="L1828" s="6" t="s">
        <v>51</v>
      </c>
    </row>
    <row r="1829" spans="1:12">
      <c r="A1829" s="6" t="s">
        <v>49</v>
      </c>
      <c r="B1829" s="6"/>
      <c r="C1829" s="6" t="s">
        <v>1845</v>
      </c>
      <c r="D1829" s="6"/>
      <c r="E1829" s="6" t="s">
        <v>9</v>
      </c>
      <c r="F1829" s="7">
        <v>41365</v>
      </c>
      <c r="G1829" s="8">
        <v>1</v>
      </c>
      <c r="H1829" s="8">
        <v>1</v>
      </c>
      <c r="I1829" s="8">
        <v>0</v>
      </c>
      <c r="J1829" s="8">
        <v>1</v>
      </c>
      <c r="K1829" s="9">
        <v>35</v>
      </c>
      <c r="L1829" s="6" t="s">
        <v>51</v>
      </c>
    </row>
    <row r="1830" spans="1:12">
      <c r="A1830" s="6" t="s">
        <v>49</v>
      </c>
      <c r="B1830" s="6"/>
      <c r="C1830" s="6" t="s">
        <v>1846</v>
      </c>
      <c r="D1830" s="6"/>
      <c r="E1830" s="6" t="s">
        <v>9</v>
      </c>
      <c r="F1830" s="7">
        <v>41534</v>
      </c>
      <c r="G1830" s="8">
        <v>1</v>
      </c>
      <c r="H1830" s="8">
        <v>1</v>
      </c>
      <c r="I1830" s="8">
        <v>0</v>
      </c>
      <c r="J1830" s="8">
        <v>1</v>
      </c>
      <c r="K1830" s="9">
        <v>25</v>
      </c>
      <c r="L1830" s="6" t="s">
        <v>51</v>
      </c>
    </row>
    <row r="1831" spans="1:12">
      <c r="A1831" s="6" t="s">
        <v>49</v>
      </c>
      <c r="B1831" s="6"/>
      <c r="C1831" s="6" t="s">
        <v>1847</v>
      </c>
      <c r="D1831" s="6"/>
      <c r="E1831" s="6" t="s">
        <v>9</v>
      </c>
      <c r="F1831" s="7">
        <v>38657</v>
      </c>
      <c r="G1831" s="8">
        <v>1</v>
      </c>
      <c r="H1831" s="8">
        <v>1</v>
      </c>
      <c r="I1831" s="8">
        <v>0</v>
      </c>
      <c r="J1831" s="8">
        <v>1</v>
      </c>
      <c r="K1831" s="9">
        <v>9.91</v>
      </c>
      <c r="L1831" s="6" t="s">
        <v>51</v>
      </c>
    </row>
    <row r="1832" spans="1:12">
      <c r="A1832" s="6" t="s">
        <v>49</v>
      </c>
      <c r="B1832" s="6"/>
      <c r="C1832" s="6" t="s">
        <v>1848</v>
      </c>
      <c r="D1832" s="6"/>
      <c r="E1832" s="6" t="s">
        <v>9</v>
      </c>
      <c r="F1832" s="7">
        <v>41365</v>
      </c>
      <c r="G1832" s="8">
        <v>1</v>
      </c>
      <c r="H1832" s="8">
        <v>1</v>
      </c>
      <c r="I1832" s="8">
        <v>0</v>
      </c>
      <c r="J1832" s="8">
        <v>1</v>
      </c>
      <c r="K1832" s="9">
        <v>96</v>
      </c>
      <c r="L1832" s="6" t="s">
        <v>51</v>
      </c>
    </row>
    <row r="1833" spans="1:12">
      <c r="A1833" s="6" t="s">
        <v>49</v>
      </c>
      <c r="B1833" s="6"/>
      <c r="C1833" s="6" t="s">
        <v>1849</v>
      </c>
      <c r="D1833" s="6"/>
      <c r="E1833" s="6" t="s">
        <v>9</v>
      </c>
      <c r="F1833" s="7">
        <v>40333</v>
      </c>
      <c r="G1833" s="8">
        <v>1</v>
      </c>
      <c r="H1833" s="8">
        <v>1</v>
      </c>
      <c r="I1833" s="8">
        <v>0</v>
      </c>
      <c r="J1833" s="8">
        <v>1</v>
      </c>
      <c r="K1833" s="9">
        <v>32</v>
      </c>
      <c r="L1833" s="6" t="s">
        <v>51</v>
      </c>
    </row>
    <row r="1834" spans="1:12">
      <c r="A1834" s="6" t="s">
        <v>49</v>
      </c>
      <c r="B1834" s="6"/>
      <c r="C1834" s="6" t="s">
        <v>1850</v>
      </c>
      <c r="D1834" s="6"/>
      <c r="E1834" s="6" t="s">
        <v>9</v>
      </c>
      <c r="F1834" s="7">
        <v>40333</v>
      </c>
      <c r="G1834" s="8">
        <v>1</v>
      </c>
      <c r="H1834" s="8">
        <v>1</v>
      </c>
      <c r="I1834" s="8">
        <v>0</v>
      </c>
      <c r="J1834" s="8">
        <v>1</v>
      </c>
      <c r="K1834" s="9">
        <v>95</v>
      </c>
      <c r="L1834" s="6" t="s">
        <v>51</v>
      </c>
    </row>
    <row r="1835" spans="1:12">
      <c r="A1835" s="6" t="s">
        <v>49</v>
      </c>
      <c r="B1835" s="6"/>
      <c r="C1835" s="6" t="s">
        <v>1851</v>
      </c>
      <c r="D1835" s="6"/>
      <c r="E1835" s="6" t="s">
        <v>9</v>
      </c>
      <c r="F1835" s="7">
        <v>40333</v>
      </c>
      <c r="G1835" s="8">
        <v>1</v>
      </c>
      <c r="H1835" s="8">
        <v>1</v>
      </c>
      <c r="I1835" s="8">
        <v>0</v>
      </c>
      <c r="J1835" s="8">
        <v>1</v>
      </c>
      <c r="K1835" s="9">
        <v>53</v>
      </c>
      <c r="L1835" s="6" t="s">
        <v>51</v>
      </c>
    </row>
    <row r="1836" spans="1:12">
      <c r="A1836" s="6" t="s">
        <v>49</v>
      </c>
      <c r="B1836" s="6"/>
      <c r="C1836" s="6" t="s">
        <v>1852</v>
      </c>
      <c r="D1836" s="6"/>
      <c r="E1836" s="6" t="s">
        <v>9</v>
      </c>
      <c r="F1836" s="7">
        <v>40101</v>
      </c>
      <c r="G1836" s="8">
        <v>1</v>
      </c>
      <c r="H1836" s="8">
        <v>1</v>
      </c>
      <c r="I1836" s="8">
        <v>0</v>
      </c>
      <c r="J1836" s="8">
        <v>1</v>
      </c>
      <c r="K1836" s="9">
        <v>264</v>
      </c>
      <c r="L1836" s="6" t="s">
        <v>51</v>
      </c>
    </row>
    <row r="1837" spans="1:12">
      <c r="A1837" s="6" t="s">
        <v>49</v>
      </c>
      <c r="B1837" s="6"/>
      <c r="C1837" s="6" t="s">
        <v>1853</v>
      </c>
      <c r="D1837" s="6"/>
      <c r="E1837" s="6" t="s">
        <v>9</v>
      </c>
      <c r="F1837" s="7">
        <v>38657</v>
      </c>
      <c r="G1837" s="8">
        <v>1</v>
      </c>
      <c r="H1837" s="8">
        <v>1</v>
      </c>
      <c r="I1837" s="8">
        <v>0</v>
      </c>
      <c r="J1837" s="8">
        <v>1</v>
      </c>
      <c r="K1837" s="9">
        <v>11</v>
      </c>
      <c r="L1837" s="6" t="s">
        <v>51</v>
      </c>
    </row>
    <row r="1838" spans="1:12">
      <c r="A1838" s="6" t="s">
        <v>49</v>
      </c>
      <c r="B1838" s="6"/>
      <c r="C1838" s="6" t="s">
        <v>1854</v>
      </c>
      <c r="D1838" s="6"/>
      <c r="E1838" s="6" t="s">
        <v>9</v>
      </c>
      <c r="F1838" s="7">
        <v>40333</v>
      </c>
      <c r="G1838" s="8">
        <v>1</v>
      </c>
      <c r="H1838" s="8">
        <v>1</v>
      </c>
      <c r="I1838" s="8">
        <v>0</v>
      </c>
      <c r="J1838" s="8">
        <v>1</v>
      </c>
      <c r="K1838" s="9">
        <v>92</v>
      </c>
      <c r="L1838" s="6" t="s">
        <v>51</v>
      </c>
    </row>
    <row r="1839" spans="1:12">
      <c r="A1839" s="6" t="s">
        <v>49</v>
      </c>
      <c r="B1839" s="6"/>
      <c r="C1839" s="6" t="s">
        <v>1855</v>
      </c>
      <c r="D1839" s="6"/>
      <c r="E1839" s="6" t="s">
        <v>9</v>
      </c>
      <c r="F1839" s="7">
        <v>40333</v>
      </c>
      <c r="G1839" s="8">
        <v>1</v>
      </c>
      <c r="H1839" s="8">
        <v>1</v>
      </c>
      <c r="I1839" s="8">
        <v>0</v>
      </c>
      <c r="J1839" s="8">
        <v>1</v>
      </c>
      <c r="K1839" s="9">
        <v>55</v>
      </c>
      <c r="L1839" s="6" t="s">
        <v>51</v>
      </c>
    </row>
    <row r="1840" spans="1:12">
      <c r="A1840" s="6" t="s">
        <v>49</v>
      </c>
      <c r="B1840" s="6"/>
      <c r="C1840" s="6" t="s">
        <v>1856</v>
      </c>
      <c r="D1840" s="6"/>
      <c r="E1840" s="6" t="s">
        <v>9</v>
      </c>
      <c r="F1840" s="7">
        <v>41606</v>
      </c>
      <c r="G1840" s="8">
        <v>146160</v>
      </c>
      <c r="H1840" s="8">
        <v>146160</v>
      </c>
      <c r="I1840" s="8">
        <v>0</v>
      </c>
      <c r="J1840" s="8">
        <v>146160</v>
      </c>
      <c r="K1840" s="9">
        <v>12.18</v>
      </c>
      <c r="L1840" s="6" t="s">
        <v>10</v>
      </c>
    </row>
    <row r="1841" spans="1:12">
      <c r="A1841" s="6" t="s">
        <v>49</v>
      </c>
      <c r="B1841" s="6"/>
      <c r="C1841" s="6" t="s">
        <v>1857</v>
      </c>
      <c r="D1841" s="6"/>
      <c r="E1841" s="6" t="s">
        <v>9</v>
      </c>
      <c r="F1841" s="7">
        <v>40750</v>
      </c>
      <c r="G1841" s="8">
        <v>1</v>
      </c>
      <c r="H1841" s="8">
        <v>1</v>
      </c>
      <c r="I1841" s="8">
        <v>0</v>
      </c>
      <c r="J1841" s="8">
        <v>1</v>
      </c>
      <c r="K1841" s="9">
        <v>17</v>
      </c>
      <c r="L1841" s="6" t="s">
        <v>51</v>
      </c>
    </row>
    <row r="1842" spans="1:12">
      <c r="A1842" s="6" t="s">
        <v>49</v>
      </c>
      <c r="B1842" s="6"/>
      <c r="C1842" s="6" t="s">
        <v>1858</v>
      </c>
      <c r="D1842" s="6"/>
      <c r="E1842" s="6" t="s">
        <v>9</v>
      </c>
      <c r="F1842" s="7"/>
      <c r="G1842" s="8">
        <v>1</v>
      </c>
      <c r="H1842" s="8">
        <v>1</v>
      </c>
      <c r="I1842" s="8">
        <v>0</v>
      </c>
      <c r="J1842" s="8">
        <v>1</v>
      </c>
      <c r="K1842" s="9">
        <v>3.3</v>
      </c>
      <c r="L1842" s="6" t="s">
        <v>51</v>
      </c>
    </row>
    <row r="1843" spans="1:12">
      <c r="A1843" s="6" t="s">
        <v>49</v>
      </c>
      <c r="B1843" s="6"/>
      <c r="C1843" s="6" t="s">
        <v>1859</v>
      </c>
      <c r="D1843" s="6"/>
      <c r="E1843" s="6" t="s">
        <v>9</v>
      </c>
      <c r="F1843" s="7">
        <v>38657</v>
      </c>
      <c r="G1843" s="8">
        <v>1</v>
      </c>
      <c r="H1843" s="8">
        <v>1</v>
      </c>
      <c r="I1843" s="8">
        <v>0</v>
      </c>
      <c r="J1843" s="8">
        <v>1</v>
      </c>
      <c r="K1843" s="9">
        <v>64.66</v>
      </c>
      <c r="L1843" s="6" t="s">
        <v>51</v>
      </c>
    </row>
    <row r="1844" spans="1:12">
      <c r="A1844" s="6" t="s">
        <v>49</v>
      </c>
      <c r="B1844" s="6"/>
      <c r="C1844" s="6" t="s">
        <v>1860</v>
      </c>
      <c r="D1844" s="6"/>
      <c r="E1844" s="6" t="s">
        <v>9</v>
      </c>
      <c r="F1844" s="7">
        <v>38657</v>
      </c>
      <c r="G1844" s="8">
        <v>1</v>
      </c>
      <c r="H1844" s="8">
        <v>1</v>
      </c>
      <c r="I1844" s="8">
        <v>0</v>
      </c>
      <c r="J1844" s="8">
        <v>1</v>
      </c>
      <c r="K1844" s="9">
        <v>11</v>
      </c>
      <c r="L1844" s="6" t="s">
        <v>51</v>
      </c>
    </row>
    <row r="1845" spans="1:12">
      <c r="A1845" s="6" t="s">
        <v>49</v>
      </c>
      <c r="B1845" s="6"/>
      <c r="C1845" s="6" t="s">
        <v>1861</v>
      </c>
      <c r="D1845" s="6"/>
      <c r="E1845" s="6" t="s">
        <v>9</v>
      </c>
      <c r="F1845" s="7">
        <v>38657</v>
      </c>
      <c r="G1845" s="8">
        <v>1</v>
      </c>
      <c r="H1845" s="8">
        <v>1</v>
      </c>
      <c r="I1845" s="8">
        <v>0</v>
      </c>
      <c r="J1845" s="8">
        <v>1</v>
      </c>
      <c r="K1845" s="9">
        <v>17</v>
      </c>
      <c r="L1845" s="6" t="s">
        <v>51</v>
      </c>
    </row>
    <row r="1846" spans="1:12">
      <c r="A1846" s="6" t="s">
        <v>49</v>
      </c>
      <c r="B1846" s="6"/>
      <c r="C1846" s="6" t="s">
        <v>1862</v>
      </c>
      <c r="D1846" s="6"/>
      <c r="E1846" s="6" t="s">
        <v>9</v>
      </c>
      <c r="F1846" s="7">
        <v>38657</v>
      </c>
      <c r="G1846" s="8">
        <v>1</v>
      </c>
      <c r="H1846" s="8">
        <v>1</v>
      </c>
      <c r="I1846" s="8">
        <v>0</v>
      </c>
      <c r="J1846" s="8">
        <v>1</v>
      </c>
      <c r="K1846" s="9">
        <v>3.29</v>
      </c>
      <c r="L1846" s="6" t="s">
        <v>51</v>
      </c>
    </row>
    <row r="1847" spans="1:12">
      <c r="A1847" s="6" t="s">
        <v>49</v>
      </c>
      <c r="B1847" s="6"/>
      <c r="C1847" s="6" t="s">
        <v>1863</v>
      </c>
      <c r="D1847" s="6"/>
      <c r="E1847" s="6" t="s">
        <v>9</v>
      </c>
      <c r="F1847" s="7">
        <v>38657</v>
      </c>
      <c r="G1847" s="8">
        <v>1</v>
      </c>
      <c r="H1847" s="8">
        <v>1</v>
      </c>
      <c r="I1847" s="8">
        <v>0</v>
      </c>
      <c r="J1847" s="8">
        <v>1</v>
      </c>
      <c r="K1847" s="9">
        <v>51</v>
      </c>
      <c r="L1847" s="6" t="s">
        <v>51</v>
      </c>
    </row>
    <row r="1848" spans="1:12">
      <c r="A1848" s="6" t="s">
        <v>49</v>
      </c>
      <c r="B1848" s="6"/>
      <c r="C1848" s="6" t="s">
        <v>1864</v>
      </c>
      <c r="D1848" s="6"/>
      <c r="E1848" s="6" t="s">
        <v>9</v>
      </c>
      <c r="F1848" s="7">
        <v>40333</v>
      </c>
      <c r="G1848" s="8">
        <v>1</v>
      </c>
      <c r="H1848" s="8">
        <v>1</v>
      </c>
      <c r="I1848" s="8">
        <v>0</v>
      </c>
      <c r="J1848" s="8">
        <v>1</v>
      </c>
      <c r="K1848" s="9">
        <v>13</v>
      </c>
      <c r="L1848" s="6" t="s">
        <v>51</v>
      </c>
    </row>
    <row r="1849" spans="1:12">
      <c r="A1849" s="6" t="s">
        <v>49</v>
      </c>
      <c r="B1849" s="6"/>
      <c r="C1849" s="6" t="s">
        <v>1865</v>
      </c>
      <c r="D1849" s="6"/>
      <c r="E1849" s="6" t="s">
        <v>9</v>
      </c>
      <c r="F1849" s="7">
        <v>38657</v>
      </c>
      <c r="G1849" s="8">
        <v>1</v>
      </c>
      <c r="H1849" s="8">
        <v>1</v>
      </c>
      <c r="I1849" s="8">
        <v>0</v>
      </c>
      <c r="J1849" s="8">
        <v>1</v>
      </c>
      <c r="K1849" s="9">
        <v>41.42</v>
      </c>
      <c r="L1849" s="6" t="s">
        <v>51</v>
      </c>
    </row>
    <row r="1850" spans="1:12">
      <c r="A1850" s="6" t="s">
        <v>49</v>
      </c>
      <c r="B1850" s="6"/>
      <c r="C1850" s="6" t="s">
        <v>1866</v>
      </c>
      <c r="D1850" s="6"/>
      <c r="E1850" s="6" t="s">
        <v>9</v>
      </c>
      <c r="F1850" s="7">
        <v>38657</v>
      </c>
      <c r="G1850" s="8">
        <v>1</v>
      </c>
      <c r="H1850" s="8">
        <v>1</v>
      </c>
      <c r="I1850" s="8">
        <v>0</v>
      </c>
      <c r="J1850" s="8">
        <v>1</v>
      </c>
      <c r="K1850" s="9">
        <v>63.31</v>
      </c>
      <c r="L1850" s="6" t="s">
        <v>51</v>
      </c>
    </row>
    <row r="1851" spans="1:12">
      <c r="A1851" s="6" t="s">
        <v>49</v>
      </c>
      <c r="B1851" s="6"/>
      <c r="C1851" s="6" t="s">
        <v>1867</v>
      </c>
      <c r="D1851" s="6"/>
      <c r="E1851" s="6" t="s">
        <v>9</v>
      </c>
      <c r="F1851" s="7">
        <v>38657</v>
      </c>
      <c r="G1851" s="8">
        <v>1</v>
      </c>
      <c r="H1851" s="8">
        <v>1</v>
      </c>
      <c r="I1851" s="8">
        <v>0</v>
      </c>
      <c r="J1851" s="8">
        <v>1</v>
      </c>
      <c r="K1851" s="9">
        <v>24</v>
      </c>
      <c r="L1851" s="6" t="s">
        <v>51</v>
      </c>
    </row>
    <row r="1852" spans="1:12">
      <c r="A1852" s="6" t="s">
        <v>49</v>
      </c>
      <c r="B1852" s="6"/>
      <c r="C1852" s="6" t="s">
        <v>1868</v>
      </c>
      <c r="D1852" s="6"/>
      <c r="E1852" s="6" t="s">
        <v>9</v>
      </c>
      <c r="F1852" s="7">
        <v>38657</v>
      </c>
      <c r="G1852" s="8">
        <v>1</v>
      </c>
      <c r="H1852" s="8">
        <v>1</v>
      </c>
      <c r="I1852" s="8">
        <v>0</v>
      </c>
      <c r="J1852" s="8">
        <v>1</v>
      </c>
      <c r="K1852" s="9">
        <v>23</v>
      </c>
      <c r="L1852" s="6" t="s">
        <v>51</v>
      </c>
    </row>
    <row r="1853" spans="1:12">
      <c r="A1853" s="6" t="s">
        <v>49</v>
      </c>
      <c r="B1853" s="6"/>
      <c r="C1853" s="6" t="s">
        <v>1869</v>
      </c>
      <c r="D1853" s="6"/>
      <c r="E1853" s="6" t="s">
        <v>9</v>
      </c>
      <c r="F1853" s="7"/>
      <c r="G1853" s="8">
        <v>1</v>
      </c>
      <c r="H1853" s="8">
        <v>1</v>
      </c>
      <c r="I1853" s="8">
        <v>0</v>
      </c>
      <c r="J1853" s="8">
        <v>1</v>
      </c>
      <c r="K1853" s="9">
        <v>6.61</v>
      </c>
      <c r="L1853" s="6" t="s">
        <v>51</v>
      </c>
    </row>
    <row r="1854" spans="1:12">
      <c r="A1854" s="6" t="s">
        <v>49</v>
      </c>
      <c r="B1854" s="6"/>
      <c r="C1854" s="6" t="s">
        <v>1870</v>
      </c>
      <c r="D1854" s="6"/>
      <c r="E1854" s="6" t="s">
        <v>9</v>
      </c>
      <c r="F1854" s="7">
        <v>38657</v>
      </c>
      <c r="G1854" s="8">
        <v>1</v>
      </c>
      <c r="H1854" s="8">
        <v>1</v>
      </c>
      <c r="I1854" s="8">
        <v>0</v>
      </c>
      <c r="J1854" s="8">
        <v>1</v>
      </c>
      <c r="K1854" s="9">
        <v>29</v>
      </c>
      <c r="L1854" s="6" t="s">
        <v>51</v>
      </c>
    </row>
    <row r="1855" spans="1:12">
      <c r="A1855" s="6" t="s">
        <v>49</v>
      </c>
      <c r="B1855" s="6"/>
      <c r="C1855" s="6" t="s">
        <v>1871</v>
      </c>
      <c r="D1855" s="6"/>
      <c r="E1855" s="6" t="s">
        <v>9</v>
      </c>
      <c r="F1855" s="7">
        <v>38657</v>
      </c>
      <c r="G1855" s="8">
        <v>1</v>
      </c>
      <c r="H1855" s="8">
        <v>1</v>
      </c>
      <c r="I1855" s="8">
        <v>0</v>
      </c>
      <c r="J1855" s="8">
        <v>1</v>
      </c>
      <c r="K1855" s="9">
        <v>18</v>
      </c>
      <c r="L1855" s="6" t="s">
        <v>51</v>
      </c>
    </row>
    <row r="1856" spans="1:12">
      <c r="A1856" s="6" t="s">
        <v>49</v>
      </c>
      <c r="B1856" s="6"/>
      <c r="C1856" s="6" t="s">
        <v>1872</v>
      </c>
      <c r="D1856" s="6"/>
      <c r="E1856" s="6" t="s">
        <v>9</v>
      </c>
      <c r="F1856" s="7">
        <v>38657</v>
      </c>
      <c r="G1856" s="8">
        <v>1</v>
      </c>
      <c r="H1856" s="8">
        <v>1</v>
      </c>
      <c r="I1856" s="8">
        <v>0</v>
      </c>
      <c r="J1856" s="8">
        <v>1</v>
      </c>
      <c r="K1856" s="9">
        <v>25</v>
      </c>
      <c r="L1856" s="6" t="s">
        <v>51</v>
      </c>
    </row>
    <row r="1857" spans="1:12">
      <c r="A1857" s="6" t="s">
        <v>49</v>
      </c>
      <c r="B1857" s="6"/>
      <c r="C1857" s="6" t="s">
        <v>1873</v>
      </c>
      <c r="D1857" s="6"/>
      <c r="E1857" s="6" t="s">
        <v>9</v>
      </c>
      <c r="F1857" s="7">
        <v>38657</v>
      </c>
      <c r="G1857" s="8">
        <v>1</v>
      </c>
      <c r="H1857" s="8">
        <v>1</v>
      </c>
      <c r="I1857" s="8">
        <v>0</v>
      </c>
      <c r="J1857" s="8">
        <v>1</v>
      </c>
      <c r="K1857" s="9">
        <v>43</v>
      </c>
      <c r="L1857" s="6" t="s">
        <v>51</v>
      </c>
    </row>
    <row r="1858" spans="1:12">
      <c r="A1858" s="6" t="s">
        <v>49</v>
      </c>
      <c r="B1858" s="6"/>
      <c r="C1858" s="6" t="s">
        <v>1874</v>
      </c>
      <c r="D1858" s="6"/>
      <c r="E1858" s="6" t="s">
        <v>9</v>
      </c>
      <c r="F1858" s="7">
        <v>38657</v>
      </c>
      <c r="G1858" s="8">
        <v>1</v>
      </c>
      <c r="H1858" s="8">
        <v>1</v>
      </c>
      <c r="I1858" s="8">
        <v>0</v>
      </c>
      <c r="J1858" s="8">
        <v>1</v>
      </c>
      <c r="K1858" s="9">
        <v>42</v>
      </c>
      <c r="L1858" s="6" t="s">
        <v>51</v>
      </c>
    </row>
    <row r="1859" spans="1:12">
      <c r="A1859" s="6" t="s">
        <v>49</v>
      </c>
      <c r="B1859" s="6"/>
      <c r="C1859" s="6" t="s">
        <v>1875</v>
      </c>
      <c r="D1859" s="6"/>
      <c r="E1859" s="6" t="s">
        <v>9</v>
      </c>
      <c r="F1859" s="7">
        <v>38657</v>
      </c>
      <c r="G1859" s="8">
        <v>1</v>
      </c>
      <c r="H1859" s="8">
        <v>1</v>
      </c>
      <c r="I1859" s="8">
        <v>0</v>
      </c>
      <c r="J1859" s="8">
        <v>1</v>
      </c>
      <c r="K1859" s="9">
        <v>57</v>
      </c>
      <c r="L1859" s="6" t="s">
        <v>51</v>
      </c>
    </row>
    <row r="1860" spans="1:12">
      <c r="A1860" s="6" t="s">
        <v>49</v>
      </c>
      <c r="B1860" s="6"/>
      <c r="C1860" s="6" t="s">
        <v>1876</v>
      </c>
      <c r="D1860" s="6"/>
      <c r="E1860" s="6" t="s">
        <v>9</v>
      </c>
      <c r="F1860" s="7">
        <v>38657</v>
      </c>
      <c r="G1860" s="8">
        <v>1</v>
      </c>
      <c r="H1860" s="8">
        <v>1</v>
      </c>
      <c r="I1860" s="8">
        <v>0</v>
      </c>
      <c r="J1860" s="8">
        <v>1</v>
      </c>
      <c r="K1860" s="9">
        <v>7.31</v>
      </c>
      <c r="L1860" s="6" t="s">
        <v>51</v>
      </c>
    </row>
    <row r="1861" spans="1:12">
      <c r="A1861" s="6" t="s">
        <v>49</v>
      </c>
      <c r="B1861" s="6"/>
      <c r="C1861" s="6" t="s">
        <v>1877</v>
      </c>
      <c r="D1861" s="6"/>
      <c r="E1861" s="6" t="s">
        <v>9</v>
      </c>
      <c r="F1861" s="7">
        <v>38657</v>
      </c>
      <c r="G1861" s="8">
        <v>1</v>
      </c>
      <c r="H1861" s="8">
        <v>1</v>
      </c>
      <c r="I1861" s="8">
        <v>0</v>
      </c>
      <c r="J1861" s="8">
        <v>1</v>
      </c>
      <c r="K1861" s="9">
        <v>29</v>
      </c>
      <c r="L1861" s="6" t="s">
        <v>51</v>
      </c>
    </row>
    <row r="1862" spans="1:12">
      <c r="A1862" s="6" t="s">
        <v>49</v>
      </c>
      <c r="B1862" s="6"/>
      <c r="C1862" s="6" t="s">
        <v>1878</v>
      </c>
      <c r="D1862" s="6"/>
      <c r="E1862" s="6" t="s">
        <v>9</v>
      </c>
      <c r="F1862" s="7">
        <v>38657</v>
      </c>
      <c r="G1862" s="8">
        <v>1</v>
      </c>
      <c r="H1862" s="8">
        <v>1</v>
      </c>
      <c r="I1862" s="8">
        <v>0</v>
      </c>
      <c r="J1862" s="8">
        <v>1</v>
      </c>
      <c r="K1862" s="9">
        <v>2.09</v>
      </c>
      <c r="L1862" s="6" t="s">
        <v>51</v>
      </c>
    </row>
    <row r="1863" spans="1:12">
      <c r="A1863" s="6" t="s">
        <v>49</v>
      </c>
      <c r="B1863" s="6"/>
      <c r="C1863" s="6" t="s">
        <v>1879</v>
      </c>
      <c r="D1863" s="6"/>
      <c r="E1863" s="6" t="s">
        <v>9</v>
      </c>
      <c r="F1863" s="7">
        <v>38657</v>
      </c>
      <c r="G1863" s="8">
        <v>1</v>
      </c>
      <c r="H1863" s="8">
        <v>1</v>
      </c>
      <c r="I1863" s="8">
        <v>0</v>
      </c>
      <c r="J1863" s="8">
        <v>1</v>
      </c>
      <c r="K1863" s="9">
        <v>2010</v>
      </c>
      <c r="L1863" s="6" t="s">
        <v>51</v>
      </c>
    </row>
    <row r="1864" spans="1:12">
      <c r="A1864" s="6" t="s">
        <v>49</v>
      </c>
      <c r="B1864" s="6"/>
      <c r="C1864" s="6" t="s">
        <v>1880</v>
      </c>
      <c r="D1864" s="6"/>
      <c r="E1864" s="6" t="s">
        <v>9</v>
      </c>
      <c r="F1864" s="7"/>
      <c r="G1864" s="8">
        <v>1</v>
      </c>
      <c r="H1864" s="8">
        <v>1</v>
      </c>
      <c r="I1864" s="8">
        <v>0</v>
      </c>
      <c r="J1864" s="8">
        <v>1</v>
      </c>
      <c r="K1864" s="9">
        <v>6.61</v>
      </c>
      <c r="L1864" s="6" t="s">
        <v>51</v>
      </c>
    </row>
    <row r="1865" spans="1:12">
      <c r="A1865" s="6" t="s">
        <v>49</v>
      </c>
      <c r="B1865" s="6"/>
      <c r="C1865" s="6" t="s">
        <v>1881</v>
      </c>
      <c r="D1865" s="6"/>
      <c r="E1865" s="6" t="s">
        <v>9</v>
      </c>
      <c r="F1865" s="7">
        <v>38657</v>
      </c>
      <c r="G1865" s="8">
        <v>1</v>
      </c>
      <c r="H1865" s="8">
        <v>1</v>
      </c>
      <c r="I1865" s="8">
        <v>0</v>
      </c>
      <c r="J1865" s="8">
        <v>1</v>
      </c>
      <c r="K1865" s="9">
        <v>50</v>
      </c>
      <c r="L1865" s="6" t="s">
        <v>51</v>
      </c>
    </row>
    <row r="1866" spans="1:12">
      <c r="A1866" s="6" t="s">
        <v>49</v>
      </c>
      <c r="B1866" s="6"/>
      <c r="C1866" s="6" t="s">
        <v>1882</v>
      </c>
      <c r="D1866" s="6"/>
      <c r="E1866" s="6" t="s">
        <v>9</v>
      </c>
      <c r="F1866" s="7">
        <v>38657</v>
      </c>
      <c r="G1866" s="8">
        <v>1</v>
      </c>
      <c r="H1866" s="8">
        <v>1</v>
      </c>
      <c r="I1866" s="8">
        <v>0</v>
      </c>
      <c r="J1866" s="8">
        <v>1</v>
      </c>
      <c r="K1866" s="9">
        <v>63</v>
      </c>
      <c r="L1866" s="6" t="s">
        <v>51</v>
      </c>
    </row>
    <row r="1867" spans="1:12">
      <c r="A1867" s="6" t="s">
        <v>49</v>
      </c>
      <c r="B1867" s="6"/>
      <c r="C1867" s="6" t="s">
        <v>1883</v>
      </c>
      <c r="D1867" s="6"/>
      <c r="E1867" s="6" t="s">
        <v>9</v>
      </c>
      <c r="F1867" s="7">
        <v>38657</v>
      </c>
      <c r="G1867" s="8">
        <v>1</v>
      </c>
      <c r="H1867" s="8">
        <v>1</v>
      </c>
      <c r="I1867" s="8">
        <v>0</v>
      </c>
      <c r="J1867" s="8">
        <v>1</v>
      </c>
      <c r="K1867" s="9">
        <v>23</v>
      </c>
      <c r="L1867" s="6" t="s">
        <v>51</v>
      </c>
    </row>
    <row r="1868" spans="1:12">
      <c r="A1868" s="6" t="s">
        <v>49</v>
      </c>
      <c r="B1868" s="6"/>
      <c r="C1868" s="6" t="s">
        <v>1884</v>
      </c>
      <c r="D1868" s="6"/>
      <c r="E1868" s="6" t="s">
        <v>9</v>
      </c>
      <c r="F1868" s="7">
        <v>38657</v>
      </c>
      <c r="G1868" s="8">
        <v>1</v>
      </c>
      <c r="H1868" s="8">
        <v>1</v>
      </c>
      <c r="I1868" s="8">
        <v>0</v>
      </c>
      <c r="J1868" s="8">
        <v>1</v>
      </c>
      <c r="K1868" s="9">
        <v>39</v>
      </c>
      <c r="L1868" s="6" t="s">
        <v>51</v>
      </c>
    </row>
    <row r="1869" spans="1:12">
      <c r="A1869" s="6" t="s">
        <v>49</v>
      </c>
      <c r="B1869" s="6"/>
      <c r="C1869" s="6" t="s">
        <v>1885</v>
      </c>
      <c r="D1869" s="6"/>
      <c r="E1869" s="6" t="s">
        <v>9</v>
      </c>
      <c r="F1869" s="7">
        <v>38657</v>
      </c>
      <c r="G1869" s="8">
        <v>1</v>
      </c>
      <c r="H1869" s="8">
        <v>1</v>
      </c>
      <c r="I1869" s="8">
        <v>0</v>
      </c>
      <c r="J1869" s="8">
        <v>1</v>
      </c>
      <c r="K1869" s="9">
        <v>33.81</v>
      </c>
      <c r="L1869" s="6" t="s">
        <v>51</v>
      </c>
    </row>
    <row r="1870" spans="1:12">
      <c r="A1870" s="6" t="s">
        <v>49</v>
      </c>
      <c r="B1870" s="6"/>
      <c r="C1870" s="6" t="s">
        <v>1886</v>
      </c>
      <c r="D1870" s="6"/>
      <c r="E1870" s="6" t="s">
        <v>9</v>
      </c>
      <c r="F1870" s="7">
        <v>38657</v>
      </c>
      <c r="G1870" s="8">
        <v>1</v>
      </c>
      <c r="H1870" s="8">
        <v>1</v>
      </c>
      <c r="I1870" s="8">
        <v>0</v>
      </c>
      <c r="J1870" s="8">
        <v>1</v>
      </c>
      <c r="K1870" s="9">
        <v>52.76</v>
      </c>
      <c r="L1870" s="6" t="s">
        <v>51</v>
      </c>
    </row>
    <row r="1871" spans="1:12">
      <c r="A1871" s="6" t="s">
        <v>49</v>
      </c>
      <c r="B1871" s="6"/>
      <c r="C1871" s="6" t="s">
        <v>1887</v>
      </c>
      <c r="D1871" s="6"/>
      <c r="E1871" s="6" t="s">
        <v>9</v>
      </c>
      <c r="F1871" s="7">
        <v>38657</v>
      </c>
      <c r="G1871" s="8">
        <v>1</v>
      </c>
      <c r="H1871" s="8">
        <v>1</v>
      </c>
      <c r="I1871" s="8">
        <v>0</v>
      </c>
      <c r="J1871" s="8">
        <v>1</v>
      </c>
      <c r="K1871" s="9">
        <v>36</v>
      </c>
      <c r="L1871" s="6" t="s">
        <v>51</v>
      </c>
    </row>
    <row r="1872" spans="1:12">
      <c r="A1872" s="6" t="s">
        <v>49</v>
      </c>
      <c r="B1872" s="6"/>
      <c r="C1872" s="6" t="s">
        <v>1888</v>
      </c>
      <c r="D1872" s="6"/>
      <c r="E1872" s="6" t="s">
        <v>9</v>
      </c>
      <c r="F1872" s="7">
        <v>38657</v>
      </c>
      <c r="G1872" s="8">
        <v>1</v>
      </c>
      <c r="H1872" s="8">
        <v>1</v>
      </c>
      <c r="I1872" s="8">
        <v>0</v>
      </c>
      <c r="J1872" s="8">
        <v>1</v>
      </c>
      <c r="K1872" s="9">
        <v>122</v>
      </c>
      <c r="L1872" s="6" t="s">
        <v>51</v>
      </c>
    </row>
    <row r="1873" spans="1:12">
      <c r="A1873" s="6" t="s">
        <v>49</v>
      </c>
      <c r="B1873" s="6"/>
      <c r="C1873" s="6" t="s">
        <v>1889</v>
      </c>
      <c r="D1873" s="6"/>
      <c r="E1873" s="6" t="s">
        <v>9</v>
      </c>
      <c r="F1873" s="7">
        <v>38657</v>
      </c>
      <c r="G1873" s="8">
        <v>1</v>
      </c>
      <c r="H1873" s="8">
        <v>1</v>
      </c>
      <c r="I1873" s="8">
        <v>0</v>
      </c>
      <c r="J1873" s="8">
        <v>1</v>
      </c>
      <c r="K1873" s="9">
        <v>135</v>
      </c>
      <c r="L1873" s="6" t="s">
        <v>51</v>
      </c>
    </row>
    <row r="1874" spans="1:12">
      <c r="A1874" s="6" t="s">
        <v>49</v>
      </c>
      <c r="B1874" s="6"/>
      <c r="C1874" s="6" t="s">
        <v>1890</v>
      </c>
      <c r="D1874" s="6"/>
      <c r="E1874" s="6" t="s">
        <v>9</v>
      </c>
      <c r="F1874" s="7">
        <v>38657</v>
      </c>
      <c r="G1874" s="8">
        <v>1</v>
      </c>
      <c r="H1874" s="8">
        <v>1</v>
      </c>
      <c r="I1874" s="8">
        <v>0</v>
      </c>
      <c r="J1874" s="8">
        <v>1</v>
      </c>
      <c r="K1874" s="9">
        <v>19</v>
      </c>
      <c r="L1874" s="6" t="s">
        <v>51</v>
      </c>
    </row>
    <row r="1875" spans="1:12">
      <c r="A1875" s="6" t="s">
        <v>49</v>
      </c>
      <c r="B1875" s="6"/>
      <c r="C1875" s="6" t="s">
        <v>1891</v>
      </c>
      <c r="D1875" s="6"/>
      <c r="E1875" s="6" t="s">
        <v>9</v>
      </c>
      <c r="F1875" s="7"/>
      <c r="G1875" s="8">
        <v>1</v>
      </c>
      <c r="H1875" s="8">
        <v>1</v>
      </c>
      <c r="I1875" s="8">
        <v>0</v>
      </c>
      <c r="J1875" s="8">
        <v>1</v>
      </c>
      <c r="K1875" s="9">
        <v>3.3</v>
      </c>
      <c r="L1875" s="6" t="s">
        <v>51</v>
      </c>
    </row>
    <row r="1876" spans="1:12">
      <c r="A1876" s="6" t="s">
        <v>49</v>
      </c>
      <c r="B1876" s="6"/>
      <c r="C1876" s="6" t="s">
        <v>1892</v>
      </c>
      <c r="D1876" s="6"/>
      <c r="E1876" s="6" t="s">
        <v>9</v>
      </c>
      <c r="F1876" s="7">
        <v>38657</v>
      </c>
      <c r="G1876" s="8">
        <v>1</v>
      </c>
      <c r="H1876" s="8">
        <v>1</v>
      </c>
      <c r="I1876" s="8">
        <v>0</v>
      </c>
      <c r="J1876" s="8">
        <v>1</v>
      </c>
      <c r="K1876" s="9">
        <v>53</v>
      </c>
      <c r="L1876" s="6" t="s">
        <v>51</v>
      </c>
    </row>
    <row r="1877" spans="1:12">
      <c r="A1877" s="6" t="s">
        <v>49</v>
      </c>
      <c r="B1877" s="6"/>
      <c r="C1877" s="6" t="s">
        <v>1893</v>
      </c>
      <c r="D1877" s="6"/>
      <c r="E1877" s="6" t="s">
        <v>9</v>
      </c>
      <c r="F1877" s="7">
        <v>38657</v>
      </c>
      <c r="G1877" s="8">
        <v>1</v>
      </c>
      <c r="H1877" s="8">
        <v>1</v>
      </c>
      <c r="I1877" s="8">
        <v>0</v>
      </c>
      <c r="J1877" s="8">
        <v>1</v>
      </c>
      <c r="K1877" s="9">
        <v>466</v>
      </c>
      <c r="L1877" s="6" t="s">
        <v>51</v>
      </c>
    </row>
    <row r="1878" spans="1:12">
      <c r="A1878" s="6" t="s">
        <v>49</v>
      </c>
      <c r="B1878" s="6"/>
      <c r="C1878" s="6" t="s">
        <v>1894</v>
      </c>
      <c r="D1878" s="6"/>
      <c r="E1878" s="6" t="s">
        <v>9</v>
      </c>
      <c r="F1878" s="7">
        <v>38657</v>
      </c>
      <c r="G1878" s="8">
        <v>1</v>
      </c>
      <c r="H1878" s="8">
        <v>1</v>
      </c>
      <c r="I1878" s="8">
        <v>0</v>
      </c>
      <c r="J1878" s="8">
        <v>1</v>
      </c>
      <c r="K1878" s="9">
        <v>26</v>
      </c>
      <c r="L1878" s="6" t="s">
        <v>51</v>
      </c>
    </row>
    <row r="1879" spans="1:12">
      <c r="A1879" s="6" t="s">
        <v>49</v>
      </c>
      <c r="B1879" s="6"/>
      <c r="C1879" s="6" t="s">
        <v>1895</v>
      </c>
      <c r="D1879" s="6"/>
      <c r="E1879" s="6" t="s">
        <v>9</v>
      </c>
      <c r="F1879" s="7">
        <v>38657</v>
      </c>
      <c r="G1879" s="8">
        <v>1</v>
      </c>
      <c r="H1879" s="8">
        <v>1</v>
      </c>
      <c r="I1879" s="8">
        <v>0</v>
      </c>
      <c r="J1879" s="8">
        <v>1</v>
      </c>
      <c r="K1879" s="9">
        <v>36</v>
      </c>
      <c r="L1879" s="6" t="s">
        <v>51</v>
      </c>
    </row>
    <row r="1880" spans="1:12">
      <c r="A1880" s="6" t="s">
        <v>49</v>
      </c>
      <c r="B1880" s="6"/>
      <c r="C1880" s="6" t="s">
        <v>1896</v>
      </c>
      <c r="D1880" s="6"/>
      <c r="E1880" s="6" t="s">
        <v>9</v>
      </c>
      <c r="F1880" s="7">
        <v>38657</v>
      </c>
      <c r="G1880" s="8">
        <v>1</v>
      </c>
      <c r="H1880" s="8">
        <v>1</v>
      </c>
      <c r="I1880" s="8">
        <v>0</v>
      </c>
      <c r="J1880" s="8">
        <v>1</v>
      </c>
      <c r="K1880" s="9">
        <v>448</v>
      </c>
      <c r="L1880" s="6" t="s">
        <v>51</v>
      </c>
    </row>
    <row r="1881" spans="1:12">
      <c r="A1881" s="6" t="s">
        <v>49</v>
      </c>
      <c r="B1881" s="6"/>
      <c r="C1881" s="6" t="s">
        <v>1897</v>
      </c>
      <c r="D1881" s="6"/>
      <c r="E1881" s="6" t="s">
        <v>9</v>
      </c>
      <c r="F1881" s="7">
        <v>38657</v>
      </c>
      <c r="G1881" s="8">
        <v>1</v>
      </c>
      <c r="H1881" s="8">
        <v>1</v>
      </c>
      <c r="I1881" s="8">
        <v>0</v>
      </c>
      <c r="J1881" s="8">
        <v>1</v>
      </c>
      <c r="K1881" s="9">
        <v>14</v>
      </c>
      <c r="L1881" s="6" t="s">
        <v>51</v>
      </c>
    </row>
    <row r="1882" spans="1:12">
      <c r="A1882" s="6" t="s">
        <v>49</v>
      </c>
      <c r="B1882" s="6"/>
      <c r="C1882" s="6" t="s">
        <v>1898</v>
      </c>
      <c r="D1882" s="6"/>
      <c r="E1882" s="6" t="s">
        <v>9</v>
      </c>
      <c r="F1882" s="7">
        <v>38657</v>
      </c>
      <c r="G1882" s="8">
        <v>1</v>
      </c>
      <c r="H1882" s="8">
        <v>1</v>
      </c>
      <c r="I1882" s="8">
        <v>0</v>
      </c>
      <c r="J1882" s="8">
        <v>1</v>
      </c>
      <c r="K1882" s="9">
        <v>70</v>
      </c>
      <c r="L1882" s="6" t="s">
        <v>51</v>
      </c>
    </row>
    <row r="1883" spans="1:12">
      <c r="A1883" s="6" t="s">
        <v>49</v>
      </c>
      <c r="B1883" s="6"/>
      <c r="C1883" s="6" t="s">
        <v>1899</v>
      </c>
      <c r="D1883" s="6"/>
      <c r="E1883" s="6" t="s">
        <v>9</v>
      </c>
      <c r="F1883" s="7">
        <v>38657</v>
      </c>
      <c r="G1883" s="8">
        <v>1</v>
      </c>
      <c r="H1883" s="8">
        <v>1</v>
      </c>
      <c r="I1883" s="8">
        <v>0</v>
      </c>
      <c r="J1883" s="8">
        <v>1</v>
      </c>
      <c r="K1883" s="9">
        <v>101</v>
      </c>
      <c r="L1883" s="6" t="s">
        <v>51</v>
      </c>
    </row>
    <row r="1884" spans="1:12">
      <c r="A1884" s="6" t="s">
        <v>49</v>
      </c>
      <c r="B1884" s="6"/>
      <c r="C1884" s="6" t="s">
        <v>1900</v>
      </c>
      <c r="D1884" s="6"/>
      <c r="E1884" s="6" t="s">
        <v>9</v>
      </c>
      <c r="F1884" s="7">
        <v>38657</v>
      </c>
      <c r="G1884" s="8">
        <v>1</v>
      </c>
      <c r="H1884" s="8">
        <v>1</v>
      </c>
      <c r="I1884" s="8">
        <v>0</v>
      </c>
      <c r="J1884" s="8">
        <v>1</v>
      </c>
      <c r="K1884" s="9">
        <v>176</v>
      </c>
      <c r="L1884" s="6" t="s">
        <v>51</v>
      </c>
    </row>
    <row r="1885" spans="1:12">
      <c r="A1885" s="6" t="s">
        <v>49</v>
      </c>
      <c r="B1885" s="6"/>
      <c r="C1885" s="6" t="s">
        <v>1901</v>
      </c>
      <c r="D1885" s="6"/>
      <c r="E1885" s="6" t="s">
        <v>9</v>
      </c>
      <c r="F1885" s="7">
        <v>38657</v>
      </c>
      <c r="G1885" s="8">
        <v>1</v>
      </c>
      <c r="H1885" s="8">
        <v>1</v>
      </c>
      <c r="I1885" s="8">
        <v>0</v>
      </c>
      <c r="J1885" s="8">
        <v>1</v>
      </c>
      <c r="K1885" s="9">
        <v>176</v>
      </c>
      <c r="L1885" s="6" t="s">
        <v>51</v>
      </c>
    </row>
    <row r="1886" spans="1:12">
      <c r="A1886" s="6" t="s">
        <v>49</v>
      </c>
      <c r="B1886" s="6"/>
      <c r="C1886" s="6" t="s">
        <v>1902</v>
      </c>
      <c r="D1886" s="6"/>
      <c r="E1886" s="6" t="s">
        <v>9</v>
      </c>
      <c r="F1886" s="7">
        <v>38657</v>
      </c>
      <c r="G1886" s="8">
        <v>1</v>
      </c>
      <c r="H1886" s="8">
        <v>1</v>
      </c>
      <c r="I1886" s="8">
        <v>0</v>
      </c>
      <c r="J1886" s="8">
        <v>1</v>
      </c>
      <c r="K1886" s="9">
        <v>171.07</v>
      </c>
      <c r="L1886" s="6" t="s">
        <v>51</v>
      </c>
    </row>
    <row r="1887" spans="1:12">
      <c r="A1887" s="6" t="s">
        <v>49</v>
      </c>
      <c r="B1887" s="6"/>
      <c r="C1887" s="6" t="s">
        <v>1903</v>
      </c>
      <c r="D1887" s="6"/>
      <c r="E1887" s="6" t="s">
        <v>9</v>
      </c>
      <c r="F1887" s="7">
        <v>38657</v>
      </c>
      <c r="G1887" s="8">
        <v>1</v>
      </c>
      <c r="H1887" s="8">
        <v>1</v>
      </c>
      <c r="I1887" s="8">
        <v>0</v>
      </c>
      <c r="J1887" s="8">
        <v>1</v>
      </c>
      <c r="K1887" s="9">
        <v>421</v>
      </c>
      <c r="L1887" s="6" t="s">
        <v>51</v>
      </c>
    </row>
    <row r="1888" spans="1:12">
      <c r="A1888" s="6" t="s">
        <v>49</v>
      </c>
      <c r="B1888" s="6"/>
      <c r="C1888" s="6" t="s">
        <v>1904</v>
      </c>
      <c r="D1888" s="6"/>
      <c r="E1888" s="6" t="s">
        <v>9</v>
      </c>
      <c r="F1888" s="7">
        <v>38657</v>
      </c>
      <c r="G1888" s="8">
        <v>1</v>
      </c>
      <c r="H1888" s="8">
        <v>1</v>
      </c>
      <c r="I1888" s="8">
        <v>0</v>
      </c>
      <c r="J1888" s="8">
        <v>1</v>
      </c>
      <c r="K1888" s="9">
        <v>825</v>
      </c>
      <c r="L1888" s="6" t="s">
        <v>51</v>
      </c>
    </row>
    <row r="1889" spans="1:12">
      <c r="A1889" s="6" t="s">
        <v>49</v>
      </c>
      <c r="B1889" s="6"/>
      <c r="C1889" s="6" t="s">
        <v>1905</v>
      </c>
      <c r="D1889" s="6"/>
      <c r="E1889" s="6" t="s">
        <v>9</v>
      </c>
      <c r="F1889" s="7">
        <v>38657</v>
      </c>
      <c r="G1889" s="8">
        <v>1</v>
      </c>
      <c r="H1889" s="8">
        <v>1</v>
      </c>
      <c r="I1889" s="8">
        <v>0</v>
      </c>
      <c r="J1889" s="8">
        <v>1</v>
      </c>
      <c r="K1889" s="9">
        <v>5.07</v>
      </c>
      <c r="L1889" s="6" t="s">
        <v>51</v>
      </c>
    </row>
    <row r="1890" spans="1:12">
      <c r="A1890" s="6" t="s">
        <v>49</v>
      </c>
      <c r="B1890" s="6"/>
      <c r="C1890" s="6" t="s">
        <v>1906</v>
      </c>
      <c r="D1890" s="6"/>
      <c r="E1890" s="6" t="s">
        <v>9</v>
      </c>
      <c r="F1890" s="7">
        <v>38657</v>
      </c>
      <c r="G1890" s="8">
        <v>1</v>
      </c>
      <c r="H1890" s="8">
        <v>1</v>
      </c>
      <c r="I1890" s="8">
        <v>0</v>
      </c>
      <c r="J1890" s="8">
        <v>1</v>
      </c>
      <c r="K1890" s="9">
        <v>421.93</v>
      </c>
      <c r="L1890" s="6" t="s">
        <v>51</v>
      </c>
    </row>
    <row r="1891" spans="1:12">
      <c r="A1891" s="6" t="s">
        <v>49</v>
      </c>
      <c r="B1891" s="6"/>
      <c r="C1891" s="6" t="s">
        <v>1907</v>
      </c>
      <c r="D1891" s="6"/>
      <c r="E1891" s="6" t="s">
        <v>9</v>
      </c>
      <c r="F1891" s="7">
        <v>38657</v>
      </c>
      <c r="G1891" s="8">
        <v>1</v>
      </c>
      <c r="H1891" s="8">
        <v>1</v>
      </c>
      <c r="I1891" s="8">
        <v>0</v>
      </c>
      <c r="J1891" s="8">
        <v>1</v>
      </c>
      <c r="K1891" s="9">
        <v>105</v>
      </c>
      <c r="L1891" s="6" t="s">
        <v>51</v>
      </c>
    </row>
    <row r="1892" spans="1:12">
      <c r="A1892" s="6" t="s">
        <v>49</v>
      </c>
      <c r="B1892" s="6"/>
      <c r="C1892" s="6" t="s">
        <v>1908</v>
      </c>
      <c r="D1892" s="6"/>
      <c r="E1892" s="6" t="s">
        <v>9</v>
      </c>
      <c r="F1892" s="7">
        <v>38657</v>
      </c>
      <c r="G1892" s="8">
        <v>1</v>
      </c>
      <c r="H1892" s="8">
        <v>1</v>
      </c>
      <c r="I1892" s="8">
        <v>0</v>
      </c>
      <c r="J1892" s="8">
        <v>1</v>
      </c>
      <c r="K1892" s="9">
        <v>36</v>
      </c>
      <c r="L1892" s="6" t="s">
        <v>51</v>
      </c>
    </row>
    <row r="1893" spans="1:12">
      <c r="A1893" s="6" t="s">
        <v>49</v>
      </c>
      <c r="B1893" s="6"/>
      <c r="C1893" s="6" t="s">
        <v>1909</v>
      </c>
      <c r="D1893" s="6"/>
      <c r="E1893" s="6" t="s">
        <v>9</v>
      </c>
      <c r="F1893" s="7">
        <v>38657</v>
      </c>
      <c r="G1893" s="8">
        <v>1</v>
      </c>
      <c r="H1893" s="8">
        <v>1</v>
      </c>
      <c r="I1893" s="8">
        <v>0</v>
      </c>
      <c r="J1893" s="8">
        <v>1</v>
      </c>
      <c r="K1893" s="9">
        <v>5384</v>
      </c>
      <c r="L1893" s="6" t="s">
        <v>51</v>
      </c>
    </row>
    <row r="1894" spans="1:12">
      <c r="A1894" s="6" t="s">
        <v>49</v>
      </c>
      <c r="B1894" s="6"/>
      <c r="C1894" s="6" t="s">
        <v>1910</v>
      </c>
      <c r="D1894" s="6"/>
      <c r="E1894" s="6" t="s">
        <v>9</v>
      </c>
      <c r="F1894" s="7">
        <v>38657</v>
      </c>
      <c r="G1894" s="8">
        <v>1</v>
      </c>
      <c r="H1894" s="8">
        <v>1</v>
      </c>
      <c r="I1894" s="8">
        <v>0</v>
      </c>
      <c r="J1894" s="8">
        <v>1</v>
      </c>
      <c r="K1894" s="9">
        <v>1268</v>
      </c>
      <c r="L1894" s="6" t="s">
        <v>51</v>
      </c>
    </row>
    <row r="1895" spans="1:12">
      <c r="A1895" s="6" t="s">
        <v>49</v>
      </c>
      <c r="B1895" s="6"/>
      <c r="C1895" s="6" t="s">
        <v>1911</v>
      </c>
      <c r="D1895" s="6"/>
      <c r="E1895" s="6" t="s">
        <v>9</v>
      </c>
      <c r="F1895" s="7">
        <v>38657</v>
      </c>
      <c r="G1895" s="8">
        <v>1</v>
      </c>
      <c r="H1895" s="8">
        <v>1</v>
      </c>
      <c r="I1895" s="8">
        <v>0</v>
      </c>
      <c r="J1895" s="8">
        <v>1</v>
      </c>
      <c r="K1895" s="9">
        <v>450</v>
      </c>
      <c r="L1895" s="6" t="s">
        <v>51</v>
      </c>
    </row>
    <row r="1896" spans="1:12">
      <c r="A1896" s="6" t="s">
        <v>49</v>
      </c>
      <c r="B1896" s="6"/>
      <c r="C1896" s="6" t="s">
        <v>1912</v>
      </c>
      <c r="D1896" s="6"/>
      <c r="E1896" s="6" t="s">
        <v>9</v>
      </c>
      <c r="F1896" s="7">
        <v>38657</v>
      </c>
      <c r="G1896" s="8">
        <v>1</v>
      </c>
      <c r="H1896" s="8">
        <v>1</v>
      </c>
      <c r="I1896" s="8">
        <v>0</v>
      </c>
      <c r="J1896" s="8">
        <v>1</v>
      </c>
      <c r="K1896" s="9">
        <v>2287</v>
      </c>
      <c r="L1896" s="6" t="s">
        <v>51</v>
      </c>
    </row>
    <row r="1897" spans="1:12">
      <c r="A1897" s="6" t="s">
        <v>49</v>
      </c>
      <c r="B1897" s="6"/>
      <c r="C1897" s="6" t="s">
        <v>1913</v>
      </c>
      <c r="D1897" s="6"/>
      <c r="E1897" s="6" t="s">
        <v>9</v>
      </c>
      <c r="F1897" s="7"/>
      <c r="G1897" s="8">
        <v>1</v>
      </c>
      <c r="H1897" s="8">
        <v>1</v>
      </c>
      <c r="I1897" s="8">
        <v>0</v>
      </c>
      <c r="J1897" s="8">
        <v>1</v>
      </c>
      <c r="K1897" s="9">
        <v>3.3</v>
      </c>
      <c r="L1897" s="6" t="s">
        <v>51</v>
      </c>
    </row>
    <row r="1898" spans="1:12">
      <c r="A1898" s="6" t="s">
        <v>49</v>
      </c>
      <c r="B1898" s="6"/>
      <c r="C1898" s="6" t="s">
        <v>1914</v>
      </c>
      <c r="D1898" s="6"/>
      <c r="E1898" s="6" t="s">
        <v>9</v>
      </c>
      <c r="F1898" s="7">
        <v>38657</v>
      </c>
      <c r="G1898" s="8">
        <v>1</v>
      </c>
      <c r="H1898" s="8">
        <v>1</v>
      </c>
      <c r="I1898" s="8">
        <v>0</v>
      </c>
      <c r="J1898" s="8">
        <v>1</v>
      </c>
      <c r="K1898" s="9">
        <v>1601</v>
      </c>
      <c r="L1898" s="6" t="s">
        <v>51</v>
      </c>
    </row>
    <row r="1899" spans="1:12">
      <c r="A1899" s="6" t="s">
        <v>49</v>
      </c>
      <c r="B1899" s="6"/>
      <c r="C1899" s="6" t="s">
        <v>1915</v>
      </c>
      <c r="D1899" s="6"/>
      <c r="E1899" s="6" t="s">
        <v>9</v>
      </c>
      <c r="F1899" s="7">
        <v>38657</v>
      </c>
      <c r="G1899" s="8">
        <v>1</v>
      </c>
      <c r="H1899" s="8">
        <v>1</v>
      </c>
      <c r="I1899" s="8">
        <v>0</v>
      </c>
      <c r="J1899" s="8">
        <v>1</v>
      </c>
      <c r="K1899" s="9">
        <v>2601</v>
      </c>
      <c r="L1899" s="6" t="s">
        <v>51</v>
      </c>
    </row>
    <row r="1900" spans="1:12">
      <c r="A1900" s="6" t="s">
        <v>49</v>
      </c>
      <c r="B1900" s="6"/>
      <c r="C1900" s="6" t="s">
        <v>1916</v>
      </c>
      <c r="D1900" s="6"/>
      <c r="E1900" s="6" t="s">
        <v>9</v>
      </c>
      <c r="F1900" s="7">
        <v>38657</v>
      </c>
      <c r="G1900" s="8">
        <v>1</v>
      </c>
      <c r="H1900" s="8">
        <v>1</v>
      </c>
      <c r="I1900" s="8">
        <v>0</v>
      </c>
      <c r="J1900" s="8">
        <v>1</v>
      </c>
      <c r="K1900" s="9">
        <v>7515</v>
      </c>
      <c r="L1900" s="6" t="s">
        <v>51</v>
      </c>
    </row>
    <row r="1901" spans="1:12">
      <c r="A1901" s="6" t="s">
        <v>49</v>
      </c>
      <c r="B1901" s="6"/>
      <c r="C1901" s="6" t="s">
        <v>1917</v>
      </c>
      <c r="D1901" s="6"/>
      <c r="E1901" s="6" t="s">
        <v>9</v>
      </c>
      <c r="F1901" s="7">
        <v>38657</v>
      </c>
      <c r="G1901" s="8">
        <v>1</v>
      </c>
      <c r="H1901" s="8">
        <v>1</v>
      </c>
      <c r="I1901" s="8">
        <v>0</v>
      </c>
      <c r="J1901" s="8">
        <v>1</v>
      </c>
      <c r="K1901" s="9">
        <v>3725</v>
      </c>
      <c r="L1901" s="6" t="s">
        <v>51</v>
      </c>
    </row>
    <row r="1902" spans="1:12">
      <c r="A1902" s="6" t="s">
        <v>49</v>
      </c>
      <c r="B1902" s="6"/>
      <c r="C1902" s="6" t="s">
        <v>1918</v>
      </c>
      <c r="D1902" s="6"/>
      <c r="E1902" s="6" t="s">
        <v>9</v>
      </c>
      <c r="F1902" s="7">
        <v>38657</v>
      </c>
      <c r="G1902" s="8">
        <v>1</v>
      </c>
      <c r="H1902" s="8">
        <v>1</v>
      </c>
      <c r="I1902" s="8">
        <v>0</v>
      </c>
      <c r="J1902" s="8">
        <v>1</v>
      </c>
      <c r="K1902" s="9">
        <v>3653</v>
      </c>
      <c r="L1902" s="6" t="s">
        <v>51</v>
      </c>
    </row>
    <row r="1903" spans="1:12">
      <c r="A1903" s="6" t="s">
        <v>49</v>
      </c>
      <c r="B1903" s="6"/>
      <c r="C1903" s="6" t="s">
        <v>1919</v>
      </c>
      <c r="D1903" s="6"/>
      <c r="E1903" s="6" t="s">
        <v>9</v>
      </c>
      <c r="F1903" s="7">
        <v>38657</v>
      </c>
      <c r="G1903" s="8">
        <v>1</v>
      </c>
      <c r="H1903" s="8">
        <v>1</v>
      </c>
      <c r="I1903" s="8">
        <v>0</v>
      </c>
      <c r="J1903" s="8">
        <v>1</v>
      </c>
      <c r="K1903" s="9">
        <v>2441</v>
      </c>
      <c r="L1903" s="6" t="s">
        <v>51</v>
      </c>
    </row>
    <row r="1904" spans="1:12">
      <c r="A1904" s="6" t="s">
        <v>49</v>
      </c>
      <c r="B1904" s="6"/>
      <c r="C1904" s="6" t="s">
        <v>1920</v>
      </c>
      <c r="D1904" s="6"/>
      <c r="E1904" s="6" t="s">
        <v>9</v>
      </c>
      <c r="F1904" s="7">
        <v>38657</v>
      </c>
      <c r="G1904" s="8">
        <v>1</v>
      </c>
      <c r="H1904" s="8">
        <v>1</v>
      </c>
      <c r="I1904" s="8">
        <v>0</v>
      </c>
      <c r="J1904" s="8">
        <v>1</v>
      </c>
      <c r="K1904" s="9">
        <v>2477</v>
      </c>
      <c r="L1904" s="6" t="s">
        <v>51</v>
      </c>
    </row>
    <row r="1905" spans="1:12">
      <c r="A1905" s="6" t="s">
        <v>49</v>
      </c>
      <c r="B1905" s="6"/>
      <c r="C1905" s="6" t="s">
        <v>1921</v>
      </c>
      <c r="D1905" s="6"/>
      <c r="E1905" s="6" t="s">
        <v>9</v>
      </c>
      <c r="F1905" s="7">
        <v>38657</v>
      </c>
      <c r="G1905" s="8">
        <v>1</v>
      </c>
      <c r="H1905" s="8">
        <v>1</v>
      </c>
      <c r="I1905" s="8">
        <v>0</v>
      </c>
      <c r="J1905" s="8">
        <v>1</v>
      </c>
      <c r="K1905" s="9">
        <v>99</v>
      </c>
      <c r="L1905" s="6" t="s">
        <v>51</v>
      </c>
    </row>
    <row r="1906" spans="1:12">
      <c r="A1906" s="6" t="s">
        <v>49</v>
      </c>
      <c r="B1906" s="6"/>
      <c r="C1906" s="6" t="s">
        <v>1922</v>
      </c>
      <c r="D1906" s="6"/>
      <c r="E1906" s="6" t="s">
        <v>9</v>
      </c>
      <c r="F1906" s="7">
        <v>38657</v>
      </c>
      <c r="G1906" s="8">
        <v>1</v>
      </c>
      <c r="H1906" s="8">
        <v>1</v>
      </c>
      <c r="I1906" s="8">
        <v>0</v>
      </c>
      <c r="J1906" s="8">
        <v>1</v>
      </c>
      <c r="K1906" s="9">
        <v>6373</v>
      </c>
      <c r="L1906" s="6" t="s">
        <v>51</v>
      </c>
    </row>
    <row r="1907" spans="1:12">
      <c r="A1907" s="6" t="s">
        <v>49</v>
      </c>
      <c r="B1907" s="6"/>
      <c r="C1907" s="6" t="s">
        <v>1923</v>
      </c>
      <c r="D1907" s="6"/>
      <c r="E1907" s="6" t="s">
        <v>9</v>
      </c>
      <c r="F1907" s="7">
        <v>38657</v>
      </c>
      <c r="G1907" s="8">
        <v>1</v>
      </c>
      <c r="H1907" s="8">
        <v>1</v>
      </c>
      <c r="I1907" s="8">
        <v>0</v>
      </c>
      <c r="J1907" s="8">
        <v>1</v>
      </c>
      <c r="K1907" s="9">
        <v>2319</v>
      </c>
      <c r="L1907" s="6" t="s">
        <v>51</v>
      </c>
    </row>
    <row r="1908" spans="1:12">
      <c r="A1908" s="6" t="s">
        <v>49</v>
      </c>
      <c r="B1908" s="6"/>
      <c r="C1908" s="6" t="s">
        <v>1924</v>
      </c>
      <c r="D1908" s="6"/>
      <c r="E1908" s="6" t="s">
        <v>9</v>
      </c>
      <c r="F1908" s="7">
        <v>38657</v>
      </c>
      <c r="G1908" s="8">
        <v>1</v>
      </c>
      <c r="H1908" s="8">
        <v>1</v>
      </c>
      <c r="I1908" s="8">
        <v>0</v>
      </c>
      <c r="J1908" s="8">
        <v>1</v>
      </c>
      <c r="K1908" s="9">
        <v>2.8</v>
      </c>
      <c r="L1908" s="6" t="s">
        <v>51</v>
      </c>
    </row>
    <row r="1909" spans="1:12">
      <c r="A1909" s="6" t="s">
        <v>49</v>
      </c>
      <c r="B1909" s="6"/>
      <c r="C1909" s="6" t="s">
        <v>1925</v>
      </c>
      <c r="D1909" s="6"/>
      <c r="E1909" s="6" t="s">
        <v>9</v>
      </c>
      <c r="F1909" s="7"/>
      <c r="G1909" s="8">
        <v>1</v>
      </c>
      <c r="H1909" s="8">
        <v>1</v>
      </c>
      <c r="I1909" s="8">
        <v>0</v>
      </c>
      <c r="J1909" s="8">
        <v>1</v>
      </c>
      <c r="K1909" s="9">
        <v>9.91</v>
      </c>
      <c r="L1909" s="6" t="s">
        <v>51</v>
      </c>
    </row>
    <row r="1910" spans="1:12">
      <c r="A1910" s="6" t="s">
        <v>49</v>
      </c>
      <c r="B1910" s="6"/>
      <c r="C1910" s="6" t="s">
        <v>1926</v>
      </c>
      <c r="D1910" s="6"/>
      <c r="E1910" s="6" t="s">
        <v>9</v>
      </c>
      <c r="F1910" s="7">
        <v>38657</v>
      </c>
      <c r="G1910" s="8">
        <v>1</v>
      </c>
      <c r="H1910" s="8">
        <v>1</v>
      </c>
      <c r="I1910" s="8">
        <v>0</v>
      </c>
      <c r="J1910" s="8">
        <v>1</v>
      </c>
      <c r="K1910" s="9">
        <v>2413</v>
      </c>
      <c r="L1910" s="6" t="s">
        <v>51</v>
      </c>
    </row>
    <row r="1911" spans="1:12">
      <c r="A1911" s="6" t="s">
        <v>49</v>
      </c>
      <c r="B1911" s="6"/>
      <c r="C1911" s="6" t="s">
        <v>1927</v>
      </c>
      <c r="D1911" s="6"/>
      <c r="E1911" s="6" t="s">
        <v>9</v>
      </c>
      <c r="F1911" s="7">
        <v>38657</v>
      </c>
      <c r="G1911" s="8">
        <v>1</v>
      </c>
      <c r="H1911" s="8">
        <v>1</v>
      </c>
      <c r="I1911" s="8">
        <v>0</v>
      </c>
      <c r="J1911" s="8">
        <v>1</v>
      </c>
      <c r="K1911" s="9">
        <v>500</v>
      </c>
      <c r="L1911" s="6" t="s">
        <v>51</v>
      </c>
    </row>
    <row r="1912" spans="1:12">
      <c r="A1912" s="6" t="s">
        <v>49</v>
      </c>
      <c r="B1912" s="6"/>
      <c r="C1912" s="6" t="s">
        <v>1928</v>
      </c>
      <c r="D1912" s="6"/>
      <c r="E1912" s="6" t="s">
        <v>9</v>
      </c>
      <c r="F1912" s="7">
        <v>38657</v>
      </c>
      <c r="G1912" s="8">
        <v>1</v>
      </c>
      <c r="H1912" s="8">
        <v>1</v>
      </c>
      <c r="I1912" s="8">
        <v>0</v>
      </c>
      <c r="J1912" s="8">
        <v>1</v>
      </c>
      <c r="K1912" s="9">
        <v>1089</v>
      </c>
      <c r="L1912" s="6" t="s">
        <v>51</v>
      </c>
    </row>
    <row r="1913" spans="1:12">
      <c r="A1913" s="6" t="s">
        <v>49</v>
      </c>
      <c r="B1913" s="6"/>
      <c r="C1913" s="6" t="s">
        <v>1929</v>
      </c>
      <c r="D1913" s="6"/>
      <c r="E1913" s="6" t="s">
        <v>9</v>
      </c>
      <c r="F1913" s="7">
        <v>38657</v>
      </c>
      <c r="G1913" s="8">
        <v>1</v>
      </c>
      <c r="H1913" s="8">
        <v>1</v>
      </c>
      <c r="I1913" s="8">
        <v>0</v>
      </c>
      <c r="J1913" s="8">
        <v>1</v>
      </c>
      <c r="K1913" s="9">
        <v>1726</v>
      </c>
      <c r="L1913" s="6" t="s">
        <v>51</v>
      </c>
    </row>
    <row r="1914" spans="1:12">
      <c r="A1914" s="6" t="s">
        <v>49</v>
      </c>
      <c r="B1914" s="6"/>
      <c r="C1914" s="6" t="s">
        <v>1930</v>
      </c>
      <c r="D1914" s="6"/>
      <c r="E1914" s="6" t="s">
        <v>9</v>
      </c>
      <c r="F1914" s="7">
        <v>38657</v>
      </c>
      <c r="G1914" s="8">
        <v>1</v>
      </c>
      <c r="H1914" s="8">
        <v>1</v>
      </c>
      <c r="I1914" s="8">
        <v>0</v>
      </c>
      <c r="J1914" s="8">
        <v>1</v>
      </c>
      <c r="K1914" s="9">
        <v>720</v>
      </c>
      <c r="L1914" s="6" t="s">
        <v>51</v>
      </c>
    </row>
    <row r="1915" spans="1:12">
      <c r="A1915" s="6" t="s">
        <v>49</v>
      </c>
      <c r="B1915" s="6"/>
      <c r="C1915" s="6" t="s">
        <v>1931</v>
      </c>
      <c r="D1915" s="6"/>
      <c r="E1915" s="6" t="s">
        <v>9</v>
      </c>
      <c r="F1915" s="7">
        <v>38657</v>
      </c>
      <c r="G1915" s="8">
        <v>1</v>
      </c>
      <c r="H1915" s="8">
        <v>1</v>
      </c>
      <c r="I1915" s="8">
        <v>0</v>
      </c>
      <c r="J1915" s="8">
        <v>1</v>
      </c>
      <c r="K1915" s="9">
        <v>1275</v>
      </c>
      <c r="L1915" s="6" t="s">
        <v>51</v>
      </c>
    </row>
    <row r="1916" spans="1:12">
      <c r="A1916" s="6" t="s">
        <v>49</v>
      </c>
      <c r="B1916" s="6"/>
      <c r="C1916" s="6" t="s">
        <v>1932</v>
      </c>
      <c r="D1916" s="6"/>
      <c r="E1916" s="6" t="s">
        <v>9</v>
      </c>
      <c r="F1916" s="7">
        <v>38657</v>
      </c>
      <c r="G1916" s="8">
        <v>1</v>
      </c>
      <c r="H1916" s="8">
        <v>1</v>
      </c>
      <c r="I1916" s="8">
        <v>0</v>
      </c>
      <c r="J1916" s="8">
        <v>1</v>
      </c>
      <c r="K1916" s="9">
        <v>1266</v>
      </c>
      <c r="L1916" s="6" t="s">
        <v>51</v>
      </c>
    </row>
    <row r="1917" spans="1:12">
      <c r="A1917" s="6" t="s">
        <v>49</v>
      </c>
      <c r="B1917" s="6"/>
      <c r="C1917" s="6" t="s">
        <v>1933</v>
      </c>
      <c r="D1917" s="6"/>
      <c r="E1917" s="6" t="s">
        <v>9</v>
      </c>
      <c r="F1917" s="7">
        <v>38657</v>
      </c>
      <c r="G1917" s="8">
        <v>1</v>
      </c>
      <c r="H1917" s="8">
        <v>1</v>
      </c>
      <c r="I1917" s="8">
        <v>0</v>
      </c>
      <c r="J1917" s="8">
        <v>1</v>
      </c>
      <c r="K1917" s="9">
        <v>175</v>
      </c>
      <c r="L1917" s="6" t="s">
        <v>51</v>
      </c>
    </row>
    <row r="1918" spans="1:12">
      <c r="A1918" s="6" t="s">
        <v>49</v>
      </c>
      <c r="B1918" s="6"/>
      <c r="C1918" s="6" t="s">
        <v>1934</v>
      </c>
      <c r="D1918" s="6"/>
      <c r="E1918" s="6" t="s">
        <v>9</v>
      </c>
      <c r="F1918" s="7">
        <v>38657</v>
      </c>
      <c r="G1918" s="8">
        <v>1</v>
      </c>
      <c r="H1918" s="8">
        <v>1</v>
      </c>
      <c r="I1918" s="8">
        <v>0</v>
      </c>
      <c r="J1918" s="8">
        <v>1</v>
      </c>
      <c r="K1918" s="9">
        <v>536</v>
      </c>
      <c r="L1918" s="6" t="s">
        <v>51</v>
      </c>
    </row>
    <row r="1919" spans="1:12">
      <c r="A1919" s="6" t="s">
        <v>49</v>
      </c>
      <c r="B1919" s="6"/>
      <c r="C1919" s="6" t="s">
        <v>1935</v>
      </c>
      <c r="D1919" s="6"/>
      <c r="E1919" s="6" t="s">
        <v>9</v>
      </c>
      <c r="F1919" s="7">
        <v>38657</v>
      </c>
      <c r="G1919" s="8">
        <v>1</v>
      </c>
      <c r="H1919" s="8">
        <v>1</v>
      </c>
      <c r="I1919" s="8">
        <v>0</v>
      </c>
      <c r="J1919" s="8">
        <v>1</v>
      </c>
      <c r="K1919" s="9">
        <v>2.16</v>
      </c>
      <c r="L1919" s="6" t="s">
        <v>51</v>
      </c>
    </row>
    <row r="1920" spans="1:12">
      <c r="A1920" s="6" t="s">
        <v>49</v>
      </c>
      <c r="B1920" s="6"/>
      <c r="C1920" s="6" t="s">
        <v>1936</v>
      </c>
      <c r="D1920" s="6"/>
      <c r="E1920" s="6" t="s">
        <v>9</v>
      </c>
      <c r="F1920" s="7"/>
      <c r="G1920" s="8">
        <v>1</v>
      </c>
      <c r="H1920" s="8">
        <v>1</v>
      </c>
      <c r="I1920" s="8">
        <v>0</v>
      </c>
      <c r="J1920" s="8">
        <v>1</v>
      </c>
      <c r="K1920" s="9">
        <v>6.61</v>
      </c>
      <c r="L1920" s="6" t="s">
        <v>51</v>
      </c>
    </row>
    <row r="1921" spans="1:12">
      <c r="A1921" s="6" t="s">
        <v>49</v>
      </c>
      <c r="B1921" s="6"/>
      <c r="C1921" s="6" t="s">
        <v>1937</v>
      </c>
      <c r="D1921" s="6"/>
      <c r="E1921" s="6" t="s">
        <v>9</v>
      </c>
      <c r="F1921" s="7">
        <v>38657</v>
      </c>
      <c r="G1921" s="8">
        <v>1</v>
      </c>
      <c r="H1921" s="8">
        <v>1</v>
      </c>
      <c r="I1921" s="8">
        <v>0</v>
      </c>
      <c r="J1921" s="8">
        <v>1</v>
      </c>
      <c r="K1921" s="9">
        <v>100</v>
      </c>
      <c r="L1921" s="6" t="s">
        <v>51</v>
      </c>
    </row>
    <row r="1922" spans="1:12">
      <c r="A1922" s="6" t="s">
        <v>49</v>
      </c>
      <c r="B1922" s="6"/>
      <c r="C1922" s="6" t="s">
        <v>1938</v>
      </c>
      <c r="D1922" s="6"/>
      <c r="E1922" s="6" t="s">
        <v>9</v>
      </c>
      <c r="F1922" s="7">
        <v>38657</v>
      </c>
      <c r="G1922" s="8">
        <v>1</v>
      </c>
      <c r="H1922" s="8">
        <v>1</v>
      </c>
      <c r="I1922" s="8">
        <v>0</v>
      </c>
      <c r="J1922" s="8">
        <v>1</v>
      </c>
      <c r="K1922" s="9">
        <v>716</v>
      </c>
      <c r="L1922" s="6" t="s">
        <v>51</v>
      </c>
    </row>
    <row r="1923" spans="1:12">
      <c r="A1923" s="6" t="s">
        <v>49</v>
      </c>
      <c r="B1923" s="6"/>
      <c r="C1923" s="6" t="s">
        <v>1939</v>
      </c>
      <c r="D1923" s="6"/>
      <c r="E1923" s="6" t="s">
        <v>9</v>
      </c>
      <c r="F1923" s="7">
        <v>38657</v>
      </c>
      <c r="G1923" s="8">
        <v>1</v>
      </c>
      <c r="H1923" s="8">
        <v>1</v>
      </c>
      <c r="I1923" s="8">
        <v>0</v>
      </c>
      <c r="J1923" s="8">
        <v>1</v>
      </c>
      <c r="K1923" s="9">
        <v>139</v>
      </c>
      <c r="L1923" s="6" t="s">
        <v>51</v>
      </c>
    </row>
    <row r="1924" spans="1:12">
      <c r="A1924" s="6" t="s">
        <v>49</v>
      </c>
      <c r="B1924" s="6"/>
      <c r="C1924" s="6" t="s">
        <v>1940</v>
      </c>
      <c r="D1924" s="6"/>
      <c r="E1924" s="6" t="s">
        <v>9</v>
      </c>
      <c r="F1924" s="7">
        <v>38657</v>
      </c>
      <c r="G1924" s="8">
        <v>1</v>
      </c>
      <c r="H1924" s="8">
        <v>1</v>
      </c>
      <c r="I1924" s="8">
        <v>0</v>
      </c>
      <c r="J1924" s="8">
        <v>1</v>
      </c>
      <c r="K1924" s="9">
        <v>82</v>
      </c>
      <c r="L1924" s="6" t="s">
        <v>51</v>
      </c>
    </row>
    <row r="1925" spans="1:12">
      <c r="A1925" s="6" t="s">
        <v>49</v>
      </c>
      <c r="B1925" s="6"/>
      <c r="C1925" s="6" t="s">
        <v>1941</v>
      </c>
      <c r="D1925" s="6"/>
      <c r="E1925" s="6" t="s">
        <v>9</v>
      </c>
      <c r="F1925" s="7">
        <v>38657</v>
      </c>
      <c r="G1925" s="8">
        <v>1</v>
      </c>
      <c r="H1925" s="8">
        <v>1</v>
      </c>
      <c r="I1925" s="8">
        <v>0</v>
      </c>
      <c r="J1925" s="8">
        <v>1</v>
      </c>
      <c r="K1925" s="9">
        <v>714</v>
      </c>
      <c r="L1925" s="6" t="s">
        <v>51</v>
      </c>
    </row>
    <row r="1926" spans="1:12">
      <c r="A1926" s="6" t="s">
        <v>49</v>
      </c>
      <c r="B1926" s="6"/>
      <c r="C1926" s="6" t="s">
        <v>1942</v>
      </c>
      <c r="D1926" s="6"/>
      <c r="E1926" s="6" t="s">
        <v>9</v>
      </c>
      <c r="F1926" s="7">
        <v>38657</v>
      </c>
      <c r="G1926" s="8">
        <v>1</v>
      </c>
      <c r="H1926" s="8">
        <v>1</v>
      </c>
      <c r="I1926" s="8">
        <v>0</v>
      </c>
      <c r="J1926" s="8">
        <v>1</v>
      </c>
      <c r="K1926" s="9">
        <v>150</v>
      </c>
      <c r="L1926" s="6" t="s">
        <v>51</v>
      </c>
    </row>
    <row r="1927" spans="1:12">
      <c r="A1927" s="6" t="s">
        <v>49</v>
      </c>
      <c r="B1927" s="6"/>
      <c r="C1927" s="6" t="s">
        <v>1943</v>
      </c>
      <c r="D1927" s="6"/>
      <c r="E1927" s="6" t="s">
        <v>9</v>
      </c>
      <c r="F1927" s="7">
        <v>38657</v>
      </c>
      <c r="G1927" s="8">
        <v>1</v>
      </c>
      <c r="H1927" s="8">
        <v>1</v>
      </c>
      <c r="I1927" s="8">
        <v>0</v>
      </c>
      <c r="J1927" s="8">
        <v>1</v>
      </c>
      <c r="K1927" s="9">
        <v>256</v>
      </c>
      <c r="L1927" s="6" t="s">
        <v>51</v>
      </c>
    </row>
    <row r="1928" spans="1:12">
      <c r="A1928" s="6" t="s">
        <v>49</v>
      </c>
      <c r="B1928" s="6"/>
      <c r="C1928" s="6" t="s">
        <v>1944</v>
      </c>
      <c r="D1928" s="6"/>
      <c r="E1928" s="6" t="s">
        <v>9</v>
      </c>
      <c r="F1928" s="7">
        <v>38657</v>
      </c>
      <c r="G1928" s="8">
        <v>1</v>
      </c>
      <c r="H1928" s="8">
        <v>1</v>
      </c>
      <c r="I1928" s="8">
        <v>0</v>
      </c>
      <c r="J1928" s="8">
        <v>1</v>
      </c>
      <c r="K1928" s="9">
        <v>402</v>
      </c>
      <c r="L1928" s="6" t="s">
        <v>51</v>
      </c>
    </row>
    <row r="1929" spans="1:12">
      <c r="A1929" s="6" t="s">
        <v>49</v>
      </c>
      <c r="B1929" s="6"/>
      <c r="C1929" s="6" t="s">
        <v>1945</v>
      </c>
      <c r="D1929" s="6"/>
      <c r="E1929" s="6" t="s">
        <v>9</v>
      </c>
      <c r="F1929" s="7">
        <v>38657</v>
      </c>
      <c r="G1929" s="8">
        <v>1</v>
      </c>
      <c r="H1929" s="8">
        <v>1</v>
      </c>
      <c r="I1929" s="8">
        <v>0</v>
      </c>
      <c r="J1929" s="8">
        <v>1</v>
      </c>
      <c r="K1929" s="9">
        <v>252</v>
      </c>
      <c r="L1929" s="6" t="s">
        <v>51</v>
      </c>
    </row>
    <row r="1930" spans="1:12">
      <c r="A1930" s="6" t="s">
        <v>49</v>
      </c>
      <c r="B1930" s="6"/>
      <c r="C1930" s="6" t="s">
        <v>1946</v>
      </c>
      <c r="D1930" s="6"/>
      <c r="E1930" s="6" t="s">
        <v>9</v>
      </c>
      <c r="F1930" s="7">
        <v>38657</v>
      </c>
      <c r="G1930" s="8">
        <v>1</v>
      </c>
      <c r="H1930" s="8">
        <v>1</v>
      </c>
      <c r="I1930" s="8">
        <v>0</v>
      </c>
      <c r="J1930" s="8">
        <v>1</v>
      </c>
      <c r="K1930" s="9">
        <v>34</v>
      </c>
      <c r="L1930" s="6" t="s">
        <v>51</v>
      </c>
    </row>
    <row r="1931" spans="1:12">
      <c r="A1931" s="6" t="s">
        <v>49</v>
      </c>
      <c r="B1931" s="6"/>
      <c r="C1931" s="6" t="s">
        <v>1947</v>
      </c>
      <c r="D1931" s="6"/>
      <c r="E1931" s="6" t="s">
        <v>9</v>
      </c>
      <c r="F1931" s="7"/>
      <c r="G1931" s="8">
        <v>1</v>
      </c>
      <c r="H1931" s="8">
        <v>1</v>
      </c>
      <c r="I1931" s="8">
        <v>0</v>
      </c>
      <c r="J1931" s="8">
        <v>1</v>
      </c>
      <c r="K1931" s="9">
        <v>6.61</v>
      </c>
      <c r="L1931" s="6" t="s">
        <v>51</v>
      </c>
    </row>
    <row r="1932" spans="1:12">
      <c r="A1932" s="6" t="s">
        <v>49</v>
      </c>
      <c r="B1932" s="6"/>
      <c r="C1932" s="6" t="s">
        <v>1948</v>
      </c>
      <c r="D1932" s="6"/>
      <c r="E1932" s="6" t="s">
        <v>9</v>
      </c>
      <c r="F1932" s="7">
        <v>38657</v>
      </c>
      <c r="G1932" s="8">
        <v>1</v>
      </c>
      <c r="H1932" s="8">
        <v>1</v>
      </c>
      <c r="I1932" s="8">
        <v>0</v>
      </c>
      <c r="J1932" s="8">
        <v>1</v>
      </c>
      <c r="K1932" s="9">
        <v>363</v>
      </c>
      <c r="L1932" s="6" t="s">
        <v>51</v>
      </c>
    </row>
    <row r="1933" spans="1:12">
      <c r="A1933" s="6" t="s">
        <v>49</v>
      </c>
      <c r="B1933" s="6"/>
      <c r="C1933" s="6" t="s">
        <v>1949</v>
      </c>
      <c r="D1933" s="6"/>
      <c r="E1933" s="6" t="s">
        <v>9</v>
      </c>
      <c r="F1933" s="7">
        <v>38657</v>
      </c>
      <c r="G1933" s="8">
        <v>1</v>
      </c>
      <c r="H1933" s="8">
        <v>1</v>
      </c>
      <c r="I1933" s="8">
        <v>0</v>
      </c>
      <c r="J1933" s="8">
        <v>1</v>
      </c>
      <c r="K1933" s="9">
        <v>261</v>
      </c>
      <c r="L1933" s="6" t="s">
        <v>51</v>
      </c>
    </row>
    <row r="1934" spans="1:12">
      <c r="A1934" s="6" t="s">
        <v>49</v>
      </c>
      <c r="B1934" s="6"/>
      <c r="C1934" s="6" t="s">
        <v>1950</v>
      </c>
      <c r="D1934" s="6"/>
      <c r="E1934" s="6" t="s">
        <v>9</v>
      </c>
      <c r="F1934" s="7">
        <v>38657</v>
      </c>
      <c r="G1934" s="8">
        <v>1</v>
      </c>
      <c r="H1934" s="8">
        <v>1</v>
      </c>
      <c r="I1934" s="8">
        <v>0</v>
      </c>
      <c r="J1934" s="8">
        <v>1</v>
      </c>
      <c r="K1934" s="9">
        <v>8.3699999999999903</v>
      </c>
      <c r="L1934" s="6" t="s">
        <v>51</v>
      </c>
    </row>
    <row r="1935" spans="1:12">
      <c r="A1935" s="6" t="s">
        <v>49</v>
      </c>
      <c r="B1935" s="6"/>
      <c r="C1935" s="6" t="s">
        <v>1951</v>
      </c>
      <c r="D1935" s="6"/>
      <c r="E1935" s="6" t="s">
        <v>9</v>
      </c>
      <c r="F1935" s="7">
        <v>38657</v>
      </c>
      <c r="G1935" s="8">
        <v>1</v>
      </c>
      <c r="H1935" s="8">
        <v>1</v>
      </c>
      <c r="I1935" s="8">
        <v>0</v>
      </c>
      <c r="J1935" s="8">
        <v>1</v>
      </c>
      <c r="K1935" s="9">
        <v>672</v>
      </c>
      <c r="L1935" s="6" t="s">
        <v>51</v>
      </c>
    </row>
    <row r="1936" spans="1:12">
      <c r="A1936" s="6" t="s">
        <v>49</v>
      </c>
      <c r="B1936" s="6"/>
      <c r="C1936" s="6" t="s">
        <v>1952</v>
      </c>
      <c r="D1936" s="6"/>
      <c r="E1936" s="6" t="s">
        <v>9</v>
      </c>
      <c r="F1936" s="7">
        <v>38657</v>
      </c>
      <c r="G1936" s="8">
        <v>1</v>
      </c>
      <c r="H1936" s="8">
        <v>1</v>
      </c>
      <c r="I1936" s="8">
        <v>0</v>
      </c>
      <c r="J1936" s="8">
        <v>1</v>
      </c>
      <c r="K1936" s="9">
        <v>278</v>
      </c>
      <c r="L1936" s="6" t="s">
        <v>51</v>
      </c>
    </row>
    <row r="1937" spans="1:12">
      <c r="A1937" s="6" t="s">
        <v>49</v>
      </c>
      <c r="B1937" s="6"/>
      <c r="C1937" s="6" t="s">
        <v>1953</v>
      </c>
      <c r="D1937" s="6"/>
      <c r="E1937" s="6" t="s">
        <v>9</v>
      </c>
      <c r="F1937" s="7">
        <v>38657</v>
      </c>
      <c r="G1937" s="8">
        <v>1</v>
      </c>
      <c r="H1937" s="8">
        <v>1</v>
      </c>
      <c r="I1937" s="8">
        <v>0</v>
      </c>
      <c r="J1937" s="8">
        <v>1</v>
      </c>
      <c r="K1937" s="9">
        <v>514</v>
      </c>
      <c r="L1937" s="6" t="s">
        <v>51</v>
      </c>
    </row>
    <row r="1938" spans="1:12">
      <c r="A1938" s="6" t="s">
        <v>49</v>
      </c>
      <c r="B1938" s="6"/>
      <c r="C1938" s="6" t="s">
        <v>1954</v>
      </c>
      <c r="D1938" s="6"/>
      <c r="E1938" s="6" t="s">
        <v>9</v>
      </c>
      <c r="F1938" s="7">
        <v>38657</v>
      </c>
      <c r="G1938" s="8">
        <v>1</v>
      </c>
      <c r="H1938" s="8">
        <v>1</v>
      </c>
      <c r="I1938" s="8">
        <v>0</v>
      </c>
      <c r="J1938" s="8">
        <v>1</v>
      </c>
      <c r="K1938" s="9">
        <v>211</v>
      </c>
      <c r="L1938" s="6" t="s">
        <v>51</v>
      </c>
    </row>
    <row r="1939" spans="1:12">
      <c r="A1939" s="6" t="s">
        <v>49</v>
      </c>
      <c r="B1939" s="6"/>
      <c r="C1939" s="6" t="s">
        <v>1955</v>
      </c>
      <c r="D1939" s="6"/>
      <c r="E1939" s="6" t="s">
        <v>9</v>
      </c>
      <c r="F1939" s="7">
        <v>38657</v>
      </c>
      <c r="G1939" s="8">
        <v>1</v>
      </c>
      <c r="H1939" s="8">
        <v>1</v>
      </c>
      <c r="I1939" s="8">
        <v>0</v>
      </c>
      <c r="J1939" s="8">
        <v>1</v>
      </c>
      <c r="K1939" s="9">
        <v>456</v>
      </c>
      <c r="L1939" s="6" t="s">
        <v>51</v>
      </c>
    </row>
    <row r="1940" spans="1:12">
      <c r="A1940" s="6" t="s">
        <v>49</v>
      </c>
      <c r="B1940" s="6"/>
      <c r="C1940" s="6" t="s">
        <v>1956</v>
      </c>
      <c r="D1940" s="6"/>
      <c r="E1940" s="6" t="s">
        <v>9</v>
      </c>
      <c r="F1940" s="7">
        <v>38657</v>
      </c>
      <c r="G1940" s="8">
        <v>1</v>
      </c>
      <c r="H1940" s="8">
        <v>1</v>
      </c>
      <c r="I1940" s="8">
        <v>0</v>
      </c>
      <c r="J1940" s="8">
        <v>1</v>
      </c>
      <c r="K1940" s="9">
        <v>230</v>
      </c>
      <c r="L1940" s="6" t="s">
        <v>51</v>
      </c>
    </row>
    <row r="1941" spans="1:12">
      <c r="A1941" s="6" t="s">
        <v>49</v>
      </c>
      <c r="B1941" s="6"/>
      <c r="C1941" s="6" t="s">
        <v>1957</v>
      </c>
      <c r="D1941" s="6"/>
      <c r="E1941" s="6" t="s">
        <v>9</v>
      </c>
      <c r="F1941" s="7">
        <v>38657</v>
      </c>
      <c r="G1941" s="8">
        <v>1</v>
      </c>
      <c r="H1941" s="8">
        <v>1</v>
      </c>
      <c r="I1941" s="8">
        <v>0</v>
      </c>
      <c r="J1941" s="8">
        <v>1</v>
      </c>
      <c r="K1941" s="9">
        <v>16</v>
      </c>
      <c r="L1941" s="6" t="s">
        <v>51</v>
      </c>
    </row>
    <row r="1942" spans="1:12">
      <c r="A1942" s="6" t="s">
        <v>49</v>
      </c>
      <c r="B1942" s="6"/>
      <c r="C1942" s="6" t="s">
        <v>1958</v>
      </c>
      <c r="D1942" s="6"/>
      <c r="E1942" s="6" t="s">
        <v>9</v>
      </c>
      <c r="F1942" s="7"/>
      <c r="G1942" s="8">
        <v>1</v>
      </c>
      <c r="H1942" s="8">
        <v>1</v>
      </c>
      <c r="I1942" s="8">
        <v>0</v>
      </c>
      <c r="J1942" s="8">
        <v>1</v>
      </c>
      <c r="K1942" s="9">
        <v>3.3</v>
      </c>
      <c r="L1942" s="6" t="s">
        <v>51</v>
      </c>
    </row>
    <row r="1943" spans="1:12">
      <c r="A1943" s="6" t="s">
        <v>49</v>
      </c>
      <c r="B1943" s="6"/>
      <c r="C1943" s="6" t="s">
        <v>1959</v>
      </c>
      <c r="D1943" s="6"/>
      <c r="E1943" s="6" t="s">
        <v>9</v>
      </c>
      <c r="F1943" s="7">
        <v>38657</v>
      </c>
      <c r="G1943" s="8">
        <v>1</v>
      </c>
      <c r="H1943" s="8">
        <v>1</v>
      </c>
      <c r="I1943" s="8">
        <v>0</v>
      </c>
      <c r="J1943" s="8">
        <v>1</v>
      </c>
      <c r="K1943" s="9">
        <v>78</v>
      </c>
      <c r="L1943" s="6" t="s">
        <v>51</v>
      </c>
    </row>
    <row r="1944" spans="1:12">
      <c r="A1944" s="6" t="s">
        <v>49</v>
      </c>
      <c r="B1944" s="6"/>
      <c r="C1944" s="6" t="s">
        <v>1960</v>
      </c>
      <c r="D1944" s="6"/>
      <c r="E1944" s="6" t="s">
        <v>9</v>
      </c>
      <c r="F1944" s="7">
        <v>38657</v>
      </c>
      <c r="G1944" s="8">
        <v>1</v>
      </c>
      <c r="H1944" s="8">
        <v>1</v>
      </c>
      <c r="I1944" s="8">
        <v>0</v>
      </c>
      <c r="J1944" s="8">
        <v>1</v>
      </c>
      <c r="K1944" s="9">
        <v>120</v>
      </c>
      <c r="L1944" s="6" t="s">
        <v>51</v>
      </c>
    </row>
    <row r="1945" spans="1:12">
      <c r="A1945" s="6" t="s">
        <v>49</v>
      </c>
      <c r="B1945" s="6"/>
      <c r="C1945" s="6" t="s">
        <v>1961</v>
      </c>
      <c r="D1945" s="6"/>
      <c r="E1945" s="6" t="s">
        <v>9</v>
      </c>
      <c r="F1945" s="7">
        <v>38657</v>
      </c>
      <c r="G1945" s="8">
        <v>1</v>
      </c>
      <c r="H1945" s="8">
        <v>1</v>
      </c>
      <c r="I1945" s="8">
        <v>0</v>
      </c>
      <c r="J1945" s="8">
        <v>1</v>
      </c>
      <c r="K1945" s="9">
        <v>136</v>
      </c>
      <c r="L1945" s="6" t="s">
        <v>51</v>
      </c>
    </row>
    <row r="1946" spans="1:12">
      <c r="A1946" s="6" t="s">
        <v>49</v>
      </c>
      <c r="B1946" s="6"/>
      <c r="C1946" s="6" t="s">
        <v>1962</v>
      </c>
      <c r="D1946" s="6"/>
      <c r="E1946" s="6" t="s">
        <v>9</v>
      </c>
      <c r="F1946" s="7">
        <v>38657</v>
      </c>
      <c r="G1946" s="8">
        <v>1</v>
      </c>
      <c r="H1946" s="8">
        <v>1</v>
      </c>
      <c r="I1946" s="8">
        <v>0</v>
      </c>
      <c r="J1946" s="8">
        <v>1</v>
      </c>
      <c r="K1946" s="9">
        <v>194</v>
      </c>
      <c r="L1946" s="6" t="s">
        <v>51</v>
      </c>
    </row>
    <row r="1947" spans="1:12">
      <c r="A1947" s="6" t="s">
        <v>49</v>
      </c>
      <c r="B1947" s="6"/>
      <c r="C1947" s="6" t="s">
        <v>1963</v>
      </c>
      <c r="D1947" s="6"/>
      <c r="E1947" s="6" t="s">
        <v>9</v>
      </c>
      <c r="F1947" s="7">
        <v>38657</v>
      </c>
      <c r="G1947" s="8">
        <v>1</v>
      </c>
      <c r="H1947" s="8">
        <v>1</v>
      </c>
      <c r="I1947" s="8">
        <v>0</v>
      </c>
      <c r="J1947" s="8">
        <v>1</v>
      </c>
      <c r="K1947" s="9">
        <v>276</v>
      </c>
      <c r="L1947" s="6" t="s">
        <v>51</v>
      </c>
    </row>
    <row r="1948" spans="1:12">
      <c r="A1948" s="6" t="s">
        <v>49</v>
      </c>
      <c r="B1948" s="6"/>
      <c r="C1948" s="6" t="s">
        <v>1964</v>
      </c>
      <c r="D1948" s="6"/>
      <c r="E1948" s="6" t="s">
        <v>9</v>
      </c>
      <c r="F1948" s="7">
        <v>38657</v>
      </c>
      <c r="G1948" s="8">
        <v>1</v>
      </c>
      <c r="H1948" s="8">
        <v>1</v>
      </c>
      <c r="I1948" s="8">
        <v>0</v>
      </c>
      <c r="J1948" s="8">
        <v>1</v>
      </c>
      <c r="K1948" s="9">
        <v>109</v>
      </c>
      <c r="L1948" s="6" t="s">
        <v>51</v>
      </c>
    </row>
    <row r="1949" spans="1:12">
      <c r="A1949" s="6" t="s">
        <v>49</v>
      </c>
      <c r="B1949" s="6"/>
      <c r="C1949" s="6" t="s">
        <v>1965</v>
      </c>
      <c r="D1949" s="6"/>
      <c r="E1949" s="6" t="s">
        <v>9</v>
      </c>
      <c r="F1949" s="7">
        <v>38657</v>
      </c>
      <c r="G1949" s="8">
        <v>1</v>
      </c>
      <c r="H1949" s="8">
        <v>1</v>
      </c>
      <c r="I1949" s="8">
        <v>0</v>
      </c>
      <c r="J1949" s="8">
        <v>1</v>
      </c>
      <c r="K1949" s="9">
        <v>254</v>
      </c>
      <c r="L1949" s="6" t="s">
        <v>51</v>
      </c>
    </row>
    <row r="1950" spans="1:12">
      <c r="A1950" s="6" t="s">
        <v>49</v>
      </c>
      <c r="B1950" s="6"/>
      <c r="C1950" s="6" t="s">
        <v>1966</v>
      </c>
      <c r="D1950" s="6"/>
      <c r="E1950" s="6" t="s">
        <v>9</v>
      </c>
      <c r="F1950" s="7">
        <v>38657</v>
      </c>
      <c r="G1950" s="8">
        <v>1</v>
      </c>
      <c r="H1950" s="8">
        <v>1</v>
      </c>
      <c r="I1950" s="8">
        <v>0</v>
      </c>
      <c r="J1950" s="8">
        <v>1</v>
      </c>
      <c r="K1950" s="9">
        <v>139</v>
      </c>
      <c r="L1950" s="6" t="s">
        <v>51</v>
      </c>
    </row>
    <row r="1951" spans="1:12">
      <c r="A1951" s="6" t="s">
        <v>49</v>
      </c>
      <c r="B1951" s="6"/>
      <c r="C1951" s="6" t="s">
        <v>1967</v>
      </c>
      <c r="D1951" s="6"/>
      <c r="E1951" s="6" t="s">
        <v>9</v>
      </c>
      <c r="F1951" s="7">
        <v>38657</v>
      </c>
      <c r="G1951" s="8">
        <v>1</v>
      </c>
      <c r="H1951" s="8">
        <v>1</v>
      </c>
      <c r="I1951" s="8">
        <v>0</v>
      </c>
      <c r="J1951" s="8">
        <v>1</v>
      </c>
      <c r="K1951" s="9">
        <v>140</v>
      </c>
      <c r="L1951" s="6" t="s">
        <v>51</v>
      </c>
    </row>
    <row r="1952" spans="1:12">
      <c r="A1952" s="6" t="s">
        <v>49</v>
      </c>
      <c r="B1952" s="6"/>
      <c r="C1952" s="6" t="s">
        <v>1968</v>
      </c>
      <c r="D1952" s="6"/>
      <c r="E1952" s="6" t="s">
        <v>9</v>
      </c>
      <c r="F1952" s="7">
        <v>38657</v>
      </c>
      <c r="G1952" s="8">
        <v>1</v>
      </c>
      <c r="H1952" s="8">
        <v>1</v>
      </c>
      <c r="I1952" s="8">
        <v>0</v>
      </c>
      <c r="J1952" s="8">
        <v>1</v>
      </c>
      <c r="K1952" s="9">
        <v>140</v>
      </c>
      <c r="L1952" s="6" t="s">
        <v>51</v>
      </c>
    </row>
    <row r="1953" spans="1:12">
      <c r="A1953" s="6" t="s">
        <v>49</v>
      </c>
      <c r="B1953" s="6"/>
      <c r="C1953" s="6" t="s">
        <v>1969</v>
      </c>
      <c r="D1953" s="6"/>
      <c r="E1953" s="6" t="s">
        <v>9</v>
      </c>
      <c r="F1953" s="7"/>
      <c r="G1953" s="8">
        <v>1</v>
      </c>
      <c r="H1953" s="8">
        <v>1</v>
      </c>
      <c r="I1953" s="8">
        <v>0</v>
      </c>
      <c r="J1953" s="8">
        <v>1</v>
      </c>
      <c r="K1953" s="9">
        <v>6.61</v>
      </c>
      <c r="L1953" s="6" t="s">
        <v>51</v>
      </c>
    </row>
    <row r="1954" spans="1:12">
      <c r="A1954" s="6" t="s">
        <v>49</v>
      </c>
      <c r="B1954" s="6"/>
      <c r="C1954" s="6" t="s">
        <v>1970</v>
      </c>
      <c r="D1954" s="6"/>
      <c r="E1954" s="6" t="s">
        <v>9</v>
      </c>
      <c r="F1954" s="7">
        <v>38657</v>
      </c>
      <c r="G1954" s="8">
        <v>1</v>
      </c>
      <c r="H1954" s="8">
        <v>1</v>
      </c>
      <c r="I1954" s="8">
        <v>0</v>
      </c>
      <c r="J1954" s="8">
        <v>1</v>
      </c>
      <c r="K1954" s="9">
        <v>143</v>
      </c>
      <c r="L1954" s="6" t="s">
        <v>51</v>
      </c>
    </row>
    <row r="1955" spans="1:12">
      <c r="A1955" s="6" t="s">
        <v>49</v>
      </c>
      <c r="B1955" s="6"/>
      <c r="C1955" s="6" t="s">
        <v>1971</v>
      </c>
      <c r="D1955" s="6"/>
      <c r="E1955" s="6" t="s">
        <v>9</v>
      </c>
      <c r="F1955" s="7">
        <v>38657</v>
      </c>
      <c r="G1955" s="8">
        <v>1</v>
      </c>
      <c r="H1955" s="8">
        <v>1</v>
      </c>
      <c r="I1955" s="8">
        <v>0</v>
      </c>
      <c r="J1955" s="8">
        <v>1</v>
      </c>
      <c r="K1955" s="9">
        <v>143</v>
      </c>
      <c r="L1955" s="6" t="s">
        <v>51</v>
      </c>
    </row>
    <row r="1956" spans="1:12">
      <c r="A1956" s="6" t="s">
        <v>49</v>
      </c>
      <c r="B1956" s="6"/>
      <c r="C1956" s="6" t="s">
        <v>1972</v>
      </c>
      <c r="D1956" s="6"/>
      <c r="E1956" s="6" t="s">
        <v>9</v>
      </c>
      <c r="F1956" s="7">
        <v>38657</v>
      </c>
      <c r="G1956" s="8">
        <v>1</v>
      </c>
      <c r="H1956" s="8">
        <v>1</v>
      </c>
      <c r="I1956" s="8">
        <v>0</v>
      </c>
      <c r="J1956" s="8">
        <v>1</v>
      </c>
      <c r="K1956" s="9">
        <v>136</v>
      </c>
      <c r="L1956" s="6" t="s">
        <v>51</v>
      </c>
    </row>
    <row r="1957" spans="1:12">
      <c r="A1957" s="6" t="s">
        <v>49</v>
      </c>
      <c r="B1957" s="6"/>
      <c r="C1957" s="6" t="s">
        <v>1973</v>
      </c>
      <c r="D1957" s="6"/>
      <c r="E1957" s="6" t="s">
        <v>9</v>
      </c>
      <c r="F1957" s="7">
        <v>38657</v>
      </c>
      <c r="G1957" s="8">
        <v>1</v>
      </c>
      <c r="H1957" s="8">
        <v>1</v>
      </c>
      <c r="I1957" s="8">
        <v>0</v>
      </c>
      <c r="J1957" s="8">
        <v>1</v>
      </c>
      <c r="K1957" s="9">
        <v>145</v>
      </c>
      <c r="L1957" s="6" t="s">
        <v>51</v>
      </c>
    </row>
    <row r="1958" spans="1:12">
      <c r="A1958" s="6" t="s">
        <v>49</v>
      </c>
      <c r="B1958" s="6"/>
      <c r="C1958" s="6" t="s">
        <v>1974</v>
      </c>
      <c r="D1958" s="6"/>
      <c r="E1958" s="6" t="s">
        <v>9</v>
      </c>
      <c r="F1958" s="7">
        <v>38657</v>
      </c>
      <c r="G1958" s="8">
        <v>1</v>
      </c>
      <c r="H1958" s="8">
        <v>1</v>
      </c>
      <c r="I1958" s="8">
        <v>0</v>
      </c>
      <c r="J1958" s="8">
        <v>1</v>
      </c>
      <c r="K1958" s="9">
        <v>144</v>
      </c>
      <c r="L1958" s="6" t="s">
        <v>51</v>
      </c>
    </row>
    <row r="1959" spans="1:12">
      <c r="A1959" s="6" t="s">
        <v>49</v>
      </c>
      <c r="B1959" s="6"/>
      <c r="C1959" s="6" t="s">
        <v>1975</v>
      </c>
      <c r="D1959" s="6"/>
      <c r="E1959" s="6" t="s">
        <v>9</v>
      </c>
      <c r="F1959" s="7">
        <v>38657</v>
      </c>
      <c r="G1959" s="8">
        <v>1</v>
      </c>
      <c r="H1959" s="8">
        <v>1</v>
      </c>
      <c r="I1959" s="8">
        <v>0</v>
      </c>
      <c r="J1959" s="8">
        <v>1</v>
      </c>
      <c r="K1959" s="9">
        <v>146</v>
      </c>
      <c r="L1959" s="6" t="s">
        <v>51</v>
      </c>
    </row>
    <row r="1960" spans="1:12">
      <c r="A1960" s="6" t="s">
        <v>49</v>
      </c>
      <c r="B1960" s="6"/>
      <c r="C1960" s="6" t="s">
        <v>1976</v>
      </c>
      <c r="D1960" s="6"/>
      <c r="E1960" s="6" t="s">
        <v>9</v>
      </c>
      <c r="F1960" s="7">
        <v>38657</v>
      </c>
      <c r="G1960" s="8">
        <v>1</v>
      </c>
      <c r="H1960" s="8">
        <v>1</v>
      </c>
      <c r="I1960" s="8">
        <v>0</v>
      </c>
      <c r="J1960" s="8">
        <v>1</v>
      </c>
      <c r="K1960" s="9">
        <v>146</v>
      </c>
      <c r="L1960" s="6" t="s">
        <v>51</v>
      </c>
    </row>
    <row r="1961" spans="1:12">
      <c r="A1961" s="6" t="s">
        <v>49</v>
      </c>
      <c r="B1961" s="6"/>
      <c r="C1961" s="6" t="s">
        <v>1977</v>
      </c>
      <c r="D1961" s="6"/>
      <c r="E1961" s="6" t="s">
        <v>9</v>
      </c>
      <c r="F1961" s="7">
        <v>38657</v>
      </c>
      <c r="G1961" s="8">
        <v>1</v>
      </c>
      <c r="H1961" s="8">
        <v>1</v>
      </c>
      <c r="I1961" s="8">
        <v>0</v>
      </c>
      <c r="J1961" s="8">
        <v>1</v>
      </c>
      <c r="K1961" s="9">
        <v>146</v>
      </c>
      <c r="L1961" s="6" t="s">
        <v>51</v>
      </c>
    </row>
    <row r="1962" spans="1:12">
      <c r="A1962" s="6" t="s">
        <v>49</v>
      </c>
      <c r="B1962" s="6"/>
      <c r="C1962" s="6" t="s">
        <v>1978</v>
      </c>
      <c r="D1962" s="6"/>
      <c r="E1962" s="6" t="s">
        <v>9</v>
      </c>
      <c r="F1962" s="7">
        <v>38657</v>
      </c>
      <c r="G1962" s="8">
        <v>1</v>
      </c>
      <c r="H1962" s="8">
        <v>1</v>
      </c>
      <c r="I1962" s="8">
        <v>0</v>
      </c>
      <c r="J1962" s="8">
        <v>1</v>
      </c>
      <c r="K1962" s="9">
        <v>87</v>
      </c>
      <c r="L1962" s="6" t="s">
        <v>51</v>
      </c>
    </row>
    <row r="1963" spans="1:12">
      <c r="A1963" s="6" t="s">
        <v>49</v>
      </c>
      <c r="B1963" s="6"/>
      <c r="C1963" s="6" t="s">
        <v>1979</v>
      </c>
      <c r="D1963" s="6"/>
      <c r="E1963" s="6" t="s">
        <v>9</v>
      </c>
      <c r="F1963" s="7">
        <v>38657</v>
      </c>
      <c r="G1963" s="8">
        <v>1</v>
      </c>
      <c r="H1963" s="8">
        <v>1</v>
      </c>
      <c r="I1963" s="8">
        <v>0</v>
      </c>
      <c r="J1963" s="8">
        <v>1</v>
      </c>
      <c r="K1963" s="9">
        <v>59</v>
      </c>
      <c r="L1963" s="6" t="s">
        <v>51</v>
      </c>
    </row>
    <row r="1964" spans="1:12">
      <c r="A1964" s="6" t="s">
        <v>49</v>
      </c>
      <c r="B1964" s="6"/>
      <c r="C1964" s="6" t="s">
        <v>1980</v>
      </c>
      <c r="D1964" s="6"/>
      <c r="E1964" s="6" t="s">
        <v>9</v>
      </c>
      <c r="F1964" s="7"/>
      <c r="G1964" s="8">
        <v>1</v>
      </c>
      <c r="H1964" s="8">
        <v>1</v>
      </c>
      <c r="I1964" s="8">
        <v>0</v>
      </c>
      <c r="J1964" s="8">
        <v>1</v>
      </c>
      <c r="K1964" s="9">
        <v>6.61</v>
      </c>
      <c r="L1964" s="6" t="s">
        <v>51</v>
      </c>
    </row>
    <row r="1965" spans="1:12">
      <c r="A1965" s="6" t="s">
        <v>49</v>
      </c>
      <c r="B1965" s="6"/>
      <c r="C1965" s="6" t="s">
        <v>1981</v>
      </c>
      <c r="D1965" s="6"/>
      <c r="E1965" s="6" t="s">
        <v>9</v>
      </c>
      <c r="F1965" s="7">
        <v>38657</v>
      </c>
      <c r="G1965" s="8">
        <v>1</v>
      </c>
      <c r="H1965" s="8">
        <v>1</v>
      </c>
      <c r="I1965" s="8">
        <v>0</v>
      </c>
      <c r="J1965" s="8">
        <v>1</v>
      </c>
      <c r="K1965" s="9">
        <v>59</v>
      </c>
      <c r="L1965" s="6" t="s">
        <v>51</v>
      </c>
    </row>
    <row r="1966" spans="1:12">
      <c r="A1966" s="6" t="s">
        <v>49</v>
      </c>
      <c r="B1966" s="6"/>
      <c r="C1966" s="6" t="s">
        <v>1982</v>
      </c>
      <c r="D1966" s="6"/>
      <c r="E1966" s="6" t="s">
        <v>9</v>
      </c>
      <c r="F1966" s="7">
        <v>38657</v>
      </c>
      <c r="G1966" s="8">
        <v>1</v>
      </c>
      <c r="H1966" s="8">
        <v>1</v>
      </c>
      <c r="I1966" s="8">
        <v>0</v>
      </c>
      <c r="J1966" s="8">
        <v>1</v>
      </c>
      <c r="K1966" s="9">
        <v>91</v>
      </c>
      <c r="L1966" s="6" t="s">
        <v>51</v>
      </c>
    </row>
    <row r="1967" spans="1:12">
      <c r="A1967" s="6" t="s">
        <v>49</v>
      </c>
      <c r="B1967" s="6"/>
      <c r="C1967" s="6" t="s">
        <v>1983</v>
      </c>
      <c r="D1967" s="6"/>
      <c r="E1967" s="6" t="s">
        <v>9</v>
      </c>
      <c r="F1967" s="7">
        <v>38657</v>
      </c>
      <c r="G1967" s="8">
        <v>1</v>
      </c>
      <c r="H1967" s="8">
        <v>1</v>
      </c>
      <c r="I1967" s="8">
        <v>0</v>
      </c>
      <c r="J1967" s="8">
        <v>1</v>
      </c>
      <c r="K1967" s="9">
        <v>139</v>
      </c>
      <c r="L1967" s="6" t="s">
        <v>51</v>
      </c>
    </row>
    <row r="1968" spans="1:12">
      <c r="A1968" s="6" t="s">
        <v>49</v>
      </c>
      <c r="B1968" s="6"/>
      <c r="C1968" s="6" t="s">
        <v>1984</v>
      </c>
      <c r="D1968" s="6"/>
      <c r="E1968" s="6" t="s">
        <v>9</v>
      </c>
      <c r="F1968" s="7">
        <v>38657</v>
      </c>
      <c r="G1968" s="8">
        <v>1</v>
      </c>
      <c r="H1968" s="8">
        <v>1</v>
      </c>
      <c r="I1968" s="8">
        <v>0</v>
      </c>
      <c r="J1968" s="8">
        <v>1</v>
      </c>
      <c r="K1968" s="9">
        <v>4.32</v>
      </c>
      <c r="L1968" s="6" t="s">
        <v>51</v>
      </c>
    </row>
    <row r="1969" spans="1:12">
      <c r="A1969" s="6" t="s">
        <v>49</v>
      </c>
      <c r="B1969" s="6"/>
      <c r="C1969" s="6" t="s">
        <v>1985</v>
      </c>
      <c r="D1969" s="6"/>
      <c r="E1969" s="6" t="s">
        <v>9</v>
      </c>
      <c r="F1969" s="7">
        <v>38657</v>
      </c>
      <c r="G1969" s="8">
        <v>1</v>
      </c>
      <c r="H1969" s="8">
        <v>1</v>
      </c>
      <c r="I1969" s="8">
        <v>0</v>
      </c>
      <c r="J1969" s="8">
        <v>1</v>
      </c>
      <c r="K1969" s="9">
        <v>153</v>
      </c>
      <c r="L1969" s="6" t="s">
        <v>51</v>
      </c>
    </row>
    <row r="1970" spans="1:12">
      <c r="A1970" s="6" t="s">
        <v>49</v>
      </c>
      <c r="B1970" s="6"/>
      <c r="C1970" s="6" t="s">
        <v>1986</v>
      </c>
      <c r="D1970" s="6"/>
      <c r="E1970" s="6" t="s">
        <v>9</v>
      </c>
      <c r="F1970" s="7">
        <v>38657</v>
      </c>
      <c r="G1970" s="8">
        <v>1</v>
      </c>
      <c r="H1970" s="8">
        <v>1</v>
      </c>
      <c r="I1970" s="8">
        <v>0</v>
      </c>
      <c r="J1970" s="8">
        <v>1</v>
      </c>
      <c r="K1970" s="9">
        <v>149</v>
      </c>
      <c r="L1970" s="6" t="s">
        <v>51</v>
      </c>
    </row>
    <row r="1971" spans="1:12">
      <c r="A1971" s="6" t="s">
        <v>49</v>
      </c>
      <c r="B1971" s="6"/>
      <c r="C1971" s="6" t="s">
        <v>1987</v>
      </c>
      <c r="D1971" s="6"/>
      <c r="E1971" s="6" t="s">
        <v>9</v>
      </c>
      <c r="F1971" s="7">
        <v>38657</v>
      </c>
      <c r="G1971" s="8">
        <v>1</v>
      </c>
      <c r="H1971" s="8">
        <v>1</v>
      </c>
      <c r="I1971" s="8">
        <v>0</v>
      </c>
      <c r="J1971" s="8">
        <v>1</v>
      </c>
      <c r="K1971" s="9">
        <v>153</v>
      </c>
      <c r="L1971" s="6" t="s">
        <v>51</v>
      </c>
    </row>
    <row r="1972" spans="1:12">
      <c r="A1972" s="6" t="s">
        <v>49</v>
      </c>
      <c r="B1972" s="6"/>
      <c r="C1972" s="6" t="s">
        <v>1988</v>
      </c>
      <c r="D1972" s="6"/>
      <c r="E1972" s="6" t="s">
        <v>9</v>
      </c>
      <c r="F1972" s="7">
        <v>38657</v>
      </c>
      <c r="G1972" s="8">
        <v>1</v>
      </c>
      <c r="H1972" s="8">
        <v>1</v>
      </c>
      <c r="I1972" s="8">
        <v>0</v>
      </c>
      <c r="J1972" s="8">
        <v>1</v>
      </c>
      <c r="K1972" s="9">
        <v>153</v>
      </c>
      <c r="L1972" s="6" t="s">
        <v>51</v>
      </c>
    </row>
    <row r="1973" spans="1:12">
      <c r="A1973" s="6" t="s">
        <v>49</v>
      </c>
      <c r="B1973" s="6"/>
      <c r="C1973" s="6" t="s">
        <v>1989</v>
      </c>
      <c r="D1973" s="6"/>
      <c r="E1973" s="6" t="s">
        <v>9</v>
      </c>
      <c r="F1973" s="7">
        <v>38657</v>
      </c>
      <c r="G1973" s="8">
        <v>1</v>
      </c>
      <c r="H1973" s="8">
        <v>1</v>
      </c>
      <c r="I1973" s="8">
        <v>0</v>
      </c>
      <c r="J1973" s="8">
        <v>1</v>
      </c>
      <c r="K1973" s="9">
        <v>150</v>
      </c>
      <c r="L1973" s="6" t="s">
        <v>51</v>
      </c>
    </row>
    <row r="1974" spans="1:12">
      <c r="A1974" s="6" t="s">
        <v>49</v>
      </c>
      <c r="B1974" s="6"/>
      <c r="C1974" s="6" t="s">
        <v>1990</v>
      </c>
      <c r="D1974" s="6"/>
      <c r="E1974" s="6" t="s">
        <v>9</v>
      </c>
      <c r="F1974" s="7">
        <v>38657</v>
      </c>
      <c r="G1974" s="8">
        <v>1</v>
      </c>
      <c r="H1974" s="8">
        <v>1</v>
      </c>
      <c r="I1974" s="8">
        <v>0</v>
      </c>
      <c r="J1974" s="8">
        <v>1</v>
      </c>
      <c r="K1974" s="9">
        <v>159</v>
      </c>
      <c r="L1974" s="6" t="s">
        <v>51</v>
      </c>
    </row>
    <row r="1975" spans="1:12">
      <c r="A1975" s="6" t="s">
        <v>49</v>
      </c>
      <c r="B1975" s="6"/>
      <c r="C1975" s="6" t="s">
        <v>1991</v>
      </c>
      <c r="D1975" s="6"/>
      <c r="E1975" s="6" t="s">
        <v>9</v>
      </c>
      <c r="F1975" s="7"/>
      <c r="G1975" s="8">
        <v>1</v>
      </c>
      <c r="H1975" s="8">
        <v>1</v>
      </c>
      <c r="I1975" s="8">
        <v>0</v>
      </c>
      <c r="J1975" s="8">
        <v>1</v>
      </c>
      <c r="K1975" s="9">
        <v>3.3</v>
      </c>
      <c r="L1975" s="6" t="s">
        <v>51</v>
      </c>
    </row>
    <row r="1976" spans="1:12">
      <c r="A1976" s="6" t="s">
        <v>49</v>
      </c>
      <c r="B1976" s="6"/>
      <c r="C1976" s="6" t="s">
        <v>1992</v>
      </c>
      <c r="D1976" s="6"/>
      <c r="E1976" s="6" t="s">
        <v>9</v>
      </c>
      <c r="F1976" s="7">
        <v>38657</v>
      </c>
      <c r="G1976" s="8">
        <v>1</v>
      </c>
      <c r="H1976" s="8">
        <v>1</v>
      </c>
      <c r="I1976" s="8">
        <v>0</v>
      </c>
      <c r="J1976" s="8">
        <v>1</v>
      </c>
      <c r="K1976" s="9">
        <v>160</v>
      </c>
      <c r="L1976" s="6" t="s">
        <v>51</v>
      </c>
    </row>
    <row r="1977" spans="1:12">
      <c r="A1977" s="6" t="s">
        <v>49</v>
      </c>
      <c r="B1977" s="6"/>
      <c r="C1977" s="6" t="s">
        <v>1993</v>
      </c>
      <c r="D1977" s="6"/>
      <c r="E1977" s="6" t="s">
        <v>9</v>
      </c>
      <c r="F1977" s="7">
        <v>38657</v>
      </c>
      <c r="G1977" s="8">
        <v>1</v>
      </c>
      <c r="H1977" s="8">
        <v>1</v>
      </c>
      <c r="I1977" s="8">
        <v>0</v>
      </c>
      <c r="J1977" s="8">
        <v>1</v>
      </c>
      <c r="K1977" s="9">
        <v>60</v>
      </c>
      <c r="L1977" s="6" t="s">
        <v>51</v>
      </c>
    </row>
    <row r="1978" spans="1:12">
      <c r="A1978" s="6" t="s">
        <v>49</v>
      </c>
      <c r="B1978" s="6"/>
      <c r="C1978" s="6" t="s">
        <v>1994</v>
      </c>
      <c r="D1978" s="6"/>
      <c r="E1978" s="6" t="s">
        <v>9</v>
      </c>
      <c r="F1978" s="7">
        <v>38657</v>
      </c>
      <c r="G1978" s="8">
        <v>1</v>
      </c>
      <c r="H1978" s="8">
        <v>1</v>
      </c>
      <c r="I1978" s="8">
        <v>0</v>
      </c>
      <c r="J1978" s="8">
        <v>1</v>
      </c>
      <c r="K1978" s="9">
        <v>46</v>
      </c>
      <c r="L1978" s="6" t="s">
        <v>51</v>
      </c>
    </row>
    <row r="1979" spans="1:12">
      <c r="A1979" s="6" t="s">
        <v>49</v>
      </c>
      <c r="B1979" s="6"/>
      <c r="C1979" s="6" t="s">
        <v>1995</v>
      </c>
      <c r="D1979" s="6"/>
      <c r="E1979" s="6" t="s">
        <v>9</v>
      </c>
      <c r="F1979" s="7">
        <v>38657</v>
      </c>
      <c r="G1979" s="8">
        <v>1</v>
      </c>
      <c r="H1979" s="8">
        <v>1</v>
      </c>
      <c r="I1979" s="8">
        <v>0</v>
      </c>
      <c r="J1979" s="8">
        <v>1</v>
      </c>
      <c r="K1979" s="9">
        <v>135</v>
      </c>
      <c r="L1979" s="6" t="s">
        <v>51</v>
      </c>
    </row>
    <row r="1980" spans="1:12">
      <c r="A1980" s="6" t="s">
        <v>49</v>
      </c>
      <c r="B1980" s="6"/>
      <c r="C1980" s="6" t="s">
        <v>1996</v>
      </c>
      <c r="D1980" s="6"/>
      <c r="E1980" s="6" t="s">
        <v>9</v>
      </c>
      <c r="F1980" s="7">
        <v>38657</v>
      </c>
      <c r="G1980" s="8">
        <v>1</v>
      </c>
      <c r="H1980" s="8">
        <v>1</v>
      </c>
      <c r="I1980" s="8">
        <v>0</v>
      </c>
      <c r="J1980" s="8">
        <v>1</v>
      </c>
      <c r="K1980" s="9">
        <v>139</v>
      </c>
      <c r="L1980" s="6" t="s">
        <v>51</v>
      </c>
    </row>
    <row r="1981" spans="1:12">
      <c r="A1981" s="6" t="s">
        <v>49</v>
      </c>
      <c r="B1981" s="6"/>
      <c r="C1981" s="6" t="s">
        <v>1997</v>
      </c>
      <c r="D1981" s="6"/>
      <c r="E1981" s="6" t="s">
        <v>9</v>
      </c>
      <c r="F1981" s="7">
        <v>38657</v>
      </c>
      <c r="G1981" s="8">
        <v>1</v>
      </c>
      <c r="H1981" s="8">
        <v>1</v>
      </c>
      <c r="I1981" s="8">
        <v>0</v>
      </c>
      <c r="J1981" s="8">
        <v>1</v>
      </c>
      <c r="K1981" s="9">
        <v>141</v>
      </c>
      <c r="L1981" s="6" t="s">
        <v>51</v>
      </c>
    </row>
    <row r="1982" spans="1:12">
      <c r="A1982" s="6" t="s">
        <v>49</v>
      </c>
      <c r="B1982" s="6"/>
      <c r="C1982" s="6" t="s">
        <v>1998</v>
      </c>
      <c r="D1982" s="6"/>
      <c r="E1982" s="6" t="s">
        <v>9</v>
      </c>
      <c r="F1982" s="7">
        <v>38657</v>
      </c>
      <c r="G1982" s="8">
        <v>1</v>
      </c>
      <c r="H1982" s="8">
        <v>1</v>
      </c>
      <c r="I1982" s="8">
        <v>0</v>
      </c>
      <c r="J1982" s="8">
        <v>1</v>
      </c>
      <c r="K1982" s="9">
        <v>357</v>
      </c>
      <c r="L1982" s="6" t="s">
        <v>51</v>
      </c>
    </row>
    <row r="1983" spans="1:12">
      <c r="A1983" s="6" t="s">
        <v>49</v>
      </c>
      <c r="B1983" s="6"/>
      <c r="C1983" s="6" t="s">
        <v>1999</v>
      </c>
      <c r="D1983" s="6"/>
      <c r="E1983" s="6" t="s">
        <v>9</v>
      </c>
      <c r="F1983" s="7">
        <v>38657</v>
      </c>
      <c r="G1983" s="8">
        <v>1</v>
      </c>
      <c r="H1983" s="8">
        <v>1</v>
      </c>
      <c r="I1983" s="8">
        <v>0</v>
      </c>
      <c r="J1983" s="8">
        <v>1</v>
      </c>
      <c r="K1983" s="9">
        <v>71</v>
      </c>
      <c r="L1983" s="6" t="s">
        <v>51</v>
      </c>
    </row>
    <row r="1984" spans="1:12">
      <c r="A1984" s="6" t="s">
        <v>49</v>
      </c>
      <c r="B1984" s="6"/>
      <c r="C1984" s="6" t="s">
        <v>2000</v>
      </c>
      <c r="D1984" s="6"/>
      <c r="E1984" s="6" t="s">
        <v>9</v>
      </c>
      <c r="F1984" s="7">
        <v>38657</v>
      </c>
      <c r="G1984" s="8">
        <v>1</v>
      </c>
      <c r="H1984" s="8">
        <v>1</v>
      </c>
      <c r="I1984" s="8">
        <v>0</v>
      </c>
      <c r="J1984" s="8">
        <v>1</v>
      </c>
      <c r="K1984" s="9">
        <v>146</v>
      </c>
      <c r="L1984" s="6" t="s">
        <v>51</v>
      </c>
    </row>
    <row r="1985" spans="1:12">
      <c r="A1985" s="6" t="s">
        <v>49</v>
      </c>
      <c r="B1985" s="6"/>
      <c r="C1985" s="6" t="s">
        <v>2001</v>
      </c>
      <c r="D1985" s="6"/>
      <c r="E1985" s="6" t="s">
        <v>9</v>
      </c>
      <c r="F1985" s="7">
        <v>38657</v>
      </c>
      <c r="G1985" s="8">
        <v>1</v>
      </c>
      <c r="H1985" s="8">
        <v>1</v>
      </c>
      <c r="I1985" s="8">
        <v>0</v>
      </c>
      <c r="J1985" s="8">
        <v>1</v>
      </c>
      <c r="K1985" s="9">
        <v>136</v>
      </c>
      <c r="L1985" s="6" t="s">
        <v>51</v>
      </c>
    </row>
    <row r="1986" spans="1:12">
      <c r="A1986" s="6" t="s">
        <v>49</v>
      </c>
      <c r="B1986" s="6"/>
      <c r="C1986" s="6" t="s">
        <v>2002</v>
      </c>
      <c r="D1986" s="6"/>
      <c r="E1986" s="6" t="s">
        <v>9</v>
      </c>
      <c r="F1986" s="7"/>
      <c r="G1986" s="8">
        <v>1</v>
      </c>
      <c r="H1986" s="8">
        <v>1</v>
      </c>
      <c r="I1986" s="8">
        <v>0</v>
      </c>
      <c r="J1986" s="8">
        <v>1</v>
      </c>
      <c r="K1986" s="9">
        <v>13</v>
      </c>
      <c r="L1986" s="6" t="s">
        <v>51</v>
      </c>
    </row>
    <row r="1987" spans="1:12">
      <c r="A1987" s="6" t="s">
        <v>49</v>
      </c>
      <c r="B1987" s="6"/>
      <c r="C1987" s="6" t="s">
        <v>2003</v>
      </c>
      <c r="D1987" s="6"/>
      <c r="E1987" s="6" t="s">
        <v>9</v>
      </c>
      <c r="F1987" s="7">
        <v>38657</v>
      </c>
      <c r="G1987" s="8">
        <v>1</v>
      </c>
      <c r="H1987" s="8">
        <v>1</v>
      </c>
      <c r="I1987" s="8">
        <v>0</v>
      </c>
      <c r="J1987" s="8">
        <v>1</v>
      </c>
      <c r="K1987" s="9">
        <v>4.32</v>
      </c>
      <c r="L1987" s="6" t="s">
        <v>51</v>
      </c>
    </row>
    <row r="1988" spans="1:12">
      <c r="A1988" s="6" t="s">
        <v>49</v>
      </c>
      <c r="B1988" s="6"/>
      <c r="C1988" s="6" t="s">
        <v>2004</v>
      </c>
      <c r="D1988" s="6"/>
      <c r="E1988" s="6" t="s">
        <v>9</v>
      </c>
      <c r="F1988" s="7"/>
      <c r="G1988" s="8">
        <v>1</v>
      </c>
      <c r="H1988" s="8">
        <v>1</v>
      </c>
      <c r="I1988" s="8">
        <v>0</v>
      </c>
      <c r="J1988" s="8">
        <v>1</v>
      </c>
      <c r="K1988" s="9">
        <v>147</v>
      </c>
      <c r="L1988" s="6" t="s">
        <v>51</v>
      </c>
    </row>
    <row r="1989" spans="1:12">
      <c r="A1989" s="6" t="s">
        <v>49</v>
      </c>
      <c r="B1989" s="6"/>
      <c r="C1989" s="6" t="s">
        <v>2005</v>
      </c>
      <c r="D1989" s="6"/>
      <c r="E1989" s="6" t="s">
        <v>9</v>
      </c>
      <c r="F1989" s="7">
        <v>38657</v>
      </c>
      <c r="G1989" s="8">
        <v>1</v>
      </c>
      <c r="H1989" s="8">
        <v>1</v>
      </c>
      <c r="I1989" s="8">
        <v>0</v>
      </c>
      <c r="J1989" s="8">
        <v>1</v>
      </c>
      <c r="K1989" s="9">
        <v>144</v>
      </c>
      <c r="L1989" s="6" t="s">
        <v>51</v>
      </c>
    </row>
    <row r="1990" spans="1:12">
      <c r="A1990" s="6" t="s">
        <v>49</v>
      </c>
      <c r="B1990" s="6"/>
      <c r="C1990" s="6" t="s">
        <v>2006</v>
      </c>
      <c r="D1990" s="6"/>
      <c r="E1990" s="6" t="s">
        <v>9</v>
      </c>
      <c r="F1990" s="7">
        <v>38657</v>
      </c>
      <c r="G1990" s="8">
        <v>1</v>
      </c>
      <c r="H1990" s="8">
        <v>1</v>
      </c>
      <c r="I1990" s="8">
        <v>0</v>
      </c>
      <c r="J1990" s="8">
        <v>1</v>
      </c>
      <c r="K1990" s="9">
        <v>150</v>
      </c>
      <c r="L1990" s="6" t="s">
        <v>51</v>
      </c>
    </row>
    <row r="1991" spans="1:12">
      <c r="A1991" s="6" t="s">
        <v>49</v>
      </c>
      <c r="B1991" s="6"/>
      <c r="C1991" s="6" t="s">
        <v>2007</v>
      </c>
      <c r="D1991" s="6"/>
      <c r="E1991" s="6" t="s">
        <v>9</v>
      </c>
      <c r="F1991" s="7">
        <v>38657</v>
      </c>
      <c r="G1991" s="8">
        <v>1</v>
      </c>
      <c r="H1991" s="8">
        <v>1</v>
      </c>
      <c r="I1991" s="8">
        <v>0</v>
      </c>
      <c r="J1991" s="8">
        <v>1</v>
      </c>
      <c r="K1991" s="9">
        <v>151</v>
      </c>
      <c r="L1991" s="6" t="s">
        <v>51</v>
      </c>
    </row>
    <row r="1992" spans="1:12">
      <c r="A1992" s="6" t="s">
        <v>49</v>
      </c>
      <c r="B1992" s="6"/>
      <c r="C1992" s="6" t="s">
        <v>2008</v>
      </c>
      <c r="D1992" s="6"/>
      <c r="E1992" s="6" t="s">
        <v>9</v>
      </c>
      <c r="F1992" s="7">
        <v>38657</v>
      </c>
      <c r="G1992" s="8">
        <v>1</v>
      </c>
      <c r="H1992" s="8">
        <v>1</v>
      </c>
      <c r="I1992" s="8">
        <v>0</v>
      </c>
      <c r="J1992" s="8">
        <v>1</v>
      </c>
      <c r="K1992" s="9">
        <v>153</v>
      </c>
      <c r="L1992" s="6" t="s">
        <v>51</v>
      </c>
    </row>
    <row r="1993" spans="1:12">
      <c r="A1993" s="6" t="s">
        <v>49</v>
      </c>
      <c r="B1993" s="6"/>
      <c r="C1993" s="6" t="s">
        <v>2009</v>
      </c>
      <c r="D1993" s="6"/>
      <c r="E1993" s="6" t="s">
        <v>9</v>
      </c>
      <c r="F1993" s="7">
        <v>38657</v>
      </c>
      <c r="G1993" s="8">
        <v>1</v>
      </c>
      <c r="H1993" s="8">
        <v>1</v>
      </c>
      <c r="I1993" s="8">
        <v>0</v>
      </c>
      <c r="J1993" s="8">
        <v>1</v>
      </c>
      <c r="K1993" s="9">
        <v>150</v>
      </c>
      <c r="L1993" s="6" t="s">
        <v>51</v>
      </c>
    </row>
    <row r="1994" spans="1:12">
      <c r="A1994" s="6" t="s">
        <v>49</v>
      </c>
      <c r="B1994" s="6"/>
      <c r="C1994" s="6" t="s">
        <v>2010</v>
      </c>
      <c r="D1994" s="6"/>
      <c r="E1994" s="6" t="s">
        <v>9</v>
      </c>
      <c r="F1994" s="7">
        <v>38657</v>
      </c>
      <c r="G1994" s="8">
        <v>1</v>
      </c>
      <c r="H1994" s="8">
        <v>1</v>
      </c>
      <c r="I1994" s="8">
        <v>0</v>
      </c>
      <c r="J1994" s="8">
        <v>1</v>
      </c>
      <c r="K1994" s="9">
        <v>148</v>
      </c>
      <c r="L1994" s="6" t="s">
        <v>51</v>
      </c>
    </row>
    <row r="1995" spans="1:12">
      <c r="A1995" s="6" t="s">
        <v>49</v>
      </c>
      <c r="B1995" s="6"/>
      <c r="C1995" s="6" t="s">
        <v>2011</v>
      </c>
      <c r="D1995" s="6"/>
      <c r="E1995" s="6" t="s">
        <v>9</v>
      </c>
      <c r="F1995" s="7">
        <v>38657</v>
      </c>
      <c r="G1995" s="8">
        <v>1</v>
      </c>
      <c r="H1995" s="8">
        <v>1</v>
      </c>
      <c r="I1995" s="8">
        <v>0</v>
      </c>
      <c r="J1995" s="8">
        <v>1</v>
      </c>
      <c r="K1995" s="9">
        <v>138</v>
      </c>
      <c r="L1995" s="6" t="s">
        <v>51</v>
      </c>
    </row>
    <row r="1996" spans="1:12">
      <c r="A1996" s="6" t="s">
        <v>49</v>
      </c>
      <c r="B1996" s="6"/>
      <c r="C1996" s="6" t="s">
        <v>2012</v>
      </c>
      <c r="D1996" s="6"/>
      <c r="E1996" s="6" t="s">
        <v>9</v>
      </c>
      <c r="F1996" s="7">
        <v>38657</v>
      </c>
      <c r="G1996" s="8">
        <v>1</v>
      </c>
      <c r="H1996" s="8">
        <v>1</v>
      </c>
      <c r="I1996" s="8">
        <v>0</v>
      </c>
      <c r="J1996" s="8">
        <v>1</v>
      </c>
      <c r="K1996" s="9">
        <v>4.32</v>
      </c>
      <c r="L1996" s="6" t="s">
        <v>51</v>
      </c>
    </row>
    <row r="1997" spans="1:12">
      <c r="A1997" s="6" t="s">
        <v>49</v>
      </c>
      <c r="B1997" s="6"/>
      <c r="C1997" s="6" t="s">
        <v>2013</v>
      </c>
      <c r="D1997" s="6"/>
      <c r="E1997" s="6" t="s">
        <v>9</v>
      </c>
      <c r="F1997" s="7">
        <v>38657</v>
      </c>
      <c r="G1997" s="8">
        <v>1</v>
      </c>
      <c r="H1997" s="8">
        <v>1</v>
      </c>
      <c r="I1997" s="8">
        <v>0</v>
      </c>
      <c r="J1997" s="8">
        <v>1</v>
      </c>
      <c r="K1997" s="9">
        <v>3.84</v>
      </c>
      <c r="L1997" s="6" t="s">
        <v>51</v>
      </c>
    </row>
    <row r="1998" spans="1:12">
      <c r="A1998" s="6" t="s">
        <v>49</v>
      </c>
      <c r="B1998" s="6"/>
      <c r="C1998" s="6" t="s">
        <v>2014</v>
      </c>
      <c r="D1998" s="6"/>
      <c r="E1998" s="6" t="s">
        <v>9</v>
      </c>
      <c r="F1998" s="7">
        <v>38657</v>
      </c>
      <c r="G1998" s="8">
        <v>1</v>
      </c>
      <c r="H1998" s="8">
        <v>1</v>
      </c>
      <c r="I1998" s="8">
        <v>0</v>
      </c>
      <c r="J1998" s="8">
        <v>1</v>
      </c>
      <c r="K1998" s="9">
        <v>152</v>
      </c>
      <c r="L1998" s="6" t="s">
        <v>51</v>
      </c>
    </row>
    <row r="1999" spans="1:12">
      <c r="A1999" s="6" t="s">
        <v>49</v>
      </c>
      <c r="B1999" s="6"/>
      <c r="C1999" s="6" t="s">
        <v>2015</v>
      </c>
      <c r="D1999" s="6"/>
      <c r="E1999" s="6" t="s">
        <v>9</v>
      </c>
      <c r="F1999" s="7">
        <v>38657</v>
      </c>
      <c r="G1999" s="8">
        <v>1</v>
      </c>
      <c r="H1999" s="8">
        <v>1</v>
      </c>
      <c r="I1999" s="8">
        <v>0</v>
      </c>
      <c r="J1999" s="8">
        <v>1</v>
      </c>
      <c r="K1999" s="9">
        <v>152</v>
      </c>
      <c r="L1999" s="6" t="s">
        <v>51</v>
      </c>
    </row>
    <row r="2000" spans="1:12">
      <c r="A2000" s="6" t="s">
        <v>49</v>
      </c>
      <c r="B2000" s="6"/>
      <c r="C2000" s="6" t="s">
        <v>2016</v>
      </c>
      <c r="D2000" s="6"/>
      <c r="E2000" s="6" t="s">
        <v>9</v>
      </c>
      <c r="F2000" s="7">
        <v>38657</v>
      </c>
      <c r="G2000" s="8">
        <v>1</v>
      </c>
      <c r="H2000" s="8">
        <v>1</v>
      </c>
      <c r="I2000" s="8">
        <v>0</v>
      </c>
      <c r="J2000" s="8">
        <v>1</v>
      </c>
      <c r="K2000" s="9">
        <v>151</v>
      </c>
      <c r="L2000" s="6" t="s">
        <v>51</v>
      </c>
    </row>
    <row r="2001" spans="1:12">
      <c r="A2001" s="6" t="s">
        <v>49</v>
      </c>
      <c r="B2001" s="6"/>
      <c r="C2001" s="6" t="s">
        <v>2017</v>
      </c>
      <c r="D2001" s="6"/>
      <c r="E2001" s="6" t="s">
        <v>9</v>
      </c>
      <c r="F2001" s="7">
        <v>38657</v>
      </c>
      <c r="G2001" s="8">
        <v>1</v>
      </c>
      <c r="H2001" s="8">
        <v>1</v>
      </c>
      <c r="I2001" s="8">
        <v>0</v>
      </c>
      <c r="J2001" s="8">
        <v>1</v>
      </c>
      <c r="K2001" s="9">
        <v>155</v>
      </c>
      <c r="L2001" s="6" t="s">
        <v>51</v>
      </c>
    </row>
    <row r="2002" spans="1:12">
      <c r="A2002" s="6" t="s">
        <v>49</v>
      </c>
      <c r="B2002" s="6"/>
      <c r="C2002" s="6" t="s">
        <v>2018</v>
      </c>
      <c r="D2002" s="6"/>
      <c r="E2002" s="6" t="s">
        <v>9</v>
      </c>
      <c r="F2002" s="7">
        <v>38657</v>
      </c>
      <c r="G2002" s="8">
        <v>1</v>
      </c>
      <c r="H2002" s="8">
        <v>1</v>
      </c>
      <c r="I2002" s="8">
        <v>0</v>
      </c>
      <c r="J2002" s="8">
        <v>1</v>
      </c>
      <c r="K2002" s="9">
        <v>153</v>
      </c>
      <c r="L2002" s="6" t="s">
        <v>51</v>
      </c>
    </row>
    <row r="2003" spans="1:12">
      <c r="A2003" s="6" t="s">
        <v>49</v>
      </c>
      <c r="B2003" s="6"/>
      <c r="C2003" s="6" t="s">
        <v>2019</v>
      </c>
      <c r="D2003" s="6"/>
      <c r="E2003" s="6" t="s">
        <v>9</v>
      </c>
      <c r="F2003" s="7">
        <v>38657</v>
      </c>
      <c r="G2003" s="8">
        <v>1</v>
      </c>
      <c r="H2003" s="8">
        <v>1</v>
      </c>
      <c r="I2003" s="8">
        <v>0</v>
      </c>
      <c r="J2003" s="8">
        <v>1</v>
      </c>
      <c r="K2003" s="9">
        <v>150</v>
      </c>
      <c r="L2003" s="6" t="s">
        <v>51</v>
      </c>
    </row>
    <row r="2004" spans="1:12">
      <c r="A2004" s="6" t="s">
        <v>49</v>
      </c>
      <c r="B2004" s="6"/>
      <c r="C2004" s="6" t="s">
        <v>2020</v>
      </c>
      <c r="D2004" s="6"/>
      <c r="E2004" s="6" t="s">
        <v>9</v>
      </c>
      <c r="F2004" s="7">
        <v>38657</v>
      </c>
      <c r="G2004" s="8">
        <v>1</v>
      </c>
      <c r="H2004" s="8">
        <v>1</v>
      </c>
      <c r="I2004" s="8">
        <v>0</v>
      </c>
      <c r="J2004" s="8">
        <v>1</v>
      </c>
      <c r="K2004" s="9">
        <v>131</v>
      </c>
      <c r="L2004" s="6" t="s">
        <v>51</v>
      </c>
    </row>
    <row r="2005" spans="1:12">
      <c r="A2005" s="6" t="s">
        <v>49</v>
      </c>
      <c r="B2005" s="6"/>
      <c r="C2005" s="6" t="s">
        <v>2021</v>
      </c>
      <c r="D2005" s="6"/>
      <c r="E2005" s="6" t="s">
        <v>9</v>
      </c>
      <c r="F2005" s="7">
        <v>38657</v>
      </c>
      <c r="G2005" s="8">
        <v>1</v>
      </c>
      <c r="H2005" s="8">
        <v>1</v>
      </c>
      <c r="I2005" s="8">
        <v>0</v>
      </c>
      <c r="J2005" s="8">
        <v>1</v>
      </c>
      <c r="K2005" s="9">
        <v>236</v>
      </c>
      <c r="L2005" s="6" t="s">
        <v>51</v>
      </c>
    </row>
    <row r="2006" spans="1:12">
      <c r="A2006" s="6" t="s">
        <v>49</v>
      </c>
      <c r="B2006" s="6"/>
      <c r="C2006" s="6" t="s">
        <v>2022</v>
      </c>
      <c r="D2006" s="6"/>
      <c r="E2006" s="6" t="s">
        <v>9</v>
      </c>
      <c r="F2006" s="7">
        <v>38657</v>
      </c>
      <c r="G2006" s="8">
        <v>1</v>
      </c>
      <c r="H2006" s="8">
        <v>1</v>
      </c>
      <c r="I2006" s="8">
        <v>0</v>
      </c>
      <c r="J2006" s="8">
        <v>1</v>
      </c>
      <c r="K2006" s="9">
        <v>241</v>
      </c>
      <c r="L2006" s="6" t="s">
        <v>51</v>
      </c>
    </row>
    <row r="2007" spans="1:12">
      <c r="A2007" s="6" t="s">
        <v>49</v>
      </c>
      <c r="B2007" s="6"/>
      <c r="C2007" s="6" t="s">
        <v>2023</v>
      </c>
      <c r="D2007" s="6"/>
      <c r="E2007" s="6" t="s">
        <v>9</v>
      </c>
      <c r="F2007" s="7">
        <v>38657</v>
      </c>
      <c r="G2007" s="8">
        <v>1</v>
      </c>
      <c r="H2007" s="8">
        <v>1</v>
      </c>
      <c r="I2007" s="8">
        <v>0</v>
      </c>
      <c r="J2007" s="8">
        <v>1</v>
      </c>
      <c r="K2007" s="9">
        <v>116</v>
      </c>
      <c r="L2007" s="6" t="s">
        <v>51</v>
      </c>
    </row>
    <row r="2008" spans="1:12">
      <c r="A2008" s="6" t="s">
        <v>49</v>
      </c>
      <c r="B2008" s="6"/>
      <c r="C2008" s="6" t="s">
        <v>2024</v>
      </c>
      <c r="D2008" s="6"/>
      <c r="E2008" s="6" t="s">
        <v>9</v>
      </c>
      <c r="F2008" s="7"/>
      <c r="G2008" s="8">
        <v>1</v>
      </c>
      <c r="H2008" s="8">
        <v>1</v>
      </c>
      <c r="I2008" s="8">
        <v>0</v>
      </c>
      <c r="J2008" s="8">
        <v>1</v>
      </c>
      <c r="K2008" s="9">
        <v>9.91</v>
      </c>
      <c r="L2008" s="6" t="s">
        <v>51</v>
      </c>
    </row>
    <row r="2009" spans="1:12">
      <c r="A2009" s="6" t="s">
        <v>49</v>
      </c>
      <c r="B2009" s="6"/>
      <c r="C2009" s="6" t="s">
        <v>2025</v>
      </c>
      <c r="D2009" s="6"/>
      <c r="E2009" s="6" t="s">
        <v>9</v>
      </c>
      <c r="F2009" s="7">
        <v>38657</v>
      </c>
      <c r="G2009" s="8">
        <v>1</v>
      </c>
      <c r="H2009" s="8">
        <v>1</v>
      </c>
      <c r="I2009" s="8">
        <v>0</v>
      </c>
      <c r="J2009" s="8">
        <v>1</v>
      </c>
      <c r="K2009" s="9">
        <v>179</v>
      </c>
      <c r="L2009" s="6" t="s">
        <v>51</v>
      </c>
    </row>
    <row r="2010" spans="1:12">
      <c r="A2010" s="6" t="s">
        <v>49</v>
      </c>
      <c r="B2010" s="6"/>
      <c r="C2010" s="6" t="s">
        <v>2026</v>
      </c>
      <c r="D2010" s="6"/>
      <c r="E2010" s="6" t="s">
        <v>9</v>
      </c>
      <c r="F2010" s="7">
        <v>38657</v>
      </c>
      <c r="G2010" s="8">
        <v>1</v>
      </c>
      <c r="H2010" s="8">
        <v>1</v>
      </c>
      <c r="I2010" s="8">
        <v>0</v>
      </c>
      <c r="J2010" s="8">
        <v>1</v>
      </c>
      <c r="K2010" s="9">
        <v>116</v>
      </c>
      <c r="L2010" s="6" t="s">
        <v>51</v>
      </c>
    </row>
    <row r="2011" spans="1:12">
      <c r="A2011" s="6" t="s">
        <v>49</v>
      </c>
      <c r="B2011" s="6"/>
      <c r="C2011" s="6" t="s">
        <v>2027</v>
      </c>
      <c r="D2011" s="6"/>
      <c r="E2011" s="6" t="s">
        <v>9</v>
      </c>
      <c r="F2011" s="7">
        <v>38657</v>
      </c>
      <c r="G2011" s="8">
        <v>1</v>
      </c>
      <c r="H2011" s="8">
        <v>1</v>
      </c>
      <c r="I2011" s="8">
        <v>0</v>
      </c>
      <c r="J2011" s="8">
        <v>1</v>
      </c>
      <c r="K2011" s="9">
        <v>80</v>
      </c>
      <c r="L2011" s="6" t="s">
        <v>51</v>
      </c>
    </row>
    <row r="2012" spans="1:12">
      <c r="A2012" s="6" t="s">
        <v>49</v>
      </c>
      <c r="B2012" s="6"/>
      <c r="C2012" s="6" t="s">
        <v>2028</v>
      </c>
      <c r="D2012" s="6"/>
      <c r="E2012" s="6" t="s">
        <v>9</v>
      </c>
      <c r="F2012" s="7">
        <v>38657</v>
      </c>
      <c r="G2012" s="8">
        <v>1</v>
      </c>
      <c r="H2012" s="8">
        <v>1</v>
      </c>
      <c r="I2012" s="8">
        <v>0</v>
      </c>
      <c r="J2012" s="8">
        <v>1</v>
      </c>
      <c r="K2012" s="9">
        <v>81</v>
      </c>
      <c r="L2012" s="6" t="s">
        <v>51</v>
      </c>
    </row>
    <row r="2013" spans="1:12">
      <c r="A2013" s="6" t="s">
        <v>49</v>
      </c>
      <c r="B2013" s="6"/>
      <c r="C2013" s="6" t="s">
        <v>2029</v>
      </c>
      <c r="D2013" s="6"/>
      <c r="E2013" s="6" t="s">
        <v>9</v>
      </c>
      <c r="F2013" s="7">
        <v>38657</v>
      </c>
      <c r="G2013" s="8">
        <v>1</v>
      </c>
      <c r="H2013" s="8">
        <v>1</v>
      </c>
      <c r="I2013" s="8">
        <v>0</v>
      </c>
      <c r="J2013" s="8">
        <v>1</v>
      </c>
      <c r="K2013" s="9">
        <v>66</v>
      </c>
      <c r="L2013" s="6" t="s">
        <v>51</v>
      </c>
    </row>
    <row r="2014" spans="1:12">
      <c r="A2014" s="6" t="s">
        <v>49</v>
      </c>
      <c r="B2014" s="6"/>
      <c r="C2014" s="6" t="s">
        <v>2030</v>
      </c>
      <c r="D2014" s="6"/>
      <c r="E2014" s="6" t="s">
        <v>9</v>
      </c>
      <c r="F2014" s="7">
        <v>38657</v>
      </c>
      <c r="G2014" s="8">
        <v>1</v>
      </c>
      <c r="H2014" s="8">
        <v>1</v>
      </c>
      <c r="I2014" s="8">
        <v>0</v>
      </c>
      <c r="J2014" s="8">
        <v>1</v>
      </c>
      <c r="K2014" s="9">
        <v>50</v>
      </c>
      <c r="L2014" s="6" t="s">
        <v>51</v>
      </c>
    </row>
    <row r="2015" spans="1:12">
      <c r="A2015" s="6" t="s">
        <v>49</v>
      </c>
      <c r="B2015" s="6"/>
      <c r="C2015" s="6" t="s">
        <v>2031</v>
      </c>
      <c r="D2015" s="6"/>
      <c r="E2015" s="6" t="s">
        <v>9</v>
      </c>
      <c r="F2015" s="7">
        <v>38657</v>
      </c>
      <c r="G2015" s="8">
        <v>1</v>
      </c>
      <c r="H2015" s="8">
        <v>1</v>
      </c>
      <c r="I2015" s="8">
        <v>0</v>
      </c>
      <c r="J2015" s="8">
        <v>1</v>
      </c>
      <c r="K2015" s="9">
        <v>67</v>
      </c>
      <c r="L2015" s="6" t="s">
        <v>51</v>
      </c>
    </row>
    <row r="2016" spans="1:12">
      <c r="A2016" s="6" t="s">
        <v>49</v>
      </c>
      <c r="B2016" s="6"/>
      <c r="C2016" s="6" t="s">
        <v>2032</v>
      </c>
      <c r="D2016" s="6"/>
      <c r="E2016" s="6" t="s">
        <v>9</v>
      </c>
      <c r="F2016" s="7">
        <v>38657</v>
      </c>
      <c r="G2016" s="8">
        <v>1</v>
      </c>
      <c r="H2016" s="8">
        <v>1</v>
      </c>
      <c r="I2016" s="8">
        <v>0</v>
      </c>
      <c r="J2016" s="8">
        <v>1</v>
      </c>
      <c r="K2016" s="9">
        <v>106</v>
      </c>
      <c r="L2016" s="6" t="s">
        <v>51</v>
      </c>
    </row>
    <row r="2017" spans="1:12">
      <c r="A2017" s="6" t="s">
        <v>49</v>
      </c>
      <c r="B2017" s="6"/>
      <c r="C2017" s="6" t="s">
        <v>2033</v>
      </c>
      <c r="D2017" s="6"/>
      <c r="E2017" s="6" t="s">
        <v>9</v>
      </c>
      <c r="F2017" s="7">
        <v>38657</v>
      </c>
      <c r="G2017" s="8">
        <v>1</v>
      </c>
      <c r="H2017" s="8">
        <v>1</v>
      </c>
      <c r="I2017" s="8">
        <v>0</v>
      </c>
      <c r="J2017" s="8">
        <v>1</v>
      </c>
      <c r="K2017" s="9">
        <v>373</v>
      </c>
      <c r="L2017" s="6" t="s">
        <v>51</v>
      </c>
    </row>
    <row r="2018" spans="1:12">
      <c r="A2018" s="6" t="s">
        <v>49</v>
      </c>
      <c r="B2018" s="6"/>
      <c r="C2018" s="6" t="s">
        <v>2034</v>
      </c>
      <c r="D2018" s="6"/>
      <c r="E2018" s="6" t="s">
        <v>9</v>
      </c>
      <c r="F2018" s="7">
        <v>38657</v>
      </c>
      <c r="G2018" s="8">
        <v>1</v>
      </c>
      <c r="H2018" s="8">
        <v>1</v>
      </c>
      <c r="I2018" s="8">
        <v>0</v>
      </c>
      <c r="J2018" s="8">
        <v>1</v>
      </c>
      <c r="K2018" s="9">
        <v>138</v>
      </c>
      <c r="L2018" s="6" t="s">
        <v>51</v>
      </c>
    </row>
    <row r="2019" spans="1:12">
      <c r="A2019" s="6" t="s">
        <v>49</v>
      </c>
      <c r="B2019" s="6"/>
      <c r="C2019" s="6" t="s">
        <v>2035</v>
      </c>
      <c r="D2019" s="6"/>
      <c r="E2019" s="6" t="s">
        <v>9</v>
      </c>
      <c r="F2019" s="7">
        <v>38657</v>
      </c>
      <c r="G2019" s="8">
        <v>1</v>
      </c>
      <c r="H2019" s="8">
        <v>1</v>
      </c>
      <c r="I2019" s="8">
        <v>0</v>
      </c>
      <c r="J2019" s="8">
        <v>1</v>
      </c>
      <c r="K2019" s="9">
        <v>59</v>
      </c>
      <c r="L2019" s="6" t="s">
        <v>51</v>
      </c>
    </row>
    <row r="2020" spans="1:12">
      <c r="A2020" s="6" t="s">
        <v>49</v>
      </c>
      <c r="B2020" s="6"/>
      <c r="C2020" s="6" t="s">
        <v>2036</v>
      </c>
      <c r="D2020" s="6"/>
      <c r="E2020" s="6" t="s">
        <v>9</v>
      </c>
      <c r="F2020" s="7"/>
      <c r="G2020" s="8">
        <v>1</v>
      </c>
      <c r="H2020" s="8">
        <v>1</v>
      </c>
      <c r="I2020" s="8">
        <v>0</v>
      </c>
      <c r="J2020" s="8">
        <v>1</v>
      </c>
      <c r="K2020" s="9">
        <v>19</v>
      </c>
      <c r="L2020" s="6" t="s">
        <v>51</v>
      </c>
    </row>
    <row r="2021" spans="1:12">
      <c r="A2021" s="6" t="s">
        <v>49</v>
      </c>
      <c r="B2021" s="6"/>
      <c r="C2021" s="6" t="s">
        <v>2037</v>
      </c>
      <c r="D2021" s="6"/>
      <c r="E2021" s="6" t="s">
        <v>9</v>
      </c>
      <c r="F2021" s="7">
        <v>38657</v>
      </c>
      <c r="G2021" s="8">
        <v>1</v>
      </c>
      <c r="H2021" s="8">
        <v>1</v>
      </c>
      <c r="I2021" s="8">
        <v>0</v>
      </c>
      <c r="J2021" s="8">
        <v>1</v>
      </c>
      <c r="K2021" s="9">
        <v>161</v>
      </c>
      <c r="L2021" s="6" t="s">
        <v>51</v>
      </c>
    </row>
    <row r="2022" spans="1:12">
      <c r="A2022" s="6" t="s">
        <v>49</v>
      </c>
      <c r="B2022" s="6"/>
      <c r="C2022" s="6" t="s">
        <v>2038</v>
      </c>
      <c r="D2022" s="6"/>
      <c r="E2022" s="6" t="s">
        <v>9</v>
      </c>
      <c r="F2022" s="7">
        <v>38657</v>
      </c>
      <c r="G2022" s="8">
        <v>1</v>
      </c>
      <c r="H2022" s="8">
        <v>1</v>
      </c>
      <c r="I2022" s="8">
        <v>0</v>
      </c>
      <c r="J2022" s="8">
        <v>1</v>
      </c>
      <c r="K2022" s="9">
        <v>180</v>
      </c>
      <c r="L2022" s="6" t="s">
        <v>51</v>
      </c>
    </row>
    <row r="2023" spans="1:12">
      <c r="A2023" s="6" t="s">
        <v>49</v>
      </c>
      <c r="B2023" s="6"/>
      <c r="C2023" s="6" t="s">
        <v>2039</v>
      </c>
      <c r="D2023" s="6"/>
      <c r="E2023" s="6" t="s">
        <v>9</v>
      </c>
      <c r="F2023" s="7">
        <v>38657</v>
      </c>
      <c r="G2023" s="8">
        <v>1</v>
      </c>
      <c r="H2023" s="8">
        <v>1</v>
      </c>
      <c r="I2023" s="8">
        <v>0</v>
      </c>
      <c r="J2023" s="8">
        <v>1</v>
      </c>
      <c r="K2023" s="9">
        <v>199</v>
      </c>
      <c r="L2023" s="6" t="s">
        <v>51</v>
      </c>
    </row>
    <row r="2024" spans="1:12">
      <c r="A2024" s="6" t="s">
        <v>49</v>
      </c>
      <c r="B2024" s="6"/>
      <c r="C2024" s="6" t="s">
        <v>2040</v>
      </c>
      <c r="D2024" s="6"/>
      <c r="E2024" s="6" t="s">
        <v>9</v>
      </c>
      <c r="F2024" s="7">
        <v>38657</v>
      </c>
      <c r="G2024" s="8">
        <v>1</v>
      </c>
      <c r="H2024" s="8">
        <v>1</v>
      </c>
      <c r="I2024" s="8">
        <v>0</v>
      </c>
      <c r="J2024" s="8">
        <v>1</v>
      </c>
      <c r="K2024" s="9">
        <v>145</v>
      </c>
      <c r="L2024" s="6" t="s">
        <v>51</v>
      </c>
    </row>
    <row r="2025" spans="1:12">
      <c r="A2025" s="6" t="s">
        <v>49</v>
      </c>
      <c r="B2025" s="6"/>
      <c r="C2025" s="6" t="s">
        <v>2041</v>
      </c>
      <c r="D2025" s="6"/>
      <c r="E2025" s="6" t="s">
        <v>9</v>
      </c>
      <c r="F2025" s="7">
        <v>38657</v>
      </c>
      <c r="G2025" s="8">
        <v>1</v>
      </c>
      <c r="H2025" s="8">
        <v>1</v>
      </c>
      <c r="I2025" s="8">
        <v>0</v>
      </c>
      <c r="J2025" s="8">
        <v>1</v>
      </c>
      <c r="K2025" s="9">
        <v>120</v>
      </c>
      <c r="L2025" s="6" t="s">
        <v>51</v>
      </c>
    </row>
    <row r="2026" spans="1:12">
      <c r="A2026" s="6" t="s">
        <v>49</v>
      </c>
      <c r="B2026" s="6"/>
      <c r="C2026" s="6" t="s">
        <v>2042</v>
      </c>
      <c r="D2026" s="6"/>
      <c r="E2026" s="6" t="s">
        <v>9</v>
      </c>
      <c r="F2026" s="7">
        <v>38657</v>
      </c>
      <c r="G2026" s="8">
        <v>1</v>
      </c>
      <c r="H2026" s="8">
        <v>1</v>
      </c>
      <c r="I2026" s="8">
        <v>0</v>
      </c>
      <c r="J2026" s="8">
        <v>1</v>
      </c>
      <c r="K2026" s="9">
        <v>123</v>
      </c>
      <c r="L2026" s="6" t="s">
        <v>51</v>
      </c>
    </row>
    <row r="2027" spans="1:12">
      <c r="A2027" s="6" t="s">
        <v>49</v>
      </c>
      <c r="B2027" s="6"/>
      <c r="C2027" s="6" t="s">
        <v>2043</v>
      </c>
      <c r="D2027" s="6"/>
      <c r="E2027" s="6" t="s">
        <v>9</v>
      </c>
      <c r="F2027" s="7">
        <v>38657</v>
      </c>
      <c r="G2027" s="8">
        <v>1</v>
      </c>
      <c r="H2027" s="8">
        <v>1</v>
      </c>
      <c r="I2027" s="8">
        <v>0</v>
      </c>
      <c r="J2027" s="8">
        <v>1</v>
      </c>
      <c r="K2027" s="9">
        <v>187</v>
      </c>
      <c r="L2027" s="6" t="s">
        <v>51</v>
      </c>
    </row>
    <row r="2028" spans="1:12">
      <c r="A2028" s="6" t="s">
        <v>49</v>
      </c>
      <c r="B2028" s="6"/>
      <c r="C2028" s="6" t="s">
        <v>2044</v>
      </c>
      <c r="D2028" s="6"/>
      <c r="E2028" s="6" t="s">
        <v>9</v>
      </c>
      <c r="F2028" s="7">
        <v>38657</v>
      </c>
      <c r="G2028" s="8">
        <v>1</v>
      </c>
      <c r="H2028" s="8">
        <v>1</v>
      </c>
      <c r="I2028" s="8">
        <v>0</v>
      </c>
      <c r="J2028" s="8">
        <v>1</v>
      </c>
      <c r="K2028" s="9">
        <v>94</v>
      </c>
      <c r="L2028" s="6" t="s">
        <v>51</v>
      </c>
    </row>
    <row r="2029" spans="1:12">
      <c r="A2029" s="6" t="s">
        <v>49</v>
      </c>
      <c r="B2029" s="6"/>
      <c r="C2029" s="6" t="s">
        <v>2045</v>
      </c>
      <c r="D2029" s="6"/>
      <c r="E2029" s="6" t="s">
        <v>9</v>
      </c>
      <c r="F2029" s="7">
        <v>38657</v>
      </c>
      <c r="G2029" s="8">
        <v>1</v>
      </c>
      <c r="H2029" s="8">
        <v>1</v>
      </c>
      <c r="I2029" s="8">
        <v>0</v>
      </c>
      <c r="J2029" s="8">
        <v>1</v>
      </c>
      <c r="K2029" s="9">
        <v>87</v>
      </c>
      <c r="L2029" s="6" t="s">
        <v>51</v>
      </c>
    </row>
    <row r="2030" spans="1:12">
      <c r="A2030" s="6" t="s">
        <v>49</v>
      </c>
      <c r="B2030" s="6"/>
      <c r="C2030" s="6" t="s">
        <v>2046</v>
      </c>
      <c r="D2030" s="6"/>
      <c r="E2030" s="6" t="s">
        <v>9</v>
      </c>
      <c r="F2030" s="7">
        <v>38657</v>
      </c>
      <c r="G2030" s="8">
        <v>1</v>
      </c>
      <c r="H2030" s="8">
        <v>1</v>
      </c>
      <c r="I2030" s="8">
        <v>0</v>
      </c>
      <c r="J2030" s="8">
        <v>1</v>
      </c>
      <c r="K2030" s="9">
        <v>122</v>
      </c>
      <c r="L2030" s="6" t="s">
        <v>51</v>
      </c>
    </row>
    <row r="2031" spans="1:12">
      <c r="A2031" s="6" t="s">
        <v>49</v>
      </c>
      <c r="B2031" s="6"/>
      <c r="C2031" s="6" t="s">
        <v>2047</v>
      </c>
      <c r="D2031" s="6"/>
      <c r="E2031" s="6" t="s">
        <v>9</v>
      </c>
      <c r="F2031" s="7"/>
      <c r="G2031" s="8">
        <v>1</v>
      </c>
      <c r="H2031" s="8">
        <v>1</v>
      </c>
      <c r="I2031" s="8">
        <v>0</v>
      </c>
      <c r="J2031" s="8">
        <v>1</v>
      </c>
      <c r="K2031" s="9">
        <v>9.91</v>
      </c>
      <c r="L2031" s="6" t="s">
        <v>51</v>
      </c>
    </row>
    <row r="2032" spans="1:12">
      <c r="A2032" s="6" t="s">
        <v>49</v>
      </c>
      <c r="B2032" s="6"/>
      <c r="C2032" s="6" t="s">
        <v>2048</v>
      </c>
      <c r="D2032" s="6"/>
      <c r="E2032" s="6" t="s">
        <v>9</v>
      </c>
      <c r="F2032" s="7">
        <v>38657</v>
      </c>
      <c r="G2032" s="8">
        <v>1</v>
      </c>
      <c r="H2032" s="8">
        <v>1</v>
      </c>
      <c r="I2032" s="8">
        <v>0</v>
      </c>
      <c r="J2032" s="8">
        <v>1</v>
      </c>
      <c r="K2032" s="9">
        <v>60</v>
      </c>
      <c r="L2032" s="6" t="s">
        <v>51</v>
      </c>
    </row>
    <row r="2033" spans="1:12">
      <c r="A2033" s="6" t="s">
        <v>49</v>
      </c>
      <c r="B2033" s="6"/>
      <c r="C2033" s="6" t="s">
        <v>2049</v>
      </c>
      <c r="D2033" s="6"/>
      <c r="E2033" s="6" t="s">
        <v>9</v>
      </c>
      <c r="F2033" s="7">
        <v>38657</v>
      </c>
      <c r="G2033" s="8">
        <v>1</v>
      </c>
      <c r="H2033" s="8">
        <v>1</v>
      </c>
      <c r="I2033" s="8">
        <v>0</v>
      </c>
      <c r="J2033" s="8">
        <v>1</v>
      </c>
      <c r="K2033" s="9">
        <v>49</v>
      </c>
      <c r="L2033" s="6" t="s">
        <v>51</v>
      </c>
    </row>
    <row r="2034" spans="1:12">
      <c r="A2034" s="6" t="s">
        <v>49</v>
      </c>
      <c r="B2034" s="6"/>
      <c r="C2034" s="6" t="s">
        <v>2050</v>
      </c>
      <c r="D2034" s="6"/>
      <c r="E2034" s="6" t="s">
        <v>9</v>
      </c>
      <c r="F2034" s="7">
        <v>38657</v>
      </c>
      <c r="G2034" s="8">
        <v>1</v>
      </c>
      <c r="H2034" s="8">
        <v>1</v>
      </c>
      <c r="I2034" s="8">
        <v>0</v>
      </c>
      <c r="J2034" s="8">
        <v>1</v>
      </c>
      <c r="K2034" s="9">
        <v>113</v>
      </c>
      <c r="L2034" s="6" t="s">
        <v>51</v>
      </c>
    </row>
    <row r="2035" spans="1:12">
      <c r="A2035" s="6" t="s">
        <v>49</v>
      </c>
      <c r="B2035" s="6"/>
      <c r="C2035" s="6" t="s">
        <v>2051</v>
      </c>
      <c r="D2035" s="6"/>
      <c r="E2035" s="6" t="s">
        <v>9</v>
      </c>
      <c r="F2035" s="7">
        <v>38657</v>
      </c>
      <c r="G2035" s="8">
        <v>1</v>
      </c>
      <c r="H2035" s="8">
        <v>1</v>
      </c>
      <c r="I2035" s="8">
        <v>0</v>
      </c>
      <c r="J2035" s="8">
        <v>1</v>
      </c>
      <c r="K2035" s="9">
        <v>171</v>
      </c>
      <c r="L2035" s="6" t="s">
        <v>51</v>
      </c>
    </row>
    <row r="2036" spans="1:12">
      <c r="A2036" s="6" t="s">
        <v>49</v>
      </c>
      <c r="B2036" s="6"/>
      <c r="C2036" s="6" t="s">
        <v>2052</v>
      </c>
      <c r="D2036" s="6"/>
      <c r="E2036" s="6" t="s">
        <v>9</v>
      </c>
      <c r="F2036" s="7">
        <v>38657</v>
      </c>
      <c r="G2036" s="8">
        <v>1</v>
      </c>
      <c r="H2036" s="8">
        <v>1</v>
      </c>
      <c r="I2036" s="8">
        <v>0</v>
      </c>
      <c r="J2036" s="8">
        <v>1</v>
      </c>
      <c r="K2036" s="9">
        <v>79</v>
      </c>
      <c r="L2036" s="6" t="s">
        <v>51</v>
      </c>
    </row>
    <row r="2037" spans="1:12">
      <c r="A2037" s="6" t="s">
        <v>49</v>
      </c>
      <c r="B2037" s="6"/>
      <c r="C2037" s="6" t="s">
        <v>2053</v>
      </c>
      <c r="D2037" s="6"/>
      <c r="E2037" s="6" t="s">
        <v>9</v>
      </c>
      <c r="F2037" s="7">
        <v>38657</v>
      </c>
      <c r="G2037" s="8">
        <v>1</v>
      </c>
      <c r="H2037" s="8">
        <v>1</v>
      </c>
      <c r="I2037" s="8">
        <v>0</v>
      </c>
      <c r="J2037" s="8">
        <v>1</v>
      </c>
      <c r="K2037" s="9">
        <v>24</v>
      </c>
      <c r="L2037" s="6" t="s">
        <v>51</v>
      </c>
    </row>
    <row r="2038" spans="1:12">
      <c r="A2038" s="6" t="s">
        <v>49</v>
      </c>
      <c r="B2038" s="6"/>
      <c r="C2038" s="6" t="s">
        <v>2054</v>
      </c>
      <c r="D2038" s="6"/>
      <c r="E2038" s="6" t="s">
        <v>9</v>
      </c>
      <c r="F2038" s="7">
        <v>38657</v>
      </c>
      <c r="G2038" s="8">
        <v>1</v>
      </c>
      <c r="H2038" s="8">
        <v>1</v>
      </c>
      <c r="I2038" s="8">
        <v>0</v>
      </c>
      <c r="J2038" s="8">
        <v>1</v>
      </c>
      <c r="K2038" s="9">
        <v>50</v>
      </c>
      <c r="L2038" s="6" t="s">
        <v>51</v>
      </c>
    </row>
    <row r="2039" spans="1:12">
      <c r="A2039" s="6" t="s">
        <v>49</v>
      </c>
      <c r="B2039" s="6"/>
      <c r="C2039" s="6" t="s">
        <v>2055</v>
      </c>
      <c r="D2039" s="6"/>
      <c r="E2039" s="6" t="s">
        <v>9</v>
      </c>
      <c r="F2039" s="7">
        <v>38657</v>
      </c>
      <c r="G2039" s="8">
        <v>1</v>
      </c>
      <c r="H2039" s="8">
        <v>1</v>
      </c>
      <c r="I2039" s="8">
        <v>0</v>
      </c>
      <c r="J2039" s="8">
        <v>1</v>
      </c>
      <c r="K2039" s="9">
        <v>6.04</v>
      </c>
      <c r="L2039" s="6" t="s">
        <v>51</v>
      </c>
    </row>
    <row r="2040" spans="1:12">
      <c r="A2040" s="6" t="s">
        <v>49</v>
      </c>
      <c r="B2040" s="6"/>
      <c r="C2040" s="6" t="s">
        <v>2056</v>
      </c>
      <c r="D2040" s="6"/>
      <c r="E2040" s="6" t="s">
        <v>9</v>
      </c>
      <c r="F2040" s="7">
        <v>38657</v>
      </c>
      <c r="G2040" s="8">
        <v>1</v>
      </c>
      <c r="H2040" s="8">
        <v>1</v>
      </c>
      <c r="I2040" s="8">
        <v>0</v>
      </c>
      <c r="J2040" s="8">
        <v>1</v>
      </c>
      <c r="K2040" s="9">
        <v>13</v>
      </c>
      <c r="L2040" s="6" t="s">
        <v>51</v>
      </c>
    </row>
    <row r="2041" spans="1:12">
      <c r="A2041" s="6" t="s">
        <v>49</v>
      </c>
      <c r="B2041" s="6"/>
      <c r="C2041" s="6" t="s">
        <v>2057</v>
      </c>
      <c r="D2041" s="6"/>
      <c r="E2041" s="6" t="s">
        <v>9</v>
      </c>
      <c r="F2041" s="7">
        <v>38657</v>
      </c>
      <c r="G2041" s="8">
        <v>1</v>
      </c>
      <c r="H2041" s="8">
        <v>1</v>
      </c>
      <c r="I2041" s="8">
        <v>0</v>
      </c>
      <c r="J2041" s="8">
        <v>1</v>
      </c>
      <c r="K2041" s="9">
        <v>469</v>
      </c>
      <c r="L2041" s="6" t="s">
        <v>51</v>
      </c>
    </row>
    <row r="2042" spans="1:12">
      <c r="A2042" s="6" t="s">
        <v>49</v>
      </c>
      <c r="B2042" s="6"/>
      <c r="C2042" s="6" t="s">
        <v>2058</v>
      </c>
      <c r="D2042" s="6"/>
      <c r="E2042" s="6" t="s">
        <v>9</v>
      </c>
      <c r="F2042" s="7"/>
      <c r="G2042" s="8">
        <v>1</v>
      </c>
      <c r="H2042" s="8">
        <v>1</v>
      </c>
      <c r="I2042" s="8">
        <v>0</v>
      </c>
      <c r="J2042" s="8">
        <v>1</v>
      </c>
      <c r="K2042" s="9">
        <v>26</v>
      </c>
      <c r="L2042" s="6" t="s">
        <v>51</v>
      </c>
    </row>
    <row r="2043" spans="1:12">
      <c r="A2043" s="6" t="s">
        <v>49</v>
      </c>
      <c r="B2043" s="6"/>
      <c r="C2043" s="6" t="s">
        <v>2059</v>
      </c>
      <c r="D2043" s="6"/>
      <c r="E2043" s="6" t="s">
        <v>9</v>
      </c>
      <c r="F2043" s="7">
        <v>38657</v>
      </c>
      <c r="G2043" s="8">
        <v>1</v>
      </c>
      <c r="H2043" s="8">
        <v>1</v>
      </c>
      <c r="I2043" s="8">
        <v>0</v>
      </c>
      <c r="J2043" s="8">
        <v>1</v>
      </c>
      <c r="K2043" s="9">
        <v>258</v>
      </c>
      <c r="L2043" s="6" t="s">
        <v>51</v>
      </c>
    </row>
    <row r="2044" spans="1:12">
      <c r="A2044" s="6" t="s">
        <v>49</v>
      </c>
      <c r="B2044" s="6"/>
      <c r="C2044" s="6" t="s">
        <v>2060</v>
      </c>
      <c r="D2044" s="6"/>
      <c r="E2044" s="6" t="s">
        <v>9</v>
      </c>
      <c r="F2044" s="7">
        <v>38657</v>
      </c>
      <c r="G2044" s="8">
        <v>1</v>
      </c>
      <c r="H2044" s="8">
        <v>1</v>
      </c>
      <c r="I2044" s="8">
        <v>0</v>
      </c>
      <c r="J2044" s="8">
        <v>1</v>
      </c>
      <c r="K2044" s="9">
        <v>15</v>
      </c>
      <c r="L2044" s="6" t="s">
        <v>51</v>
      </c>
    </row>
    <row r="2045" spans="1:12">
      <c r="A2045" s="6" t="s">
        <v>49</v>
      </c>
      <c r="B2045" s="6"/>
      <c r="C2045" s="6" t="s">
        <v>2061</v>
      </c>
      <c r="D2045" s="6"/>
      <c r="E2045" s="6" t="s">
        <v>9</v>
      </c>
      <c r="F2045" s="7">
        <v>38657</v>
      </c>
      <c r="G2045" s="8">
        <v>1</v>
      </c>
      <c r="H2045" s="8">
        <v>1</v>
      </c>
      <c r="I2045" s="8">
        <v>0</v>
      </c>
      <c r="J2045" s="8">
        <v>1</v>
      </c>
      <c r="K2045" s="9">
        <v>221</v>
      </c>
      <c r="L2045" s="6" t="s">
        <v>51</v>
      </c>
    </row>
    <row r="2046" spans="1:12">
      <c r="A2046" s="6" t="s">
        <v>49</v>
      </c>
      <c r="B2046" s="6"/>
      <c r="C2046" s="6" t="s">
        <v>2062</v>
      </c>
      <c r="D2046" s="6"/>
      <c r="E2046" s="6" t="s">
        <v>9</v>
      </c>
      <c r="F2046" s="7">
        <v>38657</v>
      </c>
      <c r="G2046" s="8">
        <v>1</v>
      </c>
      <c r="H2046" s="8">
        <v>1</v>
      </c>
      <c r="I2046" s="8">
        <v>0</v>
      </c>
      <c r="J2046" s="8">
        <v>1</v>
      </c>
      <c r="K2046" s="9">
        <v>47</v>
      </c>
      <c r="L2046" s="6" t="s">
        <v>51</v>
      </c>
    </row>
    <row r="2047" spans="1:12">
      <c r="A2047" s="6" t="s">
        <v>49</v>
      </c>
      <c r="B2047" s="6"/>
      <c r="C2047" s="6" t="s">
        <v>2063</v>
      </c>
      <c r="D2047" s="6"/>
      <c r="E2047" s="6" t="s">
        <v>9</v>
      </c>
      <c r="F2047" s="7">
        <v>38657</v>
      </c>
      <c r="G2047" s="8">
        <v>1</v>
      </c>
      <c r="H2047" s="8">
        <v>1</v>
      </c>
      <c r="I2047" s="8">
        <v>0</v>
      </c>
      <c r="J2047" s="8">
        <v>1</v>
      </c>
      <c r="K2047" s="9">
        <v>57</v>
      </c>
      <c r="L2047" s="6" t="s">
        <v>51</v>
      </c>
    </row>
    <row r="2048" spans="1:12">
      <c r="A2048" s="6" t="s">
        <v>49</v>
      </c>
      <c r="B2048" s="6"/>
      <c r="C2048" s="6" t="s">
        <v>2064</v>
      </c>
      <c r="D2048" s="6"/>
      <c r="E2048" s="6" t="s">
        <v>9</v>
      </c>
      <c r="F2048" s="7">
        <v>38657</v>
      </c>
      <c r="G2048" s="8">
        <v>1</v>
      </c>
      <c r="H2048" s="8">
        <v>1</v>
      </c>
      <c r="I2048" s="8">
        <v>0</v>
      </c>
      <c r="J2048" s="8">
        <v>1</v>
      </c>
      <c r="K2048" s="9">
        <v>224.03</v>
      </c>
      <c r="L2048" s="6" t="s">
        <v>51</v>
      </c>
    </row>
    <row r="2049" spans="1:12">
      <c r="A2049" s="6" t="s">
        <v>49</v>
      </c>
      <c r="B2049" s="6"/>
      <c r="C2049" s="6" t="s">
        <v>2065</v>
      </c>
      <c r="D2049" s="6"/>
      <c r="E2049" s="6" t="s">
        <v>9</v>
      </c>
      <c r="F2049" s="7">
        <v>38657</v>
      </c>
      <c r="G2049" s="8">
        <v>1</v>
      </c>
      <c r="H2049" s="8">
        <v>1</v>
      </c>
      <c r="I2049" s="8">
        <v>0</v>
      </c>
      <c r="J2049" s="8">
        <v>1</v>
      </c>
      <c r="K2049" s="9">
        <v>62</v>
      </c>
      <c r="L2049" s="6" t="s">
        <v>51</v>
      </c>
    </row>
    <row r="2050" spans="1:12">
      <c r="A2050" s="6" t="s">
        <v>49</v>
      </c>
      <c r="B2050" s="6"/>
      <c r="C2050" s="6" t="s">
        <v>2066</v>
      </c>
      <c r="D2050" s="6"/>
      <c r="E2050" s="6" t="s">
        <v>9</v>
      </c>
      <c r="F2050" s="7">
        <v>38657</v>
      </c>
      <c r="G2050" s="8">
        <v>1</v>
      </c>
      <c r="H2050" s="8">
        <v>1</v>
      </c>
      <c r="I2050" s="8">
        <v>0</v>
      </c>
      <c r="J2050" s="8">
        <v>1</v>
      </c>
      <c r="K2050" s="9">
        <v>109</v>
      </c>
      <c r="L2050" s="6" t="s">
        <v>51</v>
      </c>
    </row>
    <row r="2051" spans="1:12">
      <c r="A2051" s="6" t="s">
        <v>49</v>
      </c>
      <c r="B2051" s="6"/>
      <c r="C2051" s="6" t="s">
        <v>2067</v>
      </c>
      <c r="D2051" s="6"/>
      <c r="E2051" s="6" t="s">
        <v>9</v>
      </c>
      <c r="F2051" s="7">
        <v>38657</v>
      </c>
      <c r="G2051" s="8">
        <v>1</v>
      </c>
      <c r="H2051" s="8">
        <v>1</v>
      </c>
      <c r="I2051" s="8">
        <v>0</v>
      </c>
      <c r="J2051" s="8">
        <v>1</v>
      </c>
      <c r="K2051" s="9">
        <v>44</v>
      </c>
      <c r="L2051" s="6" t="s">
        <v>51</v>
      </c>
    </row>
    <row r="2052" spans="1:12">
      <c r="A2052" s="6" t="s">
        <v>49</v>
      </c>
      <c r="B2052" s="6"/>
      <c r="C2052" s="6" t="s">
        <v>2068</v>
      </c>
      <c r="D2052" s="6"/>
      <c r="E2052" s="6" t="s">
        <v>9</v>
      </c>
      <c r="F2052" s="7">
        <v>38657</v>
      </c>
      <c r="G2052" s="8">
        <v>1</v>
      </c>
      <c r="H2052" s="8">
        <v>1</v>
      </c>
      <c r="I2052" s="8">
        <v>0</v>
      </c>
      <c r="J2052" s="8">
        <v>1</v>
      </c>
      <c r="K2052" s="9">
        <v>34</v>
      </c>
      <c r="L2052" s="6" t="s">
        <v>51</v>
      </c>
    </row>
    <row r="2053" spans="1:12">
      <c r="A2053" s="6" t="s">
        <v>49</v>
      </c>
      <c r="B2053" s="6"/>
      <c r="C2053" s="6" t="s">
        <v>2069</v>
      </c>
      <c r="D2053" s="6"/>
      <c r="E2053" s="6" t="s">
        <v>9</v>
      </c>
      <c r="F2053" s="7"/>
      <c r="G2053" s="8">
        <v>1</v>
      </c>
      <c r="H2053" s="8">
        <v>1</v>
      </c>
      <c r="I2053" s="8">
        <v>0</v>
      </c>
      <c r="J2053" s="8">
        <v>1</v>
      </c>
      <c r="K2053" s="9">
        <v>3.3</v>
      </c>
      <c r="L2053" s="6" t="s">
        <v>51</v>
      </c>
    </row>
    <row r="2054" spans="1:12">
      <c r="A2054" s="6" t="s">
        <v>49</v>
      </c>
      <c r="B2054" s="6"/>
      <c r="C2054" s="6" t="s">
        <v>2070</v>
      </c>
      <c r="D2054" s="6"/>
      <c r="E2054" s="6" t="s">
        <v>9</v>
      </c>
      <c r="F2054" s="7">
        <v>38657</v>
      </c>
      <c r="G2054" s="8">
        <v>1</v>
      </c>
      <c r="H2054" s="8">
        <v>1</v>
      </c>
      <c r="I2054" s="8">
        <v>0</v>
      </c>
      <c r="J2054" s="8">
        <v>1</v>
      </c>
      <c r="K2054" s="9">
        <v>61</v>
      </c>
      <c r="L2054" s="6" t="s">
        <v>51</v>
      </c>
    </row>
    <row r="2055" spans="1:12">
      <c r="A2055" s="6" t="s">
        <v>49</v>
      </c>
      <c r="B2055" s="6"/>
      <c r="C2055" s="6" t="s">
        <v>2071</v>
      </c>
      <c r="D2055" s="6"/>
      <c r="E2055" s="6" t="s">
        <v>9</v>
      </c>
      <c r="F2055" s="7">
        <v>38657</v>
      </c>
      <c r="G2055" s="8">
        <v>1</v>
      </c>
      <c r="H2055" s="8">
        <v>1</v>
      </c>
      <c r="I2055" s="8">
        <v>0</v>
      </c>
      <c r="J2055" s="8">
        <v>1</v>
      </c>
      <c r="K2055" s="9">
        <v>61</v>
      </c>
      <c r="L2055" s="6" t="s">
        <v>51</v>
      </c>
    </row>
    <row r="2056" spans="1:12">
      <c r="A2056" s="6" t="s">
        <v>49</v>
      </c>
      <c r="B2056" s="6"/>
      <c r="C2056" s="6" t="s">
        <v>2072</v>
      </c>
      <c r="D2056" s="6"/>
      <c r="E2056" s="6" t="s">
        <v>9</v>
      </c>
      <c r="F2056" s="7">
        <v>38657</v>
      </c>
      <c r="G2056" s="8">
        <v>1</v>
      </c>
      <c r="H2056" s="8">
        <v>1</v>
      </c>
      <c r="I2056" s="8">
        <v>0</v>
      </c>
      <c r="J2056" s="8">
        <v>1</v>
      </c>
      <c r="K2056" s="9">
        <v>69</v>
      </c>
      <c r="L2056" s="6" t="s">
        <v>51</v>
      </c>
    </row>
    <row r="2057" spans="1:12">
      <c r="A2057" s="6" t="s">
        <v>49</v>
      </c>
      <c r="B2057" s="6"/>
      <c r="C2057" s="6" t="s">
        <v>2073</v>
      </c>
      <c r="D2057" s="6"/>
      <c r="E2057" s="6" t="s">
        <v>9</v>
      </c>
      <c r="F2057" s="7">
        <v>38657</v>
      </c>
      <c r="G2057" s="8">
        <v>1</v>
      </c>
      <c r="H2057" s="8">
        <v>1</v>
      </c>
      <c r="I2057" s="8">
        <v>0</v>
      </c>
      <c r="J2057" s="8">
        <v>1</v>
      </c>
      <c r="K2057" s="9">
        <v>122</v>
      </c>
      <c r="L2057" s="6" t="s">
        <v>51</v>
      </c>
    </row>
    <row r="2058" spans="1:12">
      <c r="A2058" s="6" t="s">
        <v>49</v>
      </c>
      <c r="B2058" s="6"/>
      <c r="C2058" s="6" t="s">
        <v>2074</v>
      </c>
      <c r="D2058" s="6"/>
      <c r="E2058" s="6" t="s">
        <v>9</v>
      </c>
      <c r="F2058" s="7">
        <v>38657</v>
      </c>
      <c r="G2058" s="8">
        <v>1</v>
      </c>
      <c r="H2058" s="8">
        <v>1</v>
      </c>
      <c r="I2058" s="8">
        <v>0</v>
      </c>
      <c r="J2058" s="8">
        <v>1</v>
      </c>
      <c r="K2058" s="9">
        <v>69</v>
      </c>
      <c r="L2058" s="6" t="s">
        <v>51</v>
      </c>
    </row>
    <row r="2059" spans="1:12">
      <c r="A2059" s="6" t="s">
        <v>49</v>
      </c>
      <c r="B2059" s="6"/>
      <c r="C2059" s="6" t="s">
        <v>2075</v>
      </c>
      <c r="D2059" s="6"/>
      <c r="E2059" s="6" t="s">
        <v>9</v>
      </c>
      <c r="F2059" s="7">
        <v>38657</v>
      </c>
      <c r="G2059" s="8">
        <v>1</v>
      </c>
      <c r="H2059" s="8">
        <v>1</v>
      </c>
      <c r="I2059" s="8">
        <v>0</v>
      </c>
      <c r="J2059" s="8">
        <v>1</v>
      </c>
      <c r="K2059" s="9">
        <v>122</v>
      </c>
      <c r="L2059" s="6" t="s">
        <v>51</v>
      </c>
    </row>
    <row r="2060" spans="1:12">
      <c r="A2060" s="6" t="s">
        <v>49</v>
      </c>
      <c r="B2060" s="6"/>
      <c r="C2060" s="6" t="s">
        <v>2076</v>
      </c>
      <c r="D2060" s="6"/>
      <c r="E2060" s="6" t="s">
        <v>9</v>
      </c>
      <c r="F2060" s="7">
        <v>38657</v>
      </c>
      <c r="G2060" s="8">
        <v>1</v>
      </c>
      <c r="H2060" s="8">
        <v>1</v>
      </c>
      <c r="I2060" s="8">
        <v>0</v>
      </c>
      <c r="J2060" s="8">
        <v>1</v>
      </c>
      <c r="K2060" s="9">
        <v>69</v>
      </c>
      <c r="L2060" s="6" t="s">
        <v>51</v>
      </c>
    </row>
    <row r="2061" spans="1:12">
      <c r="A2061" s="6" t="s">
        <v>49</v>
      </c>
      <c r="B2061" s="6"/>
      <c r="C2061" s="6" t="s">
        <v>2077</v>
      </c>
      <c r="D2061" s="6"/>
      <c r="E2061" s="6" t="s">
        <v>9</v>
      </c>
      <c r="F2061" s="7">
        <v>38657</v>
      </c>
      <c r="G2061" s="8">
        <v>1</v>
      </c>
      <c r="H2061" s="8">
        <v>1</v>
      </c>
      <c r="I2061" s="8">
        <v>0</v>
      </c>
      <c r="J2061" s="8">
        <v>1</v>
      </c>
      <c r="K2061" s="9">
        <v>122</v>
      </c>
      <c r="L2061" s="6" t="s">
        <v>51</v>
      </c>
    </row>
    <row r="2062" spans="1:12">
      <c r="A2062" s="6" t="s">
        <v>49</v>
      </c>
      <c r="B2062" s="6"/>
      <c r="C2062" s="6" t="s">
        <v>2078</v>
      </c>
      <c r="D2062" s="6"/>
      <c r="E2062" s="6" t="s">
        <v>9</v>
      </c>
      <c r="F2062" s="7">
        <v>38657</v>
      </c>
      <c r="G2062" s="8">
        <v>1</v>
      </c>
      <c r="H2062" s="8">
        <v>1</v>
      </c>
      <c r="I2062" s="8">
        <v>0</v>
      </c>
      <c r="J2062" s="8">
        <v>1</v>
      </c>
      <c r="K2062" s="9">
        <v>122</v>
      </c>
      <c r="L2062" s="6" t="s">
        <v>51</v>
      </c>
    </row>
    <row r="2063" spans="1:12">
      <c r="A2063" s="6" t="s">
        <v>49</v>
      </c>
      <c r="B2063" s="6"/>
      <c r="C2063" s="6" t="s">
        <v>2079</v>
      </c>
      <c r="D2063" s="6"/>
      <c r="E2063" s="6" t="s">
        <v>9</v>
      </c>
      <c r="F2063" s="7">
        <v>38657</v>
      </c>
      <c r="G2063" s="8">
        <v>1</v>
      </c>
      <c r="H2063" s="8">
        <v>1</v>
      </c>
      <c r="I2063" s="8">
        <v>0</v>
      </c>
      <c r="J2063" s="8">
        <v>1</v>
      </c>
      <c r="K2063" s="9">
        <v>121</v>
      </c>
      <c r="L2063" s="6" t="s">
        <v>51</v>
      </c>
    </row>
    <row r="2064" spans="1:12">
      <c r="A2064" s="6" t="s">
        <v>49</v>
      </c>
      <c r="B2064" s="6"/>
      <c r="C2064" s="6" t="s">
        <v>2080</v>
      </c>
      <c r="D2064" s="6"/>
      <c r="E2064" s="6" t="s">
        <v>9</v>
      </c>
      <c r="F2064" s="7"/>
      <c r="G2064" s="8">
        <v>1</v>
      </c>
      <c r="H2064" s="8">
        <v>1</v>
      </c>
      <c r="I2064" s="8">
        <v>0</v>
      </c>
      <c r="J2064" s="8">
        <v>1</v>
      </c>
      <c r="K2064" s="9">
        <v>3.3</v>
      </c>
      <c r="L2064" s="6" t="s">
        <v>51</v>
      </c>
    </row>
    <row r="2065" spans="1:12">
      <c r="A2065" s="6" t="s">
        <v>49</v>
      </c>
      <c r="B2065" s="6"/>
      <c r="C2065" s="6" t="s">
        <v>2081</v>
      </c>
      <c r="D2065" s="6"/>
      <c r="E2065" s="6" t="s">
        <v>9</v>
      </c>
      <c r="F2065" s="7">
        <v>38657</v>
      </c>
      <c r="G2065" s="8">
        <v>1</v>
      </c>
      <c r="H2065" s="8">
        <v>1</v>
      </c>
      <c r="I2065" s="8">
        <v>0</v>
      </c>
      <c r="J2065" s="8">
        <v>1</v>
      </c>
      <c r="K2065" s="9">
        <v>212</v>
      </c>
      <c r="L2065" s="6" t="s">
        <v>51</v>
      </c>
    </row>
    <row r="2066" spans="1:12">
      <c r="A2066" s="6" t="s">
        <v>49</v>
      </c>
      <c r="B2066" s="6"/>
      <c r="C2066" s="6" t="s">
        <v>2082</v>
      </c>
      <c r="D2066" s="6"/>
      <c r="E2066" s="6" t="s">
        <v>9</v>
      </c>
      <c r="F2066" s="7">
        <v>38657</v>
      </c>
      <c r="G2066" s="8">
        <v>1</v>
      </c>
      <c r="H2066" s="8">
        <v>1</v>
      </c>
      <c r="I2066" s="8">
        <v>0</v>
      </c>
      <c r="J2066" s="8">
        <v>1</v>
      </c>
      <c r="K2066" s="9">
        <v>68</v>
      </c>
      <c r="L2066" s="6" t="s">
        <v>51</v>
      </c>
    </row>
    <row r="2067" spans="1:12">
      <c r="A2067" s="6" t="s">
        <v>49</v>
      </c>
      <c r="B2067" s="6"/>
      <c r="C2067" s="6" t="s">
        <v>2083</v>
      </c>
      <c r="D2067" s="6"/>
      <c r="E2067" s="6" t="s">
        <v>9</v>
      </c>
      <c r="F2067" s="7">
        <v>38657</v>
      </c>
      <c r="G2067" s="8">
        <v>1</v>
      </c>
      <c r="H2067" s="8">
        <v>1</v>
      </c>
      <c r="I2067" s="8">
        <v>0</v>
      </c>
      <c r="J2067" s="8">
        <v>1</v>
      </c>
      <c r="K2067" s="9">
        <v>32.130000000000003</v>
      </c>
      <c r="L2067" s="6" t="s">
        <v>51</v>
      </c>
    </row>
    <row r="2068" spans="1:12">
      <c r="A2068" s="6" t="s">
        <v>49</v>
      </c>
      <c r="B2068" s="6"/>
      <c r="C2068" s="6" t="s">
        <v>2084</v>
      </c>
      <c r="D2068" s="6"/>
      <c r="E2068" s="6" t="s">
        <v>9</v>
      </c>
      <c r="F2068" s="7">
        <v>38657</v>
      </c>
      <c r="G2068" s="8">
        <v>1</v>
      </c>
      <c r="H2068" s="8">
        <v>1</v>
      </c>
      <c r="I2068" s="8">
        <v>0</v>
      </c>
      <c r="J2068" s="8">
        <v>1</v>
      </c>
      <c r="K2068" s="9">
        <v>419</v>
      </c>
      <c r="L2068" s="6" t="s">
        <v>51</v>
      </c>
    </row>
    <row r="2069" spans="1:12">
      <c r="A2069" s="6" t="s">
        <v>49</v>
      </c>
      <c r="B2069" s="6"/>
      <c r="C2069" s="6" t="s">
        <v>2085</v>
      </c>
      <c r="D2069" s="6"/>
      <c r="E2069" s="6" t="s">
        <v>9</v>
      </c>
      <c r="F2069" s="7">
        <v>38657</v>
      </c>
      <c r="G2069" s="8">
        <v>1</v>
      </c>
      <c r="H2069" s="8">
        <v>1</v>
      </c>
      <c r="I2069" s="8">
        <v>0</v>
      </c>
      <c r="J2069" s="8">
        <v>1</v>
      </c>
      <c r="K2069" s="9">
        <v>230</v>
      </c>
      <c r="L2069" s="6" t="s">
        <v>51</v>
      </c>
    </row>
    <row r="2070" spans="1:12">
      <c r="A2070" s="6" t="s">
        <v>49</v>
      </c>
      <c r="B2070" s="6"/>
      <c r="C2070" s="6" t="s">
        <v>2086</v>
      </c>
      <c r="D2070" s="6"/>
      <c r="E2070" s="6" t="s">
        <v>9</v>
      </c>
      <c r="F2070" s="7">
        <v>38657</v>
      </c>
      <c r="G2070" s="8">
        <v>1</v>
      </c>
      <c r="H2070" s="8">
        <v>1</v>
      </c>
      <c r="I2070" s="8">
        <v>0</v>
      </c>
      <c r="J2070" s="8">
        <v>1</v>
      </c>
      <c r="K2070" s="9">
        <v>47</v>
      </c>
      <c r="L2070" s="6" t="s">
        <v>51</v>
      </c>
    </row>
    <row r="2071" spans="1:12">
      <c r="A2071" s="6" t="s">
        <v>49</v>
      </c>
      <c r="B2071" s="6"/>
      <c r="C2071" s="6" t="s">
        <v>2087</v>
      </c>
      <c r="D2071" s="6"/>
      <c r="E2071" s="6" t="s">
        <v>9</v>
      </c>
      <c r="F2071" s="7">
        <v>38657</v>
      </c>
      <c r="G2071" s="8">
        <v>1</v>
      </c>
      <c r="H2071" s="8">
        <v>1</v>
      </c>
      <c r="I2071" s="8">
        <v>0</v>
      </c>
      <c r="J2071" s="8">
        <v>1</v>
      </c>
      <c r="K2071" s="9">
        <v>155</v>
      </c>
      <c r="L2071" s="6" t="s">
        <v>51</v>
      </c>
    </row>
    <row r="2072" spans="1:12">
      <c r="A2072" s="6" t="s">
        <v>49</v>
      </c>
      <c r="B2072" s="6"/>
      <c r="C2072" s="6" t="s">
        <v>2088</v>
      </c>
      <c r="D2072" s="6"/>
      <c r="E2072" s="6" t="s">
        <v>9</v>
      </c>
      <c r="F2072" s="7">
        <v>38657</v>
      </c>
      <c r="G2072" s="8">
        <v>1</v>
      </c>
      <c r="H2072" s="8">
        <v>1</v>
      </c>
      <c r="I2072" s="8">
        <v>0</v>
      </c>
      <c r="J2072" s="8">
        <v>1</v>
      </c>
      <c r="K2072" s="9">
        <v>94</v>
      </c>
      <c r="L2072" s="6" t="s">
        <v>51</v>
      </c>
    </row>
    <row r="2073" spans="1:12">
      <c r="A2073" s="6" t="s">
        <v>49</v>
      </c>
      <c r="B2073" s="6"/>
      <c r="C2073" s="6" t="s">
        <v>2089</v>
      </c>
      <c r="D2073" s="6"/>
      <c r="E2073" s="6" t="s">
        <v>9</v>
      </c>
      <c r="F2073" s="7">
        <v>38657</v>
      </c>
      <c r="G2073" s="8">
        <v>1</v>
      </c>
      <c r="H2073" s="8">
        <v>1</v>
      </c>
      <c r="I2073" s="8">
        <v>0</v>
      </c>
      <c r="J2073" s="8">
        <v>1</v>
      </c>
      <c r="K2073" s="9">
        <v>24</v>
      </c>
      <c r="L2073" s="6" t="s">
        <v>51</v>
      </c>
    </row>
    <row r="2074" spans="1:12">
      <c r="A2074" s="6" t="s">
        <v>49</v>
      </c>
      <c r="B2074" s="6"/>
      <c r="C2074" s="6" t="s">
        <v>2090</v>
      </c>
      <c r="D2074" s="6"/>
      <c r="E2074" s="6" t="s">
        <v>9</v>
      </c>
      <c r="F2074" s="7">
        <v>38657</v>
      </c>
      <c r="G2074" s="8">
        <v>1</v>
      </c>
      <c r="H2074" s="8">
        <v>1</v>
      </c>
      <c r="I2074" s="8">
        <v>0</v>
      </c>
      <c r="J2074" s="8">
        <v>1</v>
      </c>
      <c r="K2074" s="9">
        <v>4.2300000000000004</v>
      </c>
      <c r="L2074" s="6" t="s">
        <v>51</v>
      </c>
    </row>
    <row r="2075" spans="1:12">
      <c r="A2075" s="6" t="s">
        <v>49</v>
      </c>
      <c r="B2075" s="6"/>
      <c r="C2075" s="6" t="s">
        <v>2091</v>
      </c>
      <c r="D2075" s="6"/>
      <c r="E2075" s="6" t="s">
        <v>9</v>
      </c>
      <c r="F2075" s="7"/>
      <c r="G2075" s="8">
        <v>1</v>
      </c>
      <c r="H2075" s="8">
        <v>1</v>
      </c>
      <c r="I2075" s="8">
        <v>0</v>
      </c>
      <c r="J2075" s="8">
        <v>1</v>
      </c>
      <c r="K2075" s="9">
        <v>3.3</v>
      </c>
      <c r="L2075" s="6" t="s">
        <v>51</v>
      </c>
    </row>
    <row r="2076" spans="1:12">
      <c r="A2076" s="6" t="s">
        <v>49</v>
      </c>
      <c r="B2076" s="6"/>
      <c r="C2076" s="6" t="s">
        <v>2092</v>
      </c>
      <c r="D2076" s="6"/>
      <c r="E2076" s="6" t="s">
        <v>9</v>
      </c>
      <c r="F2076" s="7">
        <v>38657</v>
      </c>
      <c r="G2076" s="8">
        <v>1</v>
      </c>
      <c r="H2076" s="8">
        <v>1</v>
      </c>
      <c r="I2076" s="8">
        <v>0</v>
      </c>
      <c r="J2076" s="8">
        <v>1</v>
      </c>
      <c r="K2076" s="9">
        <v>2.14</v>
      </c>
      <c r="L2076" s="6" t="s">
        <v>51</v>
      </c>
    </row>
    <row r="2077" spans="1:12">
      <c r="A2077" s="6" t="s">
        <v>49</v>
      </c>
      <c r="B2077" s="6"/>
      <c r="C2077" s="6" t="s">
        <v>2093</v>
      </c>
      <c r="D2077" s="6"/>
      <c r="E2077" s="6" t="s">
        <v>9</v>
      </c>
      <c r="F2077" s="7">
        <v>38657</v>
      </c>
      <c r="G2077" s="8">
        <v>1</v>
      </c>
      <c r="H2077" s="8">
        <v>1</v>
      </c>
      <c r="I2077" s="8">
        <v>0</v>
      </c>
      <c r="J2077" s="8">
        <v>1</v>
      </c>
      <c r="K2077" s="9">
        <v>4.25</v>
      </c>
      <c r="L2077" s="6" t="s">
        <v>51</v>
      </c>
    </row>
    <row r="2078" spans="1:12">
      <c r="A2078" s="6" t="s">
        <v>49</v>
      </c>
      <c r="B2078" s="6"/>
      <c r="C2078" s="6" t="s">
        <v>2094</v>
      </c>
      <c r="D2078" s="6"/>
      <c r="E2078" s="6" t="s">
        <v>9</v>
      </c>
      <c r="F2078" s="7">
        <v>38657</v>
      </c>
      <c r="G2078" s="8">
        <v>1</v>
      </c>
      <c r="H2078" s="8">
        <v>1</v>
      </c>
      <c r="I2078" s="8">
        <v>0</v>
      </c>
      <c r="J2078" s="8">
        <v>1</v>
      </c>
      <c r="K2078" s="9">
        <v>148.88</v>
      </c>
      <c r="L2078" s="6" t="s">
        <v>51</v>
      </c>
    </row>
    <row r="2079" spans="1:12">
      <c r="A2079" s="6" t="s">
        <v>49</v>
      </c>
      <c r="B2079" s="6"/>
      <c r="C2079" s="6" t="s">
        <v>2095</v>
      </c>
      <c r="D2079" s="6"/>
      <c r="E2079" s="6" t="s">
        <v>9</v>
      </c>
      <c r="F2079" s="7">
        <v>38657</v>
      </c>
      <c r="G2079" s="8">
        <v>1</v>
      </c>
      <c r="H2079" s="8">
        <v>1</v>
      </c>
      <c r="I2079" s="8">
        <v>0</v>
      </c>
      <c r="J2079" s="8">
        <v>1</v>
      </c>
      <c r="K2079" s="9">
        <v>106</v>
      </c>
      <c r="L2079" s="6" t="s">
        <v>51</v>
      </c>
    </row>
    <row r="2080" spans="1:12">
      <c r="A2080" s="6" t="s">
        <v>49</v>
      </c>
      <c r="B2080" s="6"/>
      <c r="C2080" s="6" t="s">
        <v>2096</v>
      </c>
      <c r="D2080" s="6"/>
      <c r="E2080" s="6" t="s">
        <v>9</v>
      </c>
      <c r="F2080" s="7">
        <v>38657</v>
      </c>
      <c r="G2080" s="8">
        <v>1</v>
      </c>
      <c r="H2080" s="8">
        <v>1</v>
      </c>
      <c r="I2080" s="8">
        <v>0</v>
      </c>
      <c r="J2080" s="8">
        <v>1</v>
      </c>
      <c r="K2080" s="9">
        <v>234</v>
      </c>
      <c r="L2080" s="6" t="s">
        <v>51</v>
      </c>
    </row>
    <row r="2081" spans="1:12">
      <c r="A2081" s="6" t="s">
        <v>49</v>
      </c>
      <c r="B2081" s="6"/>
      <c r="C2081" s="6" t="s">
        <v>2097</v>
      </c>
      <c r="D2081" s="6"/>
      <c r="E2081" s="6" t="s">
        <v>9</v>
      </c>
      <c r="F2081" s="7">
        <v>38657</v>
      </c>
      <c r="G2081" s="8">
        <v>1</v>
      </c>
      <c r="H2081" s="8">
        <v>1</v>
      </c>
      <c r="I2081" s="8">
        <v>0</v>
      </c>
      <c r="J2081" s="8">
        <v>1</v>
      </c>
      <c r="K2081" s="9">
        <v>36</v>
      </c>
      <c r="L2081" s="6" t="s">
        <v>51</v>
      </c>
    </row>
    <row r="2082" spans="1:12">
      <c r="A2082" s="6" t="s">
        <v>49</v>
      </c>
      <c r="B2082" s="6"/>
      <c r="C2082" s="6" t="s">
        <v>2098</v>
      </c>
      <c r="D2082" s="6"/>
      <c r="E2082" s="6" t="s">
        <v>9</v>
      </c>
      <c r="F2082" s="7">
        <v>38657</v>
      </c>
      <c r="G2082" s="8">
        <v>1</v>
      </c>
      <c r="H2082" s="8">
        <v>1</v>
      </c>
      <c r="I2082" s="8">
        <v>0</v>
      </c>
      <c r="J2082" s="8">
        <v>1</v>
      </c>
      <c r="K2082" s="9">
        <v>65</v>
      </c>
      <c r="L2082" s="6" t="s">
        <v>51</v>
      </c>
    </row>
    <row r="2083" spans="1:12">
      <c r="A2083" s="6" t="s">
        <v>49</v>
      </c>
      <c r="B2083" s="6"/>
      <c r="C2083" s="6" t="s">
        <v>2099</v>
      </c>
      <c r="D2083" s="6"/>
      <c r="E2083" s="6" t="s">
        <v>9</v>
      </c>
      <c r="F2083" s="7">
        <v>38657</v>
      </c>
      <c r="G2083" s="8">
        <v>1</v>
      </c>
      <c r="H2083" s="8">
        <v>1</v>
      </c>
      <c r="I2083" s="8">
        <v>0</v>
      </c>
      <c r="J2083" s="8">
        <v>1</v>
      </c>
      <c r="K2083" s="9">
        <v>61</v>
      </c>
      <c r="L2083" s="6" t="s">
        <v>51</v>
      </c>
    </row>
    <row r="2084" spans="1:12">
      <c r="A2084" s="6" t="s">
        <v>49</v>
      </c>
      <c r="B2084" s="6"/>
      <c r="C2084" s="6" t="s">
        <v>2100</v>
      </c>
      <c r="D2084" s="6"/>
      <c r="E2084" s="6" t="s">
        <v>9</v>
      </c>
      <c r="F2084" s="7">
        <v>38657</v>
      </c>
      <c r="G2084" s="8">
        <v>1</v>
      </c>
      <c r="H2084" s="8">
        <v>1</v>
      </c>
      <c r="I2084" s="8">
        <v>0</v>
      </c>
      <c r="J2084" s="8">
        <v>1</v>
      </c>
      <c r="K2084" s="9">
        <v>58</v>
      </c>
      <c r="L2084" s="6" t="s">
        <v>51</v>
      </c>
    </row>
    <row r="2085" spans="1:12">
      <c r="A2085" s="6" t="s">
        <v>49</v>
      </c>
      <c r="B2085" s="6"/>
      <c r="C2085" s="6" t="s">
        <v>2101</v>
      </c>
      <c r="D2085" s="6"/>
      <c r="E2085" s="6" t="s">
        <v>9</v>
      </c>
      <c r="F2085" s="7">
        <v>38657</v>
      </c>
      <c r="G2085" s="8">
        <v>1</v>
      </c>
      <c r="H2085" s="8">
        <v>1</v>
      </c>
      <c r="I2085" s="8">
        <v>0</v>
      </c>
      <c r="J2085" s="8">
        <v>1</v>
      </c>
      <c r="K2085" s="9">
        <v>48</v>
      </c>
      <c r="L2085" s="6" t="s">
        <v>51</v>
      </c>
    </row>
    <row r="2086" spans="1:12">
      <c r="A2086" s="6" t="s">
        <v>49</v>
      </c>
      <c r="B2086" s="6"/>
      <c r="C2086" s="6" t="s">
        <v>2102</v>
      </c>
      <c r="D2086" s="6"/>
      <c r="E2086" s="6" t="s">
        <v>9</v>
      </c>
      <c r="F2086" s="7"/>
      <c r="G2086" s="8">
        <v>1</v>
      </c>
      <c r="H2086" s="8">
        <v>1</v>
      </c>
      <c r="I2086" s="8">
        <v>0</v>
      </c>
      <c r="J2086" s="8">
        <v>1</v>
      </c>
      <c r="K2086" s="9">
        <v>6.61</v>
      </c>
      <c r="L2086" s="6" t="s">
        <v>51</v>
      </c>
    </row>
    <row r="2087" spans="1:12">
      <c r="A2087" s="6" t="s">
        <v>49</v>
      </c>
      <c r="B2087" s="6"/>
      <c r="C2087" s="6" t="s">
        <v>2103</v>
      </c>
      <c r="D2087" s="6"/>
      <c r="E2087" s="6" t="s">
        <v>9</v>
      </c>
      <c r="F2087" s="7">
        <v>38657</v>
      </c>
      <c r="G2087" s="8">
        <v>1</v>
      </c>
      <c r="H2087" s="8">
        <v>1</v>
      </c>
      <c r="I2087" s="8">
        <v>0</v>
      </c>
      <c r="J2087" s="8">
        <v>1</v>
      </c>
      <c r="K2087" s="9">
        <v>89</v>
      </c>
      <c r="L2087" s="6" t="s">
        <v>51</v>
      </c>
    </row>
    <row r="2088" spans="1:12">
      <c r="A2088" s="6" t="s">
        <v>49</v>
      </c>
      <c r="B2088" s="6"/>
      <c r="C2088" s="6" t="s">
        <v>2104</v>
      </c>
      <c r="D2088" s="6"/>
      <c r="E2088" s="6" t="s">
        <v>9</v>
      </c>
      <c r="F2088" s="7">
        <v>38657</v>
      </c>
      <c r="G2088" s="8">
        <v>1</v>
      </c>
      <c r="H2088" s="8">
        <v>1</v>
      </c>
      <c r="I2088" s="8">
        <v>0</v>
      </c>
      <c r="J2088" s="8">
        <v>1</v>
      </c>
      <c r="K2088" s="9">
        <v>88</v>
      </c>
      <c r="L2088" s="6" t="s">
        <v>51</v>
      </c>
    </row>
    <row r="2089" spans="1:12">
      <c r="A2089" s="6" t="s">
        <v>49</v>
      </c>
      <c r="B2089" s="6"/>
      <c r="C2089" s="6" t="s">
        <v>2105</v>
      </c>
      <c r="D2089" s="6"/>
      <c r="E2089" s="6" t="s">
        <v>9</v>
      </c>
      <c r="F2089" s="7">
        <v>38657</v>
      </c>
      <c r="G2089" s="8">
        <v>1</v>
      </c>
      <c r="H2089" s="8">
        <v>1</v>
      </c>
      <c r="I2089" s="8">
        <v>0</v>
      </c>
      <c r="J2089" s="8">
        <v>1</v>
      </c>
      <c r="K2089" s="9">
        <v>364</v>
      </c>
      <c r="L2089" s="6" t="s">
        <v>51</v>
      </c>
    </row>
    <row r="2090" spans="1:12">
      <c r="A2090" s="6" t="s">
        <v>49</v>
      </c>
      <c r="B2090" s="6"/>
      <c r="C2090" s="6" t="s">
        <v>2106</v>
      </c>
      <c r="D2090" s="6"/>
      <c r="E2090" s="6" t="s">
        <v>9</v>
      </c>
      <c r="F2090" s="7"/>
      <c r="G2090" s="8">
        <v>1</v>
      </c>
      <c r="H2090" s="8">
        <v>1</v>
      </c>
      <c r="I2090" s="8">
        <v>0</v>
      </c>
      <c r="J2090" s="8">
        <v>1</v>
      </c>
      <c r="K2090" s="9">
        <v>93</v>
      </c>
      <c r="L2090" s="6" t="s">
        <v>51</v>
      </c>
    </row>
    <row r="2091" spans="1:12">
      <c r="A2091" s="6" t="s">
        <v>49</v>
      </c>
      <c r="B2091" s="6"/>
      <c r="C2091" s="6" t="s">
        <v>2107</v>
      </c>
      <c r="D2091" s="6"/>
      <c r="E2091" s="6" t="s">
        <v>9</v>
      </c>
      <c r="F2091" s="7">
        <v>38657</v>
      </c>
      <c r="G2091" s="8">
        <v>1</v>
      </c>
      <c r="H2091" s="8">
        <v>1</v>
      </c>
      <c r="I2091" s="8">
        <v>0</v>
      </c>
      <c r="J2091" s="8">
        <v>1</v>
      </c>
      <c r="K2091" s="9">
        <v>65</v>
      </c>
      <c r="L2091" s="6" t="s">
        <v>51</v>
      </c>
    </row>
    <row r="2092" spans="1:12">
      <c r="A2092" s="6" t="s">
        <v>49</v>
      </c>
      <c r="B2092" s="6"/>
      <c r="C2092" s="6" t="s">
        <v>2108</v>
      </c>
      <c r="D2092" s="6"/>
      <c r="E2092" s="6" t="s">
        <v>9</v>
      </c>
      <c r="F2092" s="7">
        <v>38657</v>
      </c>
      <c r="G2092" s="8">
        <v>1</v>
      </c>
      <c r="H2092" s="8">
        <v>1</v>
      </c>
      <c r="I2092" s="8">
        <v>0</v>
      </c>
      <c r="J2092" s="8">
        <v>1</v>
      </c>
      <c r="K2092" s="9">
        <v>20</v>
      </c>
      <c r="L2092" s="6" t="s">
        <v>51</v>
      </c>
    </row>
    <row r="2093" spans="1:12">
      <c r="A2093" s="6" t="s">
        <v>49</v>
      </c>
      <c r="B2093" s="6"/>
      <c r="C2093" s="6" t="s">
        <v>2109</v>
      </c>
      <c r="D2093" s="6"/>
      <c r="E2093" s="6" t="s">
        <v>9</v>
      </c>
      <c r="F2093" s="7">
        <v>38657</v>
      </c>
      <c r="G2093" s="8">
        <v>1</v>
      </c>
      <c r="H2093" s="8">
        <v>1</v>
      </c>
      <c r="I2093" s="8">
        <v>0</v>
      </c>
      <c r="J2093" s="8">
        <v>1</v>
      </c>
      <c r="K2093" s="9">
        <v>2.88</v>
      </c>
      <c r="L2093" s="6" t="s">
        <v>51</v>
      </c>
    </row>
    <row r="2094" spans="1:12">
      <c r="A2094" s="6" t="s">
        <v>49</v>
      </c>
      <c r="B2094" s="6"/>
      <c r="C2094" s="6" t="s">
        <v>2110</v>
      </c>
      <c r="D2094" s="6"/>
      <c r="E2094" s="6" t="s">
        <v>9</v>
      </c>
      <c r="F2094" s="7">
        <v>38657</v>
      </c>
      <c r="G2094" s="8">
        <v>1</v>
      </c>
      <c r="H2094" s="8">
        <v>1</v>
      </c>
      <c r="I2094" s="8">
        <v>0</v>
      </c>
      <c r="J2094" s="8">
        <v>1</v>
      </c>
      <c r="K2094" s="9">
        <v>4.29</v>
      </c>
      <c r="L2094" s="6" t="s">
        <v>51</v>
      </c>
    </row>
    <row r="2095" spans="1:12">
      <c r="A2095" s="6" t="s">
        <v>49</v>
      </c>
      <c r="B2095" s="6"/>
      <c r="C2095" s="6" t="s">
        <v>2111</v>
      </c>
      <c r="D2095" s="6"/>
      <c r="E2095" s="6" t="s">
        <v>9</v>
      </c>
      <c r="F2095" s="7">
        <v>38657</v>
      </c>
      <c r="G2095" s="8">
        <v>1</v>
      </c>
      <c r="H2095" s="8">
        <v>1</v>
      </c>
      <c r="I2095" s="8">
        <v>0</v>
      </c>
      <c r="J2095" s="8">
        <v>1</v>
      </c>
      <c r="K2095" s="9">
        <v>433</v>
      </c>
      <c r="L2095" s="6" t="s">
        <v>51</v>
      </c>
    </row>
    <row r="2096" spans="1:12">
      <c r="A2096" s="6" t="s">
        <v>49</v>
      </c>
      <c r="B2096" s="6"/>
      <c r="C2096" s="6" t="s">
        <v>2112</v>
      </c>
      <c r="D2096" s="6"/>
      <c r="E2096" s="6" t="s">
        <v>9</v>
      </c>
      <c r="F2096" s="7">
        <v>38657</v>
      </c>
      <c r="G2096" s="8">
        <v>1</v>
      </c>
      <c r="H2096" s="8">
        <v>1</v>
      </c>
      <c r="I2096" s="8">
        <v>0</v>
      </c>
      <c r="J2096" s="8">
        <v>1</v>
      </c>
      <c r="K2096" s="9">
        <v>2.48</v>
      </c>
      <c r="L2096" s="6" t="s">
        <v>51</v>
      </c>
    </row>
    <row r="2097" spans="1:12">
      <c r="A2097" s="6" t="s">
        <v>49</v>
      </c>
      <c r="B2097" s="6"/>
      <c r="C2097" s="6" t="s">
        <v>2113</v>
      </c>
      <c r="D2097" s="6"/>
      <c r="E2097" s="6" t="s">
        <v>9</v>
      </c>
      <c r="F2097" s="7"/>
      <c r="G2097" s="8">
        <v>1</v>
      </c>
      <c r="H2097" s="8">
        <v>1</v>
      </c>
      <c r="I2097" s="8">
        <v>0</v>
      </c>
      <c r="J2097" s="8">
        <v>1</v>
      </c>
      <c r="K2097" s="9">
        <v>3.3</v>
      </c>
      <c r="L2097" s="6" t="s">
        <v>51</v>
      </c>
    </row>
    <row r="2098" spans="1:12">
      <c r="A2098" s="6" t="s">
        <v>49</v>
      </c>
      <c r="B2098" s="6"/>
      <c r="C2098" s="6" t="s">
        <v>2114</v>
      </c>
      <c r="D2098" s="6"/>
      <c r="E2098" s="6" t="s">
        <v>9</v>
      </c>
      <c r="F2098" s="7">
        <v>38657</v>
      </c>
      <c r="G2098" s="8">
        <v>1</v>
      </c>
      <c r="H2098" s="8">
        <v>1</v>
      </c>
      <c r="I2098" s="8">
        <v>0</v>
      </c>
      <c r="J2098" s="8">
        <v>1</v>
      </c>
      <c r="K2098" s="9">
        <v>3.56</v>
      </c>
      <c r="L2098" s="6" t="s">
        <v>51</v>
      </c>
    </row>
    <row r="2099" spans="1:12">
      <c r="A2099" s="6" t="s">
        <v>49</v>
      </c>
      <c r="B2099" s="6"/>
      <c r="C2099" s="6" t="s">
        <v>2115</v>
      </c>
      <c r="D2099" s="6"/>
      <c r="E2099" s="6" t="s">
        <v>9</v>
      </c>
      <c r="F2099" s="7">
        <v>29148</v>
      </c>
      <c r="G2099" s="8">
        <v>1</v>
      </c>
      <c r="H2099" s="8">
        <v>1</v>
      </c>
      <c r="I2099" s="8">
        <v>0</v>
      </c>
      <c r="J2099" s="8">
        <v>1</v>
      </c>
      <c r="K2099" s="9">
        <v>330</v>
      </c>
      <c r="L2099" s="6" t="s">
        <v>51</v>
      </c>
    </row>
    <row r="2100" spans="1:12">
      <c r="A2100" s="6" t="s">
        <v>49</v>
      </c>
      <c r="B2100" s="6"/>
      <c r="C2100" s="6" t="s">
        <v>2116</v>
      </c>
      <c r="D2100" s="6"/>
      <c r="E2100" s="6" t="s">
        <v>9</v>
      </c>
      <c r="F2100" s="7">
        <v>29148</v>
      </c>
      <c r="G2100" s="8">
        <v>1</v>
      </c>
      <c r="H2100" s="8">
        <v>1</v>
      </c>
      <c r="I2100" s="8">
        <v>0</v>
      </c>
      <c r="J2100" s="8">
        <v>1</v>
      </c>
      <c r="K2100" s="9">
        <v>405</v>
      </c>
      <c r="L2100" s="6" t="s">
        <v>51</v>
      </c>
    </row>
    <row r="2101" spans="1:12">
      <c r="A2101" s="6" t="s">
        <v>49</v>
      </c>
      <c r="B2101" s="6"/>
      <c r="C2101" s="6" t="s">
        <v>2117</v>
      </c>
      <c r="D2101" s="6"/>
      <c r="E2101" s="6" t="s">
        <v>9</v>
      </c>
      <c r="F2101" s="7">
        <v>38657</v>
      </c>
      <c r="G2101" s="8">
        <v>1</v>
      </c>
      <c r="H2101" s="8">
        <v>1</v>
      </c>
      <c r="I2101" s="8">
        <v>0</v>
      </c>
      <c r="J2101" s="8">
        <v>1</v>
      </c>
      <c r="K2101" s="9">
        <v>10</v>
      </c>
      <c r="L2101" s="6" t="s">
        <v>51</v>
      </c>
    </row>
    <row r="2102" spans="1:12">
      <c r="A2102" s="6" t="s">
        <v>49</v>
      </c>
      <c r="B2102" s="6"/>
      <c r="C2102" s="6" t="s">
        <v>2118</v>
      </c>
      <c r="D2102" s="6"/>
      <c r="E2102" s="6" t="s">
        <v>9</v>
      </c>
      <c r="F2102" s="7">
        <v>38657</v>
      </c>
      <c r="G2102" s="8">
        <v>1</v>
      </c>
      <c r="H2102" s="8">
        <v>1</v>
      </c>
      <c r="I2102" s="8">
        <v>0</v>
      </c>
      <c r="J2102" s="8">
        <v>1</v>
      </c>
      <c r="K2102" s="9">
        <v>2.27999999999999</v>
      </c>
      <c r="L2102" s="6" t="s">
        <v>51</v>
      </c>
    </row>
    <row r="2103" spans="1:12">
      <c r="A2103" s="6" t="s">
        <v>49</v>
      </c>
      <c r="B2103" s="6"/>
      <c r="C2103" s="6" t="s">
        <v>2119</v>
      </c>
      <c r="D2103" s="6"/>
      <c r="E2103" s="6" t="s">
        <v>9</v>
      </c>
      <c r="F2103" s="7">
        <v>38657</v>
      </c>
      <c r="G2103" s="8">
        <v>1</v>
      </c>
      <c r="H2103" s="8">
        <v>1</v>
      </c>
      <c r="I2103" s="8">
        <v>0</v>
      </c>
      <c r="J2103" s="8">
        <v>1</v>
      </c>
      <c r="K2103" s="9">
        <v>1.98</v>
      </c>
      <c r="L2103" s="6" t="s">
        <v>51</v>
      </c>
    </row>
    <row r="2104" spans="1:12">
      <c r="A2104" s="6" t="s">
        <v>49</v>
      </c>
      <c r="B2104" s="6"/>
      <c r="C2104" s="6" t="s">
        <v>2120</v>
      </c>
      <c r="D2104" s="6"/>
      <c r="E2104" s="6" t="s">
        <v>9</v>
      </c>
      <c r="F2104" s="7">
        <v>38657</v>
      </c>
      <c r="G2104" s="8">
        <v>1</v>
      </c>
      <c r="H2104" s="8">
        <v>1</v>
      </c>
      <c r="I2104" s="8">
        <v>0</v>
      </c>
      <c r="J2104" s="8">
        <v>1</v>
      </c>
      <c r="K2104" s="9">
        <v>17</v>
      </c>
      <c r="L2104" s="6" t="s">
        <v>51</v>
      </c>
    </row>
    <row r="2105" spans="1:12">
      <c r="A2105" s="6" t="s">
        <v>49</v>
      </c>
      <c r="B2105" s="6"/>
      <c r="C2105" s="6" t="s">
        <v>2121</v>
      </c>
      <c r="D2105" s="6"/>
      <c r="E2105" s="6" t="s">
        <v>9</v>
      </c>
      <c r="F2105" s="7">
        <v>38657</v>
      </c>
      <c r="G2105" s="8">
        <v>1</v>
      </c>
      <c r="H2105" s="8">
        <v>1</v>
      </c>
      <c r="I2105" s="8">
        <v>0</v>
      </c>
      <c r="J2105" s="8">
        <v>1</v>
      </c>
      <c r="K2105" s="9">
        <v>8.84</v>
      </c>
      <c r="L2105" s="6" t="s">
        <v>51</v>
      </c>
    </row>
    <row r="2106" spans="1:12">
      <c r="A2106" s="6" t="s">
        <v>49</v>
      </c>
      <c r="B2106" s="6"/>
      <c r="C2106" s="6" t="s">
        <v>2122</v>
      </c>
      <c r="D2106" s="6"/>
      <c r="E2106" s="6" t="s">
        <v>9</v>
      </c>
      <c r="F2106" s="7">
        <v>38657</v>
      </c>
      <c r="G2106" s="8">
        <v>1</v>
      </c>
      <c r="H2106" s="8">
        <v>1</v>
      </c>
      <c r="I2106" s="8">
        <v>0</v>
      </c>
      <c r="J2106" s="8">
        <v>1</v>
      </c>
      <c r="K2106" s="9">
        <v>13</v>
      </c>
      <c r="L2106" s="6" t="s">
        <v>51</v>
      </c>
    </row>
    <row r="2107" spans="1:12">
      <c r="A2107" s="6" t="s">
        <v>49</v>
      </c>
      <c r="B2107" s="6"/>
      <c r="C2107" s="6" t="s">
        <v>2123</v>
      </c>
      <c r="D2107" s="6"/>
      <c r="E2107" s="6" t="s">
        <v>9</v>
      </c>
      <c r="F2107" s="7">
        <v>38657</v>
      </c>
      <c r="G2107" s="8">
        <v>1</v>
      </c>
      <c r="H2107" s="8">
        <v>1</v>
      </c>
      <c r="I2107" s="8">
        <v>0</v>
      </c>
      <c r="J2107" s="8">
        <v>1</v>
      </c>
      <c r="K2107" s="9">
        <v>38</v>
      </c>
      <c r="L2107" s="6" t="s">
        <v>51</v>
      </c>
    </row>
    <row r="2108" spans="1:12">
      <c r="A2108" s="6" t="s">
        <v>49</v>
      </c>
      <c r="B2108" s="6"/>
      <c r="C2108" s="6" t="s">
        <v>2124</v>
      </c>
      <c r="D2108" s="6"/>
      <c r="E2108" s="6" t="s">
        <v>9</v>
      </c>
      <c r="F2108" s="7"/>
      <c r="G2108" s="8">
        <v>1</v>
      </c>
      <c r="H2108" s="8">
        <v>1</v>
      </c>
      <c r="I2108" s="8">
        <v>0</v>
      </c>
      <c r="J2108" s="8">
        <v>1</v>
      </c>
      <c r="K2108" s="9">
        <v>9.91</v>
      </c>
      <c r="L2108" s="6" t="s">
        <v>51</v>
      </c>
    </row>
    <row r="2109" spans="1:12">
      <c r="A2109" s="6" t="s">
        <v>49</v>
      </c>
      <c r="B2109" s="6"/>
      <c r="C2109" s="6" t="s">
        <v>2125</v>
      </c>
      <c r="D2109" s="6"/>
      <c r="E2109" s="6" t="s">
        <v>9</v>
      </c>
      <c r="F2109" s="7">
        <v>38657</v>
      </c>
      <c r="G2109" s="8">
        <v>1</v>
      </c>
      <c r="H2109" s="8">
        <v>1</v>
      </c>
      <c r="I2109" s="8">
        <v>0</v>
      </c>
      <c r="J2109" s="8">
        <v>1</v>
      </c>
      <c r="K2109" s="9">
        <v>10.62</v>
      </c>
      <c r="L2109" s="6" t="s">
        <v>51</v>
      </c>
    </row>
    <row r="2110" spans="1:12">
      <c r="A2110" s="6" t="s">
        <v>49</v>
      </c>
      <c r="B2110" s="6"/>
      <c r="C2110" s="6" t="s">
        <v>2126</v>
      </c>
      <c r="D2110" s="6"/>
      <c r="E2110" s="6" t="s">
        <v>9</v>
      </c>
      <c r="F2110" s="7">
        <v>38657</v>
      </c>
      <c r="G2110" s="8">
        <v>1</v>
      </c>
      <c r="H2110" s="8">
        <v>1</v>
      </c>
      <c r="I2110" s="8">
        <v>0</v>
      </c>
      <c r="J2110" s="8">
        <v>1</v>
      </c>
      <c r="K2110" s="9">
        <v>7.56</v>
      </c>
      <c r="L2110" s="6" t="s">
        <v>51</v>
      </c>
    </row>
    <row r="2111" spans="1:12">
      <c r="A2111" s="6" t="s">
        <v>49</v>
      </c>
      <c r="B2111" s="6"/>
      <c r="C2111" s="6" t="s">
        <v>2127</v>
      </c>
      <c r="D2111" s="6"/>
      <c r="E2111" s="6" t="s">
        <v>9</v>
      </c>
      <c r="F2111" s="7">
        <v>38657</v>
      </c>
      <c r="G2111" s="8">
        <v>1</v>
      </c>
      <c r="H2111" s="8">
        <v>1</v>
      </c>
      <c r="I2111" s="8">
        <v>0</v>
      </c>
      <c r="J2111" s="8">
        <v>1</v>
      </c>
      <c r="K2111" s="9">
        <v>4.32</v>
      </c>
      <c r="L2111" s="6" t="s">
        <v>51</v>
      </c>
    </row>
    <row r="2112" spans="1:12">
      <c r="A2112" s="6" t="s">
        <v>49</v>
      </c>
      <c r="B2112" s="6"/>
      <c r="C2112" s="6" t="s">
        <v>2128</v>
      </c>
      <c r="D2112" s="6"/>
      <c r="E2112" s="6" t="s">
        <v>9</v>
      </c>
      <c r="F2112" s="7">
        <v>38657</v>
      </c>
      <c r="G2112" s="8">
        <v>1</v>
      </c>
      <c r="H2112" s="8">
        <v>1</v>
      </c>
      <c r="I2112" s="8">
        <v>0</v>
      </c>
      <c r="J2112" s="8">
        <v>1</v>
      </c>
      <c r="K2112" s="9">
        <v>5.4</v>
      </c>
      <c r="L2112" s="6" t="s">
        <v>51</v>
      </c>
    </row>
    <row r="2113" spans="1:12">
      <c r="A2113" s="6" t="s">
        <v>49</v>
      </c>
      <c r="B2113" s="6"/>
      <c r="C2113" s="6" t="s">
        <v>2129</v>
      </c>
      <c r="D2113" s="6"/>
      <c r="E2113" s="6" t="s">
        <v>9</v>
      </c>
      <c r="F2113" s="7">
        <v>38657</v>
      </c>
      <c r="G2113" s="8">
        <v>1</v>
      </c>
      <c r="H2113" s="8">
        <v>1</v>
      </c>
      <c r="I2113" s="8">
        <v>0</v>
      </c>
      <c r="J2113" s="8">
        <v>1</v>
      </c>
      <c r="K2113" s="9">
        <v>3.6</v>
      </c>
      <c r="L2113" s="6" t="s">
        <v>51</v>
      </c>
    </row>
    <row r="2114" spans="1:12">
      <c r="A2114" s="6" t="s">
        <v>49</v>
      </c>
      <c r="B2114" s="6"/>
      <c r="C2114" s="6" t="s">
        <v>2130</v>
      </c>
      <c r="D2114" s="6"/>
      <c r="E2114" s="6" t="s">
        <v>9</v>
      </c>
      <c r="F2114" s="7">
        <v>38657</v>
      </c>
      <c r="G2114" s="8">
        <v>1</v>
      </c>
      <c r="H2114" s="8">
        <v>1</v>
      </c>
      <c r="I2114" s="8">
        <v>0</v>
      </c>
      <c r="J2114" s="8">
        <v>1</v>
      </c>
      <c r="K2114" s="9">
        <v>5.85</v>
      </c>
      <c r="L2114" s="6" t="s">
        <v>51</v>
      </c>
    </row>
    <row r="2115" spans="1:12">
      <c r="A2115" s="6" t="s">
        <v>49</v>
      </c>
      <c r="B2115" s="6"/>
      <c r="C2115" s="6" t="s">
        <v>2131</v>
      </c>
      <c r="D2115" s="6"/>
      <c r="E2115" s="6" t="s">
        <v>9</v>
      </c>
      <c r="F2115" s="7">
        <v>38657</v>
      </c>
      <c r="G2115" s="8">
        <v>1</v>
      </c>
      <c r="H2115" s="8">
        <v>1</v>
      </c>
      <c r="I2115" s="8">
        <v>0</v>
      </c>
      <c r="J2115" s="8">
        <v>1</v>
      </c>
      <c r="K2115" s="9">
        <v>7.11</v>
      </c>
      <c r="L2115" s="6" t="s">
        <v>51</v>
      </c>
    </row>
    <row r="2116" spans="1:12">
      <c r="A2116" s="6" t="s">
        <v>49</v>
      </c>
      <c r="B2116" s="6"/>
      <c r="C2116" s="6" t="s">
        <v>2132</v>
      </c>
      <c r="D2116" s="6"/>
      <c r="E2116" s="6" t="s">
        <v>9</v>
      </c>
      <c r="F2116" s="7">
        <v>38657</v>
      </c>
      <c r="G2116" s="8">
        <v>1</v>
      </c>
      <c r="H2116" s="8">
        <v>1</v>
      </c>
      <c r="I2116" s="8">
        <v>0</v>
      </c>
      <c r="J2116" s="8">
        <v>1</v>
      </c>
      <c r="K2116" s="9">
        <v>6.3</v>
      </c>
      <c r="L2116" s="6" t="s">
        <v>51</v>
      </c>
    </row>
    <row r="2117" spans="1:12">
      <c r="A2117" s="6" t="s">
        <v>49</v>
      </c>
      <c r="B2117" s="6"/>
      <c r="C2117" s="6" t="s">
        <v>2133</v>
      </c>
      <c r="D2117" s="6"/>
      <c r="E2117" s="6" t="s">
        <v>9</v>
      </c>
      <c r="F2117" s="7">
        <v>38657</v>
      </c>
      <c r="G2117" s="8">
        <v>1</v>
      </c>
      <c r="H2117" s="8">
        <v>1</v>
      </c>
      <c r="I2117" s="8">
        <v>0</v>
      </c>
      <c r="J2117" s="8">
        <v>1</v>
      </c>
      <c r="K2117" s="9">
        <v>4.1399999999999899</v>
      </c>
      <c r="L2117" s="6" t="s">
        <v>51</v>
      </c>
    </row>
    <row r="2118" spans="1:12">
      <c r="A2118" s="6" t="s">
        <v>49</v>
      </c>
      <c r="B2118" s="6"/>
      <c r="C2118" s="6" t="s">
        <v>2134</v>
      </c>
      <c r="D2118" s="6"/>
      <c r="E2118" s="6" t="s">
        <v>9</v>
      </c>
      <c r="F2118" s="7">
        <v>38657</v>
      </c>
      <c r="G2118" s="8">
        <v>1</v>
      </c>
      <c r="H2118" s="8">
        <v>1</v>
      </c>
      <c r="I2118" s="8">
        <v>0</v>
      </c>
      <c r="J2118" s="8">
        <v>1</v>
      </c>
      <c r="K2118" s="9">
        <v>8.5500000000000007</v>
      </c>
      <c r="L2118" s="6" t="s">
        <v>51</v>
      </c>
    </row>
    <row r="2119" spans="1:12">
      <c r="A2119" s="6" t="s">
        <v>49</v>
      </c>
      <c r="B2119" s="6"/>
      <c r="C2119" s="6" t="s">
        <v>2135</v>
      </c>
      <c r="D2119" s="6"/>
      <c r="E2119" s="6" t="s">
        <v>9</v>
      </c>
      <c r="F2119" s="7"/>
      <c r="G2119" s="8">
        <v>1</v>
      </c>
      <c r="H2119" s="8">
        <v>1</v>
      </c>
      <c r="I2119" s="8">
        <v>0</v>
      </c>
      <c r="J2119" s="8">
        <v>1</v>
      </c>
      <c r="K2119" s="9">
        <v>6.61</v>
      </c>
      <c r="L2119" s="6" t="s">
        <v>51</v>
      </c>
    </row>
    <row r="2120" spans="1:12">
      <c r="A2120" s="6" t="s">
        <v>49</v>
      </c>
      <c r="B2120" s="6"/>
      <c r="C2120" s="6" t="s">
        <v>2136</v>
      </c>
      <c r="D2120" s="6"/>
      <c r="E2120" s="6" t="s">
        <v>9</v>
      </c>
      <c r="F2120" s="7">
        <v>38657</v>
      </c>
      <c r="G2120" s="8">
        <v>1</v>
      </c>
      <c r="H2120" s="8">
        <v>1</v>
      </c>
      <c r="I2120" s="8">
        <v>0</v>
      </c>
      <c r="J2120" s="8">
        <v>1</v>
      </c>
      <c r="K2120" s="9">
        <v>1.98</v>
      </c>
      <c r="L2120" s="6" t="s">
        <v>51</v>
      </c>
    </row>
    <row r="2121" spans="1:12">
      <c r="A2121" s="6" t="s">
        <v>49</v>
      </c>
      <c r="B2121" s="6"/>
      <c r="C2121" s="6" t="s">
        <v>2137</v>
      </c>
      <c r="D2121" s="6"/>
      <c r="E2121" s="6" t="s">
        <v>9</v>
      </c>
      <c r="F2121" s="7">
        <v>38657</v>
      </c>
      <c r="G2121" s="8">
        <v>1</v>
      </c>
      <c r="H2121" s="8">
        <v>1</v>
      </c>
      <c r="I2121" s="8">
        <v>0</v>
      </c>
      <c r="J2121" s="8">
        <v>1</v>
      </c>
      <c r="K2121" s="9">
        <v>6.93</v>
      </c>
      <c r="L2121" s="6" t="s">
        <v>51</v>
      </c>
    </row>
    <row r="2122" spans="1:12">
      <c r="A2122" s="6" t="s">
        <v>49</v>
      </c>
      <c r="B2122" s="6"/>
      <c r="C2122" s="6" t="s">
        <v>2138</v>
      </c>
      <c r="D2122" s="6"/>
      <c r="E2122" s="6" t="s">
        <v>9</v>
      </c>
      <c r="F2122" s="7">
        <v>38657</v>
      </c>
      <c r="G2122" s="8">
        <v>1</v>
      </c>
      <c r="H2122" s="8">
        <v>1</v>
      </c>
      <c r="I2122" s="8">
        <v>0</v>
      </c>
      <c r="J2122" s="8">
        <v>1</v>
      </c>
      <c r="K2122" s="9">
        <v>2.7</v>
      </c>
      <c r="L2122" s="6" t="s">
        <v>51</v>
      </c>
    </row>
    <row r="2123" spans="1:12">
      <c r="A2123" s="6" t="s">
        <v>49</v>
      </c>
      <c r="B2123" s="6"/>
      <c r="C2123" s="6" t="s">
        <v>2139</v>
      </c>
      <c r="D2123" s="6"/>
      <c r="E2123" s="6" t="s">
        <v>9</v>
      </c>
      <c r="F2123" s="7">
        <v>38657</v>
      </c>
      <c r="G2123" s="8">
        <v>1</v>
      </c>
      <c r="H2123" s="8">
        <v>1</v>
      </c>
      <c r="I2123" s="8">
        <v>0</v>
      </c>
      <c r="J2123" s="8">
        <v>1</v>
      </c>
      <c r="K2123" s="9">
        <v>7.2</v>
      </c>
      <c r="L2123" s="6" t="s">
        <v>51</v>
      </c>
    </row>
    <row r="2124" spans="1:12">
      <c r="A2124" s="6" t="s">
        <v>49</v>
      </c>
      <c r="B2124" s="6"/>
      <c r="C2124" s="6" t="s">
        <v>2140</v>
      </c>
      <c r="D2124" s="6"/>
      <c r="E2124" s="6" t="s">
        <v>9</v>
      </c>
      <c r="F2124" s="7">
        <v>38657</v>
      </c>
      <c r="G2124" s="8">
        <v>1</v>
      </c>
      <c r="H2124" s="8">
        <v>1</v>
      </c>
      <c r="I2124" s="8">
        <v>0</v>
      </c>
      <c r="J2124" s="8">
        <v>1</v>
      </c>
      <c r="K2124" s="9">
        <v>5.76</v>
      </c>
      <c r="L2124" s="6" t="s">
        <v>51</v>
      </c>
    </row>
    <row r="2125" spans="1:12">
      <c r="A2125" s="6" t="s">
        <v>49</v>
      </c>
      <c r="B2125" s="6"/>
      <c r="C2125" s="6" t="s">
        <v>2141</v>
      </c>
      <c r="D2125" s="6"/>
      <c r="E2125" s="6" t="s">
        <v>9</v>
      </c>
      <c r="F2125" s="7">
        <v>38657</v>
      </c>
      <c r="G2125" s="8">
        <v>1</v>
      </c>
      <c r="H2125" s="8">
        <v>1</v>
      </c>
      <c r="I2125" s="8">
        <v>0</v>
      </c>
      <c r="J2125" s="8">
        <v>1</v>
      </c>
      <c r="K2125" s="9">
        <v>0.98</v>
      </c>
      <c r="L2125" s="6" t="s">
        <v>51</v>
      </c>
    </row>
    <row r="2126" spans="1:12">
      <c r="A2126" s="6" t="s">
        <v>49</v>
      </c>
      <c r="B2126" s="6"/>
      <c r="C2126" s="6" t="s">
        <v>2142</v>
      </c>
      <c r="D2126" s="6"/>
      <c r="E2126" s="6" t="s">
        <v>9</v>
      </c>
      <c r="F2126" s="7">
        <v>38657</v>
      </c>
      <c r="G2126" s="8">
        <v>1</v>
      </c>
      <c r="H2126" s="8">
        <v>1</v>
      </c>
      <c r="I2126" s="8">
        <v>0</v>
      </c>
      <c r="J2126" s="8">
        <v>1</v>
      </c>
      <c r="K2126" s="9">
        <v>6.21</v>
      </c>
      <c r="L2126" s="6" t="s">
        <v>51</v>
      </c>
    </row>
    <row r="2127" spans="1:12">
      <c r="A2127" s="6" t="s">
        <v>49</v>
      </c>
      <c r="B2127" s="6"/>
      <c r="C2127" s="6" t="s">
        <v>2143</v>
      </c>
      <c r="D2127" s="6"/>
      <c r="E2127" s="6" t="s">
        <v>9</v>
      </c>
      <c r="F2127" s="7">
        <v>41535</v>
      </c>
      <c r="G2127" s="8">
        <v>1</v>
      </c>
      <c r="H2127" s="8">
        <v>1</v>
      </c>
      <c r="I2127" s="8">
        <v>0</v>
      </c>
      <c r="J2127" s="8">
        <v>1</v>
      </c>
      <c r="K2127" s="9">
        <v>16</v>
      </c>
      <c r="L2127" s="6" t="s">
        <v>51</v>
      </c>
    </row>
    <row r="2128" spans="1:12">
      <c r="A2128" s="6" t="s">
        <v>49</v>
      </c>
      <c r="B2128" s="6"/>
      <c r="C2128" s="6" t="s">
        <v>2144</v>
      </c>
      <c r="D2128" s="6"/>
      <c r="E2128" s="6" t="s">
        <v>9</v>
      </c>
      <c r="F2128" s="7">
        <v>38657</v>
      </c>
      <c r="G2128" s="8">
        <v>1</v>
      </c>
      <c r="H2128" s="8">
        <v>1</v>
      </c>
      <c r="I2128" s="8">
        <v>0</v>
      </c>
      <c r="J2128" s="8">
        <v>1</v>
      </c>
      <c r="K2128" s="9">
        <v>6.66</v>
      </c>
      <c r="L2128" s="6" t="s">
        <v>51</v>
      </c>
    </row>
    <row r="2129" spans="1:12">
      <c r="A2129" s="6" t="s">
        <v>49</v>
      </c>
      <c r="B2129" s="6"/>
      <c r="C2129" s="6" t="s">
        <v>2145</v>
      </c>
      <c r="D2129" s="6"/>
      <c r="E2129" s="6" t="s">
        <v>9</v>
      </c>
      <c r="F2129" s="7">
        <v>38657</v>
      </c>
      <c r="G2129" s="8">
        <v>1</v>
      </c>
      <c r="H2129" s="8">
        <v>1</v>
      </c>
      <c r="I2129" s="8">
        <v>0</v>
      </c>
      <c r="J2129" s="8">
        <v>1</v>
      </c>
      <c r="K2129" s="9">
        <v>2.34</v>
      </c>
      <c r="L2129" s="6" t="s">
        <v>51</v>
      </c>
    </row>
    <row r="2130" spans="1:12">
      <c r="A2130" s="6" t="s">
        <v>49</v>
      </c>
      <c r="B2130" s="6"/>
      <c r="C2130" s="6" t="s">
        <v>2146</v>
      </c>
      <c r="D2130" s="6"/>
      <c r="E2130" s="6" t="s">
        <v>9</v>
      </c>
      <c r="F2130" s="7"/>
      <c r="G2130" s="8">
        <v>1</v>
      </c>
      <c r="H2130" s="8">
        <v>1</v>
      </c>
      <c r="I2130" s="8">
        <v>0</v>
      </c>
      <c r="J2130" s="8">
        <v>1</v>
      </c>
      <c r="K2130" s="9">
        <v>177.3</v>
      </c>
      <c r="L2130" s="6" t="s">
        <v>51</v>
      </c>
    </row>
    <row r="2131" spans="1:12">
      <c r="A2131" s="6" t="s">
        <v>49</v>
      </c>
      <c r="B2131" s="6"/>
      <c r="C2131" s="6" t="s">
        <v>2147</v>
      </c>
      <c r="D2131" s="6"/>
      <c r="E2131" s="6" t="s">
        <v>9</v>
      </c>
      <c r="F2131" s="7">
        <v>38657</v>
      </c>
      <c r="G2131" s="8">
        <v>1</v>
      </c>
      <c r="H2131" s="8">
        <v>1</v>
      </c>
      <c r="I2131" s="8">
        <v>0</v>
      </c>
      <c r="J2131" s="8">
        <v>1</v>
      </c>
      <c r="K2131" s="9">
        <v>4.57</v>
      </c>
      <c r="L2131" s="6" t="s">
        <v>51</v>
      </c>
    </row>
    <row r="2132" spans="1:12">
      <c r="A2132" s="6" t="s">
        <v>49</v>
      </c>
      <c r="B2132" s="6"/>
      <c r="C2132" s="6" t="s">
        <v>2148</v>
      </c>
      <c r="D2132" s="6"/>
      <c r="E2132" s="6" t="s">
        <v>9</v>
      </c>
      <c r="F2132" s="7"/>
      <c r="G2132" s="8">
        <v>1</v>
      </c>
      <c r="H2132" s="8">
        <v>1</v>
      </c>
      <c r="I2132" s="8">
        <v>0</v>
      </c>
      <c r="J2132" s="8">
        <v>1</v>
      </c>
      <c r="K2132" s="9">
        <v>9.91</v>
      </c>
      <c r="L2132" s="6" t="s">
        <v>51</v>
      </c>
    </row>
    <row r="2133" spans="1:12">
      <c r="A2133" s="6" t="s">
        <v>49</v>
      </c>
      <c r="B2133" s="6"/>
      <c r="C2133" s="6" t="s">
        <v>2149</v>
      </c>
      <c r="D2133" s="6"/>
      <c r="E2133" s="6" t="s">
        <v>9</v>
      </c>
      <c r="F2133" s="7">
        <v>38657</v>
      </c>
      <c r="G2133" s="8">
        <v>1</v>
      </c>
      <c r="H2133" s="8">
        <v>1</v>
      </c>
      <c r="I2133" s="8">
        <v>0</v>
      </c>
      <c r="J2133" s="8">
        <v>1</v>
      </c>
      <c r="K2133" s="9">
        <v>2.97</v>
      </c>
      <c r="L2133" s="6" t="s">
        <v>51</v>
      </c>
    </row>
    <row r="2134" spans="1:12">
      <c r="A2134" s="6" t="s">
        <v>49</v>
      </c>
      <c r="B2134" s="6"/>
      <c r="C2134" s="6" t="s">
        <v>2150</v>
      </c>
      <c r="D2134" s="6"/>
      <c r="E2134" s="6" t="s">
        <v>9</v>
      </c>
      <c r="F2134" s="7">
        <v>38657</v>
      </c>
      <c r="G2134" s="8">
        <v>1</v>
      </c>
      <c r="H2134" s="8">
        <v>1</v>
      </c>
      <c r="I2134" s="8">
        <v>0</v>
      </c>
      <c r="J2134" s="8">
        <v>1</v>
      </c>
      <c r="K2134" s="9">
        <v>4.8600000000000003</v>
      </c>
      <c r="L2134" s="6" t="s">
        <v>51</v>
      </c>
    </row>
    <row r="2135" spans="1:12">
      <c r="A2135" s="6" t="s">
        <v>49</v>
      </c>
      <c r="B2135" s="6"/>
      <c r="C2135" s="6" t="s">
        <v>2151</v>
      </c>
      <c r="D2135" s="6"/>
      <c r="E2135" s="6" t="s">
        <v>9</v>
      </c>
      <c r="F2135" s="7">
        <v>38657</v>
      </c>
      <c r="G2135" s="8">
        <v>1</v>
      </c>
      <c r="H2135" s="8">
        <v>1</v>
      </c>
      <c r="I2135" s="8">
        <v>0</v>
      </c>
      <c r="J2135" s="8">
        <v>1</v>
      </c>
      <c r="K2135" s="9">
        <v>53</v>
      </c>
      <c r="L2135" s="6" t="s">
        <v>51</v>
      </c>
    </row>
    <row r="2136" spans="1:12">
      <c r="A2136" s="6" t="s">
        <v>49</v>
      </c>
      <c r="B2136" s="6"/>
      <c r="C2136" s="6" t="s">
        <v>2152</v>
      </c>
      <c r="D2136" s="6"/>
      <c r="E2136" s="6" t="s">
        <v>9</v>
      </c>
      <c r="F2136" s="7">
        <v>38657</v>
      </c>
      <c r="G2136" s="8">
        <v>1</v>
      </c>
      <c r="H2136" s="8">
        <v>1</v>
      </c>
      <c r="I2136" s="8">
        <v>0</v>
      </c>
      <c r="J2136" s="8">
        <v>1</v>
      </c>
      <c r="K2136" s="9">
        <v>5.13</v>
      </c>
      <c r="L2136" s="6" t="s">
        <v>51</v>
      </c>
    </row>
    <row r="2137" spans="1:12">
      <c r="A2137" s="6" t="s">
        <v>49</v>
      </c>
      <c r="B2137" s="6"/>
      <c r="C2137" s="6" t="s">
        <v>2153</v>
      </c>
      <c r="D2137" s="6"/>
      <c r="E2137" s="6" t="s">
        <v>9</v>
      </c>
      <c r="F2137" s="7">
        <v>38657</v>
      </c>
      <c r="G2137" s="8">
        <v>1</v>
      </c>
      <c r="H2137" s="8">
        <v>1</v>
      </c>
      <c r="I2137" s="8">
        <v>0</v>
      </c>
      <c r="J2137" s="8">
        <v>1</v>
      </c>
      <c r="K2137" s="9">
        <v>65</v>
      </c>
      <c r="L2137" s="6" t="s">
        <v>51</v>
      </c>
    </row>
    <row r="2138" spans="1:12">
      <c r="A2138" s="6" t="s">
        <v>49</v>
      </c>
      <c r="B2138" s="6"/>
      <c r="C2138" s="6" t="s">
        <v>2154</v>
      </c>
      <c r="D2138" s="6"/>
      <c r="E2138" s="6" t="s">
        <v>9</v>
      </c>
      <c r="F2138" s="7">
        <v>38657</v>
      </c>
      <c r="G2138" s="8">
        <v>1</v>
      </c>
      <c r="H2138" s="8">
        <v>1</v>
      </c>
      <c r="I2138" s="8">
        <v>0</v>
      </c>
      <c r="J2138" s="8">
        <v>1</v>
      </c>
      <c r="K2138" s="9">
        <v>23</v>
      </c>
      <c r="L2138" s="6" t="s">
        <v>51</v>
      </c>
    </row>
    <row r="2139" spans="1:12">
      <c r="A2139" s="6" t="s">
        <v>49</v>
      </c>
      <c r="B2139" s="6"/>
      <c r="C2139" s="6" t="s">
        <v>2155</v>
      </c>
      <c r="D2139" s="6"/>
      <c r="E2139" s="6" t="s">
        <v>9</v>
      </c>
      <c r="F2139" s="7">
        <v>38657</v>
      </c>
      <c r="G2139" s="8">
        <v>1</v>
      </c>
      <c r="H2139" s="8">
        <v>1</v>
      </c>
      <c r="I2139" s="8">
        <v>0</v>
      </c>
      <c r="J2139" s="8">
        <v>1</v>
      </c>
      <c r="K2139" s="9">
        <v>3.33</v>
      </c>
      <c r="L2139" s="6" t="s">
        <v>51</v>
      </c>
    </row>
    <row r="2140" spans="1:12">
      <c r="A2140" s="6" t="s">
        <v>49</v>
      </c>
      <c r="B2140" s="6"/>
      <c r="C2140" s="6" t="s">
        <v>2156</v>
      </c>
      <c r="D2140" s="6"/>
      <c r="E2140" s="6" t="s">
        <v>9</v>
      </c>
      <c r="F2140" s="7">
        <v>38657</v>
      </c>
      <c r="G2140" s="8">
        <v>1</v>
      </c>
      <c r="H2140" s="8">
        <v>1</v>
      </c>
      <c r="I2140" s="8">
        <v>0</v>
      </c>
      <c r="J2140" s="8">
        <v>1</v>
      </c>
      <c r="K2140" s="9">
        <v>6.66</v>
      </c>
      <c r="L2140" s="6" t="s">
        <v>51</v>
      </c>
    </row>
    <row r="2141" spans="1:12">
      <c r="A2141" s="6" t="s">
        <v>49</v>
      </c>
      <c r="B2141" s="6"/>
      <c r="C2141" s="6" t="s">
        <v>2157</v>
      </c>
      <c r="D2141" s="6"/>
      <c r="E2141" s="6" t="s">
        <v>9</v>
      </c>
      <c r="F2141" s="7"/>
      <c r="G2141" s="8">
        <v>1</v>
      </c>
      <c r="H2141" s="8">
        <v>1</v>
      </c>
      <c r="I2141" s="8">
        <v>0</v>
      </c>
      <c r="J2141" s="8">
        <v>1</v>
      </c>
      <c r="K2141" s="9">
        <v>3.33</v>
      </c>
      <c r="L2141" s="6" t="s">
        <v>51</v>
      </c>
    </row>
    <row r="2142" spans="1:12">
      <c r="A2142" s="6" t="s">
        <v>49</v>
      </c>
      <c r="B2142" s="6"/>
      <c r="C2142" s="6" t="s">
        <v>2158</v>
      </c>
      <c r="D2142" s="6"/>
      <c r="E2142" s="6" t="s">
        <v>9</v>
      </c>
      <c r="F2142" s="7">
        <v>38657</v>
      </c>
      <c r="G2142" s="8">
        <v>1</v>
      </c>
      <c r="H2142" s="8">
        <v>1</v>
      </c>
      <c r="I2142" s="8">
        <v>0</v>
      </c>
      <c r="J2142" s="8">
        <v>1</v>
      </c>
      <c r="K2142" s="9">
        <v>3.33</v>
      </c>
      <c r="L2142" s="6" t="s">
        <v>51</v>
      </c>
    </row>
    <row r="2143" spans="1:12">
      <c r="A2143" s="6" t="s">
        <v>49</v>
      </c>
      <c r="B2143" s="6"/>
      <c r="C2143" s="6" t="s">
        <v>2159</v>
      </c>
      <c r="D2143" s="6"/>
      <c r="E2143" s="6" t="s">
        <v>9</v>
      </c>
      <c r="F2143" s="7"/>
      <c r="G2143" s="8">
        <v>1</v>
      </c>
      <c r="H2143" s="8">
        <v>1</v>
      </c>
      <c r="I2143" s="8">
        <v>0</v>
      </c>
      <c r="J2143" s="8">
        <v>1</v>
      </c>
      <c r="K2143" s="9">
        <v>3.3</v>
      </c>
      <c r="L2143" s="6" t="s">
        <v>51</v>
      </c>
    </row>
    <row r="2144" spans="1:12">
      <c r="A2144" s="6" t="s">
        <v>49</v>
      </c>
      <c r="B2144" s="6"/>
      <c r="C2144" s="6" t="s">
        <v>2160</v>
      </c>
      <c r="D2144" s="6"/>
      <c r="E2144" s="6" t="s">
        <v>9</v>
      </c>
      <c r="F2144" s="7">
        <v>38657</v>
      </c>
      <c r="G2144" s="8">
        <v>1</v>
      </c>
      <c r="H2144" s="8">
        <v>1</v>
      </c>
      <c r="I2144" s="8">
        <v>0</v>
      </c>
      <c r="J2144" s="8">
        <v>1</v>
      </c>
      <c r="K2144" s="9">
        <v>6.66</v>
      </c>
      <c r="L2144" s="6" t="s">
        <v>51</v>
      </c>
    </row>
    <row r="2145" spans="1:12">
      <c r="A2145" s="6" t="s">
        <v>49</v>
      </c>
      <c r="B2145" s="6"/>
      <c r="C2145" s="6" t="s">
        <v>2161</v>
      </c>
      <c r="D2145" s="6"/>
      <c r="E2145" s="6" t="s">
        <v>9</v>
      </c>
      <c r="F2145" s="7">
        <v>38657</v>
      </c>
      <c r="G2145" s="8">
        <v>1</v>
      </c>
      <c r="H2145" s="8">
        <v>1</v>
      </c>
      <c r="I2145" s="8">
        <v>0</v>
      </c>
      <c r="J2145" s="8">
        <v>1</v>
      </c>
      <c r="K2145" s="9">
        <v>4.32</v>
      </c>
      <c r="L2145" s="6" t="s">
        <v>51</v>
      </c>
    </row>
    <row r="2146" spans="1:12">
      <c r="A2146" s="6" t="s">
        <v>49</v>
      </c>
      <c r="B2146" s="6"/>
      <c r="C2146" s="6" t="s">
        <v>2162</v>
      </c>
      <c r="D2146" s="6"/>
      <c r="E2146" s="6" t="s">
        <v>9</v>
      </c>
      <c r="F2146" s="7">
        <v>38657</v>
      </c>
      <c r="G2146" s="8">
        <v>1</v>
      </c>
      <c r="H2146" s="8">
        <v>1</v>
      </c>
      <c r="I2146" s="8">
        <v>0</v>
      </c>
      <c r="J2146" s="8">
        <v>1</v>
      </c>
      <c r="K2146" s="9">
        <v>4.05</v>
      </c>
      <c r="L2146" s="6" t="s">
        <v>51</v>
      </c>
    </row>
    <row r="2147" spans="1:12">
      <c r="A2147" s="6" t="s">
        <v>49</v>
      </c>
      <c r="B2147" s="6"/>
      <c r="C2147" s="6" t="s">
        <v>2163</v>
      </c>
      <c r="D2147" s="6"/>
      <c r="E2147" s="6" t="s">
        <v>9</v>
      </c>
      <c r="F2147" s="7">
        <v>38657</v>
      </c>
      <c r="G2147" s="8">
        <v>1</v>
      </c>
      <c r="H2147" s="8">
        <v>1</v>
      </c>
      <c r="I2147" s="8">
        <v>0</v>
      </c>
      <c r="J2147" s="8">
        <v>1</v>
      </c>
      <c r="K2147" s="9">
        <v>9.23</v>
      </c>
      <c r="L2147" s="6" t="s">
        <v>51</v>
      </c>
    </row>
    <row r="2148" spans="1:12">
      <c r="A2148" s="6" t="s">
        <v>49</v>
      </c>
      <c r="B2148" s="6"/>
      <c r="C2148" s="6" t="s">
        <v>2164</v>
      </c>
      <c r="D2148" s="6"/>
      <c r="E2148" s="6" t="s">
        <v>9</v>
      </c>
      <c r="F2148" s="7">
        <v>38657</v>
      </c>
      <c r="G2148" s="8">
        <v>1</v>
      </c>
      <c r="H2148" s="8">
        <v>1</v>
      </c>
      <c r="I2148" s="8">
        <v>0</v>
      </c>
      <c r="J2148" s="8">
        <v>1</v>
      </c>
      <c r="K2148" s="9">
        <v>39</v>
      </c>
      <c r="L2148" s="6" t="s">
        <v>51</v>
      </c>
    </row>
    <row r="2149" spans="1:12">
      <c r="A2149" s="6" t="s">
        <v>49</v>
      </c>
      <c r="B2149" s="6"/>
      <c r="C2149" s="6" t="s">
        <v>2165</v>
      </c>
      <c r="D2149" s="6"/>
      <c r="E2149" s="6" t="s">
        <v>9</v>
      </c>
      <c r="F2149" s="7">
        <v>38657</v>
      </c>
      <c r="G2149" s="8">
        <v>1</v>
      </c>
      <c r="H2149" s="8">
        <v>1</v>
      </c>
      <c r="I2149" s="8">
        <v>0</v>
      </c>
      <c r="J2149" s="8">
        <v>1</v>
      </c>
      <c r="K2149" s="9">
        <v>1.1499999999999899</v>
      </c>
      <c r="L2149" s="6" t="s">
        <v>51</v>
      </c>
    </row>
    <row r="2150" spans="1:12">
      <c r="A2150" s="6" t="s">
        <v>49</v>
      </c>
      <c r="B2150" s="6"/>
      <c r="C2150" s="6" t="s">
        <v>2166</v>
      </c>
      <c r="D2150" s="6"/>
      <c r="E2150" s="6" t="s">
        <v>9</v>
      </c>
      <c r="F2150" s="7">
        <v>38657</v>
      </c>
      <c r="G2150" s="8">
        <v>1</v>
      </c>
      <c r="H2150" s="8">
        <v>1</v>
      </c>
      <c r="I2150" s="8">
        <v>0</v>
      </c>
      <c r="J2150" s="8">
        <v>1</v>
      </c>
      <c r="K2150" s="9">
        <v>5.15</v>
      </c>
      <c r="L2150" s="6" t="s">
        <v>51</v>
      </c>
    </row>
    <row r="2151" spans="1:12">
      <c r="A2151" s="6" t="s">
        <v>49</v>
      </c>
      <c r="B2151" s="6"/>
      <c r="C2151" s="6" t="s">
        <v>2167</v>
      </c>
      <c r="D2151" s="6"/>
      <c r="E2151" s="6" t="s">
        <v>9</v>
      </c>
      <c r="F2151" s="7">
        <v>38657</v>
      </c>
      <c r="G2151" s="8">
        <v>1</v>
      </c>
      <c r="H2151" s="8">
        <v>1</v>
      </c>
      <c r="I2151" s="8">
        <v>0</v>
      </c>
      <c r="J2151" s="8">
        <v>1</v>
      </c>
      <c r="K2151" s="9">
        <v>8.3699999999999903</v>
      </c>
      <c r="L2151" s="6" t="s">
        <v>51</v>
      </c>
    </row>
    <row r="2152" spans="1:12">
      <c r="A2152" s="6" t="s">
        <v>49</v>
      </c>
      <c r="B2152" s="6"/>
      <c r="C2152" s="6" t="s">
        <v>2168</v>
      </c>
      <c r="D2152" s="6"/>
      <c r="E2152" s="6" t="s">
        <v>9</v>
      </c>
      <c r="F2152" s="7">
        <v>38657</v>
      </c>
      <c r="G2152" s="8">
        <v>1</v>
      </c>
      <c r="H2152" s="8">
        <v>1</v>
      </c>
      <c r="I2152" s="8">
        <v>0</v>
      </c>
      <c r="J2152" s="8">
        <v>1</v>
      </c>
      <c r="K2152" s="9">
        <v>8.2799999999999905</v>
      </c>
      <c r="L2152" s="6" t="s">
        <v>51</v>
      </c>
    </row>
    <row r="2153" spans="1:12">
      <c r="A2153" s="6" t="s">
        <v>49</v>
      </c>
      <c r="B2153" s="6"/>
      <c r="C2153" s="6" t="s">
        <v>2169</v>
      </c>
      <c r="D2153" s="6"/>
      <c r="E2153" s="6" t="s">
        <v>9</v>
      </c>
      <c r="F2153" s="7">
        <v>38657</v>
      </c>
      <c r="G2153" s="8">
        <v>1</v>
      </c>
      <c r="H2153" s="8">
        <v>1</v>
      </c>
      <c r="I2153" s="8">
        <v>0</v>
      </c>
      <c r="J2153" s="8">
        <v>1</v>
      </c>
      <c r="K2153" s="9">
        <v>8.4600000000000009</v>
      </c>
      <c r="L2153" s="6" t="s">
        <v>51</v>
      </c>
    </row>
    <row r="2154" spans="1:12">
      <c r="A2154" s="6" t="s">
        <v>49</v>
      </c>
      <c r="B2154" s="6"/>
      <c r="C2154" s="6" t="s">
        <v>2170</v>
      </c>
      <c r="D2154" s="6"/>
      <c r="E2154" s="6" t="s">
        <v>9</v>
      </c>
      <c r="F2154" s="7">
        <v>38657</v>
      </c>
      <c r="G2154" s="8">
        <v>1</v>
      </c>
      <c r="H2154" s="8">
        <v>1</v>
      </c>
      <c r="I2154" s="8">
        <v>0</v>
      </c>
      <c r="J2154" s="8">
        <v>1</v>
      </c>
      <c r="K2154" s="9">
        <v>69</v>
      </c>
      <c r="L2154" s="6" t="s">
        <v>51</v>
      </c>
    </row>
    <row r="2155" spans="1:12">
      <c r="A2155" s="6" t="s">
        <v>49</v>
      </c>
      <c r="B2155" s="6"/>
      <c r="C2155" s="6" t="s">
        <v>2171</v>
      </c>
      <c r="D2155" s="6"/>
      <c r="E2155" s="6" t="s">
        <v>9</v>
      </c>
      <c r="F2155" s="7">
        <v>38657</v>
      </c>
      <c r="G2155" s="8">
        <v>1</v>
      </c>
      <c r="H2155" s="8">
        <v>1</v>
      </c>
      <c r="I2155" s="8">
        <v>0</v>
      </c>
      <c r="J2155" s="8">
        <v>1</v>
      </c>
      <c r="K2155" s="9">
        <v>10</v>
      </c>
      <c r="L2155" s="6" t="s">
        <v>51</v>
      </c>
    </row>
    <row r="2156" spans="1:12">
      <c r="A2156" s="6" t="s">
        <v>49</v>
      </c>
      <c r="B2156" s="6"/>
      <c r="C2156" s="6" t="s">
        <v>2172</v>
      </c>
      <c r="D2156" s="6"/>
      <c r="E2156" s="6" t="s">
        <v>9</v>
      </c>
      <c r="F2156" s="7">
        <v>38657</v>
      </c>
      <c r="G2156" s="8">
        <v>1</v>
      </c>
      <c r="H2156" s="8">
        <v>1</v>
      </c>
      <c r="I2156" s="8">
        <v>0</v>
      </c>
      <c r="J2156" s="8">
        <v>1</v>
      </c>
      <c r="K2156" s="9">
        <v>6.3</v>
      </c>
      <c r="L2156" s="6" t="s">
        <v>51</v>
      </c>
    </row>
    <row r="2157" spans="1:12">
      <c r="A2157" s="6" t="s">
        <v>49</v>
      </c>
      <c r="B2157" s="6"/>
      <c r="C2157" s="6" t="s">
        <v>2173</v>
      </c>
      <c r="D2157" s="6"/>
      <c r="E2157" s="6" t="s">
        <v>9</v>
      </c>
      <c r="F2157" s="7">
        <v>38657</v>
      </c>
      <c r="G2157" s="8">
        <v>1</v>
      </c>
      <c r="H2157" s="8">
        <v>1</v>
      </c>
      <c r="I2157" s="8">
        <v>0</v>
      </c>
      <c r="J2157" s="8">
        <v>1</v>
      </c>
      <c r="K2157" s="9">
        <v>2.88</v>
      </c>
      <c r="L2157" s="6" t="s">
        <v>51</v>
      </c>
    </row>
    <row r="2158" spans="1:12">
      <c r="A2158" s="6" t="s">
        <v>49</v>
      </c>
      <c r="B2158" s="6"/>
      <c r="C2158" s="6" t="s">
        <v>2174</v>
      </c>
      <c r="D2158" s="6"/>
      <c r="E2158" s="6" t="s">
        <v>9</v>
      </c>
      <c r="F2158" s="7">
        <v>38657</v>
      </c>
      <c r="G2158" s="8">
        <v>1</v>
      </c>
      <c r="H2158" s="8">
        <v>1</v>
      </c>
      <c r="I2158" s="8">
        <v>0</v>
      </c>
      <c r="J2158" s="8">
        <v>1</v>
      </c>
      <c r="K2158" s="9">
        <v>92</v>
      </c>
      <c r="L2158" s="6" t="s">
        <v>51</v>
      </c>
    </row>
    <row r="2159" spans="1:12">
      <c r="A2159" s="6" t="s">
        <v>49</v>
      </c>
      <c r="B2159" s="6"/>
      <c r="C2159" s="6" t="s">
        <v>2175</v>
      </c>
      <c r="D2159" s="6"/>
      <c r="E2159" s="6" t="s">
        <v>9</v>
      </c>
      <c r="F2159" s="7">
        <v>38657</v>
      </c>
      <c r="G2159" s="8">
        <v>1</v>
      </c>
      <c r="H2159" s="8">
        <v>1</v>
      </c>
      <c r="I2159" s="8">
        <v>0</v>
      </c>
      <c r="J2159" s="8">
        <v>1</v>
      </c>
      <c r="K2159" s="9">
        <v>42</v>
      </c>
      <c r="L2159" s="6" t="s">
        <v>51</v>
      </c>
    </row>
    <row r="2160" spans="1:12">
      <c r="A2160" s="6" t="s">
        <v>49</v>
      </c>
      <c r="B2160" s="6"/>
      <c r="C2160" s="6" t="s">
        <v>2176</v>
      </c>
      <c r="D2160" s="6"/>
      <c r="E2160" s="6" t="s">
        <v>9</v>
      </c>
      <c r="F2160" s="7">
        <v>38657</v>
      </c>
      <c r="G2160" s="8">
        <v>1</v>
      </c>
      <c r="H2160" s="8">
        <v>1</v>
      </c>
      <c r="I2160" s="8">
        <v>0</v>
      </c>
      <c r="J2160" s="8">
        <v>1</v>
      </c>
      <c r="K2160" s="9">
        <v>39</v>
      </c>
      <c r="L2160" s="6" t="s">
        <v>51</v>
      </c>
    </row>
    <row r="2161" spans="1:12">
      <c r="A2161" s="6" t="s">
        <v>49</v>
      </c>
      <c r="B2161" s="6"/>
      <c r="C2161" s="6" t="s">
        <v>2177</v>
      </c>
      <c r="D2161" s="6"/>
      <c r="E2161" s="6" t="s">
        <v>9</v>
      </c>
      <c r="F2161" s="7">
        <v>38657</v>
      </c>
      <c r="G2161" s="8">
        <v>1</v>
      </c>
      <c r="H2161" s="8">
        <v>1</v>
      </c>
      <c r="I2161" s="8">
        <v>0</v>
      </c>
      <c r="J2161" s="8">
        <v>1</v>
      </c>
      <c r="K2161" s="9">
        <v>52.89</v>
      </c>
      <c r="L2161" s="6" t="s">
        <v>51</v>
      </c>
    </row>
    <row r="2162" spans="1:12">
      <c r="A2162" s="6" t="s">
        <v>49</v>
      </c>
      <c r="B2162" s="6"/>
      <c r="C2162" s="6" t="s">
        <v>2178</v>
      </c>
      <c r="D2162" s="6"/>
      <c r="E2162" s="6" t="s">
        <v>9</v>
      </c>
      <c r="F2162" s="7">
        <v>38657</v>
      </c>
      <c r="G2162" s="8">
        <v>1</v>
      </c>
      <c r="H2162" s="8">
        <v>1</v>
      </c>
      <c r="I2162" s="8">
        <v>0</v>
      </c>
      <c r="J2162" s="8">
        <v>1</v>
      </c>
      <c r="K2162" s="9">
        <v>76</v>
      </c>
      <c r="L2162" s="6" t="s">
        <v>51</v>
      </c>
    </row>
    <row r="2163" spans="1:12">
      <c r="A2163" s="6" t="s">
        <v>49</v>
      </c>
      <c r="B2163" s="6"/>
      <c r="C2163" s="6" t="s">
        <v>2179</v>
      </c>
      <c r="D2163" s="6"/>
      <c r="E2163" s="6" t="s">
        <v>9</v>
      </c>
      <c r="F2163" s="7">
        <v>38657</v>
      </c>
      <c r="G2163" s="8">
        <v>1</v>
      </c>
      <c r="H2163" s="8">
        <v>1</v>
      </c>
      <c r="I2163" s="8">
        <v>0</v>
      </c>
      <c r="J2163" s="8">
        <v>1</v>
      </c>
      <c r="K2163" s="9">
        <v>29</v>
      </c>
      <c r="L2163" s="6" t="s">
        <v>51</v>
      </c>
    </row>
    <row r="2164" spans="1:12">
      <c r="A2164" s="6" t="s">
        <v>49</v>
      </c>
      <c r="B2164" s="6"/>
      <c r="C2164" s="6" t="s">
        <v>2180</v>
      </c>
      <c r="D2164" s="6"/>
      <c r="E2164" s="6" t="s">
        <v>9</v>
      </c>
      <c r="F2164" s="7">
        <v>38657</v>
      </c>
      <c r="G2164" s="8">
        <v>1</v>
      </c>
      <c r="H2164" s="8">
        <v>1</v>
      </c>
      <c r="I2164" s="8">
        <v>0</v>
      </c>
      <c r="J2164" s="8">
        <v>1</v>
      </c>
      <c r="K2164" s="9">
        <v>76</v>
      </c>
      <c r="L2164" s="6" t="s">
        <v>51</v>
      </c>
    </row>
    <row r="2165" spans="1:12">
      <c r="A2165" s="6" t="s">
        <v>49</v>
      </c>
      <c r="B2165" s="6"/>
      <c r="C2165" s="6" t="s">
        <v>2181</v>
      </c>
      <c r="D2165" s="6"/>
      <c r="E2165" s="6" t="s">
        <v>9</v>
      </c>
      <c r="F2165" s="7">
        <v>41158</v>
      </c>
      <c r="G2165" s="8">
        <v>1</v>
      </c>
      <c r="H2165" s="8">
        <v>1</v>
      </c>
      <c r="I2165" s="8">
        <v>0</v>
      </c>
      <c r="J2165" s="8">
        <v>1</v>
      </c>
      <c r="K2165" s="9">
        <v>410</v>
      </c>
      <c r="L2165" s="6" t="s">
        <v>51</v>
      </c>
    </row>
    <row r="2166" spans="1:12">
      <c r="A2166" s="6" t="s">
        <v>49</v>
      </c>
      <c r="B2166" s="6"/>
      <c r="C2166" s="6" t="s">
        <v>2182</v>
      </c>
      <c r="D2166" s="6"/>
      <c r="E2166" s="6" t="s">
        <v>9</v>
      </c>
      <c r="F2166" s="7">
        <v>38657</v>
      </c>
      <c r="G2166" s="8">
        <v>1</v>
      </c>
      <c r="H2166" s="8">
        <v>1</v>
      </c>
      <c r="I2166" s="8">
        <v>0</v>
      </c>
      <c r="J2166" s="8">
        <v>1</v>
      </c>
      <c r="K2166" s="9">
        <v>59</v>
      </c>
      <c r="L2166" s="6" t="s">
        <v>51</v>
      </c>
    </row>
    <row r="2167" spans="1:12">
      <c r="A2167" s="6" t="s">
        <v>49</v>
      </c>
      <c r="B2167" s="6"/>
      <c r="C2167" s="6" t="s">
        <v>2183</v>
      </c>
      <c r="D2167" s="6"/>
      <c r="E2167" s="6" t="s">
        <v>9</v>
      </c>
      <c r="F2167" s="7">
        <v>38657</v>
      </c>
      <c r="G2167" s="8">
        <v>1</v>
      </c>
      <c r="H2167" s="8">
        <v>1</v>
      </c>
      <c r="I2167" s="8">
        <v>0</v>
      </c>
      <c r="J2167" s="8">
        <v>1</v>
      </c>
      <c r="K2167" s="9">
        <v>66</v>
      </c>
      <c r="L2167" s="6" t="s">
        <v>51</v>
      </c>
    </row>
    <row r="2168" spans="1:12">
      <c r="A2168" s="6" t="s">
        <v>49</v>
      </c>
      <c r="B2168" s="6"/>
      <c r="C2168" s="6" t="s">
        <v>2184</v>
      </c>
      <c r="D2168" s="6"/>
      <c r="E2168" s="6" t="s">
        <v>9</v>
      </c>
      <c r="F2168" s="7">
        <v>38657</v>
      </c>
      <c r="G2168" s="8">
        <v>1</v>
      </c>
      <c r="H2168" s="8">
        <v>1</v>
      </c>
      <c r="I2168" s="8">
        <v>0</v>
      </c>
      <c r="J2168" s="8">
        <v>1</v>
      </c>
      <c r="K2168" s="9">
        <v>82</v>
      </c>
      <c r="L2168" s="6" t="s">
        <v>51</v>
      </c>
    </row>
    <row r="2169" spans="1:12">
      <c r="A2169" s="6" t="s">
        <v>49</v>
      </c>
      <c r="B2169" s="6"/>
      <c r="C2169" s="6" t="s">
        <v>2185</v>
      </c>
      <c r="D2169" s="6"/>
      <c r="E2169" s="6" t="s">
        <v>9</v>
      </c>
      <c r="F2169" s="7">
        <v>38657</v>
      </c>
      <c r="G2169" s="8">
        <v>1</v>
      </c>
      <c r="H2169" s="8">
        <v>1</v>
      </c>
      <c r="I2169" s="8">
        <v>0</v>
      </c>
      <c r="J2169" s="8">
        <v>1</v>
      </c>
      <c r="K2169" s="9">
        <v>82</v>
      </c>
      <c r="L2169" s="6" t="s">
        <v>51</v>
      </c>
    </row>
    <row r="2170" spans="1:12">
      <c r="A2170" s="6" t="s">
        <v>49</v>
      </c>
      <c r="B2170" s="6"/>
      <c r="C2170" s="6" t="s">
        <v>2186</v>
      </c>
      <c r="D2170" s="6"/>
      <c r="E2170" s="6" t="s">
        <v>9</v>
      </c>
      <c r="F2170" s="7">
        <v>38657</v>
      </c>
      <c r="G2170" s="8">
        <v>1</v>
      </c>
      <c r="H2170" s="8">
        <v>1</v>
      </c>
      <c r="I2170" s="8">
        <v>0</v>
      </c>
      <c r="J2170" s="8">
        <v>1</v>
      </c>
      <c r="K2170" s="9">
        <v>42</v>
      </c>
      <c r="L2170" s="6" t="s">
        <v>51</v>
      </c>
    </row>
    <row r="2171" spans="1:12">
      <c r="A2171" s="6" t="s">
        <v>49</v>
      </c>
      <c r="B2171" s="6"/>
      <c r="C2171" s="6" t="s">
        <v>2187</v>
      </c>
      <c r="D2171" s="6"/>
      <c r="E2171" s="6" t="s">
        <v>9</v>
      </c>
      <c r="F2171" s="7">
        <v>38657</v>
      </c>
      <c r="G2171" s="8">
        <v>1</v>
      </c>
      <c r="H2171" s="8">
        <v>1</v>
      </c>
      <c r="I2171" s="8">
        <v>0</v>
      </c>
      <c r="J2171" s="8">
        <v>1</v>
      </c>
      <c r="K2171" s="9">
        <v>89</v>
      </c>
      <c r="L2171" s="6" t="s">
        <v>51</v>
      </c>
    </row>
    <row r="2172" spans="1:12">
      <c r="A2172" s="6" t="s">
        <v>49</v>
      </c>
      <c r="B2172" s="6"/>
      <c r="C2172" s="6" t="s">
        <v>2188</v>
      </c>
      <c r="D2172" s="6"/>
      <c r="E2172" s="6" t="s">
        <v>9</v>
      </c>
      <c r="F2172" s="7">
        <v>38657</v>
      </c>
      <c r="G2172" s="8">
        <v>1</v>
      </c>
      <c r="H2172" s="8">
        <v>1</v>
      </c>
      <c r="I2172" s="8">
        <v>0</v>
      </c>
      <c r="J2172" s="8">
        <v>1</v>
      </c>
      <c r="K2172" s="9">
        <v>14</v>
      </c>
      <c r="L2172" s="6" t="s">
        <v>51</v>
      </c>
    </row>
    <row r="2173" spans="1:12">
      <c r="A2173" s="6" t="s">
        <v>49</v>
      </c>
      <c r="B2173" s="6"/>
      <c r="C2173" s="6" t="s">
        <v>2189</v>
      </c>
      <c r="D2173" s="6"/>
      <c r="E2173" s="6" t="s">
        <v>9</v>
      </c>
      <c r="F2173" s="7">
        <v>38657</v>
      </c>
      <c r="G2173" s="8">
        <v>1</v>
      </c>
      <c r="H2173" s="8">
        <v>1</v>
      </c>
      <c r="I2173" s="8">
        <v>0</v>
      </c>
      <c r="J2173" s="8">
        <v>1</v>
      </c>
      <c r="K2173" s="9">
        <v>56</v>
      </c>
      <c r="L2173" s="6" t="s">
        <v>51</v>
      </c>
    </row>
    <row r="2174" spans="1:12">
      <c r="A2174" s="6" t="s">
        <v>49</v>
      </c>
      <c r="B2174" s="6"/>
      <c r="C2174" s="6" t="s">
        <v>2190</v>
      </c>
      <c r="D2174" s="6"/>
      <c r="E2174" s="6" t="s">
        <v>9</v>
      </c>
      <c r="F2174" s="7">
        <v>38657</v>
      </c>
      <c r="G2174" s="8">
        <v>1</v>
      </c>
      <c r="H2174" s="8">
        <v>1</v>
      </c>
      <c r="I2174" s="8">
        <v>0</v>
      </c>
      <c r="J2174" s="8">
        <v>1</v>
      </c>
      <c r="K2174" s="9">
        <v>109</v>
      </c>
      <c r="L2174" s="6" t="s">
        <v>51</v>
      </c>
    </row>
    <row r="2175" spans="1:12">
      <c r="A2175" s="6" t="s">
        <v>49</v>
      </c>
      <c r="B2175" s="6"/>
      <c r="C2175" s="6" t="s">
        <v>2191</v>
      </c>
      <c r="D2175" s="6"/>
      <c r="E2175" s="6" t="s">
        <v>9</v>
      </c>
      <c r="F2175" s="7">
        <v>38657</v>
      </c>
      <c r="G2175" s="8">
        <v>1</v>
      </c>
      <c r="H2175" s="8">
        <v>1</v>
      </c>
      <c r="I2175" s="8">
        <v>0</v>
      </c>
      <c r="J2175" s="8">
        <v>1</v>
      </c>
      <c r="K2175" s="9">
        <v>26</v>
      </c>
      <c r="L2175" s="6" t="s">
        <v>51</v>
      </c>
    </row>
    <row r="2176" spans="1:12">
      <c r="A2176" s="6" t="s">
        <v>49</v>
      </c>
      <c r="B2176" s="6"/>
      <c r="C2176" s="6" t="s">
        <v>2192</v>
      </c>
      <c r="D2176" s="6"/>
      <c r="E2176" s="6" t="s">
        <v>9</v>
      </c>
      <c r="F2176" s="7"/>
      <c r="G2176" s="8">
        <v>403848</v>
      </c>
      <c r="H2176" s="8">
        <v>403848</v>
      </c>
      <c r="I2176" s="8">
        <v>0</v>
      </c>
      <c r="J2176" s="8">
        <v>403848</v>
      </c>
      <c r="K2176" s="9">
        <v>79</v>
      </c>
      <c r="L2176" s="6" t="s">
        <v>2193</v>
      </c>
    </row>
    <row r="2177" spans="1:12">
      <c r="A2177" s="6" t="s">
        <v>49</v>
      </c>
      <c r="B2177" s="6"/>
      <c r="C2177" s="6" t="s">
        <v>2194</v>
      </c>
      <c r="D2177" s="6"/>
      <c r="E2177" s="6" t="s">
        <v>9</v>
      </c>
      <c r="F2177" s="7">
        <v>38657</v>
      </c>
      <c r="G2177" s="8">
        <v>1</v>
      </c>
      <c r="H2177" s="8">
        <v>1</v>
      </c>
      <c r="I2177" s="8">
        <v>0</v>
      </c>
      <c r="J2177" s="8">
        <v>1</v>
      </c>
      <c r="K2177" s="9">
        <v>62</v>
      </c>
      <c r="L2177" s="6" t="s">
        <v>51</v>
      </c>
    </row>
    <row r="2178" spans="1:12">
      <c r="A2178" s="6" t="s">
        <v>49</v>
      </c>
      <c r="B2178" s="6"/>
      <c r="C2178" s="6" t="s">
        <v>2195</v>
      </c>
      <c r="D2178" s="6"/>
      <c r="E2178" s="6" t="s">
        <v>9</v>
      </c>
      <c r="F2178" s="7">
        <v>38657</v>
      </c>
      <c r="G2178" s="8">
        <v>1</v>
      </c>
      <c r="H2178" s="8">
        <v>1</v>
      </c>
      <c r="I2178" s="8">
        <v>0</v>
      </c>
      <c r="J2178" s="8">
        <v>1</v>
      </c>
      <c r="K2178" s="9">
        <v>4.59</v>
      </c>
      <c r="L2178" s="6" t="s">
        <v>51</v>
      </c>
    </row>
    <row r="2179" spans="1:12">
      <c r="A2179" s="6" t="s">
        <v>49</v>
      </c>
      <c r="B2179" s="6"/>
      <c r="C2179" s="6" t="s">
        <v>2196</v>
      </c>
      <c r="D2179" s="6"/>
      <c r="E2179" s="6" t="s">
        <v>9</v>
      </c>
      <c r="F2179" s="7">
        <v>38657</v>
      </c>
      <c r="G2179" s="8">
        <v>1</v>
      </c>
      <c r="H2179" s="8">
        <v>1</v>
      </c>
      <c r="I2179" s="8">
        <v>0</v>
      </c>
      <c r="J2179" s="8">
        <v>1</v>
      </c>
      <c r="K2179" s="9">
        <v>4.53</v>
      </c>
      <c r="L2179" s="6" t="s">
        <v>51</v>
      </c>
    </row>
    <row r="2180" spans="1:12">
      <c r="A2180" s="6" t="s">
        <v>49</v>
      </c>
      <c r="B2180" s="6"/>
      <c r="C2180" s="6" t="s">
        <v>2197</v>
      </c>
      <c r="D2180" s="6"/>
      <c r="E2180" s="6" t="s">
        <v>9</v>
      </c>
      <c r="F2180" s="7">
        <v>38657</v>
      </c>
      <c r="G2180" s="8">
        <v>1</v>
      </c>
      <c r="H2180" s="8">
        <v>1</v>
      </c>
      <c r="I2180" s="8">
        <v>0</v>
      </c>
      <c r="J2180" s="8">
        <v>1</v>
      </c>
      <c r="K2180" s="9">
        <v>7.04</v>
      </c>
      <c r="L2180" s="6" t="s">
        <v>51</v>
      </c>
    </row>
    <row r="2181" spans="1:12">
      <c r="A2181" s="6" t="s">
        <v>49</v>
      </c>
      <c r="B2181" s="6"/>
      <c r="C2181" s="6" t="s">
        <v>2198</v>
      </c>
      <c r="D2181" s="6"/>
      <c r="E2181" s="6" t="s">
        <v>9</v>
      </c>
      <c r="F2181" s="7">
        <v>38657</v>
      </c>
      <c r="G2181" s="8">
        <v>1</v>
      </c>
      <c r="H2181" s="8">
        <v>1</v>
      </c>
      <c r="I2181" s="8">
        <v>0</v>
      </c>
      <c r="J2181" s="8">
        <v>1</v>
      </c>
      <c r="K2181" s="9">
        <v>16.02</v>
      </c>
      <c r="L2181" s="6" t="s">
        <v>51</v>
      </c>
    </row>
    <row r="2182" spans="1:12">
      <c r="A2182" s="6" t="s">
        <v>49</v>
      </c>
      <c r="B2182" s="6"/>
      <c r="C2182" s="6" t="s">
        <v>2199</v>
      </c>
      <c r="D2182" s="6"/>
      <c r="E2182" s="6" t="s">
        <v>9</v>
      </c>
      <c r="F2182" s="7">
        <v>38657</v>
      </c>
      <c r="G2182" s="8">
        <v>1</v>
      </c>
      <c r="H2182" s="8">
        <v>1</v>
      </c>
      <c r="I2182" s="8">
        <v>0</v>
      </c>
      <c r="J2182" s="8">
        <v>1</v>
      </c>
      <c r="K2182" s="9">
        <v>49</v>
      </c>
      <c r="L2182" s="6" t="s">
        <v>51</v>
      </c>
    </row>
    <row r="2183" spans="1:12">
      <c r="A2183" s="6" t="s">
        <v>49</v>
      </c>
      <c r="B2183" s="6"/>
      <c r="C2183" s="6" t="s">
        <v>2200</v>
      </c>
      <c r="D2183" s="6"/>
      <c r="E2183" s="6" t="s">
        <v>9</v>
      </c>
      <c r="F2183" s="7">
        <v>38657</v>
      </c>
      <c r="G2183" s="8">
        <v>1</v>
      </c>
      <c r="H2183" s="8">
        <v>1</v>
      </c>
      <c r="I2183" s="8">
        <v>0</v>
      </c>
      <c r="J2183" s="8">
        <v>1</v>
      </c>
      <c r="K2183" s="9">
        <v>33</v>
      </c>
      <c r="L2183" s="6" t="s">
        <v>51</v>
      </c>
    </row>
    <row r="2184" spans="1:12">
      <c r="A2184" s="6" t="s">
        <v>49</v>
      </c>
      <c r="B2184" s="6"/>
      <c r="C2184" s="6" t="s">
        <v>2201</v>
      </c>
      <c r="D2184" s="6"/>
      <c r="E2184" s="6" t="s">
        <v>9</v>
      </c>
      <c r="F2184" s="7">
        <v>38657</v>
      </c>
      <c r="G2184" s="8">
        <v>1</v>
      </c>
      <c r="H2184" s="8">
        <v>1</v>
      </c>
      <c r="I2184" s="8">
        <v>0</v>
      </c>
      <c r="J2184" s="8">
        <v>1</v>
      </c>
      <c r="K2184" s="9">
        <v>33</v>
      </c>
      <c r="L2184" s="6" t="s">
        <v>51</v>
      </c>
    </row>
    <row r="2185" spans="1:12">
      <c r="A2185" s="6" t="s">
        <v>49</v>
      </c>
      <c r="B2185" s="6"/>
      <c r="C2185" s="6" t="s">
        <v>2202</v>
      </c>
      <c r="D2185" s="6"/>
      <c r="E2185" s="6" t="s">
        <v>9</v>
      </c>
      <c r="F2185" s="7">
        <v>38657</v>
      </c>
      <c r="G2185" s="8">
        <v>1</v>
      </c>
      <c r="H2185" s="8">
        <v>1</v>
      </c>
      <c r="I2185" s="8">
        <v>0</v>
      </c>
      <c r="J2185" s="8">
        <v>1</v>
      </c>
      <c r="K2185" s="9">
        <v>3.42</v>
      </c>
      <c r="L2185" s="6" t="s">
        <v>51</v>
      </c>
    </row>
    <row r="2186" spans="1:12">
      <c r="A2186" s="6" t="s">
        <v>49</v>
      </c>
      <c r="B2186" s="6"/>
      <c r="C2186" s="6" t="s">
        <v>2203</v>
      </c>
      <c r="D2186" s="6"/>
      <c r="E2186" s="6" t="s">
        <v>9</v>
      </c>
      <c r="F2186" s="7">
        <v>38657</v>
      </c>
      <c r="G2186" s="8">
        <v>1</v>
      </c>
      <c r="H2186" s="8">
        <v>1</v>
      </c>
      <c r="I2186" s="8">
        <v>0</v>
      </c>
      <c r="J2186" s="8">
        <v>1</v>
      </c>
      <c r="K2186" s="9">
        <v>2.4300000000000002</v>
      </c>
      <c r="L2186" s="6" t="s">
        <v>51</v>
      </c>
    </row>
    <row r="2187" spans="1:12">
      <c r="A2187" s="6" t="s">
        <v>49</v>
      </c>
      <c r="B2187" s="6"/>
      <c r="C2187" s="6" t="s">
        <v>2204</v>
      </c>
      <c r="D2187" s="6"/>
      <c r="E2187" s="6" t="s">
        <v>9</v>
      </c>
      <c r="F2187" s="7"/>
      <c r="G2187" s="8">
        <v>1</v>
      </c>
      <c r="H2187" s="8">
        <v>1</v>
      </c>
      <c r="I2187" s="8">
        <v>0</v>
      </c>
      <c r="J2187" s="8">
        <v>1</v>
      </c>
      <c r="K2187" s="9">
        <v>52</v>
      </c>
      <c r="L2187" s="6" t="s">
        <v>51</v>
      </c>
    </row>
    <row r="2188" spans="1:12">
      <c r="A2188" s="6" t="s">
        <v>49</v>
      </c>
      <c r="B2188" s="6"/>
      <c r="C2188" s="6" t="s">
        <v>2205</v>
      </c>
      <c r="D2188" s="6"/>
      <c r="E2188" s="6" t="s">
        <v>9</v>
      </c>
      <c r="F2188" s="7">
        <v>38657</v>
      </c>
      <c r="G2188" s="8">
        <v>1</v>
      </c>
      <c r="H2188" s="8">
        <v>1</v>
      </c>
      <c r="I2188" s="8">
        <v>0</v>
      </c>
      <c r="J2188" s="8">
        <v>1</v>
      </c>
      <c r="K2188" s="9">
        <v>33</v>
      </c>
      <c r="L2188" s="6" t="s">
        <v>51</v>
      </c>
    </row>
    <row r="2189" spans="1:12">
      <c r="A2189" s="6" t="s">
        <v>49</v>
      </c>
      <c r="B2189" s="6"/>
      <c r="C2189" s="6" t="s">
        <v>2206</v>
      </c>
      <c r="D2189" s="6"/>
      <c r="E2189" s="6" t="s">
        <v>9</v>
      </c>
      <c r="F2189" s="7">
        <v>38657</v>
      </c>
      <c r="G2189" s="8">
        <v>1</v>
      </c>
      <c r="H2189" s="8">
        <v>1</v>
      </c>
      <c r="I2189" s="8">
        <v>0</v>
      </c>
      <c r="J2189" s="8">
        <v>1</v>
      </c>
      <c r="K2189" s="9">
        <v>6.57</v>
      </c>
      <c r="L2189" s="6" t="s">
        <v>51</v>
      </c>
    </row>
    <row r="2190" spans="1:12">
      <c r="A2190" s="6" t="s">
        <v>49</v>
      </c>
      <c r="B2190" s="6"/>
      <c r="C2190" s="6" t="s">
        <v>2207</v>
      </c>
      <c r="D2190" s="6"/>
      <c r="E2190" s="6" t="s">
        <v>9</v>
      </c>
      <c r="F2190" s="7">
        <v>38657</v>
      </c>
      <c r="G2190" s="8">
        <v>1</v>
      </c>
      <c r="H2190" s="8">
        <v>1</v>
      </c>
      <c r="I2190" s="8">
        <v>0</v>
      </c>
      <c r="J2190" s="8">
        <v>1</v>
      </c>
      <c r="K2190" s="9">
        <v>66</v>
      </c>
      <c r="L2190" s="6" t="s">
        <v>51</v>
      </c>
    </row>
    <row r="2191" spans="1:12">
      <c r="A2191" s="6" t="s">
        <v>49</v>
      </c>
      <c r="B2191" s="6"/>
      <c r="C2191" s="6" t="s">
        <v>2208</v>
      </c>
      <c r="D2191" s="6"/>
      <c r="E2191" s="6" t="s">
        <v>9</v>
      </c>
      <c r="F2191" s="7">
        <v>38657</v>
      </c>
      <c r="G2191" s="8">
        <v>1</v>
      </c>
      <c r="H2191" s="8">
        <v>1</v>
      </c>
      <c r="I2191" s="8">
        <v>0</v>
      </c>
      <c r="J2191" s="8">
        <v>1</v>
      </c>
      <c r="K2191" s="9">
        <v>9</v>
      </c>
      <c r="L2191" s="6" t="s">
        <v>51</v>
      </c>
    </row>
    <row r="2192" spans="1:12">
      <c r="A2192" s="6" t="s">
        <v>49</v>
      </c>
      <c r="B2192" s="6"/>
      <c r="C2192" s="6" t="s">
        <v>2209</v>
      </c>
      <c r="D2192" s="6"/>
      <c r="E2192" s="6" t="s">
        <v>9</v>
      </c>
      <c r="F2192" s="7">
        <v>38657</v>
      </c>
      <c r="G2192" s="8">
        <v>1</v>
      </c>
      <c r="H2192" s="8">
        <v>1</v>
      </c>
      <c r="I2192" s="8">
        <v>0</v>
      </c>
      <c r="J2192" s="8">
        <v>1</v>
      </c>
      <c r="K2192" s="9">
        <v>66</v>
      </c>
      <c r="L2192" s="6" t="s">
        <v>51</v>
      </c>
    </row>
    <row r="2193" spans="1:12">
      <c r="A2193" s="6" t="s">
        <v>49</v>
      </c>
      <c r="B2193" s="6"/>
      <c r="C2193" s="6" t="s">
        <v>2210</v>
      </c>
      <c r="D2193" s="6"/>
      <c r="E2193" s="6" t="s">
        <v>9</v>
      </c>
      <c r="F2193" s="7">
        <v>38657</v>
      </c>
      <c r="G2193" s="8">
        <v>1</v>
      </c>
      <c r="H2193" s="8">
        <v>1</v>
      </c>
      <c r="I2193" s="8">
        <v>0</v>
      </c>
      <c r="J2193" s="8">
        <v>1</v>
      </c>
      <c r="K2193" s="9">
        <v>9</v>
      </c>
      <c r="L2193" s="6" t="s">
        <v>51</v>
      </c>
    </row>
    <row r="2194" spans="1:12">
      <c r="A2194" s="6" t="s">
        <v>49</v>
      </c>
      <c r="B2194" s="6"/>
      <c r="C2194" s="6" t="s">
        <v>2211</v>
      </c>
      <c r="D2194" s="6"/>
      <c r="E2194" s="6" t="s">
        <v>9</v>
      </c>
      <c r="F2194" s="7">
        <v>38657</v>
      </c>
      <c r="G2194" s="8">
        <v>1</v>
      </c>
      <c r="H2194" s="8">
        <v>1</v>
      </c>
      <c r="I2194" s="8">
        <v>0</v>
      </c>
      <c r="J2194" s="8">
        <v>1</v>
      </c>
      <c r="K2194" s="9">
        <v>63</v>
      </c>
      <c r="L2194" s="6" t="s">
        <v>51</v>
      </c>
    </row>
    <row r="2195" spans="1:12">
      <c r="A2195" s="6" t="s">
        <v>49</v>
      </c>
      <c r="B2195" s="6"/>
      <c r="C2195" s="6" t="s">
        <v>2212</v>
      </c>
      <c r="D2195" s="6"/>
      <c r="E2195" s="6" t="s">
        <v>9</v>
      </c>
      <c r="F2195" s="7">
        <v>38657</v>
      </c>
      <c r="G2195" s="8">
        <v>1</v>
      </c>
      <c r="H2195" s="8">
        <v>1</v>
      </c>
      <c r="I2195" s="8">
        <v>0</v>
      </c>
      <c r="J2195" s="8">
        <v>1</v>
      </c>
      <c r="K2195" s="9">
        <v>8.82</v>
      </c>
      <c r="L2195" s="6" t="s">
        <v>51</v>
      </c>
    </row>
    <row r="2196" spans="1:12">
      <c r="A2196" s="6" t="s">
        <v>49</v>
      </c>
      <c r="B2196" s="6"/>
      <c r="C2196" s="6" t="s">
        <v>2213</v>
      </c>
      <c r="D2196" s="6"/>
      <c r="E2196" s="6" t="s">
        <v>9</v>
      </c>
      <c r="F2196" s="7">
        <v>38657</v>
      </c>
      <c r="G2196" s="8">
        <v>1</v>
      </c>
      <c r="H2196" s="8">
        <v>1</v>
      </c>
      <c r="I2196" s="8">
        <v>0</v>
      </c>
      <c r="J2196" s="8">
        <v>1</v>
      </c>
      <c r="K2196" s="9">
        <v>69</v>
      </c>
      <c r="L2196" s="6" t="s">
        <v>51</v>
      </c>
    </row>
    <row r="2197" spans="1:12">
      <c r="A2197" s="6" t="s">
        <v>49</v>
      </c>
      <c r="B2197" s="6"/>
      <c r="C2197" s="6" t="s">
        <v>2214</v>
      </c>
      <c r="D2197" s="6"/>
      <c r="E2197" s="6" t="s">
        <v>9</v>
      </c>
      <c r="F2197" s="7">
        <v>38657</v>
      </c>
      <c r="G2197" s="8">
        <v>1</v>
      </c>
      <c r="H2197" s="8">
        <v>1</v>
      </c>
      <c r="I2197" s="8">
        <v>0</v>
      </c>
      <c r="J2197" s="8">
        <v>1</v>
      </c>
      <c r="K2197" s="9">
        <v>13</v>
      </c>
      <c r="L2197" s="6" t="s">
        <v>51</v>
      </c>
    </row>
    <row r="2198" spans="1:12">
      <c r="A2198" s="6" t="s">
        <v>49</v>
      </c>
      <c r="B2198" s="6"/>
      <c r="C2198" s="6" t="s">
        <v>2215</v>
      </c>
      <c r="D2198" s="6"/>
      <c r="E2198" s="6" t="s">
        <v>9</v>
      </c>
      <c r="F2198" s="7">
        <v>40466</v>
      </c>
      <c r="G2198" s="8">
        <v>1</v>
      </c>
      <c r="H2198" s="8">
        <v>1</v>
      </c>
      <c r="I2198" s="8">
        <v>0</v>
      </c>
      <c r="J2198" s="8">
        <v>1</v>
      </c>
      <c r="K2198" s="9">
        <v>16</v>
      </c>
      <c r="L2198" s="6" t="s">
        <v>51</v>
      </c>
    </row>
    <row r="2199" spans="1:12">
      <c r="A2199" s="6" t="s">
        <v>49</v>
      </c>
      <c r="B2199" s="6"/>
      <c r="C2199" s="6" t="s">
        <v>2216</v>
      </c>
      <c r="D2199" s="6"/>
      <c r="E2199" s="6" t="s">
        <v>9</v>
      </c>
      <c r="F2199" s="7">
        <v>38657</v>
      </c>
      <c r="G2199" s="8">
        <v>1</v>
      </c>
      <c r="H2199" s="8">
        <v>1</v>
      </c>
      <c r="I2199" s="8">
        <v>0</v>
      </c>
      <c r="J2199" s="8">
        <v>1</v>
      </c>
      <c r="K2199" s="9">
        <v>29</v>
      </c>
      <c r="L2199" s="6" t="s">
        <v>51</v>
      </c>
    </row>
    <row r="2200" spans="1:12">
      <c r="A2200" s="6" t="s">
        <v>49</v>
      </c>
      <c r="B2200" s="6"/>
      <c r="C2200" s="6" t="s">
        <v>2217</v>
      </c>
      <c r="D2200" s="6"/>
      <c r="E2200" s="6" t="s">
        <v>9</v>
      </c>
      <c r="F2200" s="7">
        <v>38657</v>
      </c>
      <c r="G2200" s="8">
        <v>1</v>
      </c>
      <c r="H2200" s="8">
        <v>1</v>
      </c>
      <c r="I2200" s="8">
        <v>0</v>
      </c>
      <c r="J2200" s="8">
        <v>1</v>
      </c>
      <c r="K2200" s="9">
        <v>4.68</v>
      </c>
      <c r="L2200" s="6" t="s">
        <v>51</v>
      </c>
    </row>
    <row r="2201" spans="1:12">
      <c r="A2201" s="6" t="s">
        <v>49</v>
      </c>
      <c r="B2201" s="6"/>
      <c r="C2201" s="6" t="s">
        <v>2218</v>
      </c>
      <c r="D2201" s="6"/>
      <c r="E2201" s="6" t="s">
        <v>9</v>
      </c>
      <c r="F2201" s="7">
        <v>38657</v>
      </c>
      <c r="G2201" s="8">
        <v>1</v>
      </c>
      <c r="H2201" s="8">
        <v>1</v>
      </c>
      <c r="I2201" s="8">
        <v>0</v>
      </c>
      <c r="J2201" s="8">
        <v>1</v>
      </c>
      <c r="K2201" s="9">
        <v>5.49</v>
      </c>
      <c r="L2201" s="6" t="s">
        <v>51</v>
      </c>
    </row>
    <row r="2202" spans="1:12">
      <c r="A2202" s="6" t="s">
        <v>49</v>
      </c>
      <c r="B2202" s="6"/>
      <c r="C2202" s="6" t="s">
        <v>2219</v>
      </c>
      <c r="D2202" s="6"/>
      <c r="E2202" s="6" t="s">
        <v>9</v>
      </c>
      <c r="F2202" s="7">
        <v>38657</v>
      </c>
      <c r="G2202" s="8">
        <v>1</v>
      </c>
      <c r="H2202" s="8">
        <v>1</v>
      </c>
      <c r="I2202" s="8">
        <v>0</v>
      </c>
      <c r="J2202" s="8">
        <v>1</v>
      </c>
      <c r="K2202" s="9">
        <v>1.1200000000000001</v>
      </c>
      <c r="L2202" s="6" t="s">
        <v>51</v>
      </c>
    </row>
    <row r="2203" spans="1:12">
      <c r="A2203" s="6" t="s">
        <v>49</v>
      </c>
      <c r="B2203" s="6"/>
      <c r="C2203" s="6" t="s">
        <v>2220</v>
      </c>
      <c r="D2203" s="6"/>
      <c r="E2203" s="6" t="s">
        <v>9</v>
      </c>
      <c r="F2203" s="7">
        <v>38657</v>
      </c>
      <c r="G2203" s="8">
        <v>1</v>
      </c>
      <c r="H2203" s="8">
        <v>1</v>
      </c>
      <c r="I2203" s="8">
        <v>0</v>
      </c>
      <c r="J2203" s="8">
        <v>1</v>
      </c>
      <c r="K2203" s="9">
        <v>5.13</v>
      </c>
      <c r="L2203" s="6" t="s">
        <v>51</v>
      </c>
    </row>
    <row r="2204" spans="1:12">
      <c r="A2204" s="6" t="s">
        <v>49</v>
      </c>
      <c r="B2204" s="6"/>
      <c r="C2204" s="6" t="s">
        <v>2221</v>
      </c>
      <c r="D2204" s="6"/>
      <c r="E2204" s="6" t="s">
        <v>9</v>
      </c>
      <c r="F2204" s="7">
        <v>38657</v>
      </c>
      <c r="G2204" s="8">
        <v>1</v>
      </c>
      <c r="H2204" s="8">
        <v>1</v>
      </c>
      <c r="I2204" s="8">
        <v>0</v>
      </c>
      <c r="J2204" s="8">
        <v>1</v>
      </c>
      <c r="K2204" s="9">
        <v>14.78</v>
      </c>
      <c r="L2204" s="6" t="s">
        <v>51</v>
      </c>
    </row>
    <row r="2205" spans="1:12">
      <c r="A2205" s="6" t="s">
        <v>49</v>
      </c>
      <c r="B2205" s="6"/>
      <c r="C2205" s="6" t="s">
        <v>2222</v>
      </c>
      <c r="D2205" s="6"/>
      <c r="E2205" s="6" t="s">
        <v>9</v>
      </c>
      <c r="F2205" s="7">
        <v>38657</v>
      </c>
      <c r="G2205" s="8">
        <v>1</v>
      </c>
      <c r="H2205" s="8">
        <v>1</v>
      </c>
      <c r="I2205" s="8">
        <v>0</v>
      </c>
      <c r="J2205" s="8">
        <v>1</v>
      </c>
      <c r="K2205" s="9">
        <v>68</v>
      </c>
      <c r="L2205" s="6" t="s">
        <v>51</v>
      </c>
    </row>
    <row r="2206" spans="1:12">
      <c r="A2206" s="6" t="s">
        <v>49</v>
      </c>
      <c r="B2206" s="6"/>
      <c r="C2206" s="6" t="s">
        <v>2223</v>
      </c>
      <c r="D2206" s="6"/>
      <c r="E2206" s="6" t="s">
        <v>9</v>
      </c>
      <c r="F2206" s="7">
        <v>38657</v>
      </c>
      <c r="G2206" s="8">
        <v>1</v>
      </c>
      <c r="H2206" s="8">
        <v>1</v>
      </c>
      <c r="I2206" s="8">
        <v>0</v>
      </c>
      <c r="J2206" s="8">
        <v>1</v>
      </c>
      <c r="K2206" s="9">
        <v>5.77</v>
      </c>
      <c r="L2206" s="6" t="s">
        <v>51</v>
      </c>
    </row>
    <row r="2207" spans="1:12">
      <c r="A2207" s="6" t="s">
        <v>49</v>
      </c>
      <c r="B2207" s="6"/>
      <c r="C2207" s="6" t="s">
        <v>2224</v>
      </c>
      <c r="D2207" s="6"/>
      <c r="E2207" s="6" t="s">
        <v>9</v>
      </c>
      <c r="F2207" s="7">
        <v>37536</v>
      </c>
      <c r="G2207" s="8">
        <v>1</v>
      </c>
      <c r="H2207" s="8">
        <v>1</v>
      </c>
      <c r="I2207" s="8">
        <v>0</v>
      </c>
      <c r="J2207" s="8">
        <v>1</v>
      </c>
      <c r="K2207" s="9">
        <v>52</v>
      </c>
      <c r="L2207" s="6" t="s">
        <v>51</v>
      </c>
    </row>
    <row r="2208" spans="1:12">
      <c r="A2208" s="6" t="s">
        <v>49</v>
      </c>
      <c r="B2208" s="6"/>
      <c r="C2208" s="6" t="s">
        <v>2225</v>
      </c>
      <c r="D2208" s="6"/>
      <c r="E2208" s="6" t="s">
        <v>9</v>
      </c>
      <c r="F2208" s="7">
        <v>38657</v>
      </c>
      <c r="G2208" s="8">
        <v>1</v>
      </c>
      <c r="H2208" s="8">
        <v>1</v>
      </c>
      <c r="I2208" s="8">
        <v>0</v>
      </c>
      <c r="J2208" s="8">
        <v>1</v>
      </c>
      <c r="K2208" s="9">
        <v>93</v>
      </c>
      <c r="L2208" s="6" t="s">
        <v>51</v>
      </c>
    </row>
    <row r="2209" spans="1:12">
      <c r="A2209" s="6" t="s">
        <v>49</v>
      </c>
      <c r="B2209" s="6"/>
      <c r="C2209" s="6" t="s">
        <v>2226</v>
      </c>
      <c r="D2209" s="6"/>
      <c r="E2209" s="6" t="s">
        <v>9</v>
      </c>
      <c r="F2209" s="7"/>
      <c r="G2209" s="8">
        <v>1</v>
      </c>
      <c r="H2209" s="8">
        <v>1</v>
      </c>
      <c r="I2209" s="8">
        <v>0</v>
      </c>
      <c r="J2209" s="8">
        <v>1</v>
      </c>
      <c r="K2209" s="9">
        <v>29</v>
      </c>
      <c r="L2209" s="6" t="s">
        <v>51</v>
      </c>
    </row>
    <row r="2210" spans="1:12">
      <c r="A2210" s="6" t="s">
        <v>49</v>
      </c>
      <c r="B2210" s="6"/>
      <c r="C2210" s="6" t="s">
        <v>2227</v>
      </c>
      <c r="D2210" s="6"/>
      <c r="E2210" s="6" t="s">
        <v>9</v>
      </c>
      <c r="F2210" s="7">
        <v>38657</v>
      </c>
      <c r="G2210" s="8">
        <v>1</v>
      </c>
      <c r="H2210" s="8">
        <v>1</v>
      </c>
      <c r="I2210" s="8">
        <v>0</v>
      </c>
      <c r="J2210" s="8">
        <v>1</v>
      </c>
      <c r="K2210" s="9">
        <v>14</v>
      </c>
      <c r="L2210" s="6" t="s">
        <v>51</v>
      </c>
    </row>
    <row r="2211" spans="1:12">
      <c r="A2211" s="6" t="s">
        <v>49</v>
      </c>
      <c r="B2211" s="6"/>
      <c r="C2211" s="6" t="s">
        <v>2228</v>
      </c>
      <c r="D2211" s="6"/>
      <c r="E2211" s="6" t="s">
        <v>9</v>
      </c>
      <c r="F2211" s="7">
        <v>38657</v>
      </c>
      <c r="G2211" s="8">
        <v>1</v>
      </c>
      <c r="H2211" s="8">
        <v>1</v>
      </c>
      <c r="I2211" s="8">
        <v>0</v>
      </c>
      <c r="J2211" s="8">
        <v>1</v>
      </c>
      <c r="K2211" s="9">
        <v>597</v>
      </c>
      <c r="L2211" s="6" t="s">
        <v>51</v>
      </c>
    </row>
    <row r="2212" spans="1:12">
      <c r="A2212" s="6" t="s">
        <v>49</v>
      </c>
      <c r="B2212" s="6"/>
      <c r="C2212" s="6" t="s">
        <v>2229</v>
      </c>
      <c r="D2212" s="6"/>
      <c r="E2212" s="6" t="s">
        <v>9</v>
      </c>
      <c r="F2212" s="7">
        <v>38657</v>
      </c>
      <c r="G2212" s="8">
        <v>1</v>
      </c>
      <c r="H2212" s="8">
        <v>1</v>
      </c>
      <c r="I2212" s="8">
        <v>0</v>
      </c>
      <c r="J2212" s="8">
        <v>1</v>
      </c>
      <c r="K2212" s="9">
        <v>34</v>
      </c>
      <c r="L2212" s="6" t="s">
        <v>51</v>
      </c>
    </row>
    <row r="2213" spans="1:12">
      <c r="A2213" s="6" t="s">
        <v>49</v>
      </c>
      <c r="B2213" s="6"/>
      <c r="C2213" s="6" t="s">
        <v>2230</v>
      </c>
      <c r="D2213" s="6"/>
      <c r="E2213" s="6" t="s">
        <v>9</v>
      </c>
      <c r="F2213" s="7">
        <v>38657</v>
      </c>
      <c r="G2213" s="8">
        <v>1</v>
      </c>
      <c r="H2213" s="8">
        <v>1</v>
      </c>
      <c r="I2213" s="8">
        <v>0</v>
      </c>
      <c r="J2213" s="8">
        <v>1</v>
      </c>
      <c r="K2213" s="9">
        <v>18</v>
      </c>
      <c r="L2213" s="6" t="s">
        <v>51</v>
      </c>
    </row>
    <row r="2214" spans="1:12">
      <c r="A2214" s="6" t="s">
        <v>49</v>
      </c>
      <c r="B2214" s="6"/>
      <c r="C2214" s="6" t="s">
        <v>2231</v>
      </c>
      <c r="D2214" s="6"/>
      <c r="E2214" s="6" t="s">
        <v>9</v>
      </c>
      <c r="F2214" s="7">
        <v>38657</v>
      </c>
      <c r="G2214" s="8">
        <v>1</v>
      </c>
      <c r="H2214" s="8">
        <v>1</v>
      </c>
      <c r="I2214" s="8">
        <v>0</v>
      </c>
      <c r="J2214" s="8">
        <v>1</v>
      </c>
      <c r="K2214" s="9">
        <v>30.99</v>
      </c>
      <c r="L2214" s="6" t="s">
        <v>51</v>
      </c>
    </row>
    <row r="2215" spans="1:12">
      <c r="A2215" s="6" t="s">
        <v>49</v>
      </c>
      <c r="B2215" s="6"/>
      <c r="C2215" s="6" t="s">
        <v>2232</v>
      </c>
      <c r="D2215" s="6"/>
      <c r="E2215" s="6" t="s">
        <v>9</v>
      </c>
      <c r="F2215" s="7"/>
      <c r="G2215" s="8">
        <v>3719496</v>
      </c>
      <c r="H2215" s="8">
        <v>3719496</v>
      </c>
      <c r="I2215" s="8">
        <v>0</v>
      </c>
      <c r="J2215" s="8">
        <v>3719496</v>
      </c>
      <c r="K2215" s="9">
        <v>127.38</v>
      </c>
      <c r="L2215" s="6" t="s">
        <v>10</v>
      </c>
    </row>
    <row r="2216" spans="1:12">
      <c r="A2216" s="6" t="s">
        <v>49</v>
      </c>
      <c r="B2216" s="6"/>
      <c r="C2216" s="6" t="s">
        <v>2233</v>
      </c>
      <c r="D2216" s="6"/>
      <c r="E2216" s="6" t="s">
        <v>9</v>
      </c>
      <c r="F2216" s="7">
        <v>38657</v>
      </c>
      <c r="G2216" s="8">
        <v>1</v>
      </c>
      <c r="H2216" s="8">
        <v>1</v>
      </c>
      <c r="I2216" s="8">
        <v>0</v>
      </c>
      <c r="J2216" s="8">
        <v>1</v>
      </c>
      <c r="K2216" s="9">
        <v>11</v>
      </c>
      <c r="L2216" s="6" t="s">
        <v>51</v>
      </c>
    </row>
    <row r="2217" spans="1:12">
      <c r="A2217" s="6" t="s">
        <v>49</v>
      </c>
      <c r="B2217" s="6"/>
      <c r="C2217" s="6" t="s">
        <v>2234</v>
      </c>
      <c r="D2217" s="6"/>
      <c r="E2217" s="6" t="s">
        <v>9</v>
      </c>
      <c r="F2217" s="7">
        <v>38657</v>
      </c>
      <c r="G2217" s="8">
        <v>1</v>
      </c>
      <c r="H2217" s="8">
        <v>1</v>
      </c>
      <c r="I2217" s="8">
        <v>0</v>
      </c>
      <c r="J2217" s="8">
        <v>1</v>
      </c>
      <c r="K2217" s="9">
        <v>9.83</v>
      </c>
      <c r="L2217" s="6" t="s">
        <v>51</v>
      </c>
    </row>
    <row r="2218" spans="1:12">
      <c r="A2218" s="6" t="s">
        <v>49</v>
      </c>
      <c r="B2218" s="6"/>
      <c r="C2218" s="6" t="s">
        <v>2235</v>
      </c>
      <c r="D2218" s="6"/>
      <c r="E2218" s="6" t="s">
        <v>9</v>
      </c>
      <c r="F2218" s="7">
        <v>38657</v>
      </c>
      <c r="G2218" s="8">
        <v>1</v>
      </c>
      <c r="H2218" s="8">
        <v>1</v>
      </c>
      <c r="I2218" s="8">
        <v>0</v>
      </c>
      <c r="J2218" s="8">
        <v>1</v>
      </c>
      <c r="K2218" s="9">
        <v>2.95</v>
      </c>
      <c r="L2218" s="6" t="s">
        <v>51</v>
      </c>
    </row>
    <row r="2219" spans="1:12">
      <c r="A2219" s="6" t="s">
        <v>49</v>
      </c>
      <c r="B2219" s="6"/>
      <c r="C2219" s="6" t="s">
        <v>2236</v>
      </c>
      <c r="D2219" s="6"/>
      <c r="E2219" s="6" t="s">
        <v>9</v>
      </c>
      <c r="F2219" s="7">
        <v>38657</v>
      </c>
      <c r="G2219" s="8">
        <v>1</v>
      </c>
      <c r="H2219" s="8">
        <v>1</v>
      </c>
      <c r="I2219" s="8">
        <v>0</v>
      </c>
      <c r="J2219" s="8">
        <v>1</v>
      </c>
      <c r="K2219" s="9">
        <v>0.94</v>
      </c>
      <c r="L2219" s="6" t="s">
        <v>51</v>
      </c>
    </row>
    <row r="2220" spans="1:12">
      <c r="A2220" s="6" t="s">
        <v>49</v>
      </c>
      <c r="B2220" s="6"/>
      <c r="C2220" s="6" t="s">
        <v>2237</v>
      </c>
      <c r="D2220" s="6"/>
      <c r="E2220" s="6" t="s">
        <v>9</v>
      </c>
      <c r="F2220" s="7"/>
      <c r="G2220" s="8">
        <v>1</v>
      </c>
      <c r="H2220" s="8">
        <v>1</v>
      </c>
      <c r="I2220" s="8">
        <v>0</v>
      </c>
      <c r="J2220" s="8">
        <v>1</v>
      </c>
      <c r="K2220" s="9">
        <v>52</v>
      </c>
      <c r="L2220" s="6" t="s">
        <v>51</v>
      </c>
    </row>
    <row r="2221" spans="1:12">
      <c r="A2221" s="6" t="s">
        <v>49</v>
      </c>
      <c r="B2221" s="6"/>
      <c r="C2221" s="6" t="s">
        <v>2238</v>
      </c>
      <c r="D2221" s="6"/>
      <c r="E2221" s="6" t="s">
        <v>9</v>
      </c>
      <c r="F2221" s="7">
        <v>38657</v>
      </c>
      <c r="G2221" s="8">
        <v>1</v>
      </c>
      <c r="H2221" s="8">
        <v>1</v>
      </c>
      <c r="I2221" s="8">
        <v>0</v>
      </c>
      <c r="J2221" s="8">
        <v>1</v>
      </c>
      <c r="K2221" s="9">
        <v>571</v>
      </c>
      <c r="L2221" s="6" t="s">
        <v>51</v>
      </c>
    </row>
    <row r="2222" spans="1:12">
      <c r="A2222" s="6" t="s">
        <v>49</v>
      </c>
      <c r="B2222" s="6"/>
      <c r="C2222" s="6" t="s">
        <v>2239</v>
      </c>
      <c r="D2222" s="6"/>
      <c r="E2222" s="6" t="s">
        <v>9</v>
      </c>
      <c r="F2222" s="7">
        <v>38657</v>
      </c>
      <c r="G2222" s="8">
        <v>1</v>
      </c>
      <c r="H2222" s="8">
        <v>1</v>
      </c>
      <c r="I2222" s="8">
        <v>0</v>
      </c>
      <c r="J2222" s="8">
        <v>1</v>
      </c>
      <c r="K2222" s="9">
        <v>192</v>
      </c>
      <c r="L2222" s="6" t="s">
        <v>51</v>
      </c>
    </row>
    <row r="2223" spans="1:12">
      <c r="A2223" s="6" t="s">
        <v>49</v>
      </c>
      <c r="B2223" s="6"/>
      <c r="C2223" s="6" t="s">
        <v>2240</v>
      </c>
      <c r="D2223" s="6"/>
      <c r="E2223" s="6" t="s">
        <v>9</v>
      </c>
      <c r="F2223" s="7">
        <v>38657</v>
      </c>
      <c r="G2223" s="8">
        <v>1</v>
      </c>
      <c r="H2223" s="8">
        <v>1</v>
      </c>
      <c r="I2223" s="8">
        <v>0</v>
      </c>
      <c r="J2223" s="8">
        <v>1</v>
      </c>
      <c r="K2223" s="9">
        <v>18</v>
      </c>
      <c r="L2223" s="6" t="s">
        <v>51</v>
      </c>
    </row>
    <row r="2224" spans="1:12">
      <c r="A2224" s="6" t="s">
        <v>49</v>
      </c>
      <c r="B2224" s="6"/>
      <c r="C2224" s="6" t="s">
        <v>2241</v>
      </c>
      <c r="D2224" s="6"/>
      <c r="E2224" s="6" t="s">
        <v>9</v>
      </c>
      <c r="F2224" s="7">
        <v>38657</v>
      </c>
      <c r="G2224" s="8">
        <v>1</v>
      </c>
      <c r="H2224" s="8">
        <v>1</v>
      </c>
      <c r="I2224" s="8">
        <v>0</v>
      </c>
      <c r="J2224" s="8">
        <v>1</v>
      </c>
      <c r="K2224" s="9">
        <v>2.91</v>
      </c>
      <c r="L2224" s="6" t="s">
        <v>51</v>
      </c>
    </row>
    <row r="2225" spans="1:12">
      <c r="A2225" s="6" t="s">
        <v>49</v>
      </c>
      <c r="B2225" s="6"/>
      <c r="C2225" s="6" t="s">
        <v>2242</v>
      </c>
      <c r="D2225" s="6"/>
      <c r="E2225" s="6" t="s">
        <v>9</v>
      </c>
      <c r="F2225" s="7">
        <v>38657</v>
      </c>
      <c r="G2225" s="8">
        <v>1</v>
      </c>
      <c r="H2225" s="8">
        <v>1</v>
      </c>
      <c r="I2225" s="8">
        <v>0</v>
      </c>
      <c r="J2225" s="8">
        <v>1</v>
      </c>
      <c r="K2225" s="9">
        <v>2.79</v>
      </c>
      <c r="L2225" s="6" t="s">
        <v>51</v>
      </c>
    </row>
    <row r="2226" spans="1:12">
      <c r="A2226" s="6" t="s">
        <v>49</v>
      </c>
      <c r="B2226" s="6"/>
      <c r="C2226" s="6" t="s">
        <v>2243</v>
      </c>
      <c r="D2226" s="6"/>
      <c r="E2226" s="6" t="s">
        <v>9</v>
      </c>
      <c r="F2226" s="7">
        <v>38657</v>
      </c>
      <c r="G2226" s="8">
        <v>1</v>
      </c>
      <c r="H2226" s="8">
        <v>1</v>
      </c>
      <c r="I2226" s="8">
        <v>0</v>
      </c>
      <c r="J2226" s="8">
        <v>1</v>
      </c>
      <c r="K2226" s="9">
        <v>0.5</v>
      </c>
      <c r="L2226" s="6" t="s">
        <v>51</v>
      </c>
    </row>
    <row r="2227" spans="1:12">
      <c r="A2227" s="6" t="s">
        <v>49</v>
      </c>
      <c r="B2227" s="6"/>
      <c r="C2227" s="6" t="s">
        <v>2244</v>
      </c>
      <c r="D2227" s="6"/>
      <c r="E2227" s="6" t="s">
        <v>9</v>
      </c>
      <c r="F2227" s="7">
        <v>38657</v>
      </c>
      <c r="G2227" s="8">
        <v>1</v>
      </c>
      <c r="H2227" s="8">
        <v>1</v>
      </c>
      <c r="I2227" s="8">
        <v>0</v>
      </c>
      <c r="J2227" s="8">
        <v>1</v>
      </c>
      <c r="K2227" s="9">
        <v>29</v>
      </c>
      <c r="L2227" s="6" t="s">
        <v>51</v>
      </c>
    </row>
    <row r="2228" spans="1:12">
      <c r="A2228" s="6" t="s">
        <v>49</v>
      </c>
      <c r="B2228" s="6"/>
      <c r="C2228" s="6" t="s">
        <v>2245</v>
      </c>
      <c r="D2228" s="6"/>
      <c r="E2228" s="6" t="s">
        <v>9</v>
      </c>
      <c r="F2228" s="7">
        <v>38657</v>
      </c>
      <c r="G2228" s="8">
        <v>1</v>
      </c>
      <c r="H2228" s="8">
        <v>1</v>
      </c>
      <c r="I2228" s="8">
        <v>0</v>
      </c>
      <c r="J2228" s="8">
        <v>1</v>
      </c>
      <c r="K2228" s="9">
        <v>12.55</v>
      </c>
      <c r="L2228" s="6" t="s">
        <v>51</v>
      </c>
    </row>
    <row r="2229" spans="1:12">
      <c r="A2229" s="6" t="s">
        <v>49</v>
      </c>
      <c r="B2229" s="6"/>
      <c r="C2229" s="6" t="s">
        <v>2246</v>
      </c>
      <c r="D2229" s="6"/>
      <c r="E2229" s="6" t="s">
        <v>9</v>
      </c>
      <c r="F2229" s="7">
        <v>38657</v>
      </c>
      <c r="G2229" s="8">
        <v>1</v>
      </c>
      <c r="H2229" s="8">
        <v>1</v>
      </c>
      <c r="I2229" s="8">
        <v>0</v>
      </c>
      <c r="J2229" s="8">
        <v>1</v>
      </c>
      <c r="K2229" s="9">
        <v>46</v>
      </c>
      <c r="L2229" s="6" t="s">
        <v>51</v>
      </c>
    </row>
    <row r="2230" spans="1:12">
      <c r="A2230" s="6" t="s">
        <v>49</v>
      </c>
      <c r="B2230" s="6"/>
      <c r="C2230" s="6" t="s">
        <v>2247</v>
      </c>
      <c r="D2230" s="6"/>
      <c r="E2230" s="6" t="s">
        <v>9</v>
      </c>
      <c r="F2230" s="7">
        <v>38657</v>
      </c>
      <c r="G2230" s="8">
        <v>1</v>
      </c>
      <c r="H2230" s="8">
        <v>1</v>
      </c>
      <c r="I2230" s="8">
        <v>0</v>
      </c>
      <c r="J2230" s="8">
        <v>1</v>
      </c>
      <c r="K2230" s="9">
        <v>12.15</v>
      </c>
      <c r="L2230" s="6" t="s">
        <v>51</v>
      </c>
    </row>
    <row r="2231" spans="1:12">
      <c r="A2231" s="6" t="s">
        <v>49</v>
      </c>
      <c r="B2231" s="6"/>
      <c r="C2231" s="6" t="s">
        <v>2248</v>
      </c>
      <c r="D2231" s="6"/>
      <c r="E2231" s="6" t="s">
        <v>9</v>
      </c>
      <c r="F2231" s="7"/>
      <c r="G2231" s="8">
        <v>1</v>
      </c>
      <c r="H2231" s="8">
        <v>1</v>
      </c>
      <c r="I2231" s="8">
        <v>0</v>
      </c>
      <c r="J2231" s="8">
        <v>1</v>
      </c>
      <c r="K2231" s="9">
        <v>6.61</v>
      </c>
      <c r="L2231" s="6" t="s">
        <v>51</v>
      </c>
    </row>
    <row r="2232" spans="1:12">
      <c r="A2232" s="6" t="s">
        <v>49</v>
      </c>
      <c r="B2232" s="6"/>
      <c r="C2232" s="6" t="s">
        <v>2249</v>
      </c>
      <c r="D2232" s="6"/>
      <c r="E2232" s="6" t="s">
        <v>9</v>
      </c>
      <c r="F2232" s="7">
        <v>38657</v>
      </c>
      <c r="G2232" s="8">
        <v>1</v>
      </c>
      <c r="H2232" s="8">
        <v>1</v>
      </c>
      <c r="I2232" s="8">
        <v>0</v>
      </c>
      <c r="J2232" s="8">
        <v>1</v>
      </c>
      <c r="K2232" s="9">
        <v>46</v>
      </c>
      <c r="L2232" s="6" t="s">
        <v>51</v>
      </c>
    </row>
    <row r="2233" spans="1:12">
      <c r="A2233" s="6" t="s">
        <v>49</v>
      </c>
      <c r="B2233" s="6"/>
      <c r="C2233" s="6" t="s">
        <v>2250</v>
      </c>
      <c r="D2233" s="6"/>
      <c r="E2233" s="6" t="s">
        <v>9</v>
      </c>
      <c r="F2233" s="7">
        <v>38657</v>
      </c>
      <c r="G2233" s="8">
        <v>1</v>
      </c>
      <c r="H2233" s="8">
        <v>1</v>
      </c>
      <c r="I2233" s="8">
        <v>0</v>
      </c>
      <c r="J2233" s="8">
        <v>1</v>
      </c>
      <c r="K2233" s="9">
        <v>17</v>
      </c>
      <c r="L2233" s="6" t="s">
        <v>51</v>
      </c>
    </row>
    <row r="2234" spans="1:12">
      <c r="A2234" s="6" t="s">
        <v>49</v>
      </c>
      <c r="B2234" s="6"/>
      <c r="C2234" s="6" t="s">
        <v>2251</v>
      </c>
      <c r="D2234" s="6"/>
      <c r="E2234" s="6" t="s">
        <v>9</v>
      </c>
      <c r="F2234" s="7">
        <v>38657</v>
      </c>
      <c r="G2234" s="8">
        <v>1</v>
      </c>
      <c r="H2234" s="8">
        <v>1</v>
      </c>
      <c r="I2234" s="8">
        <v>0</v>
      </c>
      <c r="J2234" s="8">
        <v>1</v>
      </c>
      <c r="K2234" s="9">
        <v>10</v>
      </c>
      <c r="L2234" s="6" t="s">
        <v>51</v>
      </c>
    </row>
    <row r="2235" spans="1:12">
      <c r="A2235" s="6" t="s">
        <v>49</v>
      </c>
      <c r="B2235" s="6"/>
      <c r="C2235" s="6" t="s">
        <v>2252</v>
      </c>
      <c r="D2235" s="6"/>
      <c r="E2235" s="6" t="s">
        <v>9</v>
      </c>
      <c r="F2235" s="7">
        <v>38657</v>
      </c>
      <c r="G2235" s="8">
        <v>1</v>
      </c>
      <c r="H2235" s="8">
        <v>1</v>
      </c>
      <c r="I2235" s="8">
        <v>0</v>
      </c>
      <c r="J2235" s="8">
        <v>1</v>
      </c>
      <c r="K2235" s="9">
        <v>18.84</v>
      </c>
      <c r="L2235" s="6" t="s">
        <v>51</v>
      </c>
    </row>
    <row r="2236" spans="1:12">
      <c r="A2236" s="6" t="s">
        <v>49</v>
      </c>
      <c r="B2236" s="6"/>
      <c r="C2236" s="6" t="s">
        <v>2253</v>
      </c>
      <c r="D2236" s="6"/>
      <c r="E2236" s="6" t="s">
        <v>9</v>
      </c>
      <c r="F2236" s="7">
        <v>38657</v>
      </c>
      <c r="G2236" s="8">
        <v>1</v>
      </c>
      <c r="H2236" s="8">
        <v>1</v>
      </c>
      <c r="I2236" s="8">
        <v>0</v>
      </c>
      <c r="J2236" s="8">
        <v>1</v>
      </c>
      <c r="K2236" s="9">
        <v>21.74</v>
      </c>
      <c r="L2236" s="6" t="s">
        <v>51</v>
      </c>
    </row>
    <row r="2237" spans="1:12">
      <c r="A2237" s="6" t="s">
        <v>49</v>
      </c>
      <c r="B2237" s="6"/>
      <c r="C2237" s="6" t="s">
        <v>2254</v>
      </c>
      <c r="D2237" s="6"/>
      <c r="E2237" s="6" t="s">
        <v>9</v>
      </c>
      <c r="F2237" s="7">
        <v>38657</v>
      </c>
      <c r="G2237" s="8">
        <v>1</v>
      </c>
      <c r="H2237" s="8">
        <v>1</v>
      </c>
      <c r="I2237" s="8">
        <v>0</v>
      </c>
      <c r="J2237" s="8">
        <v>1</v>
      </c>
      <c r="K2237" s="9">
        <v>16.96</v>
      </c>
      <c r="L2237" s="6" t="s">
        <v>51</v>
      </c>
    </row>
    <row r="2238" spans="1:12">
      <c r="A2238" s="6" t="s">
        <v>49</v>
      </c>
      <c r="B2238" s="6"/>
      <c r="C2238" s="6" t="s">
        <v>2255</v>
      </c>
      <c r="D2238" s="6"/>
      <c r="E2238" s="6" t="s">
        <v>9</v>
      </c>
      <c r="F2238" s="7">
        <v>38657</v>
      </c>
      <c r="G2238" s="8">
        <v>1</v>
      </c>
      <c r="H2238" s="8">
        <v>1</v>
      </c>
      <c r="I2238" s="8">
        <v>0</v>
      </c>
      <c r="J2238" s="8">
        <v>1</v>
      </c>
      <c r="K2238" s="9">
        <v>18.420000000000002</v>
      </c>
      <c r="L2238" s="6" t="s">
        <v>51</v>
      </c>
    </row>
    <row r="2239" spans="1:12">
      <c r="A2239" s="6" t="s">
        <v>49</v>
      </c>
      <c r="B2239" s="6"/>
      <c r="C2239" s="6" t="s">
        <v>2256</v>
      </c>
      <c r="D2239" s="6"/>
      <c r="E2239" s="6" t="s">
        <v>9</v>
      </c>
      <c r="F2239" s="7">
        <v>38657</v>
      </c>
      <c r="G2239" s="8">
        <v>1</v>
      </c>
      <c r="H2239" s="8">
        <v>1</v>
      </c>
      <c r="I2239" s="8">
        <v>0</v>
      </c>
      <c r="J2239" s="8">
        <v>1</v>
      </c>
      <c r="K2239" s="9">
        <v>38</v>
      </c>
      <c r="L2239" s="6" t="s">
        <v>51</v>
      </c>
    </row>
    <row r="2240" spans="1:12">
      <c r="A2240" s="6" t="s">
        <v>49</v>
      </c>
      <c r="B2240" s="6"/>
      <c r="C2240" s="6" t="s">
        <v>2257</v>
      </c>
      <c r="D2240" s="6"/>
      <c r="E2240" s="6" t="s">
        <v>9</v>
      </c>
      <c r="F2240" s="7">
        <v>38657</v>
      </c>
      <c r="G2240" s="8">
        <v>1</v>
      </c>
      <c r="H2240" s="8">
        <v>1</v>
      </c>
      <c r="I2240" s="8">
        <v>0</v>
      </c>
      <c r="J2240" s="8">
        <v>1</v>
      </c>
      <c r="K2240" s="9">
        <v>12</v>
      </c>
      <c r="L2240" s="6" t="s">
        <v>51</v>
      </c>
    </row>
    <row r="2241" spans="1:12">
      <c r="A2241" s="6" t="s">
        <v>49</v>
      </c>
      <c r="B2241" s="6"/>
      <c r="C2241" s="6" t="s">
        <v>2258</v>
      </c>
      <c r="D2241" s="6"/>
      <c r="E2241" s="6" t="s">
        <v>9</v>
      </c>
      <c r="F2241" s="7">
        <v>38657</v>
      </c>
      <c r="G2241" s="8">
        <v>1</v>
      </c>
      <c r="H2241" s="8">
        <v>1</v>
      </c>
      <c r="I2241" s="8">
        <v>0</v>
      </c>
      <c r="J2241" s="8">
        <v>1</v>
      </c>
      <c r="K2241" s="9">
        <v>43</v>
      </c>
      <c r="L2241" s="6" t="s">
        <v>51</v>
      </c>
    </row>
    <row r="2242" spans="1:12">
      <c r="A2242" s="6" t="s">
        <v>49</v>
      </c>
      <c r="B2242" s="6"/>
      <c r="C2242" s="6" t="s">
        <v>2259</v>
      </c>
      <c r="D2242" s="6"/>
      <c r="E2242" s="6" t="s">
        <v>9</v>
      </c>
      <c r="F2242" s="7">
        <v>38657</v>
      </c>
      <c r="G2242" s="8">
        <v>1</v>
      </c>
      <c r="H2242" s="8">
        <v>1</v>
      </c>
      <c r="I2242" s="8">
        <v>0</v>
      </c>
      <c r="J2242" s="8">
        <v>1</v>
      </c>
      <c r="K2242" s="9">
        <v>5.94</v>
      </c>
      <c r="L2242" s="6" t="s">
        <v>51</v>
      </c>
    </row>
    <row r="2243" spans="1:12">
      <c r="A2243" s="6" t="s">
        <v>49</v>
      </c>
      <c r="B2243" s="6"/>
      <c r="C2243" s="6" t="s">
        <v>2260</v>
      </c>
      <c r="D2243" s="6"/>
      <c r="E2243" s="6" t="s">
        <v>9</v>
      </c>
      <c r="F2243" s="7"/>
      <c r="G2243" s="8">
        <v>1</v>
      </c>
      <c r="H2243" s="8">
        <v>1</v>
      </c>
      <c r="I2243" s="8">
        <v>0</v>
      </c>
      <c r="J2243" s="8">
        <v>1</v>
      </c>
      <c r="K2243" s="9">
        <v>9.91</v>
      </c>
      <c r="L2243" s="6" t="s">
        <v>51</v>
      </c>
    </row>
    <row r="2244" spans="1:12">
      <c r="A2244" s="6" t="s">
        <v>49</v>
      </c>
      <c r="B2244" s="6"/>
      <c r="C2244" s="6" t="s">
        <v>2261</v>
      </c>
      <c r="D2244" s="6"/>
      <c r="E2244" s="6" t="s">
        <v>9</v>
      </c>
      <c r="F2244" s="7">
        <v>38657</v>
      </c>
      <c r="G2244" s="8">
        <v>1</v>
      </c>
      <c r="H2244" s="8">
        <v>1</v>
      </c>
      <c r="I2244" s="8">
        <v>0</v>
      </c>
      <c r="J2244" s="8">
        <v>1</v>
      </c>
      <c r="K2244" s="9">
        <v>2.08</v>
      </c>
      <c r="L2244" s="6" t="s">
        <v>51</v>
      </c>
    </row>
    <row r="2245" spans="1:12">
      <c r="A2245" s="6" t="s">
        <v>49</v>
      </c>
      <c r="B2245" s="6"/>
      <c r="C2245" s="6" t="s">
        <v>2262</v>
      </c>
      <c r="D2245" s="6"/>
      <c r="E2245" s="6" t="s">
        <v>9</v>
      </c>
      <c r="F2245" s="7">
        <v>38657</v>
      </c>
      <c r="G2245" s="8">
        <v>1</v>
      </c>
      <c r="H2245" s="8">
        <v>1</v>
      </c>
      <c r="I2245" s="8">
        <v>0</v>
      </c>
      <c r="J2245" s="8">
        <v>1</v>
      </c>
      <c r="K2245" s="9">
        <v>14.65</v>
      </c>
      <c r="L2245" s="6" t="s">
        <v>51</v>
      </c>
    </row>
    <row r="2246" spans="1:12">
      <c r="A2246" s="6" t="s">
        <v>49</v>
      </c>
      <c r="B2246" s="6"/>
      <c r="C2246" s="6" t="s">
        <v>2263</v>
      </c>
      <c r="D2246" s="6"/>
      <c r="E2246" s="6" t="s">
        <v>9</v>
      </c>
      <c r="F2246" s="7">
        <v>38657</v>
      </c>
      <c r="G2246" s="8">
        <v>1</v>
      </c>
      <c r="H2246" s="8">
        <v>1</v>
      </c>
      <c r="I2246" s="8">
        <v>0</v>
      </c>
      <c r="J2246" s="8">
        <v>1</v>
      </c>
      <c r="K2246" s="9">
        <v>2.94</v>
      </c>
      <c r="L2246" s="6" t="s">
        <v>51</v>
      </c>
    </row>
    <row r="2247" spans="1:12">
      <c r="A2247" s="6" t="s">
        <v>49</v>
      </c>
      <c r="B2247" s="6"/>
      <c r="C2247" s="6" t="s">
        <v>2264</v>
      </c>
      <c r="D2247" s="6"/>
      <c r="E2247" s="6" t="s">
        <v>9</v>
      </c>
      <c r="F2247" s="7">
        <v>38657</v>
      </c>
      <c r="G2247" s="8">
        <v>1</v>
      </c>
      <c r="H2247" s="8">
        <v>1</v>
      </c>
      <c r="I2247" s="8">
        <v>0</v>
      </c>
      <c r="J2247" s="8">
        <v>1</v>
      </c>
      <c r="K2247" s="9">
        <v>4.1900000000000004</v>
      </c>
      <c r="L2247" s="6" t="s">
        <v>51</v>
      </c>
    </row>
    <row r="2248" spans="1:12">
      <c r="A2248" s="6" t="s">
        <v>49</v>
      </c>
      <c r="B2248" s="6"/>
      <c r="C2248" s="6" t="s">
        <v>2265</v>
      </c>
      <c r="D2248" s="6"/>
      <c r="E2248" s="6" t="s">
        <v>9</v>
      </c>
      <c r="F2248" s="7">
        <v>38657</v>
      </c>
      <c r="G2248" s="8">
        <v>1</v>
      </c>
      <c r="H2248" s="8">
        <v>1</v>
      </c>
      <c r="I2248" s="8">
        <v>0</v>
      </c>
      <c r="J2248" s="8">
        <v>1</v>
      </c>
      <c r="K2248" s="9">
        <v>33</v>
      </c>
      <c r="L2248" s="6" t="s">
        <v>51</v>
      </c>
    </row>
    <row r="2249" spans="1:12">
      <c r="A2249" s="6" t="s">
        <v>49</v>
      </c>
      <c r="B2249" s="6"/>
      <c r="C2249" s="6" t="s">
        <v>2266</v>
      </c>
      <c r="D2249" s="6"/>
      <c r="E2249" s="6" t="s">
        <v>9</v>
      </c>
      <c r="F2249" s="7">
        <v>38657</v>
      </c>
      <c r="G2249" s="8">
        <v>1</v>
      </c>
      <c r="H2249" s="8">
        <v>1</v>
      </c>
      <c r="I2249" s="8">
        <v>0</v>
      </c>
      <c r="J2249" s="8">
        <v>1</v>
      </c>
      <c r="K2249" s="9">
        <v>33</v>
      </c>
      <c r="L2249" s="6" t="s">
        <v>51</v>
      </c>
    </row>
    <row r="2250" spans="1:12">
      <c r="A2250" s="6" t="s">
        <v>49</v>
      </c>
      <c r="B2250" s="6"/>
      <c r="C2250" s="6" t="s">
        <v>2267</v>
      </c>
      <c r="D2250" s="6"/>
      <c r="E2250" s="6" t="s">
        <v>9</v>
      </c>
      <c r="F2250" s="7">
        <v>38657</v>
      </c>
      <c r="G2250" s="8">
        <v>1</v>
      </c>
      <c r="H2250" s="8">
        <v>1</v>
      </c>
      <c r="I2250" s="8">
        <v>0</v>
      </c>
      <c r="J2250" s="8">
        <v>1</v>
      </c>
      <c r="K2250" s="9">
        <v>17</v>
      </c>
      <c r="L2250" s="6" t="s">
        <v>51</v>
      </c>
    </row>
    <row r="2251" spans="1:12">
      <c r="A2251" s="6" t="s">
        <v>49</v>
      </c>
      <c r="B2251" s="6"/>
      <c r="C2251" s="6" t="s">
        <v>2268</v>
      </c>
      <c r="D2251" s="6"/>
      <c r="E2251" s="6" t="s">
        <v>9</v>
      </c>
      <c r="F2251" s="7">
        <v>38657</v>
      </c>
      <c r="G2251" s="8">
        <v>1</v>
      </c>
      <c r="H2251" s="8">
        <v>1</v>
      </c>
      <c r="I2251" s="8">
        <v>0</v>
      </c>
      <c r="J2251" s="8">
        <v>1</v>
      </c>
      <c r="K2251" s="9">
        <v>8.48</v>
      </c>
      <c r="L2251" s="6" t="s">
        <v>51</v>
      </c>
    </row>
    <row r="2252" spans="1:12">
      <c r="A2252" s="6" t="s">
        <v>49</v>
      </c>
      <c r="B2252" s="6"/>
      <c r="C2252" s="6" t="s">
        <v>2269</v>
      </c>
      <c r="D2252" s="6"/>
      <c r="E2252" s="6" t="s">
        <v>9</v>
      </c>
      <c r="F2252" s="7">
        <v>38657</v>
      </c>
      <c r="G2252" s="8">
        <v>1</v>
      </c>
      <c r="H2252" s="8">
        <v>1</v>
      </c>
      <c r="I2252" s="8">
        <v>0</v>
      </c>
      <c r="J2252" s="8">
        <v>1</v>
      </c>
      <c r="K2252" s="9">
        <v>8.68</v>
      </c>
      <c r="L2252" s="6" t="s">
        <v>51</v>
      </c>
    </row>
    <row r="2253" spans="1:12">
      <c r="A2253" s="6" t="s">
        <v>49</v>
      </c>
      <c r="B2253" s="6"/>
      <c r="C2253" s="6" t="s">
        <v>2270</v>
      </c>
      <c r="D2253" s="6"/>
      <c r="E2253" s="6" t="s">
        <v>9</v>
      </c>
      <c r="F2253" s="7">
        <v>38657</v>
      </c>
      <c r="G2253" s="8">
        <v>1</v>
      </c>
      <c r="H2253" s="8">
        <v>1</v>
      </c>
      <c r="I2253" s="8">
        <v>0</v>
      </c>
      <c r="J2253" s="8">
        <v>1</v>
      </c>
      <c r="K2253" s="9">
        <v>17</v>
      </c>
      <c r="L2253" s="6" t="s">
        <v>51</v>
      </c>
    </row>
    <row r="2254" spans="1:12">
      <c r="A2254" s="6" t="s">
        <v>49</v>
      </c>
      <c r="B2254" s="6"/>
      <c r="C2254" s="6" t="s">
        <v>2271</v>
      </c>
      <c r="D2254" s="6"/>
      <c r="E2254" s="6" t="s">
        <v>9</v>
      </c>
      <c r="F2254" s="7"/>
      <c r="G2254" s="8">
        <v>1</v>
      </c>
      <c r="H2254" s="8">
        <v>1</v>
      </c>
      <c r="I2254" s="8">
        <v>0</v>
      </c>
      <c r="J2254" s="8">
        <v>1</v>
      </c>
      <c r="K2254" s="9">
        <v>36</v>
      </c>
      <c r="L2254" s="6" t="s">
        <v>51</v>
      </c>
    </row>
    <row r="2255" spans="1:12">
      <c r="A2255" s="6" t="s">
        <v>49</v>
      </c>
      <c r="B2255" s="6"/>
      <c r="C2255" s="6" t="s">
        <v>2272</v>
      </c>
      <c r="D2255" s="6"/>
      <c r="E2255" s="6" t="s">
        <v>9</v>
      </c>
      <c r="F2255" s="7">
        <v>38657</v>
      </c>
      <c r="G2255" s="8">
        <v>1</v>
      </c>
      <c r="H2255" s="8">
        <v>1</v>
      </c>
      <c r="I2255" s="8">
        <v>0</v>
      </c>
      <c r="J2255" s="8">
        <v>1</v>
      </c>
      <c r="K2255" s="9">
        <v>63</v>
      </c>
      <c r="L2255" s="6" t="s">
        <v>51</v>
      </c>
    </row>
    <row r="2256" spans="1:12">
      <c r="A2256" s="6" t="s">
        <v>49</v>
      </c>
      <c r="B2256" s="6"/>
      <c r="C2256" s="6" t="s">
        <v>2273</v>
      </c>
      <c r="D2256" s="6"/>
      <c r="E2256" s="6" t="s">
        <v>9</v>
      </c>
      <c r="F2256" s="7">
        <v>38657</v>
      </c>
      <c r="G2256" s="8">
        <v>1</v>
      </c>
      <c r="H2256" s="8">
        <v>1</v>
      </c>
      <c r="I2256" s="8">
        <v>0</v>
      </c>
      <c r="J2256" s="8">
        <v>1</v>
      </c>
      <c r="K2256" s="9">
        <v>26</v>
      </c>
      <c r="L2256" s="6" t="s">
        <v>51</v>
      </c>
    </row>
    <row r="2257" spans="1:12">
      <c r="A2257" s="6" t="s">
        <v>49</v>
      </c>
      <c r="B2257" s="6"/>
      <c r="C2257" s="6" t="s">
        <v>2274</v>
      </c>
      <c r="D2257" s="6"/>
      <c r="E2257" s="6" t="s">
        <v>9</v>
      </c>
      <c r="F2257" s="7">
        <v>38657</v>
      </c>
      <c r="G2257" s="8">
        <v>1</v>
      </c>
      <c r="H2257" s="8">
        <v>1</v>
      </c>
      <c r="I2257" s="8">
        <v>0</v>
      </c>
      <c r="J2257" s="8">
        <v>1</v>
      </c>
      <c r="K2257" s="9">
        <v>77</v>
      </c>
      <c r="L2257" s="6" t="s">
        <v>51</v>
      </c>
    </row>
    <row r="2258" spans="1:12">
      <c r="A2258" s="6" t="s">
        <v>49</v>
      </c>
      <c r="B2258" s="6"/>
      <c r="C2258" s="6" t="s">
        <v>2275</v>
      </c>
      <c r="D2258" s="6"/>
      <c r="E2258" s="6" t="s">
        <v>9</v>
      </c>
      <c r="F2258" s="7">
        <v>38657</v>
      </c>
      <c r="G2258" s="8">
        <v>1</v>
      </c>
      <c r="H2258" s="8">
        <v>1</v>
      </c>
      <c r="I2258" s="8">
        <v>0</v>
      </c>
      <c r="J2258" s="8">
        <v>1</v>
      </c>
      <c r="K2258" s="9">
        <v>13</v>
      </c>
      <c r="L2258" s="6" t="s">
        <v>51</v>
      </c>
    </row>
    <row r="2259" spans="1:12">
      <c r="A2259" s="6" t="s">
        <v>49</v>
      </c>
      <c r="B2259" s="6"/>
      <c r="C2259" s="6" t="s">
        <v>2276</v>
      </c>
      <c r="D2259" s="6"/>
      <c r="E2259" s="6" t="s">
        <v>9</v>
      </c>
      <c r="F2259" s="7">
        <v>38657</v>
      </c>
      <c r="G2259" s="8">
        <v>1</v>
      </c>
      <c r="H2259" s="8">
        <v>1</v>
      </c>
      <c r="I2259" s="8">
        <v>0</v>
      </c>
      <c r="J2259" s="8">
        <v>1</v>
      </c>
      <c r="K2259" s="9">
        <v>13</v>
      </c>
      <c r="L2259" s="6" t="s">
        <v>51</v>
      </c>
    </row>
    <row r="2260" spans="1:12">
      <c r="A2260" s="6" t="s">
        <v>49</v>
      </c>
      <c r="B2260" s="6"/>
      <c r="C2260" s="6" t="s">
        <v>2277</v>
      </c>
      <c r="D2260" s="6"/>
      <c r="E2260" s="6" t="s">
        <v>9</v>
      </c>
      <c r="F2260" s="7">
        <v>38657</v>
      </c>
      <c r="G2260" s="8">
        <v>1</v>
      </c>
      <c r="H2260" s="8">
        <v>1</v>
      </c>
      <c r="I2260" s="8">
        <v>0</v>
      </c>
      <c r="J2260" s="8">
        <v>1</v>
      </c>
      <c r="K2260" s="9">
        <v>26</v>
      </c>
      <c r="L2260" s="6" t="s">
        <v>51</v>
      </c>
    </row>
    <row r="2261" spans="1:12">
      <c r="A2261" s="6" t="s">
        <v>49</v>
      </c>
      <c r="B2261" s="6"/>
      <c r="C2261" s="6" t="s">
        <v>2278</v>
      </c>
      <c r="D2261" s="6"/>
      <c r="E2261" s="6" t="s">
        <v>9</v>
      </c>
      <c r="F2261" s="7">
        <v>38657</v>
      </c>
      <c r="G2261" s="8">
        <v>1</v>
      </c>
      <c r="H2261" s="8">
        <v>1</v>
      </c>
      <c r="I2261" s="8">
        <v>0</v>
      </c>
      <c r="J2261" s="8">
        <v>1</v>
      </c>
      <c r="K2261" s="9">
        <v>26</v>
      </c>
      <c r="L2261" s="6" t="s">
        <v>51</v>
      </c>
    </row>
    <row r="2262" spans="1:12">
      <c r="A2262" s="6" t="s">
        <v>49</v>
      </c>
      <c r="B2262" s="6"/>
      <c r="C2262" s="6" t="s">
        <v>2279</v>
      </c>
      <c r="D2262" s="6"/>
      <c r="E2262" s="6" t="s">
        <v>9</v>
      </c>
      <c r="F2262" s="7">
        <v>38657</v>
      </c>
      <c r="G2262" s="8">
        <v>1</v>
      </c>
      <c r="H2262" s="8">
        <v>1</v>
      </c>
      <c r="I2262" s="8">
        <v>0</v>
      </c>
      <c r="J2262" s="8">
        <v>1</v>
      </c>
      <c r="K2262" s="9">
        <v>9.52</v>
      </c>
      <c r="L2262" s="6" t="s">
        <v>51</v>
      </c>
    </row>
    <row r="2263" spans="1:12">
      <c r="A2263" s="6" t="s">
        <v>49</v>
      </c>
      <c r="B2263" s="6"/>
      <c r="C2263" s="6" t="s">
        <v>2280</v>
      </c>
      <c r="D2263" s="6"/>
      <c r="E2263" s="6" t="s">
        <v>9</v>
      </c>
      <c r="F2263" s="7">
        <v>38657</v>
      </c>
      <c r="G2263" s="8">
        <v>1</v>
      </c>
      <c r="H2263" s="8">
        <v>1</v>
      </c>
      <c r="I2263" s="8">
        <v>0</v>
      </c>
      <c r="J2263" s="8">
        <v>1</v>
      </c>
      <c r="K2263" s="9">
        <v>13</v>
      </c>
      <c r="L2263" s="6" t="s">
        <v>51</v>
      </c>
    </row>
    <row r="2264" spans="1:12">
      <c r="A2264" s="6" t="s">
        <v>49</v>
      </c>
      <c r="B2264" s="6"/>
      <c r="C2264" s="6" t="s">
        <v>2281</v>
      </c>
      <c r="D2264" s="6"/>
      <c r="E2264" s="6" t="s">
        <v>9</v>
      </c>
      <c r="F2264" s="7">
        <v>38657</v>
      </c>
      <c r="G2264" s="8">
        <v>1</v>
      </c>
      <c r="H2264" s="8">
        <v>1</v>
      </c>
      <c r="I2264" s="8">
        <v>0</v>
      </c>
      <c r="J2264" s="8">
        <v>1</v>
      </c>
      <c r="K2264" s="9">
        <v>15</v>
      </c>
      <c r="L2264" s="6" t="s">
        <v>51</v>
      </c>
    </row>
    <row r="2265" spans="1:12">
      <c r="A2265" s="6" t="s">
        <v>49</v>
      </c>
      <c r="B2265" s="6"/>
      <c r="C2265" s="6" t="s">
        <v>2282</v>
      </c>
      <c r="D2265" s="6"/>
      <c r="E2265" s="6" t="s">
        <v>9</v>
      </c>
      <c r="F2265" s="7"/>
      <c r="G2265" s="8">
        <v>1</v>
      </c>
      <c r="H2265" s="8">
        <v>1</v>
      </c>
      <c r="I2265" s="8">
        <v>0</v>
      </c>
      <c r="J2265" s="8">
        <v>1</v>
      </c>
      <c r="K2265" s="9">
        <v>29</v>
      </c>
      <c r="L2265" s="6" t="s">
        <v>51</v>
      </c>
    </row>
    <row r="2266" spans="1:12">
      <c r="A2266" s="6" t="s">
        <v>49</v>
      </c>
      <c r="B2266" s="6"/>
      <c r="C2266" s="6" t="s">
        <v>2283</v>
      </c>
      <c r="D2266" s="6"/>
      <c r="E2266" s="6" t="s">
        <v>9</v>
      </c>
      <c r="F2266" s="7">
        <v>38657</v>
      </c>
      <c r="G2266" s="8">
        <v>1</v>
      </c>
      <c r="H2266" s="8">
        <v>1</v>
      </c>
      <c r="I2266" s="8">
        <v>0</v>
      </c>
      <c r="J2266" s="8">
        <v>1</v>
      </c>
      <c r="K2266" s="9">
        <v>17</v>
      </c>
      <c r="L2266" s="6" t="s">
        <v>51</v>
      </c>
    </row>
    <row r="2267" spans="1:12">
      <c r="A2267" s="6" t="s">
        <v>49</v>
      </c>
      <c r="B2267" s="6"/>
      <c r="C2267" s="6" t="s">
        <v>2284</v>
      </c>
      <c r="D2267" s="6"/>
      <c r="E2267" s="6" t="s">
        <v>9</v>
      </c>
      <c r="F2267" s="7">
        <v>38657</v>
      </c>
      <c r="G2267" s="8">
        <v>1</v>
      </c>
      <c r="H2267" s="8">
        <v>1</v>
      </c>
      <c r="I2267" s="8">
        <v>0</v>
      </c>
      <c r="J2267" s="8">
        <v>1</v>
      </c>
      <c r="K2267" s="9">
        <v>2</v>
      </c>
      <c r="L2267" s="6" t="s">
        <v>51</v>
      </c>
    </row>
    <row r="2268" spans="1:12">
      <c r="A2268" s="6" t="s">
        <v>49</v>
      </c>
      <c r="B2268" s="6"/>
      <c r="C2268" s="6" t="s">
        <v>2285</v>
      </c>
      <c r="D2268" s="6"/>
      <c r="E2268" s="6" t="s">
        <v>9</v>
      </c>
      <c r="F2268" s="7">
        <v>38657</v>
      </c>
      <c r="G2268" s="8">
        <v>1</v>
      </c>
      <c r="H2268" s="8">
        <v>1</v>
      </c>
      <c r="I2268" s="8">
        <v>0</v>
      </c>
      <c r="J2268" s="8">
        <v>1</v>
      </c>
      <c r="K2268" s="9">
        <v>26</v>
      </c>
      <c r="L2268" s="6" t="s">
        <v>51</v>
      </c>
    </row>
    <row r="2269" spans="1:12">
      <c r="A2269" s="6" t="s">
        <v>49</v>
      </c>
      <c r="B2269" s="6"/>
      <c r="C2269" s="6" t="s">
        <v>2286</v>
      </c>
      <c r="D2269" s="6"/>
      <c r="E2269" s="6" t="s">
        <v>9</v>
      </c>
      <c r="F2269" s="7">
        <v>38657</v>
      </c>
      <c r="G2269" s="8">
        <v>1</v>
      </c>
      <c r="H2269" s="8">
        <v>1</v>
      </c>
      <c r="I2269" s="8">
        <v>0</v>
      </c>
      <c r="J2269" s="8">
        <v>1</v>
      </c>
      <c r="K2269" s="9">
        <v>23</v>
      </c>
      <c r="L2269" s="6" t="s">
        <v>51</v>
      </c>
    </row>
    <row r="2270" spans="1:12">
      <c r="A2270" s="6" t="s">
        <v>49</v>
      </c>
      <c r="B2270" s="6"/>
      <c r="C2270" s="6" t="s">
        <v>2287</v>
      </c>
      <c r="D2270" s="6"/>
      <c r="E2270" s="6" t="s">
        <v>9</v>
      </c>
      <c r="F2270" s="7">
        <v>38657</v>
      </c>
      <c r="G2270" s="8">
        <v>1</v>
      </c>
      <c r="H2270" s="8">
        <v>1</v>
      </c>
      <c r="I2270" s="8">
        <v>0</v>
      </c>
      <c r="J2270" s="8">
        <v>1</v>
      </c>
      <c r="K2270" s="9">
        <v>13.02</v>
      </c>
      <c r="L2270" s="6" t="s">
        <v>51</v>
      </c>
    </row>
    <row r="2271" spans="1:12">
      <c r="A2271" s="6" t="s">
        <v>49</v>
      </c>
      <c r="B2271" s="6"/>
      <c r="C2271" s="6" t="s">
        <v>2288</v>
      </c>
      <c r="D2271" s="6"/>
      <c r="E2271" s="6" t="s">
        <v>9</v>
      </c>
      <c r="F2271" s="7">
        <v>38657</v>
      </c>
      <c r="G2271" s="8">
        <v>1</v>
      </c>
      <c r="H2271" s="8">
        <v>1</v>
      </c>
      <c r="I2271" s="8">
        <v>0</v>
      </c>
      <c r="J2271" s="8">
        <v>1</v>
      </c>
      <c r="K2271" s="9">
        <v>13</v>
      </c>
      <c r="L2271" s="6" t="s">
        <v>51</v>
      </c>
    </row>
    <row r="2272" spans="1:12">
      <c r="A2272" s="6" t="s">
        <v>49</v>
      </c>
      <c r="B2272" s="6"/>
      <c r="C2272" s="6" t="s">
        <v>2289</v>
      </c>
      <c r="D2272" s="6"/>
      <c r="E2272" s="6" t="s">
        <v>9</v>
      </c>
      <c r="F2272" s="7">
        <v>38657</v>
      </c>
      <c r="G2272" s="8">
        <v>1</v>
      </c>
      <c r="H2272" s="8">
        <v>1</v>
      </c>
      <c r="I2272" s="8">
        <v>0</v>
      </c>
      <c r="J2272" s="8">
        <v>1</v>
      </c>
      <c r="K2272" s="9">
        <v>12.06</v>
      </c>
      <c r="L2272" s="6" t="s">
        <v>51</v>
      </c>
    </row>
    <row r="2273" spans="1:12">
      <c r="A2273" s="6" t="s">
        <v>49</v>
      </c>
      <c r="B2273" s="6"/>
      <c r="C2273" s="6" t="s">
        <v>2290</v>
      </c>
      <c r="D2273" s="6"/>
      <c r="E2273" s="6" t="s">
        <v>9</v>
      </c>
      <c r="F2273" s="7">
        <v>38657</v>
      </c>
      <c r="G2273" s="8">
        <v>1</v>
      </c>
      <c r="H2273" s="8">
        <v>1</v>
      </c>
      <c r="I2273" s="8">
        <v>0</v>
      </c>
      <c r="J2273" s="8">
        <v>1</v>
      </c>
      <c r="K2273" s="9">
        <v>13.46</v>
      </c>
      <c r="L2273" s="6" t="s">
        <v>51</v>
      </c>
    </row>
    <row r="2274" spans="1:12">
      <c r="A2274" s="6" t="s">
        <v>49</v>
      </c>
      <c r="B2274" s="6"/>
      <c r="C2274" s="6" t="s">
        <v>2291</v>
      </c>
      <c r="D2274" s="6"/>
      <c r="E2274" s="6" t="s">
        <v>9</v>
      </c>
      <c r="F2274" s="7">
        <v>38657</v>
      </c>
      <c r="G2274" s="8">
        <v>1</v>
      </c>
      <c r="H2274" s="8">
        <v>1</v>
      </c>
      <c r="I2274" s="8">
        <v>0</v>
      </c>
      <c r="J2274" s="8">
        <v>1</v>
      </c>
      <c r="K2274" s="9">
        <v>24</v>
      </c>
      <c r="L2274" s="6" t="s">
        <v>51</v>
      </c>
    </row>
    <row r="2275" spans="1:12">
      <c r="A2275" s="6" t="s">
        <v>49</v>
      </c>
      <c r="B2275" s="6"/>
      <c r="C2275" s="6" t="s">
        <v>2292</v>
      </c>
      <c r="D2275" s="6"/>
      <c r="E2275" s="6" t="s">
        <v>9</v>
      </c>
      <c r="F2275" s="7">
        <v>38657</v>
      </c>
      <c r="G2275" s="8">
        <v>1</v>
      </c>
      <c r="H2275" s="8">
        <v>1</v>
      </c>
      <c r="I2275" s="8">
        <v>0</v>
      </c>
      <c r="J2275" s="8">
        <v>1</v>
      </c>
      <c r="K2275" s="9">
        <v>23</v>
      </c>
      <c r="L2275" s="6" t="s">
        <v>51</v>
      </c>
    </row>
    <row r="2276" spans="1:12">
      <c r="A2276" s="6" t="s">
        <v>49</v>
      </c>
      <c r="B2276" s="6"/>
      <c r="C2276" s="6" t="s">
        <v>2293</v>
      </c>
      <c r="D2276" s="6"/>
      <c r="E2276" s="6" t="s">
        <v>9</v>
      </c>
      <c r="F2276" s="7"/>
      <c r="G2276" s="8">
        <v>1</v>
      </c>
      <c r="H2276" s="8">
        <v>1</v>
      </c>
      <c r="I2276" s="8">
        <v>0</v>
      </c>
      <c r="J2276" s="8">
        <v>1</v>
      </c>
      <c r="K2276" s="9">
        <v>3.3</v>
      </c>
      <c r="L2276" s="6" t="s">
        <v>51</v>
      </c>
    </row>
    <row r="2277" spans="1:12">
      <c r="A2277" s="6" t="s">
        <v>49</v>
      </c>
      <c r="B2277" s="6"/>
      <c r="C2277" s="6" t="s">
        <v>2294</v>
      </c>
      <c r="D2277" s="6"/>
      <c r="E2277" s="6" t="s">
        <v>9</v>
      </c>
      <c r="F2277" s="7">
        <v>38657</v>
      </c>
      <c r="G2277" s="8">
        <v>1</v>
      </c>
      <c r="H2277" s="8">
        <v>1</v>
      </c>
      <c r="I2277" s="8">
        <v>0</v>
      </c>
      <c r="J2277" s="8">
        <v>1</v>
      </c>
      <c r="K2277" s="9">
        <v>2.35</v>
      </c>
      <c r="L2277" s="6" t="s">
        <v>51</v>
      </c>
    </row>
    <row r="2278" spans="1:12">
      <c r="A2278" s="6" t="s">
        <v>49</v>
      </c>
      <c r="B2278" s="6"/>
      <c r="C2278" s="6" t="s">
        <v>2295</v>
      </c>
      <c r="D2278" s="6"/>
      <c r="E2278" s="6" t="s">
        <v>9</v>
      </c>
      <c r="F2278" s="7">
        <v>38657</v>
      </c>
      <c r="G2278" s="8">
        <v>1</v>
      </c>
      <c r="H2278" s="8">
        <v>1</v>
      </c>
      <c r="I2278" s="8">
        <v>0</v>
      </c>
      <c r="J2278" s="8">
        <v>1</v>
      </c>
      <c r="K2278" s="9">
        <v>75</v>
      </c>
      <c r="L2278" s="6" t="s">
        <v>51</v>
      </c>
    </row>
    <row r="2279" spans="1:12">
      <c r="A2279" s="6" t="s">
        <v>49</v>
      </c>
      <c r="B2279" s="6"/>
      <c r="C2279" s="6" t="s">
        <v>2296</v>
      </c>
      <c r="D2279" s="6"/>
      <c r="E2279" s="6" t="s">
        <v>9</v>
      </c>
      <c r="F2279" s="7">
        <v>38657</v>
      </c>
      <c r="G2279" s="8">
        <v>1</v>
      </c>
      <c r="H2279" s="8">
        <v>1</v>
      </c>
      <c r="I2279" s="8">
        <v>0</v>
      </c>
      <c r="J2279" s="8">
        <v>1</v>
      </c>
      <c r="K2279" s="9">
        <v>15</v>
      </c>
      <c r="L2279" s="6" t="s">
        <v>51</v>
      </c>
    </row>
    <row r="2280" spans="1:12">
      <c r="A2280" s="6" t="s">
        <v>49</v>
      </c>
      <c r="B2280" s="6"/>
      <c r="C2280" s="6" t="s">
        <v>2297</v>
      </c>
      <c r="D2280" s="6"/>
      <c r="E2280" s="6" t="s">
        <v>9</v>
      </c>
      <c r="F2280" s="7">
        <v>38657</v>
      </c>
      <c r="G2280" s="8">
        <v>1</v>
      </c>
      <c r="H2280" s="8">
        <v>1</v>
      </c>
      <c r="I2280" s="8">
        <v>0</v>
      </c>
      <c r="J2280" s="8">
        <v>1</v>
      </c>
      <c r="K2280" s="9">
        <v>44</v>
      </c>
      <c r="L2280" s="6" t="s">
        <v>51</v>
      </c>
    </row>
    <row r="2281" spans="1:12">
      <c r="A2281" s="6" t="s">
        <v>49</v>
      </c>
      <c r="B2281" s="6"/>
      <c r="C2281" s="6" t="s">
        <v>2298</v>
      </c>
      <c r="D2281" s="6"/>
      <c r="E2281" s="6" t="s">
        <v>9</v>
      </c>
      <c r="F2281" s="7">
        <v>38657</v>
      </c>
      <c r="G2281" s="8">
        <v>1</v>
      </c>
      <c r="H2281" s="8">
        <v>1</v>
      </c>
      <c r="I2281" s="8">
        <v>0</v>
      </c>
      <c r="J2281" s="8">
        <v>1</v>
      </c>
      <c r="K2281" s="9">
        <v>57</v>
      </c>
      <c r="L2281" s="6" t="s">
        <v>51</v>
      </c>
    </row>
    <row r="2282" spans="1:12">
      <c r="A2282" s="6" t="s">
        <v>49</v>
      </c>
      <c r="B2282" s="6"/>
      <c r="C2282" s="6" t="s">
        <v>2299</v>
      </c>
      <c r="D2282" s="6"/>
      <c r="E2282" s="6" t="s">
        <v>9</v>
      </c>
      <c r="F2282" s="7">
        <v>38657</v>
      </c>
      <c r="G2282" s="8">
        <v>1</v>
      </c>
      <c r="H2282" s="8">
        <v>1</v>
      </c>
      <c r="I2282" s="8">
        <v>0</v>
      </c>
      <c r="J2282" s="8">
        <v>1</v>
      </c>
      <c r="K2282" s="9">
        <v>10</v>
      </c>
      <c r="L2282" s="6" t="s">
        <v>51</v>
      </c>
    </row>
    <row r="2283" spans="1:12">
      <c r="A2283" s="6" t="s">
        <v>49</v>
      </c>
      <c r="B2283" s="6"/>
      <c r="C2283" s="6" t="s">
        <v>2300</v>
      </c>
      <c r="D2283" s="6"/>
      <c r="E2283" s="6" t="s">
        <v>9</v>
      </c>
      <c r="F2283" s="7">
        <v>38657</v>
      </c>
      <c r="G2283" s="8">
        <v>1</v>
      </c>
      <c r="H2283" s="8">
        <v>1</v>
      </c>
      <c r="I2283" s="8">
        <v>0</v>
      </c>
      <c r="J2283" s="8">
        <v>1</v>
      </c>
      <c r="K2283" s="9">
        <v>304</v>
      </c>
      <c r="L2283" s="6" t="s">
        <v>51</v>
      </c>
    </row>
    <row r="2284" spans="1:12">
      <c r="A2284" s="6" t="s">
        <v>49</v>
      </c>
      <c r="B2284" s="6"/>
      <c r="C2284" s="6" t="s">
        <v>2301</v>
      </c>
      <c r="D2284" s="6"/>
      <c r="E2284" s="6" t="s">
        <v>9</v>
      </c>
      <c r="F2284" s="7">
        <v>38657</v>
      </c>
      <c r="G2284" s="8">
        <v>1</v>
      </c>
      <c r="H2284" s="8">
        <v>1</v>
      </c>
      <c r="I2284" s="8">
        <v>0</v>
      </c>
      <c r="J2284" s="8">
        <v>1</v>
      </c>
      <c r="K2284" s="9">
        <v>64</v>
      </c>
      <c r="L2284" s="6" t="s">
        <v>51</v>
      </c>
    </row>
    <row r="2285" spans="1:12">
      <c r="A2285" s="6" t="s">
        <v>49</v>
      </c>
      <c r="B2285" s="6"/>
      <c r="C2285" s="6" t="s">
        <v>2302</v>
      </c>
      <c r="D2285" s="6"/>
      <c r="E2285" s="6" t="s">
        <v>9</v>
      </c>
      <c r="F2285" s="7">
        <v>38657</v>
      </c>
      <c r="G2285" s="8">
        <v>1</v>
      </c>
      <c r="H2285" s="8">
        <v>1</v>
      </c>
      <c r="I2285" s="8">
        <v>0</v>
      </c>
      <c r="J2285" s="8">
        <v>1</v>
      </c>
      <c r="K2285" s="9">
        <v>175</v>
      </c>
      <c r="L2285" s="6" t="s">
        <v>51</v>
      </c>
    </row>
    <row r="2286" spans="1:12">
      <c r="A2286" s="6" t="s">
        <v>49</v>
      </c>
      <c r="B2286" s="6"/>
      <c r="C2286" s="6" t="s">
        <v>2303</v>
      </c>
      <c r="D2286" s="6"/>
      <c r="E2286" s="6" t="s">
        <v>9</v>
      </c>
      <c r="F2286" s="7">
        <v>38657</v>
      </c>
      <c r="G2286" s="8">
        <v>1</v>
      </c>
      <c r="H2286" s="8">
        <v>1</v>
      </c>
      <c r="I2286" s="8">
        <v>0</v>
      </c>
      <c r="J2286" s="8">
        <v>1</v>
      </c>
      <c r="K2286" s="9">
        <v>25</v>
      </c>
      <c r="L2286" s="6" t="s">
        <v>51</v>
      </c>
    </row>
    <row r="2287" spans="1:12">
      <c r="A2287" s="6" t="s">
        <v>49</v>
      </c>
      <c r="B2287" s="6"/>
      <c r="C2287" s="6" t="s">
        <v>2304</v>
      </c>
      <c r="D2287" s="6"/>
      <c r="E2287" s="6" t="s">
        <v>9</v>
      </c>
      <c r="F2287" s="7"/>
      <c r="G2287" s="8">
        <v>1</v>
      </c>
      <c r="H2287" s="8">
        <v>1</v>
      </c>
      <c r="I2287" s="8">
        <v>0</v>
      </c>
      <c r="J2287" s="8">
        <v>1</v>
      </c>
      <c r="K2287" s="9">
        <v>3.3</v>
      </c>
      <c r="L2287" s="6" t="s">
        <v>51</v>
      </c>
    </row>
    <row r="2288" spans="1:12">
      <c r="A2288" s="6" t="s">
        <v>49</v>
      </c>
      <c r="B2288" s="6"/>
      <c r="C2288" s="6" t="s">
        <v>2305</v>
      </c>
      <c r="D2288" s="6"/>
      <c r="E2288" s="6" t="s">
        <v>9</v>
      </c>
      <c r="F2288" s="7">
        <v>38657</v>
      </c>
      <c r="G2288" s="8">
        <v>1</v>
      </c>
      <c r="H2288" s="8">
        <v>1</v>
      </c>
      <c r="I2288" s="8">
        <v>0</v>
      </c>
      <c r="J2288" s="8">
        <v>1</v>
      </c>
      <c r="K2288" s="9">
        <v>23</v>
      </c>
      <c r="L2288" s="6" t="s">
        <v>51</v>
      </c>
    </row>
    <row r="2289" spans="1:12">
      <c r="A2289" s="6" t="s">
        <v>49</v>
      </c>
      <c r="B2289" s="6"/>
      <c r="C2289" s="6" t="s">
        <v>2306</v>
      </c>
      <c r="D2289" s="6"/>
      <c r="E2289" s="6" t="s">
        <v>9</v>
      </c>
      <c r="F2289" s="7">
        <v>38657</v>
      </c>
      <c r="G2289" s="8">
        <v>1</v>
      </c>
      <c r="H2289" s="8">
        <v>1</v>
      </c>
      <c r="I2289" s="8">
        <v>0</v>
      </c>
      <c r="J2289" s="8">
        <v>1</v>
      </c>
      <c r="K2289" s="9">
        <v>4.6100000000000003</v>
      </c>
      <c r="L2289" s="6" t="s">
        <v>51</v>
      </c>
    </row>
    <row r="2290" spans="1:12">
      <c r="A2290" s="6" t="s">
        <v>49</v>
      </c>
      <c r="B2290" s="6"/>
      <c r="C2290" s="6" t="s">
        <v>2307</v>
      </c>
      <c r="D2290" s="6"/>
      <c r="E2290" s="6" t="s">
        <v>9</v>
      </c>
      <c r="F2290" s="7">
        <v>38657</v>
      </c>
      <c r="G2290" s="8">
        <v>1</v>
      </c>
      <c r="H2290" s="8">
        <v>1</v>
      </c>
      <c r="I2290" s="8">
        <v>0</v>
      </c>
      <c r="J2290" s="8">
        <v>1</v>
      </c>
      <c r="K2290" s="9">
        <v>26</v>
      </c>
      <c r="L2290" s="6" t="s">
        <v>51</v>
      </c>
    </row>
    <row r="2291" spans="1:12">
      <c r="A2291" s="6" t="s">
        <v>49</v>
      </c>
      <c r="B2291" s="6"/>
      <c r="C2291" s="6" t="s">
        <v>2308</v>
      </c>
      <c r="D2291" s="6"/>
      <c r="E2291" s="6" t="s">
        <v>9</v>
      </c>
      <c r="F2291" s="7">
        <v>38657</v>
      </c>
      <c r="G2291" s="8">
        <v>1</v>
      </c>
      <c r="H2291" s="8">
        <v>1</v>
      </c>
      <c r="I2291" s="8">
        <v>0</v>
      </c>
      <c r="J2291" s="8">
        <v>1</v>
      </c>
      <c r="K2291" s="9">
        <v>1.62</v>
      </c>
      <c r="L2291" s="6" t="s">
        <v>51</v>
      </c>
    </row>
    <row r="2292" spans="1:12">
      <c r="A2292" s="6" t="s">
        <v>49</v>
      </c>
      <c r="B2292" s="6"/>
      <c r="C2292" s="6" t="s">
        <v>2309</v>
      </c>
      <c r="D2292" s="6"/>
      <c r="E2292" s="6" t="s">
        <v>9</v>
      </c>
      <c r="F2292" s="7">
        <v>38657</v>
      </c>
      <c r="G2292" s="8">
        <v>1</v>
      </c>
      <c r="H2292" s="8">
        <v>1</v>
      </c>
      <c r="I2292" s="8">
        <v>0</v>
      </c>
      <c r="J2292" s="8">
        <v>1</v>
      </c>
      <c r="K2292" s="9">
        <v>12</v>
      </c>
      <c r="L2292" s="6" t="s">
        <v>51</v>
      </c>
    </row>
    <row r="2293" spans="1:12">
      <c r="A2293" s="6" t="s">
        <v>49</v>
      </c>
      <c r="B2293" s="6"/>
      <c r="C2293" s="6" t="s">
        <v>2310</v>
      </c>
      <c r="D2293" s="6"/>
      <c r="E2293" s="6" t="s">
        <v>9</v>
      </c>
      <c r="F2293" s="7">
        <v>38657</v>
      </c>
      <c r="G2293" s="8">
        <v>1</v>
      </c>
      <c r="H2293" s="8">
        <v>1</v>
      </c>
      <c r="I2293" s="8">
        <v>0</v>
      </c>
      <c r="J2293" s="8">
        <v>1</v>
      </c>
      <c r="K2293" s="9">
        <v>10</v>
      </c>
      <c r="L2293" s="6" t="s">
        <v>51</v>
      </c>
    </row>
    <row r="2294" spans="1:12">
      <c r="A2294" s="6" t="s">
        <v>49</v>
      </c>
      <c r="B2294" s="6"/>
      <c r="C2294" s="6" t="s">
        <v>2311</v>
      </c>
      <c r="D2294" s="6"/>
      <c r="E2294" s="6" t="s">
        <v>9</v>
      </c>
      <c r="F2294" s="7">
        <v>38657</v>
      </c>
      <c r="G2294" s="8">
        <v>1</v>
      </c>
      <c r="H2294" s="8">
        <v>1</v>
      </c>
      <c r="I2294" s="8">
        <v>0</v>
      </c>
      <c r="J2294" s="8">
        <v>1</v>
      </c>
      <c r="K2294" s="9">
        <v>6.72</v>
      </c>
      <c r="L2294" s="6" t="s">
        <v>51</v>
      </c>
    </row>
    <row r="2295" spans="1:12">
      <c r="A2295" s="6" t="s">
        <v>49</v>
      </c>
      <c r="B2295" s="6"/>
      <c r="C2295" s="6" t="s">
        <v>2312</v>
      </c>
      <c r="D2295" s="6"/>
      <c r="E2295" s="6" t="s">
        <v>9</v>
      </c>
      <c r="F2295" s="7">
        <v>38657</v>
      </c>
      <c r="G2295" s="8">
        <v>1</v>
      </c>
      <c r="H2295" s="8">
        <v>1</v>
      </c>
      <c r="I2295" s="8">
        <v>0</v>
      </c>
      <c r="J2295" s="8">
        <v>1</v>
      </c>
      <c r="K2295" s="9">
        <v>5.28</v>
      </c>
      <c r="L2295" s="6" t="s">
        <v>51</v>
      </c>
    </row>
    <row r="2296" spans="1:12">
      <c r="A2296" s="6" t="s">
        <v>49</v>
      </c>
      <c r="B2296" s="6"/>
      <c r="C2296" s="6" t="s">
        <v>2313</v>
      </c>
      <c r="D2296" s="6"/>
      <c r="E2296" s="6" t="s">
        <v>9</v>
      </c>
      <c r="F2296" s="7">
        <v>38657</v>
      </c>
      <c r="G2296" s="8">
        <v>1</v>
      </c>
      <c r="H2296" s="8">
        <v>1</v>
      </c>
      <c r="I2296" s="8">
        <v>0</v>
      </c>
      <c r="J2296" s="8">
        <v>1</v>
      </c>
      <c r="K2296" s="9">
        <v>21</v>
      </c>
      <c r="L2296" s="6" t="s">
        <v>51</v>
      </c>
    </row>
    <row r="2297" spans="1:12">
      <c r="A2297" s="6" t="s">
        <v>49</v>
      </c>
      <c r="B2297" s="6"/>
      <c r="C2297" s="6" t="s">
        <v>2314</v>
      </c>
      <c r="D2297" s="6"/>
      <c r="E2297" s="6" t="s">
        <v>9</v>
      </c>
      <c r="F2297" s="7">
        <v>38657</v>
      </c>
      <c r="G2297" s="8">
        <v>1</v>
      </c>
      <c r="H2297" s="8">
        <v>1</v>
      </c>
      <c r="I2297" s="8">
        <v>0</v>
      </c>
      <c r="J2297" s="8">
        <v>1</v>
      </c>
      <c r="K2297" s="9">
        <v>19</v>
      </c>
      <c r="L2297" s="6" t="s">
        <v>51</v>
      </c>
    </row>
    <row r="2298" spans="1:12">
      <c r="A2298" s="6" t="s">
        <v>49</v>
      </c>
      <c r="B2298" s="6"/>
      <c r="C2298" s="6" t="s">
        <v>2315</v>
      </c>
      <c r="D2298" s="6"/>
      <c r="E2298" s="6" t="s">
        <v>9</v>
      </c>
      <c r="F2298" s="7">
        <v>38657</v>
      </c>
      <c r="G2298" s="8">
        <v>4571504</v>
      </c>
      <c r="H2298" s="8">
        <v>4571504</v>
      </c>
      <c r="I2298" s="8">
        <v>0</v>
      </c>
      <c r="J2298" s="8">
        <v>4571504</v>
      </c>
      <c r="K2298" s="9">
        <v>238</v>
      </c>
      <c r="L2298" s="6" t="s">
        <v>1694</v>
      </c>
    </row>
    <row r="2299" spans="1:12">
      <c r="A2299" s="6" t="s">
        <v>49</v>
      </c>
      <c r="B2299" s="6"/>
      <c r="C2299" s="6" t="s">
        <v>2316</v>
      </c>
      <c r="D2299" s="6"/>
      <c r="E2299" s="6" t="s">
        <v>9</v>
      </c>
      <c r="F2299" s="7">
        <v>38657</v>
      </c>
      <c r="G2299" s="8">
        <v>1</v>
      </c>
      <c r="H2299" s="8">
        <v>1</v>
      </c>
      <c r="I2299" s="8">
        <v>0</v>
      </c>
      <c r="J2299" s="8">
        <v>1</v>
      </c>
      <c r="K2299" s="9">
        <v>26</v>
      </c>
      <c r="L2299" s="6" t="s">
        <v>51</v>
      </c>
    </row>
    <row r="2300" spans="1:12">
      <c r="A2300" s="6" t="s">
        <v>49</v>
      </c>
      <c r="B2300" s="6"/>
      <c r="C2300" s="6" t="s">
        <v>2317</v>
      </c>
      <c r="D2300" s="6"/>
      <c r="E2300" s="6" t="s">
        <v>9</v>
      </c>
      <c r="F2300" s="7">
        <v>38657</v>
      </c>
      <c r="G2300" s="8">
        <v>1</v>
      </c>
      <c r="H2300" s="8">
        <v>1</v>
      </c>
      <c r="I2300" s="8">
        <v>0</v>
      </c>
      <c r="J2300" s="8">
        <v>1</v>
      </c>
      <c r="K2300" s="9">
        <v>23</v>
      </c>
      <c r="L2300" s="6" t="s">
        <v>51</v>
      </c>
    </row>
    <row r="2301" spans="1:12">
      <c r="A2301" s="6" t="s">
        <v>49</v>
      </c>
      <c r="B2301" s="6"/>
      <c r="C2301" s="6" t="s">
        <v>2318</v>
      </c>
      <c r="D2301" s="6"/>
      <c r="E2301" s="6" t="s">
        <v>9</v>
      </c>
      <c r="F2301" s="7">
        <v>38657</v>
      </c>
      <c r="G2301" s="8">
        <v>1</v>
      </c>
      <c r="H2301" s="8">
        <v>1</v>
      </c>
      <c r="I2301" s="8">
        <v>0</v>
      </c>
      <c r="J2301" s="8">
        <v>1</v>
      </c>
      <c r="K2301" s="9">
        <v>26</v>
      </c>
      <c r="L2301" s="6" t="s">
        <v>51</v>
      </c>
    </row>
    <row r="2302" spans="1:12">
      <c r="A2302" s="6" t="s">
        <v>49</v>
      </c>
      <c r="B2302" s="6"/>
      <c r="C2302" s="6" t="s">
        <v>2319</v>
      </c>
      <c r="D2302" s="6"/>
      <c r="E2302" s="6" t="s">
        <v>9</v>
      </c>
      <c r="F2302" s="7">
        <v>38657</v>
      </c>
      <c r="G2302" s="8">
        <v>1</v>
      </c>
      <c r="H2302" s="8">
        <v>1</v>
      </c>
      <c r="I2302" s="8">
        <v>0</v>
      </c>
      <c r="J2302" s="8">
        <v>1</v>
      </c>
      <c r="K2302" s="9">
        <v>24</v>
      </c>
      <c r="L2302" s="6" t="s">
        <v>51</v>
      </c>
    </row>
    <row r="2303" spans="1:12">
      <c r="A2303" s="6" t="s">
        <v>49</v>
      </c>
      <c r="B2303" s="6"/>
      <c r="C2303" s="6" t="s">
        <v>2320</v>
      </c>
      <c r="D2303" s="6"/>
      <c r="E2303" s="6" t="s">
        <v>9</v>
      </c>
      <c r="F2303" s="7">
        <v>38657</v>
      </c>
      <c r="G2303" s="8">
        <v>1</v>
      </c>
      <c r="H2303" s="8">
        <v>1</v>
      </c>
      <c r="I2303" s="8">
        <v>0</v>
      </c>
      <c r="J2303" s="8">
        <v>1</v>
      </c>
      <c r="K2303" s="9">
        <v>12</v>
      </c>
      <c r="L2303" s="6" t="s">
        <v>51</v>
      </c>
    </row>
    <row r="2304" spans="1:12">
      <c r="A2304" s="6" t="s">
        <v>49</v>
      </c>
      <c r="B2304" s="6"/>
      <c r="C2304" s="6" t="s">
        <v>2321</v>
      </c>
      <c r="D2304" s="6"/>
      <c r="E2304" s="6" t="s">
        <v>9</v>
      </c>
      <c r="F2304" s="7">
        <v>38657</v>
      </c>
      <c r="G2304" s="8">
        <v>1</v>
      </c>
      <c r="H2304" s="8">
        <v>1</v>
      </c>
      <c r="I2304" s="8">
        <v>0</v>
      </c>
      <c r="J2304" s="8">
        <v>1</v>
      </c>
      <c r="K2304" s="9">
        <v>13</v>
      </c>
      <c r="L2304" s="6" t="s">
        <v>51</v>
      </c>
    </row>
    <row r="2305" spans="1:12">
      <c r="A2305" s="6" t="s">
        <v>49</v>
      </c>
      <c r="B2305" s="6"/>
      <c r="C2305" s="6" t="s">
        <v>2322</v>
      </c>
      <c r="D2305" s="6"/>
      <c r="E2305" s="6" t="s">
        <v>9</v>
      </c>
      <c r="F2305" s="7">
        <v>38657</v>
      </c>
      <c r="G2305" s="8">
        <v>1</v>
      </c>
      <c r="H2305" s="8">
        <v>1</v>
      </c>
      <c r="I2305" s="8">
        <v>0</v>
      </c>
      <c r="J2305" s="8">
        <v>1</v>
      </c>
      <c r="K2305" s="9">
        <v>11</v>
      </c>
      <c r="L2305" s="6" t="s">
        <v>51</v>
      </c>
    </row>
    <row r="2306" spans="1:12">
      <c r="A2306" s="6" t="s">
        <v>49</v>
      </c>
      <c r="B2306" s="6"/>
      <c r="C2306" s="6" t="s">
        <v>2323</v>
      </c>
      <c r="D2306" s="6"/>
      <c r="E2306" s="6" t="s">
        <v>9</v>
      </c>
      <c r="F2306" s="7">
        <v>38657</v>
      </c>
      <c r="G2306" s="8">
        <v>1</v>
      </c>
      <c r="H2306" s="8">
        <v>1</v>
      </c>
      <c r="I2306" s="8">
        <v>0</v>
      </c>
      <c r="J2306" s="8">
        <v>1</v>
      </c>
      <c r="K2306" s="9">
        <v>12</v>
      </c>
      <c r="L2306" s="6" t="s">
        <v>51</v>
      </c>
    </row>
    <row r="2307" spans="1:12">
      <c r="A2307" s="6" t="s">
        <v>49</v>
      </c>
      <c r="B2307" s="6"/>
      <c r="C2307" s="6" t="s">
        <v>2324</v>
      </c>
      <c r="D2307" s="6"/>
      <c r="E2307" s="6" t="s">
        <v>9</v>
      </c>
      <c r="F2307" s="7">
        <v>38657</v>
      </c>
      <c r="G2307" s="8">
        <v>1</v>
      </c>
      <c r="H2307" s="8">
        <v>1</v>
      </c>
      <c r="I2307" s="8">
        <v>0</v>
      </c>
      <c r="J2307" s="8">
        <v>1</v>
      </c>
      <c r="K2307" s="9">
        <v>12</v>
      </c>
      <c r="L2307" s="6" t="s">
        <v>51</v>
      </c>
    </row>
    <row r="2308" spans="1:12">
      <c r="A2308" s="6" t="s">
        <v>49</v>
      </c>
      <c r="B2308" s="6"/>
      <c r="C2308" s="6" t="s">
        <v>2325</v>
      </c>
      <c r="D2308" s="6"/>
      <c r="E2308" s="6" t="s">
        <v>9</v>
      </c>
      <c r="F2308" s="7">
        <v>38657</v>
      </c>
      <c r="G2308" s="8">
        <v>1</v>
      </c>
      <c r="H2308" s="8">
        <v>1</v>
      </c>
      <c r="I2308" s="8">
        <v>0</v>
      </c>
      <c r="J2308" s="8">
        <v>1</v>
      </c>
      <c r="K2308" s="9">
        <v>7.67</v>
      </c>
      <c r="L2308" s="6" t="s">
        <v>51</v>
      </c>
    </row>
    <row r="2309" spans="1:12">
      <c r="A2309" s="6" t="s">
        <v>49</v>
      </c>
      <c r="B2309" s="6"/>
      <c r="C2309" s="6" t="s">
        <v>2326</v>
      </c>
      <c r="D2309" s="6"/>
      <c r="E2309" s="6" t="s">
        <v>9</v>
      </c>
      <c r="F2309" s="7">
        <v>38657</v>
      </c>
      <c r="G2309" s="8">
        <v>1</v>
      </c>
      <c r="H2309" s="8">
        <v>1</v>
      </c>
      <c r="I2309" s="8">
        <v>0</v>
      </c>
      <c r="J2309" s="8">
        <v>1</v>
      </c>
      <c r="K2309" s="9">
        <v>16</v>
      </c>
      <c r="L2309" s="6" t="s">
        <v>51</v>
      </c>
    </row>
    <row r="2310" spans="1:12">
      <c r="A2310" s="6" t="s">
        <v>49</v>
      </c>
      <c r="B2310" s="6"/>
      <c r="C2310" s="6" t="s">
        <v>2327</v>
      </c>
      <c r="D2310" s="6"/>
      <c r="E2310" s="6" t="s">
        <v>9</v>
      </c>
      <c r="F2310" s="7">
        <v>38657</v>
      </c>
      <c r="G2310" s="8">
        <v>1</v>
      </c>
      <c r="H2310" s="8">
        <v>1</v>
      </c>
      <c r="I2310" s="8">
        <v>0</v>
      </c>
      <c r="J2310" s="8">
        <v>1</v>
      </c>
      <c r="K2310" s="9">
        <v>4.4400000000000004</v>
      </c>
      <c r="L2310" s="6" t="s">
        <v>51</v>
      </c>
    </row>
    <row r="2311" spans="1:12">
      <c r="A2311" s="6" t="s">
        <v>49</v>
      </c>
      <c r="B2311" s="6"/>
      <c r="C2311" s="6" t="s">
        <v>2328</v>
      </c>
      <c r="D2311" s="6"/>
      <c r="E2311" s="6" t="s">
        <v>9</v>
      </c>
      <c r="F2311" s="7">
        <v>38657</v>
      </c>
      <c r="G2311" s="8">
        <v>1</v>
      </c>
      <c r="H2311" s="8">
        <v>1</v>
      </c>
      <c r="I2311" s="8">
        <v>0</v>
      </c>
      <c r="J2311" s="8">
        <v>1</v>
      </c>
      <c r="K2311" s="9">
        <v>13</v>
      </c>
      <c r="L2311" s="6" t="s">
        <v>51</v>
      </c>
    </row>
    <row r="2312" spans="1:12">
      <c r="A2312" s="6" t="s">
        <v>49</v>
      </c>
      <c r="B2312" s="6"/>
      <c r="C2312" s="6" t="s">
        <v>2329</v>
      </c>
      <c r="D2312" s="6"/>
      <c r="E2312" s="6" t="s">
        <v>9</v>
      </c>
      <c r="F2312" s="7">
        <v>38657</v>
      </c>
      <c r="G2312" s="8">
        <v>1</v>
      </c>
      <c r="H2312" s="8">
        <v>1</v>
      </c>
      <c r="I2312" s="8">
        <v>0</v>
      </c>
      <c r="J2312" s="8">
        <v>1</v>
      </c>
      <c r="K2312" s="9">
        <v>11</v>
      </c>
      <c r="L2312" s="6" t="s">
        <v>51</v>
      </c>
    </row>
    <row r="2313" spans="1:12">
      <c r="A2313" s="6" t="s">
        <v>49</v>
      </c>
      <c r="B2313" s="6"/>
      <c r="C2313" s="6" t="s">
        <v>2330</v>
      </c>
      <c r="D2313" s="6"/>
      <c r="E2313" s="6" t="s">
        <v>9</v>
      </c>
      <c r="F2313" s="7">
        <v>38657</v>
      </c>
      <c r="G2313" s="8">
        <v>1</v>
      </c>
      <c r="H2313" s="8">
        <v>1</v>
      </c>
      <c r="I2313" s="8">
        <v>0</v>
      </c>
      <c r="J2313" s="8">
        <v>1</v>
      </c>
      <c r="K2313" s="9">
        <v>6.44</v>
      </c>
      <c r="L2313" s="6" t="s">
        <v>51</v>
      </c>
    </row>
    <row r="2314" spans="1:12">
      <c r="A2314" s="6" t="s">
        <v>49</v>
      </c>
      <c r="B2314" s="6"/>
      <c r="C2314" s="6" t="s">
        <v>2331</v>
      </c>
      <c r="D2314" s="6"/>
      <c r="E2314" s="6" t="s">
        <v>9</v>
      </c>
      <c r="F2314" s="7">
        <v>38657</v>
      </c>
      <c r="G2314" s="8">
        <v>1</v>
      </c>
      <c r="H2314" s="8">
        <v>1</v>
      </c>
      <c r="I2314" s="8">
        <v>0</v>
      </c>
      <c r="J2314" s="8">
        <v>1</v>
      </c>
      <c r="K2314" s="9">
        <v>20</v>
      </c>
      <c r="L2314" s="6" t="s">
        <v>51</v>
      </c>
    </row>
    <row r="2315" spans="1:12">
      <c r="A2315" s="6" t="s">
        <v>49</v>
      </c>
      <c r="B2315" s="6"/>
      <c r="C2315" s="6" t="s">
        <v>2332</v>
      </c>
      <c r="D2315" s="6"/>
      <c r="E2315" s="6" t="s">
        <v>9</v>
      </c>
      <c r="F2315" s="7">
        <v>38657</v>
      </c>
      <c r="G2315" s="8">
        <v>1</v>
      </c>
      <c r="H2315" s="8">
        <v>1</v>
      </c>
      <c r="I2315" s="8">
        <v>0</v>
      </c>
      <c r="J2315" s="8">
        <v>1</v>
      </c>
      <c r="K2315" s="9">
        <v>18</v>
      </c>
      <c r="L2315" s="6" t="s">
        <v>51</v>
      </c>
    </row>
    <row r="2316" spans="1:12">
      <c r="A2316" s="6" t="s">
        <v>49</v>
      </c>
      <c r="B2316" s="6"/>
      <c r="C2316" s="6" t="s">
        <v>2333</v>
      </c>
      <c r="D2316" s="6"/>
      <c r="E2316" s="6" t="s">
        <v>9</v>
      </c>
      <c r="F2316" s="7">
        <v>38657</v>
      </c>
      <c r="G2316" s="8">
        <v>1</v>
      </c>
      <c r="H2316" s="8">
        <v>1</v>
      </c>
      <c r="I2316" s="8">
        <v>0</v>
      </c>
      <c r="J2316" s="8">
        <v>1</v>
      </c>
      <c r="K2316" s="9">
        <v>249</v>
      </c>
      <c r="L2316" s="6" t="s">
        <v>51</v>
      </c>
    </row>
    <row r="2317" spans="1:12">
      <c r="A2317" s="6" t="s">
        <v>49</v>
      </c>
      <c r="B2317" s="6"/>
      <c r="C2317" s="6" t="s">
        <v>2334</v>
      </c>
      <c r="D2317" s="6"/>
      <c r="E2317" s="6" t="s">
        <v>9</v>
      </c>
      <c r="F2317" s="7">
        <v>38657</v>
      </c>
      <c r="G2317" s="8">
        <v>1</v>
      </c>
      <c r="H2317" s="8">
        <v>1</v>
      </c>
      <c r="I2317" s="8">
        <v>0</v>
      </c>
      <c r="J2317" s="8">
        <v>1</v>
      </c>
      <c r="K2317" s="9">
        <v>26</v>
      </c>
      <c r="L2317" s="6" t="s">
        <v>51</v>
      </c>
    </row>
    <row r="2318" spans="1:12">
      <c r="A2318" s="6" t="s">
        <v>49</v>
      </c>
      <c r="B2318" s="6"/>
      <c r="C2318" s="6" t="s">
        <v>2335</v>
      </c>
      <c r="D2318" s="6"/>
      <c r="E2318" s="6" t="s">
        <v>9</v>
      </c>
      <c r="F2318" s="7">
        <v>38657</v>
      </c>
      <c r="G2318" s="8">
        <v>1</v>
      </c>
      <c r="H2318" s="8">
        <v>1</v>
      </c>
      <c r="I2318" s="8">
        <v>0</v>
      </c>
      <c r="J2318" s="8">
        <v>1</v>
      </c>
      <c r="K2318" s="9">
        <v>25</v>
      </c>
      <c r="L2318" s="6" t="s">
        <v>51</v>
      </c>
    </row>
    <row r="2319" spans="1:12">
      <c r="A2319" s="6" t="s">
        <v>49</v>
      </c>
      <c r="B2319" s="6"/>
      <c r="C2319" s="6" t="s">
        <v>2336</v>
      </c>
      <c r="D2319" s="6"/>
      <c r="E2319" s="6" t="s">
        <v>9</v>
      </c>
      <c r="F2319" s="7">
        <v>38657</v>
      </c>
      <c r="G2319" s="8">
        <v>1</v>
      </c>
      <c r="H2319" s="8">
        <v>1</v>
      </c>
      <c r="I2319" s="8">
        <v>0</v>
      </c>
      <c r="J2319" s="8">
        <v>1</v>
      </c>
      <c r="K2319" s="9">
        <v>26</v>
      </c>
      <c r="L2319" s="6" t="s">
        <v>51</v>
      </c>
    </row>
    <row r="2320" spans="1:12">
      <c r="A2320" s="6" t="s">
        <v>49</v>
      </c>
      <c r="B2320" s="6"/>
      <c r="C2320" s="6" t="s">
        <v>2337</v>
      </c>
      <c r="D2320" s="6"/>
      <c r="E2320" s="6" t="s">
        <v>9</v>
      </c>
      <c r="F2320" s="7"/>
      <c r="G2320" s="8">
        <v>1</v>
      </c>
      <c r="H2320" s="8">
        <v>1</v>
      </c>
      <c r="I2320" s="8">
        <v>0</v>
      </c>
      <c r="J2320" s="8">
        <v>1</v>
      </c>
      <c r="K2320" s="9">
        <v>3.3</v>
      </c>
      <c r="L2320" s="6" t="s">
        <v>51</v>
      </c>
    </row>
    <row r="2321" spans="1:12">
      <c r="A2321" s="6" t="s">
        <v>49</v>
      </c>
      <c r="B2321" s="6"/>
      <c r="C2321" s="6" t="s">
        <v>2338</v>
      </c>
      <c r="D2321" s="6"/>
      <c r="E2321" s="6" t="s">
        <v>9</v>
      </c>
      <c r="F2321" s="7">
        <v>38657</v>
      </c>
      <c r="G2321" s="8">
        <v>1</v>
      </c>
      <c r="H2321" s="8">
        <v>1</v>
      </c>
      <c r="I2321" s="8">
        <v>0</v>
      </c>
      <c r="J2321" s="8">
        <v>1</v>
      </c>
      <c r="K2321" s="9">
        <v>23</v>
      </c>
      <c r="L2321" s="6" t="s">
        <v>51</v>
      </c>
    </row>
    <row r="2322" spans="1:12">
      <c r="A2322" s="6" t="s">
        <v>49</v>
      </c>
      <c r="B2322" s="6"/>
      <c r="C2322" s="6" t="s">
        <v>2339</v>
      </c>
      <c r="D2322" s="6"/>
      <c r="E2322" s="6" t="s">
        <v>9</v>
      </c>
      <c r="F2322" s="7">
        <v>38657</v>
      </c>
      <c r="G2322" s="8">
        <v>1</v>
      </c>
      <c r="H2322" s="8">
        <v>1</v>
      </c>
      <c r="I2322" s="8">
        <v>0</v>
      </c>
      <c r="J2322" s="8">
        <v>1</v>
      </c>
      <c r="K2322" s="9">
        <v>88</v>
      </c>
      <c r="L2322" s="6" t="s">
        <v>51</v>
      </c>
    </row>
    <row r="2323" spans="1:12">
      <c r="A2323" s="6" t="s">
        <v>49</v>
      </c>
      <c r="B2323" s="6"/>
      <c r="C2323" s="6" t="s">
        <v>2340</v>
      </c>
      <c r="D2323" s="6"/>
      <c r="E2323" s="6" t="s">
        <v>9</v>
      </c>
      <c r="F2323" s="7">
        <v>38657</v>
      </c>
      <c r="G2323" s="8">
        <v>1</v>
      </c>
      <c r="H2323" s="8">
        <v>1</v>
      </c>
      <c r="I2323" s="8">
        <v>0</v>
      </c>
      <c r="J2323" s="8">
        <v>1</v>
      </c>
      <c r="K2323" s="9">
        <v>549</v>
      </c>
      <c r="L2323" s="6" t="s">
        <v>51</v>
      </c>
    </row>
    <row r="2324" spans="1:12">
      <c r="A2324" s="6" t="s">
        <v>49</v>
      </c>
      <c r="B2324" s="6"/>
      <c r="C2324" s="6" t="s">
        <v>2341</v>
      </c>
      <c r="D2324" s="6"/>
      <c r="E2324" s="6" t="s">
        <v>9</v>
      </c>
      <c r="F2324" s="7">
        <v>38657</v>
      </c>
      <c r="G2324" s="8">
        <v>1</v>
      </c>
      <c r="H2324" s="8">
        <v>1</v>
      </c>
      <c r="I2324" s="8">
        <v>0</v>
      </c>
      <c r="J2324" s="8">
        <v>1</v>
      </c>
      <c r="K2324" s="9">
        <v>39</v>
      </c>
      <c r="L2324" s="6" t="s">
        <v>51</v>
      </c>
    </row>
    <row r="2325" spans="1:12">
      <c r="A2325" s="6" t="s">
        <v>49</v>
      </c>
      <c r="B2325" s="6"/>
      <c r="C2325" s="6" t="s">
        <v>2342</v>
      </c>
      <c r="D2325" s="6"/>
      <c r="E2325" s="6" t="s">
        <v>9</v>
      </c>
      <c r="F2325" s="7">
        <v>38657</v>
      </c>
      <c r="G2325" s="8">
        <v>1</v>
      </c>
      <c r="H2325" s="8">
        <v>1</v>
      </c>
      <c r="I2325" s="8">
        <v>0</v>
      </c>
      <c r="J2325" s="8">
        <v>1</v>
      </c>
      <c r="K2325" s="9">
        <v>50</v>
      </c>
      <c r="L2325" s="6" t="s">
        <v>51</v>
      </c>
    </row>
    <row r="2326" spans="1:12">
      <c r="A2326" s="6" t="s">
        <v>49</v>
      </c>
      <c r="B2326" s="6"/>
      <c r="C2326" s="6" t="s">
        <v>2343</v>
      </c>
      <c r="D2326" s="6"/>
      <c r="E2326" s="6" t="s">
        <v>9</v>
      </c>
      <c r="F2326" s="7">
        <v>38657</v>
      </c>
      <c r="G2326" s="8">
        <v>1</v>
      </c>
      <c r="H2326" s="8">
        <v>1</v>
      </c>
      <c r="I2326" s="8">
        <v>0</v>
      </c>
      <c r="J2326" s="8">
        <v>1</v>
      </c>
      <c r="K2326" s="9">
        <v>88</v>
      </c>
      <c r="L2326" s="6" t="s">
        <v>51</v>
      </c>
    </row>
    <row r="2327" spans="1:12">
      <c r="A2327" s="6" t="s">
        <v>49</v>
      </c>
      <c r="B2327" s="6"/>
      <c r="C2327" s="6" t="s">
        <v>2344</v>
      </c>
      <c r="D2327" s="6"/>
      <c r="E2327" s="6" t="s">
        <v>9</v>
      </c>
      <c r="F2327" s="7">
        <v>38657</v>
      </c>
      <c r="G2327" s="8">
        <v>1</v>
      </c>
      <c r="H2327" s="8">
        <v>1</v>
      </c>
      <c r="I2327" s="8">
        <v>0</v>
      </c>
      <c r="J2327" s="8">
        <v>1</v>
      </c>
      <c r="K2327" s="9">
        <v>39</v>
      </c>
      <c r="L2327" s="6" t="s">
        <v>51</v>
      </c>
    </row>
    <row r="2328" spans="1:12">
      <c r="A2328" s="6" t="s">
        <v>49</v>
      </c>
      <c r="B2328" s="6"/>
      <c r="C2328" s="6" t="s">
        <v>2345</v>
      </c>
      <c r="D2328" s="6"/>
      <c r="E2328" s="6" t="s">
        <v>9</v>
      </c>
      <c r="F2328" s="7">
        <v>38657</v>
      </c>
      <c r="G2328" s="8">
        <v>1</v>
      </c>
      <c r="H2328" s="8">
        <v>1</v>
      </c>
      <c r="I2328" s="8">
        <v>0</v>
      </c>
      <c r="J2328" s="8">
        <v>1</v>
      </c>
      <c r="K2328" s="9">
        <v>353</v>
      </c>
      <c r="L2328" s="6" t="s">
        <v>51</v>
      </c>
    </row>
    <row r="2329" spans="1:12">
      <c r="A2329" s="6" t="s">
        <v>49</v>
      </c>
      <c r="B2329" s="6"/>
      <c r="C2329" s="6" t="s">
        <v>2346</v>
      </c>
      <c r="D2329" s="6"/>
      <c r="E2329" s="6" t="s">
        <v>9</v>
      </c>
      <c r="F2329" s="7">
        <v>38657</v>
      </c>
      <c r="G2329" s="8">
        <v>1</v>
      </c>
      <c r="H2329" s="8">
        <v>1</v>
      </c>
      <c r="I2329" s="8">
        <v>0</v>
      </c>
      <c r="J2329" s="8">
        <v>1</v>
      </c>
      <c r="K2329" s="9">
        <v>39</v>
      </c>
      <c r="L2329" s="6" t="s">
        <v>51</v>
      </c>
    </row>
    <row r="2330" spans="1:12">
      <c r="A2330" s="6" t="s">
        <v>49</v>
      </c>
      <c r="B2330" s="6"/>
      <c r="C2330" s="6" t="s">
        <v>2347</v>
      </c>
      <c r="D2330" s="6"/>
      <c r="E2330" s="6" t="s">
        <v>9</v>
      </c>
      <c r="F2330" s="7">
        <v>38657</v>
      </c>
      <c r="G2330" s="8">
        <v>1</v>
      </c>
      <c r="H2330" s="8">
        <v>1</v>
      </c>
      <c r="I2330" s="8">
        <v>0</v>
      </c>
      <c r="J2330" s="8">
        <v>1</v>
      </c>
      <c r="K2330" s="9">
        <v>39</v>
      </c>
      <c r="L2330" s="6" t="s">
        <v>51</v>
      </c>
    </row>
    <row r="2331" spans="1:12">
      <c r="A2331" s="6" t="s">
        <v>49</v>
      </c>
      <c r="B2331" s="6"/>
      <c r="C2331" s="6" t="s">
        <v>2348</v>
      </c>
      <c r="D2331" s="6"/>
      <c r="E2331" s="6" t="s">
        <v>9</v>
      </c>
      <c r="F2331" s="7"/>
      <c r="G2331" s="8">
        <v>2666838</v>
      </c>
      <c r="H2331" s="8">
        <v>2666838</v>
      </c>
      <c r="I2331" s="8">
        <v>0</v>
      </c>
      <c r="J2331" s="8">
        <v>2666838</v>
      </c>
      <c r="K2331" s="9">
        <v>138.84</v>
      </c>
      <c r="L2331" s="6" t="s">
        <v>10</v>
      </c>
    </row>
    <row r="2332" spans="1:12">
      <c r="A2332" s="6" t="s">
        <v>49</v>
      </c>
      <c r="B2332" s="6"/>
      <c r="C2332" s="6" t="s">
        <v>2349</v>
      </c>
      <c r="D2332" s="6"/>
      <c r="E2332" s="6" t="s">
        <v>9</v>
      </c>
      <c r="F2332" s="7">
        <v>38657</v>
      </c>
      <c r="G2332" s="8">
        <v>1</v>
      </c>
      <c r="H2332" s="8">
        <v>1</v>
      </c>
      <c r="I2332" s="8">
        <v>0</v>
      </c>
      <c r="J2332" s="8">
        <v>1</v>
      </c>
      <c r="K2332" s="9">
        <v>39</v>
      </c>
      <c r="L2332" s="6" t="s">
        <v>51</v>
      </c>
    </row>
    <row r="2333" spans="1:12">
      <c r="A2333" s="6" t="s">
        <v>49</v>
      </c>
      <c r="B2333" s="6"/>
      <c r="C2333" s="6" t="s">
        <v>2350</v>
      </c>
      <c r="D2333" s="6"/>
      <c r="E2333" s="6" t="s">
        <v>9</v>
      </c>
      <c r="F2333" s="7">
        <v>38657</v>
      </c>
      <c r="G2333" s="8">
        <v>1</v>
      </c>
      <c r="H2333" s="8">
        <v>1</v>
      </c>
      <c r="I2333" s="8">
        <v>0</v>
      </c>
      <c r="J2333" s="8">
        <v>1</v>
      </c>
      <c r="K2333" s="9">
        <v>327</v>
      </c>
      <c r="L2333" s="6" t="s">
        <v>51</v>
      </c>
    </row>
    <row r="2334" spans="1:12">
      <c r="A2334" s="6" t="s">
        <v>49</v>
      </c>
      <c r="B2334" s="6"/>
      <c r="C2334" s="6" t="s">
        <v>2351</v>
      </c>
      <c r="D2334" s="6"/>
      <c r="E2334" s="6" t="s">
        <v>9</v>
      </c>
      <c r="F2334" s="7">
        <v>38657</v>
      </c>
      <c r="G2334" s="8">
        <v>1</v>
      </c>
      <c r="H2334" s="8">
        <v>1</v>
      </c>
      <c r="I2334" s="8">
        <v>0</v>
      </c>
      <c r="J2334" s="8">
        <v>1</v>
      </c>
      <c r="K2334" s="9">
        <v>392</v>
      </c>
      <c r="L2334" s="6" t="s">
        <v>51</v>
      </c>
    </row>
    <row r="2335" spans="1:12">
      <c r="A2335" s="6" t="s">
        <v>49</v>
      </c>
      <c r="B2335" s="6"/>
      <c r="C2335" s="6" t="s">
        <v>2352</v>
      </c>
      <c r="D2335" s="6"/>
      <c r="E2335" s="6" t="s">
        <v>9</v>
      </c>
      <c r="F2335" s="7">
        <v>38657</v>
      </c>
      <c r="G2335" s="8">
        <v>1</v>
      </c>
      <c r="H2335" s="8">
        <v>1</v>
      </c>
      <c r="I2335" s="8">
        <v>0</v>
      </c>
      <c r="J2335" s="8">
        <v>1</v>
      </c>
      <c r="K2335" s="9">
        <v>38</v>
      </c>
      <c r="L2335" s="6" t="s">
        <v>51</v>
      </c>
    </row>
    <row r="2336" spans="1:12">
      <c r="A2336" s="6" t="s">
        <v>49</v>
      </c>
      <c r="B2336" s="6"/>
      <c r="C2336" s="6" t="s">
        <v>2353</v>
      </c>
      <c r="D2336" s="6"/>
      <c r="E2336" s="6" t="s">
        <v>9</v>
      </c>
      <c r="F2336" s="7">
        <v>38657</v>
      </c>
      <c r="G2336" s="8">
        <v>1</v>
      </c>
      <c r="H2336" s="8">
        <v>1</v>
      </c>
      <c r="I2336" s="8">
        <v>0</v>
      </c>
      <c r="J2336" s="8">
        <v>1</v>
      </c>
      <c r="K2336" s="9">
        <v>11</v>
      </c>
      <c r="L2336" s="6" t="s">
        <v>51</v>
      </c>
    </row>
    <row r="2337" spans="1:12">
      <c r="A2337" s="6" t="s">
        <v>49</v>
      </c>
      <c r="B2337" s="6"/>
      <c r="C2337" s="6" t="s">
        <v>2354</v>
      </c>
      <c r="D2337" s="6"/>
      <c r="E2337" s="6" t="s">
        <v>9</v>
      </c>
      <c r="F2337" s="7">
        <v>38657</v>
      </c>
      <c r="G2337" s="8">
        <v>1</v>
      </c>
      <c r="H2337" s="8">
        <v>1</v>
      </c>
      <c r="I2337" s="8">
        <v>0</v>
      </c>
      <c r="J2337" s="8">
        <v>1</v>
      </c>
      <c r="K2337" s="9">
        <v>7.72</v>
      </c>
      <c r="L2337" s="6" t="s">
        <v>51</v>
      </c>
    </row>
    <row r="2338" spans="1:12">
      <c r="A2338" s="6" t="s">
        <v>49</v>
      </c>
      <c r="B2338" s="6"/>
      <c r="C2338" s="6" t="s">
        <v>2355</v>
      </c>
      <c r="D2338" s="6"/>
      <c r="E2338" s="6" t="s">
        <v>9</v>
      </c>
      <c r="F2338" s="7">
        <v>38657</v>
      </c>
      <c r="G2338" s="8">
        <v>1</v>
      </c>
      <c r="H2338" s="8">
        <v>1</v>
      </c>
      <c r="I2338" s="8">
        <v>0</v>
      </c>
      <c r="J2338" s="8">
        <v>1</v>
      </c>
      <c r="K2338" s="9">
        <v>19</v>
      </c>
      <c r="L2338" s="6" t="s">
        <v>51</v>
      </c>
    </row>
    <row r="2339" spans="1:12">
      <c r="A2339" s="6" t="s">
        <v>49</v>
      </c>
      <c r="B2339" s="6"/>
      <c r="C2339" s="6" t="s">
        <v>2356</v>
      </c>
      <c r="D2339" s="6"/>
      <c r="E2339" s="6" t="s">
        <v>9</v>
      </c>
      <c r="F2339" s="7">
        <v>38657</v>
      </c>
      <c r="G2339" s="8">
        <v>1</v>
      </c>
      <c r="H2339" s="8">
        <v>1</v>
      </c>
      <c r="I2339" s="8">
        <v>0</v>
      </c>
      <c r="J2339" s="8">
        <v>1</v>
      </c>
      <c r="K2339" s="9">
        <v>8.14</v>
      </c>
      <c r="L2339" s="6" t="s">
        <v>51</v>
      </c>
    </row>
    <row r="2340" spans="1:12">
      <c r="A2340" s="6" t="s">
        <v>49</v>
      </c>
      <c r="B2340" s="6"/>
      <c r="C2340" s="6" t="s">
        <v>2357</v>
      </c>
      <c r="D2340" s="6"/>
      <c r="E2340" s="6" t="s">
        <v>9</v>
      </c>
      <c r="F2340" s="7">
        <v>38657</v>
      </c>
      <c r="G2340" s="8">
        <v>1</v>
      </c>
      <c r="H2340" s="8">
        <v>1</v>
      </c>
      <c r="I2340" s="8">
        <v>0</v>
      </c>
      <c r="J2340" s="8">
        <v>1</v>
      </c>
      <c r="K2340" s="9">
        <v>11</v>
      </c>
      <c r="L2340" s="6" t="s">
        <v>51</v>
      </c>
    </row>
    <row r="2341" spans="1:12">
      <c r="A2341" s="6" t="s">
        <v>49</v>
      </c>
      <c r="B2341" s="6"/>
      <c r="C2341" s="6" t="s">
        <v>2358</v>
      </c>
      <c r="D2341" s="6"/>
      <c r="E2341" s="6" t="s">
        <v>9</v>
      </c>
      <c r="F2341" s="7">
        <v>38657</v>
      </c>
      <c r="G2341" s="8">
        <v>1</v>
      </c>
      <c r="H2341" s="8">
        <v>1</v>
      </c>
      <c r="I2341" s="8">
        <v>0</v>
      </c>
      <c r="J2341" s="8">
        <v>1</v>
      </c>
      <c r="K2341" s="9">
        <v>19</v>
      </c>
      <c r="L2341" s="6" t="s">
        <v>51</v>
      </c>
    </row>
    <row r="2342" spans="1:12">
      <c r="A2342" s="6" t="s">
        <v>49</v>
      </c>
      <c r="B2342" s="6"/>
      <c r="C2342" s="6" t="s">
        <v>2359</v>
      </c>
      <c r="D2342" s="6"/>
      <c r="E2342" s="6" t="s">
        <v>9</v>
      </c>
      <c r="F2342" s="7">
        <v>38657</v>
      </c>
      <c r="G2342" s="8">
        <v>1</v>
      </c>
      <c r="H2342" s="8">
        <v>1</v>
      </c>
      <c r="I2342" s="8">
        <v>0</v>
      </c>
      <c r="J2342" s="8">
        <v>1</v>
      </c>
      <c r="K2342" s="9">
        <v>9.91</v>
      </c>
      <c r="L2342" s="6" t="s">
        <v>51</v>
      </c>
    </row>
    <row r="2343" spans="1:12">
      <c r="A2343" s="6" t="s">
        <v>49</v>
      </c>
      <c r="B2343" s="6"/>
      <c r="C2343" s="6" t="s">
        <v>2360</v>
      </c>
      <c r="D2343" s="6"/>
      <c r="E2343" s="6" t="s">
        <v>9</v>
      </c>
      <c r="F2343" s="7">
        <v>38657</v>
      </c>
      <c r="G2343" s="8">
        <v>1</v>
      </c>
      <c r="H2343" s="8">
        <v>1</v>
      </c>
      <c r="I2343" s="8">
        <v>0</v>
      </c>
      <c r="J2343" s="8">
        <v>1</v>
      </c>
      <c r="K2343" s="9">
        <v>163</v>
      </c>
      <c r="L2343" s="6" t="s">
        <v>51</v>
      </c>
    </row>
    <row r="2344" spans="1:12">
      <c r="A2344" s="6" t="s">
        <v>49</v>
      </c>
      <c r="B2344" s="6"/>
      <c r="C2344" s="6" t="s">
        <v>2361</v>
      </c>
      <c r="D2344" s="6"/>
      <c r="E2344" s="6" t="s">
        <v>9</v>
      </c>
      <c r="F2344" s="7">
        <v>38657</v>
      </c>
      <c r="G2344" s="8">
        <v>1</v>
      </c>
      <c r="H2344" s="8">
        <v>1</v>
      </c>
      <c r="I2344" s="8">
        <v>0</v>
      </c>
      <c r="J2344" s="8">
        <v>1</v>
      </c>
      <c r="K2344" s="9">
        <v>26</v>
      </c>
      <c r="L2344" s="6" t="s">
        <v>51</v>
      </c>
    </row>
    <row r="2345" spans="1:12">
      <c r="A2345" s="6" t="s">
        <v>49</v>
      </c>
      <c r="B2345" s="6"/>
      <c r="C2345" s="6" t="s">
        <v>2362</v>
      </c>
      <c r="D2345" s="6"/>
      <c r="E2345" s="6" t="s">
        <v>9</v>
      </c>
      <c r="F2345" s="7">
        <v>38657</v>
      </c>
      <c r="G2345" s="8">
        <v>1</v>
      </c>
      <c r="H2345" s="8">
        <v>1</v>
      </c>
      <c r="I2345" s="8">
        <v>0</v>
      </c>
      <c r="J2345" s="8">
        <v>1</v>
      </c>
      <c r="K2345" s="9">
        <v>56</v>
      </c>
      <c r="L2345" s="6" t="s">
        <v>51</v>
      </c>
    </row>
    <row r="2346" spans="1:12">
      <c r="A2346" s="6" t="s">
        <v>49</v>
      </c>
      <c r="B2346" s="6"/>
      <c r="C2346" s="6" t="s">
        <v>2363</v>
      </c>
      <c r="D2346" s="6"/>
      <c r="E2346" s="6" t="s">
        <v>9</v>
      </c>
      <c r="F2346" s="7">
        <v>38657</v>
      </c>
      <c r="G2346" s="8">
        <v>1</v>
      </c>
      <c r="H2346" s="8">
        <v>1</v>
      </c>
      <c r="I2346" s="8">
        <v>0</v>
      </c>
      <c r="J2346" s="8">
        <v>1</v>
      </c>
      <c r="K2346" s="9">
        <v>68.25</v>
      </c>
      <c r="L2346" s="6" t="s">
        <v>51</v>
      </c>
    </row>
    <row r="2347" spans="1:12">
      <c r="A2347" s="6" t="s">
        <v>49</v>
      </c>
      <c r="B2347" s="6"/>
      <c r="C2347" s="6" t="s">
        <v>2364</v>
      </c>
      <c r="D2347" s="6"/>
      <c r="E2347" s="6" t="s">
        <v>9</v>
      </c>
      <c r="F2347" s="7">
        <v>38657</v>
      </c>
      <c r="G2347" s="8">
        <v>1</v>
      </c>
      <c r="H2347" s="8">
        <v>1</v>
      </c>
      <c r="I2347" s="8">
        <v>0</v>
      </c>
      <c r="J2347" s="8">
        <v>1</v>
      </c>
      <c r="K2347" s="9">
        <v>81.180000000000007</v>
      </c>
      <c r="L2347" s="6" t="s">
        <v>51</v>
      </c>
    </row>
    <row r="2348" spans="1:12">
      <c r="A2348" s="6" t="s">
        <v>49</v>
      </c>
      <c r="B2348" s="6"/>
      <c r="C2348" s="6" t="s">
        <v>2365</v>
      </c>
      <c r="D2348" s="6"/>
      <c r="E2348" s="6" t="s">
        <v>9</v>
      </c>
      <c r="F2348" s="7">
        <v>38657</v>
      </c>
      <c r="G2348" s="8">
        <v>1</v>
      </c>
      <c r="H2348" s="8">
        <v>1</v>
      </c>
      <c r="I2348" s="8">
        <v>0</v>
      </c>
      <c r="J2348" s="8">
        <v>1</v>
      </c>
      <c r="K2348" s="9">
        <v>245</v>
      </c>
      <c r="L2348" s="6" t="s">
        <v>51</v>
      </c>
    </row>
    <row r="2349" spans="1:12">
      <c r="A2349" s="6" t="s">
        <v>49</v>
      </c>
      <c r="B2349" s="6"/>
      <c r="C2349" s="6" t="s">
        <v>2366</v>
      </c>
      <c r="D2349" s="6"/>
      <c r="E2349" s="6" t="s">
        <v>9</v>
      </c>
      <c r="F2349" s="7">
        <v>38657</v>
      </c>
      <c r="G2349" s="8">
        <v>1</v>
      </c>
      <c r="H2349" s="8">
        <v>1</v>
      </c>
      <c r="I2349" s="8">
        <v>0</v>
      </c>
      <c r="J2349" s="8">
        <v>1</v>
      </c>
      <c r="K2349" s="9">
        <v>12.65</v>
      </c>
      <c r="L2349" s="6" t="s">
        <v>51</v>
      </c>
    </row>
    <row r="2350" spans="1:12">
      <c r="A2350" s="6" t="s">
        <v>49</v>
      </c>
      <c r="B2350" s="6"/>
      <c r="C2350" s="6" t="s">
        <v>2367</v>
      </c>
      <c r="D2350" s="6"/>
      <c r="E2350" s="6" t="s">
        <v>9</v>
      </c>
      <c r="F2350" s="7"/>
      <c r="G2350" s="8">
        <v>1</v>
      </c>
      <c r="H2350" s="8">
        <v>1</v>
      </c>
      <c r="I2350" s="8">
        <v>0</v>
      </c>
      <c r="J2350" s="8">
        <v>1</v>
      </c>
      <c r="K2350" s="9">
        <v>0.75</v>
      </c>
      <c r="L2350" s="6" t="s">
        <v>51</v>
      </c>
    </row>
    <row r="2351" spans="1:12">
      <c r="A2351" s="6" t="s">
        <v>49</v>
      </c>
      <c r="B2351" s="6"/>
      <c r="C2351" s="6" t="s">
        <v>2368</v>
      </c>
      <c r="D2351" s="6"/>
      <c r="E2351" s="6" t="s">
        <v>9</v>
      </c>
      <c r="F2351" s="7">
        <v>38657</v>
      </c>
      <c r="G2351" s="8">
        <v>1</v>
      </c>
      <c r="H2351" s="8">
        <v>1</v>
      </c>
      <c r="I2351" s="8">
        <v>0</v>
      </c>
      <c r="J2351" s="8">
        <v>1</v>
      </c>
      <c r="K2351" s="9">
        <v>61</v>
      </c>
      <c r="L2351" s="6" t="s">
        <v>51</v>
      </c>
    </row>
    <row r="2352" spans="1:12">
      <c r="A2352" s="6" t="s">
        <v>49</v>
      </c>
      <c r="B2352" s="6"/>
      <c r="C2352" s="6" t="s">
        <v>2369</v>
      </c>
      <c r="D2352" s="6"/>
      <c r="E2352" s="6" t="s">
        <v>9</v>
      </c>
      <c r="F2352" s="7">
        <v>38657</v>
      </c>
      <c r="G2352" s="8">
        <v>1</v>
      </c>
      <c r="H2352" s="8">
        <v>1</v>
      </c>
      <c r="I2352" s="8">
        <v>0</v>
      </c>
      <c r="J2352" s="8">
        <v>1</v>
      </c>
      <c r="K2352" s="9">
        <v>77</v>
      </c>
      <c r="L2352" s="6" t="s">
        <v>51</v>
      </c>
    </row>
    <row r="2353" spans="1:12">
      <c r="A2353" s="6" t="s">
        <v>49</v>
      </c>
      <c r="B2353" s="6"/>
      <c r="C2353" s="6" t="s">
        <v>2370</v>
      </c>
      <c r="D2353" s="6"/>
      <c r="E2353" s="6" t="s">
        <v>9</v>
      </c>
      <c r="F2353" s="7">
        <v>38657</v>
      </c>
      <c r="G2353" s="8">
        <v>1</v>
      </c>
      <c r="H2353" s="8">
        <v>1</v>
      </c>
      <c r="I2353" s="8">
        <v>0</v>
      </c>
      <c r="J2353" s="8">
        <v>1</v>
      </c>
      <c r="K2353" s="9">
        <v>5.07</v>
      </c>
      <c r="L2353" s="6" t="s">
        <v>51</v>
      </c>
    </row>
    <row r="2354" spans="1:12">
      <c r="A2354" s="6" t="s">
        <v>49</v>
      </c>
      <c r="B2354" s="6"/>
      <c r="C2354" s="6" t="s">
        <v>2371</v>
      </c>
      <c r="D2354" s="6"/>
      <c r="E2354" s="6" t="s">
        <v>9</v>
      </c>
      <c r="F2354" s="7"/>
      <c r="G2354" s="8">
        <v>1</v>
      </c>
      <c r="H2354" s="8">
        <v>1</v>
      </c>
      <c r="I2354" s="8">
        <v>0</v>
      </c>
      <c r="J2354" s="8">
        <v>1</v>
      </c>
      <c r="K2354" s="9">
        <v>39</v>
      </c>
      <c r="L2354" s="6" t="s">
        <v>51</v>
      </c>
    </row>
    <row r="2355" spans="1:12">
      <c r="A2355" s="6" t="s">
        <v>49</v>
      </c>
      <c r="B2355" s="6"/>
      <c r="C2355" s="6" t="s">
        <v>2372</v>
      </c>
      <c r="D2355" s="6"/>
      <c r="E2355" s="6" t="s">
        <v>9</v>
      </c>
      <c r="F2355" s="7">
        <v>38657</v>
      </c>
      <c r="G2355" s="8">
        <v>1</v>
      </c>
      <c r="H2355" s="8">
        <v>1</v>
      </c>
      <c r="I2355" s="8">
        <v>0</v>
      </c>
      <c r="J2355" s="8">
        <v>1</v>
      </c>
      <c r="K2355" s="9">
        <v>0.17</v>
      </c>
      <c r="L2355" s="6" t="s">
        <v>51</v>
      </c>
    </row>
    <row r="2356" spans="1:12">
      <c r="A2356" s="6" t="s">
        <v>49</v>
      </c>
      <c r="B2356" s="6"/>
      <c r="C2356" s="6" t="s">
        <v>2373</v>
      </c>
      <c r="D2356" s="6"/>
      <c r="E2356" s="6" t="s">
        <v>9</v>
      </c>
      <c r="F2356" s="7">
        <v>38657</v>
      </c>
      <c r="G2356" s="8">
        <v>1</v>
      </c>
      <c r="H2356" s="8">
        <v>1</v>
      </c>
      <c r="I2356" s="8">
        <v>0</v>
      </c>
      <c r="J2356" s="8">
        <v>1</v>
      </c>
      <c r="K2356" s="9">
        <v>3.15</v>
      </c>
      <c r="L2356" s="6" t="s">
        <v>51</v>
      </c>
    </row>
    <row r="2357" spans="1:12">
      <c r="A2357" s="6" t="s">
        <v>49</v>
      </c>
      <c r="B2357" s="6"/>
      <c r="C2357" s="6" t="s">
        <v>2374</v>
      </c>
      <c r="D2357" s="6"/>
      <c r="E2357" s="6" t="s">
        <v>9</v>
      </c>
      <c r="F2357" s="7">
        <v>38657</v>
      </c>
      <c r="G2357" s="8">
        <v>1</v>
      </c>
      <c r="H2357" s="8">
        <v>1</v>
      </c>
      <c r="I2357" s="8">
        <v>0</v>
      </c>
      <c r="J2357" s="8">
        <v>1</v>
      </c>
      <c r="K2357" s="9">
        <v>14</v>
      </c>
      <c r="L2357" s="6" t="s">
        <v>51</v>
      </c>
    </row>
    <row r="2358" spans="1:12">
      <c r="A2358" s="6" t="s">
        <v>49</v>
      </c>
      <c r="B2358" s="6"/>
      <c r="C2358" s="6" t="s">
        <v>2375</v>
      </c>
      <c r="D2358" s="6"/>
      <c r="E2358" s="6" t="s">
        <v>9</v>
      </c>
      <c r="F2358" s="7">
        <v>38657</v>
      </c>
      <c r="G2358" s="8">
        <v>1</v>
      </c>
      <c r="H2358" s="8">
        <v>1</v>
      </c>
      <c r="I2358" s="8">
        <v>0</v>
      </c>
      <c r="J2358" s="8">
        <v>1</v>
      </c>
      <c r="K2358" s="9">
        <v>19</v>
      </c>
      <c r="L2358" s="6" t="s">
        <v>51</v>
      </c>
    </row>
    <row r="2359" spans="1:12">
      <c r="A2359" s="6" t="s">
        <v>49</v>
      </c>
      <c r="B2359" s="6"/>
      <c r="C2359" s="6" t="s">
        <v>2376</v>
      </c>
      <c r="D2359" s="6"/>
      <c r="E2359" s="6" t="s">
        <v>9</v>
      </c>
      <c r="F2359" s="7">
        <v>38657</v>
      </c>
      <c r="G2359" s="8">
        <v>1</v>
      </c>
      <c r="H2359" s="8">
        <v>1</v>
      </c>
      <c r="I2359" s="8">
        <v>0</v>
      </c>
      <c r="J2359" s="8">
        <v>1</v>
      </c>
      <c r="K2359" s="9">
        <v>64</v>
      </c>
      <c r="L2359" s="6" t="s">
        <v>51</v>
      </c>
    </row>
    <row r="2360" spans="1:12">
      <c r="A2360" s="6" t="s">
        <v>49</v>
      </c>
      <c r="B2360" s="6"/>
      <c r="C2360" s="6" t="s">
        <v>2377</v>
      </c>
      <c r="D2360" s="6"/>
      <c r="E2360" s="6" t="s">
        <v>9</v>
      </c>
      <c r="F2360" s="7">
        <v>38657</v>
      </c>
      <c r="G2360" s="8">
        <v>1</v>
      </c>
      <c r="H2360" s="8">
        <v>1</v>
      </c>
      <c r="I2360" s="8">
        <v>0</v>
      </c>
      <c r="J2360" s="8">
        <v>1</v>
      </c>
      <c r="K2360" s="9">
        <v>1.92</v>
      </c>
      <c r="L2360" s="6" t="s">
        <v>51</v>
      </c>
    </row>
    <row r="2361" spans="1:12">
      <c r="A2361" s="6" t="s">
        <v>49</v>
      </c>
      <c r="B2361" s="6"/>
      <c r="C2361" s="6" t="s">
        <v>2378</v>
      </c>
      <c r="D2361" s="6"/>
      <c r="E2361" s="6" t="s">
        <v>9</v>
      </c>
      <c r="F2361" s="7">
        <v>38657</v>
      </c>
      <c r="G2361" s="8">
        <v>1</v>
      </c>
      <c r="H2361" s="8">
        <v>1</v>
      </c>
      <c r="I2361" s="8">
        <v>0</v>
      </c>
      <c r="J2361" s="8">
        <v>1</v>
      </c>
      <c r="K2361" s="9">
        <v>18</v>
      </c>
      <c r="L2361" s="6" t="s">
        <v>51</v>
      </c>
    </row>
    <row r="2362" spans="1:12">
      <c r="A2362" s="6" t="s">
        <v>49</v>
      </c>
      <c r="B2362" s="6"/>
      <c r="C2362" s="6" t="s">
        <v>2379</v>
      </c>
      <c r="D2362" s="6"/>
      <c r="E2362" s="6" t="s">
        <v>9</v>
      </c>
      <c r="F2362" s="7">
        <v>38657</v>
      </c>
      <c r="G2362" s="8">
        <v>1</v>
      </c>
      <c r="H2362" s="8">
        <v>1</v>
      </c>
      <c r="I2362" s="8">
        <v>0</v>
      </c>
      <c r="J2362" s="8">
        <v>1</v>
      </c>
      <c r="K2362" s="9">
        <v>41</v>
      </c>
      <c r="L2362" s="6" t="s">
        <v>51</v>
      </c>
    </row>
    <row r="2363" spans="1:12">
      <c r="A2363" s="6" t="s">
        <v>49</v>
      </c>
      <c r="B2363" s="6"/>
      <c r="C2363" s="6" t="s">
        <v>2380</v>
      </c>
      <c r="D2363" s="6"/>
      <c r="E2363" s="6" t="s">
        <v>9</v>
      </c>
      <c r="F2363" s="7">
        <v>38657</v>
      </c>
      <c r="G2363" s="8">
        <v>1</v>
      </c>
      <c r="H2363" s="8">
        <v>1</v>
      </c>
      <c r="I2363" s="8">
        <v>0</v>
      </c>
      <c r="J2363" s="8">
        <v>1</v>
      </c>
      <c r="K2363" s="9">
        <v>14</v>
      </c>
      <c r="L2363" s="6" t="s">
        <v>51</v>
      </c>
    </row>
    <row r="2364" spans="1:12">
      <c r="A2364" s="6" t="s">
        <v>49</v>
      </c>
      <c r="B2364" s="6"/>
      <c r="C2364" s="6" t="s">
        <v>2381</v>
      </c>
      <c r="D2364" s="6"/>
      <c r="E2364" s="6" t="s">
        <v>9</v>
      </c>
      <c r="F2364" s="7">
        <v>38657</v>
      </c>
      <c r="G2364" s="8">
        <v>1</v>
      </c>
      <c r="H2364" s="8">
        <v>1</v>
      </c>
      <c r="I2364" s="8">
        <v>0</v>
      </c>
      <c r="J2364" s="8">
        <v>1</v>
      </c>
      <c r="K2364" s="9">
        <v>1.25</v>
      </c>
      <c r="L2364" s="6" t="s">
        <v>51</v>
      </c>
    </row>
    <row r="2365" spans="1:12">
      <c r="A2365" s="6" t="s">
        <v>49</v>
      </c>
      <c r="B2365" s="6"/>
      <c r="C2365" s="6" t="s">
        <v>2382</v>
      </c>
      <c r="D2365" s="6"/>
      <c r="E2365" s="6" t="s">
        <v>9</v>
      </c>
      <c r="F2365" s="7"/>
      <c r="G2365" s="8">
        <v>1</v>
      </c>
      <c r="H2365" s="8">
        <v>1</v>
      </c>
      <c r="I2365" s="8">
        <v>0</v>
      </c>
      <c r="J2365" s="8">
        <v>1</v>
      </c>
      <c r="K2365" s="9">
        <v>6.61</v>
      </c>
      <c r="L2365" s="6" t="s">
        <v>51</v>
      </c>
    </row>
    <row r="2366" spans="1:12">
      <c r="A2366" s="6" t="s">
        <v>49</v>
      </c>
      <c r="B2366" s="6"/>
      <c r="C2366" s="6" t="s">
        <v>2383</v>
      </c>
      <c r="D2366" s="6"/>
      <c r="E2366" s="6" t="s">
        <v>9</v>
      </c>
      <c r="F2366" s="7">
        <v>38657</v>
      </c>
      <c r="G2366" s="8">
        <v>1</v>
      </c>
      <c r="H2366" s="8">
        <v>1</v>
      </c>
      <c r="I2366" s="8">
        <v>0</v>
      </c>
      <c r="J2366" s="8">
        <v>1</v>
      </c>
      <c r="K2366" s="9">
        <v>67</v>
      </c>
      <c r="L2366" s="6" t="s">
        <v>51</v>
      </c>
    </row>
    <row r="2367" spans="1:12">
      <c r="A2367" s="6" t="s">
        <v>49</v>
      </c>
      <c r="B2367" s="6"/>
      <c r="C2367" s="6" t="s">
        <v>2384</v>
      </c>
      <c r="D2367" s="6"/>
      <c r="E2367" s="6" t="s">
        <v>9</v>
      </c>
      <c r="F2367" s="7">
        <v>38657</v>
      </c>
      <c r="G2367" s="8">
        <v>1</v>
      </c>
      <c r="H2367" s="8">
        <v>1</v>
      </c>
      <c r="I2367" s="8">
        <v>0</v>
      </c>
      <c r="J2367" s="8">
        <v>1</v>
      </c>
      <c r="K2367" s="9">
        <v>2.34</v>
      </c>
      <c r="L2367" s="6" t="s">
        <v>51</v>
      </c>
    </row>
    <row r="2368" spans="1:12">
      <c r="A2368" s="6" t="s">
        <v>49</v>
      </c>
      <c r="B2368" s="6"/>
      <c r="C2368" s="6" t="s">
        <v>2385</v>
      </c>
      <c r="D2368" s="6"/>
      <c r="E2368" s="6" t="s">
        <v>9</v>
      </c>
      <c r="F2368" s="7">
        <v>38657</v>
      </c>
      <c r="G2368" s="8">
        <v>1</v>
      </c>
      <c r="H2368" s="8">
        <v>1</v>
      </c>
      <c r="I2368" s="8">
        <v>0</v>
      </c>
      <c r="J2368" s="8">
        <v>1</v>
      </c>
      <c r="K2368" s="9">
        <v>10</v>
      </c>
      <c r="L2368" s="6" t="s">
        <v>51</v>
      </c>
    </row>
    <row r="2369" spans="1:12">
      <c r="A2369" s="6" t="s">
        <v>49</v>
      </c>
      <c r="B2369" s="6"/>
      <c r="C2369" s="6" t="s">
        <v>2386</v>
      </c>
      <c r="D2369" s="6"/>
      <c r="E2369" s="6" t="s">
        <v>9</v>
      </c>
      <c r="F2369" s="7">
        <v>38657</v>
      </c>
      <c r="G2369" s="8">
        <v>1</v>
      </c>
      <c r="H2369" s="8">
        <v>1</v>
      </c>
      <c r="I2369" s="8">
        <v>0</v>
      </c>
      <c r="J2369" s="8">
        <v>1</v>
      </c>
      <c r="K2369" s="9">
        <v>9.36</v>
      </c>
      <c r="L2369" s="6" t="s">
        <v>51</v>
      </c>
    </row>
    <row r="2370" spans="1:12">
      <c r="A2370" s="6" t="s">
        <v>49</v>
      </c>
      <c r="B2370" s="6"/>
      <c r="C2370" s="6" t="s">
        <v>2387</v>
      </c>
      <c r="D2370" s="6"/>
      <c r="E2370" s="6" t="s">
        <v>9</v>
      </c>
      <c r="F2370" s="7">
        <v>38657</v>
      </c>
      <c r="G2370" s="8">
        <v>1</v>
      </c>
      <c r="H2370" s="8">
        <v>1</v>
      </c>
      <c r="I2370" s="8">
        <v>0</v>
      </c>
      <c r="J2370" s="8">
        <v>1</v>
      </c>
      <c r="K2370" s="9">
        <v>30</v>
      </c>
      <c r="L2370" s="6" t="s">
        <v>51</v>
      </c>
    </row>
    <row r="2371" spans="1:12">
      <c r="A2371" s="6" t="s">
        <v>49</v>
      </c>
      <c r="B2371" s="6"/>
      <c r="C2371" s="6" t="s">
        <v>2388</v>
      </c>
      <c r="D2371" s="6"/>
      <c r="E2371" s="6" t="s">
        <v>9</v>
      </c>
      <c r="F2371" s="7"/>
      <c r="G2371" s="8">
        <v>1</v>
      </c>
      <c r="H2371" s="8">
        <v>1</v>
      </c>
      <c r="I2371" s="8">
        <v>0</v>
      </c>
      <c r="J2371" s="8">
        <v>1</v>
      </c>
      <c r="K2371" s="9">
        <v>10</v>
      </c>
      <c r="L2371" s="6" t="s">
        <v>51</v>
      </c>
    </row>
    <row r="2372" spans="1:12">
      <c r="A2372" s="6" t="s">
        <v>49</v>
      </c>
      <c r="B2372" s="6"/>
      <c r="C2372" s="6" t="s">
        <v>2389</v>
      </c>
      <c r="D2372" s="6"/>
      <c r="E2372" s="6" t="s">
        <v>9</v>
      </c>
      <c r="F2372" s="7">
        <v>38657</v>
      </c>
      <c r="G2372" s="8">
        <v>1</v>
      </c>
      <c r="H2372" s="8">
        <v>1</v>
      </c>
      <c r="I2372" s="8">
        <v>0</v>
      </c>
      <c r="J2372" s="8">
        <v>1</v>
      </c>
      <c r="K2372" s="9">
        <v>3.06</v>
      </c>
      <c r="L2372" s="6" t="s">
        <v>51</v>
      </c>
    </row>
    <row r="2373" spans="1:12">
      <c r="A2373" s="6" t="s">
        <v>49</v>
      </c>
      <c r="B2373" s="6"/>
      <c r="C2373" s="6" t="s">
        <v>2390</v>
      </c>
      <c r="D2373" s="6"/>
      <c r="E2373" s="6" t="s">
        <v>9</v>
      </c>
      <c r="F2373" s="7">
        <v>38657</v>
      </c>
      <c r="G2373" s="8">
        <v>1</v>
      </c>
      <c r="H2373" s="8">
        <v>1</v>
      </c>
      <c r="I2373" s="8">
        <v>0</v>
      </c>
      <c r="J2373" s="8">
        <v>1</v>
      </c>
      <c r="K2373" s="9">
        <v>83</v>
      </c>
      <c r="L2373" s="6" t="s">
        <v>51</v>
      </c>
    </row>
    <row r="2374" spans="1:12">
      <c r="A2374" s="6" t="s">
        <v>49</v>
      </c>
      <c r="B2374" s="6"/>
      <c r="C2374" s="6" t="s">
        <v>2391</v>
      </c>
      <c r="D2374" s="6"/>
      <c r="E2374" s="6" t="s">
        <v>9</v>
      </c>
      <c r="F2374" s="7">
        <v>38657</v>
      </c>
      <c r="G2374" s="8">
        <v>1</v>
      </c>
      <c r="H2374" s="8">
        <v>1</v>
      </c>
      <c r="I2374" s="8">
        <v>0</v>
      </c>
      <c r="J2374" s="8">
        <v>1</v>
      </c>
      <c r="K2374" s="9">
        <v>51</v>
      </c>
      <c r="L2374" s="6" t="s">
        <v>51</v>
      </c>
    </row>
    <row r="2375" spans="1:12">
      <c r="A2375" s="6" t="s">
        <v>49</v>
      </c>
      <c r="B2375" s="6"/>
      <c r="C2375" s="6" t="s">
        <v>2392</v>
      </c>
      <c r="D2375" s="6"/>
      <c r="E2375" s="6" t="s">
        <v>9</v>
      </c>
      <c r="F2375" s="7">
        <v>38657</v>
      </c>
      <c r="G2375" s="8">
        <v>1</v>
      </c>
      <c r="H2375" s="8">
        <v>1</v>
      </c>
      <c r="I2375" s="8">
        <v>0</v>
      </c>
      <c r="J2375" s="8">
        <v>1</v>
      </c>
      <c r="K2375" s="9">
        <v>42</v>
      </c>
      <c r="L2375" s="6" t="s">
        <v>51</v>
      </c>
    </row>
    <row r="2376" spans="1:12">
      <c r="A2376" s="6" t="s">
        <v>49</v>
      </c>
      <c r="B2376" s="6"/>
      <c r="C2376" s="6" t="s">
        <v>2393</v>
      </c>
      <c r="D2376" s="6"/>
      <c r="E2376" s="6" t="s">
        <v>9</v>
      </c>
      <c r="F2376" s="7"/>
      <c r="G2376" s="8">
        <v>190351</v>
      </c>
      <c r="H2376" s="8">
        <v>190351</v>
      </c>
      <c r="I2376" s="8">
        <v>0</v>
      </c>
      <c r="J2376" s="8">
        <v>190351</v>
      </c>
      <c r="K2376" s="9">
        <v>9.91</v>
      </c>
      <c r="L2376" s="6" t="s">
        <v>10</v>
      </c>
    </row>
    <row r="2377" spans="1:12">
      <c r="A2377" s="6" t="s">
        <v>49</v>
      </c>
      <c r="B2377" s="6"/>
      <c r="C2377" s="6" t="s">
        <v>2394</v>
      </c>
      <c r="D2377" s="6"/>
      <c r="E2377" s="6" t="s">
        <v>9</v>
      </c>
      <c r="F2377" s="7">
        <v>38657</v>
      </c>
      <c r="G2377" s="8">
        <v>1</v>
      </c>
      <c r="H2377" s="8">
        <v>1</v>
      </c>
      <c r="I2377" s="8">
        <v>0</v>
      </c>
      <c r="J2377" s="8">
        <v>1</v>
      </c>
      <c r="K2377" s="9">
        <v>94</v>
      </c>
      <c r="L2377" s="6" t="s">
        <v>51</v>
      </c>
    </row>
    <row r="2378" spans="1:12">
      <c r="A2378" s="6" t="s">
        <v>49</v>
      </c>
      <c r="B2378" s="6"/>
      <c r="C2378" s="6" t="s">
        <v>2395</v>
      </c>
      <c r="D2378" s="6"/>
      <c r="E2378" s="6" t="s">
        <v>9</v>
      </c>
      <c r="F2378" s="7">
        <v>38657</v>
      </c>
      <c r="G2378" s="8">
        <v>1</v>
      </c>
      <c r="H2378" s="8">
        <v>1</v>
      </c>
      <c r="I2378" s="8">
        <v>0</v>
      </c>
      <c r="J2378" s="8">
        <v>1</v>
      </c>
      <c r="K2378" s="9">
        <v>44</v>
      </c>
      <c r="L2378" s="6" t="s">
        <v>51</v>
      </c>
    </row>
    <row r="2379" spans="1:12">
      <c r="A2379" s="6" t="s">
        <v>49</v>
      </c>
      <c r="B2379" s="6"/>
      <c r="C2379" s="6" t="s">
        <v>2396</v>
      </c>
      <c r="D2379" s="6"/>
      <c r="E2379" s="6" t="s">
        <v>9</v>
      </c>
      <c r="F2379" s="7">
        <v>38657</v>
      </c>
      <c r="G2379" s="8">
        <v>1</v>
      </c>
      <c r="H2379" s="8">
        <v>1</v>
      </c>
      <c r="I2379" s="8">
        <v>0</v>
      </c>
      <c r="J2379" s="8">
        <v>1</v>
      </c>
      <c r="K2379" s="9">
        <v>54</v>
      </c>
      <c r="L2379" s="6" t="s">
        <v>51</v>
      </c>
    </row>
    <row r="2380" spans="1:12">
      <c r="A2380" s="6" t="s">
        <v>49</v>
      </c>
      <c r="B2380" s="6"/>
      <c r="C2380" s="6" t="s">
        <v>2397</v>
      </c>
      <c r="D2380" s="6"/>
      <c r="E2380" s="6" t="s">
        <v>9</v>
      </c>
      <c r="F2380" s="7">
        <v>38657</v>
      </c>
      <c r="G2380" s="8">
        <v>1</v>
      </c>
      <c r="H2380" s="8">
        <v>1</v>
      </c>
      <c r="I2380" s="8">
        <v>0</v>
      </c>
      <c r="J2380" s="8">
        <v>1</v>
      </c>
      <c r="K2380" s="9">
        <v>49</v>
      </c>
      <c r="L2380" s="6" t="s">
        <v>51</v>
      </c>
    </row>
    <row r="2381" spans="1:12">
      <c r="A2381" s="6" t="s">
        <v>49</v>
      </c>
      <c r="B2381" s="6"/>
      <c r="C2381" s="6" t="s">
        <v>2398</v>
      </c>
      <c r="D2381" s="6"/>
      <c r="E2381" s="6" t="s">
        <v>9</v>
      </c>
      <c r="F2381" s="7">
        <v>38657</v>
      </c>
      <c r="G2381" s="8">
        <v>1</v>
      </c>
      <c r="H2381" s="8">
        <v>1</v>
      </c>
      <c r="I2381" s="8">
        <v>0</v>
      </c>
      <c r="J2381" s="8">
        <v>1</v>
      </c>
      <c r="K2381" s="9">
        <v>100</v>
      </c>
      <c r="L2381" s="6" t="s">
        <v>51</v>
      </c>
    </row>
    <row r="2382" spans="1:12">
      <c r="A2382" s="6" t="s">
        <v>49</v>
      </c>
      <c r="B2382" s="6"/>
      <c r="C2382" s="6" t="s">
        <v>2399</v>
      </c>
      <c r="D2382" s="6"/>
      <c r="E2382" s="6" t="s">
        <v>9</v>
      </c>
      <c r="F2382" s="7">
        <v>38657</v>
      </c>
      <c r="G2382" s="8">
        <v>1</v>
      </c>
      <c r="H2382" s="8">
        <v>1</v>
      </c>
      <c r="I2382" s="8">
        <v>0</v>
      </c>
      <c r="J2382" s="8">
        <v>1</v>
      </c>
      <c r="K2382" s="9">
        <v>4</v>
      </c>
      <c r="L2382" s="6" t="s">
        <v>51</v>
      </c>
    </row>
    <row r="2383" spans="1:12">
      <c r="A2383" s="6" t="s">
        <v>49</v>
      </c>
      <c r="B2383" s="6"/>
      <c r="C2383" s="6" t="s">
        <v>2400</v>
      </c>
      <c r="D2383" s="6"/>
      <c r="E2383" s="6" t="s">
        <v>9</v>
      </c>
      <c r="F2383" s="7">
        <v>38657</v>
      </c>
      <c r="G2383" s="8">
        <v>1</v>
      </c>
      <c r="H2383" s="8">
        <v>1</v>
      </c>
      <c r="I2383" s="8">
        <v>0</v>
      </c>
      <c r="J2383" s="8">
        <v>1</v>
      </c>
      <c r="K2383" s="9">
        <v>38</v>
      </c>
      <c r="L2383" s="6" t="s">
        <v>51</v>
      </c>
    </row>
    <row r="2384" spans="1:12">
      <c r="A2384" s="6" t="s">
        <v>49</v>
      </c>
      <c r="B2384" s="6"/>
      <c r="C2384" s="6" t="s">
        <v>2401</v>
      </c>
      <c r="D2384" s="6"/>
      <c r="E2384" s="6" t="s">
        <v>9</v>
      </c>
      <c r="F2384" s="7">
        <v>38657</v>
      </c>
      <c r="G2384" s="8">
        <v>1</v>
      </c>
      <c r="H2384" s="8">
        <v>1</v>
      </c>
      <c r="I2384" s="8">
        <v>0</v>
      </c>
      <c r="J2384" s="8">
        <v>1</v>
      </c>
      <c r="K2384" s="9">
        <v>39</v>
      </c>
      <c r="L2384" s="6" t="s">
        <v>51</v>
      </c>
    </row>
    <row r="2385" spans="1:12">
      <c r="A2385" s="6" t="s">
        <v>49</v>
      </c>
      <c r="B2385" s="6"/>
      <c r="C2385" s="6" t="s">
        <v>2402</v>
      </c>
      <c r="D2385" s="6"/>
      <c r="E2385" s="6" t="s">
        <v>9</v>
      </c>
      <c r="F2385" s="7">
        <v>38657</v>
      </c>
      <c r="G2385" s="8">
        <v>1</v>
      </c>
      <c r="H2385" s="8">
        <v>1</v>
      </c>
      <c r="I2385" s="8">
        <v>0</v>
      </c>
      <c r="J2385" s="8">
        <v>1</v>
      </c>
      <c r="K2385" s="9">
        <v>19</v>
      </c>
      <c r="L2385" s="6" t="s">
        <v>51</v>
      </c>
    </row>
    <row r="2386" spans="1:12">
      <c r="A2386" s="6" t="s">
        <v>49</v>
      </c>
      <c r="B2386" s="6"/>
      <c r="C2386" s="6" t="s">
        <v>2403</v>
      </c>
      <c r="D2386" s="6"/>
      <c r="E2386" s="6" t="s">
        <v>9</v>
      </c>
      <c r="F2386" s="7">
        <v>38657</v>
      </c>
      <c r="G2386" s="8">
        <v>1</v>
      </c>
      <c r="H2386" s="8">
        <v>1</v>
      </c>
      <c r="I2386" s="8">
        <v>0</v>
      </c>
      <c r="J2386" s="8">
        <v>1</v>
      </c>
      <c r="K2386" s="9">
        <v>19</v>
      </c>
      <c r="L2386" s="6" t="s">
        <v>51</v>
      </c>
    </row>
    <row r="2387" spans="1:12">
      <c r="A2387" s="6" t="s">
        <v>49</v>
      </c>
      <c r="B2387" s="6"/>
      <c r="C2387" s="6" t="s">
        <v>2404</v>
      </c>
      <c r="D2387" s="6"/>
      <c r="E2387" s="6" t="s">
        <v>9</v>
      </c>
      <c r="F2387" s="7"/>
      <c r="G2387" s="8">
        <v>1</v>
      </c>
      <c r="H2387" s="8">
        <v>1</v>
      </c>
      <c r="I2387" s="8">
        <v>0</v>
      </c>
      <c r="J2387" s="8">
        <v>1</v>
      </c>
      <c r="K2387" s="9">
        <v>9.91</v>
      </c>
      <c r="L2387" s="6" t="s">
        <v>51</v>
      </c>
    </row>
    <row r="2388" spans="1:12">
      <c r="A2388" s="6" t="s">
        <v>49</v>
      </c>
      <c r="B2388" s="6"/>
      <c r="C2388" s="6" t="s">
        <v>2405</v>
      </c>
      <c r="D2388" s="6"/>
      <c r="E2388" s="6" t="s">
        <v>9</v>
      </c>
      <c r="F2388" s="7">
        <v>38657</v>
      </c>
      <c r="G2388" s="8">
        <v>1</v>
      </c>
      <c r="H2388" s="8">
        <v>1</v>
      </c>
      <c r="I2388" s="8">
        <v>0</v>
      </c>
      <c r="J2388" s="8">
        <v>1</v>
      </c>
      <c r="K2388" s="9">
        <v>39</v>
      </c>
      <c r="L2388" s="6" t="s">
        <v>51</v>
      </c>
    </row>
    <row r="2389" spans="1:12">
      <c r="A2389" s="6" t="s">
        <v>49</v>
      </c>
      <c r="B2389" s="6"/>
      <c r="C2389" s="6" t="s">
        <v>2406</v>
      </c>
      <c r="D2389" s="6"/>
      <c r="E2389" s="6" t="s">
        <v>9</v>
      </c>
      <c r="F2389" s="7">
        <v>38657</v>
      </c>
      <c r="G2389" s="8">
        <v>1</v>
      </c>
      <c r="H2389" s="8">
        <v>1</v>
      </c>
      <c r="I2389" s="8">
        <v>0</v>
      </c>
      <c r="J2389" s="8">
        <v>1</v>
      </c>
      <c r="K2389" s="9">
        <v>39</v>
      </c>
      <c r="L2389" s="6" t="s">
        <v>51</v>
      </c>
    </row>
    <row r="2390" spans="1:12">
      <c r="A2390" s="6" t="s">
        <v>49</v>
      </c>
      <c r="B2390" s="6"/>
      <c r="C2390" s="6" t="s">
        <v>2407</v>
      </c>
      <c r="D2390" s="6"/>
      <c r="E2390" s="6" t="s">
        <v>9</v>
      </c>
      <c r="F2390" s="7">
        <v>38657</v>
      </c>
      <c r="G2390" s="8">
        <v>1</v>
      </c>
      <c r="H2390" s="8">
        <v>1</v>
      </c>
      <c r="I2390" s="8">
        <v>0</v>
      </c>
      <c r="J2390" s="8">
        <v>1</v>
      </c>
      <c r="K2390" s="9">
        <v>39</v>
      </c>
      <c r="L2390" s="6" t="s">
        <v>51</v>
      </c>
    </row>
    <row r="2391" spans="1:12">
      <c r="A2391" s="6" t="s">
        <v>49</v>
      </c>
      <c r="B2391" s="6"/>
      <c r="C2391" s="6" t="s">
        <v>2408</v>
      </c>
      <c r="D2391" s="6"/>
      <c r="E2391" s="6" t="s">
        <v>9</v>
      </c>
      <c r="F2391" s="7">
        <v>38657</v>
      </c>
      <c r="G2391" s="8">
        <v>1</v>
      </c>
      <c r="H2391" s="8">
        <v>1</v>
      </c>
      <c r="I2391" s="8">
        <v>0</v>
      </c>
      <c r="J2391" s="8">
        <v>1</v>
      </c>
      <c r="K2391" s="9">
        <v>25</v>
      </c>
      <c r="L2391" s="6" t="s">
        <v>51</v>
      </c>
    </row>
    <row r="2392" spans="1:12">
      <c r="A2392" s="6" t="s">
        <v>49</v>
      </c>
      <c r="B2392" s="6"/>
      <c r="C2392" s="6" t="s">
        <v>2409</v>
      </c>
      <c r="D2392" s="6"/>
      <c r="E2392" s="6" t="s">
        <v>9</v>
      </c>
      <c r="F2392" s="7">
        <v>38657</v>
      </c>
      <c r="G2392" s="8">
        <v>1</v>
      </c>
      <c r="H2392" s="8">
        <v>1</v>
      </c>
      <c r="I2392" s="8">
        <v>0</v>
      </c>
      <c r="J2392" s="8">
        <v>1</v>
      </c>
      <c r="K2392" s="9">
        <v>47</v>
      </c>
      <c r="L2392" s="6" t="s">
        <v>51</v>
      </c>
    </row>
    <row r="2393" spans="1:12">
      <c r="A2393" s="6" t="s">
        <v>49</v>
      </c>
      <c r="B2393" s="6"/>
      <c r="C2393" s="6" t="s">
        <v>2410</v>
      </c>
      <c r="D2393" s="6"/>
      <c r="E2393" s="6" t="s">
        <v>9</v>
      </c>
      <c r="F2393" s="7">
        <v>38657</v>
      </c>
      <c r="G2393" s="8">
        <v>1</v>
      </c>
      <c r="H2393" s="8">
        <v>1</v>
      </c>
      <c r="I2393" s="8">
        <v>0</v>
      </c>
      <c r="J2393" s="8">
        <v>1</v>
      </c>
      <c r="K2393" s="9">
        <v>25.64</v>
      </c>
      <c r="L2393" s="6" t="s">
        <v>51</v>
      </c>
    </row>
    <row r="2394" spans="1:12">
      <c r="A2394" s="6" t="s">
        <v>49</v>
      </c>
      <c r="B2394" s="6"/>
      <c r="C2394" s="6" t="s">
        <v>2411</v>
      </c>
      <c r="D2394" s="6"/>
      <c r="E2394" s="6" t="s">
        <v>9</v>
      </c>
      <c r="F2394" s="7">
        <v>38657</v>
      </c>
      <c r="G2394" s="8">
        <v>1</v>
      </c>
      <c r="H2394" s="8">
        <v>1</v>
      </c>
      <c r="I2394" s="8">
        <v>0</v>
      </c>
      <c r="J2394" s="8">
        <v>1</v>
      </c>
      <c r="K2394" s="9">
        <v>116.91</v>
      </c>
      <c r="L2394" s="6" t="s">
        <v>51</v>
      </c>
    </row>
    <row r="2395" spans="1:12">
      <c r="A2395" s="6" t="s">
        <v>49</v>
      </c>
      <c r="B2395" s="6"/>
      <c r="C2395" s="6" t="s">
        <v>2412</v>
      </c>
      <c r="D2395" s="6"/>
      <c r="E2395" s="6" t="s">
        <v>9</v>
      </c>
      <c r="F2395" s="7">
        <v>38657</v>
      </c>
      <c r="G2395" s="8">
        <v>1</v>
      </c>
      <c r="H2395" s="8">
        <v>1</v>
      </c>
      <c r="I2395" s="8">
        <v>0</v>
      </c>
      <c r="J2395" s="8">
        <v>1</v>
      </c>
      <c r="K2395" s="9">
        <v>26</v>
      </c>
      <c r="L2395" s="6" t="s">
        <v>51</v>
      </c>
    </row>
    <row r="2396" spans="1:12">
      <c r="A2396" s="6" t="s">
        <v>49</v>
      </c>
      <c r="B2396" s="6"/>
      <c r="C2396" s="6" t="s">
        <v>2413</v>
      </c>
      <c r="D2396" s="6"/>
      <c r="E2396" s="6" t="s">
        <v>9</v>
      </c>
      <c r="F2396" s="7">
        <v>38657</v>
      </c>
      <c r="G2396" s="8">
        <v>1</v>
      </c>
      <c r="H2396" s="8">
        <v>1</v>
      </c>
      <c r="I2396" s="8">
        <v>0</v>
      </c>
      <c r="J2396" s="8">
        <v>1</v>
      </c>
      <c r="K2396" s="9">
        <v>24</v>
      </c>
      <c r="L2396" s="6" t="s">
        <v>51</v>
      </c>
    </row>
    <row r="2397" spans="1:12">
      <c r="A2397" s="6" t="s">
        <v>49</v>
      </c>
      <c r="B2397" s="6"/>
      <c r="C2397" s="6" t="s">
        <v>2414</v>
      </c>
      <c r="D2397" s="6"/>
      <c r="E2397" s="6" t="s">
        <v>9</v>
      </c>
      <c r="F2397" s="7">
        <v>38657</v>
      </c>
      <c r="G2397" s="8">
        <v>1</v>
      </c>
      <c r="H2397" s="8">
        <v>1</v>
      </c>
      <c r="I2397" s="8">
        <v>0</v>
      </c>
      <c r="J2397" s="8">
        <v>1</v>
      </c>
      <c r="K2397" s="9">
        <v>122</v>
      </c>
      <c r="L2397" s="6" t="s">
        <v>51</v>
      </c>
    </row>
    <row r="2398" spans="1:12">
      <c r="A2398" s="6" t="s">
        <v>49</v>
      </c>
      <c r="B2398" s="6"/>
      <c r="C2398" s="6" t="s">
        <v>2415</v>
      </c>
      <c r="D2398" s="6"/>
      <c r="E2398" s="6" t="s">
        <v>9</v>
      </c>
      <c r="F2398" s="7">
        <v>38657</v>
      </c>
      <c r="G2398" s="8">
        <v>1</v>
      </c>
      <c r="H2398" s="8">
        <v>1</v>
      </c>
      <c r="I2398" s="8">
        <v>0</v>
      </c>
      <c r="J2398" s="8">
        <v>1</v>
      </c>
      <c r="K2398" s="9">
        <v>6.61</v>
      </c>
      <c r="L2398" s="6" t="s">
        <v>51</v>
      </c>
    </row>
    <row r="2399" spans="1:12">
      <c r="A2399" s="6" t="s">
        <v>49</v>
      </c>
      <c r="B2399" s="6"/>
      <c r="C2399" s="6" t="s">
        <v>2416</v>
      </c>
      <c r="D2399" s="6"/>
      <c r="E2399" s="6" t="s">
        <v>9</v>
      </c>
      <c r="F2399" s="7">
        <v>38657</v>
      </c>
      <c r="G2399" s="8">
        <v>1</v>
      </c>
      <c r="H2399" s="8">
        <v>1</v>
      </c>
      <c r="I2399" s="8">
        <v>0</v>
      </c>
      <c r="J2399" s="8">
        <v>1</v>
      </c>
      <c r="K2399" s="9">
        <v>14</v>
      </c>
      <c r="L2399" s="6" t="s">
        <v>51</v>
      </c>
    </row>
    <row r="2400" spans="1:12">
      <c r="A2400" s="6" t="s">
        <v>49</v>
      </c>
      <c r="B2400" s="6"/>
      <c r="C2400" s="6" t="s">
        <v>2417</v>
      </c>
      <c r="D2400" s="6"/>
      <c r="E2400" s="6" t="s">
        <v>9</v>
      </c>
      <c r="F2400" s="7">
        <v>38657</v>
      </c>
      <c r="G2400" s="8">
        <v>1</v>
      </c>
      <c r="H2400" s="8">
        <v>1</v>
      </c>
      <c r="I2400" s="8">
        <v>0</v>
      </c>
      <c r="J2400" s="8">
        <v>1</v>
      </c>
      <c r="K2400" s="9">
        <v>14</v>
      </c>
      <c r="L2400" s="6" t="s">
        <v>51</v>
      </c>
    </row>
    <row r="2401" spans="1:12">
      <c r="A2401" s="6" t="s">
        <v>49</v>
      </c>
      <c r="B2401" s="6"/>
      <c r="C2401" s="6" t="s">
        <v>2418</v>
      </c>
      <c r="D2401" s="6"/>
      <c r="E2401" s="6" t="s">
        <v>9</v>
      </c>
      <c r="F2401" s="7">
        <v>38657</v>
      </c>
      <c r="G2401" s="8">
        <v>1</v>
      </c>
      <c r="H2401" s="8">
        <v>1</v>
      </c>
      <c r="I2401" s="8">
        <v>0</v>
      </c>
      <c r="J2401" s="8">
        <v>1</v>
      </c>
      <c r="K2401" s="9">
        <v>11</v>
      </c>
      <c r="L2401" s="6" t="s">
        <v>51</v>
      </c>
    </row>
    <row r="2402" spans="1:12">
      <c r="A2402" s="6" t="s">
        <v>49</v>
      </c>
      <c r="B2402" s="6"/>
      <c r="C2402" s="6" t="s">
        <v>2419</v>
      </c>
      <c r="D2402" s="6"/>
      <c r="E2402" s="6" t="s">
        <v>9</v>
      </c>
      <c r="F2402" s="7">
        <v>38657</v>
      </c>
      <c r="G2402" s="8">
        <v>1</v>
      </c>
      <c r="H2402" s="8">
        <v>1</v>
      </c>
      <c r="I2402" s="8">
        <v>0</v>
      </c>
      <c r="J2402" s="8">
        <v>1</v>
      </c>
      <c r="K2402" s="9">
        <v>10</v>
      </c>
      <c r="L2402" s="6" t="s">
        <v>51</v>
      </c>
    </row>
    <row r="2403" spans="1:12">
      <c r="A2403" s="6" t="s">
        <v>49</v>
      </c>
      <c r="B2403" s="6"/>
      <c r="C2403" s="6" t="s">
        <v>2420</v>
      </c>
      <c r="D2403" s="6"/>
      <c r="E2403" s="6" t="s">
        <v>9</v>
      </c>
      <c r="F2403" s="7">
        <v>38657</v>
      </c>
      <c r="G2403" s="8">
        <v>1</v>
      </c>
      <c r="H2403" s="8">
        <v>1</v>
      </c>
      <c r="I2403" s="8">
        <v>0</v>
      </c>
      <c r="J2403" s="8">
        <v>1</v>
      </c>
      <c r="K2403" s="9">
        <v>26</v>
      </c>
      <c r="L2403" s="6" t="s">
        <v>51</v>
      </c>
    </row>
    <row r="2404" spans="1:12">
      <c r="A2404" s="6" t="s">
        <v>49</v>
      </c>
      <c r="B2404" s="6"/>
      <c r="C2404" s="6" t="s">
        <v>2421</v>
      </c>
      <c r="D2404" s="6"/>
      <c r="E2404" s="6" t="s">
        <v>9</v>
      </c>
      <c r="F2404" s="7">
        <v>38657</v>
      </c>
      <c r="G2404" s="8">
        <v>1</v>
      </c>
      <c r="H2404" s="8">
        <v>1</v>
      </c>
      <c r="I2404" s="8">
        <v>0</v>
      </c>
      <c r="J2404" s="8">
        <v>1</v>
      </c>
      <c r="K2404" s="9">
        <v>24</v>
      </c>
      <c r="L2404" s="6" t="s">
        <v>51</v>
      </c>
    </row>
    <row r="2405" spans="1:12">
      <c r="A2405" s="6" t="s">
        <v>49</v>
      </c>
      <c r="B2405" s="6"/>
      <c r="C2405" s="6" t="s">
        <v>2422</v>
      </c>
      <c r="D2405" s="6"/>
      <c r="E2405" s="6" t="s">
        <v>9</v>
      </c>
      <c r="F2405" s="7">
        <v>38657</v>
      </c>
      <c r="G2405" s="8">
        <v>1</v>
      </c>
      <c r="H2405" s="8">
        <v>1</v>
      </c>
      <c r="I2405" s="8">
        <v>0</v>
      </c>
      <c r="J2405" s="8">
        <v>1</v>
      </c>
      <c r="K2405" s="9">
        <v>7.7</v>
      </c>
      <c r="L2405" s="6" t="s">
        <v>51</v>
      </c>
    </row>
    <row r="2406" spans="1:12">
      <c r="A2406" s="6" t="s">
        <v>49</v>
      </c>
      <c r="B2406" s="6"/>
      <c r="C2406" s="6" t="s">
        <v>2423</v>
      </c>
      <c r="D2406" s="6"/>
      <c r="E2406" s="6" t="s">
        <v>9</v>
      </c>
      <c r="F2406" s="7">
        <v>38657</v>
      </c>
      <c r="G2406" s="8">
        <v>1</v>
      </c>
      <c r="H2406" s="8">
        <v>1</v>
      </c>
      <c r="I2406" s="8">
        <v>0</v>
      </c>
      <c r="J2406" s="8">
        <v>1</v>
      </c>
      <c r="K2406" s="9">
        <v>18</v>
      </c>
      <c r="L2406" s="6" t="s">
        <v>51</v>
      </c>
    </row>
    <row r="2407" spans="1:12">
      <c r="A2407" s="6" t="s">
        <v>49</v>
      </c>
      <c r="B2407" s="6"/>
      <c r="C2407" s="6" t="s">
        <v>2424</v>
      </c>
      <c r="D2407" s="6"/>
      <c r="E2407" s="6" t="s">
        <v>9</v>
      </c>
      <c r="F2407" s="7">
        <v>38657</v>
      </c>
      <c r="G2407" s="8">
        <v>1</v>
      </c>
      <c r="H2407" s="8">
        <v>1</v>
      </c>
      <c r="I2407" s="8">
        <v>0</v>
      </c>
      <c r="J2407" s="8">
        <v>1</v>
      </c>
      <c r="K2407" s="9">
        <v>6.48</v>
      </c>
      <c r="L2407" s="6" t="s">
        <v>51</v>
      </c>
    </row>
    <row r="2408" spans="1:12">
      <c r="A2408" s="6" t="s">
        <v>49</v>
      </c>
      <c r="B2408" s="6"/>
      <c r="C2408" s="6" t="s">
        <v>2425</v>
      </c>
      <c r="D2408" s="6"/>
      <c r="E2408" s="6" t="s">
        <v>9</v>
      </c>
      <c r="F2408" s="7">
        <v>38657</v>
      </c>
      <c r="G2408" s="8">
        <v>1</v>
      </c>
      <c r="H2408" s="8">
        <v>1</v>
      </c>
      <c r="I2408" s="8">
        <v>0</v>
      </c>
      <c r="J2408" s="8">
        <v>1</v>
      </c>
      <c r="K2408" s="9">
        <v>17</v>
      </c>
      <c r="L2408" s="6" t="s">
        <v>51</v>
      </c>
    </row>
    <row r="2409" spans="1:12">
      <c r="A2409" s="6" t="s">
        <v>49</v>
      </c>
      <c r="B2409" s="6"/>
      <c r="C2409" s="6" t="s">
        <v>2426</v>
      </c>
      <c r="D2409" s="6"/>
      <c r="E2409" s="6" t="s">
        <v>9</v>
      </c>
      <c r="F2409" s="7">
        <v>38657</v>
      </c>
      <c r="G2409" s="8">
        <v>1</v>
      </c>
      <c r="H2409" s="8">
        <v>1</v>
      </c>
      <c r="I2409" s="8">
        <v>0</v>
      </c>
      <c r="J2409" s="8">
        <v>1</v>
      </c>
      <c r="K2409" s="9">
        <v>3.3</v>
      </c>
      <c r="L2409" s="6" t="s">
        <v>51</v>
      </c>
    </row>
    <row r="2410" spans="1:12">
      <c r="A2410" s="6" t="s">
        <v>49</v>
      </c>
      <c r="B2410" s="6"/>
      <c r="C2410" s="6" t="s">
        <v>2427</v>
      </c>
      <c r="D2410" s="6"/>
      <c r="E2410" s="6" t="s">
        <v>9</v>
      </c>
      <c r="F2410" s="7">
        <v>38657</v>
      </c>
      <c r="G2410" s="8">
        <v>1</v>
      </c>
      <c r="H2410" s="8">
        <v>1</v>
      </c>
      <c r="I2410" s="8">
        <v>0</v>
      </c>
      <c r="J2410" s="8">
        <v>1</v>
      </c>
      <c r="K2410" s="9">
        <v>26</v>
      </c>
      <c r="L2410" s="6" t="s">
        <v>51</v>
      </c>
    </row>
    <row r="2411" spans="1:12">
      <c r="A2411" s="6" t="s">
        <v>49</v>
      </c>
      <c r="B2411" s="6"/>
      <c r="C2411" s="6" t="s">
        <v>2428</v>
      </c>
      <c r="D2411" s="6"/>
      <c r="E2411" s="6" t="s">
        <v>9</v>
      </c>
      <c r="F2411" s="7">
        <v>38657</v>
      </c>
      <c r="G2411" s="8">
        <v>1</v>
      </c>
      <c r="H2411" s="8">
        <v>1</v>
      </c>
      <c r="I2411" s="8">
        <v>0</v>
      </c>
      <c r="J2411" s="8">
        <v>1</v>
      </c>
      <c r="K2411" s="9">
        <v>26</v>
      </c>
      <c r="L2411" s="6" t="s">
        <v>51</v>
      </c>
    </row>
    <row r="2412" spans="1:12">
      <c r="A2412" s="6" t="s">
        <v>49</v>
      </c>
      <c r="B2412" s="6"/>
      <c r="C2412" s="6" t="s">
        <v>2429</v>
      </c>
      <c r="D2412" s="6"/>
      <c r="E2412" s="6" t="s">
        <v>9</v>
      </c>
      <c r="F2412" s="7">
        <v>38657</v>
      </c>
      <c r="G2412" s="8">
        <v>1</v>
      </c>
      <c r="H2412" s="8">
        <v>1</v>
      </c>
      <c r="I2412" s="8">
        <v>0</v>
      </c>
      <c r="J2412" s="8">
        <v>1</v>
      </c>
      <c r="K2412" s="9">
        <v>26</v>
      </c>
      <c r="L2412" s="6" t="s">
        <v>51</v>
      </c>
    </row>
    <row r="2413" spans="1:12">
      <c r="A2413" s="6" t="s">
        <v>49</v>
      </c>
      <c r="B2413" s="6"/>
      <c r="C2413" s="6" t="s">
        <v>2430</v>
      </c>
      <c r="D2413" s="6"/>
      <c r="E2413" s="6" t="s">
        <v>9</v>
      </c>
      <c r="F2413" s="7">
        <v>38657</v>
      </c>
      <c r="G2413" s="8">
        <v>1</v>
      </c>
      <c r="H2413" s="8">
        <v>1</v>
      </c>
      <c r="I2413" s="8">
        <v>0</v>
      </c>
      <c r="J2413" s="8">
        <v>1</v>
      </c>
      <c r="K2413" s="9">
        <v>24</v>
      </c>
      <c r="L2413" s="6" t="s">
        <v>51</v>
      </c>
    </row>
    <row r="2414" spans="1:12">
      <c r="A2414" s="6" t="s">
        <v>49</v>
      </c>
      <c r="B2414" s="6"/>
      <c r="C2414" s="6" t="s">
        <v>2431</v>
      </c>
      <c r="D2414" s="6"/>
      <c r="E2414" s="6" t="s">
        <v>9</v>
      </c>
      <c r="F2414" s="7">
        <v>38657</v>
      </c>
      <c r="G2414" s="8">
        <v>1</v>
      </c>
      <c r="H2414" s="8">
        <v>1</v>
      </c>
      <c r="I2414" s="8">
        <v>0</v>
      </c>
      <c r="J2414" s="8">
        <v>1</v>
      </c>
      <c r="K2414" s="9">
        <v>24</v>
      </c>
      <c r="L2414" s="6" t="s">
        <v>51</v>
      </c>
    </row>
    <row r="2415" spans="1:12">
      <c r="A2415" s="6" t="s">
        <v>49</v>
      </c>
      <c r="B2415" s="6"/>
      <c r="C2415" s="6" t="s">
        <v>2432</v>
      </c>
      <c r="D2415" s="6"/>
      <c r="E2415" s="6" t="s">
        <v>9</v>
      </c>
      <c r="F2415" s="7">
        <v>38657</v>
      </c>
      <c r="G2415" s="8">
        <v>1</v>
      </c>
      <c r="H2415" s="8">
        <v>1</v>
      </c>
      <c r="I2415" s="8">
        <v>0</v>
      </c>
      <c r="J2415" s="8">
        <v>1</v>
      </c>
      <c r="K2415" s="9">
        <v>23</v>
      </c>
      <c r="L2415" s="6" t="s">
        <v>51</v>
      </c>
    </row>
    <row r="2416" spans="1:12">
      <c r="A2416" s="6" t="s">
        <v>49</v>
      </c>
      <c r="B2416" s="6"/>
      <c r="C2416" s="6" t="s">
        <v>2433</v>
      </c>
      <c r="D2416" s="6"/>
      <c r="E2416" s="6" t="s">
        <v>9</v>
      </c>
      <c r="F2416" s="7">
        <v>38657</v>
      </c>
      <c r="G2416" s="8">
        <v>1</v>
      </c>
      <c r="H2416" s="8">
        <v>1</v>
      </c>
      <c r="I2416" s="8">
        <v>0</v>
      </c>
      <c r="J2416" s="8">
        <v>1</v>
      </c>
      <c r="K2416" s="9">
        <v>69</v>
      </c>
      <c r="L2416" s="6" t="s">
        <v>51</v>
      </c>
    </row>
    <row r="2417" spans="1:12">
      <c r="A2417" s="6" t="s">
        <v>49</v>
      </c>
      <c r="B2417" s="6"/>
      <c r="C2417" s="6" t="s">
        <v>2434</v>
      </c>
      <c r="D2417" s="6"/>
      <c r="E2417" s="6" t="s">
        <v>9</v>
      </c>
      <c r="F2417" s="7">
        <v>38657</v>
      </c>
      <c r="G2417" s="8">
        <v>1</v>
      </c>
      <c r="H2417" s="8">
        <v>1</v>
      </c>
      <c r="I2417" s="8">
        <v>0</v>
      </c>
      <c r="J2417" s="8">
        <v>1</v>
      </c>
      <c r="K2417" s="9">
        <v>26</v>
      </c>
      <c r="L2417" s="6" t="s">
        <v>51</v>
      </c>
    </row>
    <row r="2418" spans="1:12">
      <c r="A2418" s="6" t="s">
        <v>49</v>
      </c>
      <c r="B2418" s="6"/>
      <c r="C2418" s="6" t="s">
        <v>2435</v>
      </c>
      <c r="D2418" s="6"/>
      <c r="E2418" s="6" t="s">
        <v>9</v>
      </c>
      <c r="F2418" s="7">
        <v>38657</v>
      </c>
      <c r="G2418" s="8">
        <v>1</v>
      </c>
      <c r="H2418" s="8">
        <v>1</v>
      </c>
      <c r="I2418" s="8">
        <v>0</v>
      </c>
      <c r="J2418" s="8">
        <v>1</v>
      </c>
      <c r="K2418" s="9">
        <v>24</v>
      </c>
      <c r="L2418" s="6" t="s">
        <v>51</v>
      </c>
    </row>
    <row r="2419" spans="1:12">
      <c r="A2419" s="6" t="s">
        <v>49</v>
      </c>
      <c r="B2419" s="6"/>
      <c r="C2419" s="6" t="s">
        <v>2436</v>
      </c>
      <c r="D2419" s="6"/>
      <c r="E2419" s="6" t="s">
        <v>9</v>
      </c>
      <c r="F2419" s="7">
        <v>38657</v>
      </c>
      <c r="G2419" s="8">
        <v>1</v>
      </c>
      <c r="H2419" s="8">
        <v>1</v>
      </c>
      <c r="I2419" s="8">
        <v>0</v>
      </c>
      <c r="J2419" s="8">
        <v>1</v>
      </c>
      <c r="K2419" s="9">
        <v>42</v>
      </c>
      <c r="L2419" s="6" t="s">
        <v>51</v>
      </c>
    </row>
    <row r="2420" spans="1:12">
      <c r="A2420" s="6" t="s">
        <v>49</v>
      </c>
      <c r="B2420" s="6"/>
      <c r="C2420" s="6" t="s">
        <v>2437</v>
      </c>
      <c r="D2420" s="6"/>
      <c r="E2420" s="6" t="s">
        <v>9</v>
      </c>
      <c r="F2420" s="7"/>
      <c r="G2420" s="8">
        <v>1</v>
      </c>
      <c r="H2420" s="8">
        <v>1</v>
      </c>
      <c r="I2420" s="8">
        <v>0</v>
      </c>
      <c r="J2420" s="8">
        <v>1</v>
      </c>
      <c r="K2420" s="9">
        <v>9.02</v>
      </c>
      <c r="L2420" s="6" t="s">
        <v>51</v>
      </c>
    </row>
    <row r="2421" spans="1:12">
      <c r="A2421" s="6" t="s">
        <v>49</v>
      </c>
      <c r="B2421" s="6"/>
      <c r="C2421" s="6" t="s">
        <v>2438</v>
      </c>
      <c r="D2421" s="6"/>
      <c r="E2421" s="6" t="s">
        <v>9</v>
      </c>
      <c r="F2421" s="7">
        <v>38657</v>
      </c>
      <c r="G2421" s="8">
        <v>1</v>
      </c>
      <c r="H2421" s="8">
        <v>1</v>
      </c>
      <c r="I2421" s="8">
        <v>0</v>
      </c>
      <c r="J2421" s="8">
        <v>1</v>
      </c>
      <c r="K2421" s="9">
        <v>26</v>
      </c>
      <c r="L2421" s="6" t="s">
        <v>51</v>
      </c>
    </row>
    <row r="2422" spans="1:12">
      <c r="A2422" s="6" t="s">
        <v>49</v>
      </c>
      <c r="B2422" s="6"/>
      <c r="C2422" s="6" t="s">
        <v>2439</v>
      </c>
      <c r="D2422" s="6"/>
      <c r="E2422" s="6" t="s">
        <v>9</v>
      </c>
      <c r="F2422" s="7">
        <v>38657</v>
      </c>
      <c r="G2422" s="8">
        <v>1</v>
      </c>
      <c r="H2422" s="8">
        <v>1</v>
      </c>
      <c r="I2422" s="8">
        <v>0</v>
      </c>
      <c r="J2422" s="8">
        <v>1</v>
      </c>
      <c r="K2422" s="9">
        <v>12</v>
      </c>
      <c r="L2422" s="6" t="s">
        <v>51</v>
      </c>
    </row>
    <row r="2423" spans="1:12">
      <c r="A2423" s="6" t="s">
        <v>49</v>
      </c>
      <c r="B2423" s="6"/>
      <c r="C2423" s="6" t="s">
        <v>2440</v>
      </c>
      <c r="D2423" s="6"/>
      <c r="E2423" s="6" t="s">
        <v>9</v>
      </c>
      <c r="F2423" s="7">
        <v>38657</v>
      </c>
      <c r="G2423" s="8">
        <v>1</v>
      </c>
      <c r="H2423" s="8">
        <v>1</v>
      </c>
      <c r="I2423" s="8">
        <v>0</v>
      </c>
      <c r="J2423" s="8">
        <v>1</v>
      </c>
      <c r="K2423" s="9">
        <v>12</v>
      </c>
      <c r="L2423" s="6" t="s">
        <v>51</v>
      </c>
    </row>
    <row r="2424" spans="1:12">
      <c r="A2424" s="6" t="s">
        <v>49</v>
      </c>
      <c r="B2424" s="6"/>
      <c r="C2424" s="6" t="s">
        <v>2441</v>
      </c>
      <c r="D2424" s="6"/>
      <c r="E2424" s="6" t="s">
        <v>9</v>
      </c>
      <c r="F2424" s="7">
        <v>38657</v>
      </c>
      <c r="G2424" s="8">
        <v>1</v>
      </c>
      <c r="H2424" s="8">
        <v>1</v>
      </c>
      <c r="I2424" s="8">
        <v>0</v>
      </c>
      <c r="J2424" s="8">
        <v>1</v>
      </c>
      <c r="K2424" s="9">
        <v>340</v>
      </c>
      <c r="L2424" s="6" t="s">
        <v>51</v>
      </c>
    </row>
    <row r="2425" spans="1:12">
      <c r="A2425" s="6" t="s">
        <v>49</v>
      </c>
      <c r="B2425" s="6"/>
      <c r="C2425" s="6" t="s">
        <v>2442</v>
      </c>
      <c r="D2425" s="6"/>
      <c r="E2425" s="6" t="s">
        <v>9</v>
      </c>
      <c r="F2425" s="7">
        <v>38657</v>
      </c>
      <c r="G2425" s="8">
        <v>1</v>
      </c>
      <c r="H2425" s="8">
        <v>1</v>
      </c>
      <c r="I2425" s="8">
        <v>0</v>
      </c>
      <c r="J2425" s="8">
        <v>1</v>
      </c>
      <c r="K2425" s="9">
        <v>26</v>
      </c>
      <c r="L2425" s="6" t="s">
        <v>51</v>
      </c>
    </row>
    <row r="2426" spans="1:12">
      <c r="A2426" s="6" t="s">
        <v>49</v>
      </c>
      <c r="B2426" s="6"/>
      <c r="C2426" s="6" t="s">
        <v>2443</v>
      </c>
      <c r="D2426" s="6"/>
      <c r="E2426" s="6" t="s">
        <v>9</v>
      </c>
      <c r="F2426" s="7">
        <v>38657</v>
      </c>
      <c r="G2426" s="8">
        <v>1</v>
      </c>
      <c r="H2426" s="8">
        <v>1</v>
      </c>
      <c r="I2426" s="8">
        <v>0</v>
      </c>
      <c r="J2426" s="8">
        <v>1</v>
      </c>
      <c r="K2426" s="9">
        <v>13</v>
      </c>
      <c r="L2426" s="6" t="s">
        <v>51</v>
      </c>
    </row>
    <row r="2427" spans="1:12">
      <c r="A2427" s="6" t="s">
        <v>49</v>
      </c>
      <c r="B2427" s="6"/>
      <c r="C2427" s="6" t="s">
        <v>2444</v>
      </c>
      <c r="D2427" s="6"/>
      <c r="E2427" s="6" t="s">
        <v>9</v>
      </c>
      <c r="F2427" s="7">
        <v>38657</v>
      </c>
      <c r="G2427" s="8">
        <v>1</v>
      </c>
      <c r="H2427" s="8">
        <v>1</v>
      </c>
      <c r="I2427" s="8">
        <v>0</v>
      </c>
      <c r="J2427" s="8">
        <v>1</v>
      </c>
      <c r="K2427" s="9">
        <v>24</v>
      </c>
      <c r="L2427" s="6" t="s">
        <v>51</v>
      </c>
    </row>
    <row r="2428" spans="1:12">
      <c r="A2428" s="6" t="s">
        <v>49</v>
      </c>
      <c r="B2428" s="6"/>
      <c r="C2428" s="6" t="s">
        <v>2445</v>
      </c>
      <c r="D2428" s="6"/>
      <c r="E2428" s="6" t="s">
        <v>9</v>
      </c>
      <c r="F2428" s="7">
        <v>38657</v>
      </c>
      <c r="G2428" s="8">
        <v>1</v>
      </c>
      <c r="H2428" s="8">
        <v>1</v>
      </c>
      <c r="I2428" s="8">
        <v>0</v>
      </c>
      <c r="J2428" s="8">
        <v>1</v>
      </c>
      <c r="K2428" s="9">
        <v>11</v>
      </c>
      <c r="L2428" s="6" t="s">
        <v>51</v>
      </c>
    </row>
    <row r="2429" spans="1:12">
      <c r="A2429" s="6" t="s">
        <v>49</v>
      </c>
      <c r="B2429" s="6"/>
      <c r="C2429" s="6" t="s">
        <v>2446</v>
      </c>
      <c r="D2429" s="6"/>
      <c r="E2429" s="6" t="s">
        <v>9</v>
      </c>
      <c r="F2429" s="7">
        <v>38657</v>
      </c>
      <c r="G2429" s="8">
        <v>1</v>
      </c>
      <c r="H2429" s="8">
        <v>1</v>
      </c>
      <c r="I2429" s="8">
        <v>0</v>
      </c>
      <c r="J2429" s="8">
        <v>1</v>
      </c>
      <c r="K2429" s="9">
        <v>26</v>
      </c>
      <c r="L2429" s="6" t="s">
        <v>51</v>
      </c>
    </row>
    <row r="2430" spans="1:12">
      <c r="A2430" s="6" t="s">
        <v>49</v>
      </c>
      <c r="B2430" s="6"/>
      <c r="C2430" s="6" t="s">
        <v>2447</v>
      </c>
      <c r="D2430" s="6"/>
      <c r="E2430" s="6" t="s">
        <v>9</v>
      </c>
      <c r="F2430" s="7">
        <v>38657</v>
      </c>
      <c r="G2430" s="8">
        <v>1</v>
      </c>
      <c r="H2430" s="8">
        <v>1</v>
      </c>
      <c r="I2430" s="8">
        <v>0</v>
      </c>
      <c r="J2430" s="8">
        <v>1</v>
      </c>
      <c r="K2430" s="9">
        <v>15</v>
      </c>
      <c r="L2430" s="6" t="s">
        <v>51</v>
      </c>
    </row>
    <row r="2431" spans="1:12">
      <c r="A2431" s="6" t="s">
        <v>49</v>
      </c>
      <c r="B2431" s="6"/>
      <c r="C2431" s="6" t="s">
        <v>2448</v>
      </c>
      <c r="D2431" s="6"/>
      <c r="E2431" s="6" t="s">
        <v>9</v>
      </c>
      <c r="F2431" s="7"/>
      <c r="G2431" s="8">
        <v>1</v>
      </c>
      <c r="H2431" s="8">
        <v>1</v>
      </c>
      <c r="I2431" s="8">
        <v>0</v>
      </c>
      <c r="J2431" s="8">
        <v>1</v>
      </c>
      <c r="K2431" s="9">
        <v>6.31</v>
      </c>
      <c r="L2431" s="6" t="s">
        <v>51</v>
      </c>
    </row>
    <row r="2432" spans="1:12">
      <c r="A2432" s="6" t="s">
        <v>49</v>
      </c>
      <c r="B2432" s="6"/>
      <c r="C2432" s="6" t="s">
        <v>2449</v>
      </c>
      <c r="D2432" s="6"/>
      <c r="E2432" s="6" t="s">
        <v>9</v>
      </c>
      <c r="F2432" s="7">
        <v>38657</v>
      </c>
      <c r="G2432" s="8">
        <v>1</v>
      </c>
      <c r="H2432" s="8">
        <v>1</v>
      </c>
      <c r="I2432" s="8">
        <v>0</v>
      </c>
      <c r="J2432" s="8">
        <v>1</v>
      </c>
      <c r="K2432" s="9">
        <v>10</v>
      </c>
      <c r="L2432" s="6" t="s">
        <v>51</v>
      </c>
    </row>
    <row r="2433" spans="1:12">
      <c r="A2433" s="6" t="s">
        <v>49</v>
      </c>
      <c r="B2433" s="6"/>
      <c r="C2433" s="6" t="s">
        <v>2450</v>
      </c>
      <c r="D2433" s="6"/>
      <c r="E2433" s="6" t="s">
        <v>9</v>
      </c>
      <c r="F2433" s="7">
        <v>38657</v>
      </c>
      <c r="G2433" s="8">
        <v>1</v>
      </c>
      <c r="H2433" s="8">
        <v>1</v>
      </c>
      <c r="I2433" s="8">
        <v>0</v>
      </c>
      <c r="J2433" s="8">
        <v>1</v>
      </c>
      <c r="K2433" s="9">
        <v>24</v>
      </c>
      <c r="L2433" s="6" t="s">
        <v>51</v>
      </c>
    </row>
    <row r="2434" spans="1:12">
      <c r="A2434" s="6" t="s">
        <v>49</v>
      </c>
      <c r="B2434" s="6"/>
      <c r="C2434" s="6" t="s">
        <v>2451</v>
      </c>
      <c r="D2434" s="6"/>
      <c r="E2434" s="6" t="s">
        <v>9</v>
      </c>
      <c r="F2434" s="7">
        <v>38657</v>
      </c>
      <c r="G2434" s="8">
        <v>1</v>
      </c>
      <c r="H2434" s="8">
        <v>1</v>
      </c>
      <c r="I2434" s="8">
        <v>0</v>
      </c>
      <c r="J2434" s="8">
        <v>1</v>
      </c>
      <c r="K2434" s="9">
        <v>14</v>
      </c>
      <c r="L2434" s="6" t="s">
        <v>51</v>
      </c>
    </row>
    <row r="2435" spans="1:12">
      <c r="A2435" s="6" t="s">
        <v>49</v>
      </c>
      <c r="B2435" s="6"/>
      <c r="C2435" s="6" t="s">
        <v>2452</v>
      </c>
      <c r="D2435" s="6"/>
      <c r="E2435" s="6" t="s">
        <v>9</v>
      </c>
      <c r="F2435" s="7">
        <v>38657</v>
      </c>
      <c r="G2435" s="8">
        <v>1</v>
      </c>
      <c r="H2435" s="8">
        <v>1</v>
      </c>
      <c r="I2435" s="8">
        <v>0</v>
      </c>
      <c r="J2435" s="8">
        <v>1</v>
      </c>
      <c r="K2435" s="9">
        <v>9.8800000000000008</v>
      </c>
      <c r="L2435" s="6" t="s">
        <v>51</v>
      </c>
    </row>
    <row r="2436" spans="1:12">
      <c r="A2436" s="6" t="s">
        <v>49</v>
      </c>
      <c r="B2436" s="6"/>
      <c r="C2436" s="6" t="s">
        <v>2453</v>
      </c>
      <c r="D2436" s="6"/>
      <c r="E2436" s="6" t="s">
        <v>9</v>
      </c>
      <c r="F2436" s="7">
        <v>38657</v>
      </c>
      <c r="G2436" s="8">
        <v>1</v>
      </c>
      <c r="H2436" s="8">
        <v>1</v>
      </c>
      <c r="I2436" s="8">
        <v>0</v>
      </c>
      <c r="J2436" s="8">
        <v>1</v>
      </c>
      <c r="K2436" s="9">
        <v>26</v>
      </c>
      <c r="L2436" s="6" t="s">
        <v>51</v>
      </c>
    </row>
    <row r="2437" spans="1:12">
      <c r="A2437" s="6" t="s">
        <v>49</v>
      </c>
      <c r="B2437" s="6"/>
      <c r="C2437" s="6" t="s">
        <v>2454</v>
      </c>
      <c r="D2437" s="6"/>
      <c r="E2437" s="6" t="s">
        <v>9</v>
      </c>
      <c r="F2437" s="7">
        <v>38657</v>
      </c>
      <c r="G2437" s="8">
        <v>1</v>
      </c>
      <c r="H2437" s="8">
        <v>1</v>
      </c>
      <c r="I2437" s="8">
        <v>0</v>
      </c>
      <c r="J2437" s="8">
        <v>1</v>
      </c>
      <c r="K2437" s="9">
        <v>24</v>
      </c>
      <c r="L2437" s="6" t="s">
        <v>51</v>
      </c>
    </row>
    <row r="2438" spans="1:12">
      <c r="A2438" s="6" t="s">
        <v>49</v>
      </c>
      <c r="B2438" s="6"/>
      <c r="C2438" s="6" t="s">
        <v>2455</v>
      </c>
      <c r="D2438" s="6"/>
      <c r="E2438" s="6" t="s">
        <v>9</v>
      </c>
      <c r="F2438" s="7">
        <v>38657</v>
      </c>
      <c r="G2438" s="8">
        <v>1</v>
      </c>
      <c r="H2438" s="8">
        <v>1</v>
      </c>
      <c r="I2438" s="8">
        <v>0</v>
      </c>
      <c r="J2438" s="8">
        <v>1</v>
      </c>
      <c r="K2438" s="9">
        <v>102</v>
      </c>
      <c r="L2438" s="6" t="s">
        <v>51</v>
      </c>
    </row>
    <row r="2439" spans="1:12">
      <c r="A2439" s="6" t="s">
        <v>49</v>
      </c>
      <c r="B2439" s="6"/>
      <c r="C2439" s="6" t="s">
        <v>2456</v>
      </c>
      <c r="D2439" s="6"/>
      <c r="E2439" s="6" t="s">
        <v>9</v>
      </c>
      <c r="F2439" s="7">
        <v>38657</v>
      </c>
      <c r="G2439" s="8">
        <v>1</v>
      </c>
      <c r="H2439" s="8">
        <v>1</v>
      </c>
      <c r="I2439" s="8">
        <v>0</v>
      </c>
      <c r="J2439" s="8">
        <v>1</v>
      </c>
      <c r="K2439" s="9">
        <v>102</v>
      </c>
      <c r="L2439" s="6" t="s">
        <v>51</v>
      </c>
    </row>
    <row r="2440" spans="1:12">
      <c r="A2440" s="6" t="s">
        <v>49</v>
      </c>
      <c r="B2440" s="6"/>
      <c r="C2440" s="6" t="s">
        <v>2457</v>
      </c>
      <c r="D2440" s="6"/>
      <c r="E2440" s="6" t="s">
        <v>9</v>
      </c>
      <c r="F2440" s="7">
        <v>38657</v>
      </c>
      <c r="G2440" s="8">
        <v>1</v>
      </c>
      <c r="H2440" s="8">
        <v>1</v>
      </c>
      <c r="I2440" s="8">
        <v>0</v>
      </c>
      <c r="J2440" s="8">
        <v>1</v>
      </c>
      <c r="K2440" s="9">
        <v>342</v>
      </c>
      <c r="L2440" s="6" t="s">
        <v>51</v>
      </c>
    </row>
    <row r="2441" spans="1:12">
      <c r="A2441" s="6" t="s">
        <v>49</v>
      </c>
      <c r="B2441" s="6"/>
      <c r="C2441" s="6" t="s">
        <v>2458</v>
      </c>
      <c r="D2441" s="6"/>
      <c r="E2441" s="6" t="s">
        <v>9</v>
      </c>
      <c r="F2441" s="7">
        <v>40635</v>
      </c>
      <c r="G2441" s="8">
        <v>1</v>
      </c>
      <c r="H2441" s="8">
        <v>1</v>
      </c>
      <c r="I2441" s="8">
        <v>0</v>
      </c>
      <c r="J2441" s="8">
        <v>1</v>
      </c>
      <c r="K2441" s="9">
        <v>399</v>
      </c>
      <c r="L2441" s="6" t="s">
        <v>51</v>
      </c>
    </row>
    <row r="2442" spans="1:12">
      <c r="A2442" s="6" t="s">
        <v>49</v>
      </c>
      <c r="B2442" s="6"/>
      <c r="C2442" s="6" t="s">
        <v>2459</v>
      </c>
      <c r="D2442" s="6"/>
      <c r="E2442" s="6" t="s">
        <v>9</v>
      </c>
      <c r="F2442" s="7"/>
      <c r="G2442" s="8">
        <v>1</v>
      </c>
      <c r="H2442" s="8">
        <v>1</v>
      </c>
      <c r="I2442" s="8">
        <v>0</v>
      </c>
      <c r="J2442" s="8">
        <v>1</v>
      </c>
      <c r="K2442" s="9">
        <v>13.52</v>
      </c>
      <c r="L2442" s="6" t="s">
        <v>51</v>
      </c>
    </row>
    <row r="2443" spans="1:12">
      <c r="A2443" s="6" t="s">
        <v>49</v>
      </c>
      <c r="B2443" s="6"/>
      <c r="C2443" s="6" t="s">
        <v>2460</v>
      </c>
      <c r="D2443" s="6"/>
      <c r="E2443" s="6" t="s">
        <v>9</v>
      </c>
      <c r="F2443" s="7">
        <v>38657</v>
      </c>
      <c r="G2443" s="8">
        <v>1</v>
      </c>
      <c r="H2443" s="8">
        <v>1</v>
      </c>
      <c r="I2443" s="8">
        <v>0</v>
      </c>
      <c r="J2443" s="8">
        <v>1</v>
      </c>
      <c r="K2443" s="9">
        <v>5.61</v>
      </c>
      <c r="L2443" s="6" t="s">
        <v>51</v>
      </c>
    </row>
    <row r="2444" spans="1:12">
      <c r="A2444" s="6" t="s">
        <v>49</v>
      </c>
      <c r="B2444" s="6"/>
      <c r="C2444" s="6" t="s">
        <v>2461</v>
      </c>
      <c r="D2444" s="6"/>
      <c r="E2444" s="6" t="s">
        <v>9</v>
      </c>
      <c r="F2444" s="7">
        <v>38657</v>
      </c>
      <c r="G2444" s="8">
        <v>1</v>
      </c>
      <c r="H2444" s="8">
        <v>1</v>
      </c>
      <c r="I2444" s="8">
        <v>0</v>
      </c>
      <c r="J2444" s="8">
        <v>1</v>
      </c>
      <c r="K2444" s="9">
        <v>12</v>
      </c>
      <c r="L2444" s="6" t="s">
        <v>51</v>
      </c>
    </row>
    <row r="2445" spans="1:12">
      <c r="A2445" s="6" t="s">
        <v>49</v>
      </c>
      <c r="B2445" s="6"/>
      <c r="C2445" s="6" t="s">
        <v>2462</v>
      </c>
      <c r="D2445" s="6"/>
      <c r="E2445" s="6" t="s">
        <v>9</v>
      </c>
      <c r="F2445" s="7">
        <v>38657</v>
      </c>
      <c r="G2445" s="8">
        <v>1</v>
      </c>
      <c r="H2445" s="8">
        <v>1</v>
      </c>
      <c r="I2445" s="8">
        <v>0</v>
      </c>
      <c r="J2445" s="8">
        <v>1</v>
      </c>
      <c r="K2445" s="9">
        <v>15</v>
      </c>
      <c r="L2445" s="6" t="s">
        <v>51</v>
      </c>
    </row>
    <row r="2446" spans="1:12">
      <c r="A2446" s="6" t="s">
        <v>49</v>
      </c>
      <c r="B2446" s="6"/>
      <c r="C2446" s="6" t="s">
        <v>2463</v>
      </c>
      <c r="D2446" s="6"/>
      <c r="E2446" s="6" t="s">
        <v>9</v>
      </c>
      <c r="F2446" s="7">
        <v>38657</v>
      </c>
      <c r="G2446" s="8">
        <v>1</v>
      </c>
      <c r="H2446" s="8">
        <v>1</v>
      </c>
      <c r="I2446" s="8">
        <v>0</v>
      </c>
      <c r="J2446" s="8">
        <v>1</v>
      </c>
      <c r="K2446" s="9">
        <v>235.07</v>
      </c>
      <c r="L2446" s="6" t="s">
        <v>51</v>
      </c>
    </row>
    <row r="2447" spans="1:12">
      <c r="A2447" s="6" t="s">
        <v>49</v>
      </c>
      <c r="B2447" s="6"/>
      <c r="C2447" s="6" t="s">
        <v>2464</v>
      </c>
      <c r="D2447" s="6"/>
      <c r="E2447" s="6" t="s">
        <v>9</v>
      </c>
      <c r="F2447" s="7">
        <v>38657</v>
      </c>
      <c r="G2447" s="8">
        <v>1</v>
      </c>
      <c r="H2447" s="8">
        <v>1</v>
      </c>
      <c r="I2447" s="8">
        <v>0</v>
      </c>
      <c r="J2447" s="8">
        <v>1</v>
      </c>
      <c r="K2447" s="9">
        <v>18</v>
      </c>
      <c r="L2447" s="6" t="s">
        <v>51</v>
      </c>
    </row>
    <row r="2448" spans="1:12">
      <c r="A2448" s="6" t="s">
        <v>49</v>
      </c>
      <c r="B2448" s="6"/>
      <c r="C2448" s="6" t="s">
        <v>2465</v>
      </c>
      <c r="D2448" s="6"/>
      <c r="E2448" s="6" t="s">
        <v>9</v>
      </c>
      <c r="F2448" s="7">
        <v>38657</v>
      </c>
      <c r="G2448" s="8">
        <v>1</v>
      </c>
      <c r="H2448" s="8">
        <v>1</v>
      </c>
      <c r="I2448" s="8">
        <v>0</v>
      </c>
      <c r="J2448" s="8">
        <v>1</v>
      </c>
      <c r="K2448" s="9">
        <v>91</v>
      </c>
      <c r="L2448" s="6" t="s">
        <v>51</v>
      </c>
    </row>
    <row r="2449" spans="1:12">
      <c r="A2449" s="6" t="s">
        <v>49</v>
      </c>
      <c r="B2449" s="6"/>
      <c r="C2449" s="6" t="s">
        <v>2466</v>
      </c>
      <c r="D2449" s="6"/>
      <c r="E2449" s="6" t="s">
        <v>9</v>
      </c>
      <c r="F2449" s="7">
        <v>38657</v>
      </c>
      <c r="G2449" s="8">
        <v>1</v>
      </c>
      <c r="H2449" s="8">
        <v>1</v>
      </c>
      <c r="I2449" s="8">
        <v>0</v>
      </c>
      <c r="J2449" s="8">
        <v>1</v>
      </c>
      <c r="K2449" s="9">
        <v>7</v>
      </c>
      <c r="L2449" s="6" t="s">
        <v>51</v>
      </c>
    </row>
    <row r="2450" spans="1:12">
      <c r="A2450" s="6" t="s">
        <v>49</v>
      </c>
      <c r="B2450" s="6"/>
      <c r="C2450" s="6" t="s">
        <v>2467</v>
      </c>
      <c r="D2450" s="6"/>
      <c r="E2450" s="6" t="s">
        <v>9</v>
      </c>
      <c r="F2450" s="7">
        <v>38657</v>
      </c>
      <c r="G2450" s="8">
        <v>1</v>
      </c>
      <c r="H2450" s="8">
        <v>1</v>
      </c>
      <c r="I2450" s="8">
        <v>0</v>
      </c>
      <c r="J2450" s="8">
        <v>1</v>
      </c>
      <c r="K2450" s="9">
        <v>25</v>
      </c>
      <c r="L2450" s="6" t="s">
        <v>51</v>
      </c>
    </row>
    <row r="2451" spans="1:12">
      <c r="A2451" s="6" t="s">
        <v>49</v>
      </c>
      <c r="B2451" s="6"/>
      <c r="C2451" s="6" t="s">
        <v>2468</v>
      </c>
      <c r="D2451" s="6"/>
      <c r="E2451" s="6" t="s">
        <v>9</v>
      </c>
      <c r="F2451" s="7">
        <v>38657</v>
      </c>
      <c r="G2451" s="8">
        <v>1</v>
      </c>
      <c r="H2451" s="8">
        <v>1</v>
      </c>
      <c r="I2451" s="8">
        <v>0</v>
      </c>
      <c r="J2451" s="8">
        <v>1</v>
      </c>
      <c r="K2451" s="9">
        <v>26</v>
      </c>
      <c r="L2451" s="6" t="s">
        <v>51</v>
      </c>
    </row>
    <row r="2452" spans="1:12">
      <c r="A2452" s="6" t="s">
        <v>49</v>
      </c>
      <c r="B2452" s="6"/>
      <c r="C2452" s="6" t="s">
        <v>2469</v>
      </c>
      <c r="D2452" s="6"/>
      <c r="E2452" s="6" t="s">
        <v>9</v>
      </c>
      <c r="F2452" s="7"/>
      <c r="G2452" s="8">
        <v>101082</v>
      </c>
      <c r="H2452" s="8">
        <v>101082</v>
      </c>
      <c r="I2452" s="8">
        <v>0</v>
      </c>
      <c r="J2452" s="8">
        <v>101082</v>
      </c>
      <c r="K2452" s="9">
        <v>9.91</v>
      </c>
      <c r="L2452" s="6" t="s">
        <v>1694</v>
      </c>
    </row>
    <row r="2453" spans="1:12">
      <c r="A2453" s="6" t="s">
        <v>49</v>
      </c>
      <c r="B2453" s="6"/>
      <c r="C2453" s="6" t="s">
        <v>2470</v>
      </c>
      <c r="D2453" s="6"/>
      <c r="E2453" s="6" t="s">
        <v>9</v>
      </c>
      <c r="F2453" s="7">
        <v>38657</v>
      </c>
      <c r="G2453" s="8">
        <v>1</v>
      </c>
      <c r="H2453" s="8">
        <v>1</v>
      </c>
      <c r="I2453" s="8">
        <v>0</v>
      </c>
      <c r="J2453" s="8">
        <v>1</v>
      </c>
      <c r="K2453" s="9">
        <v>18</v>
      </c>
      <c r="L2453" s="6" t="s">
        <v>51</v>
      </c>
    </row>
    <row r="2454" spans="1:12">
      <c r="A2454" s="6" t="s">
        <v>49</v>
      </c>
      <c r="B2454" s="6"/>
      <c r="C2454" s="6" t="s">
        <v>2471</v>
      </c>
      <c r="D2454" s="6"/>
      <c r="E2454" s="6" t="s">
        <v>9</v>
      </c>
      <c r="F2454" s="7">
        <v>38657</v>
      </c>
      <c r="G2454" s="8">
        <v>1</v>
      </c>
      <c r="H2454" s="8">
        <v>1</v>
      </c>
      <c r="I2454" s="8">
        <v>0</v>
      </c>
      <c r="J2454" s="8">
        <v>1</v>
      </c>
      <c r="K2454" s="9">
        <v>17</v>
      </c>
      <c r="L2454" s="6" t="s">
        <v>51</v>
      </c>
    </row>
    <row r="2455" spans="1:12">
      <c r="A2455" s="6" t="s">
        <v>49</v>
      </c>
      <c r="B2455" s="6"/>
      <c r="C2455" s="6" t="s">
        <v>2472</v>
      </c>
      <c r="D2455" s="6"/>
      <c r="E2455" s="6" t="s">
        <v>9</v>
      </c>
      <c r="F2455" s="7">
        <v>38657</v>
      </c>
      <c r="G2455" s="8">
        <v>1</v>
      </c>
      <c r="H2455" s="8">
        <v>1</v>
      </c>
      <c r="I2455" s="8">
        <v>0</v>
      </c>
      <c r="J2455" s="8">
        <v>1</v>
      </c>
      <c r="K2455" s="9">
        <v>17</v>
      </c>
      <c r="L2455" s="6" t="s">
        <v>51</v>
      </c>
    </row>
    <row r="2456" spans="1:12">
      <c r="A2456" s="6" t="s">
        <v>49</v>
      </c>
      <c r="B2456" s="6"/>
      <c r="C2456" s="6" t="s">
        <v>2473</v>
      </c>
      <c r="D2456" s="6"/>
      <c r="E2456" s="6" t="s">
        <v>9</v>
      </c>
      <c r="F2456" s="7">
        <v>38657</v>
      </c>
      <c r="G2456" s="8">
        <v>1</v>
      </c>
      <c r="H2456" s="8">
        <v>1</v>
      </c>
      <c r="I2456" s="8">
        <v>0</v>
      </c>
      <c r="J2456" s="8">
        <v>1</v>
      </c>
      <c r="K2456" s="9">
        <v>6.76</v>
      </c>
      <c r="L2456" s="6" t="s">
        <v>51</v>
      </c>
    </row>
    <row r="2457" spans="1:12">
      <c r="A2457" s="6" t="s">
        <v>49</v>
      </c>
      <c r="B2457" s="6"/>
      <c r="C2457" s="6" t="s">
        <v>2474</v>
      </c>
      <c r="D2457" s="6"/>
      <c r="E2457" s="6" t="s">
        <v>9</v>
      </c>
      <c r="F2457" s="7">
        <v>38657</v>
      </c>
      <c r="G2457" s="8">
        <v>1</v>
      </c>
      <c r="H2457" s="8">
        <v>1</v>
      </c>
      <c r="I2457" s="8">
        <v>0</v>
      </c>
      <c r="J2457" s="8">
        <v>1</v>
      </c>
      <c r="K2457" s="9">
        <v>26</v>
      </c>
      <c r="L2457" s="6" t="s">
        <v>51</v>
      </c>
    </row>
    <row r="2458" spans="1:12">
      <c r="A2458" s="6" t="s">
        <v>49</v>
      </c>
      <c r="B2458" s="6"/>
      <c r="C2458" s="6" t="s">
        <v>2475</v>
      </c>
      <c r="D2458" s="6"/>
      <c r="E2458" s="6" t="s">
        <v>9</v>
      </c>
      <c r="F2458" s="7">
        <v>38657</v>
      </c>
      <c r="G2458" s="8">
        <v>1</v>
      </c>
      <c r="H2458" s="8">
        <v>1</v>
      </c>
      <c r="I2458" s="8">
        <v>0</v>
      </c>
      <c r="J2458" s="8">
        <v>1</v>
      </c>
      <c r="K2458" s="9">
        <v>16</v>
      </c>
      <c r="L2458" s="6" t="s">
        <v>51</v>
      </c>
    </row>
    <row r="2459" spans="1:12">
      <c r="A2459" s="6" t="s">
        <v>49</v>
      </c>
      <c r="B2459" s="6"/>
      <c r="C2459" s="6" t="s">
        <v>2476</v>
      </c>
      <c r="D2459" s="6"/>
      <c r="E2459" s="6" t="s">
        <v>9</v>
      </c>
      <c r="F2459" s="7">
        <v>38657</v>
      </c>
      <c r="G2459" s="8">
        <v>1</v>
      </c>
      <c r="H2459" s="8">
        <v>1</v>
      </c>
      <c r="I2459" s="8">
        <v>0</v>
      </c>
      <c r="J2459" s="8">
        <v>1</v>
      </c>
      <c r="K2459" s="9">
        <v>7.42</v>
      </c>
      <c r="L2459" s="6" t="s">
        <v>51</v>
      </c>
    </row>
    <row r="2460" spans="1:12">
      <c r="A2460" s="6" t="s">
        <v>49</v>
      </c>
      <c r="B2460" s="6"/>
      <c r="C2460" s="6" t="s">
        <v>2477</v>
      </c>
      <c r="D2460" s="6"/>
      <c r="E2460" s="6" t="s">
        <v>9</v>
      </c>
      <c r="F2460" s="7">
        <v>38657</v>
      </c>
      <c r="G2460" s="8">
        <v>1</v>
      </c>
      <c r="H2460" s="8">
        <v>1</v>
      </c>
      <c r="I2460" s="8">
        <v>0</v>
      </c>
      <c r="J2460" s="8">
        <v>1</v>
      </c>
      <c r="K2460" s="9">
        <v>22</v>
      </c>
      <c r="L2460" s="6" t="s">
        <v>51</v>
      </c>
    </row>
    <row r="2461" spans="1:12">
      <c r="A2461" s="6" t="s">
        <v>49</v>
      </c>
      <c r="B2461" s="6"/>
      <c r="C2461" s="6" t="s">
        <v>2478</v>
      </c>
      <c r="D2461" s="6"/>
      <c r="E2461" s="6" t="s">
        <v>9</v>
      </c>
      <c r="F2461" s="7">
        <v>38657</v>
      </c>
      <c r="G2461" s="8">
        <v>1</v>
      </c>
      <c r="H2461" s="8">
        <v>1</v>
      </c>
      <c r="I2461" s="8">
        <v>0</v>
      </c>
      <c r="J2461" s="8">
        <v>1</v>
      </c>
      <c r="K2461" s="9">
        <v>350</v>
      </c>
      <c r="L2461" s="6" t="s">
        <v>51</v>
      </c>
    </row>
    <row r="2462" spans="1:12">
      <c r="A2462" s="6" t="s">
        <v>49</v>
      </c>
      <c r="B2462" s="6"/>
      <c r="C2462" s="6" t="s">
        <v>2479</v>
      </c>
      <c r="D2462" s="6"/>
      <c r="E2462" s="6" t="s">
        <v>9</v>
      </c>
      <c r="F2462" s="7">
        <v>38657</v>
      </c>
      <c r="G2462" s="8">
        <v>1</v>
      </c>
      <c r="H2462" s="8">
        <v>1</v>
      </c>
      <c r="I2462" s="8">
        <v>0</v>
      </c>
      <c r="J2462" s="8">
        <v>1</v>
      </c>
      <c r="K2462" s="9">
        <v>11</v>
      </c>
      <c r="L2462" s="6" t="s">
        <v>51</v>
      </c>
    </row>
    <row r="2463" spans="1:12">
      <c r="A2463" s="6" t="s">
        <v>49</v>
      </c>
      <c r="B2463" s="6"/>
      <c r="C2463" s="6" t="s">
        <v>2480</v>
      </c>
      <c r="D2463" s="6"/>
      <c r="E2463" s="6" t="s">
        <v>9</v>
      </c>
      <c r="F2463" s="7">
        <v>38657</v>
      </c>
      <c r="G2463" s="8">
        <v>1</v>
      </c>
      <c r="H2463" s="8">
        <v>1</v>
      </c>
      <c r="I2463" s="8">
        <v>0</v>
      </c>
      <c r="J2463" s="8">
        <v>1</v>
      </c>
      <c r="K2463" s="9">
        <v>6.61</v>
      </c>
      <c r="L2463" s="6" t="s">
        <v>51</v>
      </c>
    </row>
    <row r="2464" spans="1:12">
      <c r="A2464" s="6" t="s">
        <v>49</v>
      </c>
      <c r="B2464" s="6"/>
      <c r="C2464" s="6" t="s">
        <v>2481</v>
      </c>
      <c r="D2464" s="6"/>
      <c r="E2464" s="6" t="s">
        <v>9</v>
      </c>
      <c r="F2464" s="7"/>
      <c r="G2464" s="8">
        <v>1</v>
      </c>
      <c r="H2464" s="8">
        <v>1</v>
      </c>
      <c r="I2464" s="8">
        <v>0</v>
      </c>
      <c r="J2464" s="8">
        <v>1</v>
      </c>
      <c r="K2464" s="9">
        <v>30.67</v>
      </c>
      <c r="L2464" s="6" t="s">
        <v>51</v>
      </c>
    </row>
    <row r="2465" spans="1:12">
      <c r="A2465" s="6" t="s">
        <v>49</v>
      </c>
      <c r="B2465" s="6"/>
      <c r="C2465" s="6" t="s">
        <v>2482</v>
      </c>
      <c r="D2465" s="6"/>
      <c r="E2465" s="6" t="s">
        <v>9</v>
      </c>
      <c r="F2465" s="7">
        <v>38657</v>
      </c>
      <c r="G2465" s="8">
        <v>1</v>
      </c>
      <c r="H2465" s="8">
        <v>1</v>
      </c>
      <c r="I2465" s="8">
        <v>0</v>
      </c>
      <c r="J2465" s="8">
        <v>1</v>
      </c>
      <c r="K2465" s="9">
        <v>16</v>
      </c>
      <c r="L2465" s="6" t="s">
        <v>51</v>
      </c>
    </row>
    <row r="2466" spans="1:12">
      <c r="A2466" s="6" t="s">
        <v>49</v>
      </c>
      <c r="B2466" s="6"/>
      <c r="C2466" s="6" t="s">
        <v>2483</v>
      </c>
      <c r="D2466" s="6"/>
      <c r="E2466" s="6" t="s">
        <v>9</v>
      </c>
      <c r="F2466" s="7">
        <v>38657</v>
      </c>
      <c r="G2466" s="8">
        <v>1</v>
      </c>
      <c r="H2466" s="8">
        <v>1</v>
      </c>
      <c r="I2466" s="8">
        <v>0</v>
      </c>
      <c r="J2466" s="8">
        <v>1</v>
      </c>
      <c r="K2466" s="9">
        <v>14</v>
      </c>
      <c r="L2466" s="6" t="s">
        <v>51</v>
      </c>
    </row>
    <row r="2467" spans="1:12">
      <c r="A2467" s="6" t="s">
        <v>49</v>
      </c>
      <c r="B2467" s="6"/>
      <c r="C2467" s="6" t="s">
        <v>2484</v>
      </c>
      <c r="D2467" s="6"/>
      <c r="E2467" s="6" t="s">
        <v>9</v>
      </c>
      <c r="F2467" s="7">
        <v>38657</v>
      </c>
      <c r="G2467" s="8">
        <v>1</v>
      </c>
      <c r="H2467" s="8">
        <v>1</v>
      </c>
      <c r="I2467" s="8">
        <v>0</v>
      </c>
      <c r="J2467" s="8">
        <v>1</v>
      </c>
      <c r="K2467" s="9">
        <v>4.32</v>
      </c>
      <c r="L2467" s="6" t="s">
        <v>51</v>
      </c>
    </row>
    <row r="2468" spans="1:12">
      <c r="A2468" s="6" t="s">
        <v>49</v>
      </c>
      <c r="B2468" s="6"/>
      <c r="C2468" s="6" t="s">
        <v>2485</v>
      </c>
      <c r="D2468" s="6"/>
      <c r="E2468" s="6" t="s">
        <v>9</v>
      </c>
      <c r="F2468" s="7">
        <v>38657</v>
      </c>
      <c r="G2468" s="8">
        <v>1</v>
      </c>
      <c r="H2468" s="8">
        <v>1</v>
      </c>
      <c r="I2468" s="8">
        <v>0</v>
      </c>
      <c r="J2468" s="8">
        <v>1</v>
      </c>
      <c r="K2468" s="9">
        <v>7.56</v>
      </c>
      <c r="L2468" s="6" t="s">
        <v>51</v>
      </c>
    </row>
    <row r="2469" spans="1:12">
      <c r="A2469" s="6" t="s">
        <v>49</v>
      </c>
      <c r="B2469" s="6"/>
      <c r="C2469" s="6" t="s">
        <v>2486</v>
      </c>
      <c r="D2469" s="6"/>
      <c r="E2469" s="6" t="s">
        <v>9</v>
      </c>
      <c r="F2469" s="7">
        <v>38657</v>
      </c>
      <c r="G2469" s="8">
        <v>1</v>
      </c>
      <c r="H2469" s="8">
        <v>1</v>
      </c>
      <c r="I2469" s="8">
        <v>0</v>
      </c>
      <c r="J2469" s="8">
        <v>1</v>
      </c>
      <c r="K2469" s="9">
        <v>12</v>
      </c>
      <c r="L2469" s="6" t="s">
        <v>51</v>
      </c>
    </row>
    <row r="2470" spans="1:12">
      <c r="A2470" s="6" t="s">
        <v>49</v>
      </c>
      <c r="B2470" s="6"/>
      <c r="C2470" s="6" t="s">
        <v>2487</v>
      </c>
      <c r="D2470" s="6"/>
      <c r="E2470" s="6" t="s">
        <v>9</v>
      </c>
      <c r="F2470" s="7">
        <v>38657</v>
      </c>
      <c r="G2470" s="8">
        <v>1</v>
      </c>
      <c r="H2470" s="8">
        <v>1</v>
      </c>
      <c r="I2470" s="8">
        <v>0</v>
      </c>
      <c r="J2470" s="8">
        <v>1</v>
      </c>
      <c r="K2470" s="9">
        <v>85</v>
      </c>
      <c r="L2470" s="6" t="s">
        <v>51</v>
      </c>
    </row>
    <row r="2471" spans="1:12">
      <c r="A2471" s="6" t="s">
        <v>49</v>
      </c>
      <c r="B2471" s="6"/>
      <c r="C2471" s="6" t="s">
        <v>2488</v>
      </c>
      <c r="D2471" s="6"/>
      <c r="E2471" s="6" t="s">
        <v>9</v>
      </c>
      <c r="F2471" s="7">
        <v>38657</v>
      </c>
      <c r="G2471" s="8">
        <v>1</v>
      </c>
      <c r="H2471" s="8">
        <v>1</v>
      </c>
      <c r="I2471" s="8">
        <v>0</v>
      </c>
      <c r="J2471" s="8">
        <v>1</v>
      </c>
      <c r="K2471" s="9">
        <v>85</v>
      </c>
      <c r="L2471" s="6" t="s">
        <v>51</v>
      </c>
    </row>
    <row r="2472" spans="1:12">
      <c r="A2472" s="6" t="s">
        <v>49</v>
      </c>
      <c r="B2472" s="6"/>
      <c r="C2472" s="6" t="s">
        <v>2489</v>
      </c>
      <c r="D2472" s="6"/>
      <c r="E2472" s="6" t="s">
        <v>9</v>
      </c>
      <c r="F2472" s="7">
        <v>38657</v>
      </c>
      <c r="G2472" s="8">
        <v>1</v>
      </c>
      <c r="H2472" s="8">
        <v>1</v>
      </c>
      <c r="I2472" s="8">
        <v>0</v>
      </c>
      <c r="J2472" s="8">
        <v>1</v>
      </c>
      <c r="K2472" s="9">
        <v>12</v>
      </c>
      <c r="L2472" s="6" t="s">
        <v>51</v>
      </c>
    </row>
    <row r="2473" spans="1:12">
      <c r="A2473" s="6" t="s">
        <v>49</v>
      </c>
      <c r="B2473" s="6"/>
      <c r="C2473" s="6" t="s">
        <v>2490</v>
      </c>
      <c r="D2473" s="6"/>
      <c r="E2473" s="6" t="s">
        <v>9</v>
      </c>
      <c r="F2473" s="7">
        <v>38657</v>
      </c>
      <c r="G2473" s="8">
        <v>1</v>
      </c>
      <c r="H2473" s="8">
        <v>1</v>
      </c>
      <c r="I2473" s="8">
        <v>0</v>
      </c>
      <c r="J2473" s="8">
        <v>1</v>
      </c>
      <c r="K2473" s="9">
        <v>13</v>
      </c>
      <c r="L2473" s="6" t="s">
        <v>51</v>
      </c>
    </row>
    <row r="2474" spans="1:12">
      <c r="A2474" s="6" t="s">
        <v>49</v>
      </c>
      <c r="B2474" s="6"/>
      <c r="C2474" s="6" t="s">
        <v>2491</v>
      </c>
      <c r="D2474" s="6"/>
      <c r="E2474" s="6" t="s">
        <v>9</v>
      </c>
      <c r="F2474" s="7">
        <v>38657</v>
      </c>
      <c r="G2474" s="8">
        <v>1</v>
      </c>
      <c r="H2474" s="8">
        <v>1</v>
      </c>
      <c r="I2474" s="8">
        <v>0</v>
      </c>
      <c r="J2474" s="8">
        <v>1</v>
      </c>
      <c r="K2474" s="9">
        <v>12</v>
      </c>
      <c r="L2474" s="6" t="s">
        <v>51</v>
      </c>
    </row>
    <row r="2475" spans="1:12">
      <c r="A2475" s="6" t="s">
        <v>49</v>
      </c>
      <c r="B2475" s="6"/>
      <c r="C2475" s="6" t="s">
        <v>2492</v>
      </c>
      <c r="D2475" s="6"/>
      <c r="E2475" s="6" t="s">
        <v>9</v>
      </c>
      <c r="F2475" s="7"/>
      <c r="G2475" s="8">
        <v>259200</v>
      </c>
      <c r="H2475" s="8">
        <v>259200</v>
      </c>
      <c r="I2475" s="8">
        <v>0</v>
      </c>
      <c r="J2475" s="8">
        <v>259200</v>
      </c>
      <c r="K2475" s="9">
        <v>16</v>
      </c>
      <c r="L2475" s="6" t="s">
        <v>1694</v>
      </c>
    </row>
    <row r="2476" spans="1:12">
      <c r="A2476" s="6" t="s">
        <v>49</v>
      </c>
      <c r="B2476" s="6"/>
      <c r="C2476" s="6" t="s">
        <v>2493</v>
      </c>
      <c r="D2476" s="6"/>
      <c r="E2476" s="6" t="s">
        <v>9</v>
      </c>
      <c r="F2476" s="7">
        <v>38657</v>
      </c>
      <c r="G2476" s="8">
        <v>1</v>
      </c>
      <c r="H2476" s="8">
        <v>1</v>
      </c>
      <c r="I2476" s="8">
        <v>0</v>
      </c>
      <c r="J2476" s="8">
        <v>1</v>
      </c>
      <c r="K2476" s="9">
        <v>10</v>
      </c>
      <c r="L2476" s="6" t="s">
        <v>51</v>
      </c>
    </row>
    <row r="2477" spans="1:12">
      <c r="A2477" s="6" t="s">
        <v>49</v>
      </c>
      <c r="B2477" s="6"/>
      <c r="C2477" s="6" t="s">
        <v>2494</v>
      </c>
      <c r="D2477" s="6"/>
      <c r="E2477" s="6" t="s">
        <v>9</v>
      </c>
      <c r="F2477" s="7">
        <v>38657</v>
      </c>
      <c r="G2477" s="8">
        <v>1</v>
      </c>
      <c r="H2477" s="8">
        <v>1</v>
      </c>
      <c r="I2477" s="8">
        <v>0</v>
      </c>
      <c r="J2477" s="8">
        <v>1</v>
      </c>
      <c r="K2477" s="9">
        <v>10</v>
      </c>
      <c r="L2477" s="6" t="s">
        <v>51</v>
      </c>
    </row>
    <row r="2478" spans="1:12">
      <c r="A2478" s="6" t="s">
        <v>49</v>
      </c>
      <c r="B2478" s="6"/>
      <c r="C2478" s="6" t="s">
        <v>2495</v>
      </c>
      <c r="D2478" s="6"/>
      <c r="E2478" s="6" t="s">
        <v>9</v>
      </c>
      <c r="F2478" s="7">
        <v>38657</v>
      </c>
      <c r="G2478" s="8">
        <v>1</v>
      </c>
      <c r="H2478" s="8">
        <v>1</v>
      </c>
      <c r="I2478" s="8">
        <v>0</v>
      </c>
      <c r="J2478" s="8">
        <v>1</v>
      </c>
      <c r="K2478" s="9">
        <v>12</v>
      </c>
      <c r="L2478" s="6" t="s">
        <v>51</v>
      </c>
    </row>
    <row r="2479" spans="1:12">
      <c r="A2479" s="6" t="s">
        <v>49</v>
      </c>
      <c r="B2479" s="6"/>
      <c r="C2479" s="6" t="s">
        <v>2496</v>
      </c>
      <c r="D2479" s="6"/>
      <c r="E2479" s="6" t="s">
        <v>9</v>
      </c>
      <c r="F2479" s="7">
        <v>38657</v>
      </c>
      <c r="G2479" s="8">
        <v>1</v>
      </c>
      <c r="H2479" s="8">
        <v>1</v>
      </c>
      <c r="I2479" s="8">
        <v>0</v>
      </c>
      <c r="J2479" s="8">
        <v>1</v>
      </c>
      <c r="K2479" s="9">
        <v>7.56</v>
      </c>
      <c r="L2479" s="6" t="s">
        <v>51</v>
      </c>
    </row>
    <row r="2480" spans="1:12">
      <c r="A2480" s="6" t="s">
        <v>49</v>
      </c>
      <c r="B2480" s="6"/>
      <c r="C2480" s="6" t="s">
        <v>2497</v>
      </c>
      <c r="D2480" s="6"/>
      <c r="E2480" s="6" t="s">
        <v>9</v>
      </c>
      <c r="F2480" s="7">
        <v>38657</v>
      </c>
      <c r="G2480" s="8">
        <v>1</v>
      </c>
      <c r="H2480" s="8">
        <v>1</v>
      </c>
      <c r="I2480" s="8">
        <v>0</v>
      </c>
      <c r="J2480" s="8">
        <v>1</v>
      </c>
      <c r="K2480" s="9">
        <v>8.9600000000000009</v>
      </c>
      <c r="L2480" s="6" t="s">
        <v>51</v>
      </c>
    </row>
    <row r="2481" spans="1:12">
      <c r="A2481" s="6" t="s">
        <v>49</v>
      </c>
      <c r="B2481" s="6"/>
      <c r="C2481" s="6" t="s">
        <v>2498</v>
      </c>
      <c r="D2481" s="6"/>
      <c r="E2481" s="6" t="s">
        <v>9</v>
      </c>
      <c r="F2481" s="7">
        <v>38657</v>
      </c>
      <c r="G2481" s="8">
        <v>1</v>
      </c>
      <c r="H2481" s="8">
        <v>1</v>
      </c>
      <c r="I2481" s="8">
        <v>0</v>
      </c>
      <c r="J2481" s="8">
        <v>1</v>
      </c>
      <c r="K2481" s="9">
        <v>13</v>
      </c>
      <c r="L2481" s="6" t="s">
        <v>51</v>
      </c>
    </row>
    <row r="2482" spans="1:12">
      <c r="A2482" s="6" t="s">
        <v>49</v>
      </c>
      <c r="B2482" s="6"/>
      <c r="C2482" s="6" t="s">
        <v>2499</v>
      </c>
      <c r="D2482" s="6"/>
      <c r="E2482" s="6" t="s">
        <v>9</v>
      </c>
      <c r="F2482" s="7">
        <v>38657</v>
      </c>
      <c r="G2482" s="8">
        <v>1</v>
      </c>
      <c r="H2482" s="8">
        <v>1</v>
      </c>
      <c r="I2482" s="8">
        <v>0</v>
      </c>
      <c r="J2482" s="8">
        <v>1</v>
      </c>
      <c r="K2482" s="9">
        <v>12</v>
      </c>
      <c r="L2482" s="6" t="s">
        <v>51</v>
      </c>
    </row>
    <row r="2483" spans="1:12">
      <c r="A2483" s="6" t="s">
        <v>49</v>
      </c>
      <c r="B2483" s="6"/>
      <c r="C2483" s="6" t="s">
        <v>2500</v>
      </c>
      <c r="D2483" s="6"/>
      <c r="E2483" s="6" t="s">
        <v>9</v>
      </c>
      <c r="F2483" s="7">
        <v>38657</v>
      </c>
      <c r="G2483" s="8">
        <v>1</v>
      </c>
      <c r="H2483" s="8">
        <v>1</v>
      </c>
      <c r="I2483" s="8">
        <v>0</v>
      </c>
      <c r="J2483" s="8">
        <v>1</v>
      </c>
      <c r="K2483" s="9">
        <v>13</v>
      </c>
      <c r="L2483" s="6" t="s">
        <v>51</v>
      </c>
    </row>
    <row r="2484" spans="1:12">
      <c r="A2484" s="6" t="s">
        <v>49</v>
      </c>
      <c r="B2484" s="6"/>
      <c r="C2484" s="6" t="s">
        <v>2501</v>
      </c>
      <c r="D2484" s="6"/>
      <c r="E2484" s="6" t="s">
        <v>9</v>
      </c>
      <c r="F2484" s="7">
        <v>38657</v>
      </c>
      <c r="G2484" s="8">
        <v>1</v>
      </c>
      <c r="H2484" s="8">
        <v>1</v>
      </c>
      <c r="I2484" s="8">
        <v>0</v>
      </c>
      <c r="J2484" s="8">
        <v>1</v>
      </c>
      <c r="K2484" s="9">
        <v>13</v>
      </c>
      <c r="L2484" s="6" t="s">
        <v>51</v>
      </c>
    </row>
    <row r="2485" spans="1:12">
      <c r="A2485" s="6" t="s">
        <v>49</v>
      </c>
      <c r="B2485" s="6"/>
      <c r="C2485" s="6" t="s">
        <v>2502</v>
      </c>
      <c r="D2485" s="6"/>
      <c r="E2485" s="6" t="s">
        <v>9</v>
      </c>
      <c r="F2485" s="7">
        <v>38657</v>
      </c>
      <c r="G2485" s="8">
        <v>1</v>
      </c>
      <c r="H2485" s="8">
        <v>1</v>
      </c>
      <c r="I2485" s="8">
        <v>0</v>
      </c>
      <c r="J2485" s="8">
        <v>1</v>
      </c>
      <c r="K2485" s="9">
        <v>13</v>
      </c>
      <c r="L2485" s="6" t="s">
        <v>51</v>
      </c>
    </row>
    <row r="2486" spans="1:12">
      <c r="A2486" s="6" t="s">
        <v>49</v>
      </c>
      <c r="B2486" s="6"/>
      <c r="C2486" s="6" t="s">
        <v>2503</v>
      </c>
      <c r="D2486" s="6"/>
      <c r="E2486" s="6" t="s">
        <v>9</v>
      </c>
      <c r="F2486" s="7"/>
      <c r="G2486" s="8">
        <v>1</v>
      </c>
      <c r="H2486" s="8">
        <v>1</v>
      </c>
      <c r="I2486" s="8">
        <v>0</v>
      </c>
      <c r="J2486" s="8">
        <v>1</v>
      </c>
      <c r="K2486" s="9">
        <v>13</v>
      </c>
      <c r="L2486" s="6" t="s">
        <v>51</v>
      </c>
    </row>
    <row r="2487" spans="1:12">
      <c r="A2487" s="6" t="s">
        <v>49</v>
      </c>
      <c r="B2487" s="6"/>
      <c r="C2487" s="6" t="s">
        <v>2504</v>
      </c>
      <c r="D2487" s="6"/>
      <c r="E2487" s="6" t="s">
        <v>9</v>
      </c>
      <c r="F2487" s="7">
        <v>38657</v>
      </c>
      <c r="G2487" s="8">
        <v>1</v>
      </c>
      <c r="H2487" s="8">
        <v>1</v>
      </c>
      <c r="I2487" s="8">
        <v>0</v>
      </c>
      <c r="J2487" s="8">
        <v>1</v>
      </c>
      <c r="K2487" s="9">
        <v>38</v>
      </c>
      <c r="L2487" s="6" t="s">
        <v>51</v>
      </c>
    </row>
    <row r="2488" spans="1:12">
      <c r="A2488" s="6" t="s">
        <v>49</v>
      </c>
      <c r="B2488" s="6"/>
      <c r="C2488" s="6" t="s">
        <v>2505</v>
      </c>
      <c r="D2488" s="6"/>
      <c r="E2488" s="6" t="s">
        <v>9</v>
      </c>
      <c r="F2488" s="7">
        <v>38657</v>
      </c>
      <c r="G2488" s="8">
        <v>1</v>
      </c>
      <c r="H2488" s="8">
        <v>1</v>
      </c>
      <c r="I2488" s="8">
        <v>0</v>
      </c>
      <c r="J2488" s="8">
        <v>1</v>
      </c>
      <c r="K2488" s="9">
        <v>11</v>
      </c>
      <c r="L2488" s="6" t="s">
        <v>51</v>
      </c>
    </row>
    <row r="2489" spans="1:12">
      <c r="A2489" s="6" t="s">
        <v>49</v>
      </c>
      <c r="B2489" s="6"/>
      <c r="C2489" s="6" t="s">
        <v>2506</v>
      </c>
      <c r="D2489" s="6"/>
      <c r="E2489" s="6" t="s">
        <v>9</v>
      </c>
      <c r="F2489" s="7">
        <v>38657</v>
      </c>
      <c r="G2489" s="8">
        <v>1</v>
      </c>
      <c r="H2489" s="8">
        <v>1</v>
      </c>
      <c r="I2489" s="8">
        <v>0</v>
      </c>
      <c r="J2489" s="8">
        <v>1</v>
      </c>
      <c r="K2489" s="9">
        <v>12</v>
      </c>
      <c r="L2489" s="6" t="s">
        <v>51</v>
      </c>
    </row>
    <row r="2490" spans="1:12">
      <c r="A2490" s="6" t="s">
        <v>49</v>
      </c>
      <c r="B2490" s="6"/>
      <c r="C2490" s="6" t="s">
        <v>2507</v>
      </c>
      <c r="D2490" s="6"/>
      <c r="E2490" s="6" t="s">
        <v>9</v>
      </c>
      <c r="F2490" s="7">
        <v>38657</v>
      </c>
      <c r="G2490" s="8">
        <v>1</v>
      </c>
      <c r="H2490" s="8">
        <v>1</v>
      </c>
      <c r="I2490" s="8">
        <v>0</v>
      </c>
      <c r="J2490" s="8">
        <v>1</v>
      </c>
      <c r="K2490" s="9">
        <v>275</v>
      </c>
      <c r="L2490" s="6" t="s">
        <v>51</v>
      </c>
    </row>
    <row r="2491" spans="1:12">
      <c r="A2491" s="6" t="s">
        <v>49</v>
      </c>
      <c r="B2491" s="6"/>
      <c r="C2491" s="6" t="s">
        <v>2508</v>
      </c>
      <c r="D2491" s="6"/>
      <c r="E2491" s="6" t="s">
        <v>9</v>
      </c>
      <c r="F2491" s="7">
        <v>38657</v>
      </c>
      <c r="G2491" s="8">
        <v>1</v>
      </c>
      <c r="H2491" s="8">
        <v>1</v>
      </c>
      <c r="I2491" s="8">
        <v>0</v>
      </c>
      <c r="J2491" s="8">
        <v>1</v>
      </c>
      <c r="K2491" s="9">
        <v>26</v>
      </c>
      <c r="L2491" s="6" t="s">
        <v>51</v>
      </c>
    </row>
    <row r="2492" spans="1:12">
      <c r="A2492" s="6" t="s">
        <v>49</v>
      </c>
      <c r="B2492" s="6"/>
      <c r="C2492" s="6" t="s">
        <v>2509</v>
      </c>
      <c r="D2492" s="6"/>
      <c r="E2492" s="6" t="s">
        <v>9</v>
      </c>
      <c r="F2492" s="7">
        <v>38657</v>
      </c>
      <c r="G2492" s="8">
        <v>1</v>
      </c>
      <c r="H2492" s="8">
        <v>1</v>
      </c>
      <c r="I2492" s="8">
        <v>0</v>
      </c>
      <c r="J2492" s="8">
        <v>1</v>
      </c>
      <c r="K2492" s="9">
        <v>102</v>
      </c>
      <c r="L2492" s="6" t="s">
        <v>51</v>
      </c>
    </row>
    <row r="2493" spans="1:12">
      <c r="A2493" s="6" t="s">
        <v>49</v>
      </c>
      <c r="B2493" s="6"/>
      <c r="C2493" s="6" t="s">
        <v>2510</v>
      </c>
      <c r="D2493" s="6"/>
      <c r="E2493" s="6" t="s">
        <v>9</v>
      </c>
      <c r="F2493" s="7">
        <v>38657</v>
      </c>
      <c r="G2493" s="8">
        <v>1</v>
      </c>
      <c r="H2493" s="8">
        <v>1</v>
      </c>
      <c r="I2493" s="8">
        <v>0</v>
      </c>
      <c r="J2493" s="8">
        <v>1</v>
      </c>
      <c r="K2493" s="9">
        <v>13</v>
      </c>
      <c r="L2493" s="6" t="s">
        <v>51</v>
      </c>
    </row>
    <row r="2494" spans="1:12">
      <c r="A2494" s="6" t="s">
        <v>49</v>
      </c>
      <c r="B2494" s="6"/>
      <c r="C2494" s="6" t="s">
        <v>2511</v>
      </c>
      <c r="D2494" s="6"/>
      <c r="E2494" s="6" t="s">
        <v>9</v>
      </c>
      <c r="F2494" s="7"/>
      <c r="G2494" s="8">
        <v>1</v>
      </c>
      <c r="H2494" s="8">
        <v>1</v>
      </c>
      <c r="I2494" s="8">
        <v>0</v>
      </c>
      <c r="J2494" s="8">
        <v>1</v>
      </c>
      <c r="K2494" s="9">
        <v>10</v>
      </c>
      <c r="L2494" s="6" t="s">
        <v>51</v>
      </c>
    </row>
    <row r="2495" spans="1:12">
      <c r="A2495" s="6" t="s">
        <v>49</v>
      </c>
      <c r="B2495" s="6"/>
      <c r="C2495" s="6" t="s">
        <v>2512</v>
      </c>
      <c r="D2495" s="6"/>
      <c r="E2495" s="6" t="s">
        <v>9</v>
      </c>
      <c r="F2495" s="7">
        <v>38657</v>
      </c>
      <c r="G2495" s="8">
        <v>1</v>
      </c>
      <c r="H2495" s="8">
        <v>1</v>
      </c>
      <c r="I2495" s="8">
        <v>0</v>
      </c>
      <c r="J2495" s="8">
        <v>1</v>
      </c>
      <c r="K2495" s="9">
        <v>13</v>
      </c>
      <c r="L2495" s="6" t="s">
        <v>51</v>
      </c>
    </row>
    <row r="2496" spans="1:12">
      <c r="A2496" s="6" t="s">
        <v>49</v>
      </c>
      <c r="B2496" s="6"/>
      <c r="C2496" s="6" t="s">
        <v>2513</v>
      </c>
      <c r="D2496" s="6"/>
      <c r="E2496" s="6" t="s">
        <v>9</v>
      </c>
      <c r="F2496" s="7">
        <v>38657</v>
      </c>
      <c r="G2496" s="8">
        <v>1</v>
      </c>
      <c r="H2496" s="8">
        <v>1</v>
      </c>
      <c r="I2496" s="8">
        <v>0</v>
      </c>
      <c r="J2496" s="8">
        <v>1</v>
      </c>
      <c r="K2496" s="9">
        <v>26</v>
      </c>
      <c r="L2496" s="6" t="s">
        <v>51</v>
      </c>
    </row>
    <row r="2497" spans="1:12">
      <c r="A2497" s="6" t="s">
        <v>49</v>
      </c>
      <c r="B2497" s="6"/>
      <c r="C2497" s="6" t="s">
        <v>2514</v>
      </c>
      <c r="D2497" s="6"/>
      <c r="E2497" s="6" t="s">
        <v>9</v>
      </c>
      <c r="F2497" s="7">
        <v>38657</v>
      </c>
      <c r="G2497" s="8">
        <v>1</v>
      </c>
      <c r="H2497" s="8">
        <v>1</v>
      </c>
      <c r="I2497" s="8">
        <v>0</v>
      </c>
      <c r="J2497" s="8">
        <v>1</v>
      </c>
      <c r="K2497" s="9">
        <v>33</v>
      </c>
      <c r="L2497" s="6" t="s">
        <v>51</v>
      </c>
    </row>
    <row r="2498" spans="1:12">
      <c r="A2498" s="6" t="s">
        <v>49</v>
      </c>
      <c r="B2498" s="6"/>
      <c r="C2498" s="6" t="s">
        <v>2515</v>
      </c>
      <c r="D2498" s="6"/>
      <c r="E2498" s="6" t="s">
        <v>9</v>
      </c>
      <c r="F2498" s="7">
        <v>38657</v>
      </c>
      <c r="G2498" s="8">
        <v>1</v>
      </c>
      <c r="H2498" s="8">
        <v>1</v>
      </c>
      <c r="I2498" s="8">
        <v>0</v>
      </c>
      <c r="J2498" s="8">
        <v>1</v>
      </c>
      <c r="K2498" s="9">
        <v>175</v>
      </c>
      <c r="L2498" s="6" t="s">
        <v>51</v>
      </c>
    </row>
    <row r="2499" spans="1:12">
      <c r="A2499" s="6" t="s">
        <v>49</v>
      </c>
      <c r="B2499" s="6"/>
      <c r="C2499" s="6" t="s">
        <v>2516</v>
      </c>
      <c r="D2499" s="6"/>
      <c r="E2499" s="6" t="s">
        <v>9</v>
      </c>
      <c r="F2499" s="7">
        <v>38657</v>
      </c>
      <c r="G2499" s="8">
        <v>1</v>
      </c>
      <c r="H2499" s="8">
        <v>1</v>
      </c>
      <c r="I2499" s="8">
        <v>0</v>
      </c>
      <c r="J2499" s="8">
        <v>1</v>
      </c>
      <c r="K2499" s="9">
        <v>15</v>
      </c>
      <c r="L2499" s="6" t="s">
        <v>51</v>
      </c>
    </row>
    <row r="2500" spans="1:12">
      <c r="A2500" s="6" t="s">
        <v>49</v>
      </c>
      <c r="B2500" s="6"/>
      <c r="C2500" s="6" t="s">
        <v>2517</v>
      </c>
      <c r="D2500" s="6"/>
      <c r="E2500" s="6" t="s">
        <v>9</v>
      </c>
      <c r="F2500" s="7">
        <v>38657</v>
      </c>
      <c r="G2500" s="8">
        <v>1</v>
      </c>
      <c r="H2500" s="8">
        <v>1</v>
      </c>
      <c r="I2500" s="8">
        <v>0</v>
      </c>
      <c r="J2500" s="8">
        <v>1</v>
      </c>
      <c r="K2500" s="9">
        <v>8.82</v>
      </c>
      <c r="L2500" s="6" t="s">
        <v>51</v>
      </c>
    </row>
    <row r="2501" spans="1:12">
      <c r="A2501" s="6" t="s">
        <v>49</v>
      </c>
      <c r="B2501" s="6"/>
      <c r="C2501" s="6" t="s">
        <v>2518</v>
      </c>
      <c r="D2501" s="6"/>
      <c r="E2501" s="6" t="s">
        <v>9</v>
      </c>
      <c r="F2501" s="7">
        <v>38657</v>
      </c>
      <c r="G2501" s="8">
        <v>1</v>
      </c>
      <c r="H2501" s="8">
        <v>1</v>
      </c>
      <c r="I2501" s="8">
        <v>0</v>
      </c>
      <c r="J2501" s="8">
        <v>1</v>
      </c>
      <c r="K2501" s="9">
        <v>22</v>
      </c>
      <c r="L2501" s="6" t="s">
        <v>51</v>
      </c>
    </row>
    <row r="2502" spans="1:12">
      <c r="A2502" s="6" t="s">
        <v>49</v>
      </c>
      <c r="B2502" s="6"/>
      <c r="C2502" s="6" t="s">
        <v>2519</v>
      </c>
      <c r="D2502" s="6"/>
      <c r="E2502" s="6" t="s">
        <v>9</v>
      </c>
      <c r="F2502" s="7">
        <v>38657</v>
      </c>
      <c r="G2502" s="8">
        <v>1</v>
      </c>
      <c r="H2502" s="8">
        <v>1</v>
      </c>
      <c r="I2502" s="8">
        <v>0</v>
      </c>
      <c r="J2502" s="8">
        <v>1</v>
      </c>
      <c r="K2502" s="9">
        <v>12</v>
      </c>
      <c r="L2502" s="6" t="s">
        <v>51</v>
      </c>
    </row>
    <row r="2503" spans="1:12">
      <c r="A2503" s="6" t="s">
        <v>49</v>
      </c>
      <c r="B2503" s="6"/>
      <c r="C2503" s="6" t="s">
        <v>2520</v>
      </c>
      <c r="D2503" s="6"/>
      <c r="E2503" s="6" t="s">
        <v>9</v>
      </c>
      <c r="F2503" s="7">
        <v>38657</v>
      </c>
      <c r="G2503" s="8">
        <v>1</v>
      </c>
      <c r="H2503" s="8">
        <v>1</v>
      </c>
      <c r="I2503" s="8">
        <v>0</v>
      </c>
      <c r="J2503" s="8">
        <v>1</v>
      </c>
      <c r="K2503" s="9">
        <v>13</v>
      </c>
      <c r="L2503" s="6" t="s">
        <v>51</v>
      </c>
    </row>
    <row r="2504" spans="1:12">
      <c r="A2504" s="6" t="s">
        <v>49</v>
      </c>
      <c r="B2504" s="6"/>
      <c r="C2504" s="6" t="s">
        <v>2521</v>
      </c>
      <c r="D2504" s="6"/>
      <c r="E2504" s="6" t="s">
        <v>9</v>
      </c>
      <c r="F2504" s="7"/>
      <c r="G2504" s="8">
        <v>1</v>
      </c>
      <c r="H2504" s="8">
        <v>1</v>
      </c>
      <c r="I2504" s="8">
        <v>0</v>
      </c>
      <c r="J2504" s="8">
        <v>1</v>
      </c>
      <c r="K2504" s="9">
        <v>10</v>
      </c>
      <c r="L2504" s="6" t="s">
        <v>51</v>
      </c>
    </row>
    <row r="2505" spans="1:12">
      <c r="A2505" s="6" t="s">
        <v>49</v>
      </c>
      <c r="B2505" s="6"/>
      <c r="C2505" s="6" t="s">
        <v>2522</v>
      </c>
      <c r="D2505" s="6"/>
      <c r="E2505" s="6" t="s">
        <v>9</v>
      </c>
      <c r="F2505" s="7">
        <v>38657</v>
      </c>
      <c r="G2505" s="8">
        <v>1</v>
      </c>
      <c r="H2505" s="8">
        <v>1</v>
      </c>
      <c r="I2505" s="8">
        <v>0</v>
      </c>
      <c r="J2505" s="8">
        <v>1</v>
      </c>
      <c r="K2505" s="9">
        <v>18</v>
      </c>
      <c r="L2505" s="6" t="s">
        <v>51</v>
      </c>
    </row>
    <row r="2506" spans="1:12">
      <c r="A2506" s="6" t="s">
        <v>49</v>
      </c>
      <c r="B2506" s="6"/>
      <c r="C2506" s="6" t="s">
        <v>2523</v>
      </c>
      <c r="D2506" s="6"/>
      <c r="E2506" s="6" t="s">
        <v>9</v>
      </c>
      <c r="F2506" s="7">
        <v>38657</v>
      </c>
      <c r="G2506" s="8">
        <v>1</v>
      </c>
      <c r="H2506" s="8">
        <v>1</v>
      </c>
      <c r="I2506" s="8">
        <v>0</v>
      </c>
      <c r="J2506" s="8">
        <v>1</v>
      </c>
      <c r="K2506" s="9">
        <v>13</v>
      </c>
      <c r="L2506" s="6" t="s">
        <v>51</v>
      </c>
    </row>
    <row r="2507" spans="1:12">
      <c r="A2507" s="6" t="s">
        <v>49</v>
      </c>
      <c r="B2507" s="6"/>
      <c r="C2507" s="6" t="s">
        <v>2524</v>
      </c>
      <c r="D2507" s="6"/>
      <c r="E2507" s="6" t="s">
        <v>9</v>
      </c>
      <c r="F2507" s="7">
        <v>38657</v>
      </c>
      <c r="G2507" s="8">
        <v>1</v>
      </c>
      <c r="H2507" s="8">
        <v>1</v>
      </c>
      <c r="I2507" s="8">
        <v>0</v>
      </c>
      <c r="J2507" s="8">
        <v>1</v>
      </c>
      <c r="K2507" s="9">
        <v>18</v>
      </c>
      <c r="L2507" s="6" t="s">
        <v>51</v>
      </c>
    </row>
    <row r="2508" spans="1:12">
      <c r="A2508" s="6" t="s">
        <v>49</v>
      </c>
      <c r="B2508" s="6"/>
      <c r="C2508" s="6" t="s">
        <v>2525</v>
      </c>
      <c r="D2508" s="6"/>
      <c r="E2508" s="6" t="s">
        <v>9</v>
      </c>
      <c r="F2508" s="7">
        <v>38657</v>
      </c>
      <c r="G2508" s="8">
        <v>1</v>
      </c>
      <c r="H2508" s="8">
        <v>1</v>
      </c>
      <c r="I2508" s="8">
        <v>0</v>
      </c>
      <c r="J2508" s="8">
        <v>1</v>
      </c>
      <c r="K2508" s="9">
        <v>50.44</v>
      </c>
      <c r="L2508" s="6" t="s">
        <v>51</v>
      </c>
    </row>
    <row r="2509" spans="1:12">
      <c r="A2509" s="6" t="s">
        <v>49</v>
      </c>
      <c r="B2509" s="6"/>
      <c r="C2509" s="6" t="s">
        <v>2526</v>
      </c>
      <c r="D2509" s="6"/>
      <c r="E2509" s="6" t="s">
        <v>9</v>
      </c>
      <c r="F2509" s="7">
        <v>38657</v>
      </c>
      <c r="G2509" s="8">
        <v>1</v>
      </c>
      <c r="H2509" s="8">
        <v>1</v>
      </c>
      <c r="I2509" s="8">
        <v>0</v>
      </c>
      <c r="J2509" s="8">
        <v>1</v>
      </c>
      <c r="K2509" s="9">
        <v>26</v>
      </c>
      <c r="L2509" s="6" t="s">
        <v>51</v>
      </c>
    </row>
    <row r="2510" spans="1:12">
      <c r="A2510" s="6" t="s">
        <v>49</v>
      </c>
      <c r="B2510" s="6"/>
      <c r="C2510" s="6" t="s">
        <v>2527</v>
      </c>
      <c r="D2510" s="6"/>
      <c r="E2510" s="6" t="s">
        <v>9</v>
      </c>
      <c r="F2510" s="7">
        <v>38657</v>
      </c>
      <c r="G2510" s="8">
        <v>1</v>
      </c>
      <c r="H2510" s="8">
        <v>1</v>
      </c>
      <c r="I2510" s="8">
        <v>0</v>
      </c>
      <c r="J2510" s="8">
        <v>1</v>
      </c>
      <c r="K2510" s="9">
        <v>37</v>
      </c>
      <c r="L2510" s="6" t="s">
        <v>51</v>
      </c>
    </row>
    <row r="2511" spans="1:12">
      <c r="A2511" s="6" t="s">
        <v>49</v>
      </c>
      <c r="B2511" s="6"/>
      <c r="C2511" s="6" t="s">
        <v>2528</v>
      </c>
      <c r="D2511" s="6"/>
      <c r="E2511" s="6" t="s">
        <v>9</v>
      </c>
      <c r="F2511" s="7">
        <v>38657</v>
      </c>
      <c r="G2511" s="8">
        <v>1</v>
      </c>
      <c r="H2511" s="8">
        <v>1</v>
      </c>
      <c r="I2511" s="8">
        <v>0</v>
      </c>
      <c r="J2511" s="8">
        <v>1</v>
      </c>
      <c r="K2511" s="9">
        <v>75</v>
      </c>
      <c r="L2511" s="6" t="s">
        <v>51</v>
      </c>
    </row>
    <row r="2512" spans="1:12">
      <c r="A2512" s="6" t="s">
        <v>49</v>
      </c>
      <c r="B2512" s="6"/>
      <c r="C2512" s="6" t="s">
        <v>2529</v>
      </c>
      <c r="D2512" s="6"/>
      <c r="E2512" s="6" t="s">
        <v>9</v>
      </c>
      <c r="F2512" s="7">
        <v>38657</v>
      </c>
      <c r="G2512" s="8">
        <v>1</v>
      </c>
      <c r="H2512" s="8">
        <v>1</v>
      </c>
      <c r="I2512" s="8">
        <v>0</v>
      </c>
      <c r="J2512" s="8">
        <v>1</v>
      </c>
      <c r="K2512" s="9">
        <v>26</v>
      </c>
      <c r="L2512" s="6" t="s">
        <v>51</v>
      </c>
    </row>
    <row r="2513" spans="1:12">
      <c r="A2513" s="6" t="s">
        <v>49</v>
      </c>
      <c r="B2513" s="6"/>
      <c r="C2513" s="6" t="s">
        <v>2530</v>
      </c>
      <c r="D2513" s="6"/>
      <c r="E2513" s="6" t="s">
        <v>9</v>
      </c>
      <c r="F2513" s="7">
        <v>38657</v>
      </c>
      <c r="G2513" s="8">
        <v>1</v>
      </c>
      <c r="H2513" s="8">
        <v>1</v>
      </c>
      <c r="I2513" s="8">
        <v>0</v>
      </c>
      <c r="J2513" s="8">
        <v>1</v>
      </c>
      <c r="K2513" s="9">
        <v>26</v>
      </c>
      <c r="L2513" s="6" t="s">
        <v>51</v>
      </c>
    </row>
    <row r="2514" spans="1:12">
      <c r="A2514" s="6" t="s">
        <v>49</v>
      </c>
      <c r="B2514" s="6"/>
      <c r="C2514" s="6" t="s">
        <v>2531</v>
      </c>
      <c r="D2514" s="6"/>
      <c r="E2514" s="6" t="s">
        <v>9</v>
      </c>
      <c r="F2514" s="7">
        <v>38657</v>
      </c>
      <c r="G2514" s="8">
        <v>1</v>
      </c>
      <c r="H2514" s="8">
        <v>1</v>
      </c>
      <c r="I2514" s="8">
        <v>0</v>
      </c>
      <c r="J2514" s="8">
        <v>1</v>
      </c>
      <c r="K2514" s="9">
        <v>26</v>
      </c>
      <c r="L2514" s="6" t="s">
        <v>51</v>
      </c>
    </row>
    <row r="2515" spans="1:12">
      <c r="A2515" s="6" t="s">
        <v>49</v>
      </c>
      <c r="B2515" s="6"/>
      <c r="C2515" s="6" t="s">
        <v>2532</v>
      </c>
      <c r="D2515" s="6"/>
      <c r="E2515" s="6" t="s">
        <v>9</v>
      </c>
      <c r="F2515" s="7">
        <v>38657</v>
      </c>
      <c r="G2515" s="8">
        <v>1</v>
      </c>
      <c r="H2515" s="8">
        <v>1</v>
      </c>
      <c r="I2515" s="8">
        <v>0</v>
      </c>
      <c r="J2515" s="8">
        <v>1</v>
      </c>
      <c r="K2515" s="9">
        <v>37</v>
      </c>
      <c r="L2515" s="6" t="s">
        <v>51</v>
      </c>
    </row>
    <row r="2516" spans="1:12">
      <c r="A2516" s="6" t="s">
        <v>49</v>
      </c>
      <c r="B2516" s="6"/>
      <c r="C2516" s="6" t="s">
        <v>2533</v>
      </c>
      <c r="D2516" s="6"/>
      <c r="E2516" s="6" t="s">
        <v>9</v>
      </c>
      <c r="F2516" s="7">
        <v>38657</v>
      </c>
      <c r="G2516" s="8">
        <v>1</v>
      </c>
      <c r="H2516" s="8">
        <v>1</v>
      </c>
      <c r="I2516" s="8">
        <v>0</v>
      </c>
      <c r="J2516" s="8">
        <v>1</v>
      </c>
      <c r="K2516" s="9">
        <v>6.16</v>
      </c>
      <c r="L2516" s="6" t="s">
        <v>51</v>
      </c>
    </row>
    <row r="2517" spans="1:12">
      <c r="A2517" s="6" t="s">
        <v>49</v>
      </c>
      <c r="B2517" s="6"/>
      <c r="C2517" s="6" t="s">
        <v>2534</v>
      </c>
      <c r="D2517" s="6"/>
      <c r="E2517" s="6" t="s">
        <v>9</v>
      </c>
      <c r="F2517" s="7">
        <v>38657</v>
      </c>
      <c r="G2517" s="8">
        <v>1</v>
      </c>
      <c r="H2517" s="8">
        <v>1</v>
      </c>
      <c r="I2517" s="8">
        <v>0</v>
      </c>
      <c r="J2517" s="8">
        <v>1</v>
      </c>
      <c r="K2517" s="9">
        <v>20</v>
      </c>
      <c r="L2517" s="6" t="s">
        <v>51</v>
      </c>
    </row>
    <row r="2518" spans="1:12">
      <c r="A2518" s="6" t="s">
        <v>49</v>
      </c>
      <c r="B2518" s="6"/>
      <c r="C2518" s="6" t="s">
        <v>2535</v>
      </c>
      <c r="D2518" s="6"/>
      <c r="E2518" s="6" t="s">
        <v>9</v>
      </c>
      <c r="F2518" s="7">
        <v>38657</v>
      </c>
      <c r="G2518" s="8">
        <v>1</v>
      </c>
      <c r="H2518" s="8">
        <v>1</v>
      </c>
      <c r="I2518" s="8">
        <v>0</v>
      </c>
      <c r="J2518" s="8">
        <v>1</v>
      </c>
      <c r="K2518" s="9">
        <v>8.67</v>
      </c>
      <c r="L2518" s="6" t="s">
        <v>51</v>
      </c>
    </row>
    <row r="2519" spans="1:12">
      <c r="A2519" s="6" t="s">
        <v>49</v>
      </c>
      <c r="B2519" s="6"/>
      <c r="C2519" s="6" t="s">
        <v>2536</v>
      </c>
      <c r="D2519" s="6"/>
      <c r="E2519" s="6" t="s">
        <v>9</v>
      </c>
      <c r="F2519" s="7">
        <v>38657</v>
      </c>
      <c r="G2519" s="8">
        <v>1</v>
      </c>
      <c r="H2519" s="8">
        <v>1</v>
      </c>
      <c r="I2519" s="8">
        <v>0</v>
      </c>
      <c r="J2519" s="8">
        <v>1</v>
      </c>
      <c r="K2519" s="9">
        <v>9.91</v>
      </c>
      <c r="L2519" s="6" t="s">
        <v>51</v>
      </c>
    </row>
    <row r="2520" spans="1:12">
      <c r="A2520" s="6" t="s">
        <v>49</v>
      </c>
      <c r="B2520" s="6"/>
      <c r="C2520" s="6" t="s">
        <v>2537</v>
      </c>
      <c r="D2520" s="6"/>
      <c r="E2520" s="6" t="s">
        <v>9</v>
      </c>
      <c r="F2520" s="7">
        <v>38657</v>
      </c>
      <c r="G2520" s="8">
        <v>1</v>
      </c>
      <c r="H2520" s="8">
        <v>1</v>
      </c>
      <c r="I2520" s="8">
        <v>0</v>
      </c>
      <c r="J2520" s="8">
        <v>1</v>
      </c>
      <c r="K2520" s="9">
        <v>28.44</v>
      </c>
      <c r="L2520" s="6" t="s">
        <v>51</v>
      </c>
    </row>
    <row r="2521" spans="1:12">
      <c r="A2521" s="6" t="s">
        <v>49</v>
      </c>
      <c r="B2521" s="6"/>
      <c r="C2521" s="6" t="s">
        <v>2538</v>
      </c>
      <c r="D2521" s="6"/>
      <c r="E2521" s="6" t="s">
        <v>9</v>
      </c>
      <c r="F2521" s="7">
        <v>38657</v>
      </c>
      <c r="G2521" s="8">
        <v>1</v>
      </c>
      <c r="H2521" s="8">
        <v>1</v>
      </c>
      <c r="I2521" s="8">
        <v>0</v>
      </c>
      <c r="J2521" s="8">
        <v>1</v>
      </c>
      <c r="K2521" s="9">
        <v>21</v>
      </c>
      <c r="L2521" s="6" t="s">
        <v>51</v>
      </c>
    </row>
    <row r="2522" spans="1:12">
      <c r="A2522" s="6" t="s">
        <v>49</v>
      </c>
      <c r="B2522" s="6"/>
      <c r="C2522" s="6" t="s">
        <v>2539</v>
      </c>
      <c r="D2522" s="6"/>
      <c r="E2522" s="6" t="s">
        <v>9</v>
      </c>
      <c r="F2522" s="7"/>
      <c r="G2522" s="8">
        <v>1</v>
      </c>
      <c r="H2522" s="8">
        <v>1</v>
      </c>
      <c r="I2522" s="8">
        <v>0</v>
      </c>
      <c r="J2522" s="8">
        <v>1</v>
      </c>
      <c r="K2522" s="9">
        <v>17</v>
      </c>
      <c r="L2522" s="6" t="s">
        <v>51</v>
      </c>
    </row>
    <row r="2523" spans="1:12">
      <c r="A2523" s="6" t="s">
        <v>49</v>
      </c>
      <c r="B2523" s="6"/>
      <c r="C2523" s="6" t="s">
        <v>2540</v>
      </c>
      <c r="D2523" s="6"/>
      <c r="E2523" s="6" t="s">
        <v>9</v>
      </c>
      <c r="F2523" s="7">
        <v>38657</v>
      </c>
      <c r="G2523" s="8">
        <v>1</v>
      </c>
      <c r="H2523" s="8">
        <v>1</v>
      </c>
      <c r="I2523" s="8">
        <v>0</v>
      </c>
      <c r="J2523" s="8">
        <v>1</v>
      </c>
      <c r="K2523" s="9">
        <v>30</v>
      </c>
      <c r="L2523" s="6" t="s">
        <v>51</v>
      </c>
    </row>
    <row r="2524" spans="1:12">
      <c r="A2524" s="6" t="s">
        <v>49</v>
      </c>
      <c r="B2524" s="6"/>
      <c r="C2524" s="6" t="s">
        <v>2541</v>
      </c>
      <c r="D2524" s="6"/>
      <c r="E2524" s="6" t="s">
        <v>9</v>
      </c>
      <c r="F2524" s="7">
        <v>38657</v>
      </c>
      <c r="G2524" s="8">
        <v>1</v>
      </c>
      <c r="H2524" s="8">
        <v>1</v>
      </c>
      <c r="I2524" s="8">
        <v>0</v>
      </c>
      <c r="J2524" s="8">
        <v>1</v>
      </c>
      <c r="K2524" s="9">
        <v>53</v>
      </c>
      <c r="L2524" s="6" t="s">
        <v>51</v>
      </c>
    </row>
    <row r="2525" spans="1:12">
      <c r="A2525" s="6" t="s">
        <v>49</v>
      </c>
      <c r="B2525" s="6"/>
      <c r="C2525" s="6" t="s">
        <v>2542</v>
      </c>
      <c r="D2525" s="6"/>
      <c r="E2525" s="6" t="s">
        <v>9</v>
      </c>
      <c r="F2525" s="7">
        <v>38657</v>
      </c>
      <c r="G2525" s="8">
        <v>1</v>
      </c>
      <c r="H2525" s="8">
        <v>1</v>
      </c>
      <c r="I2525" s="8">
        <v>0</v>
      </c>
      <c r="J2525" s="8">
        <v>1</v>
      </c>
      <c r="K2525" s="9">
        <v>26</v>
      </c>
      <c r="L2525" s="6" t="s">
        <v>51</v>
      </c>
    </row>
    <row r="2526" spans="1:12">
      <c r="A2526" s="6" t="s">
        <v>49</v>
      </c>
      <c r="B2526" s="6"/>
      <c r="C2526" s="6" t="s">
        <v>2543</v>
      </c>
      <c r="D2526" s="6"/>
      <c r="E2526" s="6" t="s">
        <v>9</v>
      </c>
      <c r="F2526" s="7">
        <v>38657</v>
      </c>
      <c r="G2526" s="8">
        <v>1</v>
      </c>
      <c r="H2526" s="8">
        <v>1</v>
      </c>
      <c r="I2526" s="8">
        <v>0</v>
      </c>
      <c r="J2526" s="8">
        <v>1</v>
      </c>
      <c r="K2526" s="9">
        <v>94</v>
      </c>
      <c r="L2526" s="6" t="s">
        <v>51</v>
      </c>
    </row>
    <row r="2527" spans="1:12">
      <c r="A2527" s="6" t="s">
        <v>49</v>
      </c>
      <c r="B2527" s="6"/>
      <c r="C2527" s="6" t="s">
        <v>2544</v>
      </c>
      <c r="D2527" s="6"/>
      <c r="E2527" s="6" t="s">
        <v>9</v>
      </c>
      <c r="F2527" s="7">
        <v>38657</v>
      </c>
      <c r="G2527" s="8">
        <v>1</v>
      </c>
      <c r="H2527" s="8">
        <v>1</v>
      </c>
      <c r="I2527" s="8">
        <v>0</v>
      </c>
      <c r="J2527" s="8">
        <v>1</v>
      </c>
      <c r="K2527" s="9">
        <v>18</v>
      </c>
      <c r="L2527" s="6" t="s">
        <v>51</v>
      </c>
    </row>
    <row r="2528" spans="1:12">
      <c r="A2528" s="6" t="s">
        <v>49</v>
      </c>
      <c r="B2528" s="6"/>
      <c r="C2528" s="6" t="s">
        <v>2545</v>
      </c>
      <c r="D2528" s="6"/>
      <c r="E2528" s="6" t="s">
        <v>9</v>
      </c>
      <c r="F2528" s="7">
        <v>38657</v>
      </c>
      <c r="G2528" s="8">
        <v>1</v>
      </c>
      <c r="H2528" s="8">
        <v>1</v>
      </c>
      <c r="I2528" s="8">
        <v>0</v>
      </c>
      <c r="J2528" s="8">
        <v>1</v>
      </c>
      <c r="K2528" s="9">
        <v>29</v>
      </c>
      <c r="L2528" s="6" t="s">
        <v>51</v>
      </c>
    </row>
    <row r="2529" spans="1:12">
      <c r="A2529" s="6" t="s">
        <v>49</v>
      </c>
      <c r="B2529" s="6"/>
      <c r="C2529" s="6" t="s">
        <v>2546</v>
      </c>
      <c r="D2529" s="6"/>
      <c r="E2529" s="6" t="s">
        <v>9</v>
      </c>
      <c r="F2529" s="7">
        <v>38657</v>
      </c>
      <c r="G2529" s="8">
        <v>1</v>
      </c>
      <c r="H2529" s="8">
        <v>1</v>
      </c>
      <c r="I2529" s="8">
        <v>0</v>
      </c>
      <c r="J2529" s="8">
        <v>1</v>
      </c>
      <c r="K2529" s="9">
        <v>463</v>
      </c>
      <c r="L2529" s="6" t="s">
        <v>51</v>
      </c>
    </row>
    <row r="2530" spans="1:12">
      <c r="A2530" s="6" t="s">
        <v>49</v>
      </c>
      <c r="B2530" s="6"/>
      <c r="C2530" s="6" t="s">
        <v>2547</v>
      </c>
      <c r="D2530" s="6"/>
      <c r="E2530" s="6" t="s">
        <v>9</v>
      </c>
      <c r="F2530" s="7">
        <v>38657</v>
      </c>
      <c r="G2530" s="8">
        <v>1</v>
      </c>
      <c r="H2530" s="8">
        <v>1</v>
      </c>
      <c r="I2530" s="8">
        <v>0</v>
      </c>
      <c r="J2530" s="8">
        <v>1</v>
      </c>
      <c r="K2530" s="9">
        <v>15</v>
      </c>
      <c r="L2530" s="6" t="s">
        <v>51</v>
      </c>
    </row>
    <row r="2531" spans="1:12">
      <c r="A2531" s="6" t="s">
        <v>49</v>
      </c>
      <c r="B2531" s="6"/>
      <c r="C2531" s="6" t="s">
        <v>2548</v>
      </c>
      <c r="D2531" s="6"/>
      <c r="E2531" s="6" t="s">
        <v>9</v>
      </c>
      <c r="F2531" s="7">
        <v>38657</v>
      </c>
      <c r="G2531" s="8">
        <v>1</v>
      </c>
      <c r="H2531" s="8">
        <v>1</v>
      </c>
      <c r="I2531" s="8">
        <v>0</v>
      </c>
      <c r="J2531" s="8">
        <v>1</v>
      </c>
      <c r="K2531" s="9">
        <v>98</v>
      </c>
      <c r="L2531" s="6" t="s">
        <v>51</v>
      </c>
    </row>
    <row r="2532" spans="1:12">
      <c r="A2532" s="6" t="s">
        <v>49</v>
      </c>
      <c r="B2532" s="6"/>
      <c r="C2532" s="6" t="s">
        <v>2549</v>
      </c>
      <c r="D2532" s="6"/>
      <c r="E2532" s="6" t="s">
        <v>9</v>
      </c>
      <c r="F2532" s="7">
        <v>38657</v>
      </c>
      <c r="G2532" s="8">
        <v>1</v>
      </c>
      <c r="H2532" s="8">
        <v>1</v>
      </c>
      <c r="I2532" s="8">
        <v>0</v>
      </c>
      <c r="J2532" s="8">
        <v>1</v>
      </c>
      <c r="K2532" s="9">
        <v>102</v>
      </c>
      <c r="L2532" s="6" t="s">
        <v>51</v>
      </c>
    </row>
    <row r="2533" spans="1:12">
      <c r="A2533" s="6" t="s">
        <v>49</v>
      </c>
      <c r="B2533" s="6"/>
      <c r="C2533" s="6" t="s">
        <v>2550</v>
      </c>
      <c r="D2533" s="6"/>
      <c r="E2533" s="6" t="s">
        <v>9</v>
      </c>
      <c r="F2533" s="7">
        <v>38657</v>
      </c>
      <c r="G2533" s="8">
        <v>1</v>
      </c>
      <c r="H2533" s="8">
        <v>1</v>
      </c>
      <c r="I2533" s="8">
        <v>0</v>
      </c>
      <c r="J2533" s="8">
        <v>1</v>
      </c>
      <c r="K2533" s="9">
        <v>368</v>
      </c>
      <c r="L2533" s="6" t="s">
        <v>51</v>
      </c>
    </row>
    <row r="2534" spans="1:12">
      <c r="A2534" s="6" t="s">
        <v>49</v>
      </c>
      <c r="B2534" s="6"/>
      <c r="C2534" s="6" t="s">
        <v>2551</v>
      </c>
      <c r="D2534" s="6"/>
      <c r="E2534" s="6" t="s">
        <v>9</v>
      </c>
      <c r="F2534" s="7">
        <v>38657</v>
      </c>
      <c r="G2534" s="8">
        <v>1</v>
      </c>
      <c r="H2534" s="8">
        <v>1</v>
      </c>
      <c r="I2534" s="8">
        <v>0</v>
      </c>
      <c r="J2534" s="8">
        <v>1</v>
      </c>
      <c r="K2534" s="9">
        <v>7.6</v>
      </c>
      <c r="L2534" s="6" t="s">
        <v>51</v>
      </c>
    </row>
    <row r="2535" spans="1:12">
      <c r="A2535" s="6" t="s">
        <v>49</v>
      </c>
      <c r="B2535" s="6"/>
      <c r="C2535" s="6" t="s">
        <v>2552</v>
      </c>
      <c r="D2535" s="6"/>
      <c r="E2535" s="6" t="s">
        <v>9</v>
      </c>
      <c r="F2535" s="7">
        <v>38657</v>
      </c>
      <c r="G2535" s="8">
        <v>1</v>
      </c>
      <c r="H2535" s="8">
        <v>1</v>
      </c>
      <c r="I2535" s="8">
        <v>0</v>
      </c>
      <c r="J2535" s="8">
        <v>1</v>
      </c>
      <c r="K2535" s="9">
        <v>18</v>
      </c>
      <c r="L2535" s="6" t="s">
        <v>51</v>
      </c>
    </row>
    <row r="2536" spans="1:12">
      <c r="A2536" s="6" t="s">
        <v>49</v>
      </c>
      <c r="B2536" s="6"/>
      <c r="C2536" s="6" t="s">
        <v>2553</v>
      </c>
      <c r="D2536" s="6"/>
      <c r="E2536" s="6" t="s">
        <v>9</v>
      </c>
      <c r="F2536" s="7">
        <v>38657</v>
      </c>
      <c r="G2536" s="8">
        <v>1</v>
      </c>
      <c r="H2536" s="8">
        <v>1</v>
      </c>
      <c r="I2536" s="8">
        <v>0</v>
      </c>
      <c r="J2536" s="8">
        <v>1</v>
      </c>
      <c r="K2536" s="9">
        <v>103</v>
      </c>
      <c r="L2536" s="6" t="s">
        <v>51</v>
      </c>
    </row>
    <row r="2537" spans="1:12">
      <c r="A2537" s="6" t="s">
        <v>49</v>
      </c>
      <c r="B2537" s="6"/>
      <c r="C2537" s="6" t="s">
        <v>2554</v>
      </c>
      <c r="D2537" s="6"/>
      <c r="E2537" s="6" t="s">
        <v>9</v>
      </c>
      <c r="F2537" s="7">
        <v>38657</v>
      </c>
      <c r="G2537" s="8">
        <v>1</v>
      </c>
      <c r="H2537" s="8">
        <v>1</v>
      </c>
      <c r="I2537" s="8">
        <v>0</v>
      </c>
      <c r="J2537" s="8">
        <v>1</v>
      </c>
      <c r="K2537" s="9">
        <v>73</v>
      </c>
      <c r="L2537" s="6" t="s">
        <v>51</v>
      </c>
    </row>
    <row r="2538" spans="1:12">
      <c r="A2538" s="6" t="s">
        <v>49</v>
      </c>
      <c r="B2538" s="6"/>
      <c r="C2538" s="6" t="s">
        <v>2555</v>
      </c>
      <c r="D2538" s="6"/>
      <c r="E2538" s="6" t="s">
        <v>9</v>
      </c>
      <c r="F2538" s="7">
        <v>38657</v>
      </c>
      <c r="G2538" s="8">
        <v>1</v>
      </c>
      <c r="H2538" s="8">
        <v>1</v>
      </c>
      <c r="I2538" s="8">
        <v>0</v>
      </c>
      <c r="J2538" s="8">
        <v>1</v>
      </c>
      <c r="K2538" s="9">
        <v>18</v>
      </c>
      <c r="L2538" s="6" t="s">
        <v>51</v>
      </c>
    </row>
    <row r="2539" spans="1:12">
      <c r="A2539" s="6" t="s">
        <v>49</v>
      </c>
      <c r="B2539" s="6"/>
      <c r="C2539" s="6" t="s">
        <v>2556</v>
      </c>
      <c r="D2539" s="6"/>
      <c r="E2539" s="6" t="s">
        <v>9</v>
      </c>
      <c r="F2539" s="7">
        <v>38657</v>
      </c>
      <c r="G2539" s="8">
        <v>1</v>
      </c>
      <c r="H2539" s="8">
        <v>1</v>
      </c>
      <c r="I2539" s="8">
        <v>0</v>
      </c>
      <c r="J2539" s="8">
        <v>1</v>
      </c>
      <c r="K2539" s="9">
        <v>18</v>
      </c>
      <c r="L2539" s="6" t="s">
        <v>51</v>
      </c>
    </row>
    <row r="2540" spans="1:12">
      <c r="A2540" s="6" t="s">
        <v>49</v>
      </c>
      <c r="B2540" s="6"/>
      <c r="C2540" s="6" t="s">
        <v>2557</v>
      </c>
      <c r="D2540" s="6"/>
      <c r="E2540" s="6" t="s">
        <v>9</v>
      </c>
      <c r="F2540" s="7">
        <v>38657</v>
      </c>
      <c r="G2540" s="8">
        <v>1</v>
      </c>
      <c r="H2540" s="8">
        <v>1</v>
      </c>
      <c r="I2540" s="8">
        <v>0</v>
      </c>
      <c r="J2540" s="8">
        <v>1</v>
      </c>
      <c r="K2540" s="9">
        <v>18</v>
      </c>
      <c r="L2540" s="6" t="s">
        <v>51</v>
      </c>
    </row>
    <row r="2541" spans="1:12">
      <c r="A2541" s="6" t="s">
        <v>49</v>
      </c>
      <c r="B2541" s="6"/>
      <c r="C2541" s="6" t="s">
        <v>2558</v>
      </c>
      <c r="D2541" s="6"/>
      <c r="E2541" s="6" t="s">
        <v>9</v>
      </c>
      <c r="F2541" s="7">
        <v>38657</v>
      </c>
      <c r="G2541" s="8">
        <v>1</v>
      </c>
      <c r="H2541" s="8">
        <v>1</v>
      </c>
      <c r="I2541" s="8">
        <v>0</v>
      </c>
      <c r="J2541" s="8">
        <v>1</v>
      </c>
      <c r="K2541" s="9">
        <v>9.91</v>
      </c>
      <c r="L2541" s="6" t="s">
        <v>51</v>
      </c>
    </row>
    <row r="2542" spans="1:12">
      <c r="A2542" s="6" t="s">
        <v>49</v>
      </c>
      <c r="B2542" s="6"/>
      <c r="C2542" s="6" t="s">
        <v>2559</v>
      </c>
      <c r="D2542" s="6"/>
      <c r="E2542" s="6" t="s">
        <v>9</v>
      </c>
      <c r="F2542" s="7">
        <v>38657</v>
      </c>
      <c r="G2542" s="8">
        <v>1</v>
      </c>
      <c r="H2542" s="8">
        <v>1</v>
      </c>
      <c r="I2542" s="8">
        <v>0</v>
      </c>
      <c r="J2542" s="8">
        <v>1</v>
      </c>
      <c r="K2542" s="9">
        <v>18</v>
      </c>
      <c r="L2542" s="6" t="s">
        <v>51</v>
      </c>
    </row>
    <row r="2543" spans="1:12">
      <c r="A2543" s="6" t="s">
        <v>49</v>
      </c>
      <c r="B2543" s="6"/>
      <c r="C2543" s="6" t="s">
        <v>2560</v>
      </c>
      <c r="D2543" s="6"/>
      <c r="E2543" s="6" t="s">
        <v>9</v>
      </c>
      <c r="F2543" s="7">
        <v>38657</v>
      </c>
      <c r="G2543" s="8">
        <v>1</v>
      </c>
      <c r="H2543" s="8">
        <v>1</v>
      </c>
      <c r="I2543" s="8">
        <v>0</v>
      </c>
      <c r="J2543" s="8">
        <v>1</v>
      </c>
      <c r="K2543" s="9">
        <v>18</v>
      </c>
      <c r="L2543" s="6" t="s">
        <v>51</v>
      </c>
    </row>
    <row r="2544" spans="1:12">
      <c r="A2544" s="6" t="s">
        <v>49</v>
      </c>
      <c r="B2544" s="6"/>
      <c r="C2544" s="6" t="s">
        <v>2561</v>
      </c>
      <c r="D2544" s="6"/>
      <c r="E2544" s="6" t="s">
        <v>9</v>
      </c>
      <c r="F2544" s="7">
        <v>38657</v>
      </c>
      <c r="G2544" s="8">
        <v>1</v>
      </c>
      <c r="H2544" s="8">
        <v>1</v>
      </c>
      <c r="I2544" s="8">
        <v>0</v>
      </c>
      <c r="J2544" s="8">
        <v>1</v>
      </c>
      <c r="K2544" s="9">
        <v>18</v>
      </c>
      <c r="L2544" s="6" t="s">
        <v>51</v>
      </c>
    </row>
    <row r="2545" spans="1:12">
      <c r="A2545" s="6" t="s">
        <v>49</v>
      </c>
      <c r="B2545" s="6"/>
      <c r="C2545" s="6" t="s">
        <v>2562</v>
      </c>
      <c r="D2545" s="6"/>
      <c r="E2545" s="6" t="s">
        <v>9</v>
      </c>
      <c r="F2545" s="7">
        <v>38657</v>
      </c>
      <c r="G2545" s="8">
        <v>1</v>
      </c>
      <c r="H2545" s="8">
        <v>1</v>
      </c>
      <c r="I2545" s="8">
        <v>0</v>
      </c>
      <c r="J2545" s="8">
        <v>1</v>
      </c>
      <c r="K2545" s="9">
        <v>18</v>
      </c>
      <c r="L2545" s="6" t="s">
        <v>51</v>
      </c>
    </row>
    <row r="2546" spans="1:12">
      <c r="A2546" s="6" t="s">
        <v>49</v>
      </c>
      <c r="B2546" s="6"/>
      <c r="C2546" s="6" t="s">
        <v>2563</v>
      </c>
      <c r="D2546" s="6"/>
      <c r="E2546" s="6" t="s">
        <v>9</v>
      </c>
      <c r="F2546" s="7">
        <v>38657</v>
      </c>
      <c r="G2546" s="8">
        <v>1</v>
      </c>
      <c r="H2546" s="8">
        <v>1</v>
      </c>
      <c r="I2546" s="8">
        <v>0</v>
      </c>
      <c r="J2546" s="8">
        <v>1</v>
      </c>
      <c r="K2546" s="9">
        <v>18</v>
      </c>
      <c r="L2546" s="6" t="s">
        <v>51</v>
      </c>
    </row>
    <row r="2547" spans="1:12">
      <c r="A2547" s="6" t="s">
        <v>49</v>
      </c>
      <c r="B2547" s="6"/>
      <c r="C2547" s="6" t="s">
        <v>2564</v>
      </c>
      <c r="D2547" s="6"/>
      <c r="E2547" s="6" t="s">
        <v>9</v>
      </c>
      <c r="F2547" s="7">
        <v>38657</v>
      </c>
      <c r="G2547" s="8">
        <v>1</v>
      </c>
      <c r="H2547" s="8">
        <v>1</v>
      </c>
      <c r="I2547" s="8">
        <v>0</v>
      </c>
      <c r="J2547" s="8">
        <v>1</v>
      </c>
      <c r="K2547" s="9">
        <v>37</v>
      </c>
      <c r="L2547" s="6" t="s">
        <v>51</v>
      </c>
    </row>
    <row r="2548" spans="1:12">
      <c r="A2548" s="6" t="s">
        <v>49</v>
      </c>
      <c r="B2548" s="6"/>
      <c r="C2548" s="6" t="s">
        <v>2565</v>
      </c>
      <c r="D2548" s="6"/>
      <c r="E2548" s="6" t="s">
        <v>9</v>
      </c>
      <c r="F2548" s="7">
        <v>38657</v>
      </c>
      <c r="G2548" s="8">
        <v>1</v>
      </c>
      <c r="H2548" s="8">
        <v>1</v>
      </c>
      <c r="I2548" s="8">
        <v>0</v>
      </c>
      <c r="J2548" s="8">
        <v>1</v>
      </c>
      <c r="K2548" s="9">
        <v>37</v>
      </c>
      <c r="L2548" s="6" t="s">
        <v>51</v>
      </c>
    </row>
    <row r="2549" spans="1:12">
      <c r="A2549" s="6" t="s">
        <v>49</v>
      </c>
      <c r="B2549" s="6"/>
      <c r="C2549" s="6" t="s">
        <v>2566</v>
      </c>
      <c r="D2549" s="6"/>
      <c r="E2549" s="6" t="s">
        <v>9</v>
      </c>
      <c r="F2549" s="7">
        <v>38657</v>
      </c>
      <c r="G2549" s="8">
        <v>1</v>
      </c>
      <c r="H2549" s="8">
        <v>1</v>
      </c>
      <c r="I2549" s="8">
        <v>0</v>
      </c>
      <c r="J2549" s="8">
        <v>1</v>
      </c>
      <c r="K2549" s="9">
        <v>537</v>
      </c>
      <c r="L2549" s="6" t="s">
        <v>51</v>
      </c>
    </row>
    <row r="2550" spans="1:12">
      <c r="A2550" s="6" t="s">
        <v>49</v>
      </c>
      <c r="B2550" s="6"/>
      <c r="C2550" s="6" t="s">
        <v>2567</v>
      </c>
      <c r="D2550" s="6"/>
      <c r="E2550" s="6" t="s">
        <v>9</v>
      </c>
      <c r="F2550" s="7">
        <v>38657</v>
      </c>
      <c r="G2550" s="8">
        <v>1</v>
      </c>
      <c r="H2550" s="8">
        <v>1</v>
      </c>
      <c r="I2550" s="8">
        <v>0</v>
      </c>
      <c r="J2550" s="8">
        <v>1</v>
      </c>
      <c r="K2550" s="9">
        <v>35</v>
      </c>
      <c r="L2550" s="6" t="s">
        <v>51</v>
      </c>
    </row>
    <row r="2551" spans="1:12">
      <c r="A2551" s="6" t="s">
        <v>49</v>
      </c>
      <c r="B2551" s="6"/>
      <c r="C2551" s="6" t="s">
        <v>2568</v>
      </c>
      <c r="D2551" s="6"/>
      <c r="E2551" s="6" t="s">
        <v>9</v>
      </c>
      <c r="F2551" s="7">
        <v>38657</v>
      </c>
      <c r="G2551" s="8">
        <v>1</v>
      </c>
      <c r="H2551" s="8">
        <v>1</v>
      </c>
      <c r="I2551" s="8">
        <v>0</v>
      </c>
      <c r="J2551" s="8">
        <v>1</v>
      </c>
      <c r="K2551" s="9">
        <v>35</v>
      </c>
      <c r="L2551" s="6" t="s">
        <v>51</v>
      </c>
    </row>
    <row r="2552" spans="1:12">
      <c r="A2552" s="6" t="s">
        <v>49</v>
      </c>
      <c r="B2552" s="6"/>
      <c r="C2552" s="6" t="s">
        <v>2569</v>
      </c>
      <c r="D2552" s="6"/>
      <c r="E2552" s="6" t="s">
        <v>9</v>
      </c>
      <c r="F2552" s="7">
        <v>38657</v>
      </c>
      <c r="G2552" s="8">
        <v>1</v>
      </c>
      <c r="H2552" s="8">
        <v>1</v>
      </c>
      <c r="I2552" s="8">
        <v>0</v>
      </c>
      <c r="J2552" s="8">
        <v>1</v>
      </c>
      <c r="K2552" s="9">
        <v>17</v>
      </c>
      <c r="L2552" s="6" t="s">
        <v>51</v>
      </c>
    </row>
    <row r="2553" spans="1:12">
      <c r="A2553" s="6" t="s">
        <v>49</v>
      </c>
      <c r="B2553" s="6"/>
      <c r="C2553" s="6" t="s">
        <v>2570</v>
      </c>
      <c r="D2553" s="6"/>
      <c r="E2553" s="6" t="s">
        <v>9</v>
      </c>
      <c r="F2553" s="7">
        <v>38657</v>
      </c>
      <c r="G2553" s="8">
        <v>1</v>
      </c>
      <c r="H2553" s="8">
        <v>1</v>
      </c>
      <c r="I2553" s="8">
        <v>0</v>
      </c>
      <c r="J2553" s="8">
        <v>1</v>
      </c>
      <c r="K2553" s="9">
        <v>644</v>
      </c>
      <c r="L2553" s="6" t="s">
        <v>51</v>
      </c>
    </row>
    <row r="2554" spans="1:12">
      <c r="A2554" s="6" t="s">
        <v>49</v>
      </c>
      <c r="B2554" s="6"/>
      <c r="C2554" s="6" t="s">
        <v>2571</v>
      </c>
      <c r="D2554" s="6"/>
      <c r="E2554" s="6" t="s">
        <v>9</v>
      </c>
      <c r="F2554" s="7">
        <v>38657</v>
      </c>
      <c r="G2554" s="8">
        <v>1</v>
      </c>
      <c r="H2554" s="8">
        <v>1</v>
      </c>
      <c r="I2554" s="8">
        <v>0</v>
      </c>
      <c r="J2554" s="8">
        <v>1</v>
      </c>
      <c r="K2554" s="9">
        <v>505</v>
      </c>
      <c r="L2554" s="6" t="s">
        <v>51</v>
      </c>
    </row>
    <row r="2555" spans="1:12">
      <c r="A2555" s="6" t="s">
        <v>49</v>
      </c>
      <c r="B2555" s="6"/>
      <c r="C2555" s="6" t="s">
        <v>2572</v>
      </c>
      <c r="D2555" s="6"/>
      <c r="E2555" s="6" t="s">
        <v>9</v>
      </c>
      <c r="F2555" s="7">
        <v>38657</v>
      </c>
      <c r="G2555" s="8">
        <v>1</v>
      </c>
      <c r="H2555" s="8">
        <v>1</v>
      </c>
      <c r="I2555" s="8">
        <v>0</v>
      </c>
      <c r="J2555" s="8">
        <v>1</v>
      </c>
      <c r="K2555" s="9">
        <v>23</v>
      </c>
      <c r="L2555" s="6" t="s">
        <v>51</v>
      </c>
    </row>
    <row r="2556" spans="1:12">
      <c r="A2556" s="6" t="s">
        <v>49</v>
      </c>
      <c r="B2556" s="6"/>
      <c r="C2556" s="6" t="s">
        <v>2573</v>
      </c>
      <c r="D2556" s="6"/>
      <c r="E2556" s="6" t="s">
        <v>9</v>
      </c>
      <c r="F2556" s="7">
        <v>38657</v>
      </c>
      <c r="G2556" s="8">
        <v>1</v>
      </c>
      <c r="H2556" s="8">
        <v>1</v>
      </c>
      <c r="I2556" s="8">
        <v>0</v>
      </c>
      <c r="J2556" s="8">
        <v>1</v>
      </c>
      <c r="K2556" s="9">
        <v>11</v>
      </c>
      <c r="L2556" s="6" t="s">
        <v>51</v>
      </c>
    </row>
    <row r="2557" spans="1:12">
      <c r="A2557" s="6" t="s">
        <v>49</v>
      </c>
      <c r="B2557" s="6"/>
      <c r="C2557" s="6" t="s">
        <v>2574</v>
      </c>
      <c r="D2557" s="6"/>
      <c r="E2557" s="6" t="s">
        <v>9</v>
      </c>
      <c r="F2557" s="7">
        <v>38657</v>
      </c>
      <c r="G2557" s="8">
        <v>1</v>
      </c>
      <c r="H2557" s="8">
        <v>1</v>
      </c>
      <c r="I2557" s="8">
        <v>0</v>
      </c>
      <c r="J2557" s="8">
        <v>1</v>
      </c>
      <c r="K2557" s="9">
        <v>41</v>
      </c>
      <c r="L2557" s="6" t="s">
        <v>51</v>
      </c>
    </row>
    <row r="2558" spans="1:12">
      <c r="A2558" s="6" t="s">
        <v>49</v>
      </c>
      <c r="B2558" s="6"/>
      <c r="C2558" s="6" t="s">
        <v>2575</v>
      </c>
      <c r="D2558" s="6"/>
      <c r="E2558" s="6" t="s">
        <v>9</v>
      </c>
      <c r="F2558" s="7">
        <v>38657</v>
      </c>
      <c r="G2558" s="8">
        <v>1</v>
      </c>
      <c r="H2558" s="8">
        <v>1</v>
      </c>
      <c r="I2558" s="8">
        <v>0</v>
      </c>
      <c r="J2558" s="8">
        <v>1</v>
      </c>
      <c r="K2558" s="9">
        <v>11</v>
      </c>
      <c r="L2558" s="6" t="s">
        <v>51</v>
      </c>
    </row>
    <row r="2559" spans="1:12">
      <c r="A2559" s="6" t="s">
        <v>49</v>
      </c>
      <c r="B2559" s="6"/>
      <c r="C2559" s="6" t="s">
        <v>2576</v>
      </c>
      <c r="D2559" s="6"/>
      <c r="E2559" s="6" t="s">
        <v>9</v>
      </c>
      <c r="F2559" s="7">
        <v>38657</v>
      </c>
      <c r="G2559" s="8">
        <v>1</v>
      </c>
      <c r="H2559" s="8">
        <v>1</v>
      </c>
      <c r="I2559" s="8">
        <v>0</v>
      </c>
      <c r="J2559" s="8">
        <v>1</v>
      </c>
      <c r="K2559" s="9">
        <v>41</v>
      </c>
      <c r="L2559" s="6" t="s">
        <v>51</v>
      </c>
    </row>
    <row r="2560" spans="1:12">
      <c r="A2560" s="6" t="s">
        <v>49</v>
      </c>
      <c r="B2560" s="6"/>
      <c r="C2560" s="6" t="s">
        <v>2577</v>
      </c>
      <c r="D2560" s="6"/>
      <c r="E2560" s="6" t="s">
        <v>9</v>
      </c>
      <c r="F2560" s="7">
        <v>38657</v>
      </c>
      <c r="G2560" s="8">
        <v>1</v>
      </c>
      <c r="H2560" s="8">
        <v>1</v>
      </c>
      <c r="I2560" s="8">
        <v>0</v>
      </c>
      <c r="J2560" s="8">
        <v>1</v>
      </c>
      <c r="K2560" s="9">
        <v>650.78</v>
      </c>
      <c r="L2560" s="6" t="s">
        <v>51</v>
      </c>
    </row>
    <row r="2561" spans="1:12">
      <c r="A2561" s="6" t="s">
        <v>49</v>
      </c>
      <c r="B2561" s="6"/>
      <c r="C2561" s="6" t="s">
        <v>2578</v>
      </c>
      <c r="D2561" s="6"/>
      <c r="E2561" s="6" t="s">
        <v>9</v>
      </c>
      <c r="F2561" s="7">
        <v>38657</v>
      </c>
      <c r="G2561" s="8">
        <v>1</v>
      </c>
      <c r="H2561" s="8">
        <v>1</v>
      </c>
      <c r="I2561" s="8">
        <v>0</v>
      </c>
      <c r="J2561" s="8">
        <v>1</v>
      </c>
      <c r="K2561" s="9">
        <v>20</v>
      </c>
      <c r="L2561" s="6" t="s">
        <v>51</v>
      </c>
    </row>
    <row r="2562" spans="1:12">
      <c r="A2562" s="6" t="s">
        <v>49</v>
      </c>
      <c r="B2562" s="6"/>
      <c r="C2562" s="6" t="s">
        <v>2579</v>
      </c>
      <c r="D2562" s="6"/>
      <c r="E2562" s="6" t="s">
        <v>9</v>
      </c>
      <c r="F2562" s="7">
        <v>38657</v>
      </c>
      <c r="G2562" s="8">
        <v>1</v>
      </c>
      <c r="H2562" s="8">
        <v>1</v>
      </c>
      <c r="I2562" s="8">
        <v>0</v>
      </c>
      <c r="J2562" s="8">
        <v>1</v>
      </c>
      <c r="K2562" s="9">
        <v>146.34</v>
      </c>
      <c r="L2562" s="6" t="s">
        <v>51</v>
      </c>
    </row>
    <row r="2563" spans="1:12">
      <c r="A2563" s="6" t="s">
        <v>49</v>
      </c>
      <c r="B2563" s="6"/>
      <c r="C2563" s="6" t="s">
        <v>2580</v>
      </c>
      <c r="D2563" s="6"/>
      <c r="E2563" s="6" t="s">
        <v>9</v>
      </c>
      <c r="F2563" s="7">
        <v>38657</v>
      </c>
      <c r="G2563" s="8">
        <v>1</v>
      </c>
      <c r="H2563" s="8">
        <v>1</v>
      </c>
      <c r="I2563" s="8">
        <v>0</v>
      </c>
      <c r="J2563" s="8">
        <v>1</v>
      </c>
      <c r="K2563" s="9">
        <v>78</v>
      </c>
      <c r="L2563" s="6" t="s">
        <v>51</v>
      </c>
    </row>
    <row r="2564" spans="1:12">
      <c r="A2564" s="6" t="s">
        <v>49</v>
      </c>
      <c r="B2564" s="6"/>
      <c r="C2564" s="6" t="s">
        <v>2581</v>
      </c>
      <c r="D2564" s="6"/>
      <c r="E2564" s="6" t="s">
        <v>9</v>
      </c>
      <c r="F2564" s="7">
        <v>38657</v>
      </c>
      <c r="G2564" s="8">
        <v>1</v>
      </c>
      <c r="H2564" s="8">
        <v>1</v>
      </c>
      <c r="I2564" s="8">
        <v>0</v>
      </c>
      <c r="J2564" s="8">
        <v>1</v>
      </c>
      <c r="K2564" s="9">
        <v>4.18</v>
      </c>
      <c r="L2564" s="6" t="s">
        <v>51</v>
      </c>
    </row>
    <row r="2565" spans="1:12">
      <c r="A2565" s="6" t="s">
        <v>49</v>
      </c>
      <c r="B2565" s="6"/>
      <c r="C2565" s="6" t="s">
        <v>2582</v>
      </c>
      <c r="D2565" s="6"/>
      <c r="E2565" s="6" t="s">
        <v>9</v>
      </c>
      <c r="F2565" s="7">
        <v>38657</v>
      </c>
      <c r="G2565" s="8">
        <v>1</v>
      </c>
      <c r="H2565" s="8">
        <v>1</v>
      </c>
      <c r="I2565" s="8">
        <v>0</v>
      </c>
      <c r="J2565" s="8">
        <v>1</v>
      </c>
      <c r="K2565" s="9">
        <v>98</v>
      </c>
      <c r="L2565" s="6" t="s">
        <v>51</v>
      </c>
    </row>
    <row r="2566" spans="1:12">
      <c r="A2566" s="6" t="s">
        <v>49</v>
      </c>
      <c r="B2566" s="6"/>
      <c r="C2566" s="6" t="s">
        <v>2583</v>
      </c>
      <c r="D2566" s="6"/>
      <c r="E2566" s="6" t="s">
        <v>9</v>
      </c>
      <c r="F2566" s="7">
        <v>38657</v>
      </c>
      <c r="G2566" s="8">
        <v>1</v>
      </c>
      <c r="H2566" s="8">
        <v>1</v>
      </c>
      <c r="I2566" s="8">
        <v>0</v>
      </c>
      <c r="J2566" s="8">
        <v>1</v>
      </c>
      <c r="K2566" s="9">
        <v>416</v>
      </c>
      <c r="L2566" s="6" t="s">
        <v>51</v>
      </c>
    </row>
    <row r="2567" spans="1:12">
      <c r="A2567" s="6" t="s">
        <v>49</v>
      </c>
      <c r="B2567" s="6"/>
      <c r="C2567" s="6" t="s">
        <v>2584</v>
      </c>
      <c r="D2567" s="6"/>
      <c r="E2567" s="6" t="s">
        <v>9</v>
      </c>
      <c r="F2567" s="7">
        <v>38657</v>
      </c>
      <c r="G2567" s="8">
        <v>1</v>
      </c>
      <c r="H2567" s="8">
        <v>1</v>
      </c>
      <c r="I2567" s="8">
        <v>0</v>
      </c>
      <c r="J2567" s="8">
        <v>1</v>
      </c>
      <c r="K2567" s="9">
        <v>24</v>
      </c>
      <c r="L2567" s="6" t="s">
        <v>51</v>
      </c>
    </row>
    <row r="2568" spans="1:12">
      <c r="A2568" s="6" t="s">
        <v>49</v>
      </c>
      <c r="B2568" s="6"/>
      <c r="C2568" s="6" t="s">
        <v>2585</v>
      </c>
      <c r="D2568" s="6"/>
      <c r="E2568" s="6" t="s">
        <v>9</v>
      </c>
      <c r="F2568" s="7">
        <v>38657</v>
      </c>
      <c r="G2568" s="8">
        <v>1</v>
      </c>
      <c r="H2568" s="8">
        <v>1</v>
      </c>
      <c r="I2568" s="8">
        <v>0</v>
      </c>
      <c r="J2568" s="8">
        <v>1</v>
      </c>
      <c r="K2568" s="9">
        <v>407</v>
      </c>
      <c r="L2568" s="6" t="s">
        <v>51</v>
      </c>
    </row>
    <row r="2569" spans="1:12">
      <c r="A2569" s="6" t="s">
        <v>49</v>
      </c>
      <c r="B2569" s="6"/>
      <c r="C2569" s="6" t="s">
        <v>2586</v>
      </c>
      <c r="D2569" s="6"/>
      <c r="E2569" s="6" t="s">
        <v>9</v>
      </c>
      <c r="F2569" s="7">
        <v>38657</v>
      </c>
      <c r="G2569" s="8">
        <v>1</v>
      </c>
      <c r="H2569" s="8">
        <v>1</v>
      </c>
      <c r="I2569" s="8">
        <v>0</v>
      </c>
      <c r="J2569" s="8">
        <v>1</v>
      </c>
      <c r="K2569" s="9">
        <v>98</v>
      </c>
      <c r="L2569" s="6" t="s">
        <v>51</v>
      </c>
    </row>
    <row r="2570" spans="1:12">
      <c r="A2570" s="6" t="s">
        <v>49</v>
      </c>
      <c r="B2570" s="6"/>
      <c r="C2570" s="6" t="s">
        <v>2587</v>
      </c>
      <c r="D2570" s="6"/>
      <c r="E2570" s="6" t="s">
        <v>9</v>
      </c>
      <c r="F2570" s="7">
        <v>38657</v>
      </c>
      <c r="G2570" s="8">
        <v>1</v>
      </c>
      <c r="H2570" s="8">
        <v>1</v>
      </c>
      <c r="I2570" s="8">
        <v>0</v>
      </c>
      <c r="J2570" s="8">
        <v>1</v>
      </c>
      <c r="K2570" s="9">
        <v>24</v>
      </c>
      <c r="L2570" s="6" t="s">
        <v>51</v>
      </c>
    </row>
    <row r="2571" spans="1:12">
      <c r="A2571" s="6" t="s">
        <v>49</v>
      </c>
      <c r="B2571" s="6"/>
      <c r="C2571" s="6" t="s">
        <v>2588</v>
      </c>
      <c r="D2571" s="6"/>
      <c r="E2571" s="6" t="s">
        <v>9</v>
      </c>
      <c r="F2571" s="7">
        <v>38657</v>
      </c>
      <c r="G2571" s="8">
        <v>1</v>
      </c>
      <c r="H2571" s="8">
        <v>1</v>
      </c>
      <c r="I2571" s="8">
        <v>0</v>
      </c>
      <c r="J2571" s="8">
        <v>1</v>
      </c>
      <c r="K2571" s="9">
        <v>23</v>
      </c>
      <c r="L2571" s="6" t="s">
        <v>51</v>
      </c>
    </row>
    <row r="2572" spans="1:12">
      <c r="A2572" s="6" t="s">
        <v>49</v>
      </c>
      <c r="B2572" s="6"/>
      <c r="C2572" s="6" t="s">
        <v>2589</v>
      </c>
      <c r="D2572" s="6"/>
      <c r="E2572" s="6" t="s">
        <v>9</v>
      </c>
      <c r="F2572" s="7">
        <v>38657</v>
      </c>
      <c r="G2572" s="8">
        <v>1</v>
      </c>
      <c r="H2572" s="8">
        <v>1</v>
      </c>
      <c r="I2572" s="8">
        <v>0</v>
      </c>
      <c r="J2572" s="8">
        <v>1</v>
      </c>
      <c r="K2572" s="9">
        <v>31</v>
      </c>
      <c r="L2572" s="6" t="s">
        <v>51</v>
      </c>
    </row>
    <row r="2573" spans="1:12">
      <c r="A2573" s="6" t="s">
        <v>49</v>
      </c>
      <c r="B2573" s="6"/>
      <c r="C2573" s="6" t="s">
        <v>2590</v>
      </c>
      <c r="D2573" s="6"/>
      <c r="E2573" s="6" t="s">
        <v>9</v>
      </c>
      <c r="F2573" s="7">
        <v>38657</v>
      </c>
      <c r="G2573" s="8">
        <v>1</v>
      </c>
      <c r="H2573" s="8">
        <v>1</v>
      </c>
      <c r="I2573" s="8">
        <v>0</v>
      </c>
      <c r="J2573" s="8">
        <v>1</v>
      </c>
      <c r="K2573" s="9">
        <v>9.91</v>
      </c>
      <c r="L2573" s="6" t="s">
        <v>51</v>
      </c>
    </row>
    <row r="2574" spans="1:12">
      <c r="A2574" s="6" t="s">
        <v>49</v>
      </c>
      <c r="B2574" s="6"/>
      <c r="C2574" s="6" t="s">
        <v>2591</v>
      </c>
      <c r="D2574" s="6"/>
      <c r="E2574" s="6" t="s">
        <v>9</v>
      </c>
      <c r="F2574" s="7">
        <v>38657</v>
      </c>
      <c r="G2574" s="8">
        <v>1</v>
      </c>
      <c r="H2574" s="8">
        <v>1</v>
      </c>
      <c r="I2574" s="8">
        <v>0</v>
      </c>
      <c r="J2574" s="8">
        <v>1</v>
      </c>
      <c r="K2574" s="9">
        <v>11797.74</v>
      </c>
      <c r="L2574" s="6" t="s">
        <v>51</v>
      </c>
    </row>
    <row r="2575" spans="1:12">
      <c r="A2575" s="6" t="s">
        <v>49</v>
      </c>
      <c r="B2575" s="6"/>
      <c r="C2575" s="6" t="s">
        <v>2592</v>
      </c>
      <c r="D2575" s="6"/>
      <c r="E2575" s="6" t="s">
        <v>9</v>
      </c>
      <c r="F2575" s="7">
        <v>38657</v>
      </c>
      <c r="G2575" s="8">
        <v>1</v>
      </c>
      <c r="H2575" s="8">
        <v>1</v>
      </c>
      <c r="I2575" s="8">
        <v>0</v>
      </c>
      <c r="J2575" s="8">
        <v>1</v>
      </c>
      <c r="K2575" s="9">
        <v>6.27</v>
      </c>
      <c r="L2575" s="6" t="s">
        <v>51</v>
      </c>
    </row>
    <row r="2576" spans="1:12">
      <c r="A2576" s="6" t="s">
        <v>49</v>
      </c>
      <c r="B2576" s="6"/>
      <c r="C2576" s="6" t="s">
        <v>2593</v>
      </c>
      <c r="D2576" s="6"/>
      <c r="E2576" s="6" t="s">
        <v>9</v>
      </c>
      <c r="F2576" s="7">
        <v>38657</v>
      </c>
      <c r="G2576" s="8">
        <v>1</v>
      </c>
      <c r="H2576" s="8">
        <v>1</v>
      </c>
      <c r="I2576" s="8">
        <v>0</v>
      </c>
      <c r="J2576" s="8">
        <v>1</v>
      </c>
      <c r="K2576" s="9">
        <v>523</v>
      </c>
      <c r="L2576" s="6" t="s">
        <v>51</v>
      </c>
    </row>
    <row r="2577" spans="1:12">
      <c r="A2577" s="6" t="s">
        <v>49</v>
      </c>
      <c r="B2577" s="6"/>
      <c r="C2577" s="6" t="s">
        <v>2594</v>
      </c>
      <c r="D2577" s="6"/>
      <c r="E2577" s="6" t="s">
        <v>9</v>
      </c>
      <c r="F2577" s="7">
        <v>38657</v>
      </c>
      <c r="G2577" s="8">
        <v>1</v>
      </c>
      <c r="H2577" s="8">
        <v>1</v>
      </c>
      <c r="I2577" s="8">
        <v>0</v>
      </c>
      <c r="J2577" s="8">
        <v>1</v>
      </c>
      <c r="K2577" s="9">
        <v>418</v>
      </c>
      <c r="L2577" s="6" t="s">
        <v>51</v>
      </c>
    </row>
    <row r="2578" spans="1:12">
      <c r="A2578" s="6" t="s">
        <v>49</v>
      </c>
      <c r="B2578" s="6"/>
      <c r="C2578" s="6" t="s">
        <v>2595</v>
      </c>
      <c r="D2578" s="6"/>
      <c r="E2578" s="6" t="s">
        <v>9</v>
      </c>
      <c r="F2578" s="7">
        <v>38657</v>
      </c>
      <c r="G2578" s="8">
        <v>1</v>
      </c>
      <c r="H2578" s="8">
        <v>1</v>
      </c>
      <c r="I2578" s="8">
        <v>0</v>
      </c>
      <c r="J2578" s="8">
        <v>1</v>
      </c>
      <c r="K2578" s="9">
        <v>98</v>
      </c>
      <c r="L2578" s="6" t="s">
        <v>51</v>
      </c>
    </row>
    <row r="2579" spans="1:12">
      <c r="A2579" s="6" t="s">
        <v>49</v>
      </c>
      <c r="B2579" s="6"/>
      <c r="C2579" s="6" t="s">
        <v>2596</v>
      </c>
      <c r="D2579" s="6"/>
      <c r="E2579" s="6" t="s">
        <v>9</v>
      </c>
      <c r="F2579" s="7">
        <v>38657</v>
      </c>
      <c r="G2579" s="8">
        <v>1</v>
      </c>
      <c r="H2579" s="8">
        <v>1</v>
      </c>
      <c r="I2579" s="8">
        <v>0</v>
      </c>
      <c r="J2579" s="8">
        <v>1</v>
      </c>
      <c r="K2579" s="9">
        <v>94</v>
      </c>
      <c r="L2579" s="6" t="s">
        <v>51</v>
      </c>
    </row>
    <row r="2580" spans="1:12">
      <c r="A2580" s="6" t="s">
        <v>49</v>
      </c>
      <c r="B2580" s="6"/>
      <c r="C2580" s="6" t="s">
        <v>2597</v>
      </c>
      <c r="D2580" s="6"/>
      <c r="E2580" s="6" t="s">
        <v>9</v>
      </c>
      <c r="F2580" s="7">
        <v>38657</v>
      </c>
      <c r="G2580" s="8">
        <v>1</v>
      </c>
      <c r="H2580" s="8">
        <v>1</v>
      </c>
      <c r="I2580" s="8">
        <v>0</v>
      </c>
      <c r="J2580" s="8">
        <v>1</v>
      </c>
      <c r="K2580" s="9">
        <v>240</v>
      </c>
      <c r="L2580" s="6" t="s">
        <v>51</v>
      </c>
    </row>
    <row r="2581" spans="1:12">
      <c r="A2581" s="6" t="s">
        <v>49</v>
      </c>
      <c r="B2581" s="6"/>
      <c r="C2581" s="6" t="s">
        <v>2598</v>
      </c>
      <c r="D2581" s="6"/>
      <c r="E2581" s="6" t="s">
        <v>9</v>
      </c>
      <c r="F2581" s="7">
        <v>38657</v>
      </c>
      <c r="G2581" s="8">
        <v>1</v>
      </c>
      <c r="H2581" s="8">
        <v>1</v>
      </c>
      <c r="I2581" s="8">
        <v>0</v>
      </c>
      <c r="J2581" s="8">
        <v>1</v>
      </c>
      <c r="K2581" s="9">
        <v>44</v>
      </c>
      <c r="L2581" s="6" t="s">
        <v>51</v>
      </c>
    </row>
    <row r="2582" spans="1:12">
      <c r="A2582" s="6" t="s">
        <v>49</v>
      </c>
      <c r="B2582" s="6"/>
      <c r="C2582" s="6" t="s">
        <v>2599</v>
      </c>
      <c r="D2582" s="6"/>
      <c r="E2582" s="6" t="s">
        <v>9</v>
      </c>
      <c r="F2582" s="7">
        <v>38657</v>
      </c>
      <c r="G2582" s="8">
        <v>1</v>
      </c>
      <c r="H2582" s="8">
        <v>1</v>
      </c>
      <c r="I2582" s="8">
        <v>0</v>
      </c>
      <c r="J2582" s="8">
        <v>1</v>
      </c>
      <c r="K2582" s="9">
        <v>271</v>
      </c>
      <c r="L2582" s="6" t="s">
        <v>51</v>
      </c>
    </row>
    <row r="2583" spans="1:12">
      <c r="A2583" s="6" t="s">
        <v>49</v>
      </c>
      <c r="B2583" s="6"/>
      <c r="C2583" s="6" t="s">
        <v>2600</v>
      </c>
      <c r="D2583" s="6"/>
      <c r="E2583" s="6" t="s">
        <v>9</v>
      </c>
      <c r="F2583" s="7">
        <v>38657</v>
      </c>
      <c r="G2583" s="8">
        <v>1</v>
      </c>
      <c r="H2583" s="8">
        <v>1</v>
      </c>
      <c r="I2583" s="8">
        <v>0</v>
      </c>
      <c r="J2583" s="8">
        <v>1</v>
      </c>
      <c r="K2583" s="9">
        <v>690</v>
      </c>
      <c r="L2583" s="6" t="s">
        <v>51</v>
      </c>
    </row>
    <row r="2584" spans="1:12">
      <c r="A2584" s="6" t="s">
        <v>49</v>
      </c>
      <c r="B2584" s="6"/>
      <c r="C2584" s="6" t="s">
        <v>2601</v>
      </c>
      <c r="D2584" s="6"/>
      <c r="E2584" s="6" t="s">
        <v>9</v>
      </c>
      <c r="F2584" s="7">
        <v>38657</v>
      </c>
      <c r="G2584" s="8">
        <v>1</v>
      </c>
      <c r="H2584" s="8">
        <v>1</v>
      </c>
      <c r="I2584" s="8">
        <v>0</v>
      </c>
      <c r="J2584" s="8">
        <v>1</v>
      </c>
      <c r="K2584" s="9">
        <v>772</v>
      </c>
      <c r="L2584" s="6" t="s">
        <v>51</v>
      </c>
    </row>
    <row r="2585" spans="1:12">
      <c r="A2585" s="6" t="s">
        <v>49</v>
      </c>
      <c r="B2585" s="6"/>
      <c r="C2585" s="6" t="s">
        <v>2602</v>
      </c>
      <c r="D2585" s="6"/>
      <c r="E2585" s="6" t="s">
        <v>9</v>
      </c>
      <c r="F2585" s="7">
        <v>38657</v>
      </c>
      <c r="G2585" s="8">
        <v>1</v>
      </c>
      <c r="H2585" s="8">
        <v>1</v>
      </c>
      <c r="I2585" s="8">
        <v>0</v>
      </c>
      <c r="J2585" s="8">
        <v>1</v>
      </c>
      <c r="K2585" s="9">
        <v>1.96</v>
      </c>
      <c r="L2585" s="6" t="s">
        <v>51</v>
      </c>
    </row>
    <row r="2586" spans="1:12">
      <c r="A2586" s="6" t="s">
        <v>49</v>
      </c>
      <c r="B2586" s="6"/>
      <c r="C2586" s="6" t="s">
        <v>2603</v>
      </c>
      <c r="D2586" s="6"/>
      <c r="E2586" s="6" t="s">
        <v>9</v>
      </c>
      <c r="F2586" s="7">
        <v>38657</v>
      </c>
      <c r="G2586" s="8">
        <v>1</v>
      </c>
      <c r="H2586" s="8">
        <v>1</v>
      </c>
      <c r="I2586" s="8">
        <v>0</v>
      </c>
      <c r="J2586" s="8">
        <v>1</v>
      </c>
      <c r="K2586" s="9">
        <v>24</v>
      </c>
      <c r="L2586" s="6" t="s">
        <v>51</v>
      </c>
    </row>
    <row r="2587" spans="1:12">
      <c r="A2587" s="6" t="s">
        <v>49</v>
      </c>
      <c r="B2587" s="6"/>
      <c r="C2587" s="6" t="s">
        <v>2604</v>
      </c>
      <c r="D2587" s="6"/>
      <c r="E2587" s="6" t="s">
        <v>9</v>
      </c>
      <c r="F2587" s="7">
        <v>38657</v>
      </c>
      <c r="G2587" s="8">
        <v>1</v>
      </c>
      <c r="H2587" s="8">
        <v>1</v>
      </c>
      <c r="I2587" s="8">
        <v>0</v>
      </c>
      <c r="J2587" s="8">
        <v>1</v>
      </c>
      <c r="K2587" s="9">
        <v>10</v>
      </c>
      <c r="L2587" s="6" t="s">
        <v>51</v>
      </c>
    </row>
    <row r="2588" spans="1:12">
      <c r="A2588" s="6" t="s">
        <v>49</v>
      </c>
      <c r="B2588" s="6"/>
      <c r="C2588" s="6" t="s">
        <v>2605</v>
      </c>
      <c r="D2588" s="6"/>
      <c r="E2588" s="6" t="s">
        <v>9</v>
      </c>
      <c r="F2588" s="7">
        <v>38657</v>
      </c>
      <c r="G2588" s="8">
        <v>1</v>
      </c>
      <c r="H2588" s="8">
        <v>1</v>
      </c>
      <c r="I2588" s="8">
        <v>0</v>
      </c>
      <c r="J2588" s="8">
        <v>1</v>
      </c>
      <c r="K2588" s="9">
        <v>231</v>
      </c>
      <c r="L2588" s="6" t="s">
        <v>51</v>
      </c>
    </row>
    <row r="2589" spans="1:12">
      <c r="A2589" s="6" t="s">
        <v>49</v>
      </c>
      <c r="B2589" s="6"/>
      <c r="C2589" s="6" t="s">
        <v>2606</v>
      </c>
      <c r="D2589" s="6"/>
      <c r="E2589" s="6" t="s">
        <v>9</v>
      </c>
      <c r="F2589" s="7">
        <v>38657</v>
      </c>
      <c r="G2589" s="8">
        <v>1</v>
      </c>
      <c r="H2589" s="8">
        <v>1</v>
      </c>
      <c r="I2589" s="8">
        <v>0</v>
      </c>
      <c r="J2589" s="8">
        <v>1</v>
      </c>
      <c r="K2589" s="9">
        <v>403</v>
      </c>
      <c r="L2589" s="6" t="s">
        <v>51</v>
      </c>
    </row>
    <row r="2590" spans="1:12">
      <c r="A2590" s="6" t="s">
        <v>49</v>
      </c>
      <c r="B2590" s="6"/>
      <c r="C2590" s="6" t="s">
        <v>2607</v>
      </c>
      <c r="D2590" s="6"/>
      <c r="E2590" s="6" t="s">
        <v>9</v>
      </c>
      <c r="F2590" s="7">
        <v>38657</v>
      </c>
      <c r="G2590" s="8">
        <v>1</v>
      </c>
      <c r="H2590" s="8">
        <v>1</v>
      </c>
      <c r="I2590" s="8">
        <v>0</v>
      </c>
      <c r="J2590" s="8">
        <v>1</v>
      </c>
      <c r="K2590" s="9">
        <v>566</v>
      </c>
      <c r="L2590" s="6" t="s">
        <v>51</v>
      </c>
    </row>
    <row r="2591" spans="1:12">
      <c r="A2591" s="6" t="s">
        <v>49</v>
      </c>
      <c r="B2591" s="6"/>
      <c r="C2591" s="6" t="s">
        <v>2608</v>
      </c>
      <c r="D2591" s="6"/>
      <c r="E2591" s="6" t="s">
        <v>9</v>
      </c>
      <c r="F2591" s="7">
        <v>38657</v>
      </c>
      <c r="G2591" s="8">
        <v>1</v>
      </c>
      <c r="H2591" s="8">
        <v>1</v>
      </c>
      <c r="I2591" s="8">
        <v>0</v>
      </c>
      <c r="J2591" s="8">
        <v>1</v>
      </c>
      <c r="K2591" s="9">
        <v>119</v>
      </c>
      <c r="L2591" s="6" t="s">
        <v>51</v>
      </c>
    </row>
    <row r="2592" spans="1:12">
      <c r="A2592" s="6" t="s">
        <v>49</v>
      </c>
      <c r="B2592" s="6"/>
      <c r="C2592" s="6" t="s">
        <v>2609</v>
      </c>
      <c r="D2592" s="6"/>
      <c r="E2592" s="6" t="s">
        <v>9</v>
      </c>
      <c r="F2592" s="7">
        <v>38657</v>
      </c>
      <c r="G2592" s="8">
        <v>1</v>
      </c>
      <c r="H2592" s="8">
        <v>1</v>
      </c>
      <c r="I2592" s="8">
        <v>0</v>
      </c>
      <c r="J2592" s="8">
        <v>1</v>
      </c>
      <c r="K2592" s="9">
        <v>52</v>
      </c>
      <c r="L2592" s="6" t="s">
        <v>51</v>
      </c>
    </row>
    <row r="2593" spans="1:12">
      <c r="A2593" s="6" t="s">
        <v>49</v>
      </c>
      <c r="B2593" s="6"/>
      <c r="C2593" s="6" t="s">
        <v>2610</v>
      </c>
      <c r="D2593" s="6"/>
      <c r="E2593" s="6" t="s">
        <v>9</v>
      </c>
      <c r="F2593" s="7">
        <v>38657</v>
      </c>
      <c r="G2593" s="8">
        <v>1</v>
      </c>
      <c r="H2593" s="8">
        <v>1</v>
      </c>
      <c r="I2593" s="8">
        <v>0</v>
      </c>
      <c r="J2593" s="8">
        <v>1</v>
      </c>
      <c r="K2593" s="9">
        <v>36</v>
      </c>
      <c r="L2593" s="6" t="s">
        <v>51</v>
      </c>
    </row>
    <row r="2594" spans="1:12">
      <c r="A2594" s="6" t="s">
        <v>49</v>
      </c>
      <c r="B2594" s="6"/>
      <c r="C2594" s="6" t="s">
        <v>2611</v>
      </c>
      <c r="D2594" s="6"/>
      <c r="E2594" s="6" t="s">
        <v>9</v>
      </c>
      <c r="F2594" s="7">
        <v>39917</v>
      </c>
      <c r="G2594" s="8">
        <v>1</v>
      </c>
      <c r="H2594" s="8">
        <v>1</v>
      </c>
      <c r="I2594" s="8">
        <v>0</v>
      </c>
      <c r="J2594" s="8">
        <v>1</v>
      </c>
      <c r="K2594" s="9">
        <v>0.84</v>
      </c>
      <c r="L2594" s="6" t="s">
        <v>51</v>
      </c>
    </row>
    <row r="2595" spans="1:12">
      <c r="A2595" s="6" t="s">
        <v>49</v>
      </c>
      <c r="B2595" s="6"/>
      <c r="C2595" s="6" t="s">
        <v>2612</v>
      </c>
      <c r="D2595" s="6"/>
      <c r="E2595" s="6" t="s">
        <v>9</v>
      </c>
      <c r="F2595" s="7">
        <v>38657</v>
      </c>
      <c r="G2595" s="8">
        <v>1</v>
      </c>
      <c r="H2595" s="8">
        <v>1</v>
      </c>
      <c r="I2595" s="8">
        <v>0</v>
      </c>
      <c r="J2595" s="8">
        <v>1</v>
      </c>
      <c r="K2595" s="9">
        <v>10</v>
      </c>
      <c r="L2595" s="6" t="s">
        <v>51</v>
      </c>
    </row>
    <row r="2596" spans="1:12">
      <c r="A2596" s="6" t="s">
        <v>49</v>
      </c>
      <c r="B2596" s="6"/>
      <c r="C2596" s="6" t="s">
        <v>2613</v>
      </c>
      <c r="D2596" s="6"/>
      <c r="E2596" s="6" t="s">
        <v>9</v>
      </c>
      <c r="F2596" s="7">
        <v>38657</v>
      </c>
      <c r="G2596" s="8">
        <v>1</v>
      </c>
      <c r="H2596" s="8">
        <v>1</v>
      </c>
      <c r="I2596" s="8">
        <v>0</v>
      </c>
      <c r="J2596" s="8">
        <v>1</v>
      </c>
      <c r="K2596" s="9">
        <v>79.39</v>
      </c>
      <c r="L2596" s="6" t="s">
        <v>51</v>
      </c>
    </row>
    <row r="2597" spans="1:12">
      <c r="A2597" s="6" t="s">
        <v>49</v>
      </c>
      <c r="B2597" s="6"/>
      <c r="C2597" s="6" t="s">
        <v>2614</v>
      </c>
      <c r="D2597" s="6"/>
      <c r="E2597" s="6" t="s">
        <v>9</v>
      </c>
      <c r="F2597" s="7">
        <v>38657</v>
      </c>
      <c r="G2597" s="8">
        <v>1</v>
      </c>
      <c r="H2597" s="8">
        <v>1</v>
      </c>
      <c r="I2597" s="8">
        <v>0</v>
      </c>
      <c r="J2597" s="8">
        <v>1</v>
      </c>
      <c r="K2597" s="9">
        <v>21</v>
      </c>
      <c r="L2597" s="6" t="s">
        <v>51</v>
      </c>
    </row>
    <row r="2598" spans="1:12">
      <c r="A2598" s="6" t="s">
        <v>49</v>
      </c>
      <c r="B2598" s="6"/>
      <c r="C2598" s="6" t="s">
        <v>2615</v>
      </c>
      <c r="D2598" s="6"/>
      <c r="E2598" s="6" t="s">
        <v>9</v>
      </c>
      <c r="F2598" s="7">
        <v>38657</v>
      </c>
      <c r="G2598" s="8">
        <v>1</v>
      </c>
      <c r="H2598" s="8">
        <v>1</v>
      </c>
      <c r="I2598" s="8">
        <v>0</v>
      </c>
      <c r="J2598" s="8">
        <v>1</v>
      </c>
      <c r="K2598" s="9">
        <v>14</v>
      </c>
      <c r="L2598" s="6" t="s">
        <v>51</v>
      </c>
    </row>
    <row r="2599" spans="1:12">
      <c r="A2599" s="6" t="s">
        <v>49</v>
      </c>
      <c r="B2599" s="6"/>
      <c r="C2599" s="6" t="s">
        <v>2616</v>
      </c>
      <c r="D2599" s="6"/>
      <c r="E2599" s="6" t="s">
        <v>9</v>
      </c>
      <c r="F2599" s="7">
        <v>38657</v>
      </c>
      <c r="G2599" s="8">
        <v>1</v>
      </c>
      <c r="H2599" s="8">
        <v>1</v>
      </c>
      <c r="I2599" s="8">
        <v>0</v>
      </c>
      <c r="J2599" s="8">
        <v>1</v>
      </c>
      <c r="K2599" s="9">
        <v>16.920000000000002</v>
      </c>
      <c r="L2599" s="6" t="s">
        <v>51</v>
      </c>
    </row>
    <row r="2600" spans="1:12">
      <c r="A2600" s="6" t="s">
        <v>49</v>
      </c>
      <c r="B2600" s="6"/>
      <c r="C2600" s="6" t="s">
        <v>2617</v>
      </c>
      <c r="D2600" s="6"/>
      <c r="E2600" s="6" t="s">
        <v>9</v>
      </c>
      <c r="F2600" s="7">
        <v>38657</v>
      </c>
      <c r="G2600" s="8">
        <v>1</v>
      </c>
      <c r="H2600" s="8">
        <v>1</v>
      </c>
      <c r="I2600" s="8">
        <v>0</v>
      </c>
      <c r="J2600" s="8">
        <v>1</v>
      </c>
      <c r="K2600" s="9">
        <v>49</v>
      </c>
      <c r="L2600" s="6" t="s">
        <v>51</v>
      </c>
    </row>
    <row r="2601" spans="1:12">
      <c r="A2601" s="6" t="s">
        <v>49</v>
      </c>
      <c r="B2601" s="6"/>
      <c r="C2601" s="6" t="s">
        <v>2618</v>
      </c>
      <c r="D2601" s="6"/>
      <c r="E2601" s="6" t="s">
        <v>9</v>
      </c>
      <c r="F2601" s="7">
        <v>38657</v>
      </c>
      <c r="G2601" s="8">
        <v>1</v>
      </c>
      <c r="H2601" s="8">
        <v>1</v>
      </c>
      <c r="I2601" s="8">
        <v>0</v>
      </c>
      <c r="J2601" s="8">
        <v>1</v>
      </c>
      <c r="K2601" s="9">
        <v>126</v>
      </c>
      <c r="L2601" s="6" t="s">
        <v>51</v>
      </c>
    </row>
    <row r="2602" spans="1:12">
      <c r="A2602" s="6" t="s">
        <v>49</v>
      </c>
      <c r="B2602" s="6"/>
      <c r="C2602" s="6" t="s">
        <v>2619</v>
      </c>
      <c r="D2602" s="6"/>
      <c r="E2602" s="6" t="s">
        <v>9</v>
      </c>
      <c r="F2602" s="7">
        <v>38657</v>
      </c>
      <c r="G2602" s="8">
        <v>1</v>
      </c>
      <c r="H2602" s="8">
        <v>1</v>
      </c>
      <c r="I2602" s="8">
        <v>0</v>
      </c>
      <c r="J2602" s="8">
        <v>1</v>
      </c>
      <c r="K2602" s="9">
        <v>67</v>
      </c>
      <c r="L2602" s="6" t="s">
        <v>51</v>
      </c>
    </row>
    <row r="2603" spans="1:12">
      <c r="A2603" s="6" t="s">
        <v>49</v>
      </c>
      <c r="B2603" s="6"/>
      <c r="C2603" s="6" t="s">
        <v>2620</v>
      </c>
      <c r="D2603" s="6"/>
      <c r="E2603" s="6" t="s">
        <v>9</v>
      </c>
      <c r="F2603" s="7">
        <v>38657</v>
      </c>
      <c r="G2603" s="8">
        <v>1</v>
      </c>
      <c r="H2603" s="8">
        <v>1</v>
      </c>
      <c r="I2603" s="8">
        <v>0</v>
      </c>
      <c r="J2603" s="8">
        <v>1</v>
      </c>
      <c r="K2603" s="9">
        <v>99</v>
      </c>
      <c r="L2603" s="6" t="s">
        <v>51</v>
      </c>
    </row>
    <row r="2604" spans="1:12">
      <c r="A2604" s="6" t="s">
        <v>49</v>
      </c>
      <c r="B2604" s="6"/>
      <c r="C2604" s="6" t="s">
        <v>2621</v>
      </c>
      <c r="D2604" s="6"/>
      <c r="E2604" s="6" t="s">
        <v>9</v>
      </c>
      <c r="F2604" s="7">
        <v>38657</v>
      </c>
      <c r="G2604" s="8">
        <v>1</v>
      </c>
      <c r="H2604" s="8">
        <v>1</v>
      </c>
      <c r="I2604" s="8">
        <v>0</v>
      </c>
      <c r="J2604" s="8">
        <v>1</v>
      </c>
      <c r="K2604" s="9">
        <v>5.46</v>
      </c>
      <c r="L2604" s="6" t="s">
        <v>51</v>
      </c>
    </row>
    <row r="2605" spans="1:12">
      <c r="A2605" s="6" t="s">
        <v>49</v>
      </c>
      <c r="B2605" s="6"/>
      <c r="C2605" s="6" t="s">
        <v>2622</v>
      </c>
      <c r="D2605" s="6"/>
      <c r="E2605" s="6" t="s">
        <v>9</v>
      </c>
      <c r="F2605" s="7">
        <v>38657</v>
      </c>
      <c r="G2605" s="8">
        <v>1</v>
      </c>
      <c r="H2605" s="8">
        <v>1</v>
      </c>
      <c r="I2605" s="8">
        <v>0</v>
      </c>
      <c r="J2605" s="8">
        <v>1</v>
      </c>
      <c r="K2605" s="9">
        <v>43</v>
      </c>
      <c r="L2605" s="6" t="s">
        <v>51</v>
      </c>
    </row>
    <row r="2606" spans="1:12">
      <c r="A2606" s="6" t="s">
        <v>49</v>
      </c>
      <c r="B2606" s="6"/>
      <c r="C2606" s="6" t="s">
        <v>2623</v>
      </c>
      <c r="D2606" s="6"/>
      <c r="E2606" s="6" t="s">
        <v>9</v>
      </c>
      <c r="F2606" s="7">
        <v>38657</v>
      </c>
      <c r="G2606" s="8">
        <v>1</v>
      </c>
      <c r="H2606" s="8">
        <v>1</v>
      </c>
      <c r="I2606" s="8">
        <v>0</v>
      </c>
      <c r="J2606" s="8">
        <v>1</v>
      </c>
      <c r="K2606" s="9">
        <v>25</v>
      </c>
      <c r="L2606" s="6" t="s">
        <v>51</v>
      </c>
    </row>
    <row r="2607" spans="1:12">
      <c r="A2607" s="6" t="s">
        <v>49</v>
      </c>
      <c r="B2607" s="6"/>
      <c r="C2607" s="6" t="s">
        <v>2624</v>
      </c>
      <c r="D2607" s="6"/>
      <c r="E2607" s="6" t="s">
        <v>9</v>
      </c>
      <c r="F2607" s="7">
        <v>38657</v>
      </c>
      <c r="G2607" s="8">
        <v>1</v>
      </c>
      <c r="H2607" s="8">
        <v>1</v>
      </c>
      <c r="I2607" s="8">
        <v>0</v>
      </c>
      <c r="J2607" s="8">
        <v>1</v>
      </c>
      <c r="K2607" s="9">
        <v>115.43</v>
      </c>
      <c r="L2607" s="6" t="s">
        <v>51</v>
      </c>
    </row>
    <row r="2608" spans="1:12">
      <c r="A2608" s="6" t="s">
        <v>49</v>
      </c>
      <c r="B2608" s="6"/>
      <c r="C2608" s="6" t="s">
        <v>2625</v>
      </c>
      <c r="D2608" s="6"/>
      <c r="E2608" s="6" t="s">
        <v>9</v>
      </c>
      <c r="F2608" s="7">
        <v>38657</v>
      </c>
      <c r="G2608" s="8">
        <v>1</v>
      </c>
      <c r="H2608" s="8">
        <v>1</v>
      </c>
      <c r="I2608" s="8">
        <v>0</v>
      </c>
      <c r="J2608" s="8">
        <v>1</v>
      </c>
      <c r="K2608" s="9">
        <v>60</v>
      </c>
      <c r="L2608" s="6" t="s">
        <v>51</v>
      </c>
    </row>
    <row r="2609" spans="1:12">
      <c r="A2609" s="6" t="s">
        <v>49</v>
      </c>
      <c r="B2609" s="6"/>
      <c r="C2609" s="6" t="s">
        <v>2626</v>
      </c>
      <c r="D2609" s="6"/>
      <c r="E2609" s="6" t="s">
        <v>9</v>
      </c>
      <c r="F2609" s="7">
        <v>38657</v>
      </c>
      <c r="G2609" s="8">
        <v>1</v>
      </c>
      <c r="H2609" s="8">
        <v>1</v>
      </c>
      <c r="I2609" s="8">
        <v>0</v>
      </c>
      <c r="J2609" s="8">
        <v>1</v>
      </c>
      <c r="K2609" s="9">
        <v>104</v>
      </c>
      <c r="L2609" s="6" t="s">
        <v>51</v>
      </c>
    </row>
    <row r="2610" spans="1:12">
      <c r="A2610" s="6" t="s">
        <v>49</v>
      </c>
      <c r="B2610" s="6"/>
      <c r="C2610" s="6" t="s">
        <v>2627</v>
      </c>
      <c r="D2610" s="6"/>
      <c r="E2610" s="6" t="s">
        <v>9</v>
      </c>
      <c r="F2610" s="7">
        <v>38657</v>
      </c>
      <c r="G2610" s="8">
        <v>1</v>
      </c>
      <c r="H2610" s="8">
        <v>1</v>
      </c>
      <c r="I2610" s="8">
        <v>0</v>
      </c>
      <c r="J2610" s="8">
        <v>1</v>
      </c>
      <c r="K2610" s="9">
        <v>25.04</v>
      </c>
      <c r="L2610" s="6" t="s">
        <v>51</v>
      </c>
    </row>
    <row r="2611" spans="1:12">
      <c r="A2611" s="6" t="s">
        <v>49</v>
      </c>
      <c r="B2611" s="6"/>
      <c r="C2611" s="6" t="s">
        <v>2628</v>
      </c>
      <c r="D2611" s="6"/>
      <c r="E2611" s="6" t="s">
        <v>9</v>
      </c>
      <c r="F2611" s="7">
        <v>38657</v>
      </c>
      <c r="G2611" s="8">
        <v>1</v>
      </c>
      <c r="H2611" s="8">
        <v>1</v>
      </c>
      <c r="I2611" s="8">
        <v>0</v>
      </c>
      <c r="J2611" s="8">
        <v>1</v>
      </c>
      <c r="K2611" s="9">
        <v>4.6900000000000004</v>
      </c>
      <c r="L2611" s="6" t="s">
        <v>51</v>
      </c>
    </row>
    <row r="2612" spans="1:12">
      <c r="A2612" s="6" t="s">
        <v>49</v>
      </c>
      <c r="B2612" s="6"/>
      <c r="C2612" s="6" t="s">
        <v>2629</v>
      </c>
      <c r="D2612" s="6"/>
      <c r="E2612" s="6" t="s">
        <v>9</v>
      </c>
      <c r="F2612" s="7">
        <v>38657</v>
      </c>
      <c r="G2612" s="8">
        <v>1</v>
      </c>
      <c r="H2612" s="8">
        <v>1</v>
      </c>
      <c r="I2612" s="8">
        <v>0</v>
      </c>
      <c r="J2612" s="8">
        <v>1</v>
      </c>
      <c r="K2612" s="9">
        <v>2.2000000000000002</v>
      </c>
      <c r="L2612" s="6" t="s">
        <v>51</v>
      </c>
    </row>
    <row r="2613" spans="1:12">
      <c r="A2613" s="6" t="s">
        <v>49</v>
      </c>
      <c r="B2613" s="6"/>
      <c r="C2613" s="6" t="s">
        <v>2630</v>
      </c>
      <c r="D2613" s="6"/>
      <c r="E2613" s="6" t="s">
        <v>9</v>
      </c>
      <c r="F2613" s="7">
        <v>40500</v>
      </c>
      <c r="G2613" s="8">
        <v>1</v>
      </c>
      <c r="H2613" s="8">
        <v>1</v>
      </c>
      <c r="I2613" s="8">
        <v>0</v>
      </c>
      <c r="J2613" s="8">
        <v>1</v>
      </c>
      <c r="K2613" s="9">
        <v>12.07</v>
      </c>
      <c r="L2613" s="6" t="s">
        <v>51</v>
      </c>
    </row>
    <row r="2614" spans="1:12">
      <c r="A2614" s="6" t="s">
        <v>49</v>
      </c>
      <c r="B2614" s="6"/>
      <c r="C2614" s="6" t="s">
        <v>2631</v>
      </c>
      <c r="D2614" s="6"/>
      <c r="E2614" s="6" t="s">
        <v>9</v>
      </c>
      <c r="F2614" s="7">
        <v>38657</v>
      </c>
      <c r="G2614" s="8">
        <v>1</v>
      </c>
      <c r="H2614" s="8">
        <v>1</v>
      </c>
      <c r="I2614" s="8">
        <v>0</v>
      </c>
      <c r="J2614" s="8">
        <v>1</v>
      </c>
      <c r="K2614" s="9">
        <v>323</v>
      </c>
      <c r="L2614" s="6" t="s">
        <v>51</v>
      </c>
    </row>
    <row r="2615" spans="1:12">
      <c r="A2615" s="6" t="s">
        <v>49</v>
      </c>
      <c r="B2615" s="6"/>
      <c r="C2615" s="6" t="s">
        <v>2632</v>
      </c>
      <c r="D2615" s="6"/>
      <c r="E2615" s="6" t="s">
        <v>9</v>
      </c>
      <c r="F2615" s="7">
        <v>38657</v>
      </c>
      <c r="G2615" s="8">
        <v>1</v>
      </c>
      <c r="H2615" s="8">
        <v>1</v>
      </c>
      <c r="I2615" s="8">
        <v>0</v>
      </c>
      <c r="J2615" s="8">
        <v>1</v>
      </c>
      <c r="K2615" s="9">
        <v>376</v>
      </c>
      <c r="L2615" s="6" t="s">
        <v>51</v>
      </c>
    </row>
    <row r="2616" spans="1:12">
      <c r="A2616" s="6" t="s">
        <v>49</v>
      </c>
      <c r="B2616" s="6"/>
      <c r="C2616" s="6" t="s">
        <v>2633</v>
      </c>
      <c r="D2616" s="6"/>
      <c r="E2616" s="6" t="s">
        <v>9</v>
      </c>
      <c r="F2616" s="7">
        <v>38657</v>
      </c>
      <c r="G2616" s="8">
        <v>1</v>
      </c>
      <c r="H2616" s="8">
        <v>1</v>
      </c>
      <c r="I2616" s="8">
        <v>0</v>
      </c>
      <c r="J2616" s="8">
        <v>1</v>
      </c>
      <c r="K2616" s="9">
        <v>281</v>
      </c>
      <c r="L2616" s="6" t="s">
        <v>51</v>
      </c>
    </row>
    <row r="2617" spans="1:12">
      <c r="A2617" s="6" t="s">
        <v>49</v>
      </c>
      <c r="B2617" s="6"/>
      <c r="C2617" s="6" t="s">
        <v>2634</v>
      </c>
      <c r="D2617" s="6"/>
      <c r="E2617" s="6" t="s">
        <v>9</v>
      </c>
      <c r="F2617" s="7">
        <v>38657</v>
      </c>
      <c r="G2617" s="8">
        <v>1</v>
      </c>
      <c r="H2617" s="8">
        <v>1</v>
      </c>
      <c r="I2617" s="8">
        <v>0</v>
      </c>
      <c r="J2617" s="8">
        <v>1</v>
      </c>
      <c r="K2617" s="9">
        <v>496</v>
      </c>
      <c r="L2617" s="6" t="s">
        <v>51</v>
      </c>
    </row>
    <row r="2618" spans="1:12">
      <c r="A2618" s="6" t="s">
        <v>49</v>
      </c>
      <c r="B2618" s="6"/>
      <c r="C2618" s="6" t="s">
        <v>2635</v>
      </c>
      <c r="D2618" s="6"/>
      <c r="E2618" s="6" t="s">
        <v>9</v>
      </c>
      <c r="F2618" s="7">
        <v>38657</v>
      </c>
      <c r="G2618" s="8">
        <v>1</v>
      </c>
      <c r="H2618" s="8">
        <v>1</v>
      </c>
      <c r="I2618" s="8">
        <v>0</v>
      </c>
      <c r="J2618" s="8">
        <v>1</v>
      </c>
      <c r="K2618" s="9">
        <v>1.65</v>
      </c>
      <c r="L2618" s="6" t="s">
        <v>51</v>
      </c>
    </row>
    <row r="2619" spans="1:12">
      <c r="A2619" s="6" t="s">
        <v>49</v>
      </c>
      <c r="B2619" s="6"/>
      <c r="C2619" s="6" t="s">
        <v>2636</v>
      </c>
      <c r="D2619" s="6"/>
      <c r="E2619" s="6" t="s">
        <v>9</v>
      </c>
      <c r="F2619" s="7">
        <v>38657</v>
      </c>
      <c r="G2619" s="8">
        <v>1</v>
      </c>
      <c r="H2619" s="8">
        <v>1</v>
      </c>
      <c r="I2619" s="8">
        <v>0</v>
      </c>
      <c r="J2619" s="8">
        <v>1</v>
      </c>
      <c r="K2619" s="9">
        <v>1244</v>
      </c>
      <c r="L2619" s="6" t="s">
        <v>51</v>
      </c>
    </row>
    <row r="2620" spans="1:12">
      <c r="A2620" s="6" t="s">
        <v>49</v>
      </c>
      <c r="B2620" s="6"/>
      <c r="C2620" s="6" t="s">
        <v>2637</v>
      </c>
      <c r="D2620" s="6"/>
      <c r="E2620" s="6" t="s">
        <v>9</v>
      </c>
      <c r="F2620" s="7">
        <v>38657</v>
      </c>
      <c r="G2620" s="8">
        <v>1</v>
      </c>
      <c r="H2620" s="8">
        <v>1</v>
      </c>
      <c r="I2620" s="8">
        <v>0</v>
      </c>
      <c r="J2620" s="8">
        <v>1</v>
      </c>
      <c r="K2620" s="9">
        <v>2438</v>
      </c>
      <c r="L2620" s="6" t="s">
        <v>51</v>
      </c>
    </row>
    <row r="2621" spans="1:12">
      <c r="A2621" s="6" t="s">
        <v>49</v>
      </c>
      <c r="B2621" s="6"/>
      <c r="C2621" s="6" t="s">
        <v>2638</v>
      </c>
      <c r="D2621" s="6"/>
      <c r="E2621" s="6" t="s">
        <v>9</v>
      </c>
      <c r="F2621" s="7">
        <v>38657</v>
      </c>
      <c r="G2621" s="8">
        <v>1</v>
      </c>
      <c r="H2621" s="8">
        <v>1</v>
      </c>
      <c r="I2621" s="8">
        <v>0</v>
      </c>
      <c r="J2621" s="8">
        <v>1</v>
      </c>
      <c r="K2621" s="9">
        <v>218</v>
      </c>
      <c r="L2621" s="6" t="s">
        <v>51</v>
      </c>
    </row>
    <row r="2622" spans="1:12">
      <c r="A2622" s="6" t="s">
        <v>49</v>
      </c>
      <c r="B2622" s="6"/>
      <c r="C2622" s="6" t="s">
        <v>2639</v>
      </c>
      <c r="D2622" s="6"/>
      <c r="E2622" s="6" t="s">
        <v>9</v>
      </c>
      <c r="F2622" s="7">
        <v>38657</v>
      </c>
      <c r="G2622" s="8">
        <v>1</v>
      </c>
      <c r="H2622" s="8">
        <v>1</v>
      </c>
      <c r="I2622" s="8">
        <v>0</v>
      </c>
      <c r="J2622" s="8">
        <v>1</v>
      </c>
      <c r="K2622" s="9">
        <v>901</v>
      </c>
      <c r="L2622" s="6" t="s">
        <v>51</v>
      </c>
    </row>
    <row r="2623" spans="1:12">
      <c r="A2623" s="6" t="s">
        <v>49</v>
      </c>
      <c r="B2623" s="6"/>
      <c r="C2623" s="6" t="s">
        <v>2640</v>
      </c>
      <c r="D2623" s="6"/>
      <c r="E2623" s="6" t="s">
        <v>9</v>
      </c>
      <c r="F2623" s="7">
        <v>38657</v>
      </c>
      <c r="G2623" s="8">
        <v>1</v>
      </c>
      <c r="H2623" s="8">
        <v>1</v>
      </c>
      <c r="I2623" s="8">
        <v>0</v>
      </c>
      <c r="J2623" s="8">
        <v>1</v>
      </c>
      <c r="K2623" s="9">
        <v>910</v>
      </c>
      <c r="L2623" s="6" t="s">
        <v>51</v>
      </c>
    </row>
    <row r="2624" spans="1:12">
      <c r="A2624" s="6" t="s">
        <v>49</v>
      </c>
      <c r="B2624" s="6"/>
      <c r="C2624" s="6" t="s">
        <v>2641</v>
      </c>
      <c r="D2624" s="6"/>
      <c r="E2624" s="6" t="s">
        <v>9</v>
      </c>
      <c r="F2624" s="7">
        <v>38657</v>
      </c>
      <c r="G2624" s="8">
        <v>1</v>
      </c>
      <c r="H2624" s="8">
        <v>1</v>
      </c>
      <c r="I2624" s="8">
        <v>0</v>
      </c>
      <c r="J2624" s="8">
        <v>1</v>
      </c>
      <c r="K2624" s="9">
        <v>1189</v>
      </c>
      <c r="L2624" s="6" t="s">
        <v>51</v>
      </c>
    </row>
    <row r="2625" spans="1:12">
      <c r="A2625" s="6" t="s">
        <v>49</v>
      </c>
      <c r="B2625" s="6"/>
      <c r="C2625" s="6" t="s">
        <v>2642</v>
      </c>
      <c r="D2625" s="6"/>
      <c r="E2625" s="6" t="s">
        <v>9</v>
      </c>
      <c r="F2625" s="7">
        <v>38657</v>
      </c>
      <c r="G2625" s="8">
        <v>1</v>
      </c>
      <c r="H2625" s="8">
        <v>1</v>
      </c>
      <c r="I2625" s="8">
        <v>0</v>
      </c>
      <c r="J2625" s="8">
        <v>1</v>
      </c>
      <c r="K2625" s="9">
        <v>130</v>
      </c>
      <c r="L2625" s="6" t="s">
        <v>51</v>
      </c>
    </row>
    <row r="2626" spans="1:12">
      <c r="A2626" s="6" t="s">
        <v>49</v>
      </c>
      <c r="B2626" s="6"/>
      <c r="C2626" s="6" t="s">
        <v>2643</v>
      </c>
      <c r="D2626" s="6"/>
      <c r="E2626" s="6" t="s">
        <v>9</v>
      </c>
      <c r="F2626" s="7">
        <v>38657</v>
      </c>
      <c r="G2626" s="8">
        <v>1</v>
      </c>
      <c r="H2626" s="8">
        <v>1</v>
      </c>
      <c r="I2626" s="8">
        <v>0</v>
      </c>
      <c r="J2626" s="8">
        <v>1</v>
      </c>
      <c r="K2626" s="9">
        <v>131</v>
      </c>
      <c r="L2626" s="6" t="s">
        <v>51</v>
      </c>
    </row>
    <row r="2627" spans="1:12">
      <c r="A2627" s="6" t="s">
        <v>49</v>
      </c>
      <c r="B2627" s="6"/>
      <c r="C2627" s="6" t="s">
        <v>2644</v>
      </c>
      <c r="D2627" s="6"/>
      <c r="E2627" s="6" t="s">
        <v>9</v>
      </c>
      <c r="F2627" s="7">
        <v>38657</v>
      </c>
      <c r="G2627" s="8">
        <v>1</v>
      </c>
      <c r="H2627" s="8">
        <v>1</v>
      </c>
      <c r="I2627" s="8">
        <v>0</v>
      </c>
      <c r="J2627" s="8">
        <v>1</v>
      </c>
      <c r="K2627" s="9">
        <v>143</v>
      </c>
      <c r="L2627" s="6" t="s">
        <v>51</v>
      </c>
    </row>
    <row r="2628" spans="1:12">
      <c r="A2628" s="6" t="s">
        <v>49</v>
      </c>
      <c r="B2628" s="6"/>
      <c r="C2628" s="6" t="s">
        <v>2645</v>
      </c>
      <c r="D2628" s="6"/>
      <c r="E2628" s="6" t="s">
        <v>9</v>
      </c>
      <c r="F2628" s="7">
        <v>38657</v>
      </c>
      <c r="G2628" s="8">
        <v>1</v>
      </c>
      <c r="H2628" s="8">
        <v>1</v>
      </c>
      <c r="I2628" s="8">
        <v>0</v>
      </c>
      <c r="J2628" s="8">
        <v>1</v>
      </c>
      <c r="K2628" s="9">
        <v>145</v>
      </c>
      <c r="L2628" s="6" t="s">
        <v>51</v>
      </c>
    </row>
    <row r="2629" spans="1:12">
      <c r="A2629" s="6" t="s">
        <v>49</v>
      </c>
      <c r="B2629" s="6"/>
      <c r="C2629" s="6" t="s">
        <v>2646</v>
      </c>
      <c r="D2629" s="6"/>
      <c r="E2629" s="6" t="s">
        <v>9</v>
      </c>
      <c r="F2629" s="7">
        <v>38657</v>
      </c>
      <c r="G2629" s="8">
        <v>1</v>
      </c>
      <c r="H2629" s="8">
        <v>1</v>
      </c>
      <c r="I2629" s="8">
        <v>0</v>
      </c>
      <c r="J2629" s="8">
        <v>1</v>
      </c>
      <c r="K2629" s="9">
        <v>32.380000000000003</v>
      </c>
      <c r="L2629" s="6" t="s">
        <v>51</v>
      </c>
    </row>
    <row r="2630" spans="1:12">
      <c r="A2630" s="6" t="s">
        <v>49</v>
      </c>
      <c r="B2630" s="6"/>
      <c r="C2630" s="6" t="s">
        <v>2647</v>
      </c>
      <c r="D2630" s="6"/>
      <c r="E2630" s="6" t="s">
        <v>9</v>
      </c>
      <c r="F2630" s="7">
        <v>38657</v>
      </c>
      <c r="G2630" s="8">
        <v>1</v>
      </c>
      <c r="H2630" s="8">
        <v>1</v>
      </c>
      <c r="I2630" s="8">
        <v>0</v>
      </c>
      <c r="J2630" s="8">
        <v>1</v>
      </c>
      <c r="K2630" s="9">
        <v>145</v>
      </c>
      <c r="L2630" s="6" t="s">
        <v>51</v>
      </c>
    </row>
    <row r="2631" spans="1:12">
      <c r="A2631" s="6" t="s">
        <v>49</v>
      </c>
      <c r="B2631" s="6"/>
      <c r="C2631" s="6" t="s">
        <v>2648</v>
      </c>
      <c r="D2631" s="6"/>
      <c r="E2631" s="6" t="s">
        <v>9</v>
      </c>
      <c r="F2631" s="7">
        <v>38657</v>
      </c>
      <c r="G2631" s="8">
        <v>1</v>
      </c>
      <c r="H2631" s="8">
        <v>1</v>
      </c>
      <c r="I2631" s="8">
        <v>0</v>
      </c>
      <c r="J2631" s="8">
        <v>1</v>
      </c>
      <c r="K2631" s="9">
        <v>45</v>
      </c>
      <c r="L2631" s="6" t="s">
        <v>51</v>
      </c>
    </row>
    <row r="2632" spans="1:12">
      <c r="A2632" s="6" t="s">
        <v>49</v>
      </c>
      <c r="B2632" s="6"/>
      <c r="C2632" s="6" t="s">
        <v>2649</v>
      </c>
      <c r="D2632" s="6"/>
      <c r="E2632" s="6" t="s">
        <v>9</v>
      </c>
      <c r="F2632" s="7">
        <v>38657</v>
      </c>
      <c r="G2632" s="8">
        <v>1</v>
      </c>
      <c r="H2632" s="8">
        <v>1</v>
      </c>
      <c r="I2632" s="8">
        <v>0</v>
      </c>
      <c r="J2632" s="8">
        <v>1</v>
      </c>
      <c r="K2632" s="9">
        <v>139</v>
      </c>
      <c r="L2632" s="6" t="s">
        <v>51</v>
      </c>
    </row>
    <row r="2633" spans="1:12">
      <c r="A2633" s="6" t="s">
        <v>49</v>
      </c>
      <c r="B2633" s="6"/>
      <c r="C2633" s="6" t="s">
        <v>2650</v>
      </c>
      <c r="D2633" s="6"/>
      <c r="E2633" s="6" t="s">
        <v>9</v>
      </c>
      <c r="F2633" s="7">
        <v>38657</v>
      </c>
      <c r="G2633" s="8">
        <v>1</v>
      </c>
      <c r="H2633" s="8">
        <v>1</v>
      </c>
      <c r="I2633" s="8">
        <v>0</v>
      </c>
      <c r="J2633" s="8">
        <v>1</v>
      </c>
      <c r="K2633" s="9">
        <v>64</v>
      </c>
      <c r="L2633" s="6" t="s">
        <v>51</v>
      </c>
    </row>
    <row r="2634" spans="1:12">
      <c r="A2634" s="6" t="s">
        <v>49</v>
      </c>
      <c r="B2634" s="6"/>
      <c r="C2634" s="6" t="s">
        <v>2651</v>
      </c>
      <c r="D2634" s="6"/>
      <c r="E2634" s="6" t="s">
        <v>9</v>
      </c>
      <c r="F2634" s="7">
        <v>38657</v>
      </c>
      <c r="G2634" s="8">
        <v>1</v>
      </c>
      <c r="H2634" s="8">
        <v>1</v>
      </c>
      <c r="I2634" s="8">
        <v>0</v>
      </c>
      <c r="J2634" s="8">
        <v>1</v>
      </c>
      <c r="K2634" s="9">
        <v>65</v>
      </c>
      <c r="L2634" s="6" t="s">
        <v>51</v>
      </c>
    </row>
    <row r="2635" spans="1:12">
      <c r="A2635" s="6" t="s">
        <v>49</v>
      </c>
      <c r="B2635" s="6"/>
      <c r="C2635" s="6" t="s">
        <v>2652</v>
      </c>
      <c r="D2635" s="6"/>
      <c r="E2635" s="6" t="s">
        <v>9</v>
      </c>
      <c r="F2635" s="7">
        <v>38657</v>
      </c>
      <c r="G2635" s="8">
        <v>1</v>
      </c>
      <c r="H2635" s="8">
        <v>1</v>
      </c>
      <c r="I2635" s="8">
        <v>0</v>
      </c>
      <c r="J2635" s="8">
        <v>1</v>
      </c>
      <c r="K2635" s="9">
        <v>66</v>
      </c>
      <c r="L2635" s="6" t="s">
        <v>51</v>
      </c>
    </row>
    <row r="2636" spans="1:12">
      <c r="A2636" s="6" t="s">
        <v>49</v>
      </c>
      <c r="B2636" s="6"/>
      <c r="C2636" s="6" t="s">
        <v>2653</v>
      </c>
      <c r="D2636" s="6"/>
      <c r="E2636" s="6" t="s">
        <v>9</v>
      </c>
      <c r="F2636" s="7">
        <v>38657</v>
      </c>
      <c r="G2636" s="8">
        <v>1</v>
      </c>
      <c r="H2636" s="8">
        <v>1</v>
      </c>
      <c r="I2636" s="8">
        <v>0</v>
      </c>
      <c r="J2636" s="8">
        <v>1</v>
      </c>
      <c r="K2636" s="9">
        <v>128</v>
      </c>
      <c r="L2636" s="6" t="s">
        <v>51</v>
      </c>
    </row>
    <row r="2637" spans="1:12">
      <c r="A2637" s="6" t="s">
        <v>49</v>
      </c>
      <c r="B2637" s="6"/>
      <c r="C2637" s="6" t="s">
        <v>2654</v>
      </c>
      <c r="D2637" s="6"/>
      <c r="E2637" s="6" t="s">
        <v>9</v>
      </c>
      <c r="F2637" s="7">
        <v>38657</v>
      </c>
      <c r="G2637" s="8">
        <v>1</v>
      </c>
      <c r="H2637" s="8">
        <v>1</v>
      </c>
      <c r="I2637" s="8">
        <v>0</v>
      </c>
      <c r="J2637" s="8">
        <v>1</v>
      </c>
      <c r="K2637" s="9">
        <v>64</v>
      </c>
      <c r="L2637" s="6" t="s">
        <v>51</v>
      </c>
    </row>
    <row r="2638" spans="1:12">
      <c r="A2638" s="6" t="s">
        <v>49</v>
      </c>
      <c r="B2638" s="6"/>
      <c r="C2638" s="6" t="s">
        <v>2655</v>
      </c>
      <c r="D2638" s="6"/>
      <c r="E2638" s="6" t="s">
        <v>9</v>
      </c>
      <c r="F2638" s="7">
        <v>38657</v>
      </c>
      <c r="G2638" s="8">
        <v>1</v>
      </c>
      <c r="H2638" s="8">
        <v>1</v>
      </c>
      <c r="I2638" s="8">
        <v>0</v>
      </c>
      <c r="J2638" s="8">
        <v>1</v>
      </c>
      <c r="K2638" s="9">
        <v>63</v>
      </c>
      <c r="L2638" s="6" t="s">
        <v>51</v>
      </c>
    </row>
    <row r="2639" spans="1:12">
      <c r="A2639" s="6" t="s">
        <v>49</v>
      </c>
      <c r="B2639" s="6"/>
      <c r="C2639" s="6" t="s">
        <v>2656</v>
      </c>
      <c r="D2639" s="6"/>
      <c r="E2639" s="6" t="s">
        <v>9</v>
      </c>
      <c r="F2639" s="7">
        <v>38657</v>
      </c>
      <c r="G2639" s="8">
        <v>1</v>
      </c>
      <c r="H2639" s="8">
        <v>1</v>
      </c>
      <c r="I2639" s="8">
        <v>0</v>
      </c>
      <c r="J2639" s="8">
        <v>1</v>
      </c>
      <c r="K2639" s="9">
        <v>126</v>
      </c>
      <c r="L2639" s="6" t="s">
        <v>51</v>
      </c>
    </row>
    <row r="2640" spans="1:12">
      <c r="A2640" s="6" t="s">
        <v>49</v>
      </c>
      <c r="B2640" s="6"/>
      <c r="C2640" s="6" t="s">
        <v>2657</v>
      </c>
      <c r="D2640" s="6"/>
      <c r="E2640" s="6" t="s">
        <v>9</v>
      </c>
      <c r="F2640" s="7">
        <v>38657</v>
      </c>
      <c r="G2640" s="8">
        <v>1</v>
      </c>
      <c r="H2640" s="8">
        <v>1</v>
      </c>
      <c r="I2640" s="8">
        <v>0</v>
      </c>
      <c r="J2640" s="8">
        <v>1</v>
      </c>
      <c r="K2640" s="9">
        <v>1.69</v>
      </c>
      <c r="L2640" s="6" t="s">
        <v>51</v>
      </c>
    </row>
    <row r="2641" spans="1:12">
      <c r="A2641" s="6" t="s">
        <v>49</v>
      </c>
      <c r="B2641" s="6"/>
      <c r="C2641" s="6" t="s">
        <v>2658</v>
      </c>
      <c r="D2641" s="6"/>
      <c r="E2641" s="6" t="s">
        <v>9</v>
      </c>
      <c r="F2641" s="7">
        <v>38657</v>
      </c>
      <c r="G2641" s="8">
        <v>1</v>
      </c>
      <c r="H2641" s="8">
        <v>1</v>
      </c>
      <c r="I2641" s="8">
        <v>0</v>
      </c>
      <c r="J2641" s="8">
        <v>1</v>
      </c>
      <c r="K2641" s="9">
        <v>144</v>
      </c>
      <c r="L2641" s="6" t="s">
        <v>51</v>
      </c>
    </row>
    <row r="2642" spans="1:12">
      <c r="A2642" s="6" t="s">
        <v>49</v>
      </c>
      <c r="B2642" s="6"/>
      <c r="C2642" s="6" t="s">
        <v>2659</v>
      </c>
      <c r="D2642" s="6"/>
      <c r="E2642" s="6" t="s">
        <v>9</v>
      </c>
      <c r="F2642" s="7">
        <v>38657</v>
      </c>
      <c r="G2642" s="8">
        <v>1</v>
      </c>
      <c r="H2642" s="8">
        <v>1</v>
      </c>
      <c r="I2642" s="8">
        <v>0</v>
      </c>
      <c r="J2642" s="8">
        <v>1</v>
      </c>
      <c r="K2642" s="9">
        <v>107</v>
      </c>
      <c r="L2642" s="6" t="s">
        <v>51</v>
      </c>
    </row>
    <row r="2643" spans="1:12">
      <c r="A2643" s="6" t="s">
        <v>49</v>
      </c>
      <c r="B2643" s="6"/>
      <c r="C2643" s="6" t="s">
        <v>2660</v>
      </c>
      <c r="D2643" s="6"/>
      <c r="E2643" s="6" t="s">
        <v>9</v>
      </c>
      <c r="F2643" s="7">
        <v>38657</v>
      </c>
      <c r="G2643" s="8">
        <v>1</v>
      </c>
      <c r="H2643" s="8">
        <v>1</v>
      </c>
      <c r="I2643" s="8">
        <v>0</v>
      </c>
      <c r="J2643" s="8">
        <v>1</v>
      </c>
      <c r="K2643" s="9">
        <v>144</v>
      </c>
      <c r="L2643" s="6" t="s">
        <v>51</v>
      </c>
    </row>
    <row r="2644" spans="1:12">
      <c r="A2644" s="6" t="s">
        <v>49</v>
      </c>
      <c r="B2644" s="6"/>
      <c r="C2644" s="6" t="s">
        <v>2661</v>
      </c>
      <c r="D2644" s="6"/>
      <c r="E2644" s="6" t="s">
        <v>9</v>
      </c>
      <c r="F2644" s="7">
        <v>38657</v>
      </c>
      <c r="G2644" s="8">
        <v>1</v>
      </c>
      <c r="H2644" s="8">
        <v>1</v>
      </c>
      <c r="I2644" s="8">
        <v>0</v>
      </c>
      <c r="J2644" s="8">
        <v>1</v>
      </c>
      <c r="K2644" s="9">
        <v>106</v>
      </c>
      <c r="L2644" s="6" t="s">
        <v>51</v>
      </c>
    </row>
    <row r="2645" spans="1:12">
      <c r="A2645" s="6" t="s">
        <v>49</v>
      </c>
      <c r="B2645" s="6"/>
      <c r="C2645" s="6" t="s">
        <v>2662</v>
      </c>
      <c r="D2645" s="6"/>
      <c r="E2645" s="6" t="s">
        <v>9</v>
      </c>
      <c r="F2645" s="7">
        <v>38657</v>
      </c>
      <c r="G2645" s="8">
        <v>1</v>
      </c>
      <c r="H2645" s="8">
        <v>1</v>
      </c>
      <c r="I2645" s="8">
        <v>0</v>
      </c>
      <c r="J2645" s="8">
        <v>1</v>
      </c>
      <c r="K2645" s="9">
        <v>118</v>
      </c>
      <c r="L2645" s="6" t="s">
        <v>51</v>
      </c>
    </row>
    <row r="2646" spans="1:12">
      <c r="A2646" s="6" t="s">
        <v>49</v>
      </c>
      <c r="B2646" s="6"/>
      <c r="C2646" s="6" t="s">
        <v>2663</v>
      </c>
      <c r="D2646" s="6"/>
      <c r="E2646" s="6" t="s">
        <v>9</v>
      </c>
      <c r="F2646" s="7">
        <v>38657</v>
      </c>
      <c r="G2646" s="8">
        <v>1</v>
      </c>
      <c r="H2646" s="8">
        <v>1</v>
      </c>
      <c r="I2646" s="8">
        <v>0</v>
      </c>
      <c r="J2646" s="8">
        <v>1</v>
      </c>
      <c r="K2646" s="9">
        <v>117</v>
      </c>
      <c r="L2646" s="6" t="s">
        <v>51</v>
      </c>
    </row>
    <row r="2647" spans="1:12">
      <c r="A2647" s="6" t="s">
        <v>49</v>
      </c>
      <c r="B2647" s="6"/>
      <c r="C2647" s="6" t="s">
        <v>2664</v>
      </c>
      <c r="D2647" s="6"/>
      <c r="E2647" s="6" t="s">
        <v>9</v>
      </c>
      <c r="F2647" s="7">
        <v>38657</v>
      </c>
      <c r="G2647" s="8">
        <v>1</v>
      </c>
      <c r="H2647" s="8">
        <v>1</v>
      </c>
      <c r="I2647" s="8">
        <v>0</v>
      </c>
      <c r="J2647" s="8">
        <v>1</v>
      </c>
      <c r="K2647" s="9">
        <v>57</v>
      </c>
      <c r="L2647" s="6" t="s">
        <v>51</v>
      </c>
    </row>
    <row r="2648" spans="1:12">
      <c r="A2648" s="6" t="s">
        <v>49</v>
      </c>
      <c r="B2648" s="6"/>
      <c r="C2648" s="6" t="s">
        <v>2665</v>
      </c>
      <c r="D2648" s="6"/>
      <c r="E2648" s="6" t="s">
        <v>9</v>
      </c>
      <c r="F2648" s="7">
        <v>38657</v>
      </c>
      <c r="G2648" s="8">
        <v>1</v>
      </c>
      <c r="H2648" s="8">
        <v>1</v>
      </c>
      <c r="I2648" s="8">
        <v>0</v>
      </c>
      <c r="J2648" s="8">
        <v>1</v>
      </c>
      <c r="K2648" s="9">
        <v>57</v>
      </c>
      <c r="L2648" s="6" t="s">
        <v>51</v>
      </c>
    </row>
    <row r="2649" spans="1:12">
      <c r="A2649" s="6" t="s">
        <v>49</v>
      </c>
      <c r="B2649" s="6"/>
      <c r="C2649" s="6" t="s">
        <v>2666</v>
      </c>
      <c r="D2649" s="6"/>
      <c r="E2649" s="6" t="s">
        <v>9</v>
      </c>
      <c r="F2649" s="7">
        <v>38657</v>
      </c>
      <c r="G2649" s="8">
        <v>1</v>
      </c>
      <c r="H2649" s="8">
        <v>1</v>
      </c>
      <c r="I2649" s="8">
        <v>0</v>
      </c>
      <c r="J2649" s="8">
        <v>1</v>
      </c>
      <c r="K2649" s="9">
        <v>112</v>
      </c>
      <c r="L2649" s="6" t="s">
        <v>51</v>
      </c>
    </row>
    <row r="2650" spans="1:12">
      <c r="A2650" s="6" t="s">
        <v>49</v>
      </c>
      <c r="B2650" s="6"/>
      <c r="C2650" s="6" t="s">
        <v>2667</v>
      </c>
      <c r="D2650" s="6"/>
      <c r="E2650" s="6" t="s">
        <v>9</v>
      </c>
      <c r="F2650" s="7">
        <v>38657</v>
      </c>
      <c r="G2650" s="8">
        <v>1</v>
      </c>
      <c r="H2650" s="8">
        <v>1</v>
      </c>
      <c r="I2650" s="8">
        <v>0</v>
      </c>
      <c r="J2650" s="8">
        <v>1</v>
      </c>
      <c r="K2650" s="9">
        <v>61</v>
      </c>
      <c r="L2650" s="6" t="s">
        <v>51</v>
      </c>
    </row>
    <row r="2651" spans="1:12">
      <c r="A2651" s="6" t="s">
        <v>49</v>
      </c>
      <c r="B2651" s="6"/>
      <c r="C2651" s="6" t="s">
        <v>2668</v>
      </c>
      <c r="D2651" s="6"/>
      <c r="E2651" s="6" t="s">
        <v>9</v>
      </c>
      <c r="F2651" s="7">
        <v>38657</v>
      </c>
      <c r="G2651" s="8">
        <v>1</v>
      </c>
      <c r="H2651" s="8">
        <v>1</v>
      </c>
      <c r="I2651" s="8">
        <v>0</v>
      </c>
      <c r="J2651" s="8">
        <v>1</v>
      </c>
      <c r="K2651" s="9">
        <v>1.04</v>
      </c>
      <c r="L2651" s="6" t="s">
        <v>51</v>
      </c>
    </row>
    <row r="2652" spans="1:12">
      <c r="A2652" s="6" t="s">
        <v>49</v>
      </c>
      <c r="B2652" s="6"/>
      <c r="C2652" s="6" t="s">
        <v>2669</v>
      </c>
      <c r="D2652" s="6"/>
      <c r="E2652" s="6" t="s">
        <v>9</v>
      </c>
      <c r="F2652" s="7">
        <v>38657</v>
      </c>
      <c r="G2652" s="8">
        <v>1</v>
      </c>
      <c r="H2652" s="8">
        <v>1</v>
      </c>
      <c r="I2652" s="8">
        <v>0</v>
      </c>
      <c r="J2652" s="8">
        <v>1</v>
      </c>
      <c r="K2652" s="9">
        <v>125</v>
      </c>
      <c r="L2652" s="6" t="s">
        <v>51</v>
      </c>
    </row>
    <row r="2653" spans="1:12">
      <c r="A2653" s="6" t="s">
        <v>49</v>
      </c>
      <c r="B2653" s="6"/>
      <c r="C2653" s="6" t="s">
        <v>2670</v>
      </c>
      <c r="D2653" s="6"/>
      <c r="E2653" s="6" t="s">
        <v>9</v>
      </c>
      <c r="F2653" s="7">
        <v>38657</v>
      </c>
      <c r="G2653" s="8">
        <v>1</v>
      </c>
      <c r="H2653" s="8">
        <v>1</v>
      </c>
      <c r="I2653" s="8">
        <v>0</v>
      </c>
      <c r="J2653" s="8">
        <v>1</v>
      </c>
      <c r="K2653" s="9">
        <v>162</v>
      </c>
      <c r="L2653" s="6" t="s">
        <v>51</v>
      </c>
    </row>
    <row r="2654" spans="1:12">
      <c r="A2654" s="6" t="s">
        <v>49</v>
      </c>
      <c r="B2654" s="6"/>
      <c r="C2654" s="6" t="s">
        <v>2671</v>
      </c>
      <c r="D2654" s="6"/>
      <c r="E2654" s="6" t="s">
        <v>9</v>
      </c>
      <c r="F2654" s="7">
        <v>38657</v>
      </c>
      <c r="G2654" s="8">
        <v>1</v>
      </c>
      <c r="H2654" s="8">
        <v>1</v>
      </c>
      <c r="I2654" s="8">
        <v>0</v>
      </c>
      <c r="J2654" s="8">
        <v>1</v>
      </c>
      <c r="K2654" s="9">
        <v>61</v>
      </c>
      <c r="L2654" s="6" t="s">
        <v>51</v>
      </c>
    </row>
    <row r="2655" spans="1:12">
      <c r="A2655" s="6" t="s">
        <v>49</v>
      </c>
      <c r="B2655" s="6"/>
      <c r="C2655" s="6" t="s">
        <v>2672</v>
      </c>
      <c r="D2655" s="6"/>
      <c r="E2655" s="6" t="s">
        <v>9</v>
      </c>
      <c r="F2655" s="7">
        <v>38657</v>
      </c>
      <c r="G2655" s="8">
        <v>1</v>
      </c>
      <c r="H2655" s="8">
        <v>1</v>
      </c>
      <c r="I2655" s="8">
        <v>0</v>
      </c>
      <c r="J2655" s="8">
        <v>1</v>
      </c>
      <c r="K2655" s="9">
        <v>110</v>
      </c>
      <c r="L2655" s="6" t="s">
        <v>51</v>
      </c>
    </row>
    <row r="2656" spans="1:12">
      <c r="A2656" s="6" t="s">
        <v>49</v>
      </c>
      <c r="B2656" s="6"/>
      <c r="C2656" s="6" t="s">
        <v>2673</v>
      </c>
      <c r="D2656" s="6"/>
      <c r="E2656" s="6" t="s">
        <v>9</v>
      </c>
      <c r="F2656" s="7">
        <v>38657</v>
      </c>
      <c r="G2656" s="8">
        <v>1</v>
      </c>
      <c r="H2656" s="8">
        <v>1</v>
      </c>
      <c r="I2656" s="8">
        <v>0</v>
      </c>
      <c r="J2656" s="8">
        <v>1</v>
      </c>
      <c r="K2656" s="9">
        <v>89</v>
      </c>
      <c r="L2656" s="6" t="s">
        <v>51</v>
      </c>
    </row>
    <row r="2657" spans="1:12">
      <c r="A2657" s="6" t="s">
        <v>49</v>
      </c>
      <c r="B2657" s="6"/>
      <c r="C2657" s="6" t="s">
        <v>2674</v>
      </c>
      <c r="D2657" s="6"/>
      <c r="E2657" s="6" t="s">
        <v>9</v>
      </c>
      <c r="F2657" s="7">
        <v>38657</v>
      </c>
      <c r="G2657" s="8">
        <v>1</v>
      </c>
      <c r="H2657" s="8">
        <v>1</v>
      </c>
      <c r="I2657" s="8">
        <v>0</v>
      </c>
      <c r="J2657" s="8">
        <v>1</v>
      </c>
      <c r="K2657" s="9">
        <v>4</v>
      </c>
      <c r="L2657" s="6" t="s">
        <v>51</v>
      </c>
    </row>
    <row r="2658" spans="1:12">
      <c r="A2658" s="6" t="s">
        <v>49</v>
      </c>
      <c r="B2658" s="6"/>
      <c r="C2658" s="6" t="s">
        <v>2675</v>
      </c>
      <c r="D2658" s="6"/>
      <c r="E2658" s="6" t="s">
        <v>9</v>
      </c>
      <c r="F2658" s="7">
        <v>40212</v>
      </c>
      <c r="G2658" s="8">
        <v>1</v>
      </c>
      <c r="H2658" s="8">
        <v>1</v>
      </c>
      <c r="I2658" s="8">
        <v>0</v>
      </c>
      <c r="J2658" s="8">
        <v>1</v>
      </c>
      <c r="K2658" s="9">
        <v>19</v>
      </c>
      <c r="L2658" s="6" t="s">
        <v>51</v>
      </c>
    </row>
    <row r="2659" spans="1:12">
      <c r="A2659" s="6" t="s">
        <v>49</v>
      </c>
      <c r="B2659" s="6"/>
      <c r="C2659" s="6" t="s">
        <v>2676</v>
      </c>
      <c r="D2659" s="6"/>
      <c r="E2659" s="6" t="s">
        <v>9</v>
      </c>
      <c r="F2659" s="7">
        <v>40539</v>
      </c>
      <c r="G2659" s="8">
        <v>1</v>
      </c>
      <c r="H2659" s="8">
        <v>1</v>
      </c>
      <c r="I2659" s="8">
        <v>0</v>
      </c>
      <c r="J2659" s="8">
        <v>1</v>
      </c>
      <c r="K2659" s="9">
        <v>23</v>
      </c>
      <c r="L2659" s="6" t="s">
        <v>51</v>
      </c>
    </row>
    <row r="2660" spans="1:12">
      <c r="A2660" s="6" t="s">
        <v>49</v>
      </c>
      <c r="B2660" s="6"/>
      <c r="C2660" s="6" t="s">
        <v>2677</v>
      </c>
      <c r="D2660" s="6"/>
      <c r="E2660" s="6" t="s">
        <v>9</v>
      </c>
      <c r="F2660" s="7">
        <v>40212</v>
      </c>
      <c r="G2660" s="8">
        <v>1</v>
      </c>
      <c r="H2660" s="8">
        <v>1</v>
      </c>
      <c r="I2660" s="8">
        <v>0</v>
      </c>
      <c r="J2660" s="8">
        <v>1</v>
      </c>
      <c r="K2660" s="9">
        <v>2.09</v>
      </c>
      <c r="L2660" s="6" t="s">
        <v>51</v>
      </c>
    </row>
    <row r="2661" spans="1:12">
      <c r="A2661" s="6" t="s">
        <v>49</v>
      </c>
      <c r="B2661" s="6"/>
      <c r="C2661" s="6" t="s">
        <v>2678</v>
      </c>
      <c r="D2661" s="6"/>
      <c r="E2661" s="6" t="s">
        <v>9</v>
      </c>
      <c r="F2661" s="7">
        <v>40212</v>
      </c>
      <c r="G2661" s="8">
        <v>1</v>
      </c>
      <c r="H2661" s="8">
        <v>1</v>
      </c>
      <c r="I2661" s="8">
        <v>0</v>
      </c>
      <c r="J2661" s="8">
        <v>1</v>
      </c>
      <c r="K2661" s="9">
        <v>12</v>
      </c>
      <c r="L2661" s="6" t="s">
        <v>51</v>
      </c>
    </row>
    <row r="2662" spans="1:12">
      <c r="A2662" s="6" t="s">
        <v>49</v>
      </c>
      <c r="B2662" s="6"/>
      <c r="C2662" s="6" t="s">
        <v>2679</v>
      </c>
      <c r="D2662" s="6"/>
      <c r="E2662" s="6" t="s">
        <v>9</v>
      </c>
      <c r="F2662" s="7">
        <v>38657</v>
      </c>
      <c r="G2662" s="8">
        <v>1</v>
      </c>
      <c r="H2662" s="8">
        <v>1</v>
      </c>
      <c r="I2662" s="8">
        <v>0</v>
      </c>
      <c r="J2662" s="8">
        <v>1</v>
      </c>
      <c r="K2662" s="9">
        <v>1.82</v>
      </c>
      <c r="L2662" s="6" t="s">
        <v>51</v>
      </c>
    </row>
    <row r="2663" spans="1:12">
      <c r="A2663" s="6" t="s">
        <v>49</v>
      </c>
      <c r="B2663" s="6"/>
      <c r="C2663" s="6" t="s">
        <v>2680</v>
      </c>
      <c r="D2663" s="6"/>
      <c r="E2663" s="6" t="s">
        <v>9</v>
      </c>
      <c r="F2663" s="7">
        <v>40212</v>
      </c>
      <c r="G2663" s="8">
        <v>1</v>
      </c>
      <c r="H2663" s="8">
        <v>1</v>
      </c>
      <c r="I2663" s="8">
        <v>0</v>
      </c>
      <c r="J2663" s="8">
        <v>1</v>
      </c>
      <c r="K2663" s="9">
        <v>14</v>
      </c>
      <c r="L2663" s="6" t="s">
        <v>51</v>
      </c>
    </row>
    <row r="2664" spans="1:12">
      <c r="A2664" s="6" t="s">
        <v>49</v>
      </c>
      <c r="B2664" s="6"/>
      <c r="C2664" s="6" t="s">
        <v>2681</v>
      </c>
      <c r="D2664" s="6"/>
      <c r="E2664" s="6" t="s">
        <v>9</v>
      </c>
      <c r="F2664" s="7">
        <v>40212</v>
      </c>
      <c r="G2664" s="8">
        <v>1</v>
      </c>
      <c r="H2664" s="8">
        <v>1</v>
      </c>
      <c r="I2664" s="8">
        <v>0</v>
      </c>
      <c r="J2664" s="8">
        <v>1</v>
      </c>
      <c r="K2664" s="9">
        <v>15</v>
      </c>
      <c r="L2664" s="6" t="s">
        <v>51</v>
      </c>
    </row>
    <row r="2665" spans="1:12">
      <c r="A2665" s="6" t="s">
        <v>49</v>
      </c>
      <c r="B2665" s="6"/>
      <c r="C2665" s="6" t="s">
        <v>2682</v>
      </c>
      <c r="D2665" s="6"/>
      <c r="E2665" s="6" t="s">
        <v>9</v>
      </c>
      <c r="F2665" s="7">
        <v>38657</v>
      </c>
      <c r="G2665" s="8">
        <v>1</v>
      </c>
      <c r="H2665" s="8">
        <v>1</v>
      </c>
      <c r="I2665" s="8">
        <v>0</v>
      </c>
      <c r="J2665" s="8">
        <v>1</v>
      </c>
      <c r="K2665" s="9">
        <v>25</v>
      </c>
      <c r="L2665" s="6" t="s">
        <v>51</v>
      </c>
    </row>
    <row r="2666" spans="1:12">
      <c r="A2666" s="6" t="s">
        <v>49</v>
      </c>
      <c r="B2666" s="6"/>
      <c r="C2666" s="6" t="s">
        <v>2683</v>
      </c>
      <c r="D2666" s="6"/>
      <c r="E2666" s="6" t="s">
        <v>9</v>
      </c>
      <c r="F2666" s="7">
        <v>40212</v>
      </c>
      <c r="G2666" s="8">
        <v>1</v>
      </c>
      <c r="H2666" s="8">
        <v>1</v>
      </c>
      <c r="I2666" s="8">
        <v>0</v>
      </c>
      <c r="J2666" s="8">
        <v>1</v>
      </c>
      <c r="K2666" s="9">
        <v>13</v>
      </c>
      <c r="L2666" s="6" t="s">
        <v>51</v>
      </c>
    </row>
    <row r="2667" spans="1:12">
      <c r="A2667" s="6" t="s">
        <v>49</v>
      </c>
      <c r="B2667" s="6"/>
      <c r="C2667" s="6" t="s">
        <v>2684</v>
      </c>
      <c r="D2667" s="6"/>
      <c r="E2667" s="6" t="s">
        <v>9</v>
      </c>
      <c r="F2667" s="7">
        <v>40212</v>
      </c>
      <c r="G2667" s="8">
        <v>1</v>
      </c>
      <c r="H2667" s="8">
        <v>1</v>
      </c>
      <c r="I2667" s="8">
        <v>0</v>
      </c>
      <c r="J2667" s="8">
        <v>1</v>
      </c>
      <c r="K2667" s="9">
        <v>13</v>
      </c>
      <c r="L2667" s="6" t="s">
        <v>51</v>
      </c>
    </row>
    <row r="2668" spans="1:12">
      <c r="A2668" s="6" t="s">
        <v>49</v>
      </c>
      <c r="B2668" s="6"/>
      <c r="C2668" s="6" t="s">
        <v>2685</v>
      </c>
      <c r="D2668" s="6"/>
      <c r="E2668" s="6" t="s">
        <v>9</v>
      </c>
      <c r="F2668" s="7">
        <v>40212</v>
      </c>
      <c r="G2668" s="8">
        <v>1</v>
      </c>
      <c r="H2668" s="8">
        <v>1</v>
      </c>
      <c r="I2668" s="8">
        <v>0</v>
      </c>
      <c r="J2668" s="8">
        <v>1</v>
      </c>
      <c r="K2668" s="9">
        <v>9.69</v>
      </c>
      <c r="L2668" s="6" t="s">
        <v>51</v>
      </c>
    </row>
    <row r="2669" spans="1:12">
      <c r="A2669" s="6" t="s">
        <v>49</v>
      </c>
      <c r="B2669" s="6"/>
      <c r="C2669" s="6" t="s">
        <v>2686</v>
      </c>
      <c r="D2669" s="6"/>
      <c r="E2669" s="6" t="s">
        <v>9</v>
      </c>
      <c r="F2669" s="7">
        <v>40212</v>
      </c>
      <c r="G2669" s="8">
        <v>1</v>
      </c>
      <c r="H2669" s="8">
        <v>1</v>
      </c>
      <c r="I2669" s="8">
        <v>0</v>
      </c>
      <c r="J2669" s="8">
        <v>1</v>
      </c>
      <c r="K2669" s="9">
        <v>5.0599999999999898</v>
      </c>
      <c r="L2669" s="6" t="s">
        <v>51</v>
      </c>
    </row>
    <row r="2670" spans="1:12">
      <c r="A2670" s="6" t="s">
        <v>49</v>
      </c>
      <c r="B2670" s="6"/>
      <c r="C2670" s="6" t="s">
        <v>2687</v>
      </c>
      <c r="D2670" s="6"/>
      <c r="E2670" s="6" t="s">
        <v>9</v>
      </c>
      <c r="F2670" s="7">
        <v>40212</v>
      </c>
      <c r="G2670" s="8">
        <v>1</v>
      </c>
      <c r="H2670" s="8">
        <v>1</v>
      </c>
      <c r="I2670" s="8">
        <v>0</v>
      </c>
      <c r="J2670" s="8">
        <v>1</v>
      </c>
      <c r="K2670" s="9">
        <v>29</v>
      </c>
      <c r="L2670" s="6" t="s">
        <v>51</v>
      </c>
    </row>
    <row r="2671" spans="1:12">
      <c r="A2671" s="6" t="s">
        <v>49</v>
      </c>
      <c r="B2671" s="6"/>
      <c r="C2671" s="6" t="s">
        <v>2688</v>
      </c>
      <c r="D2671" s="6"/>
      <c r="E2671" s="6" t="s">
        <v>9</v>
      </c>
      <c r="F2671" s="7">
        <v>40212</v>
      </c>
      <c r="G2671" s="8">
        <v>1</v>
      </c>
      <c r="H2671" s="8">
        <v>1</v>
      </c>
      <c r="I2671" s="8">
        <v>0</v>
      </c>
      <c r="J2671" s="8">
        <v>1</v>
      </c>
      <c r="K2671" s="9">
        <v>17</v>
      </c>
      <c r="L2671" s="6" t="s">
        <v>51</v>
      </c>
    </row>
    <row r="2672" spans="1:12">
      <c r="A2672" s="6" t="s">
        <v>49</v>
      </c>
      <c r="B2672" s="6"/>
      <c r="C2672" s="6" t="s">
        <v>2689</v>
      </c>
      <c r="D2672" s="6"/>
      <c r="E2672" s="6" t="s">
        <v>9</v>
      </c>
      <c r="F2672" s="7">
        <v>40212</v>
      </c>
      <c r="G2672" s="8">
        <v>1</v>
      </c>
      <c r="H2672" s="8">
        <v>1</v>
      </c>
      <c r="I2672" s="8">
        <v>0</v>
      </c>
      <c r="J2672" s="8">
        <v>1</v>
      </c>
      <c r="K2672" s="9">
        <v>9.27</v>
      </c>
      <c r="L2672" s="6" t="s">
        <v>51</v>
      </c>
    </row>
    <row r="2673" spans="1:12">
      <c r="A2673" s="6" t="s">
        <v>49</v>
      </c>
      <c r="B2673" s="6"/>
      <c r="C2673" s="6" t="s">
        <v>2690</v>
      </c>
      <c r="D2673" s="6"/>
      <c r="E2673" s="6" t="s">
        <v>9</v>
      </c>
      <c r="F2673" s="7">
        <v>38657</v>
      </c>
      <c r="G2673" s="8">
        <v>1</v>
      </c>
      <c r="H2673" s="8">
        <v>1</v>
      </c>
      <c r="I2673" s="8">
        <v>0</v>
      </c>
      <c r="J2673" s="8">
        <v>1</v>
      </c>
      <c r="K2673" s="9">
        <v>1.82</v>
      </c>
      <c r="L2673" s="6" t="s">
        <v>51</v>
      </c>
    </row>
    <row r="2674" spans="1:12">
      <c r="A2674" s="6" t="s">
        <v>49</v>
      </c>
      <c r="B2674" s="6"/>
      <c r="C2674" s="6" t="s">
        <v>2691</v>
      </c>
      <c r="D2674" s="6"/>
      <c r="E2674" s="6" t="s">
        <v>9</v>
      </c>
      <c r="F2674" s="7">
        <v>40212</v>
      </c>
      <c r="G2674" s="8">
        <v>1</v>
      </c>
      <c r="H2674" s="8">
        <v>1</v>
      </c>
      <c r="I2674" s="8">
        <v>0</v>
      </c>
      <c r="J2674" s="8">
        <v>1</v>
      </c>
      <c r="K2674" s="9">
        <v>5.99</v>
      </c>
      <c r="L2674" s="6" t="s">
        <v>51</v>
      </c>
    </row>
    <row r="2675" spans="1:12">
      <c r="A2675" s="6" t="s">
        <v>49</v>
      </c>
      <c r="B2675" s="6"/>
      <c r="C2675" s="6" t="s">
        <v>2692</v>
      </c>
      <c r="D2675" s="6"/>
      <c r="E2675" s="6" t="s">
        <v>9</v>
      </c>
      <c r="F2675" s="7">
        <v>40212</v>
      </c>
      <c r="G2675" s="8">
        <v>1</v>
      </c>
      <c r="H2675" s="8">
        <v>1</v>
      </c>
      <c r="I2675" s="8">
        <v>0</v>
      </c>
      <c r="J2675" s="8">
        <v>1</v>
      </c>
      <c r="K2675" s="9">
        <v>12</v>
      </c>
      <c r="L2675" s="6" t="s">
        <v>51</v>
      </c>
    </row>
    <row r="2676" spans="1:12">
      <c r="A2676" s="6" t="s">
        <v>49</v>
      </c>
      <c r="B2676" s="6"/>
      <c r="C2676" s="6" t="s">
        <v>2693</v>
      </c>
      <c r="D2676" s="6"/>
      <c r="E2676" s="6" t="s">
        <v>9</v>
      </c>
      <c r="F2676" s="7">
        <v>40212</v>
      </c>
      <c r="G2676" s="8">
        <v>1</v>
      </c>
      <c r="H2676" s="8">
        <v>1</v>
      </c>
      <c r="I2676" s="8">
        <v>0</v>
      </c>
      <c r="J2676" s="8">
        <v>1</v>
      </c>
      <c r="K2676" s="9">
        <v>5.24</v>
      </c>
      <c r="L2676" s="6" t="s">
        <v>51</v>
      </c>
    </row>
    <row r="2677" spans="1:12">
      <c r="A2677" s="6" t="s">
        <v>49</v>
      </c>
      <c r="B2677" s="6"/>
      <c r="C2677" s="6" t="s">
        <v>2694</v>
      </c>
      <c r="D2677" s="6"/>
      <c r="E2677" s="6" t="s">
        <v>9</v>
      </c>
      <c r="F2677" s="7">
        <v>40212</v>
      </c>
      <c r="G2677" s="8">
        <v>1</v>
      </c>
      <c r="H2677" s="8">
        <v>1</v>
      </c>
      <c r="I2677" s="8">
        <v>0</v>
      </c>
      <c r="J2677" s="8">
        <v>1</v>
      </c>
      <c r="K2677" s="9">
        <v>3.43</v>
      </c>
      <c r="L2677" s="6" t="s">
        <v>51</v>
      </c>
    </row>
    <row r="2678" spans="1:12">
      <c r="A2678" s="6" t="s">
        <v>49</v>
      </c>
      <c r="B2678" s="6"/>
      <c r="C2678" s="6" t="s">
        <v>2695</v>
      </c>
      <c r="D2678" s="6"/>
      <c r="E2678" s="6" t="s">
        <v>9</v>
      </c>
      <c r="F2678" s="7">
        <v>40212</v>
      </c>
      <c r="G2678" s="8">
        <v>1</v>
      </c>
      <c r="H2678" s="8">
        <v>1</v>
      </c>
      <c r="I2678" s="8">
        <v>0</v>
      </c>
      <c r="J2678" s="8">
        <v>1</v>
      </c>
      <c r="K2678" s="9">
        <v>7.53</v>
      </c>
      <c r="L2678" s="6" t="s">
        <v>51</v>
      </c>
    </row>
    <row r="2679" spans="1:12">
      <c r="A2679" s="6" t="s">
        <v>49</v>
      </c>
      <c r="B2679" s="6"/>
      <c r="C2679" s="6" t="s">
        <v>2696</v>
      </c>
      <c r="D2679" s="6"/>
      <c r="E2679" s="6" t="s">
        <v>9</v>
      </c>
      <c r="F2679" s="7">
        <v>40212</v>
      </c>
      <c r="G2679" s="8">
        <v>1</v>
      </c>
      <c r="H2679" s="8">
        <v>1</v>
      </c>
      <c r="I2679" s="8">
        <v>0</v>
      </c>
      <c r="J2679" s="8">
        <v>1</v>
      </c>
      <c r="K2679" s="9">
        <v>1.79</v>
      </c>
      <c r="L2679" s="6" t="s">
        <v>51</v>
      </c>
    </row>
    <row r="2680" spans="1:12">
      <c r="A2680" s="6" t="s">
        <v>49</v>
      </c>
      <c r="B2680" s="6"/>
      <c r="C2680" s="6" t="s">
        <v>2697</v>
      </c>
      <c r="D2680" s="6"/>
      <c r="E2680" s="6" t="s">
        <v>9</v>
      </c>
      <c r="F2680" s="7">
        <v>40212</v>
      </c>
      <c r="G2680" s="8">
        <v>1</v>
      </c>
      <c r="H2680" s="8">
        <v>1</v>
      </c>
      <c r="I2680" s="8">
        <v>0</v>
      </c>
      <c r="J2680" s="8">
        <v>1</v>
      </c>
      <c r="K2680" s="9">
        <v>12</v>
      </c>
      <c r="L2680" s="6" t="s">
        <v>51</v>
      </c>
    </row>
    <row r="2681" spans="1:12">
      <c r="A2681" s="6" t="s">
        <v>49</v>
      </c>
      <c r="B2681" s="6"/>
      <c r="C2681" s="6" t="s">
        <v>2698</v>
      </c>
      <c r="D2681" s="6"/>
      <c r="E2681" s="6" t="s">
        <v>9</v>
      </c>
      <c r="F2681" s="7">
        <v>40212</v>
      </c>
      <c r="G2681" s="8">
        <v>1</v>
      </c>
      <c r="H2681" s="8">
        <v>1</v>
      </c>
      <c r="I2681" s="8">
        <v>0</v>
      </c>
      <c r="J2681" s="8">
        <v>1</v>
      </c>
      <c r="K2681" s="9">
        <v>1.32</v>
      </c>
      <c r="L2681" s="6" t="s">
        <v>51</v>
      </c>
    </row>
    <row r="2682" spans="1:12">
      <c r="A2682" s="6" t="s">
        <v>49</v>
      </c>
      <c r="B2682" s="6"/>
      <c r="C2682" s="6" t="s">
        <v>2699</v>
      </c>
      <c r="D2682" s="6"/>
      <c r="E2682" s="6" t="s">
        <v>9</v>
      </c>
      <c r="F2682" s="7">
        <v>40212</v>
      </c>
      <c r="G2682" s="8">
        <v>1</v>
      </c>
      <c r="H2682" s="8">
        <v>1</v>
      </c>
      <c r="I2682" s="8">
        <v>0</v>
      </c>
      <c r="J2682" s="8">
        <v>1</v>
      </c>
      <c r="K2682" s="9">
        <v>18</v>
      </c>
      <c r="L2682" s="6" t="s">
        <v>51</v>
      </c>
    </row>
    <row r="2683" spans="1:12">
      <c r="A2683" s="6" t="s">
        <v>49</v>
      </c>
      <c r="B2683" s="6"/>
      <c r="C2683" s="6" t="s">
        <v>2700</v>
      </c>
      <c r="D2683" s="6"/>
      <c r="E2683" s="6" t="s">
        <v>9</v>
      </c>
      <c r="F2683" s="7">
        <v>38657</v>
      </c>
      <c r="G2683" s="8">
        <v>1</v>
      </c>
      <c r="H2683" s="8">
        <v>1</v>
      </c>
      <c r="I2683" s="8">
        <v>0</v>
      </c>
      <c r="J2683" s="8">
        <v>1</v>
      </c>
      <c r="K2683" s="9">
        <v>0.82</v>
      </c>
      <c r="L2683" s="6" t="s">
        <v>51</v>
      </c>
    </row>
    <row r="2684" spans="1:12">
      <c r="A2684" s="6" t="s">
        <v>49</v>
      </c>
      <c r="B2684" s="6"/>
      <c r="C2684" s="6" t="s">
        <v>2701</v>
      </c>
      <c r="D2684" s="6"/>
      <c r="E2684" s="6" t="s">
        <v>9</v>
      </c>
      <c r="F2684" s="7">
        <v>38657</v>
      </c>
      <c r="G2684" s="8">
        <v>1</v>
      </c>
      <c r="H2684" s="8">
        <v>1</v>
      </c>
      <c r="I2684" s="8">
        <v>0</v>
      </c>
      <c r="J2684" s="8">
        <v>1</v>
      </c>
      <c r="K2684" s="9">
        <v>19.14</v>
      </c>
      <c r="L2684" s="6" t="s">
        <v>51</v>
      </c>
    </row>
    <row r="2685" spans="1:12">
      <c r="A2685" s="6" t="s">
        <v>49</v>
      </c>
      <c r="B2685" s="6"/>
      <c r="C2685" s="6" t="s">
        <v>2702</v>
      </c>
      <c r="D2685" s="6"/>
      <c r="E2685" s="6" t="s">
        <v>9</v>
      </c>
      <c r="F2685" s="7">
        <v>38657</v>
      </c>
      <c r="G2685" s="8">
        <v>1</v>
      </c>
      <c r="H2685" s="8">
        <v>1</v>
      </c>
      <c r="I2685" s="8">
        <v>0</v>
      </c>
      <c r="J2685" s="8">
        <v>1</v>
      </c>
      <c r="K2685" s="9">
        <v>1.82</v>
      </c>
      <c r="L2685" s="6" t="s">
        <v>51</v>
      </c>
    </row>
    <row r="2686" spans="1:12">
      <c r="A2686" s="6" t="s">
        <v>49</v>
      </c>
      <c r="B2686" s="6"/>
      <c r="C2686" s="6" t="s">
        <v>2703</v>
      </c>
      <c r="D2686" s="6"/>
      <c r="E2686" s="6" t="s">
        <v>9</v>
      </c>
      <c r="F2686" s="7">
        <v>38657</v>
      </c>
      <c r="G2686" s="8">
        <v>1</v>
      </c>
      <c r="H2686" s="8">
        <v>1</v>
      </c>
      <c r="I2686" s="8">
        <v>0</v>
      </c>
      <c r="J2686" s="8">
        <v>1</v>
      </c>
      <c r="K2686" s="9">
        <v>45</v>
      </c>
      <c r="L2686" s="6" t="s">
        <v>51</v>
      </c>
    </row>
    <row r="2687" spans="1:12">
      <c r="A2687" s="6" t="s">
        <v>49</v>
      </c>
      <c r="B2687" s="6"/>
      <c r="C2687" s="6" t="s">
        <v>2704</v>
      </c>
      <c r="D2687" s="6"/>
      <c r="E2687" s="6" t="s">
        <v>9</v>
      </c>
      <c r="F2687" s="7">
        <v>38657</v>
      </c>
      <c r="G2687" s="8">
        <v>1</v>
      </c>
      <c r="H2687" s="8">
        <v>1</v>
      </c>
      <c r="I2687" s="8">
        <v>0</v>
      </c>
      <c r="J2687" s="8">
        <v>1</v>
      </c>
      <c r="K2687" s="9">
        <v>100</v>
      </c>
      <c r="L2687" s="6" t="s">
        <v>51</v>
      </c>
    </row>
    <row r="2688" spans="1:12">
      <c r="A2688" s="6" t="s">
        <v>49</v>
      </c>
      <c r="B2688" s="6"/>
      <c r="C2688" s="6" t="s">
        <v>2705</v>
      </c>
      <c r="D2688" s="6"/>
      <c r="E2688" s="6" t="s">
        <v>9</v>
      </c>
      <c r="F2688" s="7">
        <v>38657</v>
      </c>
      <c r="G2688" s="8">
        <v>1</v>
      </c>
      <c r="H2688" s="8">
        <v>1</v>
      </c>
      <c r="I2688" s="8">
        <v>0</v>
      </c>
      <c r="J2688" s="8">
        <v>1</v>
      </c>
      <c r="K2688" s="9">
        <v>697</v>
      </c>
      <c r="L2688" s="6" t="s">
        <v>51</v>
      </c>
    </row>
    <row r="2689" spans="1:12">
      <c r="A2689" s="6" t="s">
        <v>49</v>
      </c>
      <c r="B2689" s="6"/>
      <c r="C2689" s="6" t="s">
        <v>2706</v>
      </c>
      <c r="D2689" s="6"/>
      <c r="E2689" s="6" t="s">
        <v>9</v>
      </c>
      <c r="F2689" s="7"/>
      <c r="G2689" s="8">
        <v>1</v>
      </c>
      <c r="H2689" s="8">
        <v>1</v>
      </c>
      <c r="I2689" s="8">
        <v>0</v>
      </c>
      <c r="J2689" s="8">
        <v>1</v>
      </c>
      <c r="K2689" s="9">
        <v>52.69</v>
      </c>
      <c r="L2689" s="6" t="s">
        <v>51</v>
      </c>
    </row>
    <row r="2690" spans="1:12">
      <c r="A2690" s="6" t="s">
        <v>49</v>
      </c>
      <c r="B2690" s="6"/>
      <c r="C2690" s="6" t="s">
        <v>2707</v>
      </c>
      <c r="D2690" s="6"/>
      <c r="E2690" s="6" t="s">
        <v>9</v>
      </c>
      <c r="F2690" s="7"/>
      <c r="G2690" s="8">
        <v>1</v>
      </c>
      <c r="H2690" s="8">
        <v>1</v>
      </c>
      <c r="I2690" s="8">
        <v>0</v>
      </c>
      <c r="J2690" s="8">
        <v>1</v>
      </c>
      <c r="K2690" s="9">
        <v>13.06</v>
      </c>
      <c r="L2690" s="6" t="s">
        <v>51</v>
      </c>
    </row>
    <row r="2691" spans="1:12">
      <c r="A2691" s="6" t="s">
        <v>49</v>
      </c>
      <c r="B2691" s="6"/>
      <c r="C2691" s="6" t="s">
        <v>2708</v>
      </c>
      <c r="D2691" s="6"/>
      <c r="E2691" s="6" t="s">
        <v>9</v>
      </c>
      <c r="F2691" s="7">
        <v>38657</v>
      </c>
      <c r="G2691" s="8">
        <v>1</v>
      </c>
      <c r="H2691" s="8">
        <v>1</v>
      </c>
      <c r="I2691" s="8">
        <v>0</v>
      </c>
      <c r="J2691" s="8">
        <v>1</v>
      </c>
      <c r="K2691" s="9">
        <v>5.58</v>
      </c>
      <c r="L2691" s="6" t="s">
        <v>51</v>
      </c>
    </row>
    <row r="2692" spans="1:12">
      <c r="A2692" s="6" t="s">
        <v>49</v>
      </c>
      <c r="B2692" s="6"/>
      <c r="C2692" s="6" t="s">
        <v>2709</v>
      </c>
      <c r="D2692" s="6"/>
      <c r="E2692" s="6" t="s">
        <v>9</v>
      </c>
      <c r="F2692" s="7">
        <v>38657</v>
      </c>
      <c r="G2692" s="8">
        <v>1</v>
      </c>
      <c r="H2692" s="8">
        <v>1</v>
      </c>
      <c r="I2692" s="8">
        <v>0</v>
      </c>
      <c r="J2692" s="8">
        <v>1</v>
      </c>
      <c r="K2692" s="9">
        <v>18.190000000000001</v>
      </c>
      <c r="L2692" s="6" t="s">
        <v>51</v>
      </c>
    </row>
    <row r="2693" spans="1:12">
      <c r="A2693" s="6" t="s">
        <v>49</v>
      </c>
      <c r="B2693" s="6"/>
      <c r="C2693" s="6" t="s">
        <v>2710</v>
      </c>
      <c r="D2693" s="6"/>
      <c r="E2693" s="6" t="s">
        <v>9</v>
      </c>
      <c r="F2693" s="7">
        <v>38657</v>
      </c>
      <c r="G2693" s="8">
        <v>1</v>
      </c>
      <c r="H2693" s="8">
        <v>1</v>
      </c>
      <c r="I2693" s="8">
        <v>0</v>
      </c>
      <c r="J2693" s="8">
        <v>1</v>
      </c>
      <c r="K2693" s="9">
        <v>30</v>
      </c>
      <c r="L2693" s="6" t="s">
        <v>51</v>
      </c>
    </row>
    <row r="2694" spans="1:12">
      <c r="A2694" s="6" t="s">
        <v>49</v>
      </c>
      <c r="B2694" s="6"/>
      <c r="C2694" s="6" t="s">
        <v>2711</v>
      </c>
      <c r="D2694" s="6"/>
      <c r="E2694" s="6" t="s">
        <v>9</v>
      </c>
      <c r="F2694" s="7">
        <v>38657</v>
      </c>
      <c r="G2694" s="8">
        <v>1</v>
      </c>
      <c r="H2694" s="8">
        <v>1</v>
      </c>
      <c r="I2694" s="8">
        <v>0</v>
      </c>
      <c r="J2694" s="8">
        <v>1</v>
      </c>
      <c r="K2694" s="9">
        <v>14.15</v>
      </c>
      <c r="L2694" s="6" t="s">
        <v>51</v>
      </c>
    </row>
    <row r="2695" spans="1:12">
      <c r="A2695" s="6" t="s">
        <v>49</v>
      </c>
      <c r="B2695" s="6"/>
      <c r="C2695" s="6" t="s">
        <v>2712</v>
      </c>
      <c r="D2695" s="6"/>
      <c r="E2695" s="6" t="s">
        <v>9</v>
      </c>
      <c r="F2695" s="7">
        <v>38657</v>
      </c>
      <c r="G2695" s="8">
        <v>1</v>
      </c>
      <c r="H2695" s="8">
        <v>1</v>
      </c>
      <c r="I2695" s="8">
        <v>0</v>
      </c>
      <c r="J2695" s="8">
        <v>1</v>
      </c>
      <c r="K2695" s="9">
        <v>14.02</v>
      </c>
      <c r="L2695" s="6" t="s">
        <v>51</v>
      </c>
    </row>
    <row r="2696" spans="1:12">
      <c r="A2696" s="6" t="s">
        <v>49</v>
      </c>
      <c r="B2696" s="6"/>
      <c r="C2696" s="6" t="s">
        <v>2713</v>
      </c>
      <c r="D2696" s="6"/>
      <c r="E2696" s="6" t="s">
        <v>9</v>
      </c>
      <c r="F2696" s="7">
        <v>38657</v>
      </c>
      <c r="G2696" s="8">
        <v>1</v>
      </c>
      <c r="H2696" s="8">
        <v>1</v>
      </c>
      <c r="I2696" s="8">
        <v>0</v>
      </c>
      <c r="J2696" s="8">
        <v>1</v>
      </c>
      <c r="K2696" s="9">
        <v>1.82</v>
      </c>
      <c r="L2696" s="6" t="s">
        <v>51</v>
      </c>
    </row>
    <row r="2697" spans="1:12">
      <c r="A2697" s="6" t="s">
        <v>49</v>
      </c>
      <c r="B2697" s="6"/>
      <c r="C2697" s="6" t="s">
        <v>2714</v>
      </c>
      <c r="D2697" s="6"/>
      <c r="E2697" s="6" t="s">
        <v>9</v>
      </c>
      <c r="F2697" s="7">
        <v>38657</v>
      </c>
      <c r="G2697" s="8">
        <v>1</v>
      </c>
      <c r="H2697" s="8">
        <v>1</v>
      </c>
      <c r="I2697" s="8">
        <v>0</v>
      </c>
      <c r="J2697" s="8">
        <v>1</v>
      </c>
      <c r="K2697" s="9">
        <v>22</v>
      </c>
      <c r="L2697" s="6" t="s">
        <v>51</v>
      </c>
    </row>
    <row r="2698" spans="1:12">
      <c r="A2698" s="6" t="s">
        <v>49</v>
      </c>
      <c r="B2698" s="6"/>
      <c r="C2698" s="6" t="s">
        <v>2715</v>
      </c>
      <c r="D2698" s="6"/>
      <c r="E2698" s="6" t="s">
        <v>9</v>
      </c>
      <c r="F2698" s="7">
        <v>41114</v>
      </c>
      <c r="G2698" s="8">
        <v>1</v>
      </c>
      <c r="H2698" s="8">
        <v>1</v>
      </c>
      <c r="I2698" s="8">
        <v>0</v>
      </c>
      <c r="J2698" s="8">
        <v>1</v>
      </c>
      <c r="K2698" s="9">
        <v>310</v>
      </c>
      <c r="L2698" s="6" t="s">
        <v>51</v>
      </c>
    </row>
    <row r="2699" spans="1:12">
      <c r="A2699" s="6" t="s">
        <v>49</v>
      </c>
      <c r="B2699" s="6"/>
      <c r="C2699" s="6" t="s">
        <v>2716</v>
      </c>
      <c r="D2699" s="6"/>
      <c r="E2699" s="6" t="s">
        <v>9</v>
      </c>
      <c r="F2699" s="7">
        <v>38657</v>
      </c>
      <c r="G2699" s="8">
        <v>1</v>
      </c>
      <c r="H2699" s="8">
        <v>1</v>
      </c>
      <c r="I2699" s="8">
        <v>0</v>
      </c>
      <c r="J2699" s="8">
        <v>1</v>
      </c>
      <c r="K2699" s="9">
        <v>26</v>
      </c>
      <c r="L2699" s="6" t="s">
        <v>51</v>
      </c>
    </row>
    <row r="2700" spans="1:12">
      <c r="A2700" s="6" t="s">
        <v>49</v>
      </c>
      <c r="B2700" s="6"/>
      <c r="C2700" s="6" t="s">
        <v>2717</v>
      </c>
      <c r="D2700" s="6"/>
      <c r="E2700" s="6" t="s">
        <v>9</v>
      </c>
      <c r="F2700" s="7">
        <v>38657</v>
      </c>
      <c r="G2700" s="8">
        <v>1</v>
      </c>
      <c r="H2700" s="8">
        <v>1</v>
      </c>
      <c r="I2700" s="8">
        <v>0</v>
      </c>
      <c r="J2700" s="8">
        <v>1</v>
      </c>
      <c r="K2700" s="9">
        <v>23</v>
      </c>
      <c r="L2700" s="6" t="s">
        <v>51</v>
      </c>
    </row>
    <row r="2701" spans="1:12">
      <c r="A2701" s="6" t="s">
        <v>49</v>
      </c>
      <c r="B2701" s="6"/>
      <c r="C2701" s="6" t="s">
        <v>2718</v>
      </c>
      <c r="D2701" s="6"/>
      <c r="E2701" s="6" t="s">
        <v>9</v>
      </c>
      <c r="F2701" s="7">
        <v>38657</v>
      </c>
      <c r="G2701" s="8">
        <v>1</v>
      </c>
      <c r="H2701" s="8">
        <v>1</v>
      </c>
      <c r="I2701" s="8">
        <v>0</v>
      </c>
      <c r="J2701" s="8">
        <v>1</v>
      </c>
      <c r="K2701" s="9">
        <v>12</v>
      </c>
      <c r="L2701" s="6" t="s">
        <v>51</v>
      </c>
    </row>
    <row r="2702" spans="1:12">
      <c r="A2702" s="6" t="s">
        <v>49</v>
      </c>
      <c r="B2702" s="6"/>
      <c r="C2702" s="6" t="s">
        <v>2719</v>
      </c>
      <c r="D2702" s="6"/>
      <c r="E2702" s="6" t="s">
        <v>9</v>
      </c>
      <c r="F2702" s="7">
        <v>38657</v>
      </c>
      <c r="G2702" s="8">
        <v>1</v>
      </c>
      <c r="H2702" s="8">
        <v>1</v>
      </c>
      <c r="I2702" s="8">
        <v>0</v>
      </c>
      <c r="J2702" s="8">
        <v>1</v>
      </c>
      <c r="K2702" s="9">
        <v>4.04</v>
      </c>
      <c r="L2702" s="6" t="s">
        <v>51</v>
      </c>
    </row>
    <row r="2703" spans="1:12">
      <c r="A2703" s="6" t="s">
        <v>49</v>
      </c>
      <c r="B2703" s="6"/>
      <c r="C2703" s="6" t="s">
        <v>2720</v>
      </c>
      <c r="D2703" s="6"/>
      <c r="E2703" s="6" t="s">
        <v>9</v>
      </c>
      <c r="F2703" s="7">
        <v>38657</v>
      </c>
      <c r="G2703" s="8">
        <v>1</v>
      </c>
      <c r="H2703" s="8">
        <v>1</v>
      </c>
      <c r="I2703" s="8">
        <v>0</v>
      </c>
      <c r="J2703" s="8">
        <v>1</v>
      </c>
      <c r="K2703" s="9">
        <v>18.809999999999899</v>
      </c>
      <c r="L2703" s="6" t="s">
        <v>51</v>
      </c>
    </row>
    <row r="2704" spans="1:12">
      <c r="A2704" s="6" t="s">
        <v>49</v>
      </c>
      <c r="B2704" s="6"/>
      <c r="C2704" s="6" t="s">
        <v>2721</v>
      </c>
      <c r="D2704" s="6"/>
      <c r="E2704" s="6" t="s">
        <v>9</v>
      </c>
      <c r="F2704" s="7">
        <v>38657</v>
      </c>
      <c r="G2704" s="8">
        <v>1</v>
      </c>
      <c r="H2704" s="8">
        <v>1</v>
      </c>
      <c r="I2704" s="8">
        <v>0</v>
      </c>
      <c r="J2704" s="8">
        <v>1</v>
      </c>
      <c r="K2704" s="9">
        <v>9.3800000000000008</v>
      </c>
      <c r="L2704" s="6" t="s">
        <v>51</v>
      </c>
    </row>
    <row r="2705" spans="1:12">
      <c r="A2705" s="6" t="s">
        <v>49</v>
      </c>
      <c r="B2705" s="6"/>
      <c r="C2705" s="6" t="s">
        <v>2722</v>
      </c>
      <c r="D2705" s="6"/>
      <c r="E2705" s="6" t="s">
        <v>9</v>
      </c>
      <c r="F2705" s="7">
        <v>39713</v>
      </c>
      <c r="G2705" s="8">
        <v>1</v>
      </c>
      <c r="H2705" s="8">
        <v>1</v>
      </c>
      <c r="I2705" s="8">
        <v>0</v>
      </c>
      <c r="J2705" s="8">
        <v>1</v>
      </c>
      <c r="K2705" s="9">
        <v>42</v>
      </c>
      <c r="L2705" s="6" t="s">
        <v>51</v>
      </c>
    </row>
    <row r="2706" spans="1:12">
      <c r="A2706" s="6" t="s">
        <v>49</v>
      </c>
      <c r="B2706" s="6"/>
      <c r="C2706" s="6" t="s">
        <v>2723</v>
      </c>
      <c r="D2706" s="6"/>
      <c r="E2706" s="6" t="s">
        <v>9</v>
      </c>
      <c r="F2706" s="7">
        <v>38657</v>
      </c>
      <c r="G2706" s="8">
        <v>1</v>
      </c>
      <c r="H2706" s="8">
        <v>1</v>
      </c>
      <c r="I2706" s="8">
        <v>0</v>
      </c>
      <c r="J2706" s="8">
        <v>1</v>
      </c>
      <c r="K2706" s="9">
        <v>54</v>
      </c>
      <c r="L2706" s="6" t="s">
        <v>51</v>
      </c>
    </row>
    <row r="2707" spans="1:12">
      <c r="A2707" s="6" t="s">
        <v>49</v>
      </c>
      <c r="B2707" s="6"/>
      <c r="C2707" s="6" t="s">
        <v>2724</v>
      </c>
      <c r="D2707" s="6"/>
      <c r="E2707" s="6" t="s">
        <v>9</v>
      </c>
      <c r="F2707" s="7">
        <v>38657</v>
      </c>
      <c r="G2707" s="8">
        <v>1</v>
      </c>
      <c r="H2707" s="8">
        <v>1</v>
      </c>
      <c r="I2707" s="8">
        <v>0</v>
      </c>
      <c r="J2707" s="8">
        <v>1</v>
      </c>
      <c r="K2707" s="9">
        <v>1.95</v>
      </c>
      <c r="L2707" s="6" t="s">
        <v>51</v>
      </c>
    </row>
    <row r="2708" spans="1:12">
      <c r="A2708" s="6" t="s">
        <v>49</v>
      </c>
      <c r="B2708" s="6"/>
      <c r="C2708" s="6" t="s">
        <v>2725</v>
      </c>
      <c r="D2708" s="6"/>
      <c r="E2708" s="6" t="s">
        <v>9</v>
      </c>
      <c r="F2708" s="7">
        <v>38657</v>
      </c>
      <c r="G2708" s="8">
        <v>1</v>
      </c>
      <c r="H2708" s="8">
        <v>1</v>
      </c>
      <c r="I2708" s="8">
        <v>0</v>
      </c>
      <c r="J2708" s="8">
        <v>1</v>
      </c>
      <c r="K2708" s="9">
        <v>58</v>
      </c>
      <c r="L2708" s="6" t="s">
        <v>51</v>
      </c>
    </row>
    <row r="2709" spans="1:12">
      <c r="A2709" s="6" t="s">
        <v>49</v>
      </c>
      <c r="B2709" s="6"/>
      <c r="C2709" s="6" t="s">
        <v>2726</v>
      </c>
      <c r="D2709" s="6"/>
      <c r="E2709" s="6" t="s">
        <v>9</v>
      </c>
      <c r="F2709" s="7">
        <v>38657</v>
      </c>
      <c r="G2709" s="8">
        <v>1</v>
      </c>
      <c r="H2709" s="8">
        <v>1</v>
      </c>
      <c r="I2709" s="8">
        <v>0</v>
      </c>
      <c r="J2709" s="8">
        <v>1</v>
      </c>
      <c r="K2709" s="9">
        <v>57</v>
      </c>
      <c r="L2709" s="6" t="s">
        <v>51</v>
      </c>
    </row>
    <row r="2710" spans="1:12">
      <c r="A2710" s="6" t="s">
        <v>49</v>
      </c>
      <c r="B2710" s="6"/>
      <c r="C2710" s="6" t="s">
        <v>2727</v>
      </c>
      <c r="D2710" s="6"/>
      <c r="E2710" s="6" t="s">
        <v>9</v>
      </c>
      <c r="F2710" s="7">
        <v>38657</v>
      </c>
      <c r="G2710" s="8">
        <v>1</v>
      </c>
      <c r="H2710" s="8">
        <v>1</v>
      </c>
      <c r="I2710" s="8">
        <v>0</v>
      </c>
      <c r="J2710" s="8">
        <v>1</v>
      </c>
      <c r="K2710" s="9">
        <v>65</v>
      </c>
      <c r="L2710" s="6" t="s">
        <v>51</v>
      </c>
    </row>
    <row r="2711" spans="1:12">
      <c r="A2711" s="6" t="s">
        <v>49</v>
      </c>
      <c r="B2711" s="6"/>
      <c r="C2711" s="6" t="s">
        <v>2728</v>
      </c>
      <c r="D2711" s="6"/>
      <c r="E2711" s="6" t="s">
        <v>9</v>
      </c>
      <c r="F2711" s="7">
        <v>38657</v>
      </c>
      <c r="G2711" s="8">
        <v>1</v>
      </c>
      <c r="H2711" s="8">
        <v>1</v>
      </c>
      <c r="I2711" s="8">
        <v>0</v>
      </c>
      <c r="J2711" s="8">
        <v>1</v>
      </c>
      <c r="K2711" s="9">
        <v>51</v>
      </c>
      <c r="L2711" s="6" t="s">
        <v>51</v>
      </c>
    </row>
    <row r="2712" spans="1:12">
      <c r="A2712" s="6" t="s">
        <v>49</v>
      </c>
      <c r="B2712" s="6"/>
      <c r="C2712" s="6" t="s">
        <v>2729</v>
      </c>
      <c r="D2712" s="6"/>
      <c r="E2712" s="6" t="s">
        <v>9</v>
      </c>
      <c r="F2712" s="7">
        <v>38657</v>
      </c>
      <c r="G2712" s="8">
        <v>1</v>
      </c>
      <c r="H2712" s="8">
        <v>1</v>
      </c>
      <c r="I2712" s="8">
        <v>0</v>
      </c>
      <c r="J2712" s="8">
        <v>1</v>
      </c>
      <c r="K2712" s="9">
        <v>58</v>
      </c>
      <c r="L2712" s="6" t="s">
        <v>51</v>
      </c>
    </row>
    <row r="2713" spans="1:12">
      <c r="A2713" s="6" t="s">
        <v>49</v>
      </c>
      <c r="B2713" s="6"/>
      <c r="C2713" s="6" t="s">
        <v>2730</v>
      </c>
      <c r="D2713" s="6"/>
      <c r="E2713" s="6" t="s">
        <v>9</v>
      </c>
      <c r="F2713" s="7">
        <v>38657</v>
      </c>
      <c r="G2713" s="8">
        <v>1</v>
      </c>
      <c r="H2713" s="8">
        <v>1</v>
      </c>
      <c r="I2713" s="8">
        <v>0</v>
      </c>
      <c r="J2713" s="8">
        <v>1</v>
      </c>
      <c r="K2713" s="9">
        <v>58</v>
      </c>
      <c r="L2713" s="6" t="s">
        <v>51</v>
      </c>
    </row>
    <row r="2714" spans="1:12">
      <c r="A2714" s="6" t="s">
        <v>49</v>
      </c>
      <c r="B2714" s="6"/>
      <c r="C2714" s="6" t="s">
        <v>2731</v>
      </c>
      <c r="D2714" s="6"/>
      <c r="E2714" s="6" t="s">
        <v>9</v>
      </c>
      <c r="F2714" s="7">
        <v>38657</v>
      </c>
      <c r="G2714" s="8">
        <v>1</v>
      </c>
      <c r="H2714" s="8">
        <v>1</v>
      </c>
      <c r="I2714" s="8">
        <v>0</v>
      </c>
      <c r="J2714" s="8">
        <v>1</v>
      </c>
      <c r="K2714" s="9">
        <v>58</v>
      </c>
      <c r="L2714" s="6" t="s">
        <v>51</v>
      </c>
    </row>
    <row r="2715" spans="1:12">
      <c r="A2715" s="6" t="s">
        <v>49</v>
      </c>
      <c r="B2715" s="6"/>
      <c r="C2715" s="6" t="s">
        <v>2732</v>
      </c>
      <c r="D2715" s="6"/>
      <c r="E2715" s="6" t="s">
        <v>9</v>
      </c>
      <c r="F2715" s="7">
        <v>38657</v>
      </c>
      <c r="G2715" s="8">
        <v>1</v>
      </c>
      <c r="H2715" s="8">
        <v>1</v>
      </c>
      <c r="I2715" s="8">
        <v>0</v>
      </c>
      <c r="J2715" s="8">
        <v>1</v>
      </c>
      <c r="K2715" s="9">
        <v>58</v>
      </c>
      <c r="L2715" s="6" t="s">
        <v>51</v>
      </c>
    </row>
    <row r="2716" spans="1:12">
      <c r="A2716" s="6" t="s">
        <v>49</v>
      </c>
      <c r="B2716" s="6"/>
      <c r="C2716" s="6" t="s">
        <v>2733</v>
      </c>
      <c r="D2716" s="6"/>
      <c r="E2716" s="6" t="s">
        <v>9</v>
      </c>
      <c r="F2716" s="7">
        <v>38657</v>
      </c>
      <c r="G2716" s="8">
        <v>1</v>
      </c>
      <c r="H2716" s="8">
        <v>1</v>
      </c>
      <c r="I2716" s="8">
        <v>0</v>
      </c>
      <c r="J2716" s="8">
        <v>1</v>
      </c>
      <c r="K2716" s="9">
        <v>56</v>
      </c>
      <c r="L2716" s="6" t="s">
        <v>51</v>
      </c>
    </row>
    <row r="2717" spans="1:12">
      <c r="A2717" s="6" t="s">
        <v>49</v>
      </c>
      <c r="B2717" s="6"/>
      <c r="C2717" s="6" t="s">
        <v>2734</v>
      </c>
      <c r="D2717" s="6"/>
      <c r="E2717" s="6" t="s">
        <v>9</v>
      </c>
      <c r="F2717" s="7">
        <v>38657</v>
      </c>
      <c r="G2717" s="8">
        <v>1</v>
      </c>
      <c r="H2717" s="8">
        <v>1</v>
      </c>
      <c r="I2717" s="8">
        <v>0</v>
      </c>
      <c r="J2717" s="8">
        <v>1</v>
      </c>
      <c r="K2717" s="9">
        <v>58</v>
      </c>
      <c r="L2717" s="6" t="s">
        <v>51</v>
      </c>
    </row>
    <row r="2718" spans="1:12">
      <c r="A2718" s="6" t="s">
        <v>49</v>
      </c>
      <c r="B2718" s="6"/>
      <c r="C2718" s="6" t="s">
        <v>2735</v>
      </c>
      <c r="D2718" s="6"/>
      <c r="E2718" s="6" t="s">
        <v>9</v>
      </c>
      <c r="F2718" s="7">
        <v>38657</v>
      </c>
      <c r="G2718" s="8">
        <v>1</v>
      </c>
      <c r="H2718" s="8">
        <v>1</v>
      </c>
      <c r="I2718" s="8">
        <v>0</v>
      </c>
      <c r="J2718" s="8">
        <v>1</v>
      </c>
      <c r="K2718" s="9">
        <v>44.72</v>
      </c>
      <c r="L2718" s="6" t="s">
        <v>51</v>
      </c>
    </row>
    <row r="2719" spans="1:12">
      <c r="A2719" s="6" t="s">
        <v>49</v>
      </c>
      <c r="B2719" s="6"/>
      <c r="C2719" s="6" t="s">
        <v>2736</v>
      </c>
      <c r="D2719" s="6"/>
      <c r="E2719" s="6" t="s">
        <v>9</v>
      </c>
      <c r="F2719" s="7">
        <v>38657</v>
      </c>
      <c r="G2719" s="8">
        <v>1</v>
      </c>
      <c r="H2719" s="8">
        <v>1</v>
      </c>
      <c r="I2719" s="8">
        <v>0</v>
      </c>
      <c r="J2719" s="8">
        <v>1</v>
      </c>
      <c r="K2719" s="9">
        <v>57</v>
      </c>
      <c r="L2719" s="6" t="s">
        <v>51</v>
      </c>
    </row>
    <row r="2720" spans="1:12">
      <c r="A2720" s="6" t="s">
        <v>49</v>
      </c>
      <c r="B2720" s="6"/>
      <c r="C2720" s="6" t="s">
        <v>2737</v>
      </c>
      <c r="D2720" s="6"/>
      <c r="E2720" s="6" t="s">
        <v>9</v>
      </c>
      <c r="F2720" s="7">
        <v>38657</v>
      </c>
      <c r="G2720" s="8">
        <v>1</v>
      </c>
      <c r="H2720" s="8">
        <v>1</v>
      </c>
      <c r="I2720" s="8">
        <v>0</v>
      </c>
      <c r="J2720" s="8">
        <v>1</v>
      </c>
      <c r="K2720" s="9">
        <v>40</v>
      </c>
      <c r="L2720" s="6" t="s">
        <v>51</v>
      </c>
    </row>
    <row r="2721" spans="1:12">
      <c r="A2721" s="6" t="s">
        <v>49</v>
      </c>
      <c r="B2721" s="6"/>
      <c r="C2721" s="6" t="s">
        <v>2738</v>
      </c>
      <c r="D2721" s="6"/>
      <c r="E2721" s="6" t="s">
        <v>9</v>
      </c>
      <c r="F2721" s="7">
        <v>38657</v>
      </c>
      <c r="G2721" s="8">
        <v>1</v>
      </c>
      <c r="H2721" s="8">
        <v>1</v>
      </c>
      <c r="I2721" s="8">
        <v>0</v>
      </c>
      <c r="J2721" s="8">
        <v>1</v>
      </c>
      <c r="K2721" s="9">
        <v>16</v>
      </c>
      <c r="L2721" s="6" t="s">
        <v>51</v>
      </c>
    </row>
    <row r="2722" spans="1:12">
      <c r="A2722" s="6" t="s">
        <v>49</v>
      </c>
      <c r="B2722" s="6"/>
      <c r="C2722" s="6" t="s">
        <v>2739</v>
      </c>
      <c r="D2722" s="6"/>
      <c r="E2722" s="6" t="s">
        <v>9</v>
      </c>
      <c r="F2722" s="7">
        <v>38657</v>
      </c>
      <c r="G2722" s="8">
        <v>1</v>
      </c>
      <c r="H2722" s="8">
        <v>1</v>
      </c>
      <c r="I2722" s="8">
        <v>0</v>
      </c>
      <c r="J2722" s="8">
        <v>1</v>
      </c>
      <c r="K2722" s="9">
        <v>16</v>
      </c>
      <c r="L2722" s="6" t="s">
        <v>51</v>
      </c>
    </row>
    <row r="2723" spans="1:12">
      <c r="A2723" s="6" t="s">
        <v>49</v>
      </c>
      <c r="B2723" s="6"/>
      <c r="C2723" s="6" t="s">
        <v>2740</v>
      </c>
      <c r="D2723" s="6"/>
      <c r="E2723" s="6" t="s">
        <v>9</v>
      </c>
      <c r="F2723" s="7">
        <v>38657</v>
      </c>
      <c r="G2723" s="8">
        <v>1</v>
      </c>
      <c r="H2723" s="8">
        <v>1</v>
      </c>
      <c r="I2723" s="8">
        <v>0</v>
      </c>
      <c r="J2723" s="8">
        <v>1</v>
      </c>
      <c r="K2723" s="9">
        <v>35</v>
      </c>
      <c r="L2723" s="6" t="s">
        <v>51</v>
      </c>
    </row>
    <row r="2724" spans="1:12">
      <c r="A2724" s="6" t="s">
        <v>49</v>
      </c>
      <c r="B2724" s="6"/>
      <c r="C2724" s="6" t="s">
        <v>2741</v>
      </c>
      <c r="D2724" s="6"/>
      <c r="E2724" s="6" t="s">
        <v>9</v>
      </c>
      <c r="F2724" s="7">
        <v>38657</v>
      </c>
      <c r="G2724" s="8">
        <v>1</v>
      </c>
      <c r="H2724" s="8">
        <v>1</v>
      </c>
      <c r="I2724" s="8">
        <v>0</v>
      </c>
      <c r="J2724" s="8">
        <v>1</v>
      </c>
      <c r="K2724" s="9">
        <v>32</v>
      </c>
      <c r="L2724" s="6" t="s">
        <v>51</v>
      </c>
    </row>
    <row r="2725" spans="1:12">
      <c r="A2725" s="6" t="s">
        <v>49</v>
      </c>
      <c r="B2725" s="6"/>
      <c r="C2725" s="6" t="s">
        <v>2742</v>
      </c>
      <c r="D2725" s="6"/>
      <c r="E2725" s="6" t="s">
        <v>9</v>
      </c>
      <c r="F2725" s="7">
        <v>38657</v>
      </c>
      <c r="G2725" s="8">
        <v>1</v>
      </c>
      <c r="H2725" s="8">
        <v>1</v>
      </c>
      <c r="I2725" s="8">
        <v>0</v>
      </c>
      <c r="J2725" s="8">
        <v>1</v>
      </c>
      <c r="K2725" s="9">
        <v>8.0299999999999905</v>
      </c>
      <c r="L2725" s="6" t="s">
        <v>51</v>
      </c>
    </row>
    <row r="2726" spans="1:12">
      <c r="A2726" s="6" t="s">
        <v>49</v>
      </c>
      <c r="B2726" s="6"/>
      <c r="C2726" s="6" t="s">
        <v>2743</v>
      </c>
      <c r="D2726" s="6"/>
      <c r="E2726" s="6" t="s">
        <v>9</v>
      </c>
      <c r="F2726" s="7">
        <v>38657</v>
      </c>
      <c r="G2726" s="8">
        <v>1</v>
      </c>
      <c r="H2726" s="8">
        <v>1</v>
      </c>
      <c r="I2726" s="8">
        <v>0</v>
      </c>
      <c r="J2726" s="8">
        <v>1</v>
      </c>
      <c r="K2726" s="9">
        <v>20</v>
      </c>
      <c r="L2726" s="6" t="s">
        <v>51</v>
      </c>
    </row>
    <row r="2727" spans="1:12">
      <c r="A2727" s="6" t="s">
        <v>49</v>
      </c>
      <c r="B2727" s="6"/>
      <c r="C2727" s="6" t="s">
        <v>2744</v>
      </c>
      <c r="D2727" s="6"/>
      <c r="E2727" s="6" t="s">
        <v>9</v>
      </c>
      <c r="F2727" s="7">
        <v>38657</v>
      </c>
      <c r="G2727" s="8">
        <v>1</v>
      </c>
      <c r="H2727" s="8">
        <v>1</v>
      </c>
      <c r="I2727" s="8">
        <v>0</v>
      </c>
      <c r="J2727" s="8">
        <v>1</v>
      </c>
      <c r="K2727" s="9">
        <v>57</v>
      </c>
      <c r="L2727" s="6" t="s">
        <v>51</v>
      </c>
    </row>
    <row r="2728" spans="1:12">
      <c r="A2728" s="6" t="s">
        <v>49</v>
      </c>
      <c r="B2728" s="6"/>
      <c r="C2728" s="6" t="s">
        <v>2745</v>
      </c>
      <c r="D2728" s="6"/>
      <c r="E2728" s="6" t="s">
        <v>9</v>
      </c>
      <c r="F2728" s="7">
        <v>38657</v>
      </c>
      <c r="G2728" s="8">
        <v>1</v>
      </c>
      <c r="H2728" s="8">
        <v>1</v>
      </c>
      <c r="I2728" s="8">
        <v>0</v>
      </c>
      <c r="J2728" s="8">
        <v>1</v>
      </c>
      <c r="K2728" s="9">
        <v>33</v>
      </c>
      <c r="L2728" s="6" t="s">
        <v>51</v>
      </c>
    </row>
    <row r="2729" spans="1:12">
      <c r="A2729" s="6" t="s">
        <v>49</v>
      </c>
      <c r="B2729" s="6"/>
      <c r="C2729" s="6" t="s">
        <v>2746</v>
      </c>
      <c r="D2729" s="6"/>
      <c r="E2729" s="6" t="s">
        <v>9</v>
      </c>
      <c r="F2729" s="7">
        <v>38657</v>
      </c>
      <c r="G2729" s="8">
        <v>1</v>
      </c>
      <c r="H2729" s="8">
        <v>1</v>
      </c>
      <c r="I2729" s="8">
        <v>0</v>
      </c>
      <c r="J2729" s="8">
        <v>1</v>
      </c>
      <c r="K2729" s="9">
        <v>1.1000000000000001</v>
      </c>
      <c r="L2729" s="6" t="s">
        <v>51</v>
      </c>
    </row>
    <row r="2730" spans="1:12">
      <c r="A2730" s="6" t="s">
        <v>49</v>
      </c>
      <c r="B2730" s="6"/>
      <c r="C2730" s="6" t="s">
        <v>2747</v>
      </c>
      <c r="D2730" s="6"/>
      <c r="E2730" s="6" t="s">
        <v>9</v>
      </c>
      <c r="F2730" s="7">
        <v>38657</v>
      </c>
      <c r="G2730" s="8">
        <v>1</v>
      </c>
      <c r="H2730" s="8">
        <v>1</v>
      </c>
      <c r="I2730" s="8">
        <v>0</v>
      </c>
      <c r="J2730" s="8">
        <v>1</v>
      </c>
      <c r="K2730" s="9">
        <v>12</v>
      </c>
      <c r="L2730" s="6" t="s">
        <v>51</v>
      </c>
    </row>
    <row r="2731" spans="1:12">
      <c r="A2731" s="6" t="s">
        <v>49</v>
      </c>
      <c r="B2731" s="6"/>
      <c r="C2731" s="6" t="s">
        <v>2748</v>
      </c>
      <c r="D2731" s="6"/>
      <c r="E2731" s="6" t="s">
        <v>9</v>
      </c>
      <c r="F2731" s="7">
        <v>38657</v>
      </c>
      <c r="G2731" s="8">
        <v>1</v>
      </c>
      <c r="H2731" s="8">
        <v>1</v>
      </c>
      <c r="I2731" s="8">
        <v>0</v>
      </c>
      <c r="J2731" s="8">
        <v>1</v>
      </c>
      <c r="K2731" s="9">
        <v>29</v>
      </c>
      <c r="L2731" s="6" t="s">
        <v>51</v>
      </c>
    </row>
    <row r="2732" spans="1:12">
      <c r="A2732" s="6" t="s">
        <v>49</v>
      </c>
      <c r="B2732" s="6"/>
      <c r="C2732" s="6" t="s">
        <v>2749</v>
      </c>
      <c r="D2732" s="6"/>
      <c r="E2732" s="6" t="s">
        <v>9</v>
      </c>
      <c r="F2732" s="7">
        <v>38657</v>
      </c>
      <c r="G2732" s="8">
        <v>1</v>
      </c>
      <c r="H2732" s="8">
        <v>1</v>
      </c>
      <c r="I2732" s="8">
        <v>0</v>
      </c>
      <c r="J2732" s="8">
        <v>1</v>
      </c>
      <c r="K2732" s="9">
        <v>54</v>
      </c>
      <c r="L2732" s="6" t="s">
        <v>51</v>
      </c>
    </row>
    <row r="2733" spans="1:12">
      <c r="A2733" s="6" t="s">
        <v>49</v>
      </c>
      <c r="B2733" s="6"/>
      <c r="C2733" s="6" t="s">
        <v>2750</v>
      </c>
      <c r="D2733" s="6"/>
      <c r="E2733" s="6" t="s">
        <v>9</v>
      </c>
      <c r="F2733" s="7">
        <v>38657</v>
      </c>
      <c r="G2733" s="8">
        <v>1</v>
      </c>
      <c r="H2733" s="8">
        <v>1</v>
      </c>
      <c r="I2733" s="8">
        <v>0</v>
      </c>
      <c r="J2733" s="8">
        <v>1</v>
      </c>
      <c r="K2733" s="9">
        <v>51</v>
      </c>
      <c r="L2733" s="6" t="s">
        <v>51</v>
      </c>
    </row>
    <row r="2734" spans="1:12">
      <c r="A2734" s="6" t="s">
        <v>49</v>
      </c>
      <c r="B2734" s="6"/>
      <c r="C2734" s="6" t="s">
        <v>2751</v>
      </c>
      <c r="D2734" s="6"/>
      <c r="E2734" s="6" t="s">
        <v>9</v>
      </c>
      <c r="F2734" s="7">
        <v>38657</v>
      </c>
      <c r="G2734" s="8">
        <v>1</v>
      </c>
      <c r="H2734" s="8">
        <v>1</v>
      </c>
      <c r="I2734" s="8">
        <v>0</v>
      </c>
      <c r="J2734" s="8">
        <v>1</v>
      </c>
      <c r="K2734" s="9">
        <v>58</v>
      </c>
      <c r="L2734" s="6" t="s">
        <v>51</v>
      </c>
    </row>
    <row r="2735" spans="1:12">
      <c r="A2735" s="6" t="s">
        <v>49</v>
      </c>
      <c r="B2735" s="6"/>
      <c r="C2735" s="6" t="s">
        <v>2752</v>
      </c>
      <c r="D2735" s="6"/>
      <c r="E2735" s="6" t="s">
        <v>9</v>
      </c>
      <c r="F2735" s="7">
        <v>38657</v>
      </c>
      <c r="G2735" s="8">
        <v>1</v>
      </c>
      <c r="H2735" s="8">
        <v>1</v>
      </c>
      <c r="I2735" s="8">
        <v>0</v>
      </c>
      <c r="J2735" s="8">
        <v>1</v>
      </c>
      <c r="K2735" s="9">
        <v>58</v>
      </c>
      <c r="L2735" s="6" t="s">
        <v>51</v>
      </c>
    </row>
    <row r="2736" spans="1:12">
      <c r="A2736" s="6" t="s">
        <v>49</v>
      </c>
      <c r="B2736" s="6"/>
      <c r="C2736" s="6" t="s">
        <v>2753</v>
      </c>
      <c r="D2736" s="6"/>
      <c r="E2736" s="6" t="s">
        <v>9</v>
      </c>
      <c r="F2736" s="7">
        <v>38657</v>
      </c>
      <c r="G2736" s="8">
        <v>1</v>
      </c>
      <c r="H2736" s="8">
        <v>1</v>
      </c>
      <c r="I2736" s="8">
        <v>0</v>
      </c>
      <c r="J2736" s="8">
        <v>1</v>
      </c>
      <c r="K2736" s="9">
        <v>58</v>
      </c>
      <c r="L2736" s="6" t="s">
        <v>51</v>
      </c>
    </row>
    <row r="2737" spans="1:12">
      <c r="A2737" s="6" t="s">
        <v>49</v>
      </c>
      <c r="B2737" s="6"/>
      <c r="C2737" s="6" t="s">
        <v>2754</v>
      </c>
      <c r="D2737" s="6"/>
      <c r="E2737" s="6" t="s">
        <v>9</v>
      </c>
      <c r="F2737" s="7">
        <v>38657</v>
      </c>
      <c r="G2737" s="8">
        <v>1</v>
      </c>
      <c r="H2737" s="8">
        <v>1</v>
      </c>
      <c r="I2737" s="8">
        <v>0</v>
      </c>
      <c r="J2737" s="8">
        <v>1</v>
      </c>
      <c r="K2737" s="9">
        <v>77</v>
      </c>
      <c r="L2737" s="6" t="s">
        <v>51</v>
      </c>
    </row>
    <row r="2738" spans="1:12">
      <c r="A2738" s="6" t="s">
        <v>49</v>
      </c>
      <c r="B2738" s="6"/>
      <c r="C2738" s="6" t="s">
        <v>2755</v>
      </c>
      <c r="D2738" s="6"/>
      <c r="E2738" s="6" t="s">
        <v>9</v>
      </c>
      <c r="F2738" s="7">
        <v>38657</v>
      </c>
      <c r="G2738" s="8">
        <v>1</v>
      </c>
      <c r="H2738" s="8">
        <v>1</v>
      </c>
      <c r="I2738" s="8">
        <v>0</v>
      </c>
      <c r="J2738" s="8">
        <v>1</v>
      </c>
      <c r="K2738" s="9">
        <v>214</v>
      </c>
      <c r="L2738" s="6" t="s">
        <v>51</v>
      </c>
    </row>
    <row r="2739" spans="1:12">
      <c r="A2739" s="6" t="s">
        <v>49</v>
      </c>
      <c r="B2739" s="6"/>
      <c r="C2739" s="6" t="s">
        <v>2756</v>
      </c>
      <c r="D2739" s="6"/>
      <c r="E2739" s="6" t="s">
        <v>9</v>
      </c>
      <c r="F2739" s="7">
        <v>38657</v>
      </c>
      <c r="G2739" s="8">
        <v>1</v>
      </c>
      <c r="H2739" s="8">
        <v>1</v>
      </c>
      <c r="I2739" s="8">
        <v>0</v>
      </c>
      <c r="J2739" s="8">
        <v>1</v>
      </c>
      <c r="K2739" s="9">
        <v>65</v>
      </c>
      <c r="L2739" s="6" t="s">
        <v>51</v>
      </c>
    </row>
    <row r="2740" spans="1:12">
      <c r="A2740" s="6" t="s">
        <v>49</v>
      </c>
      <c r="B2740" s="6"/>
      <c r="C2740" s="6" t="s">
        <v>2757</v>
      </c>
      <c r="D2740" s="6"/>
      <c r="E2740" s="6" t="s">
        <v>9</v>
      </c>
      <c r="F2740" s="7">
        <v>38657</v>
      </c>
      <c r="G2740" s="8">
        <v>1</v>
      </c>
      <c r="H2740" s="8">
        <v>1</v>
      </c>
      <c r="I2740" s="8">
        <v>0</v>
      </c>
      <c r="J2740" s="8">
        <v>1</v>
      </c>
      <c r="K2740" s="9">
        <v>165.57</v>
      </c>
      <c r="L2740" s="6" t="s">
        <v>51</v>
      </c>
    </row>
    <row r="2741" spans="1:12">
      <c r="A2741" s="6" t="s">
        <v>49</v>
      </c>
      <c r="B2741" s="6"/>
      <c r="C2741" s="6" t="s">
        <v>2758</v>
      </c>
      <c r="D2741" s="6"/>
      <c r="E2741" s="6" t="s">
        <v>9</v>
      </c>
      <c r="F2741" s="7">
        <v>38657</v>
      </c>
      <c r="G2741" s="8">
        <v>1</v>
      </c>
      <c r="H2741" s="8">
        <v>1</v>
      </c>
      <c r="I2741" s="8">
        <v>0</v>
      </c>
      <c r="J2741" s="8">
        <v>1</v>
      </c>
      <c r="K2741" s="9">
        <v>33</v>
      </c>
      <c r="L2741" s="6" t="s">
        <v>51</v>
      </c>
    </row>
    <row r="2742" spans="1:12">
      <c r="A2742" s="6" t="s">
        <v>49</v>
      </c>
      <c r="B2742" s="6"/>
      <c r="C2742" s="6" t="s">
        <v>2759</v>
      </c>
      <c r="D2742" s="6"/>
      <c r="E2742" s="6" t="s">
        <v>9</v>
      </c>
      <c r="F2742" s="7">
        <v>38657</v>
      </c>
      <c r="G2742" s="8">
        <v>1</v>
      </c>
      <c r="H2742" s="8">
        <v>1</v>
      </c>
      <c r="I2742" s="8">
        <v>0</v>
      </c>
      <c r="J2742" s="8">
        <v>1</v>
      </c>
      <c r="K2742" s="9">
        <v>111</v>
      </c>
      <c r="L2742" s="6" t="s">
        <v>51</v>
      </c>
    </row>
    <row r="2743" spans="1:12">
      <c r="A2743" s="6" t="s">
        <v>49</v>
      </c>
      <c r="B2743" s="6"/>
      <c r="C2743" s="6" t="s">
        <v>2760</v>
      </c>
      <c r="D2743" s="6"/>
      <c r="E2743" s="6" t="s">
        <v>9</v>
      </c>
      <c r="F2743" s="7">
        <v>38657</v>
      </c>
      <c r="G2743" s="8">
        <v>1</v>
      </c>
      <c r="H2743" s="8">
        <v>1</v>
      </c>
      <c r="I2743" s="8">
        <v>0</v>
      </c>
      <c r="J2743" s="8">
        <v>1</v>
      </c>
      <c r="K2743" s="9">
        <v>106</v>
      </c>
      <c r="L2743" s="6" t="s">
        <v>51</v>
      </c>
    </row>
    <row r="2744" spans="1:12">
      <c r="A2744" s="6" t="s">
        <v>49</v>
      </c>
      <c r="B2744" s="6"/>
      <c r="C2744" s="6" t="s">
        <v>2761</v>
      </c>
      <c r="D2744" s="6"/>
      <c r="E2744" s="6" t="s">
        <v>9</v>
      </c>
      <c r="F2744" s="7">
        <v>38657</v>
      </c>
      <c r="G2744" s="8">
        <v>1</v>
      </c>
      <c r="H2744" s="8">
        <v>1</v>
      </c>
      <c r="I2744" s="8">
        <v>0</v>
      </c>
      <c r="J2744" s="8">
        <v>1</v>
      </c>
      <c r="K2744" s="9">
        <v>99</v>
      </c>
      <c r="L2744" s="6" t="s">
        <v>51</v>
      </c>
    </row>
    <row r="2745" spans="1:12">
      <c r="A2745" s="6" t="s">
        <v>49</v>
      </c>
      <c r="B2745" s="6"/>
      <c r="C2745" s="6" t="s">
        <v>2762</v>
      </c>
      <c r="D2745" s="6"/>
      <c r="E2745" s="6" t="s">
        <v>9</v>
      </c>
      <c r="F2745" s="7">
        <v>38657</v>
      </c>
      <c r="G2745" s="8">
        <v>1</v>
      </c>
      <c r="H2745" s="8">
        <v>1</v>
      </c>
      <c r="I2745" s="8">
        <v>0</v>
      </c>
      <c r="J2745" s="8">
        <v>1</v>
      </c>
      <c r="K2745" s="9">
        <v>93</v>
      </c>
      <c r="L2745" s="6" t="s">
        <v>51</v>
      </c>
    </row>
    <row r="2746" spans="1:12">
      <c r="A2746" s="6" t="s">
        <v>49</v>
      </c>
      <c r="B2746" s="6"/>
      <c r="C2746" s="6" t="s">
        <v>2763</v>
      </c>
      <c r="D2746" s="6"/>
      <c r="E2746" s="6" t="s">
        <v>9</v>
      </c>
      <c r="F2746" s="7">
        <v>38657</v>
      </c>
      <c r="G2746" s="8">
        <v>1</v>
      </c>
      <c r="H2746" s="8">
        <v>1</v>
      </c>
      <c r="I2746" s="8">
        <v>0</v>
      </c>
      <c r="J2746" s="8">
        <v>1</v>
      </c>
      <c r="K2746" s="9">
        <v>102</v>
      </c>
      <c r="L2746" s="6" t="s">
        <v>51</v>
      </c>
    </row>
    <row r="2747" spans="1:12">
      <c r="A2747" s="6" t="s">
        <v>49</v>
      </c>
      <c r="B2747" s="6"/>
      <c r="C2747" s="6" t="s">
        <v>2764</v>
      </c>
      <c r="D2747" s="6"/>
      <c r="E2747" s="6" t="s">
        <v>9</v>
      </c>
      <c r="F2747" s="7">
        <v>38657</v>
      </c>
      <c r="G2747" s="8">
        <v>1</v>
      </c>
      <c r="H2747" s="8">
        <v>1</v>
      </c>
      <c r="I2747" s="8">
        <v>0</v>
      </c>
      <c r="J2747" s="8">
        <v>1</v>
      </c>
      <c r="K2747" s="9">
        <v>72</v>
      </c>
      <c r="L2747" s="6" t="s">
        <v>51</v>
      </c>
    </row>
    <row r="2748" spans="1:12">
      <c r="A2748" s="6" t="s">
        <v>49</v>
      </c>
      <c r="B2748" s="6"/>
      <c r="C2748" s="6" t="s">
        <v>2765</v>
      </c>
      <c r="D2748" s="6"/>
      <c r="E2748" s="6" t="s">
        <v>9</v>
      </c>
      <c r="F2748" s="7">
        <v>38657</v>
      </c>
      <c r="G2748" s="8">
        <v>1</v>
      </c>
      <c r="H2748" s="8">
        <v>1</v>
      </c>
      <c r="I2748" s="8">
        <v>0</v>
      </c>
      <c r="J2748" s="8">
        <v>1</v>
      </c>
      <c r="K2748" s="9">
        <v>73</v>
      </c>
      <c r="L2748" s="6" t="s">
        <v>51</v>
      </c>
    </row>
    <row r="2749" spans="1:12">
      <c r="A2749" s="6" t="s">
        <v>49</v>
      </c>
      <c r="B2749" s="6"/>
      <c r="C2749" s="6" t="s">
        <v>2766</v>
      </c>
      <c r="D2749" s="6"/>
      <c r="E2749" s="6" t="s">
        <v>9</v>
      </c>
      <c r="F2749" s="7">
        <v>38657</v>
      </c>
      <c r="G2749" s="8">
        <v>1</v>
      </c>
      <c r="H2749" s="8">
        <v>1</v>
      </c>
      <c r="I2749" s="8">
        <v>0</v>
      </c>
      <c r="J2749" s="8">
        <v>1</v>
      </c>
      <c r="K2749" s="9">
        <v>86</v>
      </c>
      <c r="L2749" s="6" t="s">
        <v>51</v>
      </c>
    </row>
    <row r="2750" spans="1:12">
      <c r="A2750" s="6" t="s">
        <v>49</v>
      </c>
      <c r="B2750" s="6"/>
      <c r="C2750" s="6" t="s">
        <v>2767</v>
      </c>
      <c r="D2750" s="6"/>
      <c r="E2750" s="6" t="s">
        <v>9</v>
      </c>
      <c r="F2750" s="7">
        <v>38657</v>
      </c>
      <c r="G2750" s="8">
        <v>1</v>
      </c>
      <c r="H2750" s="8">
        <v>1</v>
      </c>
      <c r="I2750" s="8">
        <v>0</v>
      </c>
      <c r="J2750" s="8">
        <v>1</v>
      </c>
      <c r="K2750" s="9">
        <v>81</v>
      </c>
      <c r="L2750" s="6" t="s">
        <v>51</v>
      </c>
    </row>
    <row r="2751" spans="1:12">
      <c r="A2751" s="6" t="s">
        <v>49</v>
      </c>
      <c r="B2751" s="6"/>
      <c r="C2751" s="6" t="s">
        <v>2768</v>
      </c>
      <c r="D2751" s="6"/>
      <c r="E2751" s="6" t="s">
        <v>9</v>
      </c>
      <c r="F2751" s="7">
        <v>38657</v>
      </c>
      <c r="G2751" s="8">
        <v>1</v>
      </c>
      <c r="H2751" s="8">
        <v>1</v>
      </c>
      <c r="I2751" s="8">
        <v>0</v>
      </c>
      <c r="J2751" s="8">
        <v>1</v>
      </c>
      <c r="K2751" s="9">
        <v>46.57</v>
      </c>
      <c r="L2751" s="6" t="s">
        <v>51</v>
      </c>
    </row>
    <row r="2752" spans="1:12">
      <c r="A2752" s="6" t="s">
        <v>49</v>
      </c>
      <c r="B2752" s="6"/>
      <c r="C2752" s="6" t="s">
        <v>2769</v>
      </c>
      <c r="D2752" s="6"/>
      <c r="E2752" s="6" t="s">
        <v>9</v>
      </c>
      <c r="F2752" s="7">
        <v>38657</v>
      </c>
      <c r="G2752" s="8">
        <v>1</v>
      </c>
      <c r="H2752" s="8">
        <v>1</v>
      </c>
      <c r="I2752" s="8">
        <v>0</v>
      </c>
      <c r="J2752" s="8">
        <v>1</v>
      </c>
      <c r="K2752" s="9">
        <v>99</v>
      </c>
      <c r="L2752" s="6" t="s">
        <v>51</v>
      </c>
    </row>
    <row r="2753" spans="1:12">
      <c r="A2753" s="6" t="s">
        <v>49</v>
      </c>
      <c r="B2753" s="6"/>
      <c r="C2753" s="6" t="s">
        <v>2770</v>
      </c>
      <c r="D2753" s="6"/>
      <c r="E2753" s="6" t="s">
        <v>9</v>
      </c>
      <c r="F2753" s="7">
        <v>38657</v>
      </c>
      <c r="G2753" s="8">
        <v>1</v>
      </c>
      <c r="H2753" s="8">
        <v>1</v>
      </c>
      <c r="I2753" s="8">
        <v>0</v>
      </c>
      <c r="J2753" s="8">
        <v>1</v>
      </c>
      <c r="K2753" s="9">
        <v>121</v>
      </c>
      <c r="L2753" s="6" t="s">
        <v>51</v>
      </c>
    </row>
    <row r="2754" spans="1:12">
      <c r="A2754" s="6" t="s">
        <v>49</v>
      </c>
      <c r="B2754" s="6"/>
      <c r="C2754" s="6" t="s">
        <v>2771</v>
      </c>
      <c r="D2754" s="6"/>
      <c r="E2754" s="6" t="s">
        <v>9</v>
      </c>
      <c r="F2754" s="7">
        <v>38657</v>
      </c>
      <c r="G2754" s="8">
        <v>1</v>
      </c>
      <c r="H2754" s="8">
        <v>1</v>
      </c>
      <c r="I2754" s="8">
        <v>0</v>
      </c>
      <c r="J2754" s="8">
        <v>1</v>
      </c>
      <c r="K2754" s="9">
        <v>144</v>
      </c>
      <c r="L2754" s="6" t="s">
        <v>51</v>
      </c>
    </row>
    <row r="2755" spans="1:12">
      <c r="A2755" s="6" t="s">
        <v>49</v>
      </c>
      <c r="B2755" s="6"/>
      <c r="C2755" s="6" t="s">
        <v>2772</v>
      </c>
      <c r="D2755" s="6"/>
      <c r="E2755" s="6" t="s">
        <v>9</v>
      </c>
      <c r="F2755" s="7">
        <v>38657</v>
      </c>
      <c r="G2755" s="8">
        <v>1</v>
      </c>
      <c r="H2755" s="8">
        <v>1</v>
      </c>
      <c r="I2755" s="8">
        <v>0</v>
      </c>
      <c r="J2755" s="8">
        <v>1</v>
      </c>
      <c r="K2755" s="9">
        <v>171</v>
      </c>
      <c r="L2755" s="6" t="s">
        <v>51</v>
      </c>
    </row>
    <row r="2756" spans="1:12">
      <c r="A2756" s="6" t="s">
        <v>49</v>
      </c>
      <c r="B2756" s="6"/>
      <c r="C2756" s="6" t="s">
        <v>2773</v>
      </c>
      <c r="D2756" s="6"/>
      <c r="E2756" s="6" t="s">
        <v>9</v>
      </c>
      <c r="F2756" s="7"/>
      <c r="G2756" s="8">
        <v>1</v>
      </c>
      <c r="H2756" s="8">
        <v>1</v>
      </c>
      <c r="I2756" s="8">
        <v>0</v>
      </c>
      <c r="J2756" s="8">
        <v>1</v>
      </c>
      <c r="K2756" s="9">
        <v>229</v>
      </c>
      <c r="L2756" s="6" t="s">
        <v>51</v>
      </c>
    </row>
    <row r="2757" spans="1:12">
      <c r="A2757" s="6" t="s">
        <v>49</v>
      </c>
      <c r="B2757" s="6"/>
      <c r="C2757" s="6" t="s">
        <v>2774</v>
      </c>
      <c r="D2757" s="6"/>
      <c r="E2757" s="6" t="s">
        <v>9</v>
      </c>
      <c r="F2757" s="7">
        <v>38657</v>
      </c>
      <c r="G2757" s="8">
        <v>1</v>
      </c>
      <c r="H2757" s="8">
        <v>1</v>
      </c>
      <c r="I2757" s="8">
        <v>0</v>
      </c>
      <c r="J2757" s="8">
        <v>1</v>
      </c>
      <c r="K2757" s="9">
        <v>86</v>
      </c>
      <c r="L2757" s="6" t="s">
        <v>51</v>
      </c>
    </row>
    <row r="2758" spans="1:12">
      <c r="A2758" s="6" t="s">
        <v>49</v>
      </c>
      <c r="B2758" s="6"/>
      <c r="C2758" s="6" t="s">
        <v>2775</v>
      </c>
      <c r="D2758" s="6"/>
      <c r="E2758" s="6" t="s">
        <v>9</v>
      </c>
      <c r="F2758" s="7">
        <v>38657</v>
      </c>
      <c r="G2758" s="8">
        <v>1</v>
      </c>
      <c r="H2758" s="8">
        <v>1</v>
      </c>
      <c r="I2758" s="8">
        <v>0</v>
      </c>
      <c r="J2758" s="8">
        <v>1</v>
      </c>
      <c r="K2758" s="9">
        <v>129</v>
      </c>
      <c r="L2758" s="6" t="s">
        <v>51</v>
      </c>
    </row>
    <row r="2759" spans="1:12">
      <c r="A2759" s="6" t="s">
        <v>49</v>
      </c>
      <c r="B2759" s="6"/>
      <c r="C2759" s="6" t="s">
        <v>2776</v>
      </c>
      <c r="D2759" s="6"/>
      <c r="E2759" s="6" t="s">
        <v>9</v>
      </c>
      <c r="F2759" s="7">
        <v>38657</v>
      </c>
      <c r="G2759" s="8">
        <v>1</v>
      </c>
      <c r="H2759" s="8">
        <v>1</v>
      </c>
      <c r="I2759" s="8">
        <v>0</v>
      </c>
      <c r="J2759" s="8">
        <v>1</v>
      </c>
      <c r="K2759" s="9">
        <v>216</v>
      </c>
      <c r="L2759" s="6" t="s">
        <v>51</v>
      </c>
    </row>
    <row r="2760" spans="1:12">
      <c r="A2760" s="6" t="s">
        <v>49</v>
      </c>
      <c r="B2760" s="6"/>
      <c r="C2760" s="6" t="s">
        <v>2777</v>
      </c>
      <c r="D2760" s="6"/>
      <c r="E2760" s="6" t="s">
        <v>9</v>
      </c>
      <c r="F2760" s="7">
        <v>38657</v>
      </c>
      <c r="G2760" s="8">
        <v>1</v>
      </c>
      <c r="H2760" s="8">
        <v>1</v>
      </c>
      <c r="I2760" s="8">
        <v>0</v>
      </c>
      <c r="J2760" s="8">
        <v>1</v>
      </c>
      <c r="K2760" s="9">
        <v>194</v>
      </c>
      <c r="L2760" s="6" t="s">
        <v>51</v>
      </c>
    </row>
    <row r="2761" spans="1:12">
      <c r="A2761" s="6" t="s">
        <v>49</v>
      </c>
      <c r="B2761" s="6"/>
      <c r="C2761" s="6" t="s">
        <v>2778</v>
      </c>
      <c r="D2761" s="6"/>
      <c r="E2761" s="6" t="s">
        <v>9</v>
      </c>
      <c r="F2761" s="7">
        <v>38657</v>
      </c>
      <c r="G2761" s="8">
        <v>1</v>
      </c>
      <c r="H2761" s="8">
        <v>1</v>
      </c>
      <c r="I2761" s="8">
        <v>0</v>
      </c>
      <c r="J2761" s="8">
        <v>1</v>
      </c>
      <c r="K2761" s="9">
        <v>188</v>
      </c>
      <c r="L2761" s="6" t="s">
        <v>51</v>
      </c>
    </row>
    <row r="2762" spans="1:12">
      <c r="A2762" s="6" t="s">
        <v>49</v>
      </c>
      <c r="B2762" s="6"/>
      <c r="C2762" s="6" t="s">
        <v>2779</v>
      </c>
      <c r="D2762" s="6"/>
      <c r="E2762" s="6" t="s">
        <v>9</v>
      </c>
      <c r="F2762" s="7">
        <v>38657</v>
      </c>
      <c r="G2762" s="8">
        <v>1</v>
      </c>
      <c r="H2762" s="8">
        <v>1</v>
      </c>
      <c r="I2762" s="8">
        <v>0</v>
      </c>
      <c r="J2762" s="8">
        <v>1</v>
      </c>
      <c r="K2762" s="9">
        <v>127</v>
      </c>
      <c r="L2762" s="6" t="s">
        <v>51</v>
      </c>
    </row>
    <row r="2763" spans="1:12">
      <c r="A2763" s="6" t="s">
        <v>49</v>
      </c>
      <c r="B2763" s="6"/>
      <c r="C2763" s="6" t="s">
        <v>2780</v>
      </c>
      <c r="D2763" s="6"/>
      <c r="E2763" s="6" t="s">
        <v>9</v>
      </c>
      <c r="F2763" s="7">
        <v>38657</v>
      </c>
      <c r="G2763" s="8">
        <v>1</v>
      </c>
      <c r="H2763" s="8">
        <v>1</v>
      </c>
      <c r="I2763" s="8">
        <v>0</v>
      </c>
      <c r="J2763" s="8">
        <v>1</v>
      </c>
      <c r="K2763" s="9">
        <v>3.73</v>
      </c>
      <c r="L2763" s="6" t="s">
        <v>51</v>
      </c>
    </row>
    <row r="2764" spans="1:12">
      <c r="A2764" s="6" t="s">
        <v>49</v>
      </c>
      <c r="B2764" s="6"/>
      <c r="C2764" s="6" t="s">
        <v>2781</v>
      </c>
      <c r="D2764" s="6"/>
      <c r="E2764" s="6" t="s">
        <v>9</v>
      </c>
      <c r="F2764" s="7">
        <v>38657</v>
      </c>
      <c r="G2764" s="8">
        <v>1</v>
      </c>
      <c r="H2764" s="8">
        <v>1</v>
      </c>
      <c r="I2764" s="8">
        <v>0</v>
      </c>
      <c r="J2764" s="8">
        <v>1</v>
      </c>
      <c r="K2764" s="9">
        <v>5.53</v>
      </c>
      <c r="L2764" s="6" t="s">
        <v>51</v>
      </c>
    </row>
    <row r="2765" spans="1:12">
      <c r="A2765" s="6" t="s">
        <v>49</v>
      </c>
      <c r="B2765" s="6"/>
      <c r="C2765" s="6" t="s">
        <v>2782</v>
      </c>
      <c r="D2765" s="6"/>
      <c r="E2765" s="6" t="s">
        <v>9</v>
      </c>
      <c r="F2765" s="7">
        <v>38657</v>
      </c>
      <c r="G2765" s="8">
        <v>1</v>
      </c>
      <c r="H2765" s="8">
        <v>1</v>
      </c>
      <c r="I2765" s="8">
        <v>0</v>
      </c>
      <c r="J2765" s="8">
        <v>1</v>
      </c>
      <c r="K2765" s="9">
        <v>115</v>
      </c>
      <c r="L2765" s="6" t="s">
        <v>51</v>
      </c>
    </row>
    <row r="2766" spans="1:12">
      <c r="A2766" s="6" t="s">
        <v>49</v>
      </c>
      <c r="B2766" s="6"/>
      <c r="C2766" s="6" t="s">
        <v>2783</v>
      </c>
      <c r="D2766" s="6"/>
      <c r="E2766" s="6" t="s">
        <v>9</v>
      </c>
      <c r="F2766" s="7">
        <v>38657</v>
      </c>
      <c r="G2766" s="8">
        <v>1</v>
      </c>
      <c r="H2766" s="8">
        <v>1</v>
      </c>
      <c r="I2766" s="8">
        <v>0</v>
      </c>
      <c r="J2766" s="8">
        <v>1</v>
      </c>
      <c r="K2766" s="9">
        <v>100</v>
      </c>
      <c r="L2766" s="6" t="s">
        <v>51</v>
      </c>
    </row>
    <row r="2767" spans="1:12">
      <c r="A2767" s="6" t="s">
        <v>49</v>
      </c>
      <c r="B2767" s="6"/>
      <c r="C2767" s="6" t="s">
        <v>2784</v>
      </c>
      <c r="D2767" s="6"/>
      <c r="E2767" s="6" t="s">
        <v>9</v>
      </c>
      <c r="F2767" s="7">
        <v>38657</v>
      </c>
      <c r="G2767" s="8">
        <v>1</v>
      </c>
      <c r="H2767" s="8">
        <v>1</v>
      </c>
      <c r="I2767" s="8">
        <v>0</v>
      </c>
      <c r="J2767" s="8">
        <v>1</v>
      </c>
      <c r="K2767" s="9">
        <v>130</v>
      </c>
      <c r="L2767" s="6" t="s">
        <v>51</v>
      </c>
    </row>
    <row r="2768" spans="1:12">
      <c r="A2768" s="6" t="s">
        <v>49</v>
      </c>
      <c r="B2768" s="6"/>
      <c r="C2768" s="6" t="s">
        <v>2785</v>
      </c>
      <c r="D2768" s="6"/>
      <c r="E2768" s="6" t="s">
        <v>9</v>
      </c>
      <c r="F2768" s="7">
        <v>38657</v>
      </c>
      <c r="G2768" s="8">
        <v>1</v>
      </c>
      <c r="H2768" s="8">
        <v>1</v>
      </c>
      <c r="I2768" s="8">
        <v>0</v>
      </c>
      <c r="J2768" s="8">
        <v>1</v>
      </c>
      <c r="K2768" s="9">
        <v>142</v>
      </c>
      <c r="L2768" s="6" t="s">
        <v>51</v>
      </c>
    </row>
    <row r="2769" spans="1:12">
      <c r="A2769" s="6" t="s">
        <v>49</v>
      </c>
      <c r="B2769" s="6"/>
      <c r="C2769" s="6" t="s">
        <v>2786</v>
      </c>
      <c r="D2769" s="6"/>
      <c r="E2769" s="6" t="s">
        <v>9</v>
      </c>
      <c r="F2769" s="7">
        <v>38657</v>
      </c>
      <c r="G2769" s="8">
        <v>1</v>
      </c>
      <c r="H2769" s="8">
        <v>1</v>
      </c>
      <c r="I2769" s="8">
        <v>0</v>
      </c>
      <c r="J2769" s="8">
        <v>1</v>
      </c>
      <c r="K2769" s="9">
        <v>13</v>
      </c>
      <c r="L2769" s="6" t="s">
        <v>51</v>
      </c>
    </row>
    <row r="2770" spans="1:12">
      <c r="A2770" s="6" t="s">
        <v>49</v>
      </c>
      <c r="B2770" s="6"/>
      <c r="C2770" s="6" t="s">
        <v>2787</v>
      </c>
      <c r="D2770" s="6"/>
      <c r="E2770" s="6" t="s">
        <v>9</v>
      </c>
      <c r="F2770" s="7">
        <v>38657</v>
      </c>
      <c r="G2770" s="8">
        <v>1</v>
      </c>
      <c r="H2770" s="8">
        <v>1</v>
      </c>
      <c r="I2770" s="8">
        <v>0</v>
      </c>
      <c r="J2770" s="8">
        <v>1</v>
      </c>
      <c r="K2770" s="9">
        <v>3.28</v>
      </c>
      <c r="L2770" s="6" t="s">
        <v>51</v>
      </c>
    </row>
    <row r="2771" spans="1:12">
      <c r="A2771" s="6" t="s">
        <v>49</v>
      </c>
      <c r="B2771" s="6"/>
      <c r="C2771" s="6" t="s">
        <v>2788</v>
      </c>
      <c r="D2771" s="6"/>
      <c r="E2771" s="6" t="s">
        <v>9</v>
      </c>
      <c r="F2771" s="7">
        <v>38657</v>
      </c>
      <c r="G2771" s="8">
        <v>1</v>
      </c>
      <c r="H2771" s="8">
        <v>1</v>
      </c>
      <c r="I2771" s="8">
        <v>0</v>
      </c>
      <c r="J2771" s="8">
        <v>1</v>
      </c>
      <c r="K2771" s="9">
        <v>77</v>
      </c>
      <c r="L2771" s="6" t="s">
        <v>51</v>
      </c>
    </row>
    <row r="2772" spans="1:12">
      <c r="A2772" s="6" t="s">
        <v>49</v>
      </c>
      <c r="B2772" s="6"/>
      <c r="C2772" s="6" t="s">
        <v>2789</v>
      </c>
      <c r="D2772" s="6"/>
      <c r="E2772" s="6" t="s">
        <v>9</v>
      </c>
      <c r="F2772" s="7">
        <v>38657</v>
      </c>
      <c r="G2772" s="8">
        <v>1</v>
      </c>
      <c r="H2772" s="8">
        <v>1</v>
      </c>
      <c r="I2772" s="8">
        <v>0</v>
      </c>
      <c r="J2772" s="8">
        <v>1</v>
      </c>
      <c r="K2772" s="9">
        <v>7.82</v>
      </c>
      <c r="L2772" s="6" t="s">
        <v>51</v>
      </c>
    </row>
    <row r="2773" spans="1:12">
      <c r="A2773" s="6" t="s">
        <v>49</v>
      </c>
      <c r="B2773" s="6"/>
      <c r="C2773" s="6" t="s">
        <v>2790</v>
      </c>
      <c r="D2773" s="6"/>
      <c r="E2773" s="6" t="s">
        <v>9</v>
      </c>
      <c r="F2773" s="7">
        <v>38657</v>
      </c>
      <c r="G2773" s="8">
        <v>1</v>
      </c>
      <c r="H2773" s="8">
        <v>1</v>
      </c>
      <c r="I2773" s="8">
        <v>0</v>
      </c>
      <c r="J2773" s="8">
        <v>1</v>
      </c>
      <c r="K2773" s="9">
        <v>95</v>
      </c>
      <c r="L2773" s="6" t="s">
        <v>51</v>
      </c>
    </row>
    <row r="2774" spans="1:12">
      <c r="A2774" s="6" t="s">
        <v>49</v>
      </c>
      <c r="B2774" s="6"/>
      <c r="C2774" s="6" t="s">
        <v>2791</v>
      </c>
      <c r="D2774" s="6"/>
      <c r="E2774" s="6" t="s">
        <v>9</v>
      </c>
      <c r="F2774" s="7">
        <v>38657</v>
      </c>
      <c r="G2774" s="8">
        <v>1</v>
      </c>
      <c r="H2774" s="8">
        <v>1</v>
      </c>
      <c r="I2774" s="8">
        <v>0</v>
      </c>
      <c r="J2774" s="8">
        <v>1</v>
      </c>
      <c r="K2774" s="9">
        <v>2.09</v>
      </c>
      <c r="L2774" s="6" t="s">
        <v>51</v>
      </c>
    </row>
    <row r="2775" spans="1:12">
      <c r="A2775" s="6" t="s">
        <v>49</v>
      </c>
      <c r="B2775" s="6"/>
      <c r="C2775" s="6" t="s">
        <v>2792</v>
      </c>
      <c r="D2775" s="6"/>
      <c r="E2775" s="6" t="s">
        <v>9</v>
      </c>
      <c r="F2775" s="7">
        <v>38657</v>
      </c>
      <c r="G2775" s="8">
        <v>1</v>
      </c>
      <c r="H2775" s="8">
        <v>1</v>
      </c>
      <c r="I2775" s="8">
        <v>0</v>
      </c>
      <c r="J2775" s="8">
        <v>1</v>
      </c>
      <c r="K2775" s="9">
        <v>12</v>
      </c>
      <c r="L2775" s="6" t="s">
        <v>51</v>
      </c>
    </row>
    <row r="2776" spans="1:12">
      <c r="A2776" s="6" t="s">
        <v>49</v>
      </c>
      <c r="B2776" s="6"/>
      <c r="C2776" s="6" t="s">
        <v>2793</v>
      </c>
      <c r="D2776" s="6"/>
      <c r="E2776" s="6" t="s">
        <v>9</v>
      </c>
      <c r="F2776" s="7">
        <v>38657</v>
      </c>
      <c r="G2776" s="8">
        <v>1</v>
      </c>
      <c r="H2776" s="8">
        <v>1</v>
      </c>
      <c r="I2776" s="8">
        <v>0</v>
      </c>
      <c r="J2776" s="8">
        <v>1</v>
      </c>
      <c r="K2776" s="9">
        <v>2.1</v>
      </c>
      <c r="L2776" s="6" t="s">
        <v>51</v>
      </c>
    </row>
    <row r="2777" spans="1:12">
      <c r="A2777" s="6" t="s">
        <v>49</v>
      </c>
      <c r="B2777" s="6"/>
      <c r="C2777" s="6" t="s">
        <v>2794</v>
      </c>
      <c r="D2777" s="6"/>
      <c r="E2777" s="6" t="s">
        <v>9</v>
      </c>
      <c r="F2777" s="7">
        <v>38657</v>
      </c>
      <c r="G2777" s="8">
        <v>1</v>
      </c>
      <c r="H2777" s="8">
        <v>1</v>
      </c>
      <c r="I2777" s="8">
        <v>0</v>
      </c>
      <c r="J2777" s="8">
        <v>1</v>
      </c>
      <c r="K2777" s="9">
        <v>12</v>
      </c>
      <c r="L2777" s="6" t="s">
        <v>51</v>
      </c>
    </row>
    <row r="2778" spans="1:12">
      <c r="A2778" s="6" t="s">
        <v>49</v>
      </c>
      <c r="B2778" s="6"/>
      <c r="C2778" s="6" t="s">
        <v>2795</v>
      </c>
      <c r="D2778" s="6"/>
      <c r="E2778" s="6" t="s">
        <v>9</v>
      </c>
      <c r="F2778" s="7">
        <v>38657</v>
      </c>
      <c r="G2778" s="8">
        <v>1</v>
      </c>
      <c r="H2778" s="8">
        <v>1</v>
      </c>
      <c r="I2778" s="8">
        <v>0</v>
      </c>
      <c r="J2778" s="8">
        <v>1</v>
      </c>
      <c r="K2778" s="9">
        <v>6.37</v>
      </c>
      <c r="L2778" s="6" t="s">
        <v>51</v>
      </c>
    </row>
    <row r="2779" spans="1:12">
      <c r="A2779" s="6" t="s">
        <v>49</v>
      </c>
      <c r="B2779" s="6"/>
      <c r="C2779" s="6" t="s">
        <v>2796</v>
      </c>
      <c r="D2779" s="6"/>
      <c r="E2779" s="6" t="s">
        <v>9</v>
      </c>
      <c r="F2779" s="7">
        <v>38657</v>
      </c>
      <c r="G2779" s="8">
        <v>1</v>
      </c>
      <c r="H2779" s="8">
        <v>1</v>
      </c>
      <c r="I2779" s="8">
        <v>0</v>
      </c>
      <c r="J2779" s="8">
        <v>1</v>
      </c>
      <c r="K2779" s="9">
        <v>234</v>
      </c>
      <c r="L2779" s="6" t="s">
        <v>51</v>
      </c>
    </row>
    <row r="2780" spans="1:12">
      <c r="A2780" s="6" t="s">
        <v>49</v>
      </c>
      <c r="B2780" s="6"/>
      <c r="C2780" s="6" t="s">
        <v>2797</v>
      </c>
      <c r="D2780" s="6"/>
      <c r="E2780" s="6" t="s">
        <v>9</v>
      </c>
      <c r="F2780" s="7">
        <v>38657</v>
      </c>
      <c r="G2780" s="8">
        <v>1</v>
      </c>
      <c r="H2780" s="8">
        <v>1</v>
      </c>
      <c r="I2780" s="8">
        <v>0</v>
      </c>
      <c r="J2780" s="8">
        <v>1</v>
      </c>
      <c r="K2780" s="9">
        <v>34</v>
      </c>
      <c r="L2780" s="6" t="s">
        <v>51</v>
      </c>
    </row>
    <row r="2781" spans="1:12">
      <c r="A2781" s="6" t="s">
        <v>49</v>
      </c>
      <c r="B2781" s="6"/>
      <c r="C2781" s="6" t="s">
        <v>2798</v>
      </c>
      <c r="D2781" s="6"/>
      <c r="E2781" s="6" t="s">
        <v>9</v>
      </c>
      <c r="F2781" s="7">
        <v>38657</v>
      </c>
      <c r="G2781" s="8">
        <v>1</v>
      </c>
      <c r="H2781" s="8">
        <v>1</v>
      </c>
      <c r="I2781" s="8">
        <v>0</v>
      </c>
      <c r="J2781" s="8">
        <v>1</v>
      </c>
      <c r="K2781" s="9">
        <v>59</v>
      </c>
      <c r="L2781" s="6" t="s">
        <v>51</v>
      </c>
    </row>
    <row r="2782" spans="1:12">
      <c r="A2782" s="6" t="s">
        <v>49</v>
      </c>
      <c r="B2782" s="6"/>
      <c r="C2782" s="6" t="s">
        <v>2799</v>
      </c>
      <c r="D2782" s="6"/>
      <c r="E2782" s="6" t="s">
        <v>9</v>
      </c>
      <c r="F2782" s="7">
        <v>38657</v>
      </c>
      <c r="G2782" s="8">
        <v>1</v>
      </c>
      <c r="H2782" s="8">
        <v>1</v>
      </c>
      <c r="I2782" s="8">
        <v>0</v>
      </c>
      <c r="J2782" s="8">
        <v>1</v>
      </c>
      <c r="K2782" s="9">
        <v>52</v>
      </c>
      <c r="L2782" s="6" t="s">
        <v>51</v>
      </c>
    </row>
    <row r="2783" spans="1:12">
      <c r="A2783" s="6" t="s">
        <v>49</v>
      </c>
      <c r="B2783" s="6"/>
      <c r="C2783" s="6" t="s">
        <v>2800</v>
      </c>
      <c r="D2783" s="6"/>
      <c r="E2783" s="6" t="s">
        <v>9</v>
      </c>
      <c r="F2783" s="7">
        <v>38657</v>
      </c>
      <c r="G2783" s="8">
        <v>1</v>
      </c>
      <c r="H2783" s="8">
        <v>1</v>
      </c>
      <c r="I2783" s="8">
        <v>0</v>
      </c>
      <c r="J2783" s="8">
        <v>1</v>
      </c>
      <c r="K2783" s="9">
        <v>81</v>
      </c>
      <c r="L2783" s="6" t="s">
        <v>51</v>
      </c>
    </row>
    <row r="2784" spans="1:12">
      <c r="A2784" s="6" t="s">
        <v>49</v>
      </c>
      <c r="B2784" s="6"/>
      <c r="C2784" s="6" t="s">
        <v>2801</v>
      </c>
      <c r="D2784" s="6"/>
      <c r="E2784" s="6" t="s">
        <v>9</v>
      </c>
      <c r="F2784" s="7">
        <v>38657</v>
      </c>
      <c r="G2784" s="8">
        <v>1</v>
      </c>
      <c r="H2784" s="8">
        <v>1</v>
      </c>
      <c r="I2784" s="8">
        <v>0</v>
      </c>
      <c r="J2784" s="8">
        <v>1</v>
      </c>
      <c r="K2784" s="9">
        <v>56</v>
      </c>
      <c r="L2784" s="6" t="s">
        <v>51</v>
      </c>
    </row>
    <row r="2785" spans="1:12">
      <c r="A2785" s="6" t="s">
        <v>49</v>
      </c>
      <c r="B2785" s="6"/>
      <c r="C2785" s="6" t="s">
        <v>2802</v>
      </c>
      <c r="D2785" s="6"/>
      <c r="E2785" s="6" t="s">
        <v>9</v>
      </c>
      <c r="F2785" s="7">
        <v>38657</v>
      </c>
      <c r="G2785" s="8">
        <v>1</v>
      </c>
      <c r="H2785" s="8">
        <v>1</v>
      </c>
      <c r="I2785" s="8">
        <v>0</v>
      </c>
      <c r="J2785" s="8">
        <v>1</v>
      </c>
      <c r="K2785" s="9">
        <v>97</v>
      </c>
      <c r="L2785" s="6" t="s">
        <v>51</v>
      </c>
    </row>
    <row r="2786" spans="1:12">
      <c r="A2786" s="6" t="s">
        <v>49</v>
      </c>
      <c r="B2786" s="6"/>
      <c r="C2786" s="6" t="s">
        <v>2803</v>
      </c>
      <c r="D2786" s="6"/>
      <c r="E2786" s="6" t="s">
        <v>9</v>
      </c>
      <c r="F2786" s="7">
        <v>38657</v>
      </c>
      <c r="G2786" s="8">
        <v>1</v>
      </c>
      <c r="H2786" s="8">
        <v>1</v>
      </c>
      <c r="I2786" s="8">
        <v>0</v>
      </c>
      <c r="J2786" s="8">
        <v>1</v>
      </c>
      <c r="K2786" s="9">
        <v>98</v>
      </c>
      <c r="L2786" s="6" t="s">
        <v>51</v>
      </c>
    </row>
    <row r="2787" spans="1:12">
      <c r="A2787" s="6" t="s">
        <v>49</v>
      </c>
      <c r="B2787" s="6"/>
      <c r="C2787" s="6" t="s">
        <v>2804</v>
      </c>
      <c r="D2787" s="6"/>
      <c r="E2787" s="6" t="s">
        <v>9</v>
      </c>
      <c r="F2787" s="7">
        <v>38657</v>
      </c>
      <c r="G2787" s="8">
        <v>1</v>
      </c>
      <c r="H2787" s="8">
        <v>1</v>
      </c>
      <c r="I2787" s="8">
        <v>0</v>
      </c>
      <c r="J2787" s="8">
        <v>1</v>
      </c>
      <c r="K2787" s="9">
        <v>104</v>
      </c>
      <c r="L2787" s="6" t="s">
        <v>51</v>
      </c>
    </row>
    <row r="2788" spans="1:12">
      <c r="A2788" s="6" t="s">
        <v>49</v>
      </c>
      <c r="B2788" s="6"/>
      <c r="C2788" s="6" t="s">
        <v>2805</v>
      </c>
      <c r="D2788" s="6"/>
      <c r="E2788" s="6" t="s">
        <v>9</v>
      </c>
      <c r="F2788" s="7">
        <v>38657</v>
      </c>
      <c r="G2788" s="8">
        <v>1</v>
      </c>
      <c r="H2788" s="8">
        <v>1</v>
      </c>
      <c r="I2788" s="8">
        <v>0</v>
      </c>
      <c r="J2788" s="8">
        <v>1</v>
      </c>
      <c r="K2788" s="9">
        <v>363</v>
      </c>
      <c r="L2788" s="6" t="s">
        <v>51</v>
      </c>
    </row>
    <row r="2789" spans="1:12">
      <c r="A2789" s="6" t="s">
        <v>49</v>
      </c>
      <c r="B2789" s="6"/>
      <c r="C2789" s="6" t="s">
        <v>2806</v>
      </c>
      <c r="D2789" s="6"/>
      <c r="E2789" s="6" t="s">
        <v>9</v>
      </c>
      <c r="F2789" s="7">
        <v>38657</v>
      </c>
      <c r="G2789" s="8">
        <v>1</v>
      </c>
      <c r="H2789" s="8">
        <v>1</v>
      </c>
      <c r="I2789" s="8">
        <v>0</v>
      </c>
      <c r="J2789" s="8">
        <v>1</v>
      </c>
      <c r="K2789" s="9">
        <v>12</v>
      </c>
      <c r="L2789" s="6" t="s">
        <v>51</v>
      </c>
    </row>
    <row r="2790" spans="1:12">
      <c r="A2790" s="6" t="s">
        <v>49</v>
      </c>
      <c r="B2790" s="6"/>
      <c r="C2790" s="6" t="s">
        <v>2807</v>
      </c>
      <c r="D2790" s="6"/>
      <c r="E2790" s="6" t="s">
        <v>9</v>
      </c>
      <c r="F2790" s="7">
        <v>38657</v>
      </c>
      <c r="G2790" s="8">
        <v>1</v>
      </c>
      <c r="H2790" s="8">
        <v>1</v>
      </c>
      <c r="I2790" s="8">
        <v>0</v>
      </c>
      <c r="J2790" s="8">
        <v>1</v>
      </c>
      <c r="K2790" s="9">
        <v>106</v>
      </c>
      <c r="L2790" s="6" t="s">
        <v>51</v>
      </c>
    </row>
    <row r="2791" spans="1:12">
      <c r="A2791" s="6" t="s">
        <v>49</v>
      </c>
      <c r="B2791" s="6"/>
      <c r="C2791" s="6" t="s">
        <v>2808</v>
      </c>
      <c r="D2791" s="6"/>
      <c r="E2791" s="6" t="s">
        <v>9</v>
      </c>
      <c r="F2791" s="7">
        <v>38657</v>
      </c>
      <c r="G2791" s="8">
        <v>1</v>
      </c>
      <c r="H2791" s="8">
        <v>1</v>
      </c>
      <c r="I2791" s="8">
        <v>0</v>
      </c>
      <c r="J2791" s="8">
        <v>1</v>
      </c>
      <c r="K2791" s="9">
        <v>103</v>
      </c>
      <c r="L2791" s="6" t="s">
        <v>51</v>
      </c>
    </row>
    <row r="2792" spans="1:12">
      <c r="A2792" s="6" t="s">
        <v>49</v>
      </c>
      <c r="B2792" s="6"/>
      <c r="C2792" s="6" t="s">
        <v>2809</v>
      </c>
      <c r="D2792" s="6"/>
      <c r="E2792" s="6" t="s">
        <v>9</v>
      </c>
      <c r="F2792" s="7">
        <v>38657</v>
      </c>
      <c r="G2792" s="8">
        <v>1</v>
      </c>
      <c r="H2792" s="8">
        <v>1</v>
      </c>
      <c r="I2792" s="8">
        <v>0</v>
      </c>
      <c r="J2792" s="8">
        <v>1</v>
      </c>
      <c r="K2792" s="9">
        <v>100</v>
      </c>
      <c r="L2792" s="6" t="s">
        <v>51</v>
      </c>
    </row>
    <row r="2793" spans="1:12">
      <c r="A2793" s="6" t="s">
        <v>49</v>
      </c>
      <c r="B2793" s="6"/>
      <c r="C2793" s="6" t="s">
        <v>2810</v>
      </c>
      <c r="D2793" s="6"/>
      <c r="E2793" s="6" t="s">
        <v>9</v>
      </c>
      <c r="F2793" s="7">
        <v>38657</v>
      </c>
      <c r="G2793" s="8">
        <v>1</v>
      </c>
      <c r="H2793" s="8">
        <v>1</v>
      </c>
      <c r="I2793" s="8">
        <v>0</v>
      </c>
      <c r="J2793" s="8">
        <v>1</v>
      </c>
      <c r="K2793" s="9">
        <v>98</v>
      </c>
      <c r="L2793" s="6" t="s">
        <v>51</v>
      </c>
    </row>
    <row r="2794" spans="1:12">
      <c r="A2794" s="6" t="s">
        <v>49</v>
      </c>
      <c r="B2794" s="6"/>
      <c r="C2794" s="6" t="s">
        <v>2811</v>
      </c>
      <c r="D2794" s="6"/>
      <c r="E2794" s="6" t="s">
        <v>9</v>
      </c>
      <c r="F2794" s="7">
        <v>38657</v>
      </c>
      <c r="G2794" s="8">
        <v>1</v>
      </c>
      <c r="H2794" s="8">
        <v>1</v>
      </c>
      <c r="I2794" s="8">
        <v>0</v>
      </c>
      <c r="J2794" s="8">
        <v>1</v>
      </c>
      <c r="K2794" s="9">
        <v>97</v>
      </c>
      <c r="L2794" s="6" t="s">
        <v>51</v>
      </c>
    </row>
    <row r="2795" spans="1:12">
      <c r="A2795" s="6" t="s">
        <v>49</v>
      </c>
      <c r="B2795" s="6"/>
      <c r="C2795" s="6" t="s">
        <v>2812</v>
      </c>
      <c r="D2795" s="6"/>
      <c r="E2795" s="6" t="s">
        <v>9</v>
      </c>
      <c r="F2795" s="7">
        <v>38657</v>
      </c>
      <c r="G2795" s="8">
        <v>1</v>
      </c>
      <c r="H2795" s="8">
        <v>1</v>
      </c>
      <c r="I2795" s="8">
        <v>0</v>
      </c>
      <c r="J2795" s="8">
        <v>1</v>
      </c>
      <c r="K2795" s="9">
        <v>29</v>
      </c>
      <c r="L2795" s="6" t="s">
        <v>51</v>
      </c>
    </row>
    <row r="2796" spans="1:12">
      <c r="A2796" s="6" t="s">
        <v>49</v>
      </c>
      <c r="B2796" s="6"/>
      <c r="C2796" s="6" t="s">
        <v>2813</v>
      </c>
      <c r="D2796" s="6"/>
      <c r="E2796" s="6" t="s">
        <v>9</v>
      </c>
      <c r="F2796" s="7">
        <v>38657</v>
      </c>
      <c r="G2796" s="8">
        <v>1</v>
      </c>
      <c r="H2796" s="8">
        <v>1</v>
      </c>
      <c r="I2796" s="8">
        <v>0</v>
      </c>
      <c r="J2796" s="8">
        <v>1</v>
      </c>
      <c r="K2796" s="9">
        <v>416</v>
      </c>
      <c r="L2796" s="6" t="s">
        <v>51</v>
      </c>
    </row>
    <row r="2797" spans="1:12">
      <c r="A2797" s="6" t="s">
        <v>49</v>
      </c>
      <c r="B2797" s="6"/>
      <c r="C2797" s="6" t="s">
        <v>2814</v>
      </c>
      <c r="D2797" s="6"/>
      <c r="E2797" s="6" t="s">
        <v>9</v>
      </c>
      <c r="F2797" s="7">
        <v>38657</v>
      </c>
      <c r="G2797" s="8">
        <v>1</v>
      </c>
      <c r="H2797" s="8">
        <v>1</v>
      </c>
      <c r="I2797" s="8">
        <v>0</v>
      </c>
      <c r="J2797" s="8">
        <v>1</v>
      </c>
      <c r="K2797" s="9">
        <v>93</v>
      </c>
      <c r="L2797" s="6" t="s">
        <v>51</v>
      </c>
    </row>
    <row r="2798" spans="1:12">
      <c r="A2798" s="6" t="s">
        <v>49</v>
      </c>
      <c r="B2798" s="6"/>
      <c r="C2798" s="6" t="s">
        <v>2815</v>
      </c>
      <c r="D2798" s="6"/>
      <c r="E2798" s="6" t="s">
        <v>9</v>
      </c>
      <c r="F2798" s="7">
        <v>38657</v>
      </c>
      <c r="G2798" s="8">
        <v>1</v>
      </c>
      <c r="H2798" s="8">
        <v>1</v>
      </c>
      <c r="I2798" s="8">
        <v>0</v>
      </c>
      <c r="J2798" s="8">
        <v>1</v>
      </c>
      <c r="K2798" s="9">
        <v>6.79</v>
      </c>
      <c r="L2798" s="6" t="s">
        <v>51</v>
      </c>
    </row>
    <row r="2799" spans="1:12">
      <c r="A2799" s="6" t="s">
        <v>49</v>
      </c>
      <c r="B2799" s="6"/>
      <c r="C2799" s="6" t="s">
        <v>2816</v>
      </c>
      <c r="D2799" s="6"/>
      <c r="E2799" s="6" t="s">
        <v>9</v>
      </c>
      <c r="F2799" s="7">
        <v>38657</v>
      </c>
      <c r="G2799" s="8">
        <v>1</v>
      </c>
      <c r="H2799" s="8">
        <v>1</v>
      </c>
      <c r="I2799" s="8">
        <v>0</v>
      </c>
      <c r="J2799" s="8">
        <v>1</v>
      </c>
      <c r="K2799" s="9">
        <v>639</v>
      </c>
      <c r="L2799" s="6" t="s">
        <v>51</v>
      </c>
    </row>
    <row r="2800" spans="1:12">
      <c r="A2800" s="6" t="s">
        <v>49</v>
      </c>
      <c r="B2800" s="6"/>
      <c r="C2800" s="6" t="s">
        <v>2817</v>
      </c>
      <c r="D2800" s="6"/>
      <c r="E2800" s="6" t="s">
        <v>9</v>
      </c>
      <c r="F2800" s="7">
        <v>38657</v>
      </c>
      <c r="G2800" s="8">
        <v>1</v>
      </c>
      <c r="H2800" s="8">
        <v>1</v>
      </c>
      <c r="I2800" s="8">
        <v>0</v>
      </c>
      <c r="J2800" s="8">
        <v>1</v>
      </c>
      <c r="K2800" s="9">
        <v>8.41</v>
      </c>
      <c r="L2800" s="6" t="s">
        <v>51</v>
      </c>
    </row>
    <row r="2801" spans="1:12">
      <c r="A2801" s="6" t="s">
        <v>49</v>
      </c>
      <c r="B2801" s="6"/>
      <c r="C2801" s="6" t="s">
        <v>2818</v>
      </c>
      <c r="D2801" s="6"/>
      <c r="E2801" s="6" t="s">
        <v>9</v>
      </c>
      <c r="F2801" s="7">
        <v>38657</v>
      </c>
      <c r="G2801" s="8">
        <v>1</v>
      </c>
      <c r="H2801" s="8">
        <v>1</v>
      </c>
      <c r="I2801" s="8">
        <v>0</v>
      </c>
      <c r="J2801" s="8">
        <v>1</v>
      </c>
      <c r="K2801" s="9">
        <v>44</v>
      </c>
      <c r="L2801" s="6" t="s">
        <v>51</v>
      </c>
    </row>
    <row r="2802" spans="1:12">
      <c r="A2802" s="6" t="s">
        <v>49</v>
      </c>
      <c r="B2802" s="6"/>
      <c r="C2802" s="6" t="s">
        <v>2819</v>
      </c>
      <c r="D2802" s="6"/>
      <c r="E2802" s="6" t="s">
        <v>9</v>
      </c>
      <c r="F2802" s="7">
        <v>38657</v>
      </c>
      <c r="G2802" s="8">
        <v>1</v>
      </c>
      <c r="H2802" s="8">
        <v>1</v>
      </c>
      <c r="I2802" s="8">
        <v>0</v>
      </c>
      <c r="J2802" s="8">
        <v>1</v>
      </c>
      <c r="K2802" s="9">
        <v>26</v>
      </c>
      <c r="L2802" s="6" t="s">
        <v>51</v>
      </c>
    </row>
    <row r="2803" spans="1:12">
      <c r="A2803" s="6" t="s">
        <v>49</v>
      </c>
      <c r="B2803" s="6"/>
      <c r="C2803" s="6" t="s">
        <v>2820</v>
      </c>
      <c r="D2803" s="6"/>
      <c r="E2803" s="6" t="s">
        <v>9</v>
      </c>
      <c r="F2803" s="7">
        <v>38657</v>
      </c>
      <c r="G2803" s="8">
        <v>1</v>
      </c>
      <c r="H2803" s="8">
        <v>1</v>
      </c>
      <c r="I2803" s="8">
        <v>0</v>
      </c>
      <c r="J2803" s="8">
        <v>1</v>
      </c>
      <c r="K2803" s="9">
        <v>319</v>
      </c>
      <c r="L2803" s="6" t="s">
        <v>51</v>
      </c>
    </row>
    <row r="2804" spans="1:12">
      <c r="A2804" s="6" t="s">
        <v>49</v>
      </c>
      <c r="B2804" s="6"/>
      <c r="C2804" s="6" t="s">
        <v>2821</v>
      </c>
      <c r="D2804" s="6"/>
      <c r="E2804" s="6" t="s">
        <v>9</v>
      </c>
      <c r="F2804" s="7">
        <v>38657</v>
      </c>
      <c r="G2804" s="8">
        <v>1</v>
      </c>
      <c r="H2804" s="8">
        <v>1</v>
      </c>
      <c r="I2804" s="8">
        <v>0</v>
      </c>
      <c r="J2804" s="8">
        <v>1</v>
      </c>
      <c r="K2804" s="9">
        <v>212</v>
      </c>
      <c r="L2804" s="6" t="s">
        <v>51</v>
      </c>
    </row>
    <row r="2805" spans="1:12">
      <c r="A2805" s="6" t="s">
        <v>49</v>
      </c>
      <c r="B2805" s="6"/>
      <c r="C2805" s="6" t="s">
        <v>2822</v>
      </c>
      <c r="D2805" s="6"/>
      <c r="E2805" s="6" t="s">
        <v>9</v>
      </c>
      <c r="F2805" s="7"/>
      <c r="G2805" s="8">
        <v>1</v>
      </c>
      <c r="H2805" s="8">
        <v>1</v>
      </c>
      <c r="I2805" s="8">
        <v>0</v>
      </c>
      <c r="J2805" s="8">
        <v>1</v>
      </c>
      <c r="K2805" s="9">
        <v>131</v>
      </c>
      <c r="L2805" s="6" t="s">
        <v>51</v>
      </c>
    </row>
    <row r="2806" spans="1:12">
      <c r="A2806" s="6" t="s">
        <v>49</v>
      </c>
      <c r="B2806" s="6"/>
      <c r="C2806" s="6" t="s">
        <v>2823</v>
      </c>
      <c r="D2806" s="6"/>
      <c r="E2806" s="6" t="s">
        <v>9</v>
      </c>
      <c r="F2806" s="7">
        <v>38657</v>
      </c>
      <c r="G2806" s="8">
        <v>1</v>
      </c>
      <c r="H2806" s="8">
        <v>1</v>
      </c>
      <c r="I2806" s="8">
        <v>0</v>
      </c>
      <c r="J2806" s="8">
        <v>1</v>
      </c>
      <c r="K2806" s="9">
        <v>99</v>
      </c>
      <c r="L2806" s="6" t="s">
        <v>51</v>
      </c>
    </row>
    <row r="2807" spans="1:12">
      <c r="A2807" s="6" t="s">
        <v>49</v>
      </c>
      <c r="B2807" s="6"/>
      <c r="C2807" s="6" t="s">
        <v>2824</v>
      </c>
      <c r="D2807" s="6"/>
      <c r="E2807" s="6" t="s">
        <v>9</v>
      </c>
      <c r="F2807" s="7">
        <v>38657</v>
      </c>
      <c r="G2807" s="8">
        <v>1</v>
      </c>
      <c r="H2807" s="8">
        <v>1</v>
      </c>
      <c r="I2807" s="8">
        <v>0</v>
      </c>
      <c r="J2807" s="8">
        <v>1</v>
      </c>
      <c r="K2807" s="9">
        <v>118</v>
      </c>
      <c r="L2807" s="6" t="s">
        <v>51</v>
      </c>
    </row>
    <row r="2808" spans="1:12">
      <c r="A2808" s="6" t="s">
        <v>49</v>
      </c>
      <c r="B2808" s="6"/>
      <c r="C2808" s="6" t="s">
        <v>2825</v>
      </c>
      <c r="D2808" s="6"/>
      <c r="E2808" s="6" t="s">
        <v>9</v>
      </c>
      <c r="F2808" s="7">
        <v>38657</v>
      </c>
      <c r="G2808" s="8">
        <v>1</v>
      </c>
      <c r="H2808" s="8">
        <v>1</v>
      </c>
      <c r="I2808" s="8">
        <v>0</v>
      </c>
      <c r="J2808" s="8">
        <v>1</v>
      </c>
      <c r="K2808" s="9">
        <v>98</v>
      </c>
      <c r="L2808" s="6" t="s">
        <v>51</v>
      </c>
    </row>
    <row r="2809" spans="1:12">
      <c r="A2809" s="6" t="s">
        <v>49</v>
      </c>
      <c r="B2809" s="6"/>
      <c r="C2809" s="6" t="s">
        <v>2826</v>
      </c>
      <c r="D2809" s="6"/>
      <c r="E2809" s="6" t="s">
        <v>9</v>
      </c>
      <c r="F2809" s="7">
        <v>38657</v>
      </c>
      <c r="G2809" s="8">
        <v>1</v>
      </c>
      <c r="H2809" s="8">
        <v>1</v>
      </c>
      <c r="I2809" s="8">
        <v>0</v>
      </c>
      <c r="J2809" s="8">
        <v>1</v>
      </c>
      <c r="K2809" s="9">
        <v>99</v>
      </c>
      <c r="L2809" s="6" t="s">
        <v>51</v>
      </c>
    </row>
    <row r="2810" spans="1:12">
      <c r="A2810" s="6" t="s">
        <v>49</v>
      </c>
      <c r="B2810" s="6"/>
      <c r="C2810" s="6" t="s">
        <v>2827</v>
      </c>
      <c r="D2810" s="6"/>
      <c r="E2810" s="6" t="s">
        <v>9</v>
      </c>
      <c r="F2810" s="7">
        <v>38657</v>
      </c>
      <c r="G2810" s="8">
        <v>1</v>
      </c>
      <c r="H2810" s="8">
        <v>1</v>
      </c>
      <c r="I2810" s="8">
        <v>0</v>
      </c>
      <c r="J2810" s="8">
        <v>1</v>
      </c>
      <c r="K2810" s="9">
        <v>99</v>
      </c>
      <c r="L2810" s="6" t="s">
        <v>51</v>
      </c>
    </row>
    <row r="2811" spans="1:12">
      <c r="A2811" s="6" t="s">
        <v>49</v>
      </c>
      <c r="B2811" s="6"/>
      <c r="C2811" s="6" t="s">
        <v>2828</v>
      </c>
      <c r="D2811" s="6"/>
      <c r="E2811" s="6" t="s">
        <v>9</v>
      </c>
      <c r="F2811" s="7">
        <v>38657</v>
      </c>
      <c r="G2811" s="8">
        <v>1</v>
      </c>
      <c r="H2811" s="8">
        <v>1</v>
      </c>
      <c r="I2811" s="8">
        <v>0</v>
      </c>
      <c r="J2811" s="8">
        <v>1</v>
      </c>
      <c r="K2811" s="9">
        <v>618</v>
      </c>
      <c r="L2811" s="6" t="s">
        <v>51</v>
      </c>
    </row>
    <row r="2812" spans="1:12">
      <c r="A2812" s="6" t="s">
        <v>49</v>
      </c>
      <c r="B2812" s="6"/>
      <c r="C2812" s="6" t="s">
        <v>2829</v>
      </c>
      <c r="D2812" s="6"/>
      <c r="E2812" s="6" t="s">
        <v>9</v>
      </c>
      <c r="F2812" s="7">
        <v>38657</v>
      </c>
      <c r="G2812" s="8">
        <v>1</v>
      </c>
      <c r="H2812" s="8">
        <v>1</v>
      </c>
      <c r="I2812" s="8">
        <v>0</v>
      </c>
      <c r="J2812" s="8">
        <v>1</v>
      </c>
      <c r="K2812" s="9">
        <v>7.85</v>
      </c>
      <c r="L2812" s="6" t="s">
        <v>51</v>
      </c>
    </row>
    <row r="2813" spans="1:12">
      <c r="A2813" s="6" t="s">
        <v>49</v>
      </c>
      <c r="B2813" s="6"/>
      <c r="C2813" s="6" t="s">
        <v>2830</v>
      </c>
      <c r="D2813" s="6"/>
      <c r="E2813" s="6" t="s">
        <v>9</v>
      </c>
      <c r="F2813" s="7">
        <v>38657</v>
      </c>
      <c r="G2813" s="8">
        <v>1</v>
      </c>
      <c r="H2813" s="8">
        <v>1</v>
      </c>
      <c r="I2813" s="8">
        <v>0</v>
      </c>
      <c r="J2813" s="8">
        <v>1</v>
      </c>
      <c r="K2813" s="9">
        <v>277</v>
      </c>
      <c r="L2813" s="6" t="s">
        <v>51</v>
      </c>
    </row>
    <row r="2814" spans="1:12">
      <c r="A2814" s="6" t="s">
        <v>49</v>
      </c>
      <c r="B2814" s="6"/>
      <c r="C2814" s="6" t="s">
        <v>2831</v>
      </c>
      <c r="D2814" s="6"/>
      <c r="E2814" s="6" t="s">
        <v>9</v>
      </c>
      <c r="F2814" s="7">
        <v>38657</v>
      </c>
      <c r="G2814" s="8">
        <v>1</v>
      </c>
      <c r="H2814" s="8">
        <v>1</v>
      </c>
      <c r="I2814" s="8">
        <v>0</v>
      </c>
      <c r="J2814" s="8">
        <v>1</v>
      </c>
      <c r="K2814" s="9">
        <v>212</v>
      </c>
      <c r="L2814" s="6" t="s">
        <v>51</v>
      </c>
    </row>
    <row r="2815" spans="1:12">
      <c r="A2815" s="6" t="s">
        <v>49</v>
      </c>
      <c r="B2815" s="6"/>
      <c r="C2815" s="6" t="s">
        <v>2832</v>
      </c>
      <c r="D2815" s="6"/>
      <c r="E2815" s="6" t="s">
        <v>9</v>
      </c>
      <c r="F2815" s="7">
        <v>38657</v>
      </c>
      <c r="G2815" s="8">
        <v>1</v>
      </c>
      <c r="H2815" s="8">
        <v>1</v>
      </c>
      <c r="I2815" s="8">
        <v>0</v>
      </c>
      <c r="J2815" s="8">
        <v>1</v>
      </c>
      <c r="K2815" s="9">
        <v>0.87</v>
      </c>
      <c r="L2815" s="6" t="s">
        <v>51</v>
      </c>
    </row>
    <row r="2816" spans="1:12">
      <c r="A2816" s="6" t="s">
        <v>49</v>
      </c>
      <c r="B2816" s="6"/>
      <c r="C2816" s="6" t="s">
        <v>2833</v>
      </c>
      <c r="D2816" s="6"/>
      <c r="E2816" s="6" t="s">
        <v>9</v>
      </c>
      <c r="F2816" s="7">
        <v>38657</v>
      </c>
      <c r="G2816" s="8">
        <v>1</v>
      </c>
      <c r="H2816" s="8">
        <v>1</v>
      </c>
      <c r="I2816" s="8">
        <v>0</v>
      </c>
      <c r="J2816" s="8">
        <v>1</v>
      </c>
      <c r="K2816" s="9">
        <v>7.36</v>
      </c>
      <c r="L2816" s="6" t="s">
        <v>51</v>
      </c>
    </row>
    <row r="2817" spans="1:12">
      <c r="A2817" s="6" t="s">
        <v>49</v>
      </c>
      <c r="B2817" s="6"/>
      <c r="C2817" s="6" t="s">
        <v>2834</v>
      </c>
      <c r="D2817" s="6"/>
      <c r="E2817" s="6" t="s">
        <v>9</v>
      </c>
      <c r="F2817" s="7">
        <v>38657</v>
      </c>
      <c r="G2817" s="8">
        <v>1</v>
      </c>
      <c r="H2817" s="8">
        <v>1</v>
      </c>
      <c r="I2817" s="8">
        <v>0</v>
      </c>
      <c r="J2817" s="8">
        <v>1</v>
      </c>
      <c r="K2817" s="9">
        <v>4.71</v>
      </c>
      <c r="L2817" s="6" t="s">
        <v>51</v>
      </c>
    </row>
    <row r="2818" spans="1:12">
      <c r="A2818" s="6" t="s">
        <v>49</v>
      </c>
      <c r="B2818" s="6"/>
      <c r="C2818" s="6" t="s">
        <v>2835</v>
      </c>
      <c r="D2818" s="6"/>
      <c r="E2818" s="6" t="s">
        <v>9</v>
      </c>
      <c r="F2818" s="7">
        <v>38657</v>
      </c>
      <c r="G2818" s="8">
        <v>1</v>
      </c>
      <c r="H2818" s="8">
        <v>1</v>
      </c>
      <c r="I2818" s="8">
        <v>0</v>
      </c>
      <c r="J2818" s="8">
        <v>1</v>
      </c>
      <c r="K2818" s="9">
        <v>54</v>
      </c>
      <c r="L2818" s="6" t="s">
        <v>51</v>
      </c>
    </row>
    <row r="2819" spans="1:12">
      <c r="A2819" s="6" t="s">
        <v>49</v>
      </c>
      <c r="B2819" s="6"/>
      <c r="C2819" s="6" t="s">
        <v>2836</v>
      </c>
      <c r="D2819" s="6"/>
      <c r="E2819" s="6" t="s">
        <v>9</v>
      </c>
      <c r="F2819" s="7">
        <v>38657</v>
      </c>
      <c r="G2819" s="8">
        <v>1</v>
      </c>
      <c r="H2819" s="8">
        <v>1</v>
      </c>
      <c r="I2819" s="8">
        <v>0</v>
      </c>
      <c r="J2819" s="8">
        <v>1</v>
      </c>
      <c r="K2819" s="9">
        <v>1.28</v>
      </c>
      <c r="L2819" s="6" t="s">
        <v>51</v>
      </c>
    </row>
    <row r="2820" spans="1:12">
      <c r="A2820" s="6" t="s">
        <v>49</v>
      </c>
      <c r="B2820" s="6"/>
      <c r="C2820" s="6" t="s">
        <v>2837</v>
      </c>
      <c r="D2820" s="6"/>
      <c r="E2820" s="6" t="s">
        <v>9</v>
      </c>
      <c r="F2820" s="7">
        <v>38657</v>
      </c>
      <c r="G2820" s="8">
        <v>1</v>
      </c>
      <c r="H2820" s="8">
        <v>1</v>
      </c>
      <c r="I2820" s="8">
        <v>0</v>
      </c>
      <c r="J2820" s="8">
        <v>1</v>
      </c>
      <c r="K2820" s="9">
        <v>33</v>
      </c>
      <c r="L2820" s="6" t="s">
        <v>51</v>
      </c>
    </row>
    <row r="2821" spans="1:12">
      <c r="A2821" s="6" t="s">
        <v>49</v>
      </c>
      <c r="B2821" s="6"/>
      <c r="C2821" s="6" t="s">
        <v>2838</v>
      </c>
      <c r="D2821" s="6"/>
      <c r="E2821" s="6" t="s">
        <v>9</v>
      </c>
      <c r="F2821" s="7">
        <v>38657</v>
      </c>
      <c r="G2821" s="8">
        <v>1</v>
      </c>
      <c r="H2821" s="8">
        <v>1</v>
      </c>
      <c r="I2821" s="8">
        <v>0</v>
      </c>
      <c r="J2821" s="8">
        <v>1</v>
      </c>
      <c r="K2821" s="9">
        <v>60</v>
      </c>
      <c r="L2821" s="6" t="s">
        <v>51</v>
      </c>
    </row>
    <row r="2822" spans="1:12">
      <c r="A2822" s="6" t="s">
        <v>49</v>
      </c>
      <c r="B2822" s="6"/>
      <c r="C2822" s="6" t="s">
        <v>2839</v>
      </c>
      <c r="D2822" s="6"/>
      <c r="E2822" s="6" t="s">
        <v>9</v>
      </c>
      <c r="F2822" s="7">
        <v>38657</v>
      </c>
      <c r="G2822" s="8">
        <v>1</v>
      </c>
      <c r="H2822" s="8">
        <v>1</v>
      </c>
      <c r="I2822" s="8">
        <v>0</v>
      </c>
      <c r="J2822" s="8">
        <v>1</v>
      </c>
      <c r="K2822" s="9">
        <v>1.92</v>
      </c>
      <c r="L2822" s="6" t="s">
        <v>51</v>
      </c>
    </row>
    <row r="2823" spans="1:12">
      <c r="A2823" s="6" t="s">
        <v>49</v>
      </c>
      <c r="B2823" s="6"/>
      <c r="C2823" s="6" t="s">
        <v>2840</v>
      </c>
      <c r="D2823" s="6"/>
      <c r="E2823" s="6" t="s">
        <v>9</v>
      </c>
      <c r="F2823" s="7">
        <v>38657</v>
      </c>
      <c r="G2823" s="8">
        <v>1</v>
      </c>
      <c r="H2823" s="8">
        <v>1</v>
      </c>
      <c r="I2823" s="8">
        <v>0</v>
      </c>
      <c r="J2823" s="8">
        <v>1</v>
      </c>
      <c r="K2823" s="9">
        <v>2.34</v>
      </c>
      <c r="L2823" s="6" t="s">
        <v>51</v>
      </c>
    </row>
    <row r="2824" spans="1:12">
      <c r="A2824" s="6" t="s">
        <v>49</v>
      </c>
      <c r="B2824" s="6"/>
      <c r="C2824" s="6" t="s">
        <v>2841</v>
      </c>
      <c r="D2824" s="6"/>
      <c r="E2824" s="6" t="s">
        <v>9</v>
      </c>
      <c r="F2824" s="7">
        <v>38657</v>
      </c>
      <c r="G2824" s="8">
        <v>1</v>
      </c>
      <c r="H2824" s="8">
        <v>1</v>
      </c>
      <c r="I2824" s="8">
        <v>0</v>
      </c>
      <c r="J2824" s="8">
        <v>1</v>
      </c>
      <c r="K2824" s="9">
        <v>19</v>
      </c>
      <c r="L2824" s="6" t="s">
        <v>51</v>
      </c>
    </row>
    <row r="2825" spans="1:12">
      <c r="A2825" s="6" t="s">
        <v>49</v>
      </c>
      <c r="B2825" s="6"/>
      <c r="C2825" s="6" t="s">
        <v>2842</v>
      </c>
      <c r="D2825" s="6"/>
      <c r="E2825" s="6" t="s">
        <v>9</v>
      </c>
      <c r="F2825" s="7">
        <v>38657</v>
      </c>
      <c r="G2825" s="8">
        <v>1</v>
      </c>
      <c r="H2825" s="8">
        <v>1</v>
      </c>
      <c r="I2825" s="8">
        <v>0</v>
      </c>
      <c r="J2825" s="8">
        <v>1</v>
      </c>
      <c r="K2825" s="9">
        <v>1.2</v>
      </c>
      <c r="L2825" s="6" t="s">
        <v>51</v>
      </c>
    </row>
    <row r="2826" spans="1:12">
      <c r="A2826" s="6" t="s">
        <v>49</v>
      </c>
      <c r="B2826" s="6"/>
      <c r="C2826" s="6" t="s">
        <v>2843</v>
      </c>
      <c r="D2826" s="6"/>
      <c r="E2826" s="6" t="s">
        <v>9</v>
      </c>
      <c r="F2826" s="7">
        <v>38657</v>
      </c>
      <c r="G2826" s="8">
        <v>1</v>
      </c>
      <c r="H2826" s="8">
        <v>1</v>
      </c>
      <c r="I2826" s="8">
        <v>0</v>
      </c>
      <c r="J2826" s="8">
        <v>1</v>
      </c>
      <c r="K2826" s="9">
        <v>408</v>
      </c>
      <c r="L2826" s="6" t="s">
        <v>51</v>
      </c>
    </row>
    <row r="2827" spans="1:12">
      <c r="A2827" s="6" t="s">
        <v>49</v>
      </c>
      <c r="B2827" s="6"/>
      <c r="C2827" s="6" t="s">
        <v>2844</v>
      </c>
      <c r="D2827" s="6"/>
      <c r="E2827" s="6" t="s">
        <v>9</v>
      </c>
      <c r="F2827" s="7">
        <v>38657</v>
      </c>
      <c r="G2827" s="8">
        <v>1</v>
      </c>
      <c r="H2827" s="8">
        <v>1</v>
      </c>
      <c r="I2827" s="8">
        <v>0</v>
      </c>
      <c r="J2827" s="8">
        <v>1</v>
      </c>
      <c r="K2827" s="9">
        <v>217</v>
      </c>
      <c r="L2827" s="6" t="s">
        <v>51</v>
      </c>
    </row>
    <row r="2828" spans="1:12">
      <c r="A2828" s="6" t="s">
        <v>49</v>
      </c>
      <c r="B2828" s="6"/>
      <c r="C2828" s="6" t="s">
        <v>2845</v>
      </c>
      <c r="D2828" s="6"/>
      <c r="E2828" s="6" t="s">
        <v>9</v>
      </c>
      <c r="F2828" s="7">
        <v>38657</v>
      </c>
      <c r="G2828" s="8">
        <v>1</v>
      </c>
      <c r="H2828" s="8">
        <v>1</v>
      </c>
      <c r="I2828" s="8">
        <v>0</v>
      </c>
      <c r="J2828" s="8">
        <v>1</v>
      </c>
      <c r="K2828" s="9">
        <v>213</v>
      </c>
      <c r="L2828" s="6" t="s">
        <v>51</v>
      </c>
    </row>
    <row r="2829" spans="1:12">
      <c r="A2829" s="6" t="s">
        <v>49</v>
      </c>
      <c r="B2829" s="6"/>
      <c r="C2829" s="6" t="s">
        <v>2846</v>
      </c>
      <c r="D2829" s="6"/>
      <c r="E2829" s="6" t="s">
        <v>9</v>
      </c>
      <c r="F2829" s="7">
        <v>38657</v>
      </c>
      <c r="G2829" s="8">
        <v>1</v>
      </c>
      <c r="H2829" s="8">
        <v>1</v>
      </c>
      <c r="I2829" s="8">
        <v>0</v>
      </c>
      <c r="J2829" s="8">
        <v>1</v>
      </c>
      <c r="K2829" s="9">
        <v>8.64</v>
      </c>
      <c r="L2829" s="6" t="s">
        <v>51</v>
      </c>
    </row>
    <row r="2830" spans="1:12">
      <c r="A2830" s="6" t="s">
        <v>49</v>
      </c>
      <c r="B2830" s="6"/>
      <c r="C2830" s="6" t="s">
        <v>2847</v>
      </c>
      <c r="D2830" s="6"/>
      <c r="E2830" s="6" t="s">
        <v>9</v>
      </c>
      <c r="F2830" s="7">
        <v>38657</v>
      </c>
      <c r="G2830" s="8">
        <v>1</v>
      </c>
      <c r="H2830" s="8">
        <v>1</v>
      </c>
      <c r="I2830" s="8">
        <v>0</v>
      </c>
      <c r="J2830" s="8">
        <v>1</v>
      </c>
      <c r="K2830" s="9">
        <v>9.5</v>
      </c>
      <c r="L2830" s="6" t="s">
        <v>51</v>
      </c>
    </row>
    <row r="2831" spans="1:12">
      <c r="A2831" s="6" t="s">
        <v>49</v>
      </c>
      <c r="B2831" s="6"/>
      <c r="C2831" s="6" t="s">
        <v>2848</v>
      </c>
      <c r="D2831" s="6"/>
      <c r="E2831" s="6" t="s">
        <v>9</v>
      </c>
      <c r="F2831" s="7">
        <v>38657</v>
      </c>
      <c r="G2831" s="8">
        <v>1</v>
      </c>
      <c r="H2831" s="8">
        <v>1</v>
      </c>
      <c r="I2831" s="8">
        <v>0</v>
      </c>
      <c r="J2831" s="8">
        <v>1</v>
      </c>
      <c r="K2831" s="9">
        <v>6.45</v>
      </c>
      <c r="L2831" s="6" t="s">
        <v>51</v>
      </c>
    </row>
    <row r="2832" spans="1:12">
      <c r="A2832" s="6" t="s">
        <v>49</v>
      </c>
      <c r="B2832" s="6"/>
      <c r="C2832" s="6" t="s">
        <v>2849</v>
      </c>
      <c r="D2832" s="6"/>
      <c r="E2832" s="6" t="s">
        <v>9</v>
      </c>
      <c r="F2832" s="7">
        <v>38657</v>
      </c>
      <c r="G2832" s="8">
        <v>1</v>
      </c>
      <c r="H2832" s="8">
        <v>1</v>
      </c>
      <c r="I2832" s="8">
        <v>0</v>
      </c>
      <c r="J2832" s="8">
        <v>1</v>
      </c>
      <c r="K2832" s="9">
        <v>4.72</v>
      </c>
      <c r="L2832" s="6" t="s">
        <v>51</v>
      </c>
    </row>
    <row r="2833" spans="1:12">
      <c r="A2833" s="6" t="s">
        <v>49</v>
      </c>
      <c r="B2833" s="6"/>
      <c r="C2833" s="6" t="s">
        <v>2850</v>
      </c>
      <c r="D2833" s="6"/>
      <c r="E2833" s="6" t="s">
        <v>9</v>
      </c>
      <c r="F2833" s="7">
        <v>38657</v>
      </c>
      <c r="G2833" s="8">
        <v>1</v>
      </c>
      <c r="H2833" s="8">
        <v>1</v>
      </c>
      <c r="I2833" s="8">
        <v>0</v>
      </c>
      <c r="J2833" s="8">
        <v>1</v>
      </c>
      <c r="K2833" s="9">
        <v>48</v>
      </c>
      <c r="L2833" s="6" t="s">
        <v>51</v>
      </c>
    </row>
    <row r="2834" spans="1:12">
      <c r="A2834" s="6" t="s">
        <v>49</v>
      </c>
      <c r="B2834" s="6"/>
      <c r="C2834" s="6" t="s">
        <v>2851</v>
      </c>
      <c r="D2834" s="6"/>
      <c r="E2834" s="6" t="s">
        <v>9</v>
      </c>
      <c r="F2834" s="7">
        <v>38657</v>
      </c>
      <c r="G2834" s="8">
        <v>1</v>
      </c>
      <c r="H2834" s="8">
        <v>1</v>
      </c>
      <c r="I2834" s="8">
        <v>0</v>
      </c>
      <c r="J2834" s="8">
        <v>1</v>
      </c>
      <c r="K2834" s="9">
        <v>349</v>
      </c>
      <c r="L2834" s="6" t="s">
        <v>51</v>
      </c>
    </row>
    <row r="2835" spans="1:12">
      <c r="A2835" s="6" t="s">
        <v>49</v>
      </c>
      <c r="B2835" s="6"/>
      <c r="C2835" s="6" t="s">
        <v>2852</v>
      </c>
      <c r="D2835" s="6"/>
      <c r="E2835" s="6" t="s">
        <v>9</v>
      </c>
      <c r="F2835" s="7">
        <v>38657</v>
      </c>
      <c r="G2835" s="8">
        <v>1</v>
      </c>
      <c r="H2835" s="8">
        <v>1</v>
      </c>
      <c r="I2835" s="8">
        <v>0</v>
      </c>
      <c r="J2835" s="8">
        <v>1</v>
      </c>
      <c r="K2835" s="9">
        <v>213</v>
      </c>
      <c r="L2835" s="6" t="s">
        <v>51</v>
      </c>
    </row>
    <row r="2836" spans="1:12">
      <c r="A2836" s="6" t="s">
        <v>49</v>
      </c>
      <c r="B2836" s="6"/>
      <c r="C2836" s="6" t="s">
        <v>2853</v>
      </c>
      <c r="D2836" s="6"/>
      <c r="E2836" s="6" t="s">
        <v>9</v>
      </c>
      <c r="F2836" s="7">
        <v>38657</v>
      </c>
      <c r="G2836" s="8">
        <v>1</v>
      </c>
      <c r="H2836" s="8">
        <v>1</v>
      </c>
      <c r="I2836" s="8">
        <v>0</v>
      </c>
      <c r="J2836" s="8">
        <v>1</v>
      </c>
      <c r="K2836" s="9">
        <v>174</v>
      </c>
      <c r="L2836" s="6" t="s">
        <v>51</v>
      </c>
    </row>
    <row r="2837" spans="1:12">
      <c r="A2837" s="6" t="s">
        <v>49</v>
      </c>
      <c r="B2837" s="6"/>
      <c r="C2837" s="6" t="s">
        <v>2854</v>
      </c>
      <c r="D2837" s="6"/>
      <c r="E2837" s="6" t="s">
        <v>9</v>
      </c>
      <c r="F2837" s="7">
        <v>38657</v>
      </c>
      <c r="G2837" s="8">
        <v>1</v>
      </c>
      <c r="H2837" s="8">
        <v>1</v>
      </c>
      <c r="I2837" s="8">
        <v>0</v>
      </c>
      <c r="J2837" s="8">
        <v>1</v>
      </c>
      <c r="K2837" s="9">
        <v>337</v>
      </c>
      <c r="L2837" s="6" t="s">
        <v>51</v>
      </c>
    </row>
    <row r="2838" spans="1:12">
      <c r="A2838" s="6" t="s">
        <v>49</v>
      </c>
      <c r="B2838" s="6"/>
      <c r="C2838" s="6" t="s">
        <v>2855</v>
      </c>
      <c r="D2838" s="6"/>
      <c r="E2838" s="6" t="s">
        <v>9</v>
      </c>
      <c r="F2838" s="7">
        <v>38657</v>
      </c>
      <c r="G2838" s="8">
        <v>1</v>
      </c>
      <c r="H2838" s="8">
        <v>1</v>
      </c>
      <c r="I2838" s="8">
        <v>0</v>
      </c>
      <c r="J2838" s="8">
        <v>1</v>
      </c>
      <c r="K2838" s="9">
        <v>265</v>
      </c>
      <c r="L2838" s="6" t="s">
        <v>51</v>
      </c>
    </row>
    <row r="2839" spans="1:12">
      <c r="A2839" s="6" t="s">
        <v>49</v>
      </c>
      <c r="B2839" s="6"/>
      <c r="C2839" s="6" t="s">
        <v>2856</v>
      </c>
      <c r="D2839" s="6"/>
      <c r="E2839" s="6" t="s">
        <v>9</v>
      </c>
      <c r="F2839" s="7">
        <v>38657</v>
      </c>
      <c r="G2839" s="8">
        <v>1</v>
      </c>
      <c r="H2839" s="8">
        <v>1</v>
      </c>
      <c r="I2839" s="8">
        <v>0</v>
      </c>
      <c r="J2839" s="8">
        <v>1</v>
      </c>
      <c r="K2839" s="9">
        <v>235</v>
      </c>
      <c r="L2839" s="6" t="s">
        <v>51</v>
      </c>
    </row>
    <row r="2840" spans="1:12">
      <c r="A2840" s="6" t="s">
        <v>49</v>
      </c>
      <c r="B2840" s="6"/>
      <c r="C2840" s="6" t="s">
        <v>2857</v>
      </c>
      <c r="D2840" s="6"/>
      <c r="E2840" s="6" t="s">
        <v>9</v>
      </c>
      <c r="F2840" s="7">
        <v>38657</v>
      </c>
      <c r="G2840" s="8">
        <v>1</v>
      </c>
      <c r="H2840" s="8">
        <v>1</v>
      </c>
      <c r="I2840" s="8">
        <v>0</v>
      </c>
      <c r="J2840" s="8">
        <v>1</v>
      </c>
      <c r="K2840" s="9">
        <v>34</v>
      </c>
      <c r="L2840" s="6" t="s">
        <v>51</v>
      </c>
    </row>
    <row r="2841" spans="1:12">
      <c r="A2841" s="6" t="s">
        <v>49</v>
      </c>
      <c r="B2841" s="6"/>
      <c r="C2841" s="6" t="s">
        <v>2858</v>
      </c>
      <c r="D2841" s="6"/>
      <c r="E2841" s="6" t="s">
        <v>9</v>
      </c>
      <c r="F2841" s="7">
        <v>38657</v>
      </c>
      <c r="G2841" s="8">
        <v>1</v>
      </c>
      <c r="H2841" s="8">
        <v>1</v>
      </c>
      <c r="I2841" s="8">
        <v>0</v>
      </c>
      <c r="J2841" s="8">
        <v>1</v>
      </c>
      <c r="K2841" s="9">
        <v>442</v>
      </c>
      <c r="L2841" s="6" t="s">
        <v>51</v>
      </c>
    </row>
    <row r="2842" spans="1:12">
      <c r="A2842" s="6" t="s">
        <v>49</v>
      </c>
      <c r="B2842" s="6"/>
      <c r="C2842" s="6" t="s">
        <v>2859</v>
      </c>
      <c r="D2842" s="6"/>
      <c r="E2842" s="6" t="s">
        <v>9</v>
      </c>
      <c r="F2842" s="7">
        <v>38657</v>
      </c>
      <c r="G2842" s="8">
        <v>1</v>
      </c>
      <c r="H2842" s="8">
        <v>1</v>
      </c>
      <c r="I2842" s="8">
        <v>0</v>
      </c>
      <c r="J2842" s="8">
        <v>1</v>
      </c>
      <c r="K2842" s="9">
        <v>161</v>
      </c>
      <c r="L2842" s="6" t="s">
        <v>51</v>
      </c>
    </row>
    <row r="2843" spans="1:12">
      <c r="A2843" s="6" t="s">
        <v>49</v>
      </c>
      <c r="B2843" s="6"/>
      <c r="C2843" s="6" t="s">
        <v>2860</v>
      </c>
      <c r="D2843" s="6"/>
      <c r="E2843" s="6" t="s">
        <v>9</v>
      </c>
      <c r="F2843" s="7">
        <v>38657</v>
      </c>
      <c r="G2843" s="8">
        <v>1</v>
      </c>
      <c r="H2843" s="8">
        <v>1</v>
      </c>
      <c r="I2843" s="8">
        <v>0</v>
      </c>
      <c r="J2843" s="8">
        <v>1</v>
      </c>
      <c r="K2843" s="9">
        <v>369</v>
      </c>
      <c r="L2843" s="6" t="s">
        <v>51</v>
      </c>
    </row>
    <row r="2844" spans="1:12">
      <c r="A2844" s="6" t="s">
        <v>49</v>
      </c>
      <c r="B2844" s="6"/>
      <c r="C2844" s="6" t="s">
        <v>2861</v>
      </c>
      <c r="D2844" s="6"/>
      <c r="E2844" s="6" t="s">
        <v>9</v>
      </c>
      <c r="F2844" s="7">
        <v>38657</v>
      </c>
      <c r="G2844" s="8">
        <v>1</v>
      </c>
      <c r="H2844" s="8">
        <v>1</v>
      </c>
      <c r="I2844" s="8">
        <v>0</v>
      </c>
      <c r="J2844" s="8">
        <v>1</v>
      </c>
      <c r="K2844" s="9">
        <v>338</v>
      </c>
      <c r="L2844" s="6" t="s">
        <v>51</v>
      </c>
    </row>
    <row r="2845" spans="1:12">
      <c r="A2845" s="6" t="s">
        <v>49</v>
      </c>
      <c r="B2845" s="6"/>
      <c r="C2845" s="6" t="s">
        <v>2862</v>
      </c>
      <c r="D2845" s="6"/>
      <c r="E2845" s="6" t="s">
        <v>9</v>
      </c>
      <c r="F2845" s="7">
        <v>38657</v>
      </c>
      <c r="G2845" s="8">
        <v>1</v>
      </c>
      <c r="H2845" s="8">
        <v>1</v>
      </c>
      <c r="I2845" s="8">
        <v>0</v>
      </c>
      <c r="J2845" s="8">
        <v>1</v>
      </c>
      <c r="K2845" s="9">
        <v>314</v>
      </c>
      <c r="L2845" s="6" t="s">
        <v>51</v>
      </c>
    </row>
    <row r="2846" spans="1:12">
      <c r="A2846" s="6" t="s">
        <v>49</v>
      </c>
      <c r="B2846" s="6"/>
      <c r="C2846" s="6" t="s">
        <v>2863</v>
      </c>
      <c r="D2846" s="6"/>
      <c r="E2846" s="6" t="s">
        <v>9</v>
      </c>
      <c r="F2846" s="7">
        <v>38657</v>
      </c>
      <c r="G2846" s="8">
        <v>1</v>
      </c>
      <c r="H2846" s="8">
        <v>1</v>
      </c>
      <c r="I2846" s="8">
        <v>0</v>
      </c>
      <c r="J2846" s="8">
        <v>1</v>
      </c>
      <c r="K2846" s="9">
        <v>142</v>
      </c>
      <c r="L2846" s="6" t="s">
        <v>51</v>
      </c>
    </row>
    <row r="2847" spans="1:12">
      <c r="A2847" s="6" t="s">
        <v>49</v>
      </c>
      <c r="B2847" s="6"/>
      <c r="C2847" s="6" t="s">
        <v>2864</v>
      </c>
      <c r="D2847" s="6"/>
      <c r="E2847" s="6" t="s">
        <v>9</v>
      </c>
      <c r="F2847" s="7">
        <v>38657</v>
      </c>
      <c r="G2847" s="8">
        <v>1</v>
      </c>
      <c r="H2847" s="8">
        <v>1</v>
      </c>
      <c r="I2847" s="8">
        <v>0</v>
      </c>
      <c r="J2847" s="8">
        <v>1</v>
      </c>
      <c r="K2847" s="9">
        <v>319</v>
      </c>
      <c r="L2847" s="6" t="s">
        <v>51</v>
      </c>
    </row>
    <row r="2848" spans="1:12">
      <c r="A2848" s="6" t="s">
        <v>49</v>
      </c>
      <c r="B2848" s="6"/>
      <c r="C2848" s="6" t="s">
        <v>2865</v>
      </c>
      <c r="D2848" s="6"/>
      <c r="E2848" s="6" t="s">
        <v>9</v>
      </c>
      <c r="F2848" s="7">
        <v>38657</v>
      </c>
      <c r="G2848" s="8">
        <v>1</v>
      </c>
      <c r="H2848" s="8">
        <v>1</v>
      </c>
      <c r="I2848" s="8">
        <v>0</v>
      </c>
      <c r="J2848" s="8">
        <v>1</v>
      </c>
      <c r="K2848" s="9">
        <v>384</v>
      </c>
      <c r="L2848" s="6" t="s">
        <v>51</v>
      </c>
    </row>
    <row r="2849" spans="1:12">
      <c r="A2849" s="6" t="s">
        <v>49</v>
      </c>
      <c r="B2849" s="6"/>
      <c r="C2849" s="6" t="s">
        <v>2866</v>
      </c>
      <c r="D2849" s="6"/>
      <c r="E2849" s="6" t="s">
        <v>9</v>
      </c>
      <c r="F2849" s="7">
        <v>38657</v>
      </c>
      <c r="G2849" s="8">
        <v>1</v>
      </c>
      <c r="H2849" s="8">
        <v>1</v>
      </c>
      <c r="I2849" s="8">
        <v>0</v>
      </c>
      <c r="J2849" s="8">
        <v>1</v>
      </c>
      <c r="K2849" s="9">
        <v>283</v>
      </c>
      <c r="L2849" s="6" t="s">
        <v>51</v>
      </c>
    </row>
    <row r="2850" spans="1:12">
      <c r="A2850" s="6" t="s">
        <v>49</v>
      </c>
      <c r="B2850" s="6"/>
      <c r="C2850" s="6" t="s">
        <v>2867</v>
      </c>
      <c r="D2850" s="6"/>
      <c r="E2850" s="6" t="s">
        <v>9</v>
      </c>
      <c r="F2850" s="7">
        <v>38657</v>
      </c>
      <c r="G2850" s="8">
        <v>1</v>
      </c>
      <c r="H2850" s="8">
        <v>1</v>
      </c>
      <c r="I2850" s="8">
        <v>0</v>
      </c>
      <c r="J2850" s="8">
        <v>1</v>
      </c>
      <c r="K2850" s="9">
        <v>266</v>
      </c>
      <c r="L2850" s="6" t="s">
        <v>51</v>
      </c>
    </row>
    <row r="2851" spans="1:12">
      <c r="A2851" s="6" t="s">
        <v>49</v>
      </c>
      <c r="B2851" s="6"/>
      <c r="C2851" s="6" t="s">
        <v>2868</v>
      </c>
      <c r="D2851" s="6"/>
      <c r="E2851" s="6" t="s">
        <v>9</v>
      </c>
      <c r="F2851" s="7">
        <v>38657</v>
      </c>
      <c r="G2851" s="8">
        <v>1</v>
      </c>
      <c r="H2851" s="8">
        <v>1</v>
      </c>
      <c r="I2851" s="8">
        <v>0</v>
      </c>
      <c r="J2851" s="8">
        <v>1</v>
      </c>
      <c r="K2851" s="9">
        <v>70</v>
      </c>
      <c r="L2851" s="6" t="s">
        <v>51</v>
      </c>
    </row>
    <row r="2852" spans="1:12">
      <c r="A2852" s="6" t="s">
        <v>49</v>
      </c>
      <c r="B2852" s="6"/>
      <c r="C2852" s="6" t="s">
        <v>2869</v>
      </c>
      <c r="D2852" s="6"/>
      <c r="E2852" s="6" t="s">
        <v>9</v>
      </c>
      <c r="F2852" s="7">
        <v>38657</v>
      </c>
      <c r="G2852" s="8">
        <v>1</v>
      </c>
      <c r="H2852" s="8">
        <v>1</v>
      </c>
      <c r="I2852" s="8">
        <v>0</v>
      </c>
      <c r="J2852" s="8">
        <v>1</v>
      </c>
      <c r="K2852" s="9">
        <v>319</v>
      </c>
      <c r="L2852" s="6" t="s">
        <v>51</v>
      </c>
    </row>
    <row r="2853" spans="1:12">
      <c r="A2853" s="6" t="s">
        <v>49</v>
      </c>
      <c r="B2853" s="6"/>
      <c r="C2853" s="6" t="s">
        <v>2870</v>
      </c>
      <c r="D2853" s="6"/>
      <c r="E2853" s="6" t="s">
        <v>9</v>
      </c>
      <c r="F2853" s="7">
        <v>38657</v>
      </c>
      <c r="G2853" s="8">
        <v>1</v>
      </c>
      <c r="H2853" s="8">
        <v>1</v>
      </c>
      <c r="I2853" s="8">
        <v>0</v>
      </c>
      <c r="J2853" s="8">
        <v>1</v>
      </c>
      <c r="K2853" s="9">
        <v>458</v>
      </c>
      <c r="L2853" s="6" t="s">
        <v>51</v>
      </c>
    </row>
    <row r="2854" spans="1:12">
      <c r="A2854" s="6" t="s">
        <v>49</v>
      </c>
      <c r="B2854" s="6"/>
      <c r="C2854" s="6" t="s">
        <v>2871</v>
      </c>
      <c r="D2854" s="6"/>
      <c r="E2854" s="6" t="s">
        <v>9</v>
      </c>
      <c r="F2854" s="7">
        <v>38657</v>
      </c>
      <c r="G2854" s="8">
        <v>1</v>
      </c>
      <c r="H2854" s="8">
        <v>1</v>
      </c>
      <c r="I2854" s="8">
        <v>0</v>
      </c>
      <c r="J2854" s="8">
        <v>1</v>
      </c>
      <c r="K2854" s="9">
        <v>69</v>
      </c>
      <c r="L2854" s="6" t="s">
        <v>51</v>
      </c>
    </row>
    <row r="2855" spans="1:12">
      <c r="A2855" s="6" t="s">
        <v>49</v>
      </c>
      <c r="B2855" s="6"/>
      <c r="C2855" s="6" t="s">
        <v>2872</v>
      </c>
      <c r="D2855" s="6"/>
      <c r="E2855" s="6" t="s">
        <v>9</v>
      </c>
      <c r="F2855" s="7">
        <v>38657</v>
      </c>
      <c r="G2855" s="8">
        <v>1</v>
      </c>
      <c r="H2855" s="8">
        <v>1</v>
      </c>
      <c r="I2855" s="8">
        <v>0</v>
      </c>
      <c r="J2855" s="8">
        <v>1</v>
      </c>
      <c r="K2855" s="9">
        <v>30</v>
      </c>
      <c r="L2855" s="6" t="s">
        <v>51</v>
      </c>
    </row>
    <row r="2856" spans="1:12">
      <c r="A2856" s="6" t="s">
        <v>49</v>
      </c>
      <c r="B2856" s="6"/>
      <c r="C2856" s="6" t="s">
        <v>2873</v>
      </c>
      <c r="D2856" s="6"/>
      <c r="E2856" s="6" t="s">
        <v>9</v>
      </c>
      <c r="F2856" s="7">
        <v>38657</v>
      </c>
      <c r="G2856" s="8">
        <v>1</v>
      </c>
      <c r="H2856" s="8">
        <v>1</v>
      </c>
      <c r="I2856" s="8">
        <v>0</v>
      </c>
      <c r="J2856" s="8">
        <v>1</v>
      </c>
      <c r="K2856" s="9">
        <v>578</v>
      </c>
      <c r="L2856" s="6" t="s">
        <v>51</v>
      </c>
    </row>
    <row r="2857" spans="1:12">
      <c r="A2857" s="6" t="s">
        <v>49</v>
      </c>
      <c r="B2857" s="6"/>
      <c r="C2857" s="6" t="s">
        <v>2874</v>
      </c>
      <c r="D2857" s="6"/>
      <c r="E2857" s="6" t="s">
        <v>9</v>
      </c>
      <c r="F2857" s="7">
        <v>38657</v>
      </c>
      <c r="G2857" s="8">
        <v>1</v>
      </c>
      <c r="H2857" s="8">
        <v>1</v>
      </c>
      <c r="I2857" s="8">
        <v>0</v>
      </c>
      <c r="J2857" s="8">
        <v>1</v>
      </c>
      <c r="K2857" s="9">
        <v>32</v>
      </c>
      <c r="L2857" s="6" t="s">
        <v>51</v>
      </c>
    </row>
    <row r="2858" spans="1:12">
      <c r="A2858" s="6" t="s">
        <v>49</v>
      </c>
      <c r="B2858" s="6"/>
      <c r="C2858" s="6" t="s">
        <v>2875</v>
      </c>
      <c r="D2858" s="6"/>
      <c r="E2858" s="6" t="s">
        <v>9</v>
      </c>
      <c r="F2858" s="7">
        <v>38657</v>
      </c>
      <c r="G2858" s="8">
        <v>1</v>
      </c>
      <c r="H2858" s="8">
        <v>1</v>
      </c>
      <c r="I2858" s="8">
        <v>0</v>
      </c>
      <c r="J2858" s="8">
        <v>1</v>
      </c>
      <c r="K2858" s="9">
        <v>283</v>
      </c>
      <c r="L2858" s="6" t="s">
        <v>51</v>
      </c>
    </row>
    <row r="2859" spans="1:12">
      <c r="A2859" s="6" t="s">
        <v>49</v>
      </c>
      <c r="B2859" s="6"/>
      <c r="C2859" s="6" t="s">
        <v>2876</v>
      </c>
      <c r="D2859" s="6"/>
      <c r="E2859" s="6" t="s">
        <v>9</v>
      </c>
      <c r="F2859" s="7">
        <v>38657</v>
      </c>
      <c r="G2859" s="8">
        <v>1</v>
      </c>
      <c r="H2859" s="8">
        <v>1</v>
      </c>
      <c r="I2859" s="8">
        <v>0</v>
      </c>
      <c r="J2859" s="8">
        <v>1</v>
      </c>
      <c r="K2859" s="9">
        <v>0.66</v>
      </c>
      <c r="L2859" s="6" t="s">
        <v>51</v>
      </c>
    </row>
    <row r="2860" spans="1:12">
      <c r="A2860" s="6" t="s">
        <v>49</v>
      </c>
      <c r="B2860" s="6"/>
      <c r="C2860" s="6" t="s">
        <v>2877</v>
      </c>
      <c r="D2860" s="6"/>
      <c r="E2860" s="6" t="s">
        <v>9</v>
      </c>
      <c r="F2860" s="7">
        <v>38657</v>
      </c>
      <c r="G2860" s="8">
        <v>1</v>
      </c>
      <c r="H2860" s="8">
        <v>1</v>
      </c>
      <c r="I2860" s="8">
        <v>0</v>
      </c>
      <c r="J2860" s="8">
        <v>1</v>
      </c>
      <c r="K2860" s="9">
        <v>0.27</v>
      </c>
      <c r="L2860" s="6" t="s">
        <v>51</v>
      </c>
    </row>
    <row r="2861" spans="1:12">
      <c r="A2861" s="6" t="s">
        <v>49</v>
      </c>
      <c r="B2861" s="6"/>
      <c r="C2861" s="6" t="s">
        <v>2878</v>
      </c>
      <c r="D2861" s="6"/>
      <c r="E2861" s="6" t="s">
        <v>9</v>
      </c>
      <c r="F2861" s="7">
        <v>38657</v>
      </c>
      <c r="G2861" s="8">
        <v>1</v>
      </c>
      <c r="H2861" s="8">
        <v>1</v>
      </c>
      <c r="I2861" s="8">
        <v>0</v>
      </c>
      <c r="J2861" s="8">
        <v>1</v>
      </c>
      <c r="K2861" s="9">
        <v>22</v>
      </c>
      <c r="L2861" s="6" t="s">
        <v>51</v>
      </c>
    </row>
    <row r="2862" spans="1:12">
      <c r="A2862" s="6" t="s">
        <v>49</v>
      </c>
      <c r="B2862" s="6"/>
      <c r="C2862" s="6" t="s">
        <v>2879</v>
      </c>
      <c r="D2862" s="6"/>
      <c r="E2862" s="6" t="s">
        <v>9</v>
      </c>
      <c r="F2862" s="7">
        <v>38657</v>
      </c>
      <c r="G2862" s="8">
        <v>1</v>
      </c>
      <c r="H2862" s="8">
        <v>1</v>
      </c>
      <c r="I2862" s="8">
        <v>0</v>
      </c>
      <c r="J2862" s="8">
        <v>1</v>
      </c>
      <c r="K2862" s="9">
        <v>75</v>
      </c>
      <c r="L2862" s="6" t="s">
        <v>51</v>
      </c>
    </row>
    <row r="2863" spans="1:12">
      <c r="A2863" s="6" t="s">
        <v>49</v>
      </c>
      <c r="B2863" s="6"/>
      <c r="C2863" s="6" t="s">
        <v>2880</v>
      </c>
      <c r="D2863" s="6"/>
      <c r="E2863" s="6" t="s">
        <v>9</v>
      </c>
      <c r="F2863" s="7">
        <v>38657</v>
      </c>
      <c r="G2863" s="8">
        <v>1</v>
      </c>
      <c r="H2863" s="8">
        <v>1</v>
      </c>
      <c r="I2863" s="8">
        <v>0</v>
      </c>
      <c r="J2863" s="8">
        <v>1</v>
      </c>
      <c r="K2863" s="9">
        <v>220</v>
      </c>
      <c r="L2863" s="6" t="s">
        <v>51</v>
      </c>
    </row>
    <row r="2864" spans="1:12">
      <c r="A2864" s="6" t="s">
        <v>49</v>
      </c>
      <c r="B2864" s="6"/>
      <c r="C2864" s="6" t="s">
        <v>2881</v>
      </c>
      <c r="D2864" s="6"/>
      <c r="E2864" s="6" t="s">
        <v>9</v>
      </c>
      <c r="F2864" s="7">
        <v>38657</v>
      </c>
      <c r="G2864" s="8">
        <v>1</v>
      </c>
      <c r="H2864" s="8">
        <v>1</v>
      </c>
      <c r="I2864" s="8">
        <v>0</v>
      </c>
      <c r="J2864" s="8">
        <v>1</v>
      </c>
      <c r="K2864" s="9">
        <v>126.75</v>
      </c>
      <c r="L2864" s="6" t="s">
        <v>51</v>
      </c>
    </row>
    <row r="2865" spans="1:12">
      <c r="A2865" s="6" t="s">
        <v>49</v>
      </c>
      <c r="B2865" s="6"/>
      <c r="C2865" s="6" t="s">
        <v>2882</v>
      </c>
      <c r="D2865" s="6"/>
      <c r="E2865" s="6" t="s">
        <v>9</v>
      </c>
      <c r="F2865" s="7">
        <v>38657</v>
      </c>
      <c r="G2865" s="8">
        <v>1</v>
      </c>
      <c r="H2865" s="8">
        <v>1</v>
      </c>
      <c r="I2865" s="8">
        <v>0</v>
      </c>
      <c r="J2865" s="8">
        <v>1</v>
      </c>
      <c r="K2865" s="9">
        <v>9.77</v>
      </c>
      <c r="L2865" s="6" t="s">
        <v>51</v>
      </c>
    </row>
    <row r="2866" spans="1:12">
      <c r="A2866" s="6" t="s">
        <v>49</v>
      </c>
      <c r="B2866" s="6"/>
      <c r="C2866" s="6" t="s">
        <v>2883</v>
      </c>
      <c r="D2866" s="6"/>
      <c r="E2866" s="6" t="s">
        <v>9</v>
      </c>
      <c r="F2866" s="7">
        <v>38657</v>
      </c>
      <c r="G2866" s="8">
        <v>1</v>
      </c>
      <c r="H2866" s="8">
        <v>1</v>
      </c>
      <c r="I2866" s="8">
        <v>0</v>
      </c>
      <c r="J2866" s="8">
        <v>1</v>
      </c>
      <c r="K2866" s="9">
        <v>33.9</v>
      </c>
      <c r="L2866" s="6" t="s">
        <v>51</v>
      </c>
    </row>
    <row r="2867" spans="1:12">
      <c r="A2867" s="6" t="s">
        <v>49</v>
      </c>
      <c r="B2867" s="6"/>
      <c r="C2867" s="6" t="s">
        <v>2884</v>
      </c>
      <c r="D2867" s="6"/>
      <c r="E2867" s="6" t="s">
        <v>9</v>
      </c>
      <c r="F2867" s="7">
        <v>38657</v>
      </c>
      <c r="G2867" s="8">
        <v>1</v>
      </c>
      <c r="H2867" s="8">
        <v>1</v>
      </c>
      <c r="I2867" s="8">
        <v>0</v>
      </c>
      <c r="J2867" s="8">
        <v>1</v>
      </c>
      <c r="K2867" s="9">
        <v>33.659999999999897</v>
      </c>
      <c r="L2867" s="6" t="s">
        <v>51</v>
      </c>
    </row>
    <row r="2868" spans="1:12">
      <c r="A2868" s="6" t="s">
        <v>49</v>
      </c>
      <c r="B2868" s="6"/>
      <c r="C2868" s="6" t="s">
        <v>2885</v>
      </c>
      <c r="D2868" s="6"/>
      <c r="E2868" s="6" t="s">
        <v>9</v>
      </c>
      <c r="F2868" s="7">
        <v>38657</v>
      </c>
      <c r="G2868" s="8">
        <v>1</v>
      </c>
      <c r="H2868" s="8">
        <v>1</v>
      </c>
      <c r="I2868" s="8">
        <v>0</v>
      </c>
      <c r="J2868" s="8">
        <v>1</v>
      </c>
      <c r="K2868" s="9">
        <v>68.52</v>
      </c>
      <c r="L2868" s="6" t="s">
        <v>51</v>
      </c>
    </row>
    <row r="2869" spans="1:12">
      <c r="A2869" s="6" t="s">
        <v>49</v>
      </c>
      <c r="B2869" s="6"/>
      <c r="C2869" s="6" t="s">
        <v>2886</v>
      </c>
      <c r="D2869" s="6"/>
      <c r="E2869" s="6" t="s">
        <v>9</v>
      </c>
      <c r="F2869" s="7">
        <v>38657</v>
      </c>
      <c r="G2869" s="8">
        <v>1</v>
      </c>
      <c r="H2869" s="8">
        <v>1</v>
      </c>
      <c r="I2869" s="8">
        <v>0</v>
      </c>
      <c r="J2869" s="8">
        <v>1</v>
      </c>
      <c r="K2869" s="9">
        <v>213</v>
      </c>
      <c r="L2869" s="6" t="s">
        <v>51</v>
      </c>
    </row>
    <row r="2870" spans="1:12">
      <c r="A2870" s="6" t="s">
        <v>49</v>
      </c>
      <c r="B2870" s="6"/>
      <c r="C2870" s="6" t="s">
        <v>2887</v>
      </c>
      <c r="D2870" s="6"/>
      <c r="E2870" s="6" t="s">
        <v>9</v>
      </c>
      <c r="F2870" s="7">
        <v>38657</v>
      </c>
      <c r="G2870" s="8">
        <v>1</v>
      </c>
      <c r="H2870" s="8">
        <v>1</v>
      </c>
      <c r="I2870" s="8">
        <v>0</v>
      </c>
      <c r="J2870" s="8">
        <v>1</v>
      </c>
      <c r="K2870" s="9">
        <v>6.75</v>
      </c>
      <c r="L2870" s="6" t="s">
        <v>51</v>
      </c>
    </row>
    <row r="2871" spans="1:12">
      <c r="A2871" s="6" t="s">
        <v>49</v>
      </c>
      <c r="B2871" s="6"/>
      <c r="C2871" s="6" t="s">
        <v>2888</v>
      </c>
      <c r="D2871" s="6"/>
      <c r="E2871" s="6" t="s">
        <v>9</v>
      </c>
      <c r="F2871" s="7">
        <v>38657</v>
      </c>
      <c r="G2871" s="8">
        <v>1</v>
      </c>
      <c r="H2871" s="8">
        <v>1</v>
      </c>
      <c r="I2871" s="8">
        <v>0</v>
      </c>
      <c r="J2871" s="8">
        <v>1</v>
      </c>
      <c r="K2871" s="9">
        <v>52</v>
      </c>
      <c r="L2871" s="6" t="s">
        <v>51</v>
      </c>
    </row>
    <row r="2872" spans="1:12">
      <c r="A2872" s="6" t="s">
        <v>49</v>
      </c>
      <c r="B2872" s="6"/>
      <c r="C2872" s="6" t="s">
        <v>2889</v>
      </c>
      <c r="D2872" s="6"/>
      <c r="E2872" s="6" t="s">
        <v>9</v>
      </c>
      <c r="F2872" s="7">
        <v>38657</v>
      </c>
      <c r="G2872" s="8">
        <v>1</v>
      </c>
      <c r="H2872" s="8">
        <v>1</v>
      </c>
      <c r="I2872" s="8">
        <v>0</v>
      </c>
      <c r="J2872" s="8">
        <v>1</v>
      </c>
      <c r="K2872" s="9">
        <v>7.11</v>
      </c>
      <c r="L2872" s="6" t="s">
        <v>51</v>
      </c>
    </row>
    <row r="2873" spans="1:12">
      <c r="A2873" s="6" t="s">
        <v>49</v>
      </c>
      <c r="B2873" s="6"/>
      <c r="C2873" s="6" t="s">
        <v>2890</v>
      </c>
      <c r="D2873" s="6"/>
      <c r="E2873" s="6" t="s">
        <v>9</v>
      </c>
      <c r="F2873" s="7">
        <v>38657</v>
      </c>
      <c r="G2873" s="8">
        <v>1</v>
      </c>
      <c r="H2873" s="8">
        <v>1</v>
      </c>
      <c r="I2873" s="8">
        <v>0</v>
      </c>
      <c r="J2873" s="8">
        <v>1</v>
      </c>
      <c r="K2873" s="9">
        <v>96</v>
      </c>
      <c r="L2873" s="6" t="s">
        <v>51</v>
      </c>
    </row>
    <row r="2874" spans="1:12">
      <c r="A2874" s="6" t="s">
        <v>49</v>
      </c>
      <c r="B2874" s="6"/>
      <c r="C2874" s="6" t="s">
        <v>2891</v>
      </c>
      <c r="D2874" s="6"/>
      <c r="E2874" s="6" t="s">
        <v>9</v>
      </c>
      <c r="F2874" s="7">
        <v>38657</v>
      </c>
      <c r="G2874" s="8">
        <v>1</v>
      </c>
      <c r="H2874" s="8">
        <v>1</v>
      </c>
      <c r="I2874" s="8">
        <v>0</v>
      </c>
      <c r="J2874" s="8">
        <v>1</v>
      </c>
      <c r="K2874" s="9">
        <v>140</v>
      </c>
      <c r="L2874" s="6" t="s">
        <v>51</v>
      </c>
    </row>
    <row r="2875" spans="1:12">
      <c r="A2875" s="6" t="s">
        <v>49</v>
      </c>
      <c r="B2875" s="6"/>
      <c r="C2875" s="6" t="s">
        <v>2892</v>
      </c>
      <c r="D2875" s="6"/>
      <c r="E2875" s="6" t="s">
        <v>9</v>
      </c>
      <c r="F2875" s="7">
        <v>38657</v>
      </c>
      <c r="G2875" s="8">
        <v>1</v>
      </c>
      <c r="H2875" s="8">
        <v>1</v>
      </c>
      <c r="I2875" s="8">
        <v>0</v>
      </c>
      <c r="J2875" s="8">
        <v>1</v>
      </c>
      <c r="K2875" s="9">
        <v>81</v>
      </c>
      <c r="L2875" s="6" t="s">
        <v>51</v>
      </c>
    </row>
    <row r="2876" spans="1:12">
      <c r="A2876" s="6" t="s">
        <v>49</v>
      </c>
      <c r="B2876" s="6"/>
      <c r="C2876" s="6" t="s">
        <v>2893</v>
      </c>
      <c r="D2876" s="6"/>
      <c r="E2876" s="6" t="s">
        <v>9</v>
      </c>
      <c r="F2876" s="7">
        <v>38657</v>
      </c>
      <c r="G2876" s="8">
        <v>1</v>
      </c>
      <c r="H2876" s="8">
        <v>1</v>
      </c>
      <c r="I2876" s="8">
        <v>0</v>
      </c>
      <c r="J2876" s="8">
        <v>1</v>
      </c>
      <c r="K2876" s="9">
        <v>503</v>
      </c>
      <c r="L2876" s="6" t="s">
        <v>51</v>
      </c>
    </row>
    <row r="2877" spans="1:12">
      <c r="A2877" s="6" t="s">
        <v>49</v>
      </c>
      <c r="B2877" s="6"/>
      <c r="C2877" s="6" t="s">
        <v>2894</v>
      </c>
      <c r="D2877" s="6"/>
      <c r="E2877" s="6" t="s">
        <v>9</v>
      </c>
      <c r="F2877" s="7">
        <v>38657</v>
      </c>
      <c r="G2877" s="8">
        <v>1</v>
      </c>
      <c r="H2877" s="8">
        <v>1</v>
      </c>
      <c r="I2877" s="8">
        <v>0</v>
      </c>
      <c r="J2877" s="8">
        <v>1</v>
      </c>
      <c r="K2877" s="9">
        <v>9.31</v>
      </c>
      <c r="L2877" s="6" t="s">
        <v>51</v>
      </c>
    </row>
    <row r="2878" spans="1:12">
      <c r="A2878" s="6" t="s">
        <v>49</v>
      </c>
      <c r="B2878" s="6"/>
      <c r="C2878" s="6" t="s">
        <v>2895</v>
      </c>
      <c r="D2878" s="6"/>
      <c r="E2878" s="6" t="s">
        <v>9</v>
      </c>
      <c r="F2878" s="7">
        <v>38657</v>
      </c>
      <c r="G2878" s="8">
        <v>1</v>
      </c>
      <c r="H2878" s="8">
        <v>1</v>
      </c>
      <c r="I2878" s="8">
        <v>0</v>
      </c>
      <c r="J2878" s="8">
        <v>1</v>
      </c>
      <c r="K2878" s="9">
        <v>595</v>
      </c>
      <c r="L2878" s="6" t="s">
        <v>51</v>
      </c>
    </row>
    <row r="2879" spans="1:12">
      <c r="A2879" s="6" t="s">
        <v>49</v>
      </c>
      <c r="B2879" s="6"/>
      <c r="C2879" s="6" t="s">
        <v>2896</v>
      </c>
      <c r="D2879" s="6"/>
      <c r="E2879" s="6" t="s">
        <v>9</v>
      </c>
      <c r="F2879" s="7">
        <v>38657</v>
      </c>
      <c r="G2879" s="8">
        <v>1</v>
      </c>
      <c r="H2879" s="8">
        <v>1</v>
      </c>
      <c r="I2879" s="8">
        <v>0</v>
      </c>
      <c r="J2879" s="8">
        <v>1</v>
      </c>
      <c r="K2879" s="9">
        <v>249</v>
      </c>
      <c r="L2879" s="6" t="s">
        <v>51</v>
      </c>
    </row>
    <row r="2880" spans="1:12">
      <c r="A2880" s="6" t="s">
        <v>49</v>
      </c>
      <c r="B2880" s="6"/>
      <c r="C2880" s="6" t="s">
        <v>2897</v>
      </c>
      <c r="D2880" s="6"/>
      <c r="E2880" s="6" t="s">
        <v>9</v>
      </c>
      <c r="F2880" s="7">
        <v>38657</v>
      </c>
      <c r="G2880" s="8">
        <v>1</v>
      </c>
      <c r="H2880" s="8">
        <v>1</v>
      </c>
      <c r="I2880" s="8">
        <v>0</v>
      </c>
      <c r="J2880" s="8">
        <v>1</v>
      </c>
      <c r="K2880" s="9">
        <v>678</v>
      </c>
      <c r="L2880" s="6" t="s">
        <v>51</v>
      </c>
    </row>
    <row r="2881" spans="1:12">
      <c r="A2881" s="6" t="s">
        <v>49</v>
      </c>
      <c r="B2881" s="6"/>
      <c r="C2881" s="6" t="s">
        <v>2898</v>
      </c>
      <c r="D2881" s="6"/>
      <c r="E2881" s="6" t="s">
        <v>9</v>
      </c>
      <c r="F2881" s="7">
        <v>38657</v>
      </c>
      <c r="G2881" s="8">
        <v>1</v>
      </c>
      <c r="H2881" s="8">
        <v>1</v>
      </c>
      <c r="I2881" s="8">
        <v>0</v>
      </c>
      <c r="J2881" s="8">
        <v>1</v>
      </c>
      <c r="K2881" s="9">
        <v>8.4</v>
      </c>
      <c r="L2881" s="6" t="s">
        <v>51</v>
      </c>
    </row>
    <row r="2882" spans="1:12">
      <c r="A2882" s="6" t="s">
        <v>49</v>
      </c>
      <c r="B2882" s="6"/>
      <c r="C2882" s="6" t="s">
        <v>2899</v>
      </c>
      <c r="D2882" s="6"/>
      <c r="E2882" s="6" t="s">
        <v>9</v>
      </c>
      <c r="F2882" s="7">
        <v>38657</v>
      </c>
      <c r="G2882" s="8">
        <v>1</v>
      </c>
      <c r="H2882" s="8">
        <v>1</v>
      </c>
      <c r="I2882" s="8">
        <v>0</v>
      </c>
      <c r="J2882" s="8">
        <v>1</v>
      </c>
      <c r="K2882" s="9">
        <v>43</v>
      </c>
      <c r="L2882" s="6" t="s">
        <v>51</v>
      </c>
    </row>
    <row r="2883" spans="1:12">
      <c r="A2883" s="6" t="s">
        <v>49</v>
      </c>
      <c r="B2883" s="6"/>
      <c r="C2883" s="6" t="s">
        <v>2900</v>
      </c>
      <c r="D2883" s="6"/>
      <c r="E2883" s="6" t="s">
        <v>9</v>
      </c>
      <c r="F2883" s="7">
        <v>38657</v>
      </c>
      <c r="G2883" s="8">
        <v>1</v>
      </c>
      <c r="H2883" s="8">
        <v>1</v>
      </c>
      <c r="I2883" s="8">
        <v>0</v>
      </c>
      <c r="J2883" s="8">
        <v>1</v>
      </c>
      <c r="K2883" s="9">
        <v>2.88</v>
      </c>
      <c r="L2883" s="6" t="s">
        <v>51</v>
      </c>
    </row>
    <row r="2884" spans="1:12">
      <c r="A2884" s="6" t="s">
        <v>49</v>
      </c>
      <c r="B2884" s="6"/>
      <c r="C2884" s="6" t="s">
        <v>2901</v>
      </c>
      <c r="D2884" s="6"/>
      <c r="E2884" s="6" t="s">
        <v>9</v>
      </c>
      <c r="F2884" s="7">
        <v>38657</v>
      </c>
      <c r="G2884" s="8">
        <v>1</v>
      </c>
      <c r="H2884" s="8">
        <v>1</v>
      </c>
      <c r="I2884" s="8">
        <v>0</v>
      </c>
      <c r="J2884" s="8">
        <v>1</v>
      </c>
      <c r="K2884" s="9">
        <v>217</v>
      </c>
      <c r="L2884" s="6" t="s">
        <v>51</v>
      </c>
    </row>
    <row r="2885" spans="1:12">
      <c r="A2885" s="6" t="s">
        <v>49</v>
      </c>
      <c r="B2885" s="6"/>
      <c r="C2885" s="6" t="s">
        <v>2902</v>
      </c>
      <c r="D2885" s="6"/>
      <c r="E2885" s="6" t="s">
        <v>9</v>
      </c>
      <c r="F2885" s="7">
        <v>38657</v>
      </c>
      <c r="G2885" s="8">
        <v>1</v>
      </c>
      <c r="H2885" s="8">
        <v>1</v>
      </c>
      <c r="I2885" s="8">
        <v>0</v>
      </c>
      <c r="J2885" s="8">
        <v>1</v>
      </c>
      <c r="K2885" s="9">
        <v>320</v>
      </c>
      <c r="L2885" s="6" t="s">
        <v>51</v>
      </c>
    </row>
    <row r="2886" spans="1:12">
      <c r="A2886" s="6" t="s">
        <v>49</v>
      </c>
      <c r="B2886" s="6"/>
      <c r="C2886" s="6" t="s">
        <v>2903</v>
      </c>
      <c r="D2886" s="6"/>
      <c r="E2886" s="6" t="s">
        <v>9</v>
      </c>
      <c r="F2886" s="7">
        <v>38657</v>
      </c>
      <c r="G2886" s="8">
        <v>1</v>
      </c>
      <c r="H2886" s="8">
        <v>1</v>
      </c>
      <c r="I2886" s="8">
        <v>0</v>
      </c>
      <c r="J2886" s="8">
        <v>1</v>
      </c>
      <c r="K2886" s="9">
        <v>217</v>
      </c>
      <c r="L2886" s="6" t="s">
        <v>51</v>
      </c>
    </row>
    <row r="2887" spans="1:12">
      <c r="A2887" s="6" t="s">
        <v>49</v>
      </c>
      <c r="B2887" s="6"/>
      <c r="C2887" s="6" t="s">
        <v>2904</v>
      </c>
      <c r="D2887" s="6"/>
      <c r="E2887" s="6" t="s">
        <v>9</v>
      </c>
      <c r="F2887" s="7">
        <v>38657</v>
      </c>
      <c r="G2887" s="8">
        <v>1</v>
      </c>
      <c r="H2887" s="8">
        <v>1</v>
      </c>
      <c r="I2887" s="8">
        <v>0</v>
      </c>
      <c r="J2887" s="8">
        <v>1</v>
      </c>
      <c r="K2887" s="9">
        <v>15</v>
      </c>
      <c r="L2887" s="6" t="s">
        <v>51</v>
      </c>
    </row>
    <row r="2888" spans="1:12">
      <c r="A2888" s="6" t="s">
        <v>49</v>
      </c>
      <c r="B2888" s="6"/>
      <c r="C2888" s="6" t="s">
        <v>2905</v>
      </c>
      <c r="D2888" s="6"/>
      <c r="E2888" s="6" t="s">
        <v>9</v>
      </c>
      <c r="F2888" s="7">
        <v>38657</v>
      </c>
      <c r="G2888" s="8">
        <v>1</v>
      </c>
      <c r="H2888" s="8">
        <v>1</v>
      </c>
      <c r="I2888" s="8">
        <v>0</v>
      </c>
      <c r="J2888" s="8">
        <v>1</v>
      </c>
      <c r="K2888" s="9">
        <v>285</v>
      </c>
      <c r="L2888" s="6" t="s">
        <v>51</v>
      </c>
    </row>
    <row r="2889" spans="1:12">
      <c r="A2889" s="6" t="s">
        <v>49</v>
      </c>
      <c r="B2889" s="6"/>
      <c r="C2889" s="6" t="s">
        <v>2906</v>
      </c>
      <c r="D2889" s="6"/>
      <c r="E2889" s="6" t="s">
        <v>9</v>
      </c>
      <c r="F2889" s="7">
        <v>38657</v>
      </c>
      <c r="G2889" s="8">
        <v>1</v>
      </c>
      <c r="H2889" s="8">
        <v>1</v>
      </c>
      <c r="I2889" s="8">
        <v>0</v>
      </c>
      <c r="J2889" s="8">
        <v>1</v>
      </c>
      <c r="K2889" s="9">
        <v>219</v>
      </c>
      <c r="L2889" s="6" t="s">
        <v>51</v>
      </c>
    </row>
    <row r="2890" spans="1:12">
      <c r="A2890" s="6" t="s">
        <v>49</v>
      </c>
      <c r="B2890" s="6"/>
      <c r="C2890" s="6" t="s">
        <v>2907</v>
      </c>
      <c r="D2890" s="6"/>
      <c r="E2890" s="6" t="s">
        <v>9</v>
      </c>
      <c r="F2890" s="7">
        <v>38657</v>
      </c>
      <c r="G2890" s="8">
        <v>1</v>
      </c>
      <c r="H2890" s="8">
        <v>1</v>
      </c>
      <c r="I2890" s="8">
        <v>0</v>
      </c>
      <c r="J2890" s="8">
        <v>1</v>
      </c>
      <c r="K2890" s="9">
        <v>110.91</v>
      </c>
      <c r="L2890" s="6" t="s">
        <v>51</v>
      </c>
    </row>
    <row r="2891" spans="1:12">
      <c r="A2891" s="6" t="s">
        <v>49</v>
      </c>
      <c r="B2891" s="6"/>
      <c r="C2891" s="6" t="s">
        <v>2908</v>
      </c>
      <c r="D2891" s="6"/>
      <c r="E2891" s="6" t="s">
        <v>9</v>
      </c>
      <c r="F2891" s="7">
        <v>38657</v>
      </c>
      <c r="G2891" s="8">
        <v>1</v>
      </c>
      <c r="H2891" s="8">
        <v>1</v>
      </c>
      <c r="I2891" s="8">
        <v>0</v>
      </c>
      <c r="J2891" s="8">
        <v>1</v>
      </c>
      <c r="K2891" s="9">
        <v>135.94</v>
      </c>
      <c r="L2891" s="6" t="s">
        <v>51</v>
      </c>
    </row>
    <row r="2892" spans="1:12">
      <c r="A2892" s="6" t="s">
        <v>49</v>
      </c>
      <c r="B2892" s="6"/>
      <c r="C2892" s="6" t="s">
        <v>2909</v>
      </c>
      <c r="D2892" s="6"/>
      <c r="E2892" s="6" t="s">
        <v>9</v>
      </c>
      <c r="F2892" s="7">
        <v>38657</v>
      </c>
      <c r="G2892" s="8">
        <v>1</v>
      </c>
      <c r="H2892" s="8">
        <v>1</v>
      </c>
      <c r="I2892" s="8">
        <v>0</v>
      </c>
      <c r="J2892" s="8">
        <v>1</v>
      </c>
      <c r="K2892" s="9">
        <v>219</v>
      </c>
      <c r="L2892" s="6" t="s">
        <v>51</v>
      </c>
    </row>
    <row r="2893" spans="1:12">
      <c r="A2893" s="6" t="s">
        <v>49</v>
      </c>
      <c r="B2893" s="6"/>
      <c r="C2893" s="6" t="s">
        <v>2910</v>
      </c>
      <c r="D2893" s="6"/>
      <c r="E2893" s="6" t="s">
        <v>9</v>
      </c>
      <c r="F2893" s="7">
        <v>38657</v>
      </c>
      <c r="G2893" s="8">
        <v>1</v>
      </c>
      <c r="H2893" s="8">
        <v>1</v>
      </c>
      <c r="I2893" s="8">
        <v>0</v>
      </c>
      <c r="J2893" s="8">
        <v>1</v>
      </c>
      <c r="K2893" s="9">
        <v>139</v>
      </c>
      <c r="L2893" s="6" t="s">
        <v>51</v>
      </c>
    </row>
    <row r="2894" spans="1:12">
      <c r="A2894" s="6" t="s">
        <v>49</v>
      </c>
      <c r="B2894" s="6"/>
      <c r="C2894" s="6" t="s">
        <v>2911</v>
      </c>
      <c r="D2894" s="6"/>
      <c r="E2894" s="6" t="s">
        <v>9</v>
      </c>
      <c r="F2894" s="7">
        <v>38657</v>
      </c>
      <c r="G2894" s="8">
        <v>1</v>
      </c>
      <c r="H2894" s="8">
        <v>1</v>
      </c>
      <c r="I2894" s="8">
        <v>0</v>
      </c>
      <c r="J2894" s="8">
        <v>1</v>
      </c>
      <c r="K2894" s="9">
        <v>319</v>
      </c>
      <c r="L2894" s="6" t="s">
        <v>51</v>
      </c>
    </row>
    <row r="2895" spans="1:12">
      <c r="A2895" s="6" t="s">
        <v>49</v>
      </c>
      <c r="B2895" s="6"/>
      <c r="C2895" s="6" t="s">
        <v>2912</v>
      </c>
      <c r="D2895" s="6"/>
      <c r="E2895" s="6" t="s">
        <v>9</v>
      </c>
      <c r="F2895" s="7">
        <v>38657</v>
      </c>
      <c r="G2895" s="8">
        <v>1</v>
      </c>
      <c r="H2895" s="8">
        <v>1</v>
      </c>
      <c r="I2895" s="8">
        <v>0</v>
      </c>
      <c r="J2895" s="8">
        <v>1</v>
      </c>
      <c r="K2895" s="9">
        <v>5.74</v>
      </c>
      <c r="L2895" s="6" t="s">
        <v>51</v>
      </c>
    </row>
    <row r="2896" spans="1:12">
      <c r="A2896" s="6" t="s">
        <v>49</v>
      </c>
      <c r="B2896" s="6"/>
      <c r="C2896" s="6" t="s">
        <v>2913</v>
      </c>
      <c r="D2896" s="6"/>
      <c r="E2896" s="6" t="s">
        <v>9</v>
      </c>
      <c r="F2896" s="7">
        <v>38657</v>
      </c>
      <c r="G2896" s="8">
        <v>1</v>
      </c>
      <c r="H2896" s="8">
        <v>1</v>
      </c>
      <c r="I2896" s="8">
        <v>0</v>
      </c>
      <c r="J2896" s="8">
        <v>1</v>
      </c>
      <c r="K2896" s="9">
        <v>250</v>
      </c>
      <c r="L2896" s="6" t="s">
        <v>51</v>
      </c>
    </row>
    <row r="2897" spans="1:12">
      <c r="A2897" s="6" t="s">
        <v>49</v>
      </c>
      <c r="B2897" s="6"/>
      <c r="C2897" s="6" t="s">
        <v>2914</v>
      </c>
      <c r="D2897" s="6"/>
      <c r="E2897" s="6" t="s">
        <v>9</v>
      </c>
      <c r="F2897" s="7">
        <v>38657</v>
      </c>
      <c r="G2897" s="8">
        <v>1</v>
      </c>
      <c r="H2897" s="8">
        <v>1</v>
      </c>
      <c r="I2897" s="8">
        <v>0</v>
      </c>
      <c r="J2897" s="8">
        <v>1</v>
      </c>
      <c r="K2897" s="9">
        <v>422</v>
      </c>
      <c r="L2897" s="6" t="s">
        <v>51</v>
      </c>
    </row>
    <row r="2898" spans="1:12">
      <c r="A2898" s="6" t="s">
        <v>49</v>
      </c>
      <c r="B2898" s="6"/>
      <c r="C2898" s="6" t="s">
        <v>2915</v>
      </c>
      <c r="D2898" s="6"/>
      <c r="E2898" s="6" t="s">
        <v>9</v>
      </c>
      <c r="F2898" s="7">
        <v>38657</v>
      </c>
      <c r="G2898" s="8">
        <v>1</v>
      </c>
      <c r="H2898" s="8">
        <v>1</v>
      </c>
      <c r="I2898" s="8">
        <v>0</v>
      </c>
      <c r="J2898" s="8">
        <v>1</v>
      </c>
      <c r="K2898" s="9">
        <v>163</v>
      </c>
      <c r="L2898" s="6" t="s">
        <v>51</v>
      </c>
    </row>
    <row r="2899" spans="1:12">
      <c r="A2899" s="6" t="s">
        <v>49</v>
      </c>
      <c r="B2899" s="6"/>
      <c r="C2899" s="6" t="s">
        <v>2916</v>
      </c>
      <c r="D2899" s="6"/>
      <c r="E2899" s="6" t="s">
        <v>9</v>
      </c>
      <c r="F2899" s="7">
        <v>38657</v>
      </c>
      <c r="G2899" s="8">
        <v>1</v>
      </c>
      <c r="H2899" s="8">
        <v>1</v>
      </c>
      <c r="I2899" s="8">
        <v>0</v>
      </c>
      <c r="J2899" s="8">
        <v>1</v>
      </c>
      <c r="K2899" s="9">
        <v>15</v>
      </c>
      <c r="L2899" s="6" t="s">
        <v>51</v>
      </c>
    </row>
    <row r="2900" spans="1:12">
      <c r="A2900" s="6" t="s">
        <v>49</v>
      </c>
      <c r="B2900" s="6"/>
      <c r="C2900" s="6" t="s">
        <v>2917</v>
      </c>
      <c r="D2900" s="6"/>
      <c r="E2900" s="6" t="s">
        <v>9</v>
      </c>
      <c r="F2900" s="7">
        <v>38657</v>
      </c>
      <c r="G2900" s="8">
        <v>1</v>
      </c>
      <c r="H2900" s="8">
        <v>1</v>
      </c>
      <c r="I2900" s="8">
        <v>0</v>
      </c>
      <c r="J2900" s="8">
        <v>1</v>
      </c>
      <c r="K2900" s="9">
        <v>233</v>
      </c>
      <c r="L2900" s="6" t="s">
        <v>51</v>
      </c>
    </row>
    <row r="2901" spans="1:12">
      <c r="A2901" s="6" t="s">
        <v>49</v>
      </c>
      <c r="B2901" s="6"/>
      <c r="C2901" s="6" t="s">
        <v>2918</v>
      </c>
      <c r="D2901" s="6"/>
      <c r="E2901" s="6" t="s">
        <v>9</v>
      </c>
      <c r="F2901" s="7">
        <v>38657</v>
      </c>
      <c r="G2901" s="8">
        <v>1</v>
      </c>
      <c r="H2901" s="8">
        <v>1</v>
      </c>
      <c r="I2901" s="8">
        <v>0</v>
      </c>
      <c r="J2901" s="8">
        <v>1</v>
      </c>
      <c r="K2901" s="9">
        <v>163</v>
      </c>
      <c r="L2901" s="6" t="s">
        <v>51</v>
      </c>
    </row>
    <row r="2902" spans="1:12">
      <c r="A2902" s="6" t="s">
        <v>49</v>
      </c>
      <c r="B2902" s="6"/>
      <c r="C2902" s="6" t="s">
        <v>2919</v>
      </c>
      <c r="D2902" s="6"/>
      <c r="E2902" s="6" t="s">
        <v>9</v>
      </c>
      <c r="F2902" s="7">
        <v>38657</v>
      </c>
      <c r="G2902" s="8">
        <v>1</v>
      </c>
      <c r="H2902" s="8">
        <v>1</v>
      </c>
      <c r="I2902" s="8">
        <v>0</v>
      </c>
      <c r="J2902" s="8">
        <v>1</v>
      </c>
      <c r="K2902" s="9">
        <v>202</v>
      </c>
      <c r="L2902" s="6" t="s">
        <v>51</v>
      </c>
    </row>
    <row r="2903" spans="1:12">
      <c r="A2903" s="6" t="s">
        <v>49</v>
      </c>
      <c r="B2903" s="6"/>
      <c r="C2903" s="6" t="s">
        <v>2920</v>
      </c>
      <c r="D2903" s="6"/>
      <c r="E2903" s="6" t="s">
        <v>9</v>
      </c>
      <c r="F2903" s="7">
        <v>38657</v>
      </c>
      <c r="G2903" s="8">
        <v>1</v>
      </c>
      <c r="H2903" s="8">
        <v>1</v>
      </c>
      <c r="I2903" s="8">
        <v>0</v>
      </c>
      <c r="J2903" s="8">
        <v>1</v>
      </c>
      <c r="K2903" s="9">
        <v>13</v>
      </c>
      <c r="L2903" s="6" t="s">
        <v>51</v>
      </c>
    </row>
    <row r="2904" spans="1:12">
      <c r="A2904" s="6" t="s">
        <v>49</v>
      </c>
      <c r="B2904" s="6"/>
      <c r="C2904" s="6" t="s">
        <v>2921</v>
      </c>
      <c r="D2904" s="6"/>
      <c r="E2904" s="6" t="s">
        <v>9</v>
      </c>
      <c r="F2904" s="7">
        <v>38657</v>
      </c>
      <c r="G2904" s="8">
        <v>1</v>
      </c>
      <c r="H2904" s="8">
        <v>1</v>
      </c>
      <c r="I2904" s="8">
        <v>0</v>
      </c>
      <c r="J2904" s="8">
        <v>1</v>
      </c>
      <c r="K2904" s="9">
        <v>2.38</v>
      </c>
      <c r="L2904" s="6" t="s">
        <v>51</v>
      </c>
    </row>
    <row r="2905" spans="1:12">
      <c r="A2905" s="6" t="s">
        <v>49</v>
      </c>
      <c r="B2905" s="6"/>
      <c r="C2905" s="6" t="s">
        <v>2922</v>
      </c>
      <c r="D2905" s="6"/>
      <c r="E2905" s="6" t="s">
        <v>9</v>
      </c>
      <c r="F2905" s="7">
        <v>38657</v>
      </c>
      <c r="G2905" s="8">
        <v>1</v>
      </c>
      <c r="H2905" s="8">
        <v>1</v>
      </c>
      <c r="I2905" s="8">
        <v>0</v>
      </c>
      <c r="J2905" s="8">
        <v>1</v>
      </c>
      <c r="K2905" s="9">
        <v>97</v>
      </c>
      <c r="L2905" s="6" t="s">
        <v>51</v>
      </c>
    </row>
    <row r="2906" spans="1:12">
      <c r="A2906" s="6" t="s">
        <v>49</v>
      </c>
      <c r="B2906" s="6"/>
      <c r="C2906" s="6" t="s">
        <v>2923</v>
      </c>
      <c r="D2906" s="6"/>
      <c r="E2906" s="6" t="s">
        <v>9</v>
      </c>
      <c r="F2906" s="7">
        <v>38657</v>
      </c>
      <c r="G2906" s="8">
        <v>1</v>
      </c>
      <c r="H2906" s="8">
        <v>1</v>
      </c>
      <c r="I2906" s="8">
        <v>0</v>
      </c>
      <c r="J2906" s="8">
        <v>1</v>
      </c>
      <c r="K2906" s="9">
        <v>4.0599999999999898</v>
      </c>
      <c r="L2906" s="6" t="s">
        <v>51</v>
      </c>
    </row>
    <row r="2907" spans="1:12">
      <c r="A2907" s="6" t="s">
        <v>49</v>
      </c>
      <c r="B2907" s="6"/>
      <c r="C2907" s="6" t="s">
        <v>2924</v>
      </c>
      <c r="D2907" s="6"/>
      <c r="E2907" s="6" t="s">
        <v>9</v>
      </c>
      <c r="F2907" s="7">
        <v>38657</v>
      </c>
      <c r="G2907" s="8">
        <v>1</v>
      </c>
      <c r="H2907" s="8">
        <v>1</v>
      </c>
      <c r="I2907" s="8">
        <v>0</v>
      </c>
      <c r="J2907" s="8">
        <v>1</v>
      </c>
      <c r="K2907" s="9">
        <v>30</v>
      </c>
      <c r="L2907" s="6" t="s">
        <v>51</v>
      </c>
    </row>
    <row r="2908" spans="1:12">
      <c r="A2908" s="6" t="s">
        <v>49</v>
      </c>
      <c r="B2908" s="6"/>
      <c r="C2908" s="6" t="s">
        <v>2925</v>
      </c>
      <c r="D2908" s="6"/>
      <c r="E2908" s="6" t="s">
        <v>9</v>
      </c>
      <c r="F2908" s="7">
        <v>38657</v>
      </c>
      <c r="G2908" s="8">
        <v>1</v>
      </c>
      <c r="H2908" s="8">
        <v>1</v>
      </c>
      <c r="I2908" s="8">
        <v>0</v>
      </c>
      <c r="J2908" s="8">
        <v>1</v>
      </c>
      <c r="K2908" s="9">
        <v>5.23</v>
      </c>
      <c r="L2908" s="6" t="s">
        <v>51</v>
      </c>
    </row>
    <row r="2909" spans="1:12">
      <c r="A2909" s="6" t="s">
        <v>49</v>
      </c>
      <c r="B2909" s="6"/>
      <c r="C2909" s="6" t="s">
        <v>2926</v>
      </c>
      <c r="D2909" s="6"/>
      <c r="E2909" s="6" t="s">
        <v>9</v>
      </c>
      <c r="F2909" s="7">
        <v>38657</v>
      </c>
      <c r="G2909" s="8">
        <v>1</v>
      </c>
      <c r="H2909" s="8">
        <v>1</v>
      </c>
      <c r="I2909" s="8">
        <v>0</v>
      </c>
      <c r="J2909" s="8">
        <v>1</v>
      </c>
      <c r="K2909" s="9">
        <v>61</v>
      </c>
      <c r="L2909" s="6" t="s">
        <v>51</v>
      </c>
    </row>
    <row r="2910" spans="1:12">
      <c r="A2910" s="6" t="s">
        <v>49</v>
      </c>
      <c r="B2910" s="6"/>
      <c r="C2910" s="6" t="s">
        <v>2927</v>
      </c>
      <c r="D2910" s="6"/>
      <c r="E2910" s="6" t="s">
        <v>9</v>
      </c>
      <c r="F2910" s="7">
        <v>38657</v>
      </c>
      <c r="G2910" s="8">
        <v>1</v>
      </c>
      <c r="H2910" s="8">
        <v>1</v>
      </c>
      <c r="I2910" s="8">
        <v>0</v>
      </c>
      <c r="J2910" s="8">
        <v>1</v>
      </c>
      <c r="K2910" s="9">
        <v>64</v>
      </c>
      <c r="L2910" s="6" t="s">
        <v>51</v>
      </c>
    </row>
    <row r="2911" spans="1:12">
      <c r="A2911" s="6" t="s">
        <v>49</v>
      </c>
      <c r="B2911" s="6"/>
      <c r="C2911" s="6" t="s">
        <v>2928</v>
      </c>
      <c r="D2911" s="6"/>
      <c r="E2911" s="6" t="s">
        <v>9</v>
      </c>
      <c r="F2911" s="7">
        <v>38657</v>
      </c>
      <c r="G2911" s="8">
        <v>1</v>
      </c>
      <c r="H2911" s="8">
        <v>1</v>
      </c>
      <c r="I2911" s="8">
        <v>0</v>
      </c>
      <c r="J2911" s="8">
        <v>1</v>
      </c>
      <c r="K2911" s="9">
        <v>44</v>
      </c>
      <c r="L2911" s="6" t="s">
        <v>51</v>
      </c>
    </row>
    <row r="2912" spans="1:12">
      <c r="A2912" s="6" t="s">
        <v>49</v>
      </c>
      <c r="B2912" s="6"/>
      <c r="C2912" s="6" t="s">
        <v>2929</v>
      </c>
      <c r="D2912" s="6"/>
      <c r="E2912" s="6" t="s">
        <v>9</v>
      </c>
      <c r="F2912" s="7">
        <v>38657</v>
      </c>
      <c r="G2912" s="8">
        <v>1</v>
      </c>
      <c r="H2912" s="8">
        <v>1</v>
      </c>
      <c r="I2912" s="8">
        <v>0</v>
      </c>
      <c r="J2912" s="8">
        <v>1</v>
      </c>
      <c r="K2912" s="9">
        <v>61</v>
      </c>
      <c r="L2912" s="6" t="s">
        <v>51</v>
      </c>
    </row>
    <row r="2913" spans="1:12">
      <c r="A2913" s="6" t="s">
        <v>49</v>
      </c>
      <c r="B2913" s="6"/>
      <c r="C2913" s="6" t="s">
        <v>2930</v>
      </c>
      <c r="D2913" s="6"/>
      <c r="E2913" s="6" t="s">
        <v>9</v>
      </c>
      <c r="F2913" s="7">
        <v>38657</v>
      </c>
      <c r="G2913" s="8">
        <v>1</v>
      </c>
      <c r="H2913" s="8">
        <v>1</v>
      </c>
      <c r="I2913" s="8">
        <v>0</v>
      </c>
      <c r="J2913" s="8">
        <v>1</v>
      </c>
      <c r="K2913" s="9">
        <v>69</v>
      </c>
      <c r="L2913" s="6" t="s">
        <v>51</v>
      </c>
    </row>
    <row r="2914" spans="1:12">
      <c r="A2914" s="6" t="s">
        <v>49</v>
      </c>
      <c r="B2914" s="6"/>
      <c r="C2914" s="6" t="s">
        <v>2931</v>
      </c>
      <c r="D2914" s="6"/>
      <c r="E2914" s="6" t="s">
        <v>9</v>
      </c>
      <c r="F2914" s="7">
        <v>38657</v>
      </c>
      <c r="G2914" s="8">
        <v>1</v>
      </c>
      <c r="H2914" s="8">
        <v>1</v>
      </c>
      <c r="I2914" s="8">
        <v>0</v>
      </c>
      <c r="J2914" s="8">
        <v>1</v>
      </c>
      <c r="K2914" s="9">
        <v>61</v>
      </c>
      <c r="L2914" s="6" t="s">
        <v>51</v>
      </c>
    </row>
    <row r="2915" spans="1:12">
      <c r="A2915" s="6" t="s">
        <v>49</v>
      </c>
      <c r="B2915" s="6"/>
      <c r="C2915" s="6" t="s">
        <v>2932</v>
      </c>
      <c r="D2915" s="6"/>
      <c r="E2915" s="6" t="s">
        <v>9</v>
      </c>
      <c r="F2915" s="7">
        <v>38657</v>
      </c>
      <c r="G2915" s="8">
        <v>1</v>
      </c>
      <c r="H2915" s="8">
        <v>1</v>
      </c>
      <c r="I2915" s="8">
        <v>0</v>
      </c>
      <c r="J2915" s="8">
        <v>1</v>
      </c>
      <c r="K2915" s="9">
        <v>73</v>
      </c>
      <c r="L2915" s="6" t="s">
        <v>51</v>
      </c>
    </row>
    <row r="2916" spans="1:12">
      <c r="A2916" s="6" t="s">
        <v>49</v>
      </c>
      <c r="B2916" s="6"/>
      <c r="C2916" s="6" t="s">
        <v>2933</v>
      </c>
      <c r="D2916" s="6"/>
      <c r="E2916" s="6" t="s">
        <v>9</v>
      </c>
      <c r="F2916" s="7">
        <v>38657</v>
      </c>
      <c r="G2916" s="8">
        <v>1</v>
      </c>
      <c r="H2916" s="8">
        <v>1</v>
      </c>
      <c r="I2916" s="8">
        <v>0</v>
      </c>
      <c r="J2916" s="8">
        <v>1</v>
      </c>
      <c r="K2916" s="9">
        <v>95</v>
      </c>
      <c r="L2916" s="6" t="s">
        <v>51</v>
      </c>
    </row>
    <row r="2917" spans="1:12">
      <c r="A2917" s="6" t="s">
        <v>49</v>
      </c>
      <c r="B2917" s="6"/>
      <c r="C2917" s="6" t="s">
        <v>2934</v>
      </c>
      <c r="D2917" s="6"/>
      <c r="E2917" s="6" t="s">
        <v>9</v>
      </c>
      <c r="F2917" s="7">
        <v>38657</v>
      </c>
      <c r="G2917" s="8">
        <v>1</v>
      </c>
      <c r="H2917" s="8">
        <v>1</v>
      </c>
      <c r="I2917" s="8">
        <v>0</v>
      </c>
      <c r="J2917" s="8">
        <v>1</v>
      </c>
      <c r="K2917" s="9">
        <v>61</v>
      </c>
      <c r="L2917" s="6" t="s">
        <v>51</v>
      </c>
    </row>
    <row r="2918" spans="1:12">
      <c r="A2918" s="6" t="s">
        <v>49</v>
      </c>
      <c r="B2918" s="6"/>
      <c r="C2918" s="6" t="s">
        <v>2935</v>
      </c>
      <c r="D2918" s="6"/>
      <c r="E2918" s="6" t="s">
        <v>9</v>
      </c>
      <c r="F2918" s="7">
        <v>38657</v>
      </c>
      <c r="G2918" s="8">
        <v>1</v>
      </c>
      <c r="H2918" s="8">
        <v>1</v>
      </c>
      <c r="I2918" s="8">
        <v>0</v>
      </c>
      <c r="J2918" s="8">
        <v>1</v>
      </c>
      <c r="K2918" s="9">
        <v>73</v>
      </c>
      <c r="L2918" s="6" t="s">
        <v>51</v>
      </c>
    </row>
    <row r="2919" spans="1:12">
      <c r="A2919" s="6" t="s">
        <v>49</v>
      </c>
      <c r="B2919" s="6"/>
      <c r="C2919" s="6" t="s">
        <v>2936</v>
      </c>
      <c r="D2919" s="6"/>
      <c r="E2919" s="6" t="s">
        <v>9</v>
      </c>
      <c r="F2919" s="7">
        <v>38657</v>
      </c>
      <c r="G2919" s="8">
        <v>1</v>
      </c>
      <c r="H2919" s="8">
        <v>1</v>
      </c>
      <c r="I2919" s="8">
        <v>0</v>
      </c>
      <c r="J2919" s="8">
        <v>1</v>
      </c>
      <c r="K2919" s="9">
        <v>61</v>
      </c>
      <c r="L2919" s="6" t="s">
        <v>51</v>
      </c>
    </row>
    <row r="2920" spans="1:12">
      <c r="A2920" s="6" t="s">
        <v>49</v>
      </c>
      <c r="B2920" s="6"/>
      <c r="C2920" s="6" t="s">
        <v>2937</v>
      </c>
      <c r="D2920" s="6"/>
      <c r="E2920" s="6" t="s">
        <v>9</v>
      </c>
      <c r="F2920" s="7">
        <v>38657</v>
      </c>
      <c r="G2920" s="8">
        <v>1</v>
      </c>
      <c r="H2920" s="8">
        <v>1</v>
      </c>
      <c r="I2920" s="8">
        <v>0</v>
      </c>
      <c r="J2920" s="8">
        <v>1</v>
      </c>
      <c r="K2920" s="9">
        <v>73</v>
      </c>
      <c r="L2920" s="6" t="s">
        <v>51</v>
      </c>
    </row>
    <row r="2921" spans="1:12">
      <c r="A2921" s="6" t="s">
        <v>49</v>
      </c>
      <c r="B2921" s="6"/>
      <c r="C2921" s="6" t="s">
        <v>2938</v>
      </c>
      <c r="D2921" s="6"/>
      <c r="E2921" s="6" t="s">
        <v>9</v>
      </c>
      <c r="F2921" s="7">
        <v>38657</v>
      </c>
      <c r="G2921" s="8">
        <v>1</v>
      </c>
      <c r="H2921" s="8">
        <v>1</v>
      </c>
      <c r="I2921" s="8">
        <v>0</v>
      </c>
      <c r="J2921" s="8">
        <v>1</v>
      </c>
      <c r="K2921" s="9">
        <v>63</v>
      </c>
      <c r="L2921" s="6" t="s">
        <v>51</v>
      </c>
    </row>
    <row r="2922" spans="1:12">
      <c r="A2922" s="6" t="s">
        <v>49</v>
      </c>
      <c r="B2922" s="6"/>
      <c r="C2922" s="6" t="s">
        <v>2939</v>
      </c>
      <c r="D2922" s="6"/>
      <c r="E2922" s="6" t="s">
        <v>9</v>
      </c>
      <c r="F2922" s="7">
        <v>38657</v>
      </c>
      <c r="G2922" s="8">
        <v>1</v>
      </c>
      <c r="H2922" s="8">
        <v>1</v>
      </c>
      <c r="I2922" s="8">
        <v>0</v>
      </c>
      <c r="J2922" s="8">
        <v>1</v>
      </c>
      <c r="K2922" s="9">
        <v>71</v>
      </c>
      <c r="L2922" s="6" t="s">
        <v>51</v>
      </c>
    </row>
    <row r="2923" spans="1:12">
      <c r="A2923" s="6" t="s">
        <v>49</v>
      </c>
      <c r="B2923" s="6"/>
      <c r="C2923" s="6" t="s">
        <v>2940</v>
      </c>
      <c r="D2923" s="6"/>
      <c r="E2923" s="6" t="s">
        <v>9</v>
      </c>
      <c r="F2923" s="7">
        <v>38657</v>
      </c>
      <c r="G2923" s="8">
        <v>1</v>
      </c>
      <c r="H2923" s="8">
        <v>1</v>
      </c>
      <c r="I2923" s="8">
        <v>0</v>
      </c>
      <c r="J2923" s="8">
        <v>1</v>
      </c>
      <c r="K2923" s="9">
        <v>73</v>
      </c>
      <c r="L2923" s="6" t="s">
        <v>51</v>
      </c>
    </row>
    <row r="2924" spans="1:12">
      <c r="A2924" s="6" t="s">
        <v>49</v>
      </c>
      <c r="B2924" s="6"/>
      <c r="C2924" s="6" t="s">
        <v>2941</v>
      </c>
      <c r="D2924" s="6"/>
      <c r="E2924" s="6" t="s">
        <v>9</v>
      </c>
      <c r="F2924" s="7">
        <v>38657</v>
      </c>
      <c r="G2924" s="8">
        <v>1</v>
      </c>
      <c r="H2924" s="8">
        <v>1</v>
      </c>
      <c r="I2924" s="8">
        <v>0</v>
      </c>
      <c r="J2924" s="8">
        <v>1</v>
      </c>
      <c r="K2924" s="9">
        <v>70</v>
      </c>
      <c r="L2924" s="6" t="s">
        <v>51</v>
      </c>
    </row>
    <row r="2925" spans="1:12">
      <c r="A2925" s="6" t="s">
        <v>49</v>
      </c>
      <c r="B2925" s="6"/>
      <c r="C2925" s="6" t="s">
        <v>2942</v>
      </c>
      <c r="D2925" s="6"/>
      <c r="E2925" s="6" t="s">
        <v>9</v>
      </c>
      <c r="F2925" s="7">
        <v>38657</v>
      </c>
      <c r="G2925" s="8">
        <v>1</v>
      </c>
      <c r="H2925" s="8">
        <v>1</v>
      </c>
      <c r="I2925" s="8">
        <v>0</v>
      </c>
      <c r="J2925" s="8">
        <v>1</v>
      </c>
      <c r="K2925" s="9">
        <v>135</v>
      </c>
      <c r="L2925" s="6" t="s">
        <v>51</v>
      </c>
    </row>
    <row r="2926" spans="1:12">
      <c r="A2926" s="6" t="s">
        <v>49</v>
      </c>
      <c r="B2926" s="6"/>
      <c r="C2926" s="6" t="s">
        <v>2943</v>
      </c>
      <c r="D2926" s="6"/>
      <c r="E2926" s="6" t="s">
        <v>9</v>
      </c>
      <c r="F2926" s="7">
        <v>38657</v>
      </c>
      <c r="G2926" s="8">
        <v>1</v>
      </c>
      <c r="H2926" s="8">
        <v>1</v>
      </c>
      <c r="I2926" s="8">
        <v>0</v>
      </c>
      <c r="J2926" s="8">
        <v>1</v>
      </c>
      <c r="K2926" s="9">
        <v>62</v>
      </c>
      <c r="L2926" s="6" t="s">
        <v>51</v>
      </c>
    </row>
    <row r="2927" spans="1:12">
      <c r="A2927" s="6" t="s">
        <v>49</v>
      </c>
      <c r="B2927" s="6"/>
      <c r="C2927" s="6" t="s">
        <v>2944</v>
      </c>
      <c r="D2927" s="6"/>
      <c r="E2927" s="6" t="s">
        <v>9</v>
      </c>
      <c r="F2927" s="7">
        <v>38657</v>
      </c>
      <c r="G2927" s="8">
        <v>1</v>
      </c>
      <c r="H2927" s="8">
        <v>1</v>
      </c>
      <c r="I2927" s="8">
        <v>0</v>
      </c>
      <c r="J2927" s="8">
        <v>1</v>
      </c>
      <c r="K2927" s="9">
        <v>100</v>
      </c>
      <c r="L2927" s="6" t="s">
        <v>51</v>
      </c>
    </row>
    <row r="2928" spans="1:12">
      <c r="A2928" s="6" t="s">
        <v>49</v>
      </c>
      <c r="B2928" s="6"/>
      <c r="C2928" s="6" t="s">
        <v>2945</v>
      </c>
      <c r="D2928" s="6"/>
      <c r="E2928" s="6" t="s">
        <v>9</v>
      </c>
      <c r="F2928" s="7">
        <v>38657</v>
      </c>
      <c r="G2928" s="8">
        <v>1</v>
      </c>
      <c r="H2928" s="8">
        <v>1</v>
      </c>
      <c r="I2928" s="8">
        <v>0</v>
      </c>
      <c r="J2928" s="8">
        <v>1</v>
      </c>
      <c r="K2928" s="9">
        <v>73</v>
      </c>
      <c r="L2928" s="6" t="s">
        <v>51</v>
      </c>
    </row>
    <row r="2929" spans="1:12">
      <c r="A2929" s="6" t="s">
        <v>49</v>
      </c>
      <c r="B2929" s="6"/>
      <c r="C2929" s="6" t="s">
        <v>2946</v>
      </c>
      <c r="D2929" s="6"/>
      <c r="E2929" s="6" t="s">
        <v>9</v>
      </c>
      <c r="F2929" s="7">
        <v>38657</v>
      </c>
      <c r="G2929" s="8">
        <v>1</v>
      </c>
      <c r="H2929" s="8">
        <v>1</v>
      </c>
      <c r="I2929" s="8">
        <v>0</v>
      </c>
      <c r="J2929" s="8">
        <v>1</v>
      </c>
      <c r="K2929" s="9">
        <v>62</v>
      </c>
      <c r="L2929" s="6" t="s">
        <v>51</v>
      </c>
    </row>
    <row r="2930" spans="1:12">
      <c r="A2930" s="6" t="s">
        <v>49</v>
      </c>
      <c r="B2930" s="6"/>
      <c r="C2930" s="6" t="s">
        <v>2947</v>
      </c>
      <c r="D2930" s="6"/>
      <c r="E2930" s="6" t="s">
        <v>9</v>
      </c>
      <c r="F2930" s="7">
        <v>38657</v>
      </c>
      <c r="G2930" s="8">
        <v>1</v>
      </c>
      <c r="H2930" s="8">
        <v>1</v>
      </c>
      <c r="I2930" s="8">
        <v>0</v>
      </c>
      <c r="J2930" s="8">
        <v>1</v>
      </c>
      <c r="K2930" s="9">
        <v>74</v>
      </c>
      <c r="L2930" s="6" t="s">
        <v>51</v>
      </c>
    </row>
    <row r="2931" spans="1:12">
      <c r="A2931" s="6" t="s">
        <v>49</v>
      </c>
      <c r="B2931" s="6"/>
      <c r="C2931" s="6" t="s">
        <v>2948</v>
      </c>
      <c r="D2931" s="6"/>
      <c r="E2931" s="6" t="s">
        <v>9</v>
      </c>
      <c r="F2931" s="7">
        <v>38657</v>
      </c>
      <c r="G2931" s="8">
        <v>1</v>
      </c>
      <c r="H2931" s="8">
        <v>1</v>
      </c>
      <c r="I2931" s="8">
        <v>0</v>
      </c>
      <c r="J2931" s="8">
        <v>1</v>
      </c>
      <c r="K2931" s="9">
        <v>62</v>
      </c>
      <c r="L2931" s="6" t="s">
        <v>51</v>
      </c>
    </row>
    <row r="2932" spans="1:12">
      <c r="A2932" s="6" t="s">
        <v>49</v>
      </c>
      <c r="B2932" s="6"/>
      <c r="C2932" s="6" t="s">
        <v>2949</v>
      </c>
      <c r="D2932" s="6"/>
      <c r="E2932" s="6" t="s">
        <v>9</v>
      </c>
      <c r="F2932" s="7">
        <v>38657</v>
      </c>
      <c r="G2932" s="8">
        <v>1</v>
      </c>
      <c r="H2932" s="8">
        <v>1</v>
      </c>
      <c r="I2932" s="8">
        <v>0</v>
      </c>
      <c r="J2932" s="8">
        <v>1</v>
      </c>
      <c r="K2932" s="9">
        <v>92</v>
      </c>
      <c r="L2932" s="6" t="s">
        <v>51</v>
      </c>
    </row>
    <row r="2933" spans="1:12">
      <c r="A2933" s="6" t="s">
        <v>49</v>
      </c>
      <c r="B2933" s="6"/>
      <c r="C2933" s="6" t="s">
        <v>2950</v>
      </c>
      <c r="D2933" s="6"/>
      <c r="E2933" s="6" t="s">
        <v>9</v>
      </c>
      <c r="F2933" s="7">
        <v>38657</v>
      </c>
      <c r="G2933" s="8">
        <v>1</v>
      </c>
      <c r="H2933" s="8">
        <v>1</v>
      </c>
      <c r="I2933" s="8">
        <v>0</v>
      </c>
      <c r="J2933" s="8">
        <v>1</v>
      </c>
      <c r="K2933" s="9">
        <v>66</v>
      </c>
      <c r="L2933" s="6" t="s">
        <v>51</v>
      </c>
    </row>
    <row r="2934" spans="1:12">
      <c r="A2934" s="6" t="s">
        <v>49</v>
      </c>
      <c r="B2934" s="6"/>
      <c r="C2934" s="6" t="s">
        <v>2951</v>
      </c>
      <c r="D2934" s="6"/>
      <c r="E2934" s="6" t="s">
        <v>9</v>
      </c>
      <c r="F2934" s="7">
        <v>38657</v>
      </c>
      <c r="G2934" s="8">
        <v>1</v>
      </c>
      <c r="H2934" s="8">
        <v>1</v>
      </c>
      <c r="I2934" s="8">
        <v>0</v>
      </c>
      <c r="J2934" s="8">
        <v>1</v>
      </c>
      <c r="K2934" s="9">
        <v>139</v>
      </c>
      <c r="L2934" s="6" t="s">
        <v>51</v>
      </c>
    </row>
    <row r="2935" spans="1:12">
      <c r="A2935" s="6" t="s">
        <v>49</v>
      </c>
      <c r="B2935" s="6"/>
      <c r="C2935" s="6" t="s">
        <v>2952</v>
      </c>
      <c r="D2935" s="6"/>
      <c r="E2935" s="6" t="s">
        <v>9</v>
      </c>
      <c r="F2935" s="7">
        <v>38657</v>
      </c>
      <c r="G2935" s="8">
        <v>1</v>
      </c>
      <c r="H2935" s="8">
        <v>1</v>
      </c>
      <c r="I2935" s="8">
        <v>0</v>
      </c>
      <c r="J2935" s="8">
        <v>1</v>
      </c>
      <c r="K2935" s="9">
        <v>64</v>
      </c>
      <c r="L2935" s="6" t="s">
        <v>51</v>
      </c>
    </row>
    <row r="2936" spans="1:12">
      <c r="A2936" s="6" t="s">
        <v>49</v>
      </c>
      <c r="B2936" s="6"/>
      <c r="C2936" s="6" t="s">
        <v>2953</v>
      </c>
      <c r="D2936" s="6"/>
      <c r="E2936" s="6" t="s">
        <v>9</v>
      </c>
      <c r="F2936" s="7">
        <v>38657</v>
      </c>
      <c r="G2936" s="8">
        <v>1</v>
      </c>
      <c r="H2936" s="8">
        <v>1</v>
      </c>
      <c r="I2936" s="8">
        <v>0</v>
      </c>
      <c r="J2936" s="8">
        <v>1</v>
      </c>
      <c r="K2936" s="9">
        <v>190.26</v>
      </c>
      <c r="L2936" s="6" t="s">
        <v>51</v>
      </c>
    </row>
    <row r="2937" spans="1:12">
      <c r="A2937" s="6" t="s">
        <v>49</v>
      </c>
      <c r="B2937" s="6"/>
      <c r="C2937" s="6" t="s">
        <v>2954</v>
      </c>
      <c r="D2937" s="6"/>
      <c r="E2937" s="6" t="s">
        <v>9</v>
      </c>
      <c r="F2937" s="7">
        <v>38657</v>
      </c>
      <c r="G2937" s="8">
        <v>1</v>
      </c>
      <c r="H2937" s="8">
        <v>1</v>
      </c>
      <c r="I2937" s="8">
        <v>0</v>
      </c>
      <c r="J2937" s="8">
        <v>1</v>
      </c>
      <c r="K2937" s="9">
        <v>77</v>
      </c>
      <c r="L2937" s="6" t="s">
        <v>51</v>
      </c>
    </row>
    <row r="2938" spans="1:12">
      <c r="A2938" s="6" t="s">
        <v>49</v>
      </c>
      <c r="B2938" s="6"/>
      <c r="C2938" s="6" t="s">
        <v>2955</v>
      </c>
      <c r="D2938" s="6"/>
      <c r="E2938" s="6" t="s">
        <v>9</v>
      </c>
      <c r="F2938" s="7">
        <v>38657</v>
      </c>
      <c r="G2938" s="8">
        <v>1</v>
      </c>
      <c r="H2938" s="8">
        <v>1</v>
      </c>
      <c r="I2938" s="8">
        <v>0</v>
      </c>
      <c r="J2938" s="8">
        <v>1</v>
      </c>
      <c r="K2938" s="9">
        <v>97</v>
      </c>
      <c r="L2938" s="6" t="s">
        <v>51</v>
      </c>
    </row>
    <row r="2939" spans="1:12">
      <c r="A2939" s="6" t="s">
        <v>49</v>
      </c>
      <c r="B2939" s="6"/>
      <c r="C2939" s="6" t="s">
        <v>2956</v>
      </c>
      <c r="D2939" s="6"/>
      <c r="E2939" s="6" t="s">
        <v>9</v>
      </c>
      <c r="F2939" s="7">
        <v>38657</v>
      </c>
      <c r="G2939" s="8">
        <v>1</v>
      </c>
      <c r="H2939" s="8">
        <v>1</v>
      </c>
      <c r="I2939" s="8">
        <v>0</v>
      </c>
      <c r="J2939" s="8">
        <v>1</v>
      </c>
      <c r="K2939" s="9">
        <v>347</v>
      </c>
      <c r="L2939" s="6" t="s">
        <v>51</v>
      </c>
    </row>
    <row r="2940" spans="1:12">
      <c r="A2940" s="6" t="s">
        <v>49</v>
      </c>
      <c r="B2940" s="6"/>
      <c r="C2940" s="6" t="s">
        <v>2957</v>
      </c>
      <c r="D2940" s="6"/>
      <c r="E2940" s="6" t="s">
        <v>9</v>
      </c>
      <c r="F2940" s="7">
        <v>38657</v>
      </c>
      <c r="G2940" s="8">
        <v>1</v>
      </c>
      <c r="H2940" s="8">
        <v>1</v>
      </c>
      <c r="I2940" s="8">
        <v>0</v>
      </c>
      <c r="J2940" s="8">
        <v>1</v>
      </c>
      <c r="K2940" s="9">
        <v>8</v>
      </c>
      <c r="L2940" s="6" t="s">
        <v>51</v>
      </c>
    </row>
    <row r="2941" spans="1:12">
      <c r="A2941" s="6" t="s">
        <v>49</v>
      </c>
      <c r="B2941" s="6"/>
      <c r="C2941" s="6" t="s">
        <v>2958</v>
      </c>
      <c r="D2941" s="6"/>
      <c r="E2941" s="6" t="s">
        <v>9</v>
      </c>
      <c r="F2941" s="7">
        <v>38657</v>
      </c>
      <c r="G2941" s="8">
        <v>1</v>
      </c>
      <c r="H2941" s="8">
        <v>1</v>
      </c>
      <c r="I2941" s="8">
        <v>0</v>
      </c>
      <c r="J2941" s="8">
        <v>1</v>
      </c>
      <c r="K2941" s="9">
        <v>4.4400000000000004</v>
      </c>
      <c r="L2941" s="6" t="s">
        <v>51</v>
      </c>
    </row>
    <row r="2942" spans="1:12">
      <c r="A2942" s="6" t="s">
        <v>49</v>
      </c>
      <c r="B2942" s="6"/>
      <c r="C2942" s="6" t="s">
        <v>2959</v>
      </c>
      <c r="D2942" s="6"/>
      <c r="E2942" s="6" t="s">
        <v>9</v>
      </c>
      <c r="F2942" s="7">
        <v>38657</v>
      </c>
      <c r="G2942" s="8">
        <v>1</v>
      </c>
      <c r="H2942" s="8">
        <v>1</v>
      </c>
      <c r="I2942" s="8">
        <v>0</v>
      </c>
      <c r="J2942" s="8">
        <v>1</v>
      </c>
      <c r="K2942" s="9">
        <v>85</v>
      </c>
      <c r="L2942" s="6" t="s">
        <v>51</v>
      </c>
    </row>
    <row r="2943" spans="1:12">
      <c r="A2943" s="6" t="s">
        <v>49</v>
      </c>
      <c r="B2943" s="6"/>
      <c r="C2943" s="6" t="s">
        <v>2960</v>
      </c>
      <c r="D2943" s="6"/>
      <c r="E2943" s="6" t="s">
        <v>9</v>
      </c>
      <c r="F2943" s="7">
        <v>38657</v>
      </c>
      <c r="G2943" s="8">
        <v>1</v>
      </c>
      <c r="H2943" s="8">
        <v>1</v>
      </c>
      <c r="I2943" s="8">
        <v>0</v>
      </c>
      <c r="J2943" s="8">
        <v>1</v>
      </c>
      <c r="K2943" s="9">
        <v>124</v>
      </c>
      <c r="L2943" s="6" t="s">
        <v>51</v>
      </c>
    </row>
    <row r="2944" spans="1:12">
      <c r="A2944" s="6" t="s">
        <v>49</v>
      </c>
      <c r="B2944" s="6"/>
      <c r="C2944" s="6" t="s">
        <v>2961</v>
      </c>
      <c r="D2944" s="6"/>
      <c r="E2944" s="6" t="s">
        <v>9</v>
      </c>
      <c r="F2944" s="7">
        <v>38657</v>
      </c>
      <c r="G2944" s="8">
        <v>1</v>
      </c>
      <c r="H2944" s="8">
        <v>1</v>
      </c>
      <c r="I2944" s="8">
        <v>0</v>
      </c>
      <c r="J2944" s="8">
        <v>1</v>
      </c>
      <c r="K2944" s="9">
        <v>135</v>
      </c>
      <c r="L2944" s="6" t="s">
        <v>51</v>
      </c>
    </row>
    <row r="2945" spans="1:12">
      <c r="A2945" s="6" t="s">
        <v>49</v>
      </c>
      <c r="B2945" s="6"/>
      <c r="C2945" s="6" t="s">
        <v>2962</v>
      </c>
      <c r="D2945" s="6"/>
      <c r="E2945" s="6" t="s">
        <v>9</v>
      </c>
      <c r="F2945" s="7">
        <v>38657</v>
      </c>
      <c r="G2945" s="8">
        <v>1</v>
      </c>
      <c r="H2945" s="8">
        <v>1</v>
      </c>
      <c r="I2945" s="8">
        <v>0</v>
      </c>
      <c r="J2945" s="8">
        <v>1</v>
      </c>
      <c r="K2945" s="9">
        <v>136</v>
      </c>
      <c r="L2945" s="6" t="s">
        <v>51</v>
      </c>
    </row>
    <row r="2946" spans="1:12">
      <c r="A2946" s="6" t="s">
        <v>49</v>
      </c>
      <c r="B2946" s="6"/>
      <c r="C2946" s="6" t="s">
        <v>2963</v>
      </c>
      <c r="D2946" s="6"/>
      <c r="E2946" s="6" t="s">
        <v>9</v>
      </c>
      <c r="F2946" s="7">
        <v>38657</v>
      </c>
      <c r="G2946" s="8">
        <v>1</v>
      </c>
      <c r="H2946" s="8">
        <v>1</v>
      </c>
      <c r="I2946" s="8">
        <v>0</v>
      </c>
      <c r="J2946" s="8">
        <v>1</v>
      </c>
      <c r="K2946" s="9">
        <v>137</v>
      </c>
      <c r="L2946" s="6" t="s">
        <v>51</v>
      </c>
    </row>
    <row r="2947" spans="1:12">
      <c r="A2947" s="6" t="s">
        <v>49</v>
      </c>
      <c r="B2947" s="6"/>
      <c r="C2947" s="6" t="s">
        <v>2964</v>
      </c>
      <c r="D2947" s="6"/>
      <c r="E2947" s="6" t="s">
        <v>9</v>
      </c>
      <c r="F2947" s="7">
        <v>38657</v>
      </c>
      <c r="G2947" s="8">
        <v>1</v>
      </c>
      <c r="H2947" s="8">
        <v>1</v>
      </c>
      <c r="I2947" s="8">
        <v>0</v>
      </c>
      <c r="J2947" s="8">
        <v>1</v>
      </c>
      <c r="K2947" s="9">
        <v>137</v>
      </c>
      <c r="L2947" s="6" t="s">
        <v>51</v>
      </c>
    </row>
    <row r="2948" spans="1:12">
      <c r="A2948" s="6" t="s">
        <v>49</v>
      </c>
      <c r="B2948" s="6"/>
      <c r="C2948" s="6" t="s">
        <v>2965</v>
      </c>
      <c r="D2948" s="6"/>
      <c r="E2948" s="6" t="s">
        <v>9</v>
      </c>
      <c r="F2948" s="7">
        <v>38657</v>
      </c>
      <c r="G2948" s="8">
        <v>1</v>
      </c>
      <c r="H2948" s="8">
        <v>1</v>
      </c>
      <c r="I2948" s="8">
        <v>0</v>
      </c>
      <c r="J2948" s="8">
        <v>1</v>
      </c>
      <c r="K2948" s="9">
        <v>138</v>
      </c>
      <c r="L2948" s="6" t="s">
        <v>51</v>
      </c>
    </row>
    <row r="2949" spans="1:12">
      <c r="A2949" s="6" t="s">
        <v>49</v>
      </c>
      <c r="B2949" s="6"/>
      <c r="C2949" s="6" t="s">
        <v>2966</v>
      </c>
      <c r="D2949" s="6"/>
      <c r="E2949" s="6" t="s">
        <v>9</v>
      </c>
      <c r="F2949" s="7">
        <v>38657</v>
      </c>
      <c r="G2949" s="8">
        <v>1</v>
      </c>
      <c r="H2949" s="8">
        <v>1</v>
      </c>
      <c r="I2949" s="8">
        <v>0</v>
      </c>
      <c r="J2949" s="8">
        <v>1</v>
      </c>
      <c r="K2949" s="9">
        <v>106</v>
      </c>
      <c r="L2949" s="6" t="s">
        <v>51</v>
      </c>
    </row>
    <row r="2950" spans="1:12">
      <c r="A2950" s="6" t="s">
        <v>49</v>
      </c>
      <c r="B2950" s="6"/>
      <c r="C2950" s="6" t="s">
        <v>2967</v>
      </c>
      <c r="D2950" s="6"/>
      <c r="E2950" s="6" t="s">
        <v>9</v>
      </c>
      <c r="F2950" s="7">
        <v>39826</v>
      </c>
      <c r="G2950" s="8">
        <v>297299</v>
      </c>
      <c r="H2950" s="8">
        <v>297299</v>
      </c>
      <c r="I2950" s="8">
        <v>0</v>
      </c>
      <c r="J2950" s="8">
        <v>297299</v>
      </c>
      <c r="K2950" s="9">
        <v>119</v>
      </c>
      <c r="L2950" s="6" t="s">
        <v>51</v>
      </c>
    </row>
    <row r="2951" spans="1:12">
      <c r="A2951" s="6" t="s">
        <v>49</v>
      </c>
      <c r="B2951" s="6"/>
      <c r="C2951" s="6" t="s">
        <v>2968</v>
      </c>
      <c r="D2951" s="6"/>
      <c r="E2951" s="6" t="s">
        <v>9</v>
      </c>
      <c r="F2951" s="7">
        <v>38657</v>
      </c>
      <c r="G2951" s="8">
        <v>1</v>
      </c>
      <c r="H2951" s="8">
        <v>1</v>
      </c>
      <c r="I2951" s="8">
        <v>0</v>
      </c>
      <c r="J2951" s="8">
        <v>1</v>
      </c>
      <c r="K2951" s="9">
        <v>139</v>
      </c>
      <c r="L2951" s="6" t="s">
        <v>51</v>
      </c>
    </row>
    <row r="2952" spans="1:12">
      <c r="A2952" s="6" t="s">
        <v>49</v>
      </c>
      <c r="B2952" s="6"/>
      <c r="C2952" s="6" t="s">
        <v>2969</v>
      </c>
      <c r="D2952" s="6"/>
      <c r="E2952" s="6" t="s">
        <v>9</v>
      </c>
      <c r="F2952" s="7">
        <v>38657</v>
      </c>
      <c r="G2952" s="8">
        <v>1</v>
      </c>
      <c r="H2952" s="8">
        <v>1</v>
      </c>
      <c r="I2952" s="8">
        <v>0</v>
      </c>
      <c r="J2952" s="8">
        <v>1</v>
      </c>
      <c r="K2952" s="9">
        <v>140</v>
      </c>
      <c r="L2952" s="6" t="s">
        <v>51</v>
      </c>
    </row>
    <row r="2953" spans="1:12">
      <c r="A2953" s="6" t="s">
        <v>49</v>
      </c>
      <c r="B2953" s="6"/>
      <c r="C2953" s="6" t="s">
        <v>2970</v>
      </c>
      <c r="D2953" s="6"/>
      <c r="E2953" s="6" t="s">
        <v>9</v>
      </c>
      <c r="F2953" s="7">
        <v>38657</v>
      </c>
      <c r="G2953" s="8">
        <v>1</v>
      </c>
      <c r="H2953" s="8">
        <v>1</v>
      </c>
      <c r="I2953" s="8">
        <v>0</v>
      </c>
      <c r="J2953" s="8">
        <v>1</v>
      </c>
      <c r="K2953" s="9">
        <v>140</v>
      </c>
      <c r="L2953" s="6" t="s">
        <v>51</v>
      </c>
    </row>
    <row r="2954" spans="1:12">
      <c r="A2954" s="6" t="s">
        <v>49</v>
      </c>
      <c r="B2954" s="6"/>
      <c r="C2954" s="6" t="s">
        <v>2971</v>
      </c>
      <c r="D2954" s="6"/>
      <c r="E2954" s="6" t="s">
        <v>9</v>
      </c>
      <c r="F2954" s="7">
        <v>38657</v>
      </c>
      <c r="G2954" s="8">
        <v>1</v>
      </c>
      <c r="H2954" s="8">
        <v>1</v>
      </c>
      <c r="I2954" s="8">
        <v>0</v>
      </c>
      <c r="J2954" s="8">
        <v>1</v>
      </c>
      <c r="K2954" s="9">
        <v>144</v>
      </c>
      <c r="L2954" s="6" t="s">
        <v>51</v>
      </c>
    </row>
    <row r="2955" spans="1:12">
      <c r="A2955" s="6" t="s">
        <v>49</v>
      </c>
      <c r="B2955" s="6"/>
      <c r="C2955" s="6" t="s">
        <v>2972</v>
      </c>
      <c r="D2955" s="6"/>
      <c r="E2955" s="6" t="s">
        <v>9</v>
      </c>
      <c r="F2955" s="7">
        <v>38657</v>
      </c>
      <c r="G2955" s="8">
        <v>1</v>
      </c>
      <c r="H2955" s="8">
        <v>1</v>
      </c>
      <c r="I2955" s="8">
        <v>0</v>
      </c>
      <c r="J2955" s="8">
        <v>1</v>
      </c>
      <c r="K2955" s="9">
        <v>172</v>
      </c>
      <c r="L2955" s="6" t="s">
        <v>51</v>
      </c>
    </row>
    <row r="2956" spans="1:12">
      <c r="A2956" s="6" t="s">
        <v>49</v>
      </c>
      <c r="B2956" s="6"/>
      <c r="C2956" s="6" t="s">
        <v>2973</v>
      </c>
      <c r="D2956" s="6"/>
      <c r="E2956" s="6" t="s">
        <v>9</v>
      </c>
      <c r="F2956" s="7">
        <v>38657</v>
      </c>
      <c r="G2956" s="8">
        <v>1</v>
      </c>
      <c r="H2956" s="8">
        <v>1</v>
      </c>
      <c r="I2956" s="8">
        <v>0</v>
      </c>
      <c r="J2956" s="8">
        <v>1</v>
      </c>
      <c r="K2956" s="9">
        <v>213</v>
      </c>
      <c r="L2956" s="6" t="s">
        <v>51</v>
      </c>
    </row>
    <row r="2957" spans="1:12">
      <c r="A2957" s="6" t="s">
        <v>49</v>
      </c>
      <c r="B2957" s="6"/>
      <c r="C2957" s="6" t="s">
        <v>2974</v>
      </c>
      <c r="D2957" s="6"/>
      <c r="E2957" s="6" t="s">
        <v>9</v>
      </c>
      <c r="F2957" s="7">
        <v>38657</v>
      </c>
      <c r="G2957" s="8">
        <v>1</v>
      </c>
      <c r="H2957" s="8">
        <v>1</v>
      </c>
      <c r="I2957" s="8">
        <v>0</v>
      </c>
      <c r="J2957" s="8">
        <v>1</v>
      </c>
      <c r="K2957" s="9">
        <v>249</v>
      </c>
      <c r="L2957" s="6" t="s">
        <v>51</v>
      </c>
    </row>
    <row r="2958" spans="1:12">
      <c r="A2958" s="6" t="s">
        <v>49</v>
      </c>
      <c r="B2958" s="6"/>
      <c r="C2958" s="6" t="s">
        <v>2975</v>
      </c>
      <c r="D2958" s="6"/>
      <c r="E2958" s="6" t="s">
        <v>9</v>
      </c>
      <c r="F2958" s="7">
        <v>38657</v>
      </c>
      <c r="G2958" s="8">
        <v>1</v>
      </c>
      <c r="H2958" s="8">
        <v>1</v>
      </c>
      <c r="I2958" s="8">
        <v>0</v>
      </c>
      <c r="J2958" s="8">
        <v>1</v>
      </c>
      <c r="K2958" s="9">
        <v>275</v>
      </c>
      <c r="L2958" s="6" t="s">
        <v>51</v>
      </c>
    </row>
    <row r="2959" spans="1:12">
      <c r="A2959" s="6" t="s">
        <v>49</v>
      </c>
      <c r="B2959" s="6"/>
      <c r="C2959" s="6" t="s">
        <v>2976</v>
      </c>
      <c r="D2959" s="6"/>
      <c r="E2959" s="6" t="s">
        <v>9</v>
      </c>
      <c r="F2959" s="7">
        <v>38657</v>
      </c>
      <c r="G2959" s="8">
        <v>1</v>
      </c>
      <c r="H2959" s="8">
        <v>1</v>
      </c>
      <c r="I2959" s="8">
        <v>0</v>
      </c>
      <c r="J2959" s="8">
        <v>1</v>
      </c>
      <c r="K2959" s="9">
        <v>281</v>
      </c>
      <c r="L2959" s="6" t="s">
        <v>51</v>
      </c>
    </row>
    <row r="2960" spans="1:12">
      <c r="A2960" s="6" t="s">
        <v>49</v>
      </c>
      <c r="B2960" s="6"/>
      <c r="C2960" s="6" t="s">
        <v>2977</v>
      </c>
      <c r="D2960" s="6"/>
      <c r="E2960" s="6" t="s">
        <v>9</v>
      </c>
      <c r="F2960" s="7">
        <v>38657</v>
      </c>
      <c r="G2960" s="8">
        <v>1</v>
      </c>
      <c r="H2960" s="8">
        <v>1</v>
      </c>
      <c r="I2960" s="8">
        <v>0</v>
      </c>
      <c r="J2960" s="8">
        <v>1</v>
      </c>
      <c r="K2960" s="9">
        <v>98</v>
      </c>
      <c r="L2960" s="6" t="s">
        <v>51</v>
      </c>
    </row>
    <row r="2961" spans="1:12">
      <c r="A2961" s="6" t="s">
        <v>49</v>
      </c>
      <c r="B2961" s="6"/>
      <c r="C2961" s="6" t="s">
        <v>2978</v>
      </c>
      <c r="D2961" s="6"/>
      <c r="E2961" s="6" t="s">
        <v>9</v>
      </c>
      <c r="F2961" s="7">
        <v>38657</v>
      </c>
      <c r="G2961" s="8">
        <v>1</v>
      </c>
      <c r="H2961" s="8">
        <v>1</v>
      </c>
      <c r="I2961" s="8">
        <v>0</v>
      </c>
      <c r="J2961" s="8">
        <v>1</v>
      </c>
      <c r="K2961" s="9">
        <v>281</v>
      </c>
      <c r="L2961" s="6" t="s">
        <v>51</v>
      </c>
    </row>
    <row r="2962" spans="1:12">
      <c r="A2962" s="6" t="s">
        <v>49</v>
      </c>
      <c r="B2962" s="6"/>
      <c r="C2962" s="6" t="s">
        <v>2979</v>
      </c>
      <c r="D2962" s="6"/>
      <c r="E2962" s="6" t="s">
        <v>9</v>
      </c>
      <c r="F2962" s="7">
        <v>38657</v>
      </c>
      <c r="G2962" s="8">
        <v>1</v>
      </c>
      <c r="H2962" s="8">
        <v>1</v>
      </c>
      <c r="I2962" s="8">
        <v>0</v>
      </c>
      <c r="J2962" s="8">
        <v>1</v>
      </c>
      <c r="K2962" s="9">
        <v>167</v>
      </c>
      <c r="L2962" s="6" t="s">
        <v>51</v>
      </c>
    </row>
    <row r="2963" spans="1:12">
      <c r="A2963" s="6" t="s">
        <v>49</v>
      </c>
      <c r="B2963" s="6"/>
      <c r="C2963" s="6" t="s">
        <v>2980</v>
      </c>
      <c r="D2963" s="6"/>
      <c r="E2963" s="6" t="s">
        <v>9</v>
      </c>
      <c r="F2963" s="7">
        <v>38657</v>
      </c>
      <c r="G2963" s="8">
        <v>1</v>
      </c>
      <c r="H2963" s="8">
        <v>1</v>
      </c>
      <c r="I2963" s="8">
        <v>0</v>
      </c>
      <c r="J2963" s="8">
        <v>1</v>
      </c>
      <c r="K2963" s="9">
        <v>193</v>
      </c>
      <c r="L2963" s="6" t="s">
        <v>51</v>
      </c>
    </row>
    <row r="2964" spans="1:12">
      <c r="A2964" s="6" t="s">
        <v>49</v>
      </c>
      <c r="B2964" s="6"/>
      <c r="C2964" s="6" t="s">
        <v>2981</v>
      </c>
      <c r="D2964" s="6"/>
      <c r="E2964" s="6" t="s">
        <v>9</v>
      </c>
      <c r="F2964" s="7">
        <v>38657</v>
      </c>
      <c r="G2964" s="8">
        <v>1</v>
      </c>
      <c r="H2964" s="8">
        <v>1</v>
      </c>
      <c r="I2964" s="8">
        <v>0</v>
      </c>
      <c r="J2964" s="8">
        <v>1</v>
      </c>
      <c r="K2964" s="9">
        <v>175</v>
      </c>
      <c r="L2964" s="6" t="s">
        <v>51</v>
      </c>
    </row>
    <row r="2965" spans="1:12">
      <c r="A2965" s="6" t="s">
        <v>49</v>
      </c>
      <c r="B2965" s="6"/>
      <c r="C2965" s="6" t="s">
        <v>2982</v>
      </c>
      <c r="D2965" s="6"/>
      <c r="E2965" s="6" t="s">
        <v>9</v>
      </c>
      <c r="F2965" s="7">
        <v>38657</v>
      </c>
      <c r="G2965" s="8">
        <v>1</v>
      </c>
      <c r="H2965" s="8">
        <v>1</v>
      </c>
      <c r="I2965" s="8">
        <v>0</v>
      </c>
      <c r="J2965" s="8">
        <v>1</v>
      </c>
      <c r="K2965" s="9">
        <v>167</v>
      </c>
      <c r="L2965" s="6" t="s">
        <v>51</v>
      </c>
    </row>
    <row r="2966" spans="1:12">
      <c r="A2966" s="6" t="s">
        <v>49</v>
      </c>
      <c r="B2966" s="6"/>
      <c r="C2966" s="6" t="s">
        <v>2983</v>
      </c>
      <c r="D2966" s="6"/>
      <c r="E2966" s="6" t="s">
        <v>9</v>
      </c>
      <c r="F2966" s="7">
        <v>38657</v>
      </c>
      <c r="G2966" s="8">
        <v>1</v>
      </c>
      <c r="H2966" s="8">
        <v>1</v>
      </c>
      <c r="I2966" s="8">
        <v>0</v>
      </c>
      <c r="J2966" s="8">
        <v>1</v>
      </c>
      <c r="K2966" s="9">
        <v>244.25</v>
      </c>
      <c r="L2966" s="6" t="s">
        <v>51</v>
      </c>
    </row>
    <row r="2967" spans="1:12">
      <c r="A2967" s="6" t="s">
        <v>49</v>
      </c>
      <c r="B2967" s="6"/>
      <c r="C2967" s="6" t="s">
        <v>2984</v>
      </c>
      <c r="D2967" s="6"/>
      <c r="E2967" s="6" t="s">
        <v>9</v>
      </c>
      <c r="F2967" s="7">
        <v>38657</v>
      </c>
      <c r="G2967" s="8">
        <v>1</v>
      </c>
      <c r="H2967" s="8">
        <v>1</v>
      </c>
      <c r="I2967" s="8">
        <v>0</v>
      </c>
      <c r="J2967" s="8">
        <v>1</v>
      </c>
      <c r="K2967" s="9">
        <v>222.68</v>
      </c>
      <c r="L2967" s="6" t="s">
        <v>51</v>
      </c>
    </row>
    <row r="2968" spans="1:12">
      <c r="A2968" s="6" t="s">
        <v>49</v>
      </c>
      <c r="B2968" s="6"/>
      <c r="C2968" s="6" t="s">
        <v>2985</v>
      </c>
      <c r="D2968" s="6"/>
      <c r="E2968" s="6" t="s">
        <v>9</v>
      </c>
      <c r="F2968" s="7">
        <v>38657</v>
      </c>
      <c r="G2968" s="8">
        <v>1</v>
      </c>
      <c r="H2968" s="8">
        <v>1</v>
      </c>
      <c r="I2968" s="8">
        <v>0</v>
      </c>
      <c r="J2968" s="8">
        <v>1</v>
      </c>
      <c r="K2968" s="9">
        <v>224</v>
      </c>
      <c r="L2968" s="6" t="s">
        <v>51</v>
      </c>
    </row>
    <row r="2969" spans="1:12">
      <c r="A2969" s="6" t="s">
        <v>49</v>
      </c>
      <c r="B2969" s="6"/>
      <c r="C2969" s="6" t="s">
        <v>2986</v>
      </c>
      <c r="D2969" s="6"/>
      <c r="E2969" s="6" t="s">
        <v>9</v>
      </c>
      <c r="F2969" s="7">
        <v>38657</v>
      </c>
      <c r="G2969" s="8">
        <v>1</v>
      </c>
      <c r="H2969" s="8">
        <v>1</v>
      </c>
      <c r="I2969" s="8">
        <v>0</v>
      </c>
      <c r="J2969" s="8">
        <v>1</v>
      </c>
      <c r="K2969" s="9">
        <v>285</v>
      </c>
      <c r="L2969" s="6" t="s">
        <v>51</v>
      </c>
    </row>
    <row r="2970" spans="1:12">
      <c r="A2970" s="6" t="s">
        <v>49</v>
      </c>
      <c r="B2970" s="6"/>
      <c r="C2970" s="6" t="s">
        <v>2987</v>
      </c>
      <c r="D2970" s="6"/>
      <c r="E2970" s="6" t="s">
        <v>9</v>
      </c>
      <c r="F2970" s="7">
        <v>38657</v>
      </c>
      <c r="G2970" s="8">
        <v>1</v>
      </c>
      <c r="H2970" s="8">
        <v>1</v>
      </c>
      <c r="I2970" s="8">
        <v>0</v>
      </c>
      <c r="J2970" s="8">
        <v>1</v>
      </c>
      <c r="K2970" s="9">
        <v>334</v>
      </c>
      <c r="L2970" s="6" t="s">
        <v>51</v>
      </c>
    </row>
    <row r="2971" spans="1:12">
      <c r="A2971" s="6" t="s">
        <v>49</v>
      </c>
      <c r="B2971" s="6"/>
      <c r="C2971" s="6" t="s">
        <v>2988</v>
      </c>
      <c r="D2971" s="6"/>
      <c r="E2971" s="6" t="s">
        <v>9</v>
      </c>
      <c r="F2971" s="7">
        <v>38657</v>
      </c>
      <c r="G2971" s="8">
        <v>1</v>
      </c>
      <c r="H2971" s="8">
        <v>1</v>
      </c>
      <c r="I2971" s="8">
        <v>0</v>
      </c>
      <c r="J2971" s="8">
        <v>1</v>
      </c>
      <c r="K2971" s="9">
        <v>18</v>
      </c>
      <c r="L2971" s="6" t="s">
        <v>51</v>
      </c>
    </row>
    <row r="2972" spans="1:12">
      <c r="A2972" s="6" t="s">
        <v>49</v>
      </c>
      <c r="B2972" s="6"/>
      <c r="C2972" s="6" t="s">
        <v>2989</v>
      </c>
      <c r="D2972" s="6"/>
      <c r="E2972" s="6" t="s">
        <v>9</v>
      </c>
      <c r="F2972" s="7">
        <v>38657</v>
      </c>
      <c r="G2972" s="8">
        <v>1</v>
      </c>
      <c r="H2972" s="8">
        <v>1</v>
      </c>
      <c r="I2972" s="8">
        <v>0</v>
      </c>
      <c r="J2972" s="8">
        <v>1</v>
      </c>
      <c r="K2972" s="9">
        <v>341</v>
      </c>
      <c r="L2972" s="6" t="s">
        <v>51</v>
      </c>
    </row>
    <row r="2973" spans="1:12">
      <c r="A2973" s="6" t="s">
        <v>49</v>
      </c>
      <c r="B2973" s="6"/>
      <c r="C2973" s="6" t="s">
        <v>2990</v>
      </c>
      <c r="D2973" s="6"/>
      <c r="E2973" s="6" t="s">
        <v>9</v>
      </c>
      <c r="F2973" s="7">
        <v>38657</v>
      </c>
      <c r="G2973" s="8">
        <v>1</v>
      </c>
      <c r="H2973" s="8">
        <v>1</v>
      </c>
      <c r="I2973" s="8">
        <v>0</v>
      </c>
      <c r="J2973" s="8">
        <v>1</v>
      </c>
      <c r="K2973" s="9">
        <v>332</v>
      </c>
      <c r="L2973" s="6" t="s">
        <v>51</v>
      </c>
    </row>
    <row r="2974" spans="1:12">
      <c r="A2974" s="6" t="s">
        <v>49</v>
      </c>
      <c r="B2974" s="6"/>
      <c r="C2974" s="6" t="s">
        <v>2991</v>
      </c>
      <c r="D2974" s="6"/>
      <c r="E2974" s="6" t="s">
        <v>9</v>
      </c>
      <c r="F2974" s="7">
        <v>38657</v>
      </c>
      <c r="G2974" s="8">
        <v>1</v>
      </c>
      <c r="H2974" s="8">
        <v>1</v>
      </c>
      <c r="I2974" s="8">
        <v>0</v>
      </c>
      <c r="J2974" s="8">
        <v>1</v>
      </c>
      <c r="K2974" s="9">
        <v>20</v>
      </c>
      <c r="L2974" s="6" t="s">
        <v>51</v>
      </c>
    </row>
    <row r="2975" spans="1:12">
      <c r="A2975" s="6" t="s">
        <v>49</v>
      </c>
      <c r="B2975" s="6"/>
      <c r="C2975" s="6" t="s">
        <v>2992</v>
      </c>
      <c r="D2975" s="6"/>
      <c r="E2975" s="6" t="s">
        <v>9</v>
      </c>
      <c r="F2975" s="7">
        <v>38657</v>
      </c>
      <c r="G2975" s="8">
        <v>1</v>
      </c>
      <c r="H2975" s="8">
        <v>1</v>
      </c>
      <c r="I2975" s="8">
        <v>0</v>
      </c>
      <c r="J2975" s="8">
        <v>1</v>
      </c>
      <c r="K2975" s="9">
        <v>162</v>
      </c>
      <c r="L2975" s="6" t="s">
        <v>51</v>
      </c>
    </row>
    <row r="2976" spans="1:12">
      <c r="A2976" s="6" t="s">
        <v>49</v>
      </c>
      <c r="B2976" s="6"/>
      <c r="C2976" s="6" t="s">
        <v>2993</v>
      </c>
      <c r="D2976" s="6"/>
      <c r="E2976" s="6" t="s">
        <v>9</v>
      </c>
      <c r="F2976" s="7">
        <v>38657</v>
      </c>
      <c r="G2976" s="8">
        <v>1</v>
      </c>
      <c r="H2976" s="8">
        <v>1</v>
      </c>
      <c r="I2976" s="8">
        <v>0</v>
      </c>
      <c r="J2976" s="8">
        <v>1</v>
      </c>
      <c r="K2976" s="9">
        <v>13</v>
      </c>
      <c r="L2976" s="6" t="s">
        <v>51</v>
      </c>
    </row>
    <row r="2977" spans="1:12">
      <c r="A2977" s="6" t="s">
        <v>49</v>
      </c>
      <c r="B2977" s="6"/>
      <c r="C2977" s="6" t="s">
        <v>2994</v>
      </c>
      <c r="D2977" s="6"/>
      <c r="E2977" s="6" t="s">
        <v>9</v>
      </c>
      <c r="F2977" s="7"/>
      <c r="G2977" s="8">
        <v>1</v>
      </c>
      <c r="H2977" s="8">
        <v>1</v>
      </c>
      <c r="I2977" s="8">
        <v>0</v>
      </c>
      <c r="J2977" s="8">
        <v>1</v>
      </c>
      <c r="K2977" s="9">
        <v>186.96</v>
      </c>
      <c r="L2977" s="6" t="s">
        <v>51</v>
      </c>
    </row>
    <row r="2978" spans="1:12">
      <c r="A2978" s="6" t="s">
        <v>49</v>
      </c>
      <c r="B2978" s="6"/>
      <c r="C2978" s="6" t="s">
        <v>2995</v>
      </c>
      <c r="D2978" s="6"/>
      <c r="E2978" s="6" t="s">
        <v>9</v>
      </c>
      <c r="F2978" s="7">
        <v>38657</v>
      </c>
      <c r="G2978" s="8">
        <v>1</v>
      </c>
      <c r="H2978" s="8">
        <v>1</v>
      </c>
      <c r="I2978" s="8">
        <v>0</v>
      </c>
      <c r="J2978" s="8">
        <v>1</v>
      </c>
      <c r="K2978" s="9">
        <v>72.36</v>
      </c>
      <c r="L2978" s="6" t="s">
        <v>51</v>
      </c>
    </row>
    <row r="2979" spans="1:12">
      <c r="A2979" s="6" t="s">
        <v>49</v>
      </c>
      <c r="B2979" s="6"/>
      <c r="C2979" s="6" t="s">
        <v>2996</v>
      </c>
      <c r="D2979" s="6"/>
      <c r="E2979" s="6" t="s">
        <v>9</v>
      </c>
      <c r="F2979" s="7">
        <v>38657</v>
      </c>
      <c r="G2979" s="8">
        <v>1</v>
      </c>
      <c r="H2979" s="8">
        <v>1</v>
      </c>
      <c r="I2979" s="8">
        <v>0</v>
      </c>
      <c r="J2979" s="8">
        <v>1</v>
      </c>
      <c r="K2979" s="9">
        <v>78.569999999999894</v>
      </c>
      <c r="L2979" s="6" t="s">
        <v>51</v>
      </c>
    </row>
    <row r="2980" spans="1:12">
      <c r="A2980" s="6" t="s">
        <v>49</v>
      </c>
      <c r="B2980" s="6"/>
      <c r="C2980" s="6" t="s">
        <v>2997</v>
      </c>
      <c r="D2980" s="6"/>
      <c r="E2980" s="6" t="s">
        <v>9</v>
      </c>
      <c r="F2980" s="7">
        <v>38657</v>
      </c>
      <c r="G2980" s="8">
        <v>1</v>
      </c>
      <c r="H2980" s="8">
        <v>1</v>
      </c>
      <c r="I2980" s="8">
        <v>0</v>
      </c>
      <c r="J2980" s="8">
        <v>1</v>
      </c>
      <c r="K2980" s="9">
        <v>165.29</v>
      </c>
      <c r="L2980" s="6" t="s">
        <v>51</v>
      </c>
    </row>
    <row r="2981" spans="1:12">
      <c r="A2981" s="6" t="s">
        <v>49</v>
      </c>
      <c r="B2981" s="6"/>
      <c r="C2981" s="6" t="s">
        <v>2998</v>
      </c>
      <c r="D2981" s="6"/>
      <c r="E2981" s="6" t="s">
        <v>9</v>
      </c>
      <c r="F2981" s="7">
        <v>38657</v>
      </c>
      <c r="G2981" s="8">
        <v>1</v>
      </c>
      <c r="H2981" s="8">
        <v>1</v>
      </c>
      <c r="I2981" s="8">
        <v>0</v>
      </c>
      <c r="J2981" s="8">
        <v>1</v>
      </c>
      <c r="K2981" s="9">
        <v>168</v>
      </c>
      <c r="L2981" s="6" t="s">
        <v>51</v>
      </c>
    </row>
    <row r="2982" spans="1:12">
      <c r="A2982" s="6" t="s">
        <v>49</v>
      </c>
      <c r="B2982" s="6"/>
      <c r="C2982" s="6" t="s">
        <v>2999</v>
      </c>
      <c r="D2982" s="6"/>
      <c r="E2982" s="6" t="s">
        <v>9</v>
      </c>
      <c r="F2982" s="7">
        <v>38657</v>
      </c>
      <c r="G2982" s="8">
        <v>1</v>
      </c>
      <c r="H2982" s="8">
        <v>1</v>
      </c>
      <c r="I2982" s="8">
        <v>0</v>
      </c>
      <c r="J2982" s="8">
        <v>1</v>
      </c>
      <c r="K2982" s="9">
        <v>121</v>
      </c>
      <c r="L2982" s="6" t="s">
        <v>51</v>
      </c>
    </row>
    <row r="2983" spans="1:12">
      <c r="A2983" s="6" t="s">
        <v>49</v>
      </c>
      <c r="B2983" s="6"/>
      <c r="C2983" s="6" t="s">
        <v>3000</v>
      </c>
      <c r="D2983" s="6"/>
      <c r="E2983" s="6" t="s">
        <v>9</v>
      </c>
      <c r="F2983" s="7">
        <v>38657</v>
      </c>
      <c r="G2983" s="8">
        <v>1</v>
      </c>
      <c r="H2983" s="8">
        <v>1</v>
      </c>
      <c r="I2983" s="8">
        <v>0</v>
      </c>
      <c r="J2983" s="8">
        <v>1</v>
      </c>
      <c r="K2983" s="9">
        <v>77</v>
      </c>
      <c r="L2983" s="6" t="s">
        <v>51</v>
      </c>
    </row>
    <row r="2984" spans="1:12">
      <c r="A2984" s="6" t="s">
        <v>49</v>
      </c>
      <c r="B2984" s="6"/>
      <c r="C2984" s="6" t="s">
        <v>3001</v>
      </c>
      <c r="D2984" s="6"/>
      <c r="E2984" s="6" t="s">
        <v>9</v>
      </c>
      <c r="F2984" s="7">
        <v>38657</v>
      </c>
      <c r="G2984" s="8">
        <v>1</v>
      </c>
      <c r="H2984" s="8">
        <v>1</v>
      </c>
      <c r="I2984" s="8">
        <v>0</v>
      </c>
      <c r="J2984" s="8">
        <v>1</v>
      </c>
      <c r="K2984" s="9">
        <v>40</v>
      </c>
      <c r="L2984" s="6" t="s">
        <v>51</v>
      </c>
    </row>
    <row r="2985" spans="1:12">
      <c r="A2985" s="6" t="s">
        <v>49</v>
      </c>
      <c r="B2985" s="6"/>
      <c r="C2985" s="6" t="s">
        <v>3002</v>
      </c>
      <c r="D2985" s="6"/>
      <c r="E2985" s="6" t="s">
        <v>9</v>
      </c>
      <c r="F2985" s="7">
        <v>39826</v>
      </c>
      <c r="G2985" s="8">
        <v>252498</v>
      </c>
      <c r="H2985" s="8">
        <v>252498</v>
      </c>
      <c r="I2985" s="8">
        <v>0</v>
      </c>
      <c r="J2985" s="8">
        <v>252498</v>
      </c>
      <c r="K2985" s="9">
        <v>101</v>
      </c>
      <c r="L2985" s="6" t="s">
        <v>51</v>
      </c>
    </row>
    <row r="2986" spans="1:12">
      <c r="A2986" s="6" t="s">
        <v>49</v>
      </c>
      <c r="B2986" s="6"/>
      <c r="C2986" s="6" t="s">
        <v>3003</v>
      </c>
      <c r="D2986" s="6"/>
      <c r="E2986" s="6" t="s">
        <v>9</v>
      </c>
      <c r="F2986" s="7">
        <v>39826</v>
      </c>
      <c r="G2986" s="8">
        <v>86035</v>
      </c>
      <c r="H2986" s="8">
        <v>86035</v>
      </c>
      <c r="I2986" s="8">
        <v>0</v>
      </c>
      <c r="J2986" s="8">
        <v>86035</v>
      </c>
      <c r="K2986" s="9">
        <v>34</v>
      </c>
      <c r="L2986" s="6" t="s">
        <v>51</v>
      </c>
    </row>
    <row r="2987" spans="1:12">
      <c r="A2987" s="6" t="s">
        <v>49</v>
      </c>
      <c r="B2987" s="6"/>
      <c r="C2987" s="6" t="s">
        <v>3004</v>
      </c>
      <c r="D2987" s="6"/>
      <c r="E2987" s="6" t="s">
        <v>9</v>
      </c>
      <c r="F2987" s="7">
        <v>38657</v>
      </c>
      <c r="G2987" s="8">
        <v>1</v>
      </c>
      <c r="H2987" s="8">
        <v>1</v>
      </c>
      <c r="I2987" s="8">
        <v>0</v>
      </c>
      <c r="J2987" s="8">
        <v>1</v>
      </c>
      <c r="K2987" s="9">
        <v>208</v>
      </c>
      <c r="L2987" s="6" t="s">
        <v>51</v>
      </c>
    </row>
    <row r="2988" spans="1:12">
      <c r="A2988" s="6" t="s">
        <v>49</v>
      </c>
      <c r="B2988" s="6"/>
      <c r="C2988" s="6" t="s">
        <v>3005</v>
      </c>
      <c r="D2988" s="6"/>
      <c r="E2988" s="6" t="s">
        <v>9</v>
      </c>
      <c r="F2988" s="7">
        <v>38657</v>
      </c>
      <c r="G2988" s="8">
        <v>1</v>
      </c>
      <c r="H2988" s="8">
        <v>1</v>
      </c>
      <c r="I2988" s="8">
        <v>0</v>
      </c>
      <c r="J2988" s="8">
        <v>1</v>
      </c>
      <c r="K2988" s="9">
        <v>11</v>
      </c>
      <c r="L2988" s="6" t="s">
        <v>51</v>
      </c>
    </row>
    <row r="2989" spans="1:12">
      <c r="A2989" s="6" t="s">
        <v>49</v>
      </c>
      <c r="B2989" s="6"/>
      <c r="C2989" s="6" t="s">
        <v>3006</v>
      </c>
      <c r="D2989" s="6"/>
      <c r="E2989" s="6" t="s">
        <v>9</v>
      </c>
      <c r="F2989" s="7">
        <v>38657</v>
      </c>
      <c r="G2989" s="8">
        <v>1</v>
      </c>
      <c r="H2989" s="8">
        <v>1</v>
      </c>
      <c r="I2989" s="8">
        <v>0</v>
      </c>
      <c r="J2989" s="8">
        <v>1</v>
      </c>
      <c r="K2989" s="9">
        <v>14</v>
      </c>
      <c r="L2989" s="6" t="s">
        <v>51</v>
      </c>
    </row>
    <row r="2990" spans="1:12">
      <c r="A2990" s="6" t="s">
        <v>49</v>
      </c>
      <c r="B2990" s="6"/>
      <c r="C2990" s="6" t="s">
        <v>3007</v>
      </c>
      <c r="D2990" s="6"/>
      <c r="E2990" s="6" t="s">
        <v>9</v>
      </c>
      <c r="F2990" s="7">
        <v>38657</v>
      </c>
      <c r="G2990" s="8">
        <v>1</v>
      </c>
      <c r="H2990" s="8">
        <v>1</v>
      </c>
      <c r="I2990" s="8">
        <v>0</v>
      </c>
      <c r="J2990" s="8">
        <v>1</v>
      </c>
      <c r="K2990" s="9">
        <v>48</v>
      </c>
      <c r="L2990" s="6" t="s">
        <v>51</v>
      </c>
    </row>
    <row r="2991" spans="1:12">
      <c r="A2991" s="6" t="s">
        <v>49</v>
      </c>
      <c r="B2991" s="6"/>
      <c r="C2991" s="6" t="s">
        <v>3008</v>
      </c>
      <c r="D2991" s="6"/>
      <c r="E2991" s="6" t="s">
        <v>9</v>
      </c>
      <c r="F2991" s="7">
        <v>38657</v>
      </c>
      <c r="G2991" s="8">
        <v>1</v>
      </c>
      <c r="H2991" s="8">
        <v>1</v>
      </c>
      <c r="I2991" s="8">
        <v>0</v>
      </c>
      <c r="J2991" s="8">
        <v>1</v>
      </c>
      <c r="K2991" s="9">
        <v>15</v>
      </c>
      <c r="L2991" s="6" t="s">
        <v>51</v>
      </c>
    </row>
    <row r="2992" spans="1:12">
      <c r="A2992" s="6" t="s">
        <v>49</v>
      </c>
      <c r="B2992" s="6"/>
      <c r="C2992" s="6" t="s">
        <v>3009</v>
      </c>
      <c r="D2992" s="6"/>
      <c r="E2992" s="6" t="s">
        <v>9</v>
      </c>
      <c r="F2992" s="7">
        <v>38657</v>
      </c>
      <c r="G2992" s="8">
        <v>1</v>
      </c>
      <c r="H2992" s="8">
        <v>1</v>
      </c>
      <c r="I2992" s="8">
        <v>0</v>
      </c>
      <c r="J2992" s="8">
        <v>1</v>
      </c>
      <c r="K2992" s="9">
        <v>3.23</v>
      </c>
      <c r="L2992" s="6" t="s">
        <v>51</v>
      </c>
    </row>
    <row r="2993" spans="1:12">
      <c r="A2993" s="6" t="s">
        <v>49</v>
      </c>
      <c r="B2993" s="6"/>
      <c r="C2993" s="6" t="s">
        <v>3010</v>
      </c>
      <c r="D2993" s="6"/>
      <c r="E2993" s="6" t="s">
        <v>9</v>
      </c>
      <c r="F2993" s="7">
        <v>38657</v>
      </c>
      <c r="G2993" s="8">
        <v>1</v>
      </c>
      <c r="H2993" s="8">
        <v>1</v>
      </c>
      <c r="I2993" s="8">
        <v>0</v>
      </c>
      <c r="J2993" s="8">
        <v>1</v>
      </c>
      <c r="K2993" s="9">
        <v>103</v>
      </c>
      <c r="L2993" s="6" t="s">
        <v>51</v>
      </c>
    </row>
    <row r="2994" spans="1:12">
      <c r="A2994" s="6" t="s">
        <v>49</v>
      </c>
      <c r="B2994" s="6"/>
      <c r="C2994" s="6" t="s">
        <v>3011</v>
      </c>
      <c r="D2994" s="6"/>
      <c r="E2994" s="6" t="s">
        <v>9</v>
      </c>
      <c r="F2994" s="7">
        <v>39826</v>
      </c>
      <c r="G2994" s="8">
        <v>446</v>
      </c>
      <c r="H2994" s="8">
        <v>446</v>
      </c>
      <c r="I2994" s="8">
        <v>0</v>
      </c>
      <c r="J2994" s="8">
        <v>446</v>
      </c>
      <c r="K2994" s="9">
        <v>0.18</v>
      </c>
      <c r="L2994" s="6" t="s">
        <v>51</v>
      </c>
    </row>
    <row r="2995" spans="1:12">
      <c r="A2995" s="6" t="s">
        <v>49</v>
      </c>
      <c r="B2995" s="6"/>
      <c r="C2995" s="6" t="s">
        <v>3012</v>
      </c>
      <c r="D2995" s="6"/>
      <c r="E2995" s="6" t="s">
        <v>9</v>
      </c>
      <c r="F2995" s="7">
        <v>39826</v>
      </c>
      <c r="G2995" s="8">
        <v>69567</v>
      </c>
      <c r="H2995" s="8">
        <v>69567</v>
      </c>
      <c r="I2995" s="8">
        <v>0</v>
      </c>
      <c r="J2995" s="8">
        <v>69567</v>
      </c>
      <c r="K2995" s="9">
        <v>33</v>
      </c>
      <c r="L2995" s="6" t="s">
        <v>51</v>
      </c>
    </row>
    <row r="2996" spans="1:12">
      <c r="A2996" s="6" t="s">
        <v>49</v>
      </c>
      <c r="B2996" s="6"/>
      <c r="C2996" s="6" t="s">
        <v>3013</v>
      </c>
      <c r="D2996" s="6"/>
      <c r="E2996" s="6" t="s">
        <v>9</v>
      </c>
      <c r="F2996" s="7">
        <v>39826</v>
      </c>
      <c r="G2996" s="8">
        <v>20245</v>
      </c>
      <c r="H2996" s="8">
        <v>20245</v>
      </c>
      <c r="I2996" s="8">
        <v>0</v>
      </c>
      <c r="J2996" s="8">
        <v>20245</v>
      </c>
      <c r="K2996" s="9">
        <v>9.7899999999999903</v>
      </c>
      <c r="L2996" s="6" t="s">
        <v>51</v>
      </c>
    </row>
    <row r="2997" spans="1:12">
      <c r="A2997" s="6" t="s">
        <v>49</v>
      </c>
      <c r="B2997" s="6"/>
      <c r="C2997" s="6" t="s">
        <v>3014</v>
      </c>
      <c r="D2997" s="6"/>
      <c r="E2997" s="6" t="s">
        <v>9</v>
      </c>
      <c r="F2997" s="7">
        <v>38657</v>
      </c>
      <c r="G2997" s="8">
        <v>1</v>
      </c>
      <c r="H2997" s="8">
        <v>1</v>
      </c>
      <c r="I2997" s="8">
        <v>0</v>
      </c>
      <c r="J2997" s="8">
        <v>1</v>
      </c>
      <c r="K2997" s="9">
        <v>8.23</v>
      </c>
      <c r="L2997" s="6" t="s">
        <v>51</v>
      </c>
    </row>
    <row r="2998" spans="1:12">
      <c r="A2998" s="6" t="s">
        <v>49</v>
      </c>
      <c r="B2998" s="6"/>
      <c r="C2998" s="6" t="s">
        <v>3015</v>
      </c>
      <c r="D2998" s="6"/>
      <c r="E2998" s="6" t="s">
        <v>9</v>
      </c>
      <c r="F2998" s="7">
        <v>38657</v>
      </c>
      <c r="G2998" s="8">
        <v>1</v>
      </c>
      <c r="H2998" s="8">
        <v>1</v>
      </c>
      <c r="I2998" s="8">
        <v>0</v>
      </c>
      <c r="J2998" s="8">
        <v>1</v>
      </c>
      <c r="K2998" s="9">
        <v>2.8</v>
      </c>
      <c r="L2998" s="6" t="s">
        <v>51</v>
      </c>
    </row>
    <row r="2999" spans="1:12">
      <c r="A2999" s="6" t="s">
        <v>49</v>
      </c>
      <c r="B2999" s="6"/>
      <c r="C2999" s="6" t="s">
        <v>3016</v>
      </c>
      <c r="D2999" s="6"/>
      <c r="E2999" s="6" t="s">
        <v>9</v>
      </c>
      <c r="F2999" s="7">
        <v>38657</v>
      </c>
      <c r="G2999" s="8">
        <v>1</v>
      </c>
      <c r="H2999" s="8">
        <v>1</v>
      </c>
      <c r="I2999" s="8">
        <v>0</v>
      </c>
      <c r="J2999" s="8">
        <v>1</v>
      </c>
      <c r="K2999" s="9">
        <v>6.24</v>
      </c>
      <c r="L2999" s="6" t="s">
        <v>51</v>
      </c>
    </row>
    <row r="3000" spans="1:12">
      <c r="A3000" s="6" t="s">
        <v>49</v>
      </c>
      <c r="B3000" s="6"/>
      <c r="C3000" s="6" t="s">
        <v>3017</v>
      </c>
      <c r="D3000" s="6"/>
      <c r="E3000" s="6" t="s">
        <v>9</v>
      </c>
      <c r="F3000" s="7">
        <v>38657</v>
      </c>
      <c r="G3000" s="8">
        <v>1</v>
      </c>
      <c r="H3000" s="8">
        <v>1</v>
      </c>
      <c r="I3000" s="8">
        <v>0</v>
      </c>
      <c r="J3000" s="8">
        <v>1</v>
      </c>
      <c r="K3000" s="9">
        <v>37.270000000000003</v>
      </c>
      <c r="L3000" s="6" t="s">
        <v>51</v>
      </c>
    </row>
    <row r="3001" spans="1:12">
      <c r="A3001" s="6" t="s">
        <v>49</v>
      </c>
      <c r="B3001" s="6"/>
      <c r="C3001" s="6" t="s">
        <v>3018</v>
      </c>
      <c r="D3001" s="6"/>
      <c r="E3001" s="6" t="s">
        <v>9</v>
      </c>
      <c r="F3001" s="7">
        <v>38657</v>
      </c>
      <c r="G3001" s="8">
        <v>1</v>
      </c>
      <c r="H3001" s="8">
        <v>1</v>
      </c>
      <c r="I3001" s="8">
        <v>0</v>
      </c>
      <c r="J3001" s="8">
        <v>1</v>
      </c>
      <c r="K3001" s="9">
        <v>5.08</v>
      </c>
      <c r="L3001" s="6" t="s">
        <v>51</v>
      </c>
    </row>
    <row r="3002" spans="1:12">
      <c r="A3002" s="6" t="s">
        <v>49</v>
      </c>
      <c r="B3002" s="6"/>
      <c r="C3002" s="6" t="s">
        <v>3019</v>
      </c>
      <c r="D3002" s="6"/>
      <c r="E3002" s="6" t="s">
        <v>9</v>
      </c>
      <c r="F3002" s="7">
        <v>38657</v>
      </c>
      <c r="G3002" s="8">
        <v>1</v>
      </c>
      <c r="H3002" s="8">
        <v>1</v>
      </c>
      <c r="I3002" s="8">
        <v>0</v>
      </c>
      <c r="J3002" s="8">
        <v>1</v>
      </c>
      <c r="K3002" s="9">
        <v>5.49</v>
      </c>
      <c r="L3002" s="6" t="s">
        <v>51</v>
      </c>
    </row>
    <row r="3003" spans="1:12">
      <c r="A3003" s="6" t="s">
        <v>49</v>
      </c>
      <c r="B3003" s="6"/>
      <c r="C3003" s="6" t="s">
        <v>3020</v>
      </c>
      <c r="D3003" s="6"/>
      <c r="E3003" s="6" t="s">
        <v>9</v>
      </c>
      <c r="F3003" s="7">
        <v>38657</v>
      </c>
      <c r="G3003" s="8">
        <v>1</v>
      </c>
      <c r="H3003" s="8">
        <v>1</v>
      </c>
      <c r="I3003" s="8">
        <v>0</v>
      </c>
      <c r="J3003" s="8">
        <v>1</v>
      </c>
      <c r="K3003" s="9">
        <v>22</v>
      </c>
      <c r="L3003" s="6" t="s">
        <v>51</v>
      </c>
    </row>
    <row r="3004" spans="1:12">
      <c r="A3004" s="6" t="s">
        <v>49</v>
      </c>
      <c r="B3004" s="6"/>
      <c r="C3004" s="6" t="s">
        <v>3021</v>
      </c>
      <c r="D3004" s="6"/>
      <c r="E3004" s="6" t="s">
        <v>9</v>
      </c>
      <c r="F3004" s="7">
        <v>38657</v>
      </c>
      <c r="G3004" s="8">
        <v>1</v>
      </c>
      <c r="H3004" s="8">
        <v>1</v>
      </c>
      <c r="I3004" s="8">
        <v>0</v>
      </c>
      <c r="J3004" s="8">
        <v>1</v>
      </c>
      <c r="K3004" s="9">
        <v>87</v>
      </c>
      <c r="L3004" s="6" t="s">
        <v>51</v>
      </c>
    </row>
    <row r="3005" spans="1:12">
      <c r="A3005" s="6" t="s">
        <v>49</v>
      </c>
      <c r="B3005" s="6"/>
      <c r="C3005" s="6" t="s">
        <v>3022</v>
      </c>
      <c r="D3005" s="6"/>
      <c r="E3005" s="6" t="s">
        <v>9</v>
      </c>
      <c r="F3005" s="7">
        <v>38657</v>
      </c>
      <c r="G3005" s="8">
        <v>1</v>
      </c>
      <c r="H3005" s="8">
        <v>1</v>
      </c>
      <c r="I3005" s="8">
        <v>0</v>
      </c>
      <c r="J3005" s="8">
        <v>1</v>
      </c>
      <c r="K3005" s="9">
        <v>35</v>
      </c>
      <c r="L3005" s="6" t="s">
        <v>51</v>
      </c>
    </row>
    <row r="3006" spans="1:12">
      <c r="A3006" s="6" t="s">
        <v>49</v>
      </c>
      <c r="B3006" s="6"/>
      <c r="C3006" s="6" t="s">
        <v>3023</v>
      </c>
      <c r="D3006" s="6"/>
      <c r="E3006" s="6" t="s">
        <v>9</v>
      </c>
      <c r="F3006" s="7">
        <v>38657</v>
      </c>
      <c r="G3006" s="8">
        <v>1</v>
      </c>
      <c r="H3006" s="8">
        <v>1</v>
      </c>
      <c r="I3006" s="8">
        <v>0</v>
      </c>
      <c r="J3006" s="8">
        <v>1</v>
      </c>
      <c r="K3006" s="9">
        <v>6.02</v>
      </c>
      <c r="L3006" s="6" t="s">
        <v>51</v>
      </c>
    </row>
    <row r="3007" spans="1:12">
      <c r="A3007" s="6" t="s">
        <v>49</v>
      </c>
      <c r="B3007" s="6"/>
      <c r="C3007" s="6" t="s">
        <v>3024</v>
      </c>
      <c r="D3007" s="6"/>
      <c r="E3007" s="6" t="s">
        <v>9</v>
      </c>
      <c r="F3007" s="7">
        <v>38657</v>
      </c>
      <c r="G3007" s="8">
        <v>1</v>
      </c>
      <c r="H3007" s="8">
        <v>1</v>
      </c>
      <c r="I3007" s="8">
        <v>0</v>
      </c>
      <c r="J3007" s="8">
        <v>1</v>
      </c>
      <c r="K3007" s="9">
        <v>39</v>
      </c>
      <c r="L3007" s="6" t="s">
        <v>51</v>
      </c>
    </row>
    <row r="3008" spans="1:12">
      <c r="A3008" s="6" t="s">
        <v>49</v>
      </c>
      <c r="B3008" s="6"/>
      <c r="C3008" s="6" t="s">
        <v>3025</v>
      </c>
      <c r="D3008" s="6"/>
      <c r="E3008" s="6" t="s">
        <v>9</v>
      </c>
      <c r="F3008" s="7">
        <v>38657</v>
      </c>
      <c r="G3008" s="8">
        <v>1</v>
      </c>
      <c r="H3008" s="8">
        <v>1</v>
      </c>
      <c r="I3008" s="8">
        <v>0</v>
      </c>
      <c r="J3008" s="8">
        <v>1</v>
      </c>
      <c r="K3008" s="9">
        <v>4.1100000000000003</v>
      </c>
      <c r="L3008" s="6" t="s">
        <v>51</v>
      </c>
    </row>
    <row r="3009" spans="1:12">
      <c r="A3009" s="6" t="s">
        <v>49</v>
      </c>
      <c r="B3009" s="6"/>
      <c r="C3009" s="6" t="s">
        <v>3026</v>
      </c>
      <c r="D3009" s="6"/>
      <c r="E3009" s="6" t="s">
        <v>9</v>
      </c>
      <c r="F3009" s="7"/>
      <c r="G3009" s="8">
        <v>1</v>
      </c>
      <c r="H3009" s="8">
        <v>1</v>
      </c>
      <c r="I3009" s="8">
        <v>0</v>
      </c>
      <c r="J3009" s="8">
        <v>1</v>
      </c>
      <c r="K3009" s="9">
        <v>4</v>
      </c>
      <c r="L3009" s="6" t="s">
        <v>51</v>
      </c>
    </row>
    <row r="3010" spans="1:12">
      <c r="A3010" s="6" t="s">
        <v>49</v>
      </c>
      <c r="B3010" s="6"/>
      <c r="C3010" s="6" t="s">
        <v>3027</v>
      </c>
      <c r="D3010" s="6"/>
      <c r="E3010" s="6" t="s">
        <v>9</v>
      </c>
      <c r="F3010" s="7">
        <v>38657</v>
      </c>
      <c r="G3010" s="8">
        <v>1</v>
      </c>
      <c r="H3010" s="8">
        <v>1</v>
      </c>
      <c r="I3010" s="8">
        <v>0</v>
      </c>
      <c r="J3010" s="8">
        <v>1</v>
      </c>
      <c r="K3010" s="9">
        <v>1.95</v>
      </c>
      <c r="L3010" s="6" t="s">
        <v>51</v>
      </c>
    </row>
    <row r="3011" spans="1:12">
      <c r="A3011" s="6" t="s">
        <v>49</v>
      </c>
      <c r="B3011" s="6"/>
      <c r="C3011" s="6" t="s">
        <v>3028</v>
      </c>
      <c r="D3011" s="6"/>
      <c r="E3011" s="6" t="s">
        <v>9</v>
      </c>
      <c r="F3011" s="7">
        <v>38657</v>
      </c>
      <c r="G3011" s="8">
        <v>1</v>
      </c>
      <c r="H3011" s="8">
        <v>1</v>
      </c>
      <c r="I3011" s="8">
        <v>0</v>
      </c>
      <c r="J3011" s="8">
        <v>1</v>
      </c>
      <c r="K3011" s="9">
        <v>25.15</v>
      </c>
      <c r="L3011" s="6" t="s">
        <v>51</v>
      </c>
    </row>
    <row r="3012" spans="1:12">
      <c r="A3012" s="6" t="s">
        <v>49</v>
      </c>
      <c r="B3012" s="6"/>
      <c r="C3012" s="6" t="s">
        <v>3029</v>
      </c>
      <c r="D3012" s="6"/>
      <c r="E3012" s="6" t="s">
        <v>9</v>
      </c>
      <c r="F3012" s="7">
        <v>38657</v>
      </c>
      <c r="G3012" s="8">
        <v>1</v>
      </c>
      <c r="H3012" s="8">
        <v>1</v>
      </c>
      <c r="I3012" s="8">
        <v>0</v>
      </c>
      <c r="J3012" s="8">
        <v>1</v>
      </c>
      <c r="K3012" s="9">
        <v>1.2</v>
      </c>
      <c r="L3012" s="6" t="s">
        <v>51</v>
      </c>
    </row>
    <row r="3013" spans="1:12">
      <c r="A3013" s="6" t="s">
        <v>49</v>
      </c>
      <c r="B3013" s="6"/>
      <c r="C3013" s="6" t="s">
        <v>3030</v>
      </c>
      <c r="D3013" s="6"/>
      <c r="E3013" s="6" t="s">
        <v>9</v>
      </c>
      <c r="F3013" s="7">
        <v>38657</v>
      </c>
      <c r="G3013" s="8">
        <v>1</v>
      </c>
      <c r="H3013" s="8">
        <v>1</v>
      </c>
      <c r="I3013" s="8">
        <v>0</v>
      </c>
      <c r="J3013" s="8">
        <v>1</v>
      </c>
      <c r="K3013" s="9">
        <v>33</v>
      </c>
      <c r="L3013" s="6" t="s">
        <v>51</v>
      </c>
    </row>
    <row r="3014" spans="1:12">
      <c r="A3014" s="6" t="s">
        <v>49</v>
      </c>
      <c r="B3014" s="6"/>
      <c r="C3014" s="6" t="s">
        <v>3031</v>
      </c>
      <c r="D3014" s="6"/>
      <c r="E3014" s="6" t="s">
        <v>9</v>
      </c>
      <c r="F3014" s="7">
        <v>38657</v>
      </c>
      <c r="G3014" s="8">
        <v>1</v>
      </c>
      <c r="H3014" s="8">
        <v>1</v>
      </c>
      <c r="I3014" s="8">
        <v>0</v>
      </c>
      <c r="J3014" s="8">
        <v>1</v>
      </c>
      <c r="K3014" s="9">
        <v>9.84</v>
      </c>
      <c r="L3014" s="6" t="s">
        <v>51</v>
      </c>
    </row>
    <row r="3015" spans="1:12">
      <c r="A3015" s="6" t="s">
        <v>49</v>
      </c>
      <c r="B3015" s="6"/>
      <c r="C3015" s="6" t="s">
        <v>3032</v>
      </c>
      <c r="D3015" s="6"/>
      <c r="E3015" s="6" t="s">
        <v>9</v>
      </c>
      <c r="F3015" s="7">
        <v>38657</v>
      </c>
      <c r="G3015" s="8">
        <v>1</v>
      </c>
      <c r="H3015" s="8">
        <v>1</v>
      </c>
      <c r="I3015" s="8">
        <v>0</v>
      </c>
      <c r="J3015" s="8">
        <v>1</v>
      </c>
      <c r="K3015" s="9">
        <v>6.82</v>
      </c>
      <c r="L3015" s="6" t="s">
        <v>51</v>
      </c>
    </row>
    <row r="3016" spans="1:12">
      <c r="A3016" s="6" t="s">
        <v>49</v>
      </c>
      <c r="B3016" s="6"/>
      <c r="C3016" s="6" t="s">
        <v>3033</v>
      </c>
      <c r="D3016" s="6"/>
      <c r="E3016" s="6" t="s">
        <v>9</v>
      </c>
      <c r="F3016" s="7">
        <v>38657</v>
      </c>
      <c r="G3016" s="8">
        <v>1</v>
      </c>
      <c r="H3016" s="8">
        <v>1</v>
      </c>
      <c r="I3016" s="8">
        <v>0</v>
      </c>
      <c r="J3016" s="8">
        <v>1</v>
      </c>
      <c r="K3016" s="9">
        <v>106</v>
      </c>
      <c r="L3016" s="6" t="s">
        <v>51</v>
      </c>
    </row>
    <row r="3017" spans="1:12">
      <c r="A3017" s="6" t="s">
        <v>49</v>
      </c>
      <c r="B3017" s="6"/>
      <c r="C3017" s="6" t="s">
        <v>3034</v>
      </c>
      <c r="D3017" s="6"/>
      <c r="E3017" s="6" t="s">
        <v>9</v>
      </c>
      <c r="F3017" s="7">
        <v>38657</v>
      </c>
      <c r="G3017" s="8">
        <v>1</v>
      </c>
      <c r="H3017" s="8">
        <v>1</v>
      </c>
      <c r="I3017" s="8">
        <v>0</v>
      </c>
      <c r="J3017" s="8">
        <v>1</v>
      </c>
      <c r="K3017" s="9">
        <v>9.7899999999999903</v>
      </c>
      <c r="L3017" s="6" t="s">
        <v>51</v>
      </c>
    </row>
    <row r="3018" spans="1:12">
      <c r="A3018" s="6" t="s">
        <v>49</v>
      </c>
      <c r="B3018" s="6"/>
      <c r="C3018" s="6" t="s">
        <v>3035</v>
      </c>
      <c r="D3018" s="6"/>
      <c r="E3018" s="6" t="s">
        <v>9</v>
      </c>
      <c r="F3018" s="7">
        <v>38657</v>
      </c>
      <c r="G3018" s="8">
        <v>1</v>
      </c>
      <c r="H3018" s="8">
        <v>1</v>
      </c>
      <c r="I3018" s="8">
        <v>0</v>
      </c>
      <c r="J3018" s="8">
        <v>1</v>
      </c>
      <c r="K3018" s="9">
        <v>6.72</v>
      </c>
      <c r="L3018" s="6" t="s">
        <v>51</v>
      </c>
    </row>
    <row r="3019" spans="1:12">
      <c r="A3019" s="6" t="s">
        <v>49</v>
      </c>
      <c r="B3019" s="6"/>
      <c r="C3019" s="6" t="s">
        <v>3036</v>
      </c>
      <c r="D3019" s="6"/>
      <c r="E3019" s="6" t="s">
        <v>9</v>
      </c>
      <c r="F3019" s="7">
        <v>38657</v>
      </c>
      <c r="G3019" s="8">
        <v>1</v>
      </c>
      <c r="H3019" s="8">
        <v>1</v>
      </c>
      <c r="I3019" s="8">
        <v>0</v>
      </c>
      <c r="J3019" s="8">
        <v>1</v>
      </c>
      <c r="K3019" s="9">
        <v>7.15</v>
      </c>
      <c r="L3019" s="6" t="s">
        <v>51</v>
      </c>
    </row>
    <row r="3020" spans="1:12">
      <c r="A3020" s="6" t="s">
        <v>49</v>
      </c>
      <c r="B3020" s="6"/>
      <c r="C3020" s="6" t="s">
        <v>3037</v>
      </c>
      <c r="D3020" s="6"/>
      <c r="E3020" s="6" t="s">
        <v>9</v>
      </c>
      <c r="F3020" s="7">
        <v>38657</v>
      </c>
      <c r="G3020" s="8">
        <v>1</v>
      </c>
      <c r="H3020" s="8">
        <v>1</v>
      </c>
      <c r="I3020" s="8">
        <v>0</v>
      </c>
      <c r="J3020" s="8">
        <v>1</v>
      </c>
      <c r="K3020" s="9">
        <v>6.32</v>
      </c>
      <c r="L3020" s="6" t="s">
        <v>51</v>
      </c>
    </row>
    <row r="3021" spans="1:12">
      <c r="A3021" s="6" t="s">
        <v>49</v>
      </c>
      <c r="B3021" s="6"/>
      <c r="C3021" s="6" t="s">
        <v>3038</v>
      </c>
      <c r="D3021" s="6"/>
      <c r="E3021" s="6" t="s">
        <v>9</v>
      </c>
      <c r="F3021" s="7">
        <v>38657</v>
      </c>
      <c r="G3021" s="8">
        <v>1</v>
      </c>
      <c r="H3021" s="8">
        <v>1</v>
      </c>
      <c r="I3021" s="8">
        <v>0</v>
      </c>
      <c r="J3021" s="8">
        <v>1</v>
      </c>
      <c r="K3021" s="9">
        <v>5.28</v>
      </c>
      <c r="L3021" s="6" t="s">
        <v>51</v>
      </c>
    </row>
    <row r="3022" spans="1:12">
      <c r="A3022" s="6" t="s">
        <v>49</v>
      </c>
      <c r="B3022" s="6"/>
      <c r="C3022" s="6" t="s">
        <v>3039</v>
      </c>
      <c r="D3022" s="6"/>
      <c r="E3022" s="6" t="s">
        <v>9</v>
      </c>
      <c r="F3022" s="7">
        <v>38657</v>
      </c>
      <c r="G3022" s="8">
        <v>1</v>
      </c>
      <c r="H3022" s="8">
        <v>1</v>
      </c>
      <c r="I3022" s="8">
        <v>0</v>
      </c>
      <c r="J3022" s="8">
        <v>1</v>
      </c>
      <c r="K3022" s="9">
        <v>7.7</v>
      </c>
      <c r="L3022" s="6" t="s">
        <v>51</v>
      </c>
    </row>
    <row r="3023" spans="1:12">
      <c r="A3023" s="6" t="s">
        <v>49</v>
      </c>
      <c r="B3023" s="6"/>
      <c r="C3023" s="6" t="s">
        <v>3040</v>
      </c>
      <c r="D3023" s="6"/>
      <c r="E3023" s="6" t="s">
        <v>9</v>
      </c>
      <c r="F3023" s="7">
        <v>38657</v>
      </c>
      <c r="G3023" s="8">
        <v>1</v>
      </c>
      <c r="H3023" s="8">
        <v>1</v>
      </c>
      <c r="I3023" s="8">
        <v>0</v>
      </c>
      <c r="J3023" s="8">
        <v>1</v>
      </c>
      <c r="K3023" s="9">
        <v>11.2</v>
      </c>
      <c r="L3023" s="6" t="s">
        <v>51</v>
      </c>
    </row>
    <row r="3024" spans="1:12">
      <c r="A3024" s="6" t="s">
        <v>49</v>
      </c>
      <c r="B3024" s="6"/>
      <c r="C3024" s="6" t="s">
        <v>3041</v>
      </c>
      <c r="D3024" s="6"/>
      <c r="E3024" s="6" t="s">
        <v>9</v>
      </c>
      <c r="F3024" s="7">
        <v>38657</v>
      </c>
      <c r="G3024" s="8">
        <v>1</v>
      </c>
      <c r="H3024" s="8">
        <v>1</v>
      </c>
      <c r="I3024" s="8">
        <v>0</v>
      </c>
      <c r="J3024" s="8">
        <v>1</v>
      </c>
      <c r="K3024" s="9">
        <v>15.81</v>
      </c>
      <c r="L3024" s="6" t="s">
        <v>51</v>
      </c>
    </row>
    <row r="3025" spans="1:12">
      <c r="A3025" s="6" t="s">
        <v>49</v>
      </c>
      <c r="B3025" s="6"/>
      <c r="C3025" s="6" t="s">
        <v>3042</v>
      </c>
      <c r="D3025" s="6"/>
      <c r="E3025" s="6" t="s">
        <v>9</v>
      </c>
      <c r="F3025" s="7">
        <v>38657</v>
      </c>
      <c r="G3025" s="8">
        <v>1</v>
      </c>
      <c r="H3025" s="8">
        <v>1</v>
      </c>
      <c r="I3025" s="8">
        <v>0</v>
      </c>
      <c r="J3025" s="8">
        <v>1</v>
      </c>
      <c r="K3025" s="9">
        <v>8.2100000000000009</v>
      </c>
      <c r="L3025" s="6" t="s">
        <v>51</v>
      </c>
    </row>
    <row r="3026" spans="1:12">
      <c r="A3026" s="6" t="s">
        <v>49</v>
      </c>
      <c r="B3026" s="6"/>
      <c r="C3026" s="6" t="s">
        <v>3043</v>
      </c>
      <c r="D3026" s="6"/>
      <c r="E3026" s="6" t="s">
        <v>9</v>
      </c>
      <c r="F3026" s="7">
        <v>38657</v>
      </c>
      <c r="G3026" s="8">
        <v>1</v>
      </c>
      <c r="H3026" s="8">
        <v>1</v>
      </c>
      <c r="I3026" s="8">
        <v>0</v>
      </c>
      <c r="J3026" s="8">
        <v>1</v>
      </c>
      <c r="K3026" s="9">
        <v>13</v>
      </c>
      <c r="L3026" s="6" t="s">
        <v>51</v>
      </c>
    </row>
    <row r="3027" spans="1:12">
      <c r="A3027" s="6" t="s">
        <v>49</v>
      </c>
      <c r="B3027" s="6"/>
      <c r="C3027" s="6" t="s">
        <v>3044</v>
      </c>
      <c r="D3027" s="6"/>
      <c r="E3027" s="6" t="s">
        <v>9</v>
      </c>
      <c r="F3027" s="7">
        <v>38657</v>
      </c>
      <c r="G3027" s="8">
        <v>1</v>
      </c>
      <c r="H3027" s="8">
        <v>1</v>
      </c>
      <c r="I3027" s="8">
        <v>0</v>
      </c>
      <c r="J3027" s="8">
        <v>1</v>
      </c>
      <c r="K3027" s="9">
        <v>41</v>
      </c>
      <c r="L3027" s="6" t="s">
        <v>51</v>
      </c>
    </row>
    <row r="3028" spans="1:12">
      <c r="A3028" s="6" t="s">
        <v>49</v>
      </c>
      <c r="B3028" s="6"/>
      <c r="C3028" s="6" t="s">
        <v>3045</v>
      </c>
      <c r="D3028" s="6"/>
      <c r="E3028" s="6" t="s">
        <v>9</v>
      </c>
      <c r="F3028" s="7">
        <v>38657</v>
      </c>
      <c r="G3028" s="8">
        <v>1</v>
      </c>
      <c r="H3028" s="8">
        <v>1</v>
      </c>
      <c r="I3028" s="8">
        <v>0</v>
      </c>
      <c r="J3028" s="8">
        <v>1</v>
      </c>
      <c r="K3028" s="9">
        <v>43</v>
      </c>
      <c r="L3028" s="6" t="s">
        <v>51</v>
      </c>
    </row>
    <row r="3029" spans="1:12">
      <c r="A3029" s="6" t="s">
        <v>49</v>
      </c>
      <c r="B3029" s="6"/>
      <c r="C3029" s="6" t="s">
        <v>3046</v>
      </c>
      <c r="D3029" s="6"/>
      <c r="E3029" s="6" t="s">
        <v>9</v>
      </c>
      <c r="F3029" s="7">
        <v>38657</v>
      </c>
      <c r="G3029" s="8">
        <v>1</v>
      </c>
      <c r="H3029" s="8">
        <v>1</v>
      </c>
      <c r="I3029" s="8">
        <v>0</v>
      </c>
      <c r="J3029" s="8">
        <v>1</v>
      </c>
      <c r="K3029" s="9">
        <v>32</v>
      </c>
      <c r="L3029" s="6" t="s">
        <v>51</v>
      </c>
    </row>
    <row r="3030" spans="1:12">
      <c r="A3030" s="6" t="s">
        <v>49</v>
      </c>
      <c r="B3030" s="6"/>
      <c r="C3030" s="6" t="s">
        <v>3047</v>
      </c>
      <c r="D3030" s="6"/>
      <c r="E3030" s="6" t="s">
        <v>9</v>
      </c>
      <c r="F3030" s="7">
        <v>38657</v>
      </c>
      <c r="G3030" s="8">
        <v>1</v>
      </c>
      <c r="H3030" s="8">
        <v>1</v>
      </c>
      <c r="I3030" s="8">
        <v>0</v>
      </c>
      <c r="J3030" s="8">
        <v>1</v>
      </c>
      <c r="K3030" s="9">
        <v>38</v>
      </c>
      <c r="L3030" s="6" t="s">
        <v>51</v>
      </c>
    </row>
    <row r="3031" spans="1:12">
      <c r="A3031" s="6" t="s">
        <v>49</v>
      </c>
      <c r="B3031" s="6"/>
      <c r="C3031" s="6" t="s">
        <v>3048</v>
      </c>
      <c r="D3031" s="6"/>
      <c r="E3031" s="6" t="s">
        <v>9</v>
      </c>
      <c r="F3031" s="7">
        <v>38657</v>
      </c>
      <c r="G3031" s="8">
        <v>1</v>
      </c>
      <c r="H3031" s="8">
        <v>1</v>
      </c>
      <c r="I3031" s="8">
        <v>0</v>
      </c>
      <c r="J3031" s="8">
        <v>1</v>
      </c>
      <c r="K3031" s="9">
        <v>38</v>
      </c>
      <c r="L3031" s="6" t="s">
        <v>51</v>
      </c>
    </row>
    <row r="3032" spans="1:12">
      <c r="A3032" s="6" t="s">
        <v>49</v>
      </c>
      <c r="B3032" s="6"/>
      <c r="C3032" s="6" t="s">
        <v>3049</v>
      </c>
      <c r="D3032" s="6"/>
      <c r="E3032" s="6" t="s">
        <v>9</v>
      </c>
      <c r="F3032" s="7">
        <v>38657</v>
      </c>
      <c r="G3032" s="8">
        <v>1</v>
      </c>
      <c r="H3032" s="8">
        <v>1</v>
      </c>
      <c r="I3032" s="8">
        <v>0</v>
      </c>
      <c r="J3032" s="8">
        <v>1</v>
      </c>
      <c r="K3032" s="9">
        <v>53</v>
      </c>
      <c r="L3032" s="6" t="s">
        <v>51</v>
      </c>
    </row>
    <row r="3033" spans="1:12">
      <c r="A3033" s="6" t="s">
        <v>49</v>
      </c>
      <c r="B3033" s="6"/>
      <c r="C3033" s="6" t="s">
        <v>3050</v>
      </c>
      <c r="D3033" s="6"/>
      <c r="E3033" s="6" t="s">
        <v>9</v>
      </c>
      <c r="F3033" s="7">
        <v>38657</v>
      </c>
      <c r="G3033" s="8">
        <v>1</v>
      </c>
      <c r="H3033" s="8">
        <v>1</v>
      </c>
      <c r="I3033" s="8">
        <v>0</v>
      </c>
      <c r="J3033" s="8">
        <v>1</v>
      </c>
      <c r="K3033" s="9">
        <v>32</v>
      </c>
      <c r="L3033" s="6" t="s">
        <v>51</v>
      </c>
    </row>
    <row r="3034" spans="1:12">
      <c r="A3034" s="6" t="s">
        <v>49</v>
      </c>
      <c r="B3034" s="6"/>
      <c r="C3034" s="6" t="s">
        <v>3051</v>
      </c>
      <c r="D3034" s="6"/>
      <c r="E3034" s="6" t="s">
        <v>9</v>
      </c>
      <c r="F3034" s="7">
        <v>38657</v>
      </c>
      <c r="G3034" s="8">
        <v>1</v>
      </c>
      <c r="H3034" s="8">
        <v>1</v>
      </c>
      <c r="I3034" s="8">
        <v>0</v>
      </c>
      <c r="J3034" s="8">
        <v>1</v>
      </c>
      <c r="K3034" s="9">
        <v>52</v>
      </c>
      <c r="L3034" s="6" t="s">
        <v>51</v>
      </c>
    </row>
    <row r="3035" spans="1:12">
      <c r="A3035" s="6" t="s">
        <v>49</v>
      </c>
      <c r="B3035" s="6"/>
      <c r="C3035" s="6" t="s">
        <v>3052</v>
      </c>
      <c r="D3035" s="6"/>
      <c r="E3035" s="6" t="s">
        <v>9</v>
      </c>
      <c r="F3035" s="7">
        <v>38657</v>
      </c>
      <c r="G3035" s="8">
        <v>1</v>
      </c>
      <c r="H3035" s="8">
        <v>1</v>
      </c>
      <c r="I3035" s="8">
        <v>0</v>
      </c>
      <c r="J3035" s="8">
        <v>1</v>
      </c>
      <c r="K3035" s="9">
        <v>30</v>
      </c>
      <c r="L3035" s="6" t="s">
        <v>51</v>
      </c>
    </row>
    <row r="3036" spans="1:12">
      <c r="A3036" s="6" t="s">
        <v>49</v>
      </c>
      <c r="B3036" s="6"/>
      <c r="C3036" s="6" t="s">
        <v>3053</v>
      </c>
      <c r="D3036" s="6"/>
      <c r="E3036" s="6" t="s">
        <v>9</v>
      </c>
      <c r="F3036" s="7">
        <v>38657</v>
      </c>
      <c r="G3036" s="8">
        <v>1</v>
      </c>
      <c r="H3036" s="8">
        <v>1</v>
      </c>
      <c r="I3036" s="8">
        <v>0</v>
      </c>
      <c r="J3036" s="8">
        <v>1</v>
      </c>
      <c r="K3036" s="9">
        <v>53</v>
      </c>
      <c r="L3036" s="6" t="s">
        <v>51</v>
      </c>
    </row>
    <row r="3037" spans="1:12">
      <c r="A3037" s="6" t="s">
        <v>49</v>
      </c>
      <c r="B3037" s="6"/>
      <c r="C3037" s="6" t="s">
        <v>3054</v>
      </c>
      <c r="D3037" s="6"/>
      <c r="E3037" s="6" t="s">
        <v>9</v>
      </c>
      <c r="F3037" s="7">
        <v>38657</v>
      </c>
      <c r="G3037" s="8">
        <v>1</v>
      </c>
      <c r="H3037" s="8">
        <v>1</v>
      </c>
      <c r="I3037" s="8">
        <v>0</v>
      </c>
      <c r="J3037" s="8">
        <v>1</v>
      </c>
      <c r="K3037" s="9">
        <v>31</v>
      </c>
      <c r="L3037" s="6" t="s">
        <v>51</v>
      </c>
    </row>
    <row r="3038" spans="1:12">
      <c r="A3038" s="6" t="s">
        <v>49</v>
      </c>
      <c r="B3038" s="6"/>
      <c r="C3038" s="6" t="s">
        <v>3055</v>
      </c>
      <c r="D3038" s="6"/>
      <c r="E3038" s="6" t="s">
        <v>9</v>
      </c>
      <c r="F3038" s="7">
        <v>38657</v>
      </c>
      <c r="G3038" s="8">
        <v>1</v>
      </c>
      <c r="H3038" s="8">
        <v>1</v>
      </c>
      <c r="I3038" s="8">
        <v>0</v>
      </c>
      <c r="J3038" s="8">
        <v>1</v>
      </c>
      <c r="K3038" s="9">
        <v>65</v>
      </c>
      <c r="L3038" s="6" t="s">
        <v>51</v>
      </c>
    </row>
    <row r="3039" spans="1:12">
      <c r="A3039" s="6" t="s">
        <v>49</v>
      </c>
      <c r="B3039" s="6"/>
      <c r="C3039" s="6" t="s">
        <v>3056</v>
      </c>
      <c r="D3039" s="6"/>
      <c r="E3039" s="6" t="s">
        <v>9</v>
      </c>
      <c r="F3039" s="7">
        <v>38657</v>
      </c>
      <c r="G3039" s="8">
        <v>1</v>
      </c>
      <c r="H3039" s="8">
        <v>1</v>
      </c>
      <c r="I3039" s="8">
        <v>0</v>
      </c>
      <c r="J3039" s="8">
        <v>1</v>
      </c>
      <c r="K3039" s="9">
        <v>54</v>
      </c>
      <c r="L3039" s="6" t="s">
        <v>51</v>
      </c>
    </row>
    <row r="3040" spans="1:12">
      <c r="A3040" s="6" t="s">
        <v>49</v>
      </c>
      <c r="B3040" s="6"/>
      <c r="C3040" s="6" t="s">
        <v>3057</v>
      </c>
      <c r="D3040" s="6"/>
      <c r="E3040" s="6" t="s">
        <v>9</v>
      </c>
      <c r="F3040" s="7">
        <v>38657</v>
      </c>
      <c r="G3040" s="8">
        <v>1</v>
      </c>
      <c r="H3040" s="8">
        <v>1</v>
      </c>
      <c r="I3040" s="8">
        <v>0</v>
      </c>
      <c r="J3040" s="8">
        <v>1</v>
      </c>
      <c r="K3040" s="9">
        <v>32</v>
      </c>
      <c r="L3040" s="6" t="s">
        <v>51</v>
      </c>
    </row>
    <row r="3041" spans="1:12">
      <c r="A3041" s="6" t="s">
        <v>49</v>
      </c>
      <c r="B3041" s="6"/>
      <c r="C3041" s="6" t="s">
        <v>3058</v>
      </c>
      <c r="D3041" s="6"/>
      <c r="E3041" s="6" t="s">
        <v>9</v>
      </c>
      <c r="F3041" s="7">
        <v>38657</v>
      </c>
      <c r="G3041" s="8">
        <v>1</v>
      </c>
      <c r="H3041" s="8">
        <v>1</v>
      </c>
      <c r="I3041" s="8">
        <v>0</v>
      </c>
      <c r="J3041" s="8">
        <v>1</v>
      </c>
      <c r="K3041" s="9">
        <v>229</v>
      </c>
      <c r="L3041" s="6" t="s">
        <v>51</v>
      </c>
    </row>
    <row r="3042" spans="1:12">
      <c r="A3042" s="6" t="s">
        <v>49</v>
      </c>
      <c r="B3042" s="6"/>
      <c r="C3042" s="6" t="s">
        <v>3059</v>
      </c>
      <c r="D3042" s="6"/>
      <c r="E3042" s="6" t="s">
        <v>9</v>
      </c>
      <c r="F3042" s="7">
        <v>38657</v>
      </c>
      <c r="G3042" s="8">
        <v>1</v>
      </c>
      <c r="H3042" s="8">
        <v>1</v>
      </c>
      <c r="I3042" s="8">
        <v>0</v>
      </c>
      <c r="J3042" s="8">
        <v>1</v>
      </c>
      <c r="K3042" s="9">
        <v>52</v>
      </c>
      <c r="L3042" s="6" t="s">
        <v>51</v>
      </c>
    </row>
    <row r="3043" spans="1:12">
      <c r="A3043" s="6" t="s">
        <v>49</v>
      </c>
      <c r="B3043" s="6"/>
      <c r="C3043" s="6" t="s">
        <v>3060</v>
      </c>
      <c r="D3043" s="6"/>
      <c r="E3043" s="6" t="s">
        <v>9</v>
      </c>
      <c r="F3043" s="7">
        <v>38657</v>
      </c>
      <c r="G3043" s="8">
        <v>1</v>
      </c>
      <c r="H3043" s="8">
        <v>1</v>
      </c>
      <c r="I3043" s="8">
        <v>0</v>
      </c>
      <c r="J3043" s="8">
        <v>1</v>
      </c>
      <c r="K3043" s="9">
        <v>32</v>
      </c>
      <c r="L3043" s="6" t="s">
        <v>51</v>
      </c>
    </row>
    <row r="3044" spans="1:12">
      <c r="A3044" s="6" t="s">
        <v>49</v>
      </c>
      <c r="B3044" s="6"/>
      <c r="C3044" s="6" t="s">
        <v>3061</v>
      </c>
      <c r="D3044" s="6"/>
      <c r="E3044" s="6" t="s">
        <v>9</v>
      </c>
      <c r="F3044" s="7">
        <v>38657</v>
      </c>
      <c r="G3044" s="8">
        <v>1</v>
      </c>
      <c r="H3044" s="8">
        <v>1</v>
      </c>
      <c r="I3044" s="8">
        <v>0</v>
      </c>
      <c r="J3044" s="8">
        <v>1</v>
      </c>
      <c r="K3044" s="9">
        <v>9.34</v>
      </c>
      <c r="L3044" s="6" t="s">
        <v>51</v>
      </c>
    </row>
    <row r="3045" spans="1:12">
      <c r="A3045" s="6" t="s">
        <v>49</v>
      </c>
      <c r="B3045" s="6"/>
      <c r="C3045" s="6" t="s">
        <v>3062</v>
      </c>
      <c r="D3045" s="6"/>
      <c r="E3045" s="6" t="s">
        <v>9</v>
      </c>
      <c r="F3045" s="7">
        <v>38657</v>
      </c>
      <c r="G3045" s="8">
        <v>1</v>
      </c>
      <c r="H3045" s="8">
        <v>1</v>
      </c>
      <c r="I3045" s="8">
        <v>0</v>
      </c>
      <c r="J3045" s="8">
        <v>1</v>
      </c>
      <c r="K3045" s="9">
        <v>80</v>
      </c>
      <c r="L3045" s="6" t="s">
        <v>51</v>
      </c>
    </row>
    <row r="3046" spans="1:12">
      <c r="A3046" s="6" t="s">
        <v>49</v>
      </c>
      <c r="B3046" s="6"/>
      <c r="C3046" s="6" t="s">
        <v>3063</v>
      </c>
      <c r="D3046" s="6"/>
      <c r="E3046" s="6" t="s">
        <v>9</v>
      </c>
      <c r="F3046" s="7">
        <v>38657</v>
      </c>
      <c r="G3046" s="8">
        <v>1</v>
      </c>
      <c r="H3046" s="8">
        <v>1</v>
      </c>
      <c r="I3046" s="8">
        <v>0</v>
      </c>
      <c r="J3046" s="8">
        <v>1</v>
      </c>
      <c r="K3046" s="9">
        <v>254</v>
      </c>
      <c r="L3046" s="6" t="s">
        <v>51</v>
      </c>
    </row>
    <row r="3047" spans="1:12">
      <c r="A3047" s="6" t="s">
        <v>49</v>
      </c>
      <c r="B3047" s="6"/>
      <c r="C3047" s="6" t="s">
        <v>3064</v>
      </c>
      <c r="D3047" s="6"/>
      <c r="E3047" s="6" t="s">
        <v>9</v>
      </c>
      <c r="F3047" s="7">
        <v>38657</v>
      </c>
      <c r="G3047" s="8">
        <v>1</v>
      </c>
      <c r="H3047" s="8">
        <v>1</v>
      </c>
      <c r="I3047" s="8">
        <v>0</v>
      </c>
      <c r="J3047" s="8">
        <v>1</v>
      </c>
      <c r="K3047" s="9">
        <v>112</v>
      </c>
      <c r="L3047" s="6" t="s">
        <v>51</v>
      </c>
    </row>
    <row r="3048" spans="1:12">
      <c r="A3048" s="6" t="s">
        <v>49</v>
      </c>
      <c r="B3048" s="6"/>
      <c r="C3048" s="6" t="s">
        <v>3065</v>
      </c>
      <c r="D3048" s="6"/>
      <c r="E3048" s="6" t="s">
        <v>9</v>
      </c>
      <c r="F3048" s="7">
        <v>38657</v>
      </c>
      <c r="G3048" s="8">
        <v>1</v>
      </c>
      <c r="H3048" s="8">
        <v>1</v>
      </c>
      <c r="I3048" s="8">
        <v>0</v>
      </c>
      <c r="J3048" s="8">
        <v>1</v>
      </c>
      <c r="K3048" s="9">
        <v>380</v>
      </c>
      <c r="L3048" s="6" t="s">
        <v>51</v>
      </c>
    </row>
    <row r="3049" spans="1:12">
      <c r="A3049" s="6" t="s">
        <v>49</v>
      </c>
      <c r="B3049" s="6"/>
      <c r="C3049" s="6" t="s">
        <v>3066</v>
      </c>
      <c r="D3049" s="6"/>
      <c r="E3049" s="6" t="s">
        <v>9</v>
      </c>
      <c r="F3049" s="7">
        <v>38657</v>
      </c>
      <c r="G3049" s="8">
        <v>1</v>
      </c>
      <c r="H3049" s="8">
        <v>1</v>
      </c>
      <c r="I3049" s="8">
        <v>0</v>
      </c>
      <c r="J3049" s="8">
        <v>1</v>
      </c>
      <c r="K3049" s="9">
        <v>108</v>
      </c>
      <c r="L3049" s="6" t="s">
        <v>51</v>
      </c>
    </row>
    <row r="3050" spans="1:12">
      <c r="A3050" s="6" t="s">
        <v>49</v>
      </c>
      <c r="B3050" s="6"/>
      <c r="C3050" s="6" t="s">
        <v>3067</v>
      </c>
      <c r="D3050" s="6"/>
      <c r="E3050" s="6" t="s">
        <v>9</v>
      </c>
      <c r="F3050" s="7">
        <v>38657</v>
      </c>
      <c r="G3050" s="8">
        <v>1</v>
      </c>
      <c r="H3050" s="8">
        <v>1</v>
      </c>
      <c r="I3050" s="8">
        <v>0</v>
      </c>
      <c r="J3050" s="8">
        <v>1</v>
      </c>
      <c r="K3050" s="9">
        <v>138</v>
      </c>
      <c r="L3050" s="6" t="s">
        <v>51</v>
      </c>
    </row>
    <row r="3051" spans="1:12">
      <c r="A3051" s="6" t="s">
        <v>49</v>
      </c>
      <c r="B3051" s="6"/>
      <c r="C3051" s="6" t="s">
        <v>3068</v>
      </c>
      <c r="D3051" s="6"/>
      <c r="E3051" s="6" t="s">
        <v>9</v>
      </c>
      <c r="F3051" s="7">
        <v>38657</v>
      </c>
      <c r="G3051" s="8">
        <v>1</v>
      </c>
      <c r="H3051" s="8">
        <v>1</v>
      </c>
      <c r="I3051" s="8">
        <v>0</v>
      </c>
      <c r="J3051" s="8">
        <v>1</v>
      </c>
      <c r="K3051" s="9">
        <v>138</v>
      </c>
      <c r="L3051" s="6" t="s">
        <v>51</v>
      </c>
    </row>
    <row r="3052" spans="1:12">
      <c r="A3052" s="6" t="s">
        <v>49</v>
      </c>
      <c r="B3052" s="6"/>
      <c r="C3052" s="6" t="s">
        <v>3069</v>
      </c>
      <c r="D3052" s="6"/>
      <c r="E3052" s="6" t="s">
        <v>9</v>
      </c>
      <c r="F3052" s="7">
        <v>38657</v>
      </c>
      <c r="G3052" s="8">
        <v>1</v>
      </c>
      <c r="H3052" s="8">
        <v>1</v>
      </c>
      <c r="I3052" s="8">
        <v>0</v>
      </c>
      <c r="J3052" s="8">
        <v>1</v>
      </c>
      <c r="K3052" s="9">
        <v>138</v>
      </c>
      <c r="L3052" s="6" t="s">
        <v>51</v>
      </c>
    </row>
    <row r="3053" spans="1:12">
      <c r="A3053" s="6" t="s">
        <v>49</v>
      </c>
      <c r="B3053" s="6"/>
      <c r="C3053" s="6" t="s">
        <v>3070</v>
      </c>
      <c r="D3053" s="6"/>
      <c r="E3053" s="6" t="s">
        <v>9</v>
      </c>
      <c r="F3053" s="7">
        <v>38657</v>
      </c>
      <c r="G3053" s="8">
        <v>1</v>
      </c>
      <c r="H3053" s="8">
        <v>1</v>
      </c>
      <c r="I3053" s="8">
        <v>0</v>
      </c>
      <c r="J3053" s="8">
        <v>1</v>
      </c>
      <c r="K3053" s="9">
        <v>137</v>
      </c>
      <c r="L3053" s="6" t="s">
        <v>51</v>
      </c>
    </row>
    <row r="3054" spans="1:12">
      <c r="A3054" s="6" t="s">
        <v>49</v>
      </c>
      <c r="B3054" s="6"/>
      <c r="C3054" s="6" t="s">
        <v>3071</v>
      </c>
      <c r="D3054" s="6"/>
      <c r="E3054" s="6" t="s">
        <v>9</v>
      </c>
      <c r="F3054" s="7">
        <v>38657</v>
      </c>
      <c r="G3054" s="8">
        <v>1</v>
      </c>
      <c r="H3054" s="8">
        <v>1</v>
      </c>
      <c r="I3054" s="8">
        <v>0</v>
      </c>
      <c r="J3054" s="8">
        <v>1</v>
      </c>
      <c r="K3054" s="9">
        <v>166</v>
      </c>
      <c r="L3054" s="6" t="s">
        <v>51</v>
      </c>
    </row>
    <row r="3055" spans="1:12">
      <c r="A3055" s="6" t="s">
        <v>49</v>
      </c>
      <c r="B3055" s="6"/>
      <c r="C3055" s="6" t="s">
        <v>3072</v>
      </c>
      <c r="D3055" s="6"/>
      <c r="E3055" s="6" t="s">
        <v>9</v>
      </c>
      <c r="F3055" s="7">
        <v>38657</v>
      </c>
      <c r="G3055" s="8">
        <v>1</v>
      </c>
      <c r="H3055" s="8">
        <v>1</v>
      </c>
      <c r="I3055" s="8">
        <v>0</v>
      </c>
      <c r="J3055" s="8">
        <v>1</v>
      </c>
      <c r="K3055" s="9">
        <v>203</v>
      </c>
      <c r="L3055" s="6" t="s">
        <v>51</v>
      </c>
    </row>
    <row r="3056" spans="1:12">
      <c r="A3056" s="6" t="s">
        <v>49</v>
      </c>
      <c r="B3056" s="6"/>
      <c r="C3056" s="6" t="s">
        <v>3073</v>
      </c>
      <c r="D3056" s="6"/>
      <c r="E3056" s="6" t="s">
        <v>9</v>
      </c>
      <c r="F3056" s="7">
        <v>38657</v>
      </c>
      <c r="G3056" s="8">
        <v>1</v>
      </c>
      <c r="H3056" s="8">
        <v>1</v>
      </c>
      <c r="I3056" s="8">
        <v>0</v>
      </c>
      <c r="J3056" s="8">
        <v>1</v>
      </c>
      <c r="K3056" s="9">
        <v>202</v>
      </c>
      <c r="L3056" s="6" t="s">
        <v>51</v>
      </c>
    </row>
    <row r="3057" spans="1:12">
      <c r="A3057" s="6" t="s">
        <v>49</v>
      </c>
      <c r="B3057" s="6"/>
      <c r="C3057" s="6" t="s">
        <v>3074</v>
      </c>
      <c r="D3057" s="6"/>
      <c r="E3057" s="6" t="s">
        <v>9</v>
      </c>
      <c r="F3057" s="7">
        <v>38657</v>
      </c>
      <c r="G3057" s="8">
        <v>1</v>
      </c>
      <c r="H3057" s="8">
        <v>1</v>
      </c>
      <c r="I3057" s="8">
        <v>0</v>
      </c>
      <c r="J3057" s="8">
        <v>1</v>
      </c>
      <c r="K3057" s="9">
        <v>178</v>
      </c>
      <c r="L3057" s="6" t="s">
        <v>51</v>
      </c>
    </row>
    <row r="3058" spans="1:12">
      <c r="A3058" s="6" t="s">
        <v>49</v>
      </c>
      <c r="B3058" s="6"/>
      <c r="C3058" s="6" t="s">
        <v>3075</v>
      </c>
      <c r="D3058" s="6"/>
      <c r="E3058" s="6" t="s">
        <v>9</v>
      </c>
      <c r="F3058" s="7">
        <v>38657</v>
      </c>
      <c r="G3058" s="8">
        <v>1</v>
      </c>
      <c r="H3058" s="8">
        <v>1</v>
      </c>
      <c r="I3058" s="8">
        <v>0</v>
      </c>
      <c r="J3058" s="8">
        <v>1</v>
      </c>
      <c r="K3058" s="9">
        <v>21</v>
      </c>
      <c r="L3058" s="6" t="s">
        <v>51</v>
      </c>
    </row>
    <row r="3059" spans="1:12">
      <c r="A3059" s="6" t="s">
        <v>49</v>
      </c>
      <c r="B3059" s="6"/>
      <c r="C3059" s="6" t="s">
        <v>3076</v>
      </c>
      <c r="D3059" s="6"/>
      <c r="E3059" s="6" t="s">
        <v>9</v>
      </c>
      <c r="F3059" s="7">
        <v>38657</v>
      </c>
      <c r="G3059" s="8">
        <v>1</v>
      </c>
      <c r="H3059" s="8">
        <v>1</v>
      </c>
      <c r="I3059" s="8">
        <v>0</v>
      </c>
      <c r="J3059" s="8">
        <v>1</v>
      </c>
      <c r="K3059" s="9">
        <v>113</v>
      </c>
      <c r="L3059" s="6" t="s">
        <v>51</v>
      </c>
    </row>
    <row r="3060" spans="1:12">
      <c r="A3060" s="6" t="s">
        <v>49</v>
      </c>
      <c r="B3060" s="6"/>
      <c r="C3060" s="6" t="s">
        <v>3077</v>
      </c>
      <c r="D3060" s="6"/>
      <c r="E3060" s="6" t="s">
        <v>9</v>
      </c>
      <c r="F3060" s="7">
        <v>38657</v>
      </c>
      <c r="G3060" s="8">
        <v>1</v>
      </c>
      <c r="H3060" s="8">
        <v>1</v>
      </c>
      <c r="I3060" s="8">
        <v>0</v>
      </c>
      <c r="J3060" s="8">
        <v>1</v>
      </c>
      <c r="K3060" s="9">
        <v>25</v>
      </c>
      <c r="L3060" s="6" t="s">
        <v>51</v>
      </c>
    </row>
    <row r="3061" spans="1:12">
      <c r="A3061" s="6" t="s">
        <v>49</v>
      </c>
      <c r="B3061" s="6"/>
      <c r="C3061" s="6" t="s">
        <v>3078</v>
      </c>
      <c r="D3061" s="6"/>
      <c r="E3061" s="6" t="s">
        <v>9</v>
      </c>
      <c r="F3061" s="7">
        <v>38657</v>
      </c>
      <c r="G3061" s="8">
        <v>1</v>
      </c>
      <c r="H3061" s="8">
        <v>1</v>
      </c>
      <c r="I3061" s="8">
        <v>0</v>
      </c>
      <c r="J3061" s="8">
        <v>1</v>
      </c>
      <c r="K3061" s="9">
        <v>121</v>
      </c>
      <c r="L3061" s="6" t="s">
        <v>51</v>
      </c>
    </row>
    <row r="3062" spans="1:12">
      <c r="A3062" s="6" t="s">
        <v>49</v>
      </c>
      <c r="B3062" s="6"/>
      <c r="C3062" s="6" t="s">
        <v>3079</v>
      </c>
      <c r="D3062" s="6"/>
      <c r="E3062" s="6" t="s">
        <v>9</v>
      </c>
      <c r="F3062" s="7">
        <v>38657</v>
      </c>
      <c r="G3062" s="8">
        <v>1</v>
      </c>
      <c r="H3062" s="8">
        <v>1</v>
      </c>
      <c r="I3062" s="8">
        <v>0</v>
      </c>
      <c r="J3062" s="8">
        <v>1</v>
      </c>
      <c r="K3062" s="9">
        <v>108</v>
      </c>
      <c r="L3062" s="6" t="s">
        <v>51</v>
      </c>
    </row>
    <row r="3063" spans="1:12">
      <c r="A3063" s="6" t="s">
        <v>49</v>
      </c>
      <c r="B3063" s="6"/>
      <c r="C3063" s="6" t="s">
        <v>3080</v>
      </c>
      <c r="D3063" s="6"/>
      <c r="E3063" s="6" t="s">
        <v>9</v>
      </c>
      <c r="F3063" s="7">
        <v>38657</v>
      </c>
      <c r="G3063" s="8">
        <v>1</v>
      </c>
      <c r="H3063" s="8">
        <v>1</v>
      </c>
      <c r="I3063" s="8">
        <v>0</v>
      </c>
      <c r="J3063" s="8">
        <v>1</v>
      </c>
      <c r="K3063" s="9">
        <v>66.06</v>
      </c>
      <c r="L3063" s="6" t="s">
        <v>51</v>
      </c>
    </row>
    <row r="3064" spans="1:12">
      <c r="A3064" s="6" t="s">
        <v>49</v>
      </c>
      <c r="B3064" s="6"/>
      <c r="C3064" s="6" t="s">
        <v>3081</v>
      </c>
      <c r="D3064" s="6"/>
      <c r="E3064" s="6" t="s">
        <v>9</v>
      </c>
      <c r="F3064" s="7">
        <v>38657</v>
      </c>
      <c r="G3064" s="8">
        <v>1</v>
      </c>
      <c r="H3064" s="8">
        <v>1</v>
      </c>
      <c r="I3064" s="8">
        <v>0</v>
      </c>
      <c r="J3064" s="8">
        <v>1</v>
      </c>
      <c r="K3064" s="9">
        <v>51.73</v>
      </c>
      <c r="L3064" s="6" t="s">
        <v>51</v>
      </c>
    </row>
    <row r="3065" spans="1:12">
      <c r="A3065" s="6" t="s">
        <v>49</v>
      </c>
      <c r="B3065" s="6"/>
      <c r="C3065" s="6" t="s">
        <v>3082</v>
      </c>
      <c r="D3065" s="6"/>
      <c r="E3065" s="6" t="s">
        <v>9</v>
      </c>
      <c r="F3065" s="7">
        <v>38657</v>
      </c>
      <c r="G3065" s="8">
        <v>1</v>
      </c>
      <c r="H3065" s="8">
        <v>1</v>
      </c>
      <c r="I3065" s="8">
        <v>0</v>
      </c>
      <c r="J3065" s="8">
        <v>1</v>
      </c>
      <c r="K3065" s="9">
        <v>129.97</v>
      </c>
      <c r="L3065" s="6" t="s">
        <v>51</v>
      </c>
    </row>
    <row r="3066" spans="1:12">
      <c r="A3066" s="6" t="s">
        <v>49</v>
      </c>
      <c r="B3066" s="6"/>
      <c r="C3066" s="6" t="s">
        <v>3083</v>
      </c>
      <c r="D3066" s="6"/>
      <c r="E3066" s="6" t="s">
        <v>9</v>
      </c>
      <c r="F3066" s="7"/>
      <c r="G3066" s="8">
        <v>1</v>
      </c>
      <c r="H3066" s="8">
        <v>1</v>
      </c>
      <c r="I3066" s="8">
        <v>0</v>
      </c>
      <c r="J3066" s="8">
        <v>1</v>
      </c>
      <c r="K3066" s="9">
        <v>194</v>
      </c>
      <c r="L3066" s="6" t="s">
        <v>51</v>
      </c>
    </row>
    <row r="3067" spans="1:12">
      <c r="A3067" s="6" t="s">
        <v>49</v>
      </c>
      <c r="B3067" s="6"/>
      <c r="C3067" s="6" t="s">
        <v>3084</v>
      </c>
      <c r="D3067" s="6"/>
      <c r="E3067" s="6" t="s">
        <v>9</v>
      </c>
      <c r="F3067" s="7">
        <v>38657</v>
      </c>
      <c r="G3067" s="8">
        <v>1</v>
      </c>
      <c r="H3067" s="8">
        <v>1</v>
      </c>
      <c r="I3067" s="8">
        <v>0</v>
      </c>
      <c r="J3067" s="8">
        <v>1</v>
      </c>
      <c r="K3067" s="9">
        <v>276</v>
      </c>
      <c r="L3067" s="6" t="s">
        <v>51</v>
      </c>
    </row>
    <row r="3068" spans="1:12">
      <c r="A3068" s="6" t="s">
        <v>49</v>
      </c>
      <c r="B3068" s="6"/>
      <c r="C3068" s="6" t="s">
        <v>3085</v>
      </c>
      <c r="D3068" s="6"/>
      <c r="E3068" s="6" t="s">
        <v>9</v>
      </c>
      <c r="F3068" s="7">
        <v>38657</v>
      </c>
      <c r="G3068" s="8">
        <v>1</v>
      </c>
      <c r="H3068" s="8">
        <v>1</v>
      </c>
      <c r="I3068" s="8">
        <v>0</v>
      </c>
      <c r="J3068" s="8">
        <v>1</v>
      </c>
      <c r="K3068" s="9">
        <v>288</v>
      </c>
      <c r="L3068" s="6" t="s">
        <v>51</v>
      </c>
    </row>
    <row r="3069" spans="1:12">
      <c r="A3069" s="6" t="s">
        <v>49</v>
      </c>
      <c r="B3069" s="6"/>
      <c r="C3069" s="6" t="s">
        <v>3086</v>
      </c>
      <c r="D3069" s="6"/>
      <c r="E3069" s="6" t="s">
        <v>9</v>
      </c>
      <c r="F3069" s="7">
        <v>38657</v>
      </c>
      <c r="G3069" s="8">
        <v>1</v>
      </c>
      <c r="H3069" s="8">
        <v>1</v>
      </c>
      <c r="I3069" s="8">
        <v>0</v>
      </c>
      <c r="J3069" s="8">
        <v>1</v>
      </c>
      <c r="K3069" s="9">
        <v>319</v>
      </c>
      <c r="L3069" s="6" t="s">
        <v>51</v>
      </c>
    </row>
    <row r="3070" spans="1:12">
      <c r="A3070" s="6" t="s">
        <v>49</v>
      </c>
      <c r="B3070" s="6"/>
      <c r="C3070" s="6" t="s">
        <v>3087</v>
      </c>
      <c r="D3070" s="6"/>
      <c r="E3070" s="6" t="s">
        <v>9</v>
      </c>
      <c r="F3070" s="7">
        <v>38657</v>
      </c>
      <c r="G3070" s="8">
        <v>1</v>
      </c>
      <c r="H3070" s="8">
        <v>1</v>
      </c>
      <c r="I3070" s="8">
        <v>0</v>
      </c>
      <c r="J3070" s="8">
        <v>1</v>
      </c>
      <c r="K3070" s="9">
        <v>299</v>
      </c>
      <c r="L3070" s="6" t="s">
        <v>51</v>
      </c>
    </row>
    <row r="3071" spans="1:12">
      <c r="A3071" s="6" t="s">
        <v>49</v>
      </c>
      <c r="B3071" s="6"/>
      <c r="C3071" s="6" t="s">
        <v>3088</v>
      </c>
      <c r="D3071" s="6"/>
      <c r="E3071" s="6" t="s">
        <v>9</v>
      </c>
      <c r="F3071" s="7">
        <v>38657</v>
      </c>
      <c r="G3071" s="8">
        <v>1</v>
      </c>
      <c r="H3071" s="8">
        <v>1</v>
      </c>
      <c r="I3071" s="8">
        <v>0</v>
      </c>
      <c r="J3071" s="8">
        <v>1</v>
      </c>
      <c r="K3071" s="9">
        <v>112</v>
      </c>
      <c r="L3071" s="6" t="s">
        <v>51</v>
      </c>
    </row>
    <row r="3072" spans="1:12">
      <c r="A3072" s="6" t="s">
        <v>49</v>
      </c>
      <c r="B3072" s="6"/>
      <c r="C3072" s="6" t="s">
        <v>3089</v>
      </c>
      <c r="D3072" s="6"/>
      <c r="E3072" s="6" t="s">
        <v>9</v>
      </c>
      <c r="F3072" s="7">
        <v>38657</v>
      </c>
      <c r="G3072" s="8">
        <v>1</v>
      </c>
      <c r="H3072" s="8">
        <v>1</v>
      </c>
      <c r="I3072" s="8">
        <v>0</v>
      </c>
      <c r="J3072" s="8">
        <v>1</v>
      </c>
      <c r="K3072" s="9">
        <v>153</v>
      </c>
      <c r="L3072" s="6" t="s">
        <v>51</v>
      </c>
    </row>
    <row r="3073" spans="1:12">
      <c r="A3073" s="6" t="s">
        <v>49</v>
      </c>
      <c r="B3073" s="6"/>
      <c r="C3073" s="6" t="s">
        <v>3090</v>
      </c>
      <c r="D3073" s="6"/>
      <c r="E3073" s="6" t="s">
        <v>9</v>
      </c>
      <c r="F3073" s="7">
        <v>38657</v>
      </c>
      <c r="G3073" s="8">
        <v>1</v>
      </c>
      <c r="H3073" s="8">
        <v>1</v>
      </c>
      <c r="I3073" s="8">
        <v>0</v>
      </c>
      <c r="J3073" s="8">
        <v>1</v>
      </c>
      <c r="K3073" s="9">
        <v>256</v>
      </c>
      <c r="L3073" s="6" t="s">
        <v>51</v>
      </c>
    </row>
    <row r="3074" spans="1:12">
      <c r="A3074" s="6" t="s">
        <v>49</v>
      </c>
      <c r="B3074" s="6"/>
      <c r="C3074" s="6" t="s">
        <v>3091</v>
      </c>
      <c r="D3074" s="6"/>
      <c r="E3074" s="6" t="s">
        <v>9</v>
      </c>
      <c r="F3074" s="7">
        <v>38657</v>
      </c>
      <c r="G3074" s="8">
        <v>1</v>
      </c>
      <c r="H3074" s="8">
        <v>1</v>
      </c>
      <c r="I3074" s="8">
        <v>0</v>
      </c>
      <c r="J3074" s="8">
        <v>1</v>
      </c>
      <c r="K3074" s="9">
        <v>151</v>
      </c>
      <c r="L3074" s="6" t="s">
        <v>51</v>
      </c>
    </row>
    <row r="3075" spans="1:12">
      <c r="A3075" s="6" t="s">
        <v>49</v>
      </c>
      <c r="B3075" s="6"/>
      <c r="C3075" s="6" t="s">
        <v>3092</v>
      </c>
      <c r="D3075" s="6"/>
      <c r="E3075" s="6" t="s">
        <v>9</v>
      </c>
      <c r="F3075" s="7">
        <v>38657</v>
      </c>
      <c r="G3075" s="8">
        <v>1</v>
      </c>
      <c r="H3075" s="8">
        <v>1</v>
      </c>
      <c r="I3075" s="8">
        <v>0</v>
      </c>
      <c r="J3075" s="8">
        <v>1</v>
      </c>
      <c r="K3075" s="9">
        <v>227</v>
      </c>
      <c r="L3075" s="6" t="s">
        <v>51</v>
      </c>
    </row>
    <row r="3076" spans="1:12">
      <c r="A3076" s="6" t="s">
        <v>49</v>
      </c>
      <c r="B3076" s="6"/>
      <c r="C3076" s="6" t="s">
        <v>3093</v>
      </c>
      <c r="D3076" s="6"/>
      <c r="E3076" s="6" t="s">
        <v>9</v>
      </c>
      <c r="F3076" s="7">
        <v>38657</v>
      </c>
      <c r="G3076" s="8">
        <v>1</v>
      </c>
      <c r="H3076" s="8">
        <v>1</v>
      </c>
      <c r="I3076" s="8">
        <v>0</v>
      </c>
      <c r="J3076" s="8">
        <v>1</v>
      </c>
      <c r="K3076" s="9">
        <v>194</v>
      </c>
      <c r="L3076" s="6" t="s">
        <v>51</v>
      </c>
    </row>
    <row r="3077" spans="1:12">
      <c r="A3077" s="6" t="s">
        <v>49</v>
      </c>
      <c r="B3077" s="6"/>
      <c r="C3077" s="6" t="s">
        <v>3094</v>
      </c>
      <c r="D3077" s="6"/>
      <c r="E3077" s="6" t="s">
        <v>9</v>
      </c>
      <c r="F3077" s="7">
        <v>38657</v>
      </c>
      <c r="G3077" s="8">
        <v>1</v>
      </c>
      <c r="H3077" s="8">
        <v>1</v>
      </c>
      <c r="I3077" s="8">
        <v>0</v>
      </c>
      <c r="J3077" s="8">
        <v>1</v>
      </c>
      <c r="K3077" s="9">
        <v>259</v>
      </c>
      <c r="L3077" s="6" t="s">
        <v>51</v>
      </c>
    </row>
    <row r="3078" spans="1:12">
      <c r="A3078" s="6" t="s">
        <v>49</v>
      </c>
      <c r="B3078" s="6"/>
      <c r="C3078" s="6" t="s">
        <v>3095</v>
      </c>
      <c r="D3078" s="6"/>
      <c r="E3078" s="6" t="s">
        <v>9</v>
      </c>
      <c r="F3078" s="7">
        <v>38657</v>
      </c>
      <c r="G3078" s="8">
        <v>1</v>
      </c>
      <c r="H3078" s="8">
        <v>1</v>
      </c>
      <c r="I3078" s="8">
        <v>0</v>
      </c>
      <c r="J3078" s="8">
        <v>1</v>
      </c>
      <c r="K3078" s="9">
        <v>3.3</v>
      </c>
      <c r="L3078" s="6" t="s">
        <v>51</v>
      </c>
    </row>
    <row r="3079" spans="1:12">
      <c r="A3079" s="6" t="s">
        <v>49</v>
      </c>
      <c r="B3079" s="6"/>
      <c r="C3079" s="6" t="s">
        <v>3096</v>
      </c>
      <c r="D3079" s="6"/>
      <c r="E3079" s="6" t="s">
        <v>9</v>
      </c>
      <c r="F3079" s="7">
        <v>38657</v>
      </c>
      <c r="G3079" s="8">
        <v>1</v>
      </c>
      <c r="H3079" s="8">
        <v>1</v>
      </c>
      <c r="I3079" s="8">
        <v>0</v>
      </c>
      <c r="J3079" s="8">
        <v>1</v>
      </c>
      <c r="K3079" s="9">
        <v>51</v>
      </c>
      <c r="L3079" s="6" t="s">
        <v>51</v>
      </c>
    </row>
    <row r="3080" spans="1:12">
      <c r="A3080" s="6" t="s">
        <v>49</v>
      </c>
      <c r="B3080" s="6"/>
      <c r="C3080" s="6" t="s">
        <v>3097</v>
      </c>
      <c r="D3080" s="6"/>
      <c r="E3080" s="6" t="s">
        <v>9</v>
      </c>
      <c r="F3080" s="7">
        <v>38657</v>
      </c>
      <c r="G3080" s="8">
        <v>1</v>
      </c>
      <c r="H3080" s="8">
        <v>1</v>
      </c>
      <c r="I3080" s="8">
        <v>0</v>
      </c>
      <c r="J3080" s="8">
        <v>1</v>
      </c>
      <c r="K3080" s="9">
        <v>16</v>
      </c>
      <c r="L3080" s="6" t="s">
        <v>51</v>
      </c>
    </row>
    <row r="3081" spans="1:12">
      <c r="A3081" s="6" t="s">
        <v>49</v>
      </c>
      <c r="B3081" s="6"/>
      <c r="C3081" s="6" t="s">
        <v>3098</v>
      </c>
      <c r="D3081" s="6"/>
      <c r="E3081" s="6" t="s">
        <v>9</v>
      </c>
      <c r="F3081" s="7">
        <v>38657</v>
      </c>
      <c r="G3081" s="8">
        <v>1</v>
      </c>
      <c r="H3081" s="8">
        <v>1</v>
      </c>
      <c r="I3081" s="8">
        <v>0</v>
      </c>
      <c r="J3081" s="8">
        <v>1</v>
      </c>
      <c r="K3081" s="9">
        <v>35</v>
      </c>
      <c r="L3081" s="6" t="s">
        <v>51</v>
      </c>
    </row>
    <row r="3082" spans="1:12">
      <c r="A3082" s="6" t="s">
        <v>49</v>
      </c>
      <c r="B3082" s="6"/>
      <c r="C3082" s="6" t="s">
        <v>3099</v>
      </c>
      <c r="D3082" s="6"/>
      <c r="E3082" s="6" t="s">
        <v>9</v>
      </c>
      <c r="F3082" s="7">
        <v>38657</v>
      </c>
      <c r="G3082" s="8">
        <v>1</v>
      </c>
      <c r="H3082" s="8">
        <v>1</v>
      </c>
      <c r="I3082" s="8">
        <v>0</v>
      </c>
      <c r="J3082" s="8">
        <v>1</v>
      </c>
      <c r="K3082" s="9">
        <v>54</v>
      </c>
      <c r="L3082" s="6" t="s">
        <v>51</v>
      </c>
    </row>
    <row r="3083" spans="1:12">
      <c r="A3083" s="6" t="s">
        <v>49</v>
      </c>
      <c r="B3083" s="6"/>
      <c r="C3083" s="6" t="s">
        <v>3100</v>
      </c>
      <c r="D3083" s="6"/>
      <c r="E3083" s="6" t="s">
        <v>9</v>
      </c>
      <c r="F3083" s="7">
        <v>38657</v>
      </c>
      <c r="G3083" s="8">
        <v>1</v>
      </c>
      <c r="H3083" s="8">
        <v>1</v>
      </c>
      <c r="I3083" s="8">
        <v>0</v>
      </c>
      <c r="J3083" s="8">
        <v>1</v>
      </c>
      <c r="K3083" s="9">
        <v>16</v>
      </c>
      <c r="L3083" s="6" t="s">
        <v>51</v>
      </c>
    </row>
    <row r="3084" spans="1:12">
      <c r="A3084" s="6" t="s">
        <v>49</v>
      </c>
      <c r="B3084" s="6"/>
      <c r="C3084" s="6" t="s">
        <v>3101</v>
      </c>
      <c r="D3084" s="6"/>
      <c r="E3084" s="6" t="s">
        <v>9</v>
      </c>
      <c r="F3084" s="7">
        <v>38657</v>
      </c>
      <c r="G3084" s="8">
        <v>1</v>
      </c>
      <c r="H3084" s="8">
        <v>1</v>
      </c>
      <c r="I3084" s="8">
        <v>0</v>
      </c>
      <c r="J3084" s="8">
        <v>1</v>
      </c>
      <c r="K3084" s="9">
        <v>36</v>
      </c>
      <c r="L3084" s="6" t="s">
        <v>51</v>
      </c>
    </row>
    <row r="3085" spans="1:12">
      <c r="A3085" s="6" t="s">
        <v>49</v>
      </c>
      <c r="B3085" s="6"/>
      <c r="C3085" s="6" t="s">
        <v>3102</v>
      </c>
      <c r="D3085" s="6"/>
      <c r="E3085" s="6" t="s">
        <v>9</v>
      </c>
      <c r="F3085" s="7">
        <v>38657</v>
      </c>
      <c r="G3085" s="8">
        <v>1</v>
      </c>
      <c r="H3085" s="8">
        <v>1</v>
      </c>
      <c r="I3085" s="8">
        <v>0</v>
      </c>
      <c r="J3085" s="8">
        <v>1</v>
      </c>
      <c r="K3085" s="9">
        <v>19</v>
      </c>
      <c r="L3085" s="6" t="s">
        <v>51</v>
      </c>
    </row>
    <row r="3086" spans="1:12">
      <c r="A3086" s="6" t="s">
        <v>49</v>
      </c>
      <c r="B3086" s="6"/>
      <c r="C3086" s="6" t="s">
        <v>3103</v>
      </c>
      <c r="D3086" s="6"/>
      <c r="E3086" s="6" t="s">
        <v>9</v>
      </c>
      <c r="F3086" s="7">
        <v>38657</v>
      </c>
      <c r="G3086" s="8">
        <v>1</v>
      </c>
      <c r="H3086" s="8">
        <v>1</v>
      </c>
      <c r="I3086" s="8">
        <v>0</v>
      </c>
      <c r="J3086" s="8">
        <v>1</v>
      </c>
      <c r="K3086" s="9">
        <v>40</v>
      </c>
      <c r="L3086" s="6" t="s">
        <v>51</v>
      </c>
    </row>
    <row r="3087" spans="1:12">
      <c r="A3087" s="6" t="s">
        <v>49</v>
      </c>
      <c r="B3087" s="6"/>
      <c r="C3087" s="6" t="s">
        <v>3104</v>
      </c>
      <c r="D3087" s="6"/>
      <c r="E3087" s="6" t="s">
        <v>9</v>
      </c>
      <c r="F3087" s="7">
        <v>38657</v>
      </c>
      <c r="G3087" s="8">
        <v>1</v>
      </c>
      <c r="H3087" s="8">
        <v>1</v>
      </c>
      <c r="I3087" s="8">
        <v>0</v>
      </c>
      <c r="J3087" s="8">
        <v>1</v>
      </c>
      <c r="K3087" s="9">
        <v>82</v>
      </c>
      <c r="L3087" s="6" t="s">
        <v>51</v>
      </c>
    </row>
    <row r="3088" spans="1:12">
      <c r="A3088" s="6" t="s">
        <v>49</v>
      </c>
      <c r="B3088" s="6"/>
      <c r="C3088" s="6" t="s">
        <v>3105</v>
      </c>
      <c r="D3088" s="6"/>
      <c r="E3088" s="6" t="s">
        <v>9</v>
      </c>
      <c r="F3088" s="7">
        <v>38657</v>
      </c>
      <c r="G3088" s="8">
        <v>1</v>
      </c>
      <c r="H3088" s="8">
        <v>1</v>
      </c>
      <c r="I3088" s="8">
        <v>0</v>
      </c>
      <c r="J3088" s="8">
        <v>1</v>
      </c>
      <c r="K3088" s="9">
        <v>36</v>
      </c>
      <c r="L3088" s="6" t="s">
        <v>51</v>
      </c>
    </row>
    <row r="3089" spans="1:12">
      <c r="A3089" s="6" t="s">
        <v>49</v>
      </c>
      <c r="B3089" s="6"/>
      <c r="C3089" s="6" t="s">
        <v>3106</v>
      </c>
      <c r="D3089" s="6"/>
      <c r="E3089" s="6" t="s">
        <v>9</v>
      </c>
      <c r="F3089" s="7">
        <v>38657</v>
      </c>
      <c r="G3089" s="8">
        <v>1</v>
      </c>
      <c r="H3089" s="8">
        <v>1</v>
      </c>
      <c r="I3089" s="8">
        <v>0</v>
      </c>
      <c r="J3089" s="8">
        <v>1</v>
      </c>
      <c r="K3089" s="9">
        <v>13</v>
      </c>
      <c r="L3089" s="6" t="s">
        <v>51</v>
      </c>
    </row>
    <row r="3090" spans="1:12">
      <c r="A3090" s="6" t="s">
        <v>49</v>
      </c>
      <c r="B3090" s="6"/>
      <c r="C3090" s="6" t="s">
        <v>3107</v>
      </c>
      <c r="D3090" s="6"/>
      <c r="E3090" s="6" t="s">
        <v>9</v>
      </c>
      <c r="F3090" s="7">
        <v>38657</v>
      </c>
      <c r="G3090" s="8">
        <v>1</v>
      </c>
      <c r="H3090" s="8">
        <v>1</v>
      </c>
      <c r="I3090" s="8">
        <v>0</v>
      </c>
      <c r="J3090" s="8">
        <v>1</v>
      </c>
      <c r="K3090" s="9">
        <v>16</v>
      </c>
      <c r="L3090" s="6" t="s">
        <v>51</v>
      </c>
    </row>
    <row r="3091" spans="1:12">
      <c r="A3091" s="6" t="s">
        <v>49</v>
      </c>
      <c r="B3091" s="6"/>
      <c r="C3091" s="6" t="s">
        <v>3108</v>
      </c>
      <c r="D3091" s="6"/>
      <c r="E3091" s="6" t="s">
        <v>9</v>
      </c>
      <c r="F3091" s="7">
        <v>38657</v>
      </c>
      <c r="G3091" s="8">
        <v>1</v>
      </c>
      <c r="H3091" s="8">
        <v>1</v>
      </c>
      <c r="I3091" s="8">
        <v>0</v>
      </c>
      <c r="J3091" s="8">
        <v>1</v>
      </c>
      <c r="K3091" s="9">
        <v>19</v>
      </c>
      <c r="L3091" s="6" t="s">
        <v>51</v>
      </c>
    </row>
    <row r="3092" spans="1:12">
      <c r="A3092" s="6" t="s">
        <v>49</v>
      </c>
      <c r="B3092" s="6"/>
      <c r="C3092" s="6" t="s">
        <v>3109</v>
      </c>
      <c r="D3092" s="6"/>
      <c r="E3092" s="6" t="s">
        <v>9</v>
      </c>
      <c r="F3092" s="7">
        <v>38657</v>
      </c>
      <c r="G3092" s="8">
        <v>1</v>
      </c>
      <c r="H3092" s="8">
        <v>1</v>
      </c>
      <c r="I3092" s="8">
        <v>0</v>
      </c>
      <c r="J3092" s="8">
        <v>1</v>
      </c>
      <c r="K3092" s="9">
        <v>40</v>
      </c>
      <c r="L3092" s="6" t="s">
        <v>51</v>
      </c>
    </row>
    <row r="3093" spans="1:12">
      <c r="A3093" s="6" t="s">
        <v>49</v>
      </c>
      <c r="B3093" s="6"/>
      <c r="C3093" s="6" t="s">
        <v>3110</v>
      </c>
      <c r="D3093" s="6"/>
      <c r="E3093" s="6" t="s">
        <v>9</v>
      </c>
      <c r="F3093" s="7">
        <v>38657</v>
      </c>
      <c r="G3093" s="8">
        <v>1</v>
      </c>
      <c r="H3093" s="8">
        <v>1</v>
      </c>
      <c r="I3093" s="8">
        <v>0</v>
      </c>
      <c r="J3093" s="8">
        <v>1</v>
      </c>
      <c r="K3093" s="9">
        <v>23</v>
      </c>
      <c r="L3093" s="6" t="s">
        <v>51</v>
      </c>
    </row>
    <row r="3094" spans="1:12">
      <c r="A3094" s="6" t="s">
        <v>49</v>
      </c>
      <c r="B3094" s="6"/>
      <c r="C3094" s="6" t="s">
        <v>3111</v>
      </c>
      <c r="D3094" s="6"/>
      <c r="E3094" s="6" t="s">
        <v>9</v>
      </c>
      <c r="F3094" s="7">
        <v>38657</v>
      </c>
      <c r="G3094" s="8">
        <v>1</v>
      </c>
      <c r="H3094" s="8">
        <v>1</v>
      </c>
      <c r="I3094" s="8">
        <v>0</v>
      </c>
      <c r="J3094" s="8">
        <v>1</v>
      </c>
      <c r="K3094" s="9">
        <v>691</v>
      </c>
      <c r="L3094" s="6" t="s">
        <v>51</v>
      </c>
    </row>
    <row r="3095" spans="1:12">
      <c r="A3095" s="6" t="s">
        <v>49</v>
      </c>
      <c r="B3095" s="6"/>
      <c r="C3095" s="6" t="s">
        <v>3112</v>
      </c>
      <c r="D3095" s="6"/>
      <c r="E3095" s="6" t="s">
        <v>9</v>
      </c>
      <c r="F3095" s="7">
        <v>38657</v>
      </c>
      <c r="G3095" s="8">
        <v>1</v>
      </c>
      <c r="H3095" s="8">
        <v>1</v>
      </c>
      <c r="I3095" s="8">
        <v>0</v>
      </c>
      <c r="J3095" s="8">
        <v>1</v>
      </c>
      <c r="K3095" s="9">
        <v>19</v>
      </c>
      <c r="L3095" s="6" t="s">
        <v>51</v>
      </c>
    </row>
    <row r="3096" spans="1:12">
      <c r="A3096" s="6" t="s">
        <v>49</v>
      </c>
      <c r="B3096" s="6"/>
      <c r="C3096" s="6" t="s">
        <v>3113</v>
      </c>
      <c r="D3096" s="6"/>
      <c r="E3096" s="6" t="s">
        <v>9</v>
      </c>
      <c r="F3096" s="7">
        <v>38657</v>
      </c>
      <c r="G3096" s="8">
        <v>1</v>
      </c>
      <c r="H3096" s="8">
        <v>1</v>
      </c>
      <c r="I3096" s="8">
        <v>0</v>
      </c>
      <c r="J3096" s="8">
        <v>1</v>
      </c>
      <c r="K3096" s="9">
        <v>19</v>
      </c>
      <c r="L3096" s="6" t="s">
        <v>51</v>
      </c>
    </row>
    <row r="3097" spans="1:12">
      <c r="A3097" s="6" t="s">
        <v>49</v>
      </c>
      <c r="B3097" s="6"/>
      <c r="C3097" s="6" t="s">
        <v>3114</v>
      </c>
      <c r="D3097" s="6"/>
      <c r="E3097" s="6" t="s">
        <v>9</v>
      </c>
      <c r="F3097" s="7">
        <v>38657</v>
      </c>
      <c r="G3097" s="8">
        <v>1</v>
      </c>
      <c r="H3097" s="8">
        <v>1</v>
      </c>
      <c r="I3097" s="8">
        <v>0</v>
      </c>
      <c r="J3097" s="8">
        <v>1</v>
      </c>
      <c r="K3097" s="9">
        <v>19</v>
      </c>
      <c r="L3097" s="6" t="s">
        <v>51</v>
      </c>
    </row>
    <row r="3098" spans="1:12">
      <c r="A3098" s="6" t="s">
        <v>49</v>
      </c>
      <c r="B3098" s="6"/>
      <c r="C3098" s="6" t="s">
        <v>3115</v>
      </c>
      <c r="D3098" s="6"/>
      <c r="E3098" s="6" t="s">
        <v>9</v>
      </c>
      <c r="F3098" s="7">
        <v>38657</v>
      </c>
      <c r="G3098" s="8">
        <v>1</v>
      </c>
      <c r="H3098" s="8">
        <v>1</v>
      </c>
      <c r="I3098" s="8">
        <v>0</v>
      </c>
      <c r="J3098" s="8">
        <v>1</v>
      </c>
      <c r="K3098" s="9">
        <v>19</v>
      </c>
      <c r="L3098" s="6" t="s">
        <v>51</v>
      </c>
    </row>
    <row r="3099" spans="1:12">
      <c r="A3099" s="6" t="s">
        <v>49</v>
      </c>
      <c r="B3099" s="6"/>
      <c r="C3099" s="6" t="s">
        <v>3116</v>
      </c>
      <c r="D3099" s="6"/>
      <c r="E3099" s="6" t="s">
        <v>9</v>
      </c>
      <c r="F3099" s="7">
        <v>38657</v>
      </c>
      <c r="G3099" s="8">
        <v>1</v>
      </c>
      <c r="H3099" s="8">
        <v>1</v>
      </c>
      <c r="I3099" s="8">
        <v>0</v>
      </c>
      <c r="J3099" s="8">
        <v>1</v>
      </c>
      <c r="K3099" s="9">
        <v>85.94</v>
      </c>
      <c r="L3099" s="6" t="s">
        <v>51</v>
      </c>
    </row>
    <row r="3100" spans="1:12">
      <c r="A3100" s="6" t="s">
        <v>49</v>
      </c>
      <c r="B3100" s="6"/>
      <c r="C3100" s="6" t="s">
        <v>3117</v>
      </c>
      <c r="D3100" s="6"/>
      <c r="E3100" s="6" t="s">
        <v>9</v>
      </c>
      <c r="F3100" s="7">
        <v>38657</v>
      </c>
      <c r="G3100" s="8">
        <v>1</v>
      </c>
      <c r="H3100" s="8">
        <v>1</v>
      </c>
      <c r="I3100" s="8">
        <v>0</v>
      </c>
      <c r="J3100" s="8">
        <v>1</v>
      </c>
      <c r="K3100" s="9">
        <v>19</v>
      </c>
      <c r="L3100" s="6" t="s">
        <v>51</v>
      </c>
    </row>
    <row r="3101" spans="1:12">
      <c r="A3101" s="6" t="s">
        <v>49</v>
      </c>
      <c r="B3101" s="6"/>
      <c r="C3101" s="6" t="s">
        <v>3118</v>
      </c>
      <c r="D3101" s="6"/>
      <c r="E3101" s="6" t="s">
        <v>9</v>
      </c>
      <c r="F3101" s="7">
        <v>38657</v>
      </c>
      <c r="G3101" s="8">
        <v>1</v>
      </c>
      <c r="H3101" s="8">
        <v>1</v>
      </c>
      <c r="I3101" s="8">
        <v>0</v>
      </c>
      <c r="J3101" s="8">
        <v>1</v>
      </c>
      <c r="K3101" s="9">
        <v>19.829999999999899</v>
      </c>
      <c r="L3101" s="6" t="s">
        <v>51</v>
      </c>
    </row>
    <row r="3102" spans="1:12">
      <c r="A3102" s="6" t="s">
        <v>49</v>
      </c>
      <c r="B3102" s="6"/>
      <c r="C3102" s="6" t="s">
        <v>3119</v>
      </c>
      <c r="D3102" s="6"/>
      <c r="E3102" s="6" t="s">
        <v>9</v>
      </c>
      <c r="F3102" s="7">
        <v>38657</v>
      </c>
      <c r="G3102" s="8">
        <v>1</v>
      </c>
      <c r="H3102" s="8">
        <v>1</v>
      </c>
      <c r="I3102" s="8">
        <v>0</v>
      </c>
      <c r="J3102" s="8">
        <v>1</v>
      </c>
      <c r="K3102" s="9">
        <v>19</v>
      </c>
      <c r="L3102" s="6" t="s">
        <v>51</v>
      </c>
    </row>
    <row r="3103" spans="1:12">
      <c r="A3103" s="6" t="s">
        <v>49</v>
      </c>
      <c r="B3103" s="6"/>
      <c r="C3103" s="6" t="s">
        <v>3120</v>
      </c>
      <c r="D3103" s="6"/>
      <c r="E3103" s="6" t="s">
        <v>9</v>
      </c>
      <c r="F3103" s="7">
        <v>38657</v>
      </c>
      <c r="G3103" s="8">
        <v>1</v>
      </c>
      <c r="H3103" s="8">
        <v>1</v>
      </c>
      <c r="I3103" s="8">
        <v>0</v>
      </c>
      <c r="J3103" s="8">
        <v>1</v>
      </c>
      <c r="K3103" s="9">
        <v>19</v>
      </c>
      <c r="L3103" s="6" t="s">
        <v>51</v>
      </c>
    </row>
    <row r="3104" spans="1:12">
      <c r="A3104" s="6" t="s">
        <v>49</v>
      </c>
      <c r="B3104" s="6"/>
      <c r="C3104" s="6" t="s">
        <v>3121</v>
      </c>
      <c r="D3104" s="6"/>
      <c r="E3104" s="6" t="s">
        <v>9</v>
      </c>
      <c r="F3104" s="7">
        <v>38657</v>
      </c>
      <c r="G3104" s="8">
        <v>1</v>
      </c>
      <c r="H3104" s="8">
        <v>1</v>
      </c>
      <c r="I3104" s="8">
        <v>0</v>
      </c>
      <c r="J3104" s="8">
        <v>1</v>
      </c>
      <c r="K3104" s="9">
        <v>8.19</v>
      </c>
      <c r="L3104" s="6" t="s">
        <v>51</v>
      </c>
    </row>
    <row r="3105" spans="1:12">
      <c r="A3105" s="6" t="s">
        <v>49</v>
      </c>
      <c r="B3105" s="6"/>
      <c r="C3105" s="6" t="s">
        <v>3122</v>
      </c>
      <c r="D3105" s="6"/>
      <c r="E3105" s="6" t="s">
        <v>9</v>
      </c>
      <c r="F3105" s="7">
        <v>38657</v>
      </c>
      <c r="G3105" s="8">
        <v>1</v>
      </c>
      <c r="H3105" s="8">
        <v>1</v>
      </c>
      <c r="I3105" s="8">
        <v>0</v>
      </c>
      <c r="J3105" s="8">
        <v>1</v>
      </c>
      <c r="K3105" s="9">
        <v>19</v>
      </c>
      <c r="L3105" s="6" t="s">
        <v>51</v>
      </c>
    </row>
    <row r="3106" spans="1:12">
      <c r="A3106" s="6" t="s">
        <v>49</v>
      </c>
      <c r="B3106" s="6"/>
      <c r="C3106" s="6" t="s">
        <v>3123</v>
      </c>
      <c r="D3106" s="6"/>
      <c r="E3106" s="6" t="s">
        <v>9</v>
      </c>
      <c r="F3106" s="7">
        <v>38657</v>
      </c>
      <c r="G3106" s="8">
        <v>1</v>
      </c>
      <c r="H3106" s="8">
        <v>1</v>
      </c>
      <c r="I3106" s="8">
        <v>0</v>
      </c>
      <c r="J3106" s="8">
        <v>1</v>
      </c>
      <c r="K3106" s="9">
        <v>19</v>
      </c>
      <c r="L3106" s="6" t="s">
        <v>51</v>
      </c>
    </row>
    <row r="3107" spans="1:12">
      <c r="A3107" s="6" t="s">
        <v>49</v>
      </c>
      <c r="B3107" s="6"/>
      <c r="C3107" s="6" t="s">
        <v>3124</v>
      </c>
      <c r="D3107" s="6"/>
      <c r="E3107" s="6" t="s">
        <v>9</v>
      </c>
      <c r="F3107" s="7">
        <v>38657</v>
      </c>
      <c r="G3107" s="8">
        <v>1</v>
      </c>
      <c r="H3107" s="8">
        <v>1</v>
      </c>
      <c r="I3107" s="8">
        <v>0</v>
      </c>
      <c r="J3107" s="8">
        <v>1</v>
      </c>
      <c r="K3107" s="9">
        <v>313</v>
      </c>
      <c r="L3107" s="6" t="s">
        <v>51</v>
      </c>
    </row>
    <row r="3108" spans="1:12">
      <c r="A3108" s="6" t="s">
        <v>49</v>
      </c>
      <c r="B3108" s="6"/>
      <c r="C3108" s="6" t="s">
        <v>3125</v>
      </c>
      <c r="D3108" s="6"/>
      <c r="E3108" s="6" t="s">
        <v>9</v>
      </c>
      <c r="F3108" s="7">
        <v>38657</v>
      </c>
      <c r="G3108" s="8">
        <v>1</v>
      </c>
      <c r="H3108" s="8">
        <v>1</v>
      </c>
      <c r="I3108" s="8">
        <v>0</v>
      </c>
      <c r="J3108" s="8">
        <v>1</v>
      </c>
      <c r="K3108" s="9">
        <v>3.42</v>
      </c>
      <c r="L3108" s="6" t="s">
        <v>51</v>
      </c>
    </row>
    <row r="3109" spans="1:12">
      <c r="A3109" s="6" t="s">
        <v>49</v>
      </c>
      <c r="B3109" s="6"/>
      <c r="C3109" s="6" t="s">
        <v>3126</v>
      </c>
      <c r="D3109" s="6"/>
      <c r="E3109" s="6" t="s">
        <v>9</v>
      </c>
      <c r="F3109" s="7">
        <v>38657</v>
      </c>
      <c r="G3109" s="8">
        <v>1</v>
      </c>
      <c r="H3109" s="8">
        <v>1</v>
      </c>
      <c r="I3109" s="8">
        <v>0</v>
      </c>
      <c r="J3109" s="8">
        <v>1</v>
      </c>
      <c r="K3109" s="9">
        <v>4.45</v>
      </c>
      <c r="L3109" s="6" t="s">
        <v>51</v>
      </c>
    </row>
    <row r="3110" spans="1:12">
      <c r="A3110" s="6" t="s">
        <v>49</v>
      </c>
      <c r="B3110" s="6"/>
      <c r="C3110" s="6" t="s">
        <v>3127</v>
      </c>
      <c r="D3110" s="6"/>
      <c r="E3110" s="6" t="s">
        <v>9</v>
      </c>
      <c r="F3110" s="7">
        <v>38657</v>
      </c>
      <c r="G3110" s="8">
        <v>1</v>
      </c>
      <c r="H3110" s="8">
        <v>1</v>
      </c>
      <c r="I3110" s="8">
        <v>0</v>
      </c>
      <c r="J3110" s="8">
        <v>1</v>
      </c>
      <c r="K3110" s="9">
        <v>24</v>
      </c>
      <c r="L3110" s="6" t="s">
        <v>51</v>
      </c>
    </row>
    <row r="3111" spans="1:12">
      <c r="A3111" s="6" t="s">
        <v>49</v>
      </c>
      <c r="B3111" s="6"/>
      <c r="C3111" s="6" t="s">
        <v>3128</v>
      </c>
      <c r="D3111" s="6"/>
      <c r="E3111" s="6" t="s">
        <v>9</v>
      </c>
      <c r="F3111" s="7">
        <v>38657</v>
      </c>
      <c r="G3111" s="8">
        <v>1</v>
      </c>
      <c r="H3111" s="8">
        <v>1</v>
      </c>
      <c r="I3111" s="8">
        <v>0</v>
      </c>
      <c r="J3111" s="8">
        <v>1</v>
      </c>
      <c r="K3111" s="9">
        <v>12</v>
      </c>
      <c r="L3111" s="6" t="s">
        <v>51</v>
      </c>
    </row>
    <row r="3112" spans="1:12">
      <c r="A3112" s="6" t="s">
        <v>49</v>
      </c>
      <c r="B3112" s="6"/>
      <c r="C3112" s="6" t="s">
        <v>3129</v>
      </c>
      <c r="D3112" s="6"/>
      <c r="E3112" s="6" t="s">
        <v>9</v>
      </c>
      <c r="F3112" s="7">
        <v>38657</v>
      </c>
      <c r="G3112" s="8">
        <v>1</v>
      </c>
      <c r="H3112" s="8">
        <v>1</v>
      </c>
      <c r="I3112" s="8">
        <v>0</v>
      </c>
      <c r="J3112" s="8">
        <v>1</v>
      </c>
      <c r="K3112" s="9">
        <v>158</v>
      </c>
      <c r="L3112" s="6" t="s">
        <v>51</v>
      </c>
    </row>
    <row r="3113" spans="1:12">
      <c r="A3113" s="6" t="s">
        <v>49</v>
      </c>
      <c r="B3113" s="6"/>
      <c r="C3113" s="6" t="s">
        <v>3130</v>
      </c>
      <c r="D3113" s="6"/>
      <c r="E3113" s="6" t="s">
        <v>9</v>
      </c>
      <c r="F3113" s="7">
        <v>38657</v>
      </c>
      <c r="G3113" s="8">
        <v>1</v>
      </c>
      <c r="H3113" s="8">
        <v>1</v>
      </c>
      <c r="I3113" s="8">
        <v>0</v>
      </c>
      <c r="J3113" s="8">
        <v>1</v>
      </c>
      <c r="K3113" s="9">
        <v>141</v>
      </c>
      <c r="L3113" s="6" t="s">
        <v>51</v>
      </c>
    </row>
    <row r="3114" spans="1:12">
      <c r="A3114" s="6" t="s">
        <v>49</v>
      </c>
      <c r="B3114" s="6"/>
      <c r="C3114" s="6" t="s">
        <v>3131</v>
      </c>
      <c r="D3114" s="6"/>
      <c r="E3114" s="6" t="s">
        <v>9</v>
      </c>
      <c r="F3114" s="7">
        <v>38657</v>
      </c>
      <c r="G3114" s="8">
        <v>1</v>
      </c>
      <c r="H3114" s="8">
        <v>1</v>
      </c>
      <c r="I3114" s="8">
        <v>0</v>
      </c>
      <c r="J3114" s="8">
        <v>1</v>
      </c>
      <c r="K3114" s="9">
        <v>48</v>
      </c>
      <c r="L3114" s="6" t="s">
        <v>51</v>
      </c>
    </row>
    <row r="3115" spans="1:12">
      <c r="A3115" s="6" t="s">
        <v>49</v>
      </c>
      <c r="B3115" s="6"/>
      <c r="C3115" s="6" t="s">
        <v>3132</v>
      </c>
      <c r="D3115" s="6"/>
      <c r="E3115" s="6" t="s">
        <v>9</v>
      </c>
      <c r="F3115" s="7">
        <v>38657</v>
      </c>
      <c r="G3115" s="8">
        <v>1</v>
      </c>
      <c r="H3115" s="8">
        <v>1</v>
      </c>
      <c r="I3115" s="8">
        <v>0</v>
      </c>
      <c r="J3115" s="8">
        <v>1</v>
      </c>
      <c r="K3115" s="9">
        <v>284</v>
      </c>
      <c r="L3115" s="6" t="s">
        <v>51</v>
      </c>
    </row>
    <row r="3116" spans="1:12">
      <c r="A3116" s="6" t="s">
        <v>49</v>
      </c>
      <c r="B3116" s="6"/>
      <c r="C3116" s="6" t="s">
        <v>3133</v>
      </c>
      <c r="D3116" s="6"/>
      <c r="E3116" s="6" t="s">
        <v>9</v>
      </c>
      <c r="F3116" s="7">
        <v>38657</v>
      </c>
      <c r="G3116" s="8">
        <v>1</v>
      </c>
      <c r="H3116" s="8">
        <v>1</v>
      </c>
      <c r="I3116" s="8">
        <v>0</v>
      </c>
      <c r="J3116" s="8">
        <v>1</v>
      </c>
      <c r="K3116" s="9">
        <v>5.76</v>
      </c>
      <c r="L3116" s="6" t="s">
        <v>51</v>
      </c>
    </row>
    <row r="3117" spans="1:12">
      <c r="A3117" s="6" t="s">
        <v>49</v>
      </c>
      <c r="B3117" s="6"/>
      <c r="C3117" s="6" t="s">
        <v>3134</v>
      </c>
      <c r="D3117" s="6"/>
      <c r="E3117" s="6" t="s">
        <v>9</v>
      </c>
      <c r="F3117" s="7">
        <v>38657</v>
      </c>
      <c r="G3117" s="8">
        <v>1</v>
      </c>
      <c r="H3117" s="8">
        <v>1</v>
      </c>
      <c r="I3117" s="8">
        <v>0</v>
      </c>
      <c r="J3117" s="8">
        <v>1</v>
      </c>
      <c r="K3117" s="9">
        <v>355</v>
      </c>
      <c r="L3117" s="6" t="s">
        <v>51</v>
      </c>
    </row>
    <row r="3118" spans="1:12">
      <c r="A3118" s="6" t="s">
        <v>49</v>
      </c>
      <c r="B3118" s="6"/>
      <c r="C3118" s="6" t="s">
        <v>3135</v>
      </c>
      <c r="D3118" s="6"/>
      <c r="E3118" s="6" t="s">
        <v>9</v>
      </c>
      <c r="F3118" s="7">
        <v>38657</v>
      </c>
      <c r="G3118" s="8">
        <v>1</v>
      </c>
      <c r="H3118" s="8">
        <v>1</v>
      </c>
      <c r="I3118" s="8">
        <v>0</v>
      </c>
      <c r="J3118" s="8">
        <v>1</v>
      </c>
      <c r="K3118" s="9">
        <v>21</v>
      </c>
      <c r="L3118" s="6" t="s">
        <v>51</v>
      </c>
    </row>
    <row r="3119" spans="1:12">
      <c r="A3119" s="6" t="s">
        <v>49</v>
      </c>
      <c r="B3119" s="6"/>
      <c r="C3119" s="6" t="s">
        <v>3136</v>
      </c>
      <c r="D3119" s="6"/>
      <c r="E3119" s="6" t="s">
        <v>9</v>
      </c>
      <c r="F3119" s="7">
        <v>38657</v>
      </c>
      <c r="G3119" s="8">
        <v>1</v>
      </c>
      <c r="H3119" s="8">
        <v>1</v>
      </c>
      <c r="I3119" s="8">
        <v>0</v>
      </c>
      <c r="J3119" s="8">
        <v>1</v>
      </c>
      <c r="K3119" s="9">
        <v>19</v>
      </c>
      <c r="L3119" s="6" t="s">
        <v>51</v>
      </c>
    </row>
    <row r="3120" spans="1:12">
      <c r="A3120" s="6" t="s">
        <v>49</v>
      </c>
      <c r="B3120" s="6"/>
      <c r="C3120" s="6" t="s">
        <v>3137</v>
      </c>
      <c r="D3120" s="6"/>
      <c r="E3120" s="6" t="s">
        <v>9</v>
      </c>
      <c r="F3120" s="7">
        <v>38657</v>
      </c>
      <c r="G3120" s="8">
        <v>1</v>
      </c>
      <c r="H3120" s="8">
        <v>1</v>
      </c>
      <c r="I3120" s="8">
        <v>0</v>
      </c>
      <c r="J3120" s="8">
        <v>1</v>
      </c>
      <c r="K3120" s="9">
        <v>70</v>
      </c>
      <c r="L3120" s="6" t="s">
        <v>51</v>
      </c>
    </row>
    <row r="3121" spans="1:12">
      <c r="A3121" s="6" t="s">
        <v>49</v>
      </c>
      <c r="B3121" s="6"/>
      <c r="C3121" s="6" t="s">
        <v>3138</v>
      </c>
      <c r="D3121" s="6"/>
      <c r="E3121" s="6" t="s">
        <v>9</v>
      </c>
      <c r="F3121" s="7">
        <v>38657</v>
      </c>
      <c r="G3121" s="8">
        <v>1</v>
      </c>
      <c r="H3121" s="8">
        <v>1</v>
      </c>
      <c r="I3121" s="8">
        <v>0</v>
      </c>
      <c r="J3121" s="8">
        <v>1</v>
      </c>
      <c r="K3121" s="9">
        <v>396</v>
      </c>
      <c r="L3121" s="6" t="s">
        <v>51</v>
      </c>
    </row>
    <row r="3122" spans="1:12">
      <c r="A3122" s="6" t="s">
        <v>49</v>
      </c>
      <c r="B3122" s="6"/>
      <c r="C3122" s="6" t="s">
        <v>3139</v>
      </c>
      <c r="D3122" s="6"/>
      <c r="E3122" s="6" t="s">
        <v>9</v>
      </c>
      <c r="F3122" s="7">
        <v>38657</v>
      </c>
      <c r="G3122" s="8">
        <v>1</v>
      </c>
      <c r="H3122" s="8">
        <v>1</v>
      </c>
      <c r="I3122" s="8">
        <v>0</v>
      </c>
      <c r="J3122" s="8">
        <v>1</v>
      </c>
      <c r="K3122" s="9">
        <v>318</v>
      </c>
      <c r="L3122" s="6" t="s">
        <v>51</v>
      </c>
    </row>
    <row r="3123" spans="1:12">
      <c r="A3123" s="6" t="s">
        <v>49</v>
      </c>
      <c r="B3123" s="6"/>
      <c r="C3123" s="6" t="s">
        <v>3140</v>
      </c>
      <c r="D3123" s="6"/>
      <c r="E3123" s="6" t="s">
        <v>9</v>
      </c>
      <c r="F3123" s="7">
        <v>38657</v>
      </c>
      <c r="G3123" s="8">
        <v>1</v>
      </c>
      <c r="H3123" s="8">
        <v>1</v>
      </c>
      <c r="I3123" s="8">
        <v>0</v>
      </c>
      <c r="J3123" s="8">
        <v>1</v>
      </c>
      <c r="K3123" s="9">
        <v>62</v>
      </c>
      <c r="L3123" s="6" t="s">
        <v>51</v>
      </c>
    </row>
    <row r="3124" spans="1:12">
      <c r="A3124" s="6" t="s">
        <v>49</v>
      </c>
      <c r="B3124" s="6"/>
      <c r="C3124" s="6" t="s">
        <v>3141</v>
      </c>
      <c r="D3124" s="6"/>
      <c r="E3124" s="6" t="s">
        <v>9</v>
      </c>
      <c r="F3124" s="7">
        <v>38657</v>
      </c>
      <c r="G3124" s="8">
        <v>1</v>
      </c>
      <c r="H3124" s="8">
        <v>1</v>
      </c>
      <c r="I3124" s="8">
        <v>0</v>
      </c>
      <c r="J3124" s="8">
        <v>1</v>
      </c>
      <c r="K3124" s="9">
        <v>57</v>
      </c>
      <c r="L3124" s="6" t="s">
        <v>51</v>
      </c>
    </row>
    <row r="3125" spans="1:12">
      <c r="A3125" s="6" t="s">
        <v>49</v>
      </c>
      <c r="B3125" s="6"/>
      <c r="C3125" s="6" t="s">
        <v>3142</v>
      </c>
      <c r="D3125" s="6"/>
      <c r="E3125" s="6" t="s">
        <v>9</v>
      </c>
      <c r="F3125" s="7">
        <v>38657</v>
      </c>
      <c r="G3125" s="8">
        <v>1</v>
      </c>
      <c r="H3125" s="8">
        <v>1</v>
      </c>
      <c r="I3125" s="8">
        <v>0</v>
      </c>
      <c r="J3125" s="8">
        <v>1</v>
      </c>
      <c r="K3125" s="9">
        <v>171</v>
      </c>
      <c r="L3125" s="6" t="s">
        <v>51</v>
      </c>
    </row>
    <row r="3126" spans="1:12">
      <c r="A3126" s="6" t="s">
        <v>49</v>
      </c>
      <c r="B3126" s="6"/>
      <c r="C3126" s="6" t="s">
        <v>3143</v>
      </c>
      <c r="D3126" s="6"/>
      <c r="E3126" s="6" t="s">
        <v>9</v>
      </c>
      <c r="F3126" s="7">
        <v>38657</v>
      </c>
      <c r="G3126" s="8">
        <v>1</v>
      </c>
      <c r="H3126" s="8">
        <v>1</v>
      </c>
      <c r="I3126" s="8">
        <v>0</v>
      </c>
      <c r="J3126" s="8">
        <v>1</v>
      </c>
      <c r="K3126" s="9">
        <v>23</v>
      </c>
      <c r="L3126" s="6" t="s">
        <v>51</v>
      </c>
    </row>
    <row r="3127" spans="1:12">
      <c r="A3127" s="6" t="s">
        <v>49</v>
      </c>
      <c r="B3127" s="6"/>
      <c r="C3127" s="6" t="s">
        <v>3144</v>
      </c>
      <c r="D3127" s="6"/>
      <c r="E3127" s="6" t="s">
        <v>9</v>
      </c>
      <c r="F3127" s="7">
        <v>38657</v>
      </c>
      <c r="G3127" s="8">
        <v>1</v>
      </c>
      <c r="H3127" s="8">
        <v>1</v>
      </c>
      <c r="I3127" s="8">
        <v>0</v>
      </c>
      <c r="J3127" s="8">
        <v>1</v>
      </c>
      <c r="K3127" s="9">
        <v>80</v>
      </c>
      <c r="L3127" s="6" t="s">
        <v>51</v>
      </c>
    </row>
    <row r="3128" spans="1:12">
      <c r="A3128" s="6" t="s">
        <v>49</v>
      </c>
      <c r="B3128" s="6"/>
      <c r="C3128" s="6" t="s">
        <v>3145</v>
      </c>
      <c r="D3128" s="6"/>
      <c r="E3128" s="6" t="s">
        <v>9</v>
      </c>
      <c r="F3128" s="7">
        <v>38657</v>
      </c>
      <c r="G3128" s="8">
        <v>1</v>
      </c>
      <c r="H3128" s="8">
        <v>1</v>
      </c>
      <c r="I3128" s="8">
        <v>0</v>
      </c>
      <c r="J3128" s="8">
        <v>1</v>
      </c>
      <c r="K3128" s="9">
        <v>50</v>
      </c>
      <c r="L3128" s="6" t="s">
        <v>51</v>
      </c>
    </row>
    <row r="3129" spans="1:12">
      <c r="A3129" s="6" t="s">
        <v>49</v>
      </c>
      <c r="B3129" s="6"/>
      <c r="C3129" s="6" t="s">
        <v>3146</v>
      </c>
      <c r="D3129" s="6"/>
      <c r="E3129" s="6" t="s">
        <v>9</v>
      </c>
      <c r="F3129" s="7">
        <v>38657</v>
      </c>
      <c r="G3129" s="8">
        <v>1</v>
      </c>
      <c r="H3129" s="8">
        <v>1</v>
      </c>
      <c r="I3129" s="8">
        <v>0</v>
      </c>
      <c r="J3129" s="8">
        <v>1</v>
      </c>
      <c r="K3129" s="9">
        <v>185</v>
      </c>
      <c r="L3129" s="6" t="s">
        <v>51</v>
      </c>
    </row>
    <row r="3130" spans="1:12">
      <c r="A3130" s="6" t="s">
        <v>49</v>
      </c>
      <c r="B3130" s="6"/>
      <c r="C3130" s="6" t="s">
        <v>3147</v>
      </c>
      <c r="D3130" s="6"/>
      <c r="E3130" s="6" t="s">
        <v>9</v>
      </c>
      <c r="F3130" s="7">
        <v>38657</v>
      </c>
      <c r="G3130" s="8">
        <v>1</v>
      </c>
      <c r="H3130" s="8">
        <v>1</v>
      </c>
      <c r="I3130" s="8">
        <v>0</v>
      </c>
      <c r="J3130" s="8">
        <v>1</v>
      </c>
      <c r="K3130" s="9">
        <v>318</v>
      </c>
      <c r="L3130" s="6" t="s">
        <v>51</v>
      </c>
    </row>
    <row r="3131" spans="1:12">
      <c r="A3131" s="6" t="s">
        <v>49</v>
      </c>
      <c r="B3131" s="6"/>
      <c r="C3131" s="6" t="s">
        <v>3148</v>
      </c>
      <c r="D3131" s="6"/>
      <c r="E3131" s="6" t="s">
        <v>9</v>
      </c>
      <c r="F3131" s="7">
        <v>38657</v>
      </c>
      <c r="G3131" s="8">
        <v>1</v>
      </c>
      <c r="H3131" s="8">
        <v>1</v>
      </c>
      <c r="I3131" s="8">
        <v>0</v>
      </c>
      <c r="J3131" s="8">
        <v>1</v>
      </c>
      <c r="K3131" s="9">
        <v>28</v>
      </c>
      <c r="L3131" s="6" t="s">
        <v>51</v>
      </c>
    </row>
    <row r="3132" spans="1:12">
      <c r="A3132" s="6" t="s">
        <v>49</v>
      </c>
      <c r="B3132" s="6"/>
      <c r="C3132" s="6" t="s">
        <v>3149</v>
      </c>
      <c r="D3132" s="6"/>
      <c r="E3132" s="6" t="s">
        <v>9</v>
      </c>
      <c r="F3132" s="7">
        <v>38657</v>
      </c>
      <c r="G3132" s="8">
        <v>1</v>
      </c>
      <c r="H3132" s="8">
        <v>1</v>
      </c>
      <c r="I3132" s="8">
        <v>0</v>
      </c>
      <c r="J3132" s="8">
        <v>1</v>
      </c>
      <c r="K3132" s="9">
        <v>63</v>
      </c>
      <c r="L3132" s="6" t="s">
        <v>51</v>
      </c>
    </row>
    <row r="3133" spans="1:12">
      <c r="A3133" s="6" t="s">
        <v>49</v>
      </c>
      <c r="B3133" s="6"/>
      <c r="C3133" s="6" t="s">
        <v>3150</v>
      </c>
      <c r="D3133" s="6"/>
      <c r="E3133" s="6" t="s">
        <v>9</v>
      </c>
      <c r="F3133" s="7">
        <v>38657</v>
      </c>
      <c r="G3133" s="8">
        <v>1</v>
      </c>
      <c r="H3133" s="8">
        <v>1</v>
      </c>
      <c r="I3133" s="8">
        <v>0</v>
      </c>
      <c r="J3133" s="8">
        <v>1</v>
      </c>
      <c r="K3133" s="9">
        <v>6.45</v>
      </c>
      <c r="L3133" s="6" t="s">
        <v>51</v>
      </c>
    </row>
    <row r="3134" spans="1:12">
      <c r="A3134" s="6" t="s">
        <v>49</v>
      </c>
      <c r="B3134" s="6"/>
      <c r="C3134" s="6" t="s">
        <v>3151</v>
      </c>
      <c r="D3134" s="6"/>
      <c r="E3134" s="6" t="s">
        <v>9</v>
      </c>
      <c r="F3134" s="7">
        <v>38657</v>
      </c>
      <c r="G3134" s="8">
        <v>1</v>
      </c>
      <c r="H3134" s="8">
        <v>1</v>
      </c>
      <c r="I3134" s="8">
        <v>0</v>
      </c>
      <c r="J3134" s="8">
        <v>1</v>
      </c>
      <c r="K3134" s="9">
        <v>3.28</v>
      </c>
      <c r="L3134" s="6" t="s">
        <v>51</v>
      </c>
    </row>
    <row r="3135" spans="1:12">
      <c r="A3135" s="6" t="s">
        <v>49</v>
      </c>
      <c r="B3135" s="6"/>
      <c r="C3135" s="6" t="s">
        <v>3152</v>
      </c>
      <c r="D3135" s="6"/>
      <c r="E3135" s="6" t="s">
        <v>9</v>
      </c>
      <c r="F3135" s="7">
        <v>38657</v>
      </c>
      <c r="G3135" s="8">
        <v>1</v>
      </c>
      <c r="H3135" s="8">
        <v>1</v>
      </c>
      <c r="I3135" s="8">
        <v>0</v>
      </c>
      <c r="J3135" s="8">
        <v>1</v>
      </c>
      <c r="K3135" s="9">
        <v>4.62</v>
      </c>
      <c r="L3135" s="6" t="s">
        <v>51</v>
      </c>
    </row>
    <row r="3136" spans="1:12">
      <c r="A3136" s="6" t="s">
        <v>49</v>
      </c>
      <c r="B3136" s="6"/>
      <c r="C3136" s="6" t="s">
        <v>3153</v>
      </c>
      <c r="D3136" s="6"/>
      <c r="E3136" s="6" t="s">
        <v>9</v>
      </c>
      <c r="F3136" s="7">
        <v>38657</v>
      </c>
      <c r="G3136" s="8">
        <v>1</v>
      </c>
      <c r="H3136" s="8">
        <v>1</v>
      </c>
      <c r="I3136" s="8">
        <v>0</v>
      </c>
      <c r="J3136" s="8">
        <v>1</v>
      </c>
      <c r="K3136" s="9">
        <v>108</v>
      </c>
      <c r="L3136" s="6" t="s">
        <v>51</v>
      </c>
    </row>
    <row r="3137" spans="1:12">
      <c r="A3137" s="6" t="s">
        <v>49</v>
      </c>
      <c r="B3137" s="6"/>
      <c r="C3137" s="6" t="s">
        <v>3154</v>
      </c>
      <c r="D3137" s="6"/>
      <c r="E3137" s="6" t="s">
        <v>9</v>
      </c>
      <c r="F3137" s="7">
        <v>38657</v>
      </c>
      <c r="G3137" s="8">
        <v>1</v>
      </c>
      <c r="H3137" s="8">
        <v>1</v>
      </c>
      <c r="I3137" s="8">
        <v>0</v>
      </c>
      <c r="J3137" s="8">
        <v>1</v>
      </c>
      <c r="K3137" s="9">
        <v>51</v>
      </c>
      <c r="L3137" s="6" t="s">
        <v>51</v>
      </c>
    </row>
    <row r="3138" spans="1:12">
      <c r="A3138" s="6" t="s">
        <v>49</v>
      </c>
      <c r="B3138" s="6"/>
      <c r="C3138" s="6" t="s">
        <v>3155</v>
      </c>
      <c r="D3138" s="6"/>
      <c r="E3138" s="6" t="s">
        <v>9</v>
      </c>
      <c r="F3138" s="7">
        <v>38657</v>
      </c>
      <c r="G3138" s="8">
        <v>1</v>
      </c>
      <c r="H3138" s="8">
        <v>1</v>
      </c>
      <c r="I3138" s="8">
        <v>0</v>
      </c>
      <c r="J3138" s="8">
        <v>1</v>
      </c>
      <c r="K3138" s="9">
        <v>11</v>
      </c>
      <c r="L3138" s="6" t="s">
        <v>51</v>
      </c>
    </row>
    <row r="3139" spans="1:12">
      <c r="A3139" s="6" t="s">
        <v>49</v>
      </c>
      <c r="B3139" s="6"/>
      <c r="C3139" s="6" t="s">
        <v>3156</v>
      </c>
      <c r="D3139" s="6"/>
      <c r="E3139" s="6" t="s">
        <v>9</v>
      </c>
      <c r="F3139" s="7">
        <v>38657</v>
      </c>
      <c r="G3139" s="8">
        <v>1</v>
      </c>
      <c r="H3139" s="8">
        <v>1</v>
      </c>
      <c r="I3139" s="8">
        <v>0</v>
      </c>
      <c r="J3139" s="8">
        <v>1</v>
      </c>
      <c r="K3139" s="9">
        <v>48</v>
      </c>
      <c r="L3139" s="6" t="s">
        <v>51</v>
      </c>
    </row>
    <row r="3140" spans="1:12">
      <c r="A3140" s="6" t="s">
        <v>49</v>
      </c>
      <c r="B3140" s="6"/>
      <c r="C3140" s="6" t="s">
        <v>3157</v>
      </c>
      <c r="D3140" s="6"/>
      <c r="E3140" s="6" t="s">
        <v>9</v>
      </c>
      <c r="F3140" s="7">
        <v>38657</v>
      </c>
      <c r="G3140" s="8">
        <v>1</v>
      </c>
      <c r="H3140" s="8">
        <v>1</v>
      </c>
      <c r="I3140" s="8">
        <v>0</v>
      </c>
      <c r="J3140" s="8">
        <v>1</v>
      </c>
      <c r="K3140" s="9">
        <v>18.57</v>
      </c>
      <c r="L3140" s="6" t="s">
        <v>51</v>
      </c>
    </row>
    <row r="3141" spans="1:12">
      <c r="A3141" s="6" t="s">
        <v>49</v>
      </c>
      <c r="B3141" s="6"/>
      <c r="C3141" s="6" t="s">
        <v>3158</v>
      </c>
      <c r="D3141" s="6"/>
      <c r="E3141" s="6" t="s">
        <v>9</v>
      </c>
      <c r="F3141" s="7">
        <v>38657</v>
      </c>
      <c r="G3141" s="8">
        <v>1</v>
      </c>
      <c r="H3141" s="8">
        <v>1</v>
      </c>
      <c r="I3141" s="8">
        <v>0</v>
      </c>
      <c r="J3141" s="8">
        <v>1</v>
      </c>
      <c r="K3141" s="9">
        <v>46</v>
      </c>
      <c r="L3141" s="6" t="s">
        <v>51</v>
      </c>
    </row>
    <row r="3142" spans="1:12">
      <c r="A3142" s="6" t="s">
        <v>49</v>
      </c>
      <c r="B3142" s="6"/>
      <c r="C3142" s="6" t="s">
        <v>3159</v>
      </c>
      <c r="D3142" s="6"/>
      <c r="E3142" s="6" t="s">
        <v>9</v>
      </c>
      <c r="F3142" s="7">
        <v>38657</v>
      </c>
      <c r="G3142" s="8">
        <v>1</v>
      </c>
      <c r="H3142" s="8">
        <v>1</v>
      </c>
      <c r="I3142" s="8">
        <v>0</v>
      </c>
      <c r="J3142" s="8">
        <v>1</v>
      </c>
      <c r="K3142" s="9">
        <v>36</v>
      </c>
      <c r="L3142" s="6" t="s">
        <v>51</v>
      </c>
    </row>
    <row r="3143" spans="1:12">
      <c r="A3143" s="6" t="s">
        <v>49</v>
      </c>
      <c r="B3143" s="6"/>
      <c r="C3143" s="6" t="s">
        <v>3160</v>
      </c>
      <c r="D3143" s="6"/>
      <c r="E3143" s="6" t="s">
        <v>9</v>
      </c>
      <c r="F3143" s="7">
        <v>38657</v>
      </c>
      <c r="G3143" s="8">
        <v>1</v>
      </c>
      <c r="H3143" s="8">
        <v>1</v>
      </c>
      <c r="I3143" s="8">
        <v>0</v>
      </c>
      <c r="J3143" s="8">
        <v>1</v>
      </c>
      <c r="K3143" s="9">
        <v>46</v>
      </c>
      <c r="L3143" s="6" t="s">
        <v>51</v>
      </c>
    </row>
    <row r="3144" spans="1:12">
      <c r="A3144" s="6" t="s">
        <v>49</v>
      </c>
      <c r="B3144" s="6"/>
      <c r="C3144" s="6" t="s">
        <v>3161</v>
      </c>
      <c r="D3144" s="6"/>
      <c r="E3144" s="6" t="s">
        <v>9</v>
      </c>
      <c r="F3144" s="7">
        <v>38657</v>
      </c>
      <c r="G3144" s="8">
        <v>1</v>
      </c>
      <c r="H3144" s="8">
        <v>1</v>
      </c>
      <c r="I3144" s="8">
        <v>0</v>
      </c>
      <c r="J3144" s="8">
        <v>1</v>
      </c>
      <c r="K3144" s="9">
        <v>251</v>
      </c>
      <c r="L3144" s="6" t="s">
        <v>51</v>
      </c>
    </row>
    <row r="3145" spans="1:12">
      <c r="A3145" s="6" t="s">
        <v>49</v>
      </c>
      <c r="B3145" s="6"/>
      <c r="C3145" s="6" t="s">
        <v>3162</v>
      </c>
      <c r="D3145" s="6"/>
      <c r="E3145" s="6" t="s">
        <v>9</v>
      </c>
      <c r="F3145" s="7">
        <v>39791</v>
      </c>
      <c r="G3145" s="8">
        <v>45645</v>
      </c>
      <c r="H3145" s="8">
        <v>45645</v>
      </c>
      <c r="I3145" s="8">
        <v>0</v>
      </c>
      <c r="J3145" s="8">
        <v>45645</v>
      </c>
      <c r="K3145" s="9">
        <v>14</v>
      </c>
      <c r="L3145" s="6" t="s">
        <v>51</v>
      </c>
    </row>
    <row r="3146" spans="1:12">
      <c r="A3146" s="6" t="s">
        <v>49</v>
      </c>
      <c r="B3146" s="6"/>
      <c r="C3146" s="6" t="s">
        <v>3163</v>
      </c>
      <c r="D3146" s="6"/>
      <c r="E3146" s="6" t="s">
        <v>9</v>
      </c>
      <c r="F3146" s="7">
        <v>39791</v>
      </c>
      <c r="G3146" s="8">
        <v>4344</v>
      </c>
      <c r="H3146" s="8">
        <v>4344</v>
      </c>
      <c r="I3146" s="8">
        <v>0</v>
      </c>
      <c r="J3146" s="8">
        <v>4344</v>
      </c>
      <c r="K3146" s="9">
        <v>1.4</v>
      </c>
      <c r="L3146" s="6" t="s">
        <v>51</v>
      </c>
    </row>
    <row r="3147" spans="1:12">
      <c r="A3147" s="6" t="s">
        <v>49</v>
      </c>
      <c r="B3147" s="6"/>
      <c r="C3147" s="6" t="s">
        <v>3164</v>
      </c>
      <c r="D3147" s="6"/>
      <c r="E3147" s="6" t="s">
        <v>9</v>
      </c>
      <c r="F3147" s="7">
        <v>38657</v>
      </c>
      <c r="G3147" s="8">
        <v>1</v>
      </c>
      <c r="H3147" s="8">
        <v>1</v>
      </c>
      <c r="I3147" s="8">
        <v>0</v>
      </c>
      <c r="J3147" s="8">
        <v>1</v>
      </c>
      <c r="K3147" s="9">
        <v>29</v>
      </c>
      <c r="L3147" s="6" t="s">
        <v>51</v>
      </c>
    </row>
    <row r="3148" spans="1:12">
      <c r="A3148" s="6" t="s">
        <v>49</v>
      </c>
      <c r="B3148" s="6"/>
      <c r="C3148" s="6" t="s">
        <v>3165</v>
      </c>
      <c r="D3148" s="6"/>
      <c r="E3148" s="6" t="s">
        <v>9</v>
      </c>
      <c r="F3148" s="7">
        <v>38657</v>
      </c>
      <c r="G3148" s="8">
        <v>1</v>
      </c>
      <c r="H3148" s="8">
        <v>1</v>
      </c>
      <c r="I3148" s="8">
        <v>0</v>
      </c>
      <c r="J3148" s="8">
        <v>1</v>
      </c>
      <c r="K3148" s="9">
        <v>89</v>
      </c>
      <c r="L3148" s="6" t="s">
        <v>51</v>
      </c>
    </row>
    <row r="3149" spans="1:12">
      <c r="A3149" s="6" t="s">
        <v>49</v>
      </c>
      <c r="B3149" s="6"/>
      <c r="C3149" s="6" t="s">
        <v>3166</v>
      </c>
      <c r="D3149" s="6"/>
      <c r="E3149" s="6" t="s">
        <v>9</v>
      </c>
      <c r="F3149" s="7">
        <v>38657</v>
      </c>
      <c r="G3149" s="8">
        <v>1</v>
      </c>
      <c r="H3149" s="8">
        <v>1</v>
      </c>
      <c r="I3149" s="8">
        <v>0</v>
      </c>
      <c r="J3149" s="8">
        <v>1</v>
      </c>
      <c r="K3149" s="9">
        <v>0.17</v>
      </c>
      <c r="L3149" s="6" t="s">
        <v>51</v>
      </c>
    </row>
    <row r="3150" spans="1:12">
      <c r="A3150" s="6" t="s">
        <v>49</v>
      </c>
      <c r="B3150" s="6"/>
      <c r="C3150" s="6" t="s">
        <v>3167</v>
      </c>
      <c r="D3150" s="6"/>
      <c r="E3150" s="6" t="s">
        <v>9</v>
      </c>
      <c r="F3150" s="7">
        <v>39791</v>
      </c>
      <c r="G3150" s="8">
        <v>43535</v>
      </c>
      <c r="H3150" s="8">
        <v>43535</v>
      </c>
      <c r="I3150" s="8">
        <v>0</v>
      </c>
      <c r="J3150" s="8">
        <v>43535</v>
      </c>
      <c r="K3150" s="9">
        <v>14</v>
      </c>
      <c r="L3150" s="6" t="s">
        <v>51</v>
      </c>
    </row>
    <row r="3151" spans="1:12">
      <c r="A3151" s="6" t="s">
        <v>49</v>
      </c>
      <c r="B3151" s="6"/>
      <c r="C3151" s="6" t="s">
        <v>3168</v>
      </c>
      <c r="D3151" s="6"/>
      <c r="E3151" s="6" t="s">
        <v>9</v>
      </c>
      <c r="F3151" s="7">
        <v>38657</v>
      </c>
      <c r="G3151" s="8">
        <v>1</v>
      </c>
      <c r="H3151" s="8">
        <v>1</v>
      </c>
      <c r="I3151" s="8">
        <v>0</v>
      </c>
      <c r="J3151" s="8">
        <v>1</v>
      </c>
      <c r="K3151" s="9">
        <v>175</v>
      </c>
      <c r="L3151" s="6" t="s">
        <v>51</v>
      </c>
    </row>
    <row r="3152" spans="1:12">
      <c r="A3152" s="6" t="s">
        <v>49</v>
      </c>
      <c r="B3152" s="6"/>
      <c r="C3152" s="6" t="s">
        <v>3169</v>
      </c>
      <c r="D3152" s="6"/>
      <c r="E3152" s="6" t="s">
        <v>9</v>
      </c>
      <c r="F3152" s="7">
        <v>39791</v>
      </c>
      <c r="G3152" s="8">
        <v>232352</v>
      </c>
      <c r="H3152" s="8">
        <v>232352</v>
      </c>
      <c r="I3152" s="8">
        <v>0</v>
      </c>
      <c r="J3152" s="8">
        <v>232352</v>
      </c>
      <c r="K3152" s="9">
        <v>74</v>
      </c>
      <c r="L3152" s="6" t="s">
        <v>51</v>
      </c>
    </row>
    <row r="3153" spans="1:12">
      <c r="A3153" s="6" t="s">
        <v>49</v>
      </c>
      <c r="B3153" s="6"/>
      <c r="C3153" s="6" t="s">
        <v>3170</v>
      </c>
      <c r="D3153" s="6"/>
      <c r="E3153" s="6" t="s">
        <v>9</v>
      </c>
      <c r="F3153" s="7">
        <v>39791</v>
      </c>
      <c r="G3153" s="8">
        <v>25258</v>
      </c>
      <c r="H3153" s="8">
        <v>25258</v>
      </c>
      <c r="I3153" s="8">
        <v>0</v>
      </c>
      <c r="J3153" s="8">
        <v>25258</v>
      </c>
      <c r="K3153" s="9">
        <v>8.14</v>
      </c>
      <c r="L3153" s="6" t="s">
        <v>51</v>
      </c>
    </row>
    <row r="3154" spans="1:12">
      <c r="A3154" s="6" t="s">
        <v>49</v>
      </c>
      <c r="B3154" s="6"/>
      <c r="C3154" s="6" t="s">
        <v>3171</v>
      </c>
      <c r="D3154" s="6"/>
      <c r="E3154" s="6" t="s">
        <v>9</v>
      </c>
      <c r="F3154" s="7">
        <v>39791</v>
      </c>
      <c r="G3154" s="8">
        <v>24296</v>
      </c>
      <c r="H3154" s="8">
        <v>24296</v>
      </c>
      <c r="I3154" s="8">
        <v>0</v>
      </c>
      <c r="J3154" s="8">
        <v>24296</v>
      </c>
      <c r="K3154" s="9">
        <v>7.83</v>
      </c>
      <c r="L3154" s="6" t="s">
        <v>51</v>
      </c>
    </row>
    <row r="3155" spans="1:12">
      <c r="A3155" s="6" t="s">
        <v>49</v>
      </c>
      <c r="B3155" s="6"/>
      <c r="C3155" s="6" t="s">
        <v>3172</v>
      </c>
      <c r="D3155" s="6"/>
      <c r="E3155" s="6" t="s">
        <v>9</v>
      </c>
      <c r="F3155" s="7">
        <v>38657</v>
      </c>
      <c r="G3155" s="8">
        <v>1</v>
      </c>
      <c r="H3155" s="8">
        <v>1</v>
      </c>
      <c r="I3155" s="8">
        <v>0</v>
      </c>
      <c r="J3155" s="8">
        <v>1</v>
      </c>
      <c r="K3155" s="9">
        <v>3.84</v>
      </c>
      <c r="L3155" s="6" t="s">
        <v>51</v>
      </c>
    </row>
    <row r="3156" spans="1:12">
      <c r="A3156" s="6" t="s">
        <v>49</v>
      </c>
      <c r="B3156" s="6"/>
      <c r="C3156" s="6" t="s">
        <v>3173</v>
      </c>
      <c r="D3156" s="6"/>
      <c r="E3156" s="6" t="s">
        <v>9</v>
      </c>
      <c r="F3156" s="7">
        <v>39791</v>
      </c>
      <c r="G3156" s="8">
        <v>44310</v>
      </c>
      <c r="H3156" s="8">
        <v>44310</v>
      </c>
      <c r="I3156" s="8">
        <v>0</v>
      </c>
      <c r="J3156" s="8">
        <v>44310</v>
      </c>
      <c r="K3156" s="9">
        <v>14</v>
      </c>
      <c r="L3156" s="6" t="s">
        <v>51</v>
      </c>
    </row>
    <row r="3157" spans="1:12">
      <c r="A3157" s="6" t="s">
        <v>49</v>
      </c>
      <c r="B3157" s="6"/>
      <c r="C3157" s="6" t="s">
        <v>3174</v>
      </c>
      <c r="D3157" s="6"/>
      <c r="E3157" s="6" t="s">
        <v>9</v>
      </c>
      <c r="F3157" s="7">
        <v>38657</v>
      </c>
      <c r="G3157" s="8">
        <v>1</v>
      </c>
      <c r="H3157" s="8">
        <v>1</v>
      </c>
      <c r="I3157" s="8">
        <v>0</v>
      </c>
      <c r="J3157" s="8">
        <v>1</v>
      </c>
      <c r="K3157" s="9">
        <v>3.39</v>
      </c>
      <c r="L3157" s="6" t="s">
        <v>51</v>
      </c>
    </row>
    <row r="3158" spans="1:12">
      <c r="A3158" s="6" t="s">
        <v>49</v>
      </c>
      <c r="B3158" s="6"/>
      <c r="C3158" s="6" t="s">
        <v>3175</v>
      </c>
      <c r="D3158" s="6"/>
      <c r="E3158" s="6" t="s">
        <v>9</v>
      </c>
      <c r="F3158" s="7">
        <v>38657</v>
      </c>
      <c r="G3158" s="8">
        <v>1</v>
      </c>
      <c r="H3158" s="8">
        <v>1</v>
      </c>
      <c r="I3158" s="8">
        <v>0</v>
      </c>
      <c r="J3158" s="8">
        <v>1</v>
      </c>
      <c r="K3158" s="9">
        <v>12</v>
      </c>
      <c r="L3158" s="6" t="s">
        <v>51</v>
      </c>
    </row>
    <row r="3159" spans="1:12">
      <c r="A3159" s="6" t="s">
        <v>49</v>
      </c>
      <c r="B3159" s="6"/>
      <c r="C3159" s="6" t="s">
        <v>3176</v>
      </c>
      <c r="D3159" s="6"/>
      <c r="E3159" s="6" t="s">
        <v>9</v>
      </c>
      <c r="F3159" s="7">
        <v>38657</v>
      </c>
      <c r="G3159" s="8">
        <v>1</v>
      </c>
      <c r="H3159" s="8">
        <v>1</v>
      </c>
      <c r="I3159" s="8">
        <v>0</v>
      </c>
      <c r="J3159" s="8">
        <v>1</v>
      </c>
      <c r="K3159" s="9">
        <v>7.28</v>
      </c>
      <c r="L3159" s="6" t="s">
        <v>51</v>
      </c>
    </row>
    <row r="3160" spans="1:12">
      <c r="A3160" s="6" t="s">
        <v>49</v>
      </c>
      <c r="B3160" s="6"/>
      <c r="C3160" s="6" t="s">
        <v>3177</v>
      </c>
      <c r="D3160" s="6"/>
      <c r="E3160" s="6" t="s">
        <v>9</v>
      </c>
      <c r="F3160" s="7">
        <v>38657</v>
      </c>
      <c r="G3160" s="8">
        <v>1</v>
      </c>
      <c r="H3160" s="8">
        <v>1</v>
      </c>
      <c r="I3160" s="8">
        <v>0</v>
      </c>
      <c r="J3160" s="8">
        <v>1</v>
      </c>
      <c r="K3160" s="9">
        <v>48</v>
      </c>
      <c r="L3160" s="6" t="s">
        <v>51</v>
      </c>
    </row>
    <row r="3161" spans="1:12">
      <c r="A3161" s="6" t="s">
        <v>49</v>
      </c>
      <c r="B3161" s="6"/>
      <c r="C3161" s="6" t="s">
        <v>3178</v>
      </c>
      <c r="D3161" s="6"/>
      <c r="E3161" s="6" t="s">
        <v>9</v>
      </c>
      <c r="F3161" s="7">
        <v>39454</v>
      </c>
      <c r="G3161" s="8">
        <v>117045</v>
      </c>
      <c r="H3161" s="8">
        <v>117045</v>
      </c>
      <c r="I3161" s="8">
        <v>0</v>
      </c>
      <c r="J3161" s="8">
        <v>117045</v>
      </c>
      <c r="K3161" s="9">
        <v>37</v>
      </c>
      <c r="L3161" s="6" t="s">
        <v>51</v>
      </c>
    </row>
    <row r="3162" spans="1:12">
      <c r="A3162" s="6" t="s">
        <v>49</v>
      </c>
      <c r="B3162" s="6"/>
      <c r="C3162" s="6" t="s">
        <v>3179</v>
      </c>
      <c r="D3162" s="6"/>
      <c r="E3162" s="6" t="s">
        <v>9</v>
      </c>
      <c r="F3162" s="7">
        <v>38657</v>
      </c>
      <c r="G3162" s="8">
        <v>1</v>
      </c>
      <c r="H3162" s="8">
        <v>1</v>
      </c>
      <c r="I3162" s="8">
        <v>0</v>
      </c>
      <c r="J3162" s="8">
        <v>1</v>
      </c>
      <c r="K3162" s="9">
        <v>86</v>
      </c>
      <c r="L3162" s="6" t="s">
        <v>51</v>
      </c>
    </row>
    <row r="3163" spans="1:12">
      <c r="A3163" s="6" t="s">
        <v>49</v>
      </c>
      <c r="B3163" s="6"/>
      <c r="C3163" s="6" t="s">
        <v>3180</v>
      </c>
      <c r="D3163" s="6"/>
      <c r="E3163" s="6" t="s">
        <v>9</v>
      </c>
      <c r="F3163" s="7">
        <v>38657</v>
      </c>
      <c r="G3163" s="8">
        <v>1</v>
      </c>
      <c r="H3163" s="8">
        <v>1</v>
      </c>
      <c r="I3163" s="8">
        <v>0</v>
      </c>
      <c r="J3163" s="8">
        <v>1</v>
      </c>
      <c r="K3163" s="9">
        <v>85</v>
      </c>
      <c r="L3163" s="6" t="s">
        <v>51</v>
      </c>
    </row>
    <row r="3164" spans="1:12">
      <c r="A3164" s="6" t="s">
        <v>49</v>
      </c>
      <c r="B3164" s="6"/>
      <c r="C3164" s="6" t="s">
        <v>3181</v>
      </c>
      <c r="D3164" s="6"/>
      <c r="E3164" s="6" t="s">
        <v>9</v>
      </c>
      <c r="F3164" s="7">
        <v>38657</v>
      </c>
      <c r="G3164" s="8">
        <v>1</v>
      </c>
      <c r="H3164" s="8">
        <v>1</v>
      </c>
      <c r="I3164" s="8">
        <v>0</v>
      </c>
      <c r="J3164" s="8">
        <v>1</v>
      </c>
      <c r="K3164" s="9">
        <v>0.91</v>
      </c>
      <c r="L3164" s="6" t="s">
        <v>51</v>
      </c>
    </row>
    <row r="3165" spans="1:12">
      <c r="A3165" s="6" t="s">
        <v>49</v>
      </c>
      <c r="B3165" s="6"/>
      <c r="C3165" s="6" t="s">
        <v>3182</v>
      </c>
      <c r="D3165" s="6"/>
      <c r="E3165" s="6" t="s">
        <v>9</v>
      </c>
      <c r="F3165" s="7">
        <v>39647</v>
      </c>
      <c r="G3165" s="8">
        <v>54941</v>
      </c>
      <c r="H3165" s="8">
        <v>54941</v>
      </c>
      <c r="I3165" s="8">
        <v>0</v>
      </c>
      <c r="J3165" s="8">
        <v>54941</v>
      </c>
      <c r="K3165" s="9">
        <v>21</v>
      </c>
      <c r="L3165" s="6" t="s">
        <v>51</v>
      </c>
    </row>
    <row r="3166" spans="1:12">
      <c r="A3166" s="6" t="s">
        <v>49</v>
      </c>
      <c r="B3166" s="6"/>
      <c r="C3166" s="6" t="s">
        <v>3183</v>
      </c>
      <c r="D3166" s="6"/>
      <c r="E3166" s="6" t="s">
        <v>9</v>
      </c>
      <c r="F3166" s="7">
        <v>38657</v>
      </c>
      <c r="G3166" s="8">
        <v>1</v>
      </c>
      <c r="H3166" s="8">
        <v>1</v>
      </c>
      <c r="I3166" s="8">
        <v>0</v>
      </c>
      <c r="J3166" s="8">
        <v>1</v>
      </c>
      <c r="K3166" s="9">
        <v>113</v>
      </c>
      <c r="L3166" s="6" t="s">
        <v>51</v>
      </c>
    </row>
    <row r="3167" spans="1:12">
      <c r="A3167" s="6" t="s">
        <v>49</v>
      </c>
      <c r="B3167" s="6"/>
      <c r="C3167" s="6" t="s">
        <v>3184</v>
      </c>
      <c r="D3167" s="6"/>
      <c r="E3167" s="6" t="s">
        <v>9</v>
      </c>
      <c r="F3167" s="7">
        <v>38657</v>
      </c>
      <c r="G3167" s="8">
        <v>1</v>
      </c>
      <c r="H3167" s="8">
        <v>1</v>
      </c>
      <c r="I3167" s="8">
        <v>0</v>
      </c>
      <c r="J3167" s="8">
        <v>1</v>
      </c>
      <c r="K3167" s="9">
        <v>78</v>
      </c>
      <c r="L3167" s="6" t="s">
        <v>51</v>
      </c>
    </row>
    <row r="3168" spans="1:12">
      <c r="A3168" s="6" t="s">
        <v>49</v>
      </c>
      <c r="B3168" s="6"/>
      <c r="C3168" s="6" t="s">
        <v>3185</v>
      </c>
      <c r="D3168" s="6"/>
      <c r="E3168" s="6" t="s">
        <v>9</v>
      </c>
      <c r="F3168" s="7">
        <v>38657</v>
      </c>
      <c r="G3168" s="8">
        <v>1</v>
      </c>
      <c r="H3168" s="8">
        <v>1</v>
      </c>
      <c r="I3168" s="8">
        <v>0</v>
      </c>
      <c r="J3168" s="8">
        <v>1</v>
      </c>
      <c r="K3168" s="9">
        <v>105</v>
      </c>
      <c r="L3168" s="6" t="s">
        <v>51</v>
      </c>
    </row>
    <row r="3169" spans="1:12">
      <c r="A3169" s="6" t="s">
        <v>49</v>
      </c>
      <c r="B3169" s="6"/>
      <c r="C3169" s="6" t="s">
        <v>3186</v>
      </c>
      <c r="D3169" s="6"/>
      <c r="E3169" s="6" t="s">
        <v>9</v>
      </c>
      <c r="F3169" s="7">
        <v>38657</v>
      </c>
      <c r="G3169" s="8">
        <v>1</v>
      </c>
      <c r="H3169" s="8">
        <v>1</v>
      </c>
      <c r="I3169" s="8">
        <v>0</v>
      </c>
      <c r="J3169" s="8">
        <v>1</v>
      </c>
      <c r="K3169" s="9">
        <v>5.94</v>
      </c>
      <c r="L3169" s="6" t="s">
        <v>51</v>
      </c>
    </row>
    <row r="3170" spans="1:12">
      <c r="A3170" s="6" t="s">
        <v>49</v>
      </c>
      <c r="B3170" s="6"/>
      <c r="C3170" s="6" t="s">
        <v>3187</v>
      </c>
      <c r="D3170" s="6"/>
      <c r="E3170" s="6" t="s">
        <v>9</v>
      </c>
      <c r="F3170" s="7">
        <v>38657</v>
      </c>
      <c r="G3170" s="8">
        <v>1</v>
      </c>
      <c r="H3170" s="8">
        <v>1</v>
      </c>
      <c r="I3170" s="8">
        <v>0</v>
      </c>
      <c r="J3170" s="8">
        <v>1</v>
      </c>
      <c r="K3170" s="9">
        <v>4.78</v>
      </c>
      <c r="L3170" s="6" t="s">
        <v>51</v>
      </c>
    </row>
    <row r="3171" spans="1:12">
      <c r="A3171" s="6" t="s">
        <v>49</v>
      </c>
      <c r="B3171" s="6"/>
      <c r="C3171" s="6" t="s">
        <v>3188</v>
      </c>
      <c r="D3171" s="6"/>
      <c r="E3171" s="6" t="s">
        <v>9</v>
      </c>
      <c r="F3171" s="7">
        <v>38657</v>
      </c>
      <c r="G3171" s="8">
        <v>1</v>
      </c>
      <c r="H3171" s="8">
        <v>1</v>
      </c>
      <c r="I3171" s="8">
        <v>0</v>
      </c>
      <c r="J3171" s="8">
        <v>1</v>
      </c>
      <c r="K3171" s="9">
        <v>356</v>
      </c>
      <c r="L3171" s="6" t="s">
        <v>51</v>
      </c>
    </row>
    <row r="3172" spans="1:12">
      <c r="A3172" s="6" t="s">
        <v>49</v>
      </c>
      <c r="B3172" s="6"/>
      <c r="C3172" s="6" t="s">
        <v>3189</v>
      </c>
      <c r="D3172" s="6"/>
      <c r="E3172" s="6" t="s">
        <v>9</v>
      </c>
      <c r="F3172" s="7">
        <v>39454</v>
      </c>
      <c r="G3172" s="8">
        <v>2575</v>
      </c>
      <c r="H3172" s="8">
        <v>2575</v>
      </c>
      <c r="I3172" s="8">
        <v>0</v>
      </c>
      <c r="J3172" s="8">
        <v>2575</v>
      </c>
      <c r="K3172" s="9">
        <v>0.83</v>
      </c>
      <c r="L3172" s="6" t="s">
        <v>51</v>
      </c>
    </row>
    <row r="3173" spans="1:12">
      <c r="A3173" s="6" t="s">
        <v>49</v>
      </c>
      <c r="B3173" s="6"/>
      <c r="C3173" s="6" t="s">
        <v>3190</v>
      </c>
      <c r="D3173" s="6"/>
      <c r="E3173" s="6" t="s">
        <v>9</v>
      </c>
      <c r="F3173" s="7">
        <v>38657</v>
      </c>
      <c r="G3173" s="8">
        <v>1</v>
      </c>
      <c r="H3173" s="8">
        <v>1</v>
      </c>
      <c r="I3173" s="8">
        <v>0</v>
      </c>
      <c r="J3173" s="8">
        <v>1</v>
      </c>
      <c r="K3173" s="9">
        <v>29</v>
      </c>
      <c r="L3173" s="6" t="s">
        <v>51</v>
      </c>
    </row>
    <row r="3174" spans="1:12">
      <c r="A3174" s="6" t="s">
        <v>49</v>
      </c>
      <c r="B3174" s="6"/>
      <c r="C3174" s="6" t="s">
        <v>3191</v>
      </c>
      <c r="D3174" s="6"/>
      <c r="E3174" s="6" t="s">
        <v>9</v>
      </c>
      <c r="F3174" s="7">
        <v>38657</v>
      </c>
      <c r="G3174" s="8">
        <v>1</v>
      </c>
      <c r="H3174" s="8">
        <v>1</v>
      </c>
      <c r="I3174" s="8">
        <v>0</v>
      </c>
      <c r="J3174" s="8">
        <v>1</v>
      </c>
      <c r="K3174" s="9">
        <v>84</v>
      </c>
      <c r="L3174" s="6" t="s">
        <v>51</v>
      </c>
    </row>
    <row r="3175" spans="1:12">
      <c r="A3175" s="6" t="s">
        <v>49</v>
      </c>
      <c r="B3175" s="6"/>
      <c r="C3175" s="6" t="s">
        <v>3192</v>
      </c>
      <c r="D3175" s="6"/>
      <c r="E3175" s="6" t="s">
        <v>9</v>
      </c>
      <c r="F3175" s="7">
        <v>38657</v>
      </c>
      <c r="G3175" s="8">
        <v>1</v>
      </c>
      <c r="H3175" s="8">
        <v>1</v>
      </c>
      <c r="I3175" s="8">
        <v>0</v>
      </c>
      <c r="J3175" s="8">
        <v>1</v>
      </c>
      <c r="K3175" s="9">
        <v>29</v>
      </c>
      <c r="L3175" s="6" t="s">
        <v>51</v>
      </c>
    </row>
    <row r="3176" spans="1:12">
      <c r="A3176" s="6" t="s">
        <v>49</v>
      </c>
      <c r="B3176" s="6"/>
      <c r="C3176" s="6" t="s">
        <v>3193</v>
      </c>
      <c r="D3176" s="6"/>
      <c r="E3176" s="6" t="s">
        <v>9</v>
      </c>
      <c r="F3176" s="7">
        <v>38657</v>
      </c>
      <c r="G3176" s="8">
        <v>1</v>
      </c>
      <c r="H3176" s="8">
        <v>1</v>
      </c>
      <c r="I3176" s="8">
        <v>0</v>
      </c>
      <c r="J3176" s="8">
        <v>1</v>
      </c>
      <c r="K3176" s="9">
        <v>83</v>
      </c>
      <c r="L3176" s="6" t="s">
        <v>51</v>
      </c>
    </row>
    <row r="3177" spans="1:12">
      <c r="A3177" s="6" t="s">
        <v>49</v>
      </c>
      <c r="B3177" s="6"/>
      <c r="C3177" s="6" t="s">
        <v>3194</v>
      </c>
      <c r="D3177" s="6"/>
      <c r="E3177" s="6" t="s">
        <v>9</v>
      </c>
      <c r="F3177" s="7">
        <v>38657</v>
      </c>
      <c r="G3177" s="8">
        <v>1</v>
      </c>
      <c r="H3177" s="8">
        <v>1</v>
      </c>
      <c r="I3177" s="8">
        <v>0</v>
      </c>
      <c r="J3177" s="8">
        <v>1</v>
      </c>
      <c r="K3177" s="9">
        <v>29</v>
      </c>
      <c r="L3177" s="6" t="s">
        <v>51</v>
      </c>
    </row>
    <row r="3178" spans="1:12">
      <c r="A3178" s="6" t="s">
        <v>49</v>
      </c>
      <c r="B3178" s="6"/>
      <c r="C3178" s="6" t="s">
        <v>3195</v>
      </c>
      <c r="D3178" s="6"/>
      <c r="E3178" s="6" t="s">
        <v>9</v>
      </c>
      <c r="F3178" s="7">
        <v>38657</v>
      </c>
      <c r="G3178" s="8">
        <v>1</v>
      </c>
      <c r="H3178" s="8">
        <v>1</v>
      </c>
      <c r="I3178" s="8">
        <v>0</v>
      </c>
      <c r="J3178" s="8">
        <v>1</v>
      </c>
      <c r="K3178" s="9">
        <v>82</v>
      </c>
      <c r="L3178" s="6" t="s">
        <v>51</v>
      </c>
    </row>
    <row r="3179" spans="1:12">
      <c r="A3179" s="6" t="s">
        <v>49</v>
      </c>
      <c r="B3179" s="6"/>
      <c r="C3179" s="6" t="s">
        <v>3196</v>
      </c>
      <c r="D3179" s="6"/>
      <c r="E3179" s="6" t="s">
        <v>9</v>
      </c>
      <c r="F3179" s="7">
        <v>38657</v>
      </c>
      <c r="G3179" s="8">
        <v>1</v>
      </c>
      <c r="H3179" s="8">
        <v>1</v>
      </c>
      <c r="I3179" s="8">
        <v>0</v>
      </c>
      <c r="J3179" s="8">
        <v>1</v>
      </c>
      <c r="K3179" s="9">
        <v>29</v>
      </c>
      <c r="L3179" s="6" t="s">
        <v>51</v>
      </c>
    </row>
    <row r="3180" spans="1:12">
      <c r="A3180" s="6" t="s">
        <v>49</v>
      </c>
      <c r="B3180" s="6"/>
      <c r="C3180" s="6" t="s">
        <v>3197</v>
      </c>
      <c r="D3180" s="6"/>
      <c r="E3180" s="6" t="s">
        <v>9</v>
      </c>
      <c r="F3180" s="7">
        <v>38657</v>
      </c>
      <c r="G3180" s="8">
        <v>1</v>
      </c>
      <c r="H3180" s="8">
        <v>1</v>
      </c>
      <c r="I3180" s="8">
        <v>0</v>
      </c>
      <c r="J3180" s="8">
        <v>1</v>
      </c>
      <c r="K3180" s="9">
        <v>37</v>
      </c>
      <c r="L3180" s="6" t="s">
        <v>51</v>
      </c>
    </row>
    <row r="3181" spans="1:12">
      <c r="A3181" s="6" t="s">
        <v>49</v>
      </c>
      <c r="B3181" s="6"/>
      <c r="C3181" s="6" t="s">
        <v>3198</v>
      </c>
      <c r="D3181" s="6"/>
      <c r="E3181" s="6" t="s">
        <v>9</v>
      </c>
      <c r="F3181" s="7">
        <v>38657</v>
      </c>
      <c r="G3181" s="8">
        <v>1</v>
      </c>
      <c r="H3181" s="8">
        <v>1</v>
      </c>
      <c r="I3181" s="8">
        <v>0</v>
      </c>
      <c r="J3181" s="8">
        <v>1</v>
      </c>
      <c r="K3181" s="9">
        <v>232</v>
      </c>
      <c r="L3181" s="6" t="s">
        <v>51</v>
      </c>
    </row>
    <row r="3182" spans="1:12">
      <c r="A3182" s="6" t="s">
        <v>49</v>
      </c>
      <c r="B3182" s="6"/>
      <c r="C3182" s="6" t="s">
        <v>3199</v>
      </c>
      <c r="D3182" s="6"/>
      <c r="E3182" s="6" t="s">
        <v>9</v>
      </c>
      <c r="F3182" s="7">
        <v>38657</v>
      </c>
      <c r="G3182" s="8">
        <v>1</v>
      </c>
      <c r="H3182" s="8">
        <v>1</v>
      </c>
      <c r="I3182" s="8">
        <v>0</v>
      </c>
      <c r="J3182" s="8">
        <v>1</v>
      </c>
      <c r="K3182" s="9">
        <v>119</v>
      </c>
      <c r="L3182" s="6" t="s">
        <v>51</v>
      </c>
    </row>
    <row r="3183" spans="1:12">
      <c r="A3183" s="6" t="s">
        <v>49</v>
      </c>
      <c r="B3183" s="6"/>
      <c r="C3183" s="6" t="s">
        <v>3200</v>
      </c>
      <c r="D3183" s="6"/>
      <c r="E3183" s="6" t="s">
        <v>9</v>
      </c>
      <c r="F3183" s="7">
        <v>38657</v>
      </c>
      <c r="G3183" s="8">
        <v>1</v>
      </c>
      <c r="H3183" s="8">
        <v>1</v>
      </c>
      <c r="I3183" s="8">
        <v>0</v>
      </c>
      <c r="J3183" s="8">
        <v>1</v>
      </c>
      <c r="K3183" s="9">
        <v>248</v>
      </c>
      <c r="L3183" s="6" t="s">
        <v>51</v>
      </c>
    </row>
    <row r="3184" spans="1:12">
      <c r="A3184" s="6" t="s">
        <v>49</v>
      </c>
      <c r="B3184" s="6"/>
      <c r="C3184" s="6" t="s">
        <v>3201</v>
      </c>
      <c r="D3184" s="6"/>
      <c r="E3184" s="6" t="s">
        <v>9</v>
      </c>
      <c r="F3184" s="7">
        <v>38657</v>
      </c>
      <c r="G3184" s="8">
        <v>1</v>
      </c>
      <c r="H3184" s="8">
        <v>1</v>
      </c>
      <c r="I3184" s="8">
        <v>0</v>
      </c>
      <c r="J3184" s="8">
        <v>1</v>
      </c>
      <c r="K3184" s="9">
        <v>16</v>
      </c>
      <c r="L3184" s="6" t="s">
        <v>51</v>
      </c>
    </row>
    <row r="3185" spans="1:12">
      <c r="A3185" s="6" t="s">
        <v>49</v>
      </c>
      <c r="B3185" s="6"/>
      <c r="C3185" s="6" t="s">
        <v>3202</v>
      </c>
      <c r="D3185" s="6"/>
      <c r="E3185" s="6" t="s">
        <v>9</v>
      </c>
      <c r="F3185" s="7">
        <v>38657</v>
      </c>
      <c r="G3185" s="8">
        <v>1</v>
      </c>
      <c r="H3185" s="8">
        <v>1</v>
      </c>
      <c r="I3185" s="8">
        <v>0</v>
      </c>
      <c r="J3185" s="8">
        <v>1</v>
      </c>
      <c r="K3185" s="9">
        <v>228</v>
      </c>
      <c r="L3185" s="6" t="s">
        <v>51</v>
      </c>
    </row>
    <row r="3186" spans="1:12">
      <c r="A3186" s="6" t="s">
        <v>49</v>
      </c>
      <c r="B3186" s="6"/>
      <c r="C3186" s="6" t="s">
        <v>3203</v>
      </c>
      <c r="D3186" s="6"/>
      <c r="E3186" s="6" t="s">
        <v>9</v>
      </c>
      <c r="F3186" s="7">
        <v>38657</v>
      </c>
      <c r="G3186" s="8">
        <v>1</v>
      </c>
      <c r="H3186" s="8">
        <v>1</v>
      </c>
      <c r="I3186" s="8">
        <v>0</v>
      </c>
      <c r="J3186" s="8">
        <v>1</v>
      </c>
      <c r="K3186" s="9">
        <v>186</v>
      </c>
      <c r="L3186" s="6" t="s">
        <v>51</v>
      </c>
    </row>
    <row r="3187" spans="1:12">
      <c r="A3187" s="6" t="s">
        <v>49</v>
      </c>
      <c r="B3187" s="6"/>
      <c r="C3187" s="6" t="s">
        <v>3204</v>
      </c>
      <c r="D3187" s="6"/>
      <c r="E3187" s="6" t="s">
        <v>9</v>
      </c>
      <c r="F3187" s="7">
        <v>38657</v>
      </c>
      <c r="G3187" s="8">
        <v>1</v>
      </c>
      <c r="H3187" s="8">
        <v>1</v>
      </c>
      <c r="I3187" s="8">
        <v>0</v>
      </c>
      <c r="J3187" s="8">
        <v>1</v>
      </c>
      <c r="K3187" s="9">
        <v>171</v>
      </c>
      <c r="L3187" s="6" t="s">
        <v>51</v>
      </c>
    </row>
    <row r="3188" spans="1:12">
      <c r="A3188" s="6" t="s">
        <v>49</v>
      </c>
      <c r="B3188" s="6"/>
      <c r="C3188" s="6" t="s">
        <v>3205</v>
      </c>
      <c r="D3188" s="6"/>
      <c r="E3188" s="6" t="s">
        <v>9</v>
      </c>
      <c r="F3188" s="7">
        <v>38657</v>
      </c>
      <c r="G3188" s="8">
        <v>1</v>
      </c>
      <c r="H3188" s="8">
        <v>1</v>
      </c>
      <c r="I3188" s="8">
        <v>0</v>
      </c>
      <c r="J3188" s="8">
        <v>1</v>
      </c>
      <c r="K3188" s="9">
        <v>10</v>
      </c>
      <c r="L3188" s="6" t="s">
        <v>51</v>
      </c>
    </row>
    <row r="3189" spans="1:12">
      <c r="A3189" s="6" t="s">
        <v>49</v>
      </c>
      <c r="B3189" s="6"/>
      <c r="C3189" s="6" t="s">
        <v>3206</v>
      </c>
      <c r="D3189" s="6"/>
      <c r="E3189" s="6" t="s">
        <v>9</v>
      </c>
      <c r="F3189" s="7">
        <v>38657</v>
      </c>
      <c r="G3189" s="8">
        <v>1</v>
      </c>
      <c r="H3189" s="8">
        <v>1</v>
      </c>
      <c r="I3189" s="8">
        <v>0</v>
      </c>
      <c r="J3189" s="8">
        <v>1</v>
      </c>
      <c r="K3189" s="9">
        <v>5.13</v>
      </c>
      <c r="L3189" s="6" t="s">
        <v>51</v>
      </c>
    </row>
    <row r="3190" spans="1:12">
      <c r="A3190" s="6" t="s">
        <v>49</v>
      </c>
      <c r="B3190" s="6"/>
      <c r="C3190" s="6" t="s">
        <v>3207</v>
      </c>
      <c r="D3190" s="6"/>
      <c r="E3190" s="6" t="s">
        <v>9</v>
      </c>
      <c r="F3190" s="7">
        <v>38657</v>
      </c>
      <c r="G3190" s="8">
        <v>1</v>
      </c>
      <c r="H3190" s="8">
        <v>1</v>
      </c>
      <c r="I3190" s="8">
        <v>0</v>
      </c>
      <c r="J3190" s="8">
        <v>1</v>
      </c>
      <c r="K3190" s="9">
        <v>30</v>
      </c>
      <c r="L3190" s="6" t="s">
        <v>51</v>
      </c>
    </row>
    <row r="3191" spans="1:12">
      <c r="A3191" s="6" t="s">
        <v>49</v>
      </c>
      <c r="B3191" s="6"/>
      <c r="C3191" s="6" t="s">
        <v>3208</v>
      </c>
      <c r="D3191" s="6"/>
      <c r="E3191" s="6" t="s">
        <v>9</v>
      </c>
      <c r="F3191" s="7">
        <v>38657</v>
      </c>
      <c r="G3191" s="8">
        <v>1</v>
      </c>
      <c r="H3191" s="8">
        <v>1</v>
      </c>
      <c r="I3191" s="8">
        <v>0</v>
      </c>
      <c r="J3191" s="8">
        <v>1</v>
      </c>
      <c r="K3191" s="9">
        <v>19</v>
      </c>
      <c r="L3191" s="6" t="s">
        <v>51</v>
      </c>
    </row>
    <row r="3192" spans="1:12">
      <c r="A3192" s="6" t="s">
        <v>49</v>
      </c>
      <c r="B3192" s="6"/>
      <c r="C3192" s="6" t="s">
        <v>3209</v>
      </c>
      <c r="D3192" s="6"/>
      <c r="E3192" s="6" t="s">
        <v>9</v>
      </c>
      <c r="F3192" s="7">
        <v>38657</v>
      </c>
      <c r="G3192" s="8">
        <v>1</v>
      </c>
      <c r="H3192" s="8">
        <v>1</v>
      </c>
      <c r="I3192" s="8">
        <v>0</v>
      </c>
      <c r="J3192" s="8">
        <v>1</v>
      </c>
      <c r="K3192" s="9">
        <v>66</v>
      </c>
      <c r="L3192" s="6" t="s">
        <v>51</v>
      </c>
    </row>
    <row r="3193" spans="1:12">
      <c r="A3193" s="6" t="s">
        <v>49</v>
      </c>
      <c r="B3193" s="6"/>
      <c r="C3193" s="6" t="s">
        <v>3210</v>
      </c>
      <c r="D3193" s="6"/>
      <c r="E3193" s="6" t="s">
        <v>9</v>
      </c>
      <c r="F3193" s="7">
        <v>38657</v>
      </c>
      <c r="G3193" s="8">
        <v>1</v>
      </c>
      <c r="H3193" s="8">
        <v>1</v>
      </c>
      <c r="I3193" s="8">
        <v>0</v>
      </c>
      <c r="J3193" s="8">
        <v>1</v>
      </c>
      <c r="K3193" s="9">
        <v>71</v>
      </c>
      <c r="L3193" s="6" t="s">
        <v>51</v>
      </c>
    </row>
    <row r="3194" spans="1:12">
      <c r="A3194" s="6" t="s">
        <v>49</v>
      </c>
      <c r="B3194" s="6"/>
      <c r="C3194" s="6" t="s">
        <v>3211</v>
      </c>
      <c r="D3194" s="6"/>
      <c r="E3194" s="6" t="s">
        <v>9</v>
      </c>
      <c r="F3194" s="7">
        <v>38657</v>
      </c>
      <c r="G3194" s="8">
        <v>1</v>
      </c>
      <c r="H3194" s="8">
        <v>1</v>
      </c>
      <c r="I3194" s="8">
        <v>0</v>
      </c>
      <c r="J3194" s="8">
        <v>1</v>
      </c>
      <c r="K3194" s="9">
        <v>266</v>
      </c>
      <c r="L3194" s="6" t="s">
        <v>51</v>
      </c>
    </row>
    <row r="3195" spans="1:12">
      <c r="A3195" s="6" t="s">
        <v>49</v>
      </c>
      <c r="B3195" s="6"/>
      <c r="C3195" s="6" t="s">
        <v>3212</v>
      </c>
      <c r="D3195" s="6"/>
      <c r="E3195" s="6" t="s">
        <v>9</v>
      </c>
      <c r="F3195" s="7">
        <v>38657</v>
      </c>
      <c r="G3195" s="8">
        <v>1</v>
      </c>
      <c r="H3195" s="8">
        <v>1</v>
      </c>
      <c r="I3195" s="8">
        <v>0</v>
      </c>
      <c r="J3195" s="8">
        <v>1</v>
      </c>
      <c r="K3195" s="9">
        <v>2.0699999999999901</v>
      </c>
      <c r="L3195" s="6" t="s">
        <v>51</v>
      </c>
    </row>
    <row r="3196" spans="1:12">
      <c r="A3196" s="6" t="s">
        <v>49</v>
      </c>
      <c r="B3196" s="6"/>
      <c r="C3196" s="6" t="s">
        <v>3213</v>
      </c>
      <c r="D3196" s="6"/>
      <c r="E3196" s="6" t="s">
        <v>9</v>
      </c>
      <c r="F3196" s="7">
        <v>39791</v>
      </c>
      <c r="G3196" s="8">
        <v>164986</v>
      </c>
      <c r="H3196" s="8">
        <v>164986</v>
      </c>
      <c r="I3196" s="8">
        <v>0</v>
      </c>
      <c r="J3196" s="8">
        <v>164986</v>
      </c>
      <c r="K3196" s="9">
        <v>53</v>
      </c>
      <c r="L3196" s="6" t="s">
        <v>51</v>
      </c>
    </row>
    <row r="3197" spans="1:12">
      <c r="A3197" s="6" t="s">
        <v>49</v>
      </c>
      <c r="B3197" s="6"/>
      <c r="C3197" s="6" t="s">
        <v>3214</v>
      </c>
      <c r="D3197" s="6"/>
      <c r="E3197" s="6" t="s">
        <v>9</v>
      </c>
      <c r="F3197" s="7">
        <v>38657</v>
      </c>
      <c r="G3197" s="8">
        <v>1</v>
      </c>
      <c r="H3197" s="8">
        <v>1</v>
      </c>
      <c r="I3197" s="8">
        <v>0</v>
      </c>
      <c r="J3197" s="8">
        <v>1</v>
      </c>
      <c r="K3197" s="9">
        <v>39</v>
      </c>
      <c r="L3197" s="6" t="s">
        <v>51</v>
      </c>
    </row>
    <row r="3198" spans="1:12">
      <c r="A3198" s="6" t="s">
        <v>49</v>
      </c>
      <c r="B3198" s="6"/>
      <c r="C3198" s="6" t="s">
        <v>3215</v>
      </c>
      <c r="D3198" s="6"/>
      <c r="E3198" s="6" t="s">
        <v>9</v>
      </c>
      <c r="F3198" s="7">
        <v>38657</v>
      </c>
      <c r="G3198" s="8">
        <v>1</v>
      </c>
      <c r="H3198" s="8">
        <v>1</v>
      </c>
      <c r="I3198" s="8">
        <v>0</v>
      </c>
      <c r="J3198" s="8">
        <v>1</v>
      </c>
      <c r="K3198" s="9">
        <v>116</v>
      </c>
      <c r="L3198" s="6" t="s">
        <v>51</v>
      </c>
    </row>
    <row r="3199" spans="1:12">
      <c r="A3199" s="6" t="s">
        <v>49</v>
      </c>
      <c r="B3199" s="6"/>
      <c r="C3199" s="6" t="s">
        <v>3216</v>
      </c>
      <c r="D3199" s="6"/>
      <c r="E3199" s="6" t="s">
        <v>9</v>
      </c>
      <c r="F3199" s="7">
        <v>38657</v>
      </c>
      <c r="G3199" s="8">
        <v>1</v>
      </c>
      <c r="H3199" s="8">
        <v>1</v>
      </c>
      <c r="I3199" s="8">
        <v>0</v>
      </c>
      <c r="J3199" s="8">
        <v>1</v>
      </c>
      <c r="K3199" s="9">
        <v>52</v>
      </c>
      <c r="L3199" s="6" t="s">
        <v>51</v>
      </c>
    </row>
    <row r="3200" spans="1:12">
      <c r="A3200" s="6" t="s">
        <v>49</v>
      </c>
      <c r="B3200" s="6"/>
      <c r="C3200" s="6" t="s">
        <v>3217</v>
      </c>
      <c r="D3200" s="6"/>
      <c r="E3200" s="6" t="s">
        <v>9</v>
      </c>
      <c r="F3200" s="7">
        <v>38657</v>
      </c>
      <c r="G3200" s="8">
        <v>1</v>
      </c>
      <c r="H3200" s="8">
        <v>1</v>
      </c>
      <c r="I3200" s="8">
        <v>0</v>
      </c>
      <c r="J3200" s="8">
        <v>1</v>
      </c>
      <c r="K3200" s="9">
        <v>16</v>
      </c>
      <c r="L3200" s="6" t="s">
        <v>51</v>
      </c>
    </row>
    <row r="3201" spans="1:12">
      <c r="A3201" s="6" t="s">
        <v>49</v>
      </c>
      <c r="B3201" s="6"/>
      <c r="C3201" s="6" t="s">
        <v>3218</v>
      </c>
      <c r="D3201" s="6"/>
      <c r="E3201" s="6" t="s">
        <v>9</v>
      </c>
      <c r="F3201" s="7">
        <v>38657</v>
      </c>
      <c r="G3201" s="8">
        <v>1</v>
      </c>
      <c r="H3201" s="8">
        <v>1</v>
      </c>
      <c r="I3201" s="8">
        <v>0</v>
      </c>
      <c r="J3201" s="8">
        <v>1</v>
      </c>
      <c r="K3201" s="9">
        <v>33</v>
      </c>
      <c r="L3201" s="6" t="s">
        <v>51</v>
      </c>
    </row>
    <row r="3202" spans="1:12">
      <c r="A3202" s="6" t="s">
        <v>49</v>
      </c>
      <c r="B3202" s="6"/>
      <c r="C3202" s="6" t="s">
        <v>3219</v>
      </c>
      <c r="D3202" s="6"/>
      <c r="E3202" s="6" t="s">
        <v>9</v>
      </c>
      <c r="F3202" s="7">
        <v>38657</v>
      </c>
      <c r="G3202" s="8">
        <v>1</v>
      </c>
      <c r="H3202" s="8">
        <v>1</v>
      </c>
      <c r="I3202" s="8">
        <v>0</v>
      </c>
      <c r="J3202" s="8">
        <v>1</v>
      </c>
      <c r="K3202" s="9">
        <v>19</v>
      </c>
      <c r="L3202" s="6" t="s">
        <v>51</v>
      </c>
    </row>
    <row r="3203" spans="1:12">
      <c r="A3203" s="6" t="s">
        <v>49</v>
      </c>
      <c r="B3203" s="6"/>
      <c r="C3203" s="6" t="s">
        <v>3220</v>
      </c>
      <c r="D3203" s="6"/>
      <c r="E3203" s="6" t="s">
        <v>9</v>
      </c>
      <c r="F3203" s="7">
        <v>38657</v>
      </c>
      <c r="G3203" s="8">
        <v>1</v>
      </c>
      <c r="H3203" s="8">
        <v>1</v>
      </c>
      <c r="I3203" s="8">
        <v>0</v>
      </c>
      <c r="J3203" s="8">
        <v>1</v>
      </c>
      <c r="K3203" s="9">
        <v>33</v>
      </c>
      <c r="L3203" s="6" t="s">
        <v>51</v>
      </c>
    </row>
    <row r="3204" spans="1:12">
      <c r="A3204" s="6" t="s">
        <v>49</v>
      </c>
      <c r="B3204" s="6"/>
      <c r="C3204" s="6" t="s">
        <v>3221</v>
      </c>
      <c r="D3204" s="6"/>
      <c r="E3204" s="6" t="s">
        <v>9</v>
      </c>
      <c r="F3204" s="7">
        <v>38657</v>
      </c>
      <c r="G3204" s="8">
        <v>1</v>
      </c>
      <c r="H3204" s="8">
        <v>1</v>
      </c>
      <c r="I3204" s="8">
        <v>0</v>
      </c>
      <c r="J3204" s="8">
        <v>1</v>
      </c>
      <c r="K3204" s="9">
        <v>68</v>
      </c>
      <c r="L3204" s="6" t="s">
        <v>51</v>
      </c>
    </row>
    <row r="3205" spans="1:12">
      <c r="A3205" s="6" t="s">
        <v>49</v>
      </c>
      <c r="B3205" s="6"/>
      <c r="C3205" s="6" t="s">
        <v>3222</v>
      </c>
      <c r="D3205" s="6"/>
      <c r="E3205" s="6" t="s">
        <v>9</v>
      </c>
      <c r="F3205" s="7">
        <v>38657</v>
      </c>
      <c r="G3205" s="8">
        <v>1</v>
      </c>
      <c r="H3205" s="8">
        <v>1</v>
      </c>
      <c r="I3205" s="8">
        <v>0</v>
      </c>
      <c r="J3205" s="8">
        <v>1</v>
      </c>
      <c r="K3205" s="9">
        <v>19</v>
      </c>
      <c r="L3205" s="6" t="s">
        <v>51</v>
      </c>
    </row>
    <row r="3206" spans="1:12">
      <c r="A3206" s="6" t="s">
        <v>49</v>
      </c>
      <c r="B3206" s="6"/>
      <c r="C3206" s="6" t="s">
        <v>3223</v>
      </c>
      <c r="D3206" s="6"/>
      <c r="E3206" s="6" t="s">
        <v>9</v>
      </c>
      <c r="F3206" s="7">
        <v>38657</v>
      </c>
      <c r="G3206" s="8">
        <v>1</v>
      </c>
      <c r="H3206" s="8">
        <v>1</v>
      </c>
      <c r="I3206" s="8">
        <v>0</v>
      </c>
      <c r="J3206" s="8">
        <v>1</v>
      </c>
      <c r="K3206" s="9">
        <v>40</v>
      </c>
      <c r="L3206" s="6" t="s">
        <v>51</v>
      </c>
    </row>
    <row r="3207" spans="1:12">
      <c r="A3207" s="6" t="s">
        <v>49</v>
      </c>
      <c r="B3207" s="6"/>
      <c r="C3207" s="6" t="s">
        <v>3224</v>
      </c>
      <c r="D3207" s="6"/>
      <c r="E3207" s="6" t="s">
        <v>9</v>
      </c>
      <c r="F3207" s="7">
        <v>38657</v>
      </c>
      <c r="G3207" s="8">
        <v>1</v>
      </c>
      <c r="H3207" s="8">
        <v>1</v>
      </c>
      <c r="I3207" s="8">
        <v>0</v>
      </c>
      <c r="J3207" s="8">
        <v>1</v>
      </c>
      <c r="K3207" s="9">
        <v>19</v>
      </c>
      <c r="L3207" s="6" t="s">
        <v>51</v>
      </c>
    </row>
    <row r="3208" spans="1:12">
      <c r="A3208" s="6" t="s">
        <v>49</v>
      </c>
      <c r="B3208" s="6"/>
      <c r="C3208" s="6" t="s">
        <v>3225</v>
      </c>
      <c r="D3208" s="6"/>
      <c r="E3208" s="6" t="s">
        <v>9</v>
      </c>
      <c r="F3208" s="7">
        <v>38657</v>
      </c>
      <c r="G3208" s="8">
        <v>1</v>
      </c>
      <c r="H3208" s="8">
        <v>1</v>
      </c>
      <c r="I3208" s="8">
        <v>0</v>
      </c>
      <c r="J3208" s="8">
        <v>1</v>
      </c>
      <c r="K3208" s="9">
        <v>19</v>
      </c>
      <c r="L3208" s="6" t="s">
        <v>51</v>
      </c>
    </row>
    <row r="3209" spans="1:12">
      <c r="A3209" s="6" t="s">
        <v>49</v>
      </c>
      <c r="B3209" s="6"/>
      <c r="C3209" s="6" t="s">
        <v>3226</v>
      </c>
      <c r="D3209" s="6"/>
      <c r="E3209" s="6" t="s">
        <v>9</v>
      </c>
      <c r="F3209" s="7">
        <v>38657</v>
      </c>
      <c r="G3209" s="8">
        <v>1</v>
      </c>
      <c r="H3209" s="8">
        <v>1</v>
      </c>
      <c r="I3209" s="8">
        <v>0</v>
      </c>
      <c r="J3209" s="8">
        <v>1</v>
      </c>
      <c r="K3209" s="9">
        <v>19</v>
      </c>
      <c r="L3209" s="6" t="s">
        <v>51</v>
      </c>
    </row>
    <row r="3210" spans="1:12">
      <c r="A3210" s="6" t="s">
        <v>49</v>
      </c>
      <c r="B3210" s="6"/>
      <c r="C3210" s="6" t="s">
        <v>3227</v>
      </c>
      <c r="D3210" s="6"/>
      <c r="E3210" s="6" t="s">
        <v>9</v>
      </c>
      <c r="F3210" s="7">
        <v>38657</v>
      </c>
      <c r="G3210" s="8">
        <v>1</v>
      </c>
      <c r="H3210" s="8">
        <v>1</v>
      </c>
      <c r="I3210" s="8">
        <v>0</v>
      </c>
      <c r="J3210" s="8">
        <v>1</v>
      </c>
      <c r="K3210" s="9">
        <v>242</v>
      </c>
      <c r="L3210" s="6" t="s">
        <v>51</v>
      </c>
    </row>
    <row r="3211" spans="1:12">
      <c r="A3211" s="6" t="s">
        <v>49</v>
      </c>
      <c r="B3211" s="6"/>
      <c r="C3211" s="6" t="s">
        <v>3228</v>
      </c>
      <c r="D3211" s="6"/>
      <c r="E3211" s="6" t="s">
        <v>9</v>
      </c>
      <c r="F3211" s="7">
        <v>38657</v>
      </c>
      <c r="G3211" s="8">
        <v>1</v>
      </c>
      <c r="H3211" s="8">
        <v>1</v>
      </c>
      <c r="I3211" s="8">
        <v>0</v>
      </c>
      <c r="J3211" s="8">
        <v>1</v>
      </c>
      <c r="K3211" s="9">
        <v>9.68</v>
      </c>
      <c r="L3211" s="6" t="s">
        <v>51</v>
      </c>
    </row>
    <row r="3212" spans="1:12">
      <c r="A3212" s="6" t="s">
        <v>49</v>
      </c>
      <c r="B3212" s="6"/>
      <c r="C3212" s="6" t="s">
        <v>3229</v>
      </c>
      <c r="D3212" s="6"/>
      <c r="E3212" s="6" t="s">
        <v>9</v>
      </c>
      <c r="F3212" s="7">
        <v>38657</v>
      </c>
      <c r="G3212" s="8">
        <v>1</v>
      </c>
      <c r="H3212" s="8">
        <v>1</v>
      </c>
      <c r="I3212" s="8">
        <v>0</v>
      </c>
      <c r="J3212" s="8">
        <v>1</v>
      </c>
      <c r="K3212" s="9">
        <v>159</v>
      </c>
      <c r="L3212" s="6" t="s">
        <v>51</v>
      </c>
    </row>
    <row r="3213" spans="1:12">
      <c r="A3213" s="6" t="s">
        <v>49</v>
      </c>
      <c r="B3213" s="6"/>
      <c r="C3213" s="6" t="s">
        <v>3230</v>
      </c>
      <c r="D3213" s="6"/>
      <c r="E3213" s="6" t="s">
        <v>9</v>
      </c>
      <c r="F3213" s="7">
        <v>38657</v>
      </c>
      <c r="G3213" s="8">
        <v>1</v>
      </c>
      <c r="H3213" s="8">
        <v>1</v>
      </c>
      <c r="I3213" s="8">
        <v>0</v>
      </c>
      <c r="J3213" s="8">
        <v>1</v>
      </c>
      <c r="K3213" s="9">
        <v>5.79</v>
      </c>
      <c r="L3213" s="6" t="s">
        <v>51</v>
      </c>
    </row>
    <row r="3214" spans="1:12">
      <c r="A3214" s="6" t="s">
        <v>49</v>
      </c>
      <c r="B3214" s="6"/>
      <c r="C3214" s="6" t="s">
        <v>3231</v>
      </c>
      <c r="D3214" s="6"/>
      <c r="E3214" s="6" t="s">
        <v>9</v>
      </c>
      <c r="F3214" s="7">
        <v>38657</v>
      </c>
      <c r="G3214" s="8">
        <v>1</v>
      </c>
      <c r="H3214" s="8">
        <v>1</v>
      </c>
      <c r="I3214" s="8">
        <v>0</v>
      </c>
      <c r="J3214" s="8">
        <v>1</v>
      </c>
      <c r="K3214" s="9">
        <v>228</v>
      </c>
      <c r="L3214" s="6" t="s">
        <v>51</v>
      </c>
    </row>
    <row r="3215" spans="1:12">
      <c r="A3215" s="6" t="s">
        <v>49</v>
      </c>
      <c r="B3215" s="6"/>
      <c r="C3215" s="6" t="s">
        <v>3232</v>
      </c>
      <c r="D3215" s="6"/>
      <c r="E3215" s="6" t="s">
        <v>9</v>
      </c>
      <c r="F3215" s="7">
        <v>38657</v>
      </c>
      <c r="G3215" s="8">
        <v>1</v>
      </c>
      <c r="H3215" s="8">
        <v>1</v>
      </c>
      <c r="I3215" s="8">
        <v>0</v>
      </c>
      <c r="J3215" s="8">
        <v>1</v>
      </c>
      <c r="K3215" s="9">
        <v>33</v>
      </c>
      <c r="L3215" s="6" t="s">
        <v>51</v>
      </c>
    </row>
    <row r="3216" spans="1:12">
      <c r="A3216" s="6" t="s">
        <v>49</v>
      </c>
      <c r="B3216" s="6"/>
      <c r="C3216" s="6" t="s">
        <v>3233</v>
      </c>
      <c r="D3216" s="6"/>
      <c r="E3216" s="6" t="s">
        <v>9</v>
      </c>
      <c r="F3216" s="7">
        <v>38657</v>
      </c>
      <c r="G3216" s="8">
        <v>1</v>
      </c>
      <c r="H3216" s="8">
        <v>1</v>
      </c>
      <c r="I3216" s="8">
        <v>0</v>
      </c>
      <c r="J3216" s="8">
        <v>1</v>
      </c>
      <c r="K3216" s="9">
        <v>243</v>
      </c>
      <c r="L3216" s="6" t="s">
        <v>51</v>
      </c>
    </row>
    <row r="3217" spans="1:12">
      <c r="A3217" s="6" t="s">
        <v>49</v>
      </c>
      <c r="B3217" s="6"/>
      <c r="C3217" s="6" t="s">
        <v>3234</v>
      </c>
      <c r="D3217" s="6"/>
      <c r="E3217" s="6" t="s">
        <v>9</v>
      </c>
      <c r="F3217" s="7">
        <v>38657</v>
      </c>
      <c r="G3217" s="8">
        <v>1</v>
      </c>
      <c r="H3217" s="8">
        <v>1</v>
      </c>
      <c r="I3217" s="8">
        <v>0</v>
      </c>
      <c r="J3217" s="8">
        <v>1</v>
      </c>
      <c r="K3217" s="9">
        <v>340</v>
      </c>
      <c r="L3217" s="6" t="s">
        <v>51</v>
      </c>
    </row>
    <row r="3218" spans="1:12">
      <c r="A3218" s="6" t="s">
        <v>49</v>
      </c>
      <c r="B3218" s="6"/>
      <c r="C3218" s="6" t="s">
        <v>3235</v>
      </c>
      <c r="D3218" s="6"/>
      <c r="E3218" s="6" t="s">
        <v>9</v>
      </c>
      <c r="F3218" s="7">
        <v>38657</v>
      </c>
      <c r="G3218" s="8">
        <v>1</v>
      </c>
      <c r="H3218" s="8">
        <v>1</v>
      </c>
      <c r="I3218" s="8">
        <v>0</v>
      </c>
      <c r="J3218" s="8">
        <v>1</v>
      </c>
      <c r="K3218" s="9">
        <v>12</v>
      </c>
      <c r="L3218" s="6" t="s">
        <v>51</v>
      </c>
    </row>
    <row r="3219" spans="1:12">
      <c r="A3219" s="6" t="s">
        <v>49</v>
      </c>
      <c r="B3219" s="6"/>
      <c r="C3219" s="6" t="s">
        <v>3236</v>
      </c>
      <c r="D3219" s="6"/>
      <c r="E3219" s="6" t="s">
        <v>9</v>
      </c>
      <c r="F3219" s="7">
        <v>38657</v>
      </c>
      <c r="G3219" s="8">
        <v>1</v>
      </c>
      <c r="H3219" s="8">
        <v>1</v>
      </c>
      <c r="I3219" s="8">
        <v>0</v>
      </c>
      <c r="J3219" s="8">
        <v>1</v>
      </c>
      <c r="K3219" s="9">
        <v>69</v>
      </c>
      <c r="L3219" s="6" t="s">
        <v>51</v>
      </c>
    </row>
    <row r="3220" spans="1:12">
      <c r="A3220" s="6" t="s">
        <v>49</v>
      </c>
      <c r="B3220" s="6"/>
      <c r="C3220" s="6" t="s">
        <v>3237</v>
      </c>
      <c r="D3220" s="6"/>
      <c r="E3220" s="6" t="s">
        <v>9</v>
      </c>
      <c r="F3220" s="7">
        <v>38657</v>
      </c>
      <c r="G3220" s="8">
        <v>1</v>
      </c>
      <c r="H3220" s="8">
        <v>1</v>
      </c>
      <c r="I3220" s="8">
        <v>0</v>
      </c>
      <c r="J3220" s="8">
        <v>1</v>
      </c>
      <c r="K3220" s="9">
        <v>189</v>
      </c>
      <c r="L3220" s="6" t="s">
        <v>51</v>
      </c>
    </row>
    <row r="3221" spans="1:12">
      <c r="A3221" s="6" t="s">
        <v>49</v>
      </c>
      <c r="B3221" s="6"/>
      <c r="C3221" s="6" t="s">
        <v>3238</v>
      </c>
      <c r="D3221" s="6"/>
      <c r="E3221" s="6" t="s">
        <v>9</v>
      </c>
      <c r="F3221" s="7">
        <v>38657</v>
      </c>
      <c r="G3221" s="8">
        <v>1</v>
      </c>
      <c r="H3221" s="8">
        <v>1</v>
      </c>
      <c r="I3221" s="8">
        <v>0</v>
      </c>
      <c r="J3221" s="8">
        <v>1</v>
      </c>
      <c r="K3221" s="9">
        <v>66</v>
      </c>
      <c r="L3221" s="6" t="s">
        <v>51</v>
      </c>
    </row>
    <row r="3222" spans="1:12">
      <c r="A3222" s="6" t="s">
        <v>49</v>
      </c>
      <c r="B3222" s="6"/>
      <c r="C3222" s="6" t="s">
        <v>3239</v>
      </c>
      <c r="D3222" s="6"/>
      <c r="E3222" s="6" t="s">
        <v>9</v>
      </c>
      <c r="F3222" s="7">
        <v>38657</v>
      </c>
      <c r="G3222" s="8">
        <v>1</v>
      </c>
      <c r="H3222" s="8">
        <v>1</v>
      </c>
      <c r="I3222" s="8">
        <v>0</v>
      </c>
      <c r="J3222" s="8">
        <v>1</v>
      </c>
      <c r="K3222" s="9">
        <v>28</v>
      </c>
      <c r="L3222" s="6" t="s">
        <v>51</v>
      </c>
    </row>
    <row r="3223" spans="1:12">
      <c r="A3223" s="6" t="s">
        <v>49</v>
      </c>
      <c r="B3223" s="6"/>
      <c r="C3223" s="6" t="s">
        <v>3240</v>
      </c>
      <c r="D3223" s="6"/>
      <c r="E3223" s="6" t="s">
        <v>9</v>
      </c>
      <c r="F3223" s="7">
        <v>38657</v>
      </c>
      <c r="G3223" s="8">
        <v>1</v>
      </c>
      <c r="H3223" s="8">
        <v>1</v>
      </c>
      <c r="I3223" s="8">
        <v>0</v>
      </c>
      <c r="J3223" s="8">
        <v>1</v>
      </c>
      <c r="K3223" s="9">
        <v>35</v>
      </c>
      <c r="L3223" s="6" t="s">
        <v>51</v>
      </c>
    </row>
    <row r="3224" spans="1:12">
      <c r="A3224" s="6" t="s">
        <v>49</v>
      </c>
      <c r="B3224" s="6"/>
      <c r="C3224" s="6" t="s">
        <v>3241</v>
      </c>
      <c r="D3224" s="6"/>
      <c r="E3224" s="6" t="s">
        <v>9</v>
      </c>
      <c r="F3224" s="7">
        <v>38657</v>
      </c>
      <c r="G3224" s="8">
        <v>1</v>
      </c>
      <c r="H3224" s="8">
        <v>1</v>
      </c>
      <c r="I3224" s="8">
        <v>0</v>
      </c>
      <c r="J3224" s="8">
        <v>1</v>
      </c>
      <c r="K3224" s="9">
        <v>49</v>
      </c>
      <c r="L3224" s="6" t="s">
        <v>51</v>
      </c>
    </row>
    <row r="3225" spans="1:12">
      <c r="A3225" s="6" t="s">
        <v>49</v>
      </c>
      <c r="B3225" s="6"/>
      <c r="C3225" s="6" t="s">
        <v>3242</v>
      </c>
      <c r="D3225" s="6"/>
      <c r="E3225" s="6" t="s">
        <v>9</v>
      </c>
      <c r="F3225" s="7">
        <v>38657</v>
      </c>
      <c r="G3225" s="8">
        <v>1</v>
      </c>
      <c r="H3225" s="8">
        <v>1</v>
      </c>
      <c r="I3225" s="8">
        <v>0</v>
      </c>
      <c r="J3225" s="8">
        <v>1</v>
      </c>
      <c r="K3225" s="9">
        <v>10</v>
      </c>
      <c r="L3225" s="6" t="s">
        <v>51</v>
      </c>
    </row>
    <row r="3226" spans="1:12">
      <c r="A3226" s="6" t="s">
        <v>49</v>
      </c>
      <c r="B3226" s="6"/>
      <c r="C3226" s="6" t="s">
        <v>3243</v>
      </c>
      <c r="D3226" s="6"/>
      <c r="E3226" s="6" t="s">
        <v>9</v>
      </c>
      <c r="F3226" s="7">
        <v>38657</v>
      </c>
      <c r="G3226" s="8">
        <v>1</v>
      </c>
      <c r="H3226" s="8">
        <v>1</v>
      </c>
      <c r="I3226" s="8">
        <v>0</v>
      </c>
      <c r="J3226" s="8">
        <v>1</v>
      </c>
      <c r="K3226" s="9">
        <v>31</v>
      </c>
      <c r="L3226" s="6" t="s">
        <v>51</v>
      </c>
    </row>
    <row r="3227" spans="1:12">
      <c r="A3227" s="6" t="s">
        <v>49</v>
      </c>
      <c r="B3227" s="6"/>
      <c r="C3227" s="6" t="s">
        <v>3244</v>
      </c>
      <c r="D3227" s="6"/>
      <c r="E3227" s="6" t="s">
        <v>9</v>
      </c>
      <c r="F3227" s="7">
        <v>38657</v>
      </c>
      <c r="G3227" s="8">
        <v>1</v>
      </c>
      <c r="H3227" s="8">
        <v>1</v>
      </c>
      <c r="I3227" s="8">
        <v>0</v>
      </c>
      <c r="J3227" s="8">
        <v>1</v>
      </c>
      <c r="K3227" s="9">
        <v>14</v>
      </c>
      <c r="L3227" s="6" t="s">
        <v>51</v>
      </c>
    </row>
    <row r="3228" spans="1:12">
      <c r="A3228" s="6" t="s">
        <v>49</v>
      </c>
      <c r="B3228" s="6"/>
      <c r="C3228" s="6" t="s">
        <v>3245</v>
      </c>
      <c r="D3228" s="6"/>
      <c r="E3228" s="6" t="s">
        <v>9</v>
      </c>
      <c r="F3228" s="7">
        <v>38657</v>
      </c>
      <c r="G3228" s="8">
        <v>1</v>
      </c>
      <c r="H3228" s="8">
        <v>1</v>
      </c>
      <c r="I3228" s="8">
        <v>0</v>
      </c>
      <c r="J3228" s="8">
        <v>1</v>
      </c>
      <c r="K3228" s="9">
        <v>2.27999999999999</v>
      </c>
      <c r="L3228" s="6" t="s">
        <v>51</v>
      </c>
    </row>
    <row r="3229" spans="1:12">
      <c r="A3229" s="6" t="s">
        <v>49</v>
      </c>
      <c r="B3229" s="6"/>
      <c r="C3229" s="6" t="s">
        <v>3246</v>
      </c>
      <c r="D3229" s="6"/>
      <c r="E3229" s="6" t="s">
        <v>9</v>
      </c>
      <c r="F3229" s="7">
        <v>38657</v>
      </c>
      <c r="G3229" s="8">
        <v>1</v>
      </c>
      <c r="H3229" s="8">
        <v>1</v>
      </c>
      <c r="I3229" s="8">
        <v>0</v>
      </c>
      <c r="J3229" s="8">
        <v>1</v>
      </c>
      <c r="K3229" s="9">
        <v>3.42</v>
      </c>
      <c r="L3229" s="6" t="s">
        <v>51</v>
      </c>
    </row>
    <row r="3230" spans="1:12">
      <c r="A3230" s="6" t="s">
        <v>49</v>
      </c>
      <c r="B3230" s="6"/>
      <c r="C3230" s="6" t="s">
        <v>3247</v>
      </c>
      <c r="D3230" s="6"/>
      <c r="E3230" s="6" t="s">
        <v>9</v>
      </c>
      <c r="F3230" s="7">
        <v>38657</v>
      </c>
      <c r="G3230" s="8">
        <v>1</v>
      </c>
      <c r="H3230" s="8">
        <v>1</v>
      </c>
      <c r="I3230" s="8">
        <v>0</v>
      </c>
      <c r="J3230" s="8">
        <v>1</v>
      </c>
      <c r="K3230" s="9">
        <v>43</v>
      </c>
      <c r="L3230" s="6" t="s">
        <v>51</v>
      </c>
    </row>
    <row r="3231" spans="1:12">
      <c r="A3231" s="6" t="s">
        <v>49</v>
      </c>
      <c r="B3231" s="6"/>
      <c r="C3231" s="6" t="s">
        <v>3248</v>
      </c>
      <c r="D3231" s="6"/>
      <c r="E3231" s="6" t="s">
        <v>9</v>
      </c>
      <c r="F3231" s="7">
        <v>38657</v>
      </c>
      <c r="G3231" s="8">
        <v>1</v>
      </c>
      <c r="H3231" s="8">
        <v>1</v>
      </c>
      <c r="I3231" s="8">
        <v>0</v>
      </c>
      <c r="J3231" s="8">
        <v>1</v>
      </c>
      <c r="K3231" s="9">
        <v>318</v>
      </c>
      <c r="L3231" s="6" t="s">
        <v>51</v>
      </c>
    </row>
    <row r="3232" spans="1:12">
      <c r="A3232" s="6" t="s">
        <v>49</v>
      </c>
      <c r="B3232" s="6"/>
      <c r="C3232" s="6" t="s">
        <v>3249</v>
      </c>
      <c r="D3232" s="6"/>
      <c r="E3232" s="6" t="s">
        <v>9</v>
      </c>
      <c r="F3232" s="7">
        <v>38657</v>
      </c>
      <c r="G3232" s="8">
        <v>1</v>
      </c>
      <c r="H3232" s="8">
        <v>1</v>
      </c>
      <c r="I3232" s="8">
        <v>0</v>
      </c>
      <c r="J3232" s="8">
        <v>1</v>
      </c>
      <c r="K3232" s="9">
        <v>251</v>
      </c>
      <c r="L3232" s="6" t="s">
        <v>51</v>
      </c>
    </row>
    <row r="3233" spans="1:12">
      <c r="A3233" s="6" t="s">
        <v>49</v>
      </c>
      <c r="B3233" s="6"/>
      <c r="C3233" s="6" t="s">
        <v>3250</v>
      </c>
      <c r="D3233" s="6"/>
      <c r="E3233" s="6" t="s">
        <v>9</v>
      </c>
      <c r="F3233" s="7">
        <v>38657</v>
      </c>
      <c r="G3233" s="8">
        <v>1</v>
      </c>
      <c r="H3233" s="8">
        <v>1</v>
      </c>
      <c r="I3233" s="8">
        <v>0</v>
      </c>
      <c r="J3233" s="8">
        <v>1</v>
      </c>
      <c r="K3233" s="9">
        <v>19</v>
      </c>
      <c r="L3233" s="6" t="s">
        <v>51</v>
      </c>
    </row>
    <row r="3234" spans="1:12">
      <c r="A3234" s="6" t="s">
        <v>49</v>
      </c>
      <c r="B3234" s="6"/>
      <c r="C3234" s="6" t="s">
        <v>3251</v>
      </c>
      <c r="D3234" s="6"/>
      <c r="E3234" s="6" t="s">
        <v>9</v>
      </c>
      <c r="F3234" s="7">
        <v>38657</v>
      </c>
      <c r="G3234" s="8">
        <v>1</v>
      </c>
      <c r="H3234" s="8">
        <v>1</v>
      </c>
      <c r="I3234" s="8">
        <v>0</v>
      </c>
      <c r="J3234" s="8">
        <v>1</v>
      </c>
      <c r="K3234" s="9">
        <v>901</v>
      </c>
      <c r="L3234" s="6" t="s">
        <v>51</v>
      </c>
    </row>
    <row r="3235" spans="1:12">
      <c r="A3235" s="6" t="s">
        <v>49</v>
      </c>
      <c r="B3235" s="6"/>
      <c r="C3235" s="6" t="s">
        <v>3252</v>
      </c>
      <c r="D3235" s="6"/>
      <c r="E3235" s="6" t="s">
        <v>9</v>
      </c>
      <c r="F3235" s="7">
        <v>38657</v>
      </c>
      <c r="G3235" s="8">
        <v>1</v>
      </c>
      <c r="H3235" s="8">
        <v>1</v>
      </c>
      <c r="I3235" s="8">
        <v>0</v>
      </c>
      <c r="J3235" s="8">
        <v>1</v>
      </c>
      <c r="K3235" s="9">
        <v>19</v>
      </c>
      <c r="L3235" s="6" t="s">
        <v>51</v>
      </c>
    </row>
    <row r="3236" spans="1:12">
      <c r="A3236" s="6" t="s">
        <v>49</v>
      </c>
      <c r="B3236" s="6"/>
      <c r="C3236" s="6" t="s">
        <v>3253</v>
      </c>
      <c r="D3236" s="6"/>
      <c r="E3236" s="6" t="s">
        <v>9</v>
      </c>
      <c r="F3236" s="7">
        <v>38657</v>
      </c>
      <c r="G3236" s="8">
        <v>1</v>
      </c>
      <c r="H3236" s="8">
        <v>1</v>
      </c>
      <c r="I3236" s="8">
        <v>0</v>
      </c>
      <c r="J3236" s="8">
        <v>1</v>
      </c>
      <c r="K3236" s="9">
        <v>148</v>
      </c>
      <c r="L3236" s="6" t="s">
        <v>51</v>
      </c>
    </row>
    <row r="3237" spans="1:12">
      <c r="A3237" s="6" t="s">
        <v>49</v>
      </c>
      <c r="B3237" s="6"/>
      <c r="C3237" s="6" t="s">
        <v>3254</v>
      </c>
      <c r="D3237" s="6"/>
      <c r="E3237" s="6" t="s">
        <v>9</v>
      </c>
      <c r="F3237" s="7"/>
      <c r="G3237" s="8">
        <v>4225</v>
      </c>
      <c r="H3237" s="8">
        <v>4225</v>
      </c>
      <c r="I3237" s="8">
        <v>0</v>
      </c>
      <c r="J3237" s="8">
        <v>4225</v>
      </c>
      <c r="K3237" s="9">
        <v>0.22</v>
      </c>
      <c r="L3237" s="6" t="s">
        <v>10</v>
      </c>
    </row>
    <row r="3238" spans="1:12">
      <c r="A3238" s="6" t="s">
        <v>49</v>
      </c>
      <c r="B3238" s="6"/>
      <c r="C3238" s="6" t="s">
        <v>3255</v>
      </c>
      <c r="D3238" s="6"/>
      <c r="E3238" s="6" t="s">
        <v>9</v>
      </c>
      <c r="F3238" s="7">
        <v>38657</v>
      </c>
      <c r="G3238" s="8">
        <v>1</v>
      </c>
      <c r="H3238" s="8">
        <v>1</v>
      </c>
      <c r="I3238" s="8">
        <v>0</v>
      </c>
      <c r="J3238" s="8">
        <v>1</v>
      </c>
      <c r="K3238" s="9">
        <v>4.3899999999999899</v>
      </c>
      <c r="L3238" s="6" t="s">
        <v>51</v>
      </c>
    </row>
    <row r="3239" spans="1:12">
      <c r="A3239" s="6" t="s">
        <v>49</v>
      </c>
      <c r="B3239" s="6"/>
      <c r="C3239" s="6" t="s">
        <v>3256</v>
      </c>
      <c r="D3239" s="6"/>
      <c r="E3239" s="6" t="s">
        <v>9</v>
      </c>
      <c r="F3239" s="7">
        <v>38657</v>
      </c>
      <c r="G3239" s="8">
        <v>1</v>
      </c>
      <c r="H3239" s="8">
        <v>1</v>
      </c>
      <c r="I3239" s="8">
        <v>0</v>
      </c>
      <c r="J3239" s="8">
        <v>1</v>
      </c>
      <c r="K3239" s="9">
        <v>31</v>
      </c>
      <c r="L3239" s="6" t="s">
        <v>51</v>
      </c>
    </row>
    <row r="3240" spans="1:12">
      <c r="A3240" s="6" t="s">
        <v>49</v>
      </c>
      <c r="B3240" s="6"/>
      <c r="C3240" s="6" t="s">
        <v>3257</v>
      </c>
      <c r="D3240" s="6"/>
      <c r="E3240" s="6" t="s">
        <v>9</v>
      </c>
      <c r="F3240" s="7">
        <v>38657</v>
      </c>
      <c r="G3240" s="8">
        <v>1</v>
      </c>
      <c r="H3240" s="8">
        <v>1</v>
      </c>
      <c r="I3240" s="8">
        <v>0</v>
      </c>
      <c r="J3240" s="8">
        <v>1</v>
      </c>
      <c r="K3240" s="9">
        <v>4.96</v>
      </c>
      <c r="L3240" s="6" t="s">
        <v>51</v>
      </c>
    </row>
    <row r="3241" spans="1:12">
      <c r="A3241" s="6" t="s">
        <v>49</v>
      </c>
      <c r="B3241" s="6"/>
      <c r="C3241" s="6" t="s">
        <v>3258</v>
      </c>
      <c r="D3241" s="6"/>
      <c r="E3241" s="6" t="s">
        <v>9</v>
      </c>
      <c r="F3241" s="7">
        <v>38657</v>
      </c>
      <c r="G3241" s="8">
        <v>1</v>
      </c>
      <c r="H3241" s="8">
        <v>1</v>
      </c>
      <c r="I3241" s="8">
        <v>0</v>
      </c>
      <c r="J3241" s="8">
        <v>1</v>
      </c>
      <c r="K3241" s="9">
        <v>495</v>
      </c>
      <c r="L3241" s="6" t="s">
        <v>51</v>
      </c>
    </row>
    <row r="3242" spans="1:12">
      <c r="A3242" s="6" t="s">
        <v>49</v>
      </c>
      <c r="B3242" s="6"/>
      <c r="C3242" s="6" t="s">
        <v>3259</v>
      </c>
      <c r="D3242" s="6"/>
      <c r="E3242" s="6" t="s">
        <v>9</v>
      </c>
      <c r="F3242" s="7">
        <v>38657</v>
      </c>
      <c r="G3242" s="8">
        <v>1</v>
      </c>
      <c r="H3242" s="8">
        <v>1</v>
      </c>
      <c r="I3242" s="8">
        <v>0</v>
      </c>
      <c r="J3242" s="8">
        <v>1</v>
      </c>
      <c r="K3242" s="9">
        <v>2.38</v>
      </c>
      <c r="L3242" s="6" t="s">
        <v>51</v>
      </c>
    </row>
    <row r="3243" spans="1:12">
      <c r="A3243" s="6" t="s">
        <v>49</v>
      </c>
      <c r="B3243" s="6"/>
      <c r="C3243" s="6" t="s">
        <v>3260</v>
      </c>
      <c r="D3243" s="6"/>
      <c r="E3243" s="6" t="s">
        <v>9</v>
      </c>
      <c r="F3243" s="7">
        <v>38657</v>
      </c>
      <c r="G3243" s="8">
        <v>1</v>
      </c>
      <c r="H3243" s="8">
        <v>1</v>
      </c>
      <c r="I3243" s="8">
        <v>0</v>
      </c>
      <c r="J3243" s="8">
        <v>1</v>
      </c>
      <c r="K3243" s="9">
        <v>148</v>
      </c>
      <c r="L3243" s="6" t="s">
        <v>51</v>
      </c>
    </row>
    <row r="3244" spans="1:12">
      <c r="A3244" s="6" t="s">
        <v>49</v>
      </c>
      <c r="B3244" s="6"/>
      <c r="C3244" s="6" t="s">
        <v>3261</v>
      </c>
      <c r="D3244" s="6"/>
      <c r="E3244" s="6" t="s">
        <v>9</v>
      </c>
      <c r="F3244" s="7">
        <v>38657</v>
      </c>
      <c r="G3244" s="8">
        <v>1</v>
      </c>
      <c r="H3244" s="8">
        <v>1</v>
      </c>
      <c r="I3244" s="8">
        <v>0</v>
      </c>
      <c r="J3244" s="8">
        <v>1</v>
      </c>
      <c r="K3244" s="9">
        <v>105</v>
      </c>
      <c r="L3244" s="6" t="s">
        <v>51</v>
      </c>
    </row>
    <row r="3245" spans="1:12">
      <c r="A3245" s="6" t="s">
        <v>49</v>
      </c>
      <c r="B3245" s="6"/>
      <c r="C3245" s="6" t="s">
        <v>3262</v>
      </c>
      <c r="D3245" s="6"/>
      <c r="E3245" s="6" t="s">
        <v>9</v>
      </c>
      <c r="F3245" s="7">
        <v>38657</v>
      </c>
      <c r="G3245" s="8">
        <v>1</v>
      </c>
      <c r="H3245" s="8">
        <v>1</v>
      </c>
      <c r="I3245" s="8">
        <v>0</v>
      </c>
      <c r="J3245" s="8">
        <v>1</v>
      </c>
      <c r="K3245" s="9">
        <v>123</v>
      </c>
      <c r="L3245" s="6" t="s">
        <v>51</v>
      </c>
    </row>
    <row r="3246" spans="1:12">
      <c r="A3246" s="6" t="s">
        <v>49</v>
      </c>
      <c r="B3246" s="6"/>
      <c r="C3246" s="6" t="s">
        <v>3263</v>
      </c>
      <c r="D3246" s="6"/>
      <c r="E3246" s="6" t="s">
        <v>9</v>
      </c>
      <c r="F3246" s="7">
        <v>38657</v>
      </c>
      <c r="G3246" s="8">
        <v>1</v>
      </c>
      <c r="H3246" s="8">
        <v>1</v>
      </c>
      <c r="I3246" s="8">
        <v>0</v>
      </c>
      <c r="J3246" s="8">
        <v>1</v>
      </c>
      <c r="K3246" s="9">
        <v>254</v>
      </c>
      <c r="L3246" s="6" t="s">
        <v>51</v>
      </c>
    </row>
    <row r="3247" spans="1:12">
      <c r="A3247" s="6" t="s">
        <v>49</v>
      </c>
      <c r="B3247" s="6"/>
      <c r="C3247" s="6" t="s">
        <v>3264</v>
      </c>
      <c r="D3247" s="6"/>
      <c r="E3247" s="6" t="s">
        <v>9</v>
      </c>
      <c r="F3247" s="7">
        <v>38657</v>
      </c>
      <c r="G3247" s="8">
        <v>1</v>
      </c>
      <c r="H3247" s="8">
        <v>1</v>
      </c>
      <c r="I3247" s="8">
        <v>0</v>
      </c>
      <c r="J3247" s="8">
        <v>1</v>
      </c>
      <c r="K3247" s="9">
        <v>10</v>
      </c>
      <c r="L3247" s="6" t="s">
        <v>51</v>
      </c>
    </row>
    <row r="3248" spans="1:12">
      <c r="A3248" s="6" t="s">
        <v>49</v>
      </c>
      <c r="B3248" s="6"/>
      <c r="C3248" s="6" t="s">
        <v>3265</v>
      </c>
      <c r="D3248" s="6"/>
      <c r="E3248" s="6" t="s">
        <v>9</v>
      </c>
      <c r="F3248" s="7">
        <v>38657</v>
      </c>
      <c r="G3248" s="8">
        <v>1</v>
      </c>
      <c r="H3248" s="8">
        <v>1</v>
      </c>
      <c r="I3248" s="8">
        <v>0</v>
      </c>
      <c r="J3248" s="8">
        <v>1</v>
      </c>
      <c r="K3248" s="9">
        <v>35</v>
      </c>
      <c r="L3248" s="6" t="s">
        <v>51</v>
      </c>
    </row>
    <row r="3249" spans="1:12">
      <c r="A3249" s="6" t="s">
        <v>49</v>
      </c>
      <c r="B3249" s="6"/>
      <c r="C3249" s="6" t="s">
        <v>3266</v>
      </c>
      <c r="D3249" s="6"/>
      <c r="E3249" s="6" t="s">
        <v>9</v>
      </c>
      <c r="F3249" s="7">
        <v>38657</v>
      </c>
      <c r="G3249" s="8">
        <v>1</v>
      </c>
      <c r="H3249" s="8">
        <v>1</v>
      </c>
      <c r="I3249" s="8">
        <v>0</v>
      </c>
      <c r="J3249" s="8">
        <v>1</v>
      </c>
      <c r="K3249" s="9">
        <v>29</v>
      </c>
      <c r="L3249" s="6" t="s">
        <v>51</v>
      </c>
    </row>
    <row r="3250" spans="1:12">
      <c r="A3250" s="6" t="s">
        <v>49</v>
      </c>
      <c r="B3250" s="6"/>
      <c r="C3250" s="6" t="s">
        <v>3267</v>
      </c>
      <c r="D3250" s="6"/>
      <c r="E3250" s="6" t="s">
        <v>9</v>
      </c>
      <c r="F3250" s="7">
        <v>38657</v>
      </c>
      <c r="G3250" s="8">
        <v>1</v>
      </c>
      <c r="H3250" s="8">
        <v>1</v>
      </c>
      <c r="I3250" s="8">
        <v>0</v>
      </c>
      <c r="J3250" s="8">
        <v>1</v>
      </c>
      <c r="K3250" s="9">
        <v>32</v>
      </c>
      <c r="L3250" s="6" t="s">
        <v>51</v>
      </c>
    </row>
    <row r="3251" spans="1:12">
      <c r="A3251" s="6" t="s">
        <v>49</v>
      </c>
      <c r="B3251" s="6"/>
      <c r="C3251" s="6" t="s">
        <v>3268</v>
      </c>
      <c r="D3251" s="6"/>
      <c r="E3251" s="6" t="s">
        <v>9</v>
      </c>
      <c r="F3251" s="7">
        <v>38657</v>
      </c>
      <c r="G3251" s="8">
        <v>1</v>
      </c>
      <c r="H3251" s="8">
        <v>1</v>
      </c>
      <c r="I3251" s="8">
        <v>0</v>
      </c>
      <c r="J3251" s="8">
        <v>1</v>
      </c>
      <c r="K3251" s="9">
        <v>1101</v>
      </c>
      <c r="L3251" s="6" t="s">
        <v>51</v>
      </c>
    </row>
    <row r="3252" spans="1:12">
      <c r="A3252" s="6" t="s">
        <v>49</v>
      </c>
      <c r="B3252" s="6"/>
      <c r="C3252" s="6" t="s">
        <v>3269</v>
      </c>
      <c r="D3252" s="6"/>
      <c r="E3252" s="6" t="s">
        <v>9</v>
      </c>
      <c r="F3252" s="7">
        <v>38657</v>
      </c>
      <c r="G3252" s="8">
        <v>1</v>
      </c>
      <c r="H3252" s="8">
        <v>1</v>
      </c>
      <c r="I3252" s="8">
        <v>0</v>
      </c>
      <c r="J3252" s="8">
        <v>1</v>
      </c>
      <c r="K3252" s="9">
        <v>680</v>
      </c>
      <c r="L3252" s="6" t="s">
        <v>51</v>
      </c>
    </row>
    <row r="3253" spans="1:12">
      <c r="A3253" s="6" t="s">
        <v>49</v>
      </c>
      <c r="B3253" s="6"/>
      <c r="C3253" s="6" t="s">
        <v>3270</v>
      </c>
      <c r="D3253" s="6"/>
      <c r="E3253" s="6" t="s">
        <v>9</v>
      </c>
      <c r="F3253" s="7">
        <v>38657</v>
      </c>
      <c r="G3253" s="8">
        <v>1</v>
      </c>
      <c r="H3253" s="8">
        <v>1</v>
      </c>
      <c r="I3253" s="8">
        <v>0</v>
      </c>
      <c r="J3253" s="8">
        <v>1</v>
      </c>
      <c r="K3253" s="9">
        <v>42</v>
      </c>
      <c r="L3253" s="6" t="s">
        <v>51</v>
      </c>
    </row>
    <row r="3254" spans="1:12">
      <c r="A3254" s="6" t="s">
        <v>49</v>
      </c>
      <c r="B3254" s="6"/>
      <c r="C3254" s="6" t="s">
        <v>3271</v>
      </c>
      <c r="D3254" s="6"/>
      <c r="E3254" s="6" t="s">
        <v>9</v>
      </c>
      <c r="F3254" s="7">
        <v>38657</v>
      </c>
      <c r="G3254" s="8">
        <v>1</v>
      </c>
      <c r="H3254" s="8">
        <v>1</v>
      </c>
      <c r="I3254" s="8">
        <v>0</v>
      </c>
      <c r="J3254" s="8">
        <v>1</v>
      </c>
      <c r="K3254" s="9">
        <v>221</v>
      </c>
      <c r="L3254" s="6" t="s">
        <v>51</v>
      </c>
    </row>
    <row r="3255" spans="1:12">
      <c r="A3255" s="6" t="s">
        <v>49</v>
      </c>
      <c r="B3255" s="6"/>
      <c r="C3255" s="6" t="s">
        <v>3272</v>
      </c>
      <c r="D3255" s="6"/>
      <c r="E3255" s="6" t="s">
        <v>9</v>
      </c>
      <c r="F3255" s="7">
        <v>38657</v>
      </c>
      <c r="G3255" s="8">
        <v>1</v>
      </c>
      <c r="H3255" s="8">
        <v>1</v>
      </c>
      <c r="I3255" s="8">
        <v>0</v>
      </c>
      <c r="J3255" s="8">
        <v>1</v>
      </c>
      <c r="K3255" s="9">
        <v>14</v>
      </c>
      <c r="L3255" s="6" t="s">
        <v>51</v>
      </c>
    </row>
    <row r="3256" spans="1:12">
      <c r="A3256" s="6" t="s">
        <v>49</v>
      </c>
      <c r="B3256" s="6"/>
      <c r="C3256" s="6" t="s">
        <v>3273</v>
      </c>
      <c r="D3256" s="6"/>
      <c r="E3256" s="6" t="s">
        <v>9</v>
      </c>
      <c r="F3256" s="7">
        <v>38657</v>
      </c>
      <c r="G3256" s="8">
        <v>1</v>
      </c>
      <c r="H3256" s="8">
        <v>1</v>
      </c>
      <c r="I3256" s="8">
        <v>0</v>
      </c>
      <c r="J3256" s="8">
        <v>1</v>
      </c>
      <c r="K3256" s="9">
        <v>89</v>
      </c>
      <c r="L3256" s="6" t="s">
        <v>51</v>
      </c>
    </row>
    <row r="3257" spans="1:12">
      <c r="A3257" s="6" t="s">
        <v>49</v>
      </c>
      <c r="B3257" s="6"/>
      <c r="C3257" s="6" t="s">
        <v>3274</v>
      </c>
      <c r="D3257" s="6"/>
      <c r="E3257" s="6" t="s">
        <v>9</v>
      </c>
      <c r="F3257" s="7">
        <v>38657</v>
      </c>
      <c r="G3257" s="8">
        <v>1</v>
      </c>
      <c r="H3257" s="8">
        <v>1</v>
      </c>
      <c r="I3257" s="8">
        <v>0</v>
      </c>
      <c r="J3257" s="8">
        <v>1</v>
      </c>
      <c r="K3257" s="9">
        <v>97</v>
      </c>
      <c r="L3257" s="6" t="s">
        <v>51</v>
      </c>
    </row>
    <row r="3258" spans="1:12">
      <c r="A3258" s="6" t="s">
        <v>49</v>
      </c>
      <c r="B3258" s="6"/>
      <c r="C3258" s="6" t="s">
        <v>3275</v>
      </c>
      <c r="D3258" s="6"/>
      <c r="E3258" s="6" t="s">
        <v>9</v>
      </c>
      <c r="F3258" s="7">
        <v>38657</v>
      </c>
      <c r="G3258" s="8">
        <v>1</v>
      </c>
      <c r="H3258" s="8">
        <v>1</v>
      </c>
      <c r="I3258" s="8">
        <v>0</v>
      </c>
      <c r="J3258" s="8">
        <v>1</v>
      </c>
      <c r="K3258" s="9">
        <v>200</v>
      </c>
      <c r="L3258" s="6" t="s">
        <v>51</v>
      </c>
    </row>
    <row r="3259" spans="1:12">
      <c r="A3259" s="6" t="s">
        <v>49</v>
      </c>
      <c r="B3259" s="6"/>
      <c r="C3259" s="6" t="s">
        <v>3276</v>
      </c>
      <c r="D3259" s="6"/>
      <c r="E3259" s="6" t="s">
        <v>9</v>
      </c>
      <c r="F3259" s="7">
        <v>38657</v>
      </c>
      <c r="G3259" s="8">
        <v>1</v>
      </c>
      <c r="H3259" s="8">
        <v>1</v>
      </c>
      <c r="I3259" s="8">
        <v>0</v>
      </c>
      <c r="J3259" s="8">
        <v>1</v>
      </c>
      <c r="K3259" s="9">
        <v>384</v>
      </c>
      <c r="L3259" s="6" t="s">
        <v>51</v>
      </c>
    </row>
    <row r="3260" spans="1:12">
      <c r="A3260" s="6" t="s">
        <v>49</v>
      </c>
      <c r="B3260" s="6"/>
      <c r="C3260" s="6" t="s">
        <v>3277</v>
      </c>
      <c r="D3260" s="6"/>
      <c r="E3260" s="6" t="s">
        <v>9</v>
      </c>
      <c r="F3260" s="7">
        <v>38657</v>
      </c>
      <c r="G3260" s="8">
        <v>1</v>
      </c>
      <c r="H3260" s="8">
        <v>1</v>
      </c>
      <c r="I3260" s="8">
        <v>0</v>
      </c>
      <c r="J3260" s="8">
        <v>1</v>
      </c>
      <c r="K3260" s="9">
        <v>39</v>
      </c>
      <c r="L3260" s="6" t="s">
        <v>51</v>
      </c>
    </row>
    <row r="3261" spans="1:12">
      <c r="A3261" s="6" t="s">
        <v>49</v>
      </c>
      <c r="B3261" s="6"/>
      <c r="C3261" s="6" t="s">
        <v>3278</v>
      </c>
      <c r="D3261" s="6"/>
      <c r="E3261" s="6" t="s">
        <v>9</v>
      </c>
      <c r="F3261" s="7">
        <v>38657</v>
      </c>
      <c r="G3261" s="8">
        <v>1</v>
      </c>
      <c r="H3261" s="8">
        <v>1</v>
      </c>
      <c r="I3261" s="8">
        <v>0</v>
      </c>
      <c r="J3261" s="8">
        <v>1</v>
      </c>
      <c r="K3261" s="9">
        <v>34</v>
      </c>
      <c r="L3261" s="6" t="s">
        <v>51</v>
      </c>
    </row>
    <row r="3262" spans="1:12">
      <c r="A3262" s="6" t="s">
        <v>49</v>
      </c>
      <c r="B3262" s="6"/>
      <c r="C3262" s="6" t="s">
        <v>3279</v>
      </c>
      <c r="D3262" s="6"/>
      <c r="E3262" s="6" t="s">
        <v>9</v>
      </c>
      <c r="F3262" s="7">
        <v>38657</v>
      </c>
      <c r="G3262" s="8">
        <v>1</v>
      </c>
      <c r="H3262" s="8">
        <v>1</v>
      </c>
      <c r="I3262" s="8">
        <v>0</v>
      </c>
      <c r="J3262" s="8">
        <v>1</v>
      </c>
      <c r="K3262" s="9">
        <v>163</v>
      </c>
      <c r="L3262" s="6" t="s">
        <v>51</v>
      </c>
    </row>
    <row r="3263" spans="1:12">
      <c r="A3263" s="6" t="s">
        <v>49</v>
      </c>
      <c r="B3263" s="6"/>
      <c r="C3263" s="6" t="s">
        <v>3280</v>
      </c>
      <c r="D3263" s="6"/>
      <c r="E3263" s="6" t="s">
        <v>9</v>
      </c>
      <c r="F3263" s="7">
        <v>38657</v>
      </c>
      <c r="G3263" s="8">
        <v>1</v>
      </c>
      <c r="H3263" s="8">
        <v>1</v>
      </c>
      <c r="I3263" s="8">
        <v>0</v>
      </c>
      <c r="J3263" s="8">
        <v>1</v>
      </c>
      <c r="K3263" s="9">
        <v>15</v>
      </c>
      <c r="L3263" s="6" t="s">
        <v>51</v>
      </c>
    </row>
    <row r="3264" spans="1:12">
      <c r="A3264" s="6" t="s">
        <v>49</v>
      </c>
      <c r="B3264" s="6"/>
      <c r="C3264" s="6" t="s">
        <v>3281</v>
      </c>
      <c r="D3264" s="6"/>
      <c r="E3264" s="6" t="s">
        <v>9</v>
      </c>
      <c r="F3264" s="7">
        <v>38657</v>
      </c>
      <c r="G3264" s="8">
        <v>1</v>
      </c>
      <c r="H3264" s="8">
        <v>1</v>
      </c>
      <c r="I3264" s="8">
        <v>0</v>
      </c>
      <c r="J3264" s="8">
        <v>1</v>
      </c>
      <c r="K3264" s="9">
        <v>23</v>
      </c>
      <c r="L3264" s="6" t="s">
        <v>51</v>
      </c>
    </row>
    <row r="3265" spans="1:12">
      <c r="A3265" s="6" t="s">
        <v>49</v>
      </c>
      <c r="B3265" s="6"/>
      <c r="C3265" s="6" t="s">
        <v>3282</v>
      </c>
      <c r="D3265" s="6"/>
      <c r="E3265" s="6" t="s">
        <v>9</v>
      </c>
      <c r="F3265" s="7">
        <v>38657</v>
      </c>
      <c r="G3265" s="8">
        <v>1</v>
      </c>
      <c r="H3265" s="8">
        <v>1</v>
      </c>
      <c r="I3265" s="8">
        <v>0</v>
      </c>
      <c r="J3265" s="8">
        <v>1</v>
      </c>
      <c r="K3265" s="9">
        <v>23</v>
      </c>
      <c r="L3265" s="6" t="s">
        <v>51</v>
      </c>
    </row>
    <row r="3266" spans="1:12">
      <c r="A3266" s="6" t="s">
        <v>49</v>
      </c>
      <c r="B3266" s="6"/>
      <c r="C3266" s="6" t="s">
        <v>3283</v>
      </c>
      <c r="D3266" s="6"/>
      <c r="E3266" s="6" t="s">
        <v>9</v>
      </c>
      <c r="F3266" s="7">
        <v>38657</v>
      </c>
      <c r="G3266" s="8">
        <v>1</v>
      </c>
      <c r="H3266" s="8">
        <v>1</v>
      </c>
      <c r="I3266" s="8">
        <v>0</v>
      </c>
      <c r="J3266" s="8">
        <v>1</v>
      </c>
      <c r="K3266" s="9">
        <v>23</v>
      </c>
      <c r="L3266" s="6" t="s">
        <v>51</v>
      </c>
    </row>
    <row r="3267" spans="1:12">
      <c r="A3267" s="6" t="s">
        <v>49</v>
      </c>
      <c r="B3267" s="6"/>
      <c r="C3267" s="6" t="s">
        <v>3284</v>
      </c>
      <c r="D3267" s="6"/>
      <c r="E3267" s="6" t="s">
        <v>9</v>
      </c>
      <c r="F3267" s="7">
        <v>38657</v>
      </c>
      <c r="G3267" s="8">
        <v>1</v>
      </c>
      <c r="H3267" s="8">
        <v>1</v>
      </c>
      <c r="I3267" s="8">
        <v>0</v>
      </c>
      <c r="J3267" s="8">
        <v>1</v>
      </c>
      <c r="K3267" s="9">
        <v>23</v>
      </c>
      <c r="L3267" s="6" t="s">
        <v>51</v>
      </c>
    </row>
    <row r="3268" spans="1:12">
      <c r="A3268" s="6" t="s">
        <v>49</v>
      </c>
      <c r="B3268" s="6"/>
      <c r="C3268" s="6" t="s">
        <v>3285</v>
      </c>
      <c r="D3268" s="6"/>
      <c r="E3268" s="6" t="s">
        <v>9</v>
      </c>
      <c r="F3268" s="7">
        <v>38657</v>
      </c>
      <c r="G3268" s="8">
        <v>1</v>
      </c>
      <c r="H3268" s="8">
        <v>1</v>
      </c>
      <c r="I3268" s="8">
        <v>0</v>
      </c>
      <c r="J3268" s="8">
        <v>1</v>
      </c>
      <c r="K3268" s="9">
        <v>9.91</v>
      </c>
      <c r="L3268" s="6" t="s">
        <v>51</v>
      </c>
    </row>
    <row r="3269" spans="1:12">
      <c r="A3269" s="6" t="s">
        <v>49</v>
      </c>
      <c r="B3269" s="6"/>
      <c r="C3269" s="6" t="s">
        <v>3286</v>
      </c>
      <c r="D3269" s="6"/>
      <c r="E3269" s="6" t="s">
        <v>9</v>
      </c>
      <c r="F3269" s="7">
        <v>38657</v>
      </c>
      <c r="G3269" s="8">
        <v>1</v>
      </c>
      <c r="H3269" s="8">
        <v>1</v>
      </c>
      <c r="I3269" s="8">
        <v>0</v>
      </c>
      <c r="J3269" s="8">
        <v>1</v>
      </c>
      <c r="K3269" s="9">
        <v>5.87</v>
      </c>
      <c r="L3269" s="6" t="s">
        <v>51</v>
      </c>
    </row>
    <row r="3270" spans="1:12">
      <c r="A3270" s="6" t="s">
        <v>49</v>
      </c>
      <c r="B3270" s="6"/>
      <c r="C3270" s="6" t="s">
        <v>3287</v>
      </c>
      <c r="D3270" s="6"/>
      <c r="E3270" s="6" t="s">
        <v>9</v>
      </c>
      <c r="F3270" s="7">
        <v>38657</v>
      </c>
      <c r="G3270" s="8">
        <v>1</v>
      </c>
      <c r="H3270" s="8">
        <v>1</v>
      </c>
      <c r="I3270" s="8">
        <v>0</v>
      </c>
      <c r="J3270" s="8">
        <v>1</v>
      </c>
      <c r="K3270" s="9">
        <v>12.83</v>
      </c>
      <c r="L3270" s="6" t="s">
        <v>51</v>
      </c>
    </row>
    <row r="3271" spans="1:12">
      <c r="A3271" s="6" t="s">
        <v>49</v>
      </c>
      <c r="B3271" s="6"/>
      <c r="C3271" s="6" t="s">
        <v>3288</v>
      </c>
      <c r="D3271" s="6"/>
      <c r="E3271" s="6" t="s">
        <v>9</v>
      </c>
      <c r="F3271" s="7">
        <v>38657</v>
      </c>
      <c r="G3271" s="8">
        <v>1</v>
      </c>
      <c r="H3271" s="8">
        <v>1</v>
      </c>
      <c r="I3271" s="8">
        <v>0</v>
      </c>
      <c r="J3271" s="8">
        <v>1</v>
      </c>
      <c r="K3271" s="9">
        <v>69</v>
      </c>
      <c r="L3271" s="6" t="s">
        <v>51</v>
      </c>
    </row>
    <row r="3272" spans="1:12">
      <c r="A3272" s="6" t="s">
        <v>49</v>
      </c>
      <c r="B3272" s="6"/>
      <c r="C3272" s="6" t="s">
        <v>3289</v>
      </c>
      <c r="D3272" s="6"/>
      <c r="E3272" s="6" t="s">
        <v>9</v>
      </c>
      <c r="F3272" s="7">
        <v>38657</v>
      </c>
      <c r="G3272" s="8">
        <v>1</v>
      </c>
      <c r="H3272" s="8">
        <v>1</v>
      </c>
      <c r="I3272" s="8">
        <v>0</v>
      </c>
      <c r="J3272" s="8">
        <v>1</v>
      </c>
      <c r="K3272" s="9">
        <v>67</v>
      </c>
      <c r="L3272" s="6" t="s">
        <v>51</v>
      </c>
    </row>
    <row r="3273" spans="1:12">
      <c r="A3273" s="6" t="s">
        <v>49</v>
      </c>
      <c r="B3273" s="6"/>
      <c r="C3273" s="6" t="s">
        <v>3290</v>
      </c>
      <c r="D3273" s="6"/>
      <c r="E3273" s="6" t="s">
        <v>9</v>
      </c>
      <c r="F3273" s="7">
        <v>38657</v>
      </c>
      <c r="G3273" s="8">
        <v>1</v>
      </c>
      <c r="H3273" s="8">
        <v>1</v>
      </c>
      <c r="I3273" s="8">
        <v>0</v>
      </c>
      <c r="J3273" s="8">
        <v>1</v>
      </c>
      <c r="K3273" s="9">
        <v>44</v>
      </c>
      <c r="L3273" s="6" t="s">
        <v>51</v>
      </c>
    </row>
    <row r="3274" spans="1:12">
      <c r="A3274" s="6" t="s">
        <v>49</v>
      </c>
      <c r="B3274" s="6"/>
      <c r="C3274" s="6" t="s">
        <v>3291</v>
      </c>
      <c r="D3274" s="6"/>
      <c r="E3274" s="6" t="s">
        <v>9</v>
      </c>
      <c r="F3274" s="7">
        <v>38657</v>
      </c>
      <c r="G3274" s="8">
        <v>1</v>
      </c>
      <c r="H3274" s="8">
        <v>1</v>
      </c>
      <c r="I3274" s="8">
        <v>0</v>
      </c>
      <c r="J3274" s="8">
        <v>1</v>
      </c>
      <c r="K3274" s="9">
        <v>10</v>
      </c>
      <c r="L3274" s="6" t="s">
        <v>51</v>
      </c>
    </row>
    <row r="3275" spans="1:12">
      <c r="A3275" s="6" t="s">
        <v>49</v>
      </c>
      <c r="B3275" s="6"/>
      <c r="C3275" s="6" t="s">
        <v>3292</v>
      </c>
      <c r="D3275" s="6"/>
      <c r="E3275" s="6" t="s">
        <v>9</v>
      </c>
      <c r="F3275" s="7">
        <v>38657</v>
      </c>
      <c r="G3275" s="8">
        <v>1</v>
      </c>
      <c r="H3275" s="8">
        <v>1</v>
      </c>
      <c r="I3275" s="8">
        <v>0</v>
      </c>
      <c r="J3275" s="8">
        <v>1</v>
      </c>
      <c r="K3275" s="9">
        <v>7.02</v>
      </c>
      <c r="L3275" s="6" t="s">
        <v>51</v>
      </c>
    </row>
    <row r="3276" spans="1:12">
      <c r="A3276" s="6" t="s">
        <v>49</v>
      </c>
      <c r="B3276" s="6"/>
      <c r="C3276" s="6" t="s">
        <v>3293</v>
      </c>
      <c r="D3276" s="6"/>
      <c r="E3276" s="6" t="s">
        <v>9</v>
      </c>
      <c r="F3276" s="7">
        <v>38657</v>
      </c>
      <c r="G3276" s="8">
        <v>1</v>
      </c>
      <c r="H3276" s="8">
        <v>1</v>
      </c>
      <c r="I3276" s="8">
        <v>0</v>
      </c>
      <c r="J3276" s="8">
        <v>1</v>
      </c>
      <c r="K3276" s="9">
        <v>175.08</v>
      </c>
      <c r="L3276" s="6" t="s">
        <v>51</v>
      </c>
    </row>
    <row r="3277" spans="1:12">
      <c r="A3277" s="6" t="s">
        <v>49</v>
      </c>
      <c r="B3277" s="6"/>
      <c r="C3277" s="6" t="s">
        <v>3294</v>
      </c>
      <c r="D3277" s="6"/>
      <c r="E3277" s="6" t="s">
        <v>9</v>
      </c>
      <c r="F3277" s="7">
        <v>38657</v>
      </c>
      <c r="G3277" s="8">
        <v>1</v>
      </c>
      <c r="H3277" s="8">
        <v>1</v>
      </c>
      <c r="I3277" s="8">
        <v>0</v>
      </c>
      <c r="J3277" s="8">
        <v>1</v>
      </c>
      <c r="K3277" s="9">
        <v>115</v>
      </c>
      <c r="L3277" s="6" t="s">
        <v>51</v>
      </c>
    </row>
    <row r="3278" spans="1:12">
      <c r="A3278" s="6" t="s">
        <v>49</v>
      </c>
      <c r="B3278" s="6"/>
      <c r="C3278" s="6" t="s">
        <v>3295</v>
      </c>
      <c r="D3278" s="6"/>
      <c r="E3278" s="6" t="s">
        <v>9</v>
      </c>
      <c r="F3278" s="7">
        <v>38657</v>
      </c>
      <c r="G3278" s="8">
        <v>1</v>
      </c>
      <c r="H3278" s="8">
        <v>1</v>
      </c>
      <c r="I3278" s="8">
        <v>0</v>
      </c>
      <c r="J3278" s="8">
        <v>1</v>
      </c>
      <c r="K3278" s="9">
        <v>5.2</v>
      </c>
      <c r="L3278" s="6" t="s">
        <v>51</v>
      </c>
    </row>
    <row r="3279" spans="1:12">
      <c r="A3279" s="6" t="s">
        <v>49</v>
      </c>
      <c r="B3279" s="6"/>
      <c r="C3279" s="6" t="s">
        <v>3296</v>
      </c>
      <c r="D3279" s="6"/>
      <c r="E3279" s="6" t="s">
        <v>9</v>
      </c>
      <c r="F3279" s="7">
        <v>38657</v>
      </c>
      <c r="G3279" s="8">
        <v>1</v>
      </c>
      <c r="H3279" s="8">
        <v>1</v>
      </c>
      <c r="I3279" s="8">
        <v>0</v>
      </c>
      <c r="J3279" s="8">
        <v>1</v>
      </c>
      <c r="K3279" s="9">
        <v>44</v>
      </c>
      <c r="L3279" s="6" t="s">
        <v>51</v>
      </c>
    </row>
    <row r="3280" spans="1:12">
      <c r="A3280" s="6" t="s">
        <v>49</v>
      </c>
      <c r="B3280" s="6"/>
      <c r="C3280" s="6" t="s">
        <v>3297</v>
      </c>
      <c r="D3280" s="6"/>
      <c r="E3280" s="6" t="s">
        <v>9</v>
      </c>
      <c r="F3280" s="7">
        <v>38657</v>
      </c>
      <c r="G3280" s="8">
        <v>1</v>
      </c>
      <c r="H3280" s="8">
        <v>1</v>
      </c>
      <c r="I3280" s="8">
        <v>0</v>
      </c>
      <c r="J3280" s="8">
        <v>1</v>
      </c>
      <c r="K3280" s="9">
        <v>243</v>
      </c>
      <c r="L3280" s="6" t="s">
        <v>51</v>
      </c>
    </row>
    <row r="3281" spans="1:12">
      <c r="A3281" s="6" t="s">
        <v>49</v>
      </c>
      <c r="B3281" s="6"/>
      <c r="C3281" s="6" t="s">
        <v>3298</v>
      </c>
      <c r="D3281" s="6"/>
      <c r="E3281" s="6" t="s">
        <v>9</v>
      </c>
      <c r="F3281" s="7">
        <v>38657</v>
      </c>
      <c r="G3281" s="8">
        <v>1</v>
      </c>
      <c r="H3281" s="8">
        <v>1</v>
      </c>
      <c r="I3281" s="8">
        <v>0</v>
      </c>
      <c r="J3281" s="8">
        <v>1</v>
      </c>
      <c r="K3281" s="9">
        <v>54</v>
      </c>
      <c r="L3281" s="6" t="s">
        <v>51</v>
      </c>
    </row>
    <row r="3282" spans="1:12">
      <c r="A3282" s="6" t="s">
        <v>49</v>
      </c>
      <c r="B3282" s="6"/>
      <c r="C3282" s="6" t="s">
        <v>3299</v>
      </c>
      <c r="D3282" s="6"/>
      <c r="E3282" s="6" t="s">
        <v>9</v>
      </c>
      <c r="F3282" s="7">
        <v>38657</v>
      </c>
      <c r="G3282" s="8">
        <v>1</v>
      </c>
      <c r="H3282" s="8">
        <v>1</v>
      </c>
      <c r="I3282" s="8">
        <v>0</v>
      </c>
      <c r="J3282" s="8">
        <v>1</v>
      </c>
      <c r="K3282" s="9">
        <v>54</v>
      </c>
      <c r="L3282" s="6" t="s">
        <v>51</v>
      </c>
    </row>
    <row r="3283" spans="1:12">
      <c r="A3283" s="6" t="s">
        <v>49</v>
      </c>
      <c r="B3283" s="6"/>
      <c r="C3283" s="6" t="s">
        <v>3300</v>
      </c>
      <c r="D3283" s="6"/>
      <c r="E3283" s="6" t="s">
        <v>9</v>
      </c>
      <c r="F3283" s="7">
        <v>38657</v>
      </c>
      <c r="G3283" s="8">
        <v>1</v>
      </c>
      <c r="H3283" s="8">
        <v>1</v>
      </c>
      <c r="I3283" s="8">
        <v>0</v>
      </c>
      <c r="J3283" s="8">
        <v>1</v>
      </c>
      <c r="K3283" s="9">
        <v>175</v>
      </c>
      <c r="L3283" s="6" t="s">
        <v>51</v>
      </c>
    </row>
    <row r="3284" spans="1:12">
      <c r="A3284" s="6" t="s">
        <v>49</v>
      </c>
      <c r="B3284" s="6"/>
      <c r="C3284" s="6" t="s">
        <v>3301</v>
      </c>
      <c r="D3284" s="6"/>
      <c r="E3284" s="6" t="s">
        <v>9</v>
      </c>
      <c r="F3284" s="7">
        <v>38657</v>
      </c>
      <c r="G3284" s="8">
        <v>1</v>
      </c>
      <c r="H3284" s="8">
        <v>1</v>
      </c>
      <c r="I3284" s="8">
        <v>0</v>
      </c>
      <c r="J3284" s="8">
        <v>1</v>
      </c>
      <c r="K3284" s="9">
        <v>54</v>
      </c>
      <c r="L3284" s="6" t="s">
        <v>51</v>
      </c>
    </row>
    <row r="3285" spans="1:12">
      <c r="A3285" s="6" t="s">
        <v>49</v>
      </c>
      <c r="B3285" s="6"/>
      <c r="C3285" s="6" t="s">
        <v>3302</v>
      </c>
      <c r="D3285" s="6"/>
      <c r="E3285" s="6" t="s">
        <v>9</v>
      </c>
      <c r="F3285" s="7">
        <v>38657</v>
      </c>
      <c r="G3285" s="8">
        <v>1</v>
      </c>
      <c r="H3285" s="8">
        <v>1</v>
      </c>
      <c r="I3285" s="8">
        <v>0</v>
      </c>
      <c r="J3285" s="8">
        <v>1</v>
      </c>
      <c r="K3285" s="9">
        <v>54</v>
      </c>
      <c r="L3285" s="6" t="s">
        <v>51</v>
      </c>
    </row>
    <row r="3286" spans="1:12">
      <c r="A3286" s="6" t="s">
        <v>49</v>
      </c>
      <c r="B3286" s="6"/>
      <c r="C3286" s="6" t="s">
        <v>3303</v>
      </c>
      <c r="D3286" s="6"/>
      <c r="E3286" s="6" t="s">
        <v>9</v>
      </c>
      <c r="F3286" s="7">
        <v>38657</v>
      </c>
      <c r="G3286" s="8">
        <v>1</v>
      </c>
      <c r="H3286" s="8">
        <v>1</v>
      </c>
      <c r="I3286" s="8">
        <v>0</v>
      </c>
      <c r="J3286" s="8">
        <v>1</v>
      </c>
      <c r="K3286" s="9">
        <v>54</v>
      </c>
      <c r="L3286" s="6" t="s">
        <v>51</v>
      </c>
    </row>
    <row r="3287" spans="1:12">
      <c r="A3287" s="6" t="s">
        <v>49</v>
      </c>
      <c r="B3287" s="6"/>
      <c r="C3287" s="6" t="s">
        <v>3304</v>
      </c>
      <c r="D3287" s="6"/>
      <c r="E3287" s="6" t="s">
        <v>9</v>
      </c>
      <c r="F3287" s="7">
        <v>38657</v>
      </c>
      <c r="G3287" s="8">
        <v>1</v>
      </c>
      <c r="H3287" s="8">
        <v>1</v>
      </c>
      <c r="I3287" s="8">
        <v>0</v>
      </c>
      <c r="J3287" s="8">
        <v>1</v>
      </c>
      <c r="K3287" s="9">
        <v>51</v>
      </c>
      <c r="L3287" s="6" t="s">
        <v>51</v>
      </c>
    </row>
    <row r="3288" spans="1:12">
      <c r="A3288" s="6" t="s">
        <v>49</v>
      </c>
      <c r="B3288" s="6"/>
      <c r="C3288" s="6" t="s">
        <v>3305</v>
      </c>
      <c r="D3288" s="6"/>
      <c r="E3288" s="6" t="s">
        <v>9</v>
      </c>
      <c r="F3288" s="7">
        <v>38657</v>
      </c>
      <c r="G3288" s="8">
        <v>1</v>
      </c>
      <c r="H3288" s="8">
        <v>1</v>
      </c>
      <c r="I3288" s="8">
        <v>0</v>
      </c>
      <c r="J3288" s="8">
        <v>1</v>
      </c>
      <c r="K3288" s="9">
        <v>3.83</v>
      </c>
      <c r="L3288" s="6" t="s">
        <v>51</v>
      </c>
    </row>
    <row r="3289" spans="1:12">
      <c r="A3289" s="6" t="s">
        <v>49</v>
      </c>
      <c r="B3289" s="6"/>
      <c r="C3289" s="6" t="s">
        <v>3306</v>
      </c>
      <c r="D3289" s="6"/>
      <c r="E3289" s="6" t="s">
        <v>9</v>
      </c>
      <c r="F3289" s="7">
        <v>38657</v>
      </c>
      <c r="G3289" s="8">
        <v>1</v>
      </c>
      <c r="H3289" s="8">
        <v>1</v>
      </c>
      <c r="I3289" s="8">
        <v>0</v>
      </c>
      <c r="J3289" s="8">
        <v>1</v>
      </c>
      <c r="K3289" s="9">
        <v>23</v>
      </c>
      <c r="L3289" s="6" t="s">
        <v>51</v>
      </c>
    </row>
    <row r="3290" spans="1:12">
      <c r="A3290" s="6" t="s">
        <v>49</v>
      </c>
      <c r="B3290" s="6"/>
      <c r="C3290" s="6" t="s">
        <v>3307</v>
      </c>
      <c r="D3290" s="6"/>
      <c r="E3290" s="6" t="s">
        <v>9</v>
      </c>
      <c r="F3290" s="7">
        <v>38657</v>
      </c>
      <c r="G3290" s="8">
        <v>1</v>
      </c>
      <c r="H3290" s="8">
        <v>1</v>
      </c>
      <c r="I3290" s="8">
        <v>0</v>
      </c>
      <c r="J3290" s="8">
        <v>1</v>
      </c>
      <c r="K3290" s="9">
        <v>23</v>
      </c>
      <c r="L3290" s="6" t="s">
        <v>51</v>
      </c>
    </row>
    <row r="3291" spans="1:12">
      <c r="A3291" s="6" t="s">
        <v>49</v>
      </c>
      <c r="B3291" s="6"/>
      <c r="C3291" s="6" t="s">
        <v>3308</v>
      </c>
      <c r="D3291" s="6"/>
      <c r="E3291" s="6" t="s">
        <v>9</v>
      </c>
      <c r="F3291" s="7">
        <v>38657</v>
      </c>
      <c r="G3291" s="8">
        <v>1</v>
      </c>
      <c r="H3291" s="8">
        <v>1</v>
      </c>
      <c r="I3291" s="8">
        <v>0</v>
      </c>
      <c r="J3291" s="8">
        <v>1</v>
      </c>
      <c r="K3291" s="9">
        <v>14</v>
      </c>
      <c r="L3291" s="6" t="s">
        <v>51</v>
      </c>
    </row>
    <row r="3292" spans="1:12">
      <c r="A3292" s="6" t="s">
        <v>49</v>
      </c>
      <c r="B3292" s="6"/>
      <c r="C3292" s="6" t="s">
        <v>3309</v>
      </c>
      <c r="D3292" s="6"/>
      <c r="E3292" s="6" t="s">
        <v>9</v>
      </c>
      <c r="F3292" s="7">
        <v>38657</v>
      </c>
      <c r="G3292" s="8">
        <v>1</v>
      </c>
      <c r="H3292" s="8">
        <v>1</v>
      </c>
      <c r="I3292" s="8">
        <v>0</v>
      </c>
      <c r="J3292" s="8">
        <v>1</v>
      </c>
      <c r="K3292" s="9">
        <v>12</v>
      </c>
      <c r="L3292" s="6" t="s">
        <v>51</v>
      </c>
    </row>
    <row r="3293" spans="1:12">
      <c r="A3293" s="6" t="s">
        <v>49</v>
      </c>
      <c r="B3293" s="6"/>
      <c r="C3293" s="6" t="s">
        <v>3310</v>
      </c>
      <c r="D3293" s="6"/>
      <c r="E3293" s="6" t="s">
        <v>9</v>
      </c>
      <c r="F3293" s="7">
        <v>38657</v>
      </c>
      <c r="G3293" s="8">
        <v>1</v>
      </c>
      <c r="H3293" s="8">
        <v>1</v>
      </c>
      <c r="I3293" s="8">
        <v>0</v>
      </c>
      <c r="J3293" s="8">
        <v>1</v>
      </c>
      <c r="K3293" s="9">
        <v>8.1199999999999903</v>
      </c>
      <c r="L3293" s="6" t="s">
        <v>51</v>
      </c>
    </row>
    <row r="3294" spans="1:12">
      <c r="A3294" s="6" t="s">
        <v>49</v>
      </c>
      <c r="B3294" s="6"/>
      <c r="C3294" s="6" t="s">
        <v>3311</v>
      </c>
      <c r="D3294" s="6"/>
      <c r="E3294" s="6" t="s">
        <v>9</v>
      </c>
      <c r="F3294" s="7">
        <v>38657</v>
      </c>
      <c r="G3294" s="8">
        <v>1</v>
      </c>
      <c r="H3294" s="8">
        <v>1</v>
      </c>
      <c r="I3294" s="8">
        <v>0</v>
      </c>
      <c r="J3294" s="8">
        <v>1</v>
      </c>
      <c r="K3294" s="9">
        <v>261</v>
      </c>
      <c r="L3294" s="6" t="s">
        <v>51</v>
      </c>
    </row>
    <row r="3295" spans="1:12">
      <c r="A3295" s="6" t="s">
        <v>49</v>
      </c>
      <c r="B3295" s="6"/>
      <c r="C3295" s="6" t="s">
        <v>3312</v>
      </c>
      <c r="D3295" s="6"/>
      <c r="E3295" s="6" t="s">
        <v>9</v>
      </c>
      <c r="F3295" s="7">
        <v>38657</v>
      </c>
      <c r="G3295" s="8">
        <v>1</v>
      </c>
      <c r="H3295" s="8">
        <v>1</v>
      </c>
      <c r="I3295" s="8">
        <v>0</v>
      </c>
      <c r="J3295" s="8">
        <v>1</v>
      </c>
      <c r="K3295" s="9">
        <v>522</v>
      </c>
      <c r="L3295" s="6" t="s">
        <v>51</v>
      </c>
    </row>
    <row r="3296" spans="1:12">
      <c r="A3296" s="6" t="s">
        <v>49</v>
      </c>
      <c r="B3296" s="6"/>
      <c r="C3296" s="6" t="s">
        <v>3313</v>
      </c>
      <c r="D3296" s="6"/>
      <c r="E3296" s="6" t="s">
        <v>9</v>
      </c>
      <c r="F3296" s="7">
        <v>38657</v>
      </c>
      <c r="G3296" s="8">
        <v>1</v>
      </c>
      <c r="H3296" s="8">
        <v>1</v>
      </c>
      <c r="I3296" s="8">
        <v>0</v>
      </c>
      <c r="J3296" s="8">
        <v>1</v>
      </c>
      <c r="K3296" s="9">
        <v>10</v>
      </c>
      <c r="L3296" s="6" t="s">
        <v>51</v>
      </c>
    </row>
    <row r="3297" spans="1:12">
      <c r="A3297" s="6" t="s">
        <v>49</v>
      </c>
      <c r="B3297" s="6"/>
      <c r="C3297" s="6" t="s">
        <v>3314</v>
      </c>
      <c r="D3297" s="6"/>
      <c r="E3297" s="6" t="s">
        <v>9</v>
      </c>
      <c r="F3297" s="7">
        <v>38657</v>
      </c>
      <c r="G3297" s="8">
        <v>1</v>
      </c>
      <c r="H3297" s="8">
        <v>1</v>
      </c>
      <c r="I3297" s="8">
        <v>0</v>
      </c>
      <c r="J3297" s="8">
        <v>1</v>
      </c>
      <c r="K3297" s="9">
        <v>14</v>
      </c>
      <c r="L3297" s="6" t="s">
        <v>51</v>
      </c>
    </row>
    <row r="3298" spans="1:12">
      <c r="A3298" s="6" t="s">
        <v>49</v>
      </c>
      <c r="B3298" s="6"/>
      <c r="C3298" s="6" t="s">
        <v>3315</v>
      </c>
      <c r="D3298" s="6"/>
      <c r="E3298" s="6" t="s">
        <v>9</v>
      </c>
      <c r="F3298" s="7">
        <v>38657</v>
      </c>
      <c r="G3298" s="8">
        <v>1</v>
      </c>
      <c r="H3298" s="8">
        <v>1</v>
      </c>
      <c r="I3298" s="8">
        <v>0</v>
      </c>
      <c r="J3298" s="8">
        <v>1</v>
      </c>
      <c r="K3298" s="9">
        <v>349</v>
      </c>
      <c r="L3298" s="6" t="s">
        <v>51</v>
      </c>
    </row>
    <row r="3299" spans="1:12">
      <c r="A3299" s="6" t="s">
        <v>49</v>
      </c>
      <c r="B3299" s="6"/>
      <c r="C3299" s="6" t="s">
        <v>3316</v>
      </c>
      <c r="D3299" s="6"/>
      <c r="E3299" s="6" t="s">
        <v>9</v>
      </c>
      <c r="F3299" s="7">
        <v>38657</v>
      </c>
      <c r="G3299" s="8">
        <v>1</v>
      </c>
      <c r="H3299" s="8">
        <v>1</v>
      </c>
      <c r="I3299" s="8">
        <v>0</v>
      </c>
      <c r="J3299" s="8">
        <v>1</v>
      </c>
      <c r="K3299" s="9">
        <v>5.04</v>
      </c>
      <c r="L3299" s="6" t="s">
        <v>51</v>
      </c>
    </row>
    <row r="3300" spans="1:12">
      <c r="A3300" s="6" t="s">
        <v>49</v>
      </c>
      <c r="B3300" s="6"/>
      <c r="C3300" s="6" t="s">
        <v>3317</v>
      </c>
      <c r="D3300" s="6"/>
      <c r="E3300" s="6" t="s">
        <v>9</v>
      </c>
      <c r="F3300" s="7">
        <v>38657</v>
      </c>
      <c r="G3300" s="8">
        <v>1</v>
      </c>
      <c r="H3300" s="8">
        <v>1</v>
      </c>
      <c r="I3300" s="8">
        <v>0</v>
      </c>
      <c r="J3300" s="8">
        <v>1</v>
      </c>
      <c r="K3300" s="9">
        <v>798</v>
      </c>
      <c r="L3300" s="6" t="s">
        <v>51</v>
      </c>
    </row>
    <row r="3301" spans="1:12">
      <c r="A3301" s="6" t="s">
        <v>49</v>
      </c>
      <c r="B3301" s="6"/>
      <c r="C3301" s="6" t="s">
        <v>3318</v>
      </c>
      <c r="D3301" s="6"/>
      <c r="E3301" s="6" t="s">
        <v>9</v>
      </c>
      <c r="F3301" s="7">
        <v>38657</v>
      </c>
      <c r="G3301" s="8">
        <v>1</v>
      </c>
      <c r="H3301" s="8">
        <v>1</v>
      </c>
      <c r="I3301" s="8">
        <v>0</v>
      </c>
      <c r="J3301" s="8">
        <v>1</v>
      </c>
      <c r="K3301" s="9">
        <v>18</v>
      </c>
      <c r="L3301" s="6" t="s">
        <v>51</v>
      </c>
    </row>
    <row r="3302" spans="1:12">
      <c r="A3302" s="6" t="s">
        <v>49</v>
      </c>
      <c r="B3302" s="6"/>
      <c r="C3302" s="6" t="s">
        <v>3319</v>
      </c>
      <c r="D3302" s="6"/>
      <c r="E3302" s="6" t="s">
        <v>9</v>
      </c>
      <c r="F3302" s="7">
        <v>38657</v>
      </c>
      <c r="G3302" s="8">
        <v>1</v>
      </c>
      <c r="H3302" s="8">
        <v>1</v>
      </c>
      <c r="I3302" s="8">
        <v>0</v>
      </c>
      <c r="J3302" s="8">
        <v>1</v>
      </c>
      <c r="K3302" s="9">
        <v>132</v>
      </c>
      <c r="L3302" s="6" t="s">
        <v>51</v>
      </c>
    </row>
    <row r="3303" spans="1:12">
      <c r="A3303" s="6" t="s">
        <v>49</v>
      </c>
      <c r="B3303" s="6"/>
      <c r="C3303" s="6" t="s">
        <v>3320</v>
      </c>
      <c r="D3303" s="6"/>
      <c r="E3303" s="6" t="s">
        <v>9</v>
      </c>
      <c r="F3303" s="7">
        <v>38657</v>
      </c>
      <c r="G3303" s="8">
        <v>1</v>
      </c>
      <c r="H3303" s="8">
        <v>1</v>
      </c>
      <c r="I3303" s="8">
        <v>0</v>
      </c>
      <c r="J3303" s="8">
        <v>1</v>
      </c>
      <c r="K3303" s="9">
        <v>152</v>
      </c>
      <c r="L3303" s="6" t="s">
        <v>51</v>
      </c>
    </row>
    <row r="3304" spans="1:12">
      <c r="A3304" s="6" t="s">
        <v>49</v>
      </c>
      <c r="B3304" s="6"/>
      <c r="C3304" s="6" t="s">
        <v>3321</v>
      </c>
      <c r="D3304" s="6"/>
      <c r="E3304" s="6" t="s">
        <v>9</v>
      </c>
      <c r="F3304" s="7">
        <v>38657</v>
      </c>
      <c r="G3304" s="8">
        <v>1</v>
      </c>
      <c r="H3304" s="8">
        <v>1</v>
      </c>
      <c r="I3304" s="8">
        <v>0</v>
      </c>
      <c r="J3304" s="8">
        <v>1</v>
      </c>
      <c r="K3304" s="9">
        <v>128</v>
      </c>
      <c r="L3304" s="6" t="s">
        <v>51</v>
      </c>
    </row>
    <row r="3305" spans="1:12">
      <c r="A3305" s="6" t="s">
        <v>49</v>
      </c>
      <c r="B3305" s="6"/>
      <c r="C3305" s="6" t="s">
        <v>3322</v>
      </c>
      <c r="D3305" s="6"/>
      <c r="E3305" s="6" t="s">
        <v>9</v>
      </c>
      <c r="F3305" s="7">
        <v>38657</v>
      </c>
      <c r="G3305" s="8">
        <v>1</v>
      </c>
      <c r="H3305" s="8">
        <v>1</v>
      </c>
      <c r="I3305" s="8">
        <v>0</v>
      </c>
      <c r="J3305" s="8">
        <v>1</v>
      </c>
      <c r="K3305" s="9">
        <v>22</v>
      </c>
      <c r="L3305" s="6" t="s">
        <v>51</v>
      </c>
    </row>
    <row r="3306" spans="1:12">
      <c r="A3306" s="6" t="s">
        <v>49</v>
      </c>
      <c r="B3306" s="6"/>
      <c r="C3306" s="6" t="s">
        <v>3323</v>
      </c>
      <c r="D3306" s="6"/>
      <c r="E3306" s="6" t="s">
        <v>9</v>
      </c>
      <c r="F3306" s="7">
        <v>38657</v>
      </c>
      <c r="G3306" s="8">
        <v>1</v>
      </c>
      <c r="H3306" s="8">
        <v>1</v>
      </c>
      <c r="I3306" s="8">
        <v>0</v>
      </c>
      <c r="J3306" s="8">
        <v>1</v>
      </c>
      <c r="K3306" s="9">
        <v>122</v>
      </c>
      <c r="L3306" s="6" t="s">
        <v>51</v>
      </c>
    </row>
    <row r="3307" spans="1:12">
      <c r="A3307" s="6" t="s">
        <v>49</v>
      </c>
      <c r="B3307" s="6"/>
      <c r="C3307" s="6" t="s">
        <v>3324</v>
      </c>
      <c r="D3307" s="6"/>
      <c r="E3307" s="6" t="s">
        <v>9</v>
      </c>
      <c r="F3307" s="7">
        <v>38657</v>
      </c>
      <c r="G3307" s="8">
        <v>1</v>
      </c>
      <c r="H3307" s="8">
        <v>1</v>
      </c>
      <c r="I3307" s="8">
        <v>0</v>
      </c>
      <c r="J3307" s="8">
        <v>1</v>
      </c>
      <c r="K3307" s="9">
        <v>132</v>
      </c>
      <c r="L3307" s="6" t="s">
        <v>51</v>
      </c>
    </row>
    <row r="3308" spans="1:12">
      <c r="A3308" s="6" t="s">
        <v>49</v>
      </c>
      <c r="B3308" s="6"/>
      <c r="C3308" s="6" t="s">
        <v>3325</v>
      </c>
      <c r="D3308" s="6"/>
      <c r="E3308" s="6" t="s">
        <v>9</v>
      </c>
      <c r="F3308" s="7">
        <v>38657</v>
      </c>
      <c r="G3308" s="8">
        <v>1</v>
      </c>
      <c r="H3308" s="8">
        <v>1</v>
      </c>
      <c r="I3308" s="8">
        <v>0</v>
      </c>
      <c r="J3308" s="8">
        <v>1</v>
      </c>
      <c r="K3308" s="9">
        <v>155</v>
      </c>
      <c r="L3308" s="6" t="s">
        <v>51</v>
      </c>
    </row>
    <row r="3309" spans="1:12">
      <c r="A3309" s="6" t="s">
        <v>49</v>
      </c>
      <c r="B3309" s="6"/>
      <c r="C3309" s="6" t="s">
        <v>3326</v>
      </c>
      <c r="D3309" s="6"/>
      <c r="E3309" s="6" t="s">
        <v>9</v>
      </c>
      <c r="F3309" s="7">
        <v>38657</v>
      </c>
      <c r="G3309" s="8">
        <v>1</v>
      </c>
      <c r="H3309" s="8">
        <v>1</v>
      </c>
      <c r="I3309" s="8">
        <v>0</v>
      </c>
      <c r="J3309" s="8">
        <v>1</v>
      </c>
      <c r="K3309" s="9">
        <v>6.99</v>
      </c>
      <c r="L3309" s="6" t="s">
        <v>51</v>
      </c>
    </row>
    <row r="3310" spans="1:12">
      <c r="A3310" s="6" t="s">
        <v>49</v>
      </c>
      <c r="B3310" s="6"/>
      <c r="C3310" s="6" t="s">
        <v>3327</v>
      </c>
      <c r="D3310" s="6"/>
      <c r="E3310" s="6" t="s">
        <v>9</v>
      </c>
      <c r="F3310" s="7">
        <v>38657</v>
      </c>
      <c r="G3310" s="8">
        <v>1</v>
      </c>
      <c r="H3310" s="8">
        <v>1</v>
      </c>
      <c r="I3310" s="8">
        <v>0</v>
      </c>
      <c r="J3310" s="8">
        <v>1</v>
      </c>
      <c r="K3310" s="9">
        <v>92</v>
      </c>
      <c r="L3310" s="6" t="s">
        <v>51</v>
      </c>
    </row>
    <row r="3311" spans="1:12">
      <c r="A3311" s="6" t="s">
        <v>49</v>
      </c>
      <c r="B3311" s="6"/>
      <c r="C3311" s="6" t="s">
        <v>3328</v>
      </c>
      <c r="D3311" s="6"/>
      <c r="E3311" s="6" t="s">
        <v>9</v>
      </c>
      <c r="F3311" s="7">
        <v>38657</v>
      </c>
      <c r="G3311" s="8">
        <v>1</v>
      </c>
      <c r="H3311" s="8">
        <v>1</v>
      </c>
      <c r="I3311" s="8">
        <v>0</v>
      </c>
      <c r="J3311" s="8">
        <v>1</v>
      </c>
      <c r="K3311" s="9">
        <v>24</v>
      </c>
      <c r="L3311" s="6" t="s">
        <v>51</v>
      </c>
    </row>
    <row r="3312" spans="1:12">
      <c r="A3312" s="6" t="s">
        <v>49</v>
      </c>
      <c r="B3312" s="6"/>
      <c r="C3312" s="6" t="s">
        <v>3329</v>
      </c>
      <c r="D3312" s="6"/>
      <c r="E3312" s="6" t="s">
        <v>9</v>
      </c>
      <c r="F3312" s="7">
        <v>38657</v>
      </c>
      <c r="G3312" s="8">
        <v>1</v>
      </c>
      <c r="H3312" s="8">
        <v>1</v>
      </c>
      <c r="I3312" s="8">
        <v>0</v>
      </c>
      <c r="J3312" s="8">
        <v>1</v>
      </c>
      <c r="K3312" s="9">
        <v>78</v>
      </c>
      <c r="L3312" s="6" t="s">
        <v>51</v>
      </c>
    </row>
    <row r="3313" spans="1:12">
      <c r="A3313" s="6" t="s">
        <v>49</v>
      </c>
      <c r="B3313" s="6"/>
      <c r="C3313" s="6" t="s">
        <v>3330</v>
      </c>
      <c r="D3313" s="6"/>
      <c r="E3313" s="6" t="s">
        <v>9</v>
      </c>
      <c r="F3313" s="7">
        <v>38657</v>
      </c>
      <c r="G3313" s="8">
        <v>1</v>
      </c>
      <c r="H3313" s="8">
        <v>1</v>
      </c>
      <c r="I3313" s="8">
        <v>0</v>
      </c>
      <c r="J3313" s="8">
        <v>1</v>
      </c>
      <c r="K3313" s="9">
        <v>106.04</v>
      </c>
      <c r="L3313" s="6" t="s">
        <v>51</v>
      </c>
    </row>
    <row r="3314" spans="1:12">
      <c r="A3314" s="6" t="s">
        <v>49</v>
      </c>
      <c r="B3314" s="6"/>
      <c r="C3314" s="6" t="s">
        <v>3331</v>
      </c>
      <c r="D3314" s="6"/>
      <c r="E3314" s="6" t="s">
        <v>9</v>
      </c>
      <c r="F3314" s="7">
        <v>38657</v>
      </c>
      <c r="G3314" s="8">
        <v>1</v>
      </c>
      <c r="H3314" s="8">
        <v>1</v>
      </c>
      <c r="I3314" s="8">
        <v>0</v>
      </c>
      <c r="J3314" s="8">
        <v>1</v>
      </c>
      <c r="K3314" s="9">
        <v>117</v>
      </c>
      <c r="L3314" s="6" t="s">
        <v>51</v>
      </c>
    </row>
    <row r="3315" spans="1:12">
      <c r="A3315" s="6" t="s">
        <v>49</v>
      </c>
      <c r="B3315" s="6"/>
      <c r="C3315" s="6" t="s">
        <v>3332</v>
      </c>
      <c r="D3315" s="6"/>
      <c r="E3315" s="6" t="s">
        <v>9</v>
      </c>
      <c r="F3315" s="7">
        <v>38657</v>
      </c>
      <c r="G3315" s="8">
        <v>1</v>
      </c>
      <c r="H3315" s="8">
        <v>1</v>
      </c>
      <c r="I3315" s="8">
        <v>0</v>
      </c>
      <c r="J3315" s="8">
        <v>1</v>
      </c>
      <c r="K3315" s="9">
        <v>105</v>
      </c>
      <c r="L3315" s="6" t="s">
        <v>51</v>
      </c>
    </row>
    <row r="3316" spans="1:12">
      <c r="A3316" s="6" t="s">
        <v>49</v>
      </c>
      <c r="B3316" s="6"/>
      <c r="C3316" s="6" t="s">
        <v>3333</v>
      </c>
      <c r="D3316" s="6"/>
      <c r="E3316" s="6" t="s">
        <v>9</v>
      </c>
      <c r="F3316" s="7">
        <v>38657</v>
      </c>
      <c r="G3316" s="8">
        <v>1</v>
      </c>
      <c r="H3316" s="8">
        <v>1</v>
      </c>
      <c r="I3316" s="8">
        <v>0</v>
      </c>
      <c r="J3316" s="8">
        <v>1</v>
      </c>
      <c r="K3316" s="9">
        <v>20</v>
      </c>
      <c r="L3316" s="6" t="s">
        <v>51</v>
      </c>
    </row>
    <row r="3317" spans="1:12">
      <c r="A3317" s="6" t="s">
        <v>49</v>
      </c>
      <c r="B3317" s="6"/>
      <c r="C3317" s="6" t="s">
        <v>3334</v>
      </c>
      <c r="D3317" s="6"/>
      <c r="E3317" s="6" t="s">
        <v>9</v>
      </c>
      <c r="F3317" s="7">
        <v>38657</v>
      </c>
      <c r="G3317" s="8">
        <v>1</v>
      </c>
      <c r="H3317" s="8">
        <v>1</v>
      </c>
      <c r="I3317" s="8">
        <v>0</v>
      </c>
      <c r="J3317" s="8">
        <v>1</v>
      </c>
      <c r="K3317" s="9">
        <v>105</v>
      </c>
      <c r="L3317" s="6" t="s">
        <v>51</v>
      </c>
    </row>
    <row r="3318" spans="1:12">
      <c r="A3318" s="6" t="s">
        <v>49</v>
      </c>
      <c r="B3318" s="6"/>
      <c r="C3318" s="6" t="s">
        <v>3335</v>
      </c>
      <c r="D3318" s="6"/>
      <c r="E3318" s="6" t="s">
        <v>9</v>
      </c>
      <c r="F3318" s="7">
        <v>38657</v>
      </c>
      <c r="G3318" s="8">
        <v>1</v>
      </c>
      <c r="H3318" s="8">
        <v>1</v>
      </c>
      <c r="I3318" s="8">
        <v>0</v>
      </c>
      <c r="J3318" s="8">
        <v>1</v>
      </c>
      <c r="K3318" s="9">
        <v>117</v>
      </c>
      <c r="L3318" s="6" t="s">
        <v>51</v>
      </c>
    </row>
    <row r="3319" spans="1:12">
      <c r="A3319" s="6" t="s">
        <v>49</v>
      </c>
      <c r="B3319" s="6"/>
      <c r="C3319" s="6" t="s">
        <v>3336</v>
      </c>
      <c r="D3319" s="6"/>
      <c r="E3319" s="6" t="s">
        <v>9</v>
      </c>
      <c r="F3319" s="7">
        <v>38657</v>
      </c>
      <c r="G3319" s="8">
        <v>1</v>
      </c>
      <c r="H3319" s="8">
        <v>1</v>
      </c>
      <c r="I3319" s="8">
        <v>0</v>
      </c>
      <c r="J3319" s="8">
        <v>1</v>
      </c>
      <c r="K3319" s="9">
        <v>118</v>
      </c>
      <c r="L3319" s="6" t="s">
        <v>51</v>
      </c>
    </row>
    <row r="3320" spans="1:12">
      <c r="A3320" s="6" t="s">
        <v>49</v>
      </c>
      <c r="B3320" s="6"/>
      <c r="C3320" s="6" t="s">
        <v>3337</v>
      </c>
      <c r="D3320" s="6"/>
      <c r="E3320" s="6" t="s">
        <v>9</v>
      </c>
      <c r="F3320" s="7">
        <v>38657</v>
      </c>
      <c r="G3320" s="8">
        <v>1</v>
      </c>
      <c r="H3320" s="8">
        <v>1</v>
      </c>
      <c r="I3320" s="8">
        <v>0</v>
      </c>
      <c r="J3320" s="8">
        <v>1</v>
      </c>
      <c r="K3320" s="9">
        <v>108</v>
      </c>
      <c r="L3320" s="6" t="s">
        <v>51</v>
      </c>
    </row>
    <row r="3321" spans="1:12">
      <c r="A3321" s="6" t="s">
        <v>49</v>
      </c>
      <c r="B3321" s="6"/>
      <c r="C3321" s="6" t="s">
        <v>3338</v>
      </c>
      <c r="D3321" s="6"/>
      <c r="E3321" s="6" t="s">
        <v>9</v>
      </c>
      <c r="F3321" s="7">
        <v>38657</v>
      </c>
      <c r="G3321" s="8">
        <v>1</v>
      </c>
      <c r="H3321" s="8">
        <v>1</v>
      </c>
      <c r="I3321" s="8">
        <v>0</v>
      </c>
      <c r="J3321" s="8">
        <v>1</v>
      </c>
      <c r="K3321" s="9">
        <v>118</v>
      </c>
      <c r="L3321" s="6" t="s">
        <v>51</v>
      </c>
    </row>
    <row r="3322" spans="1:12">
      <c r="A3322" s="6" t="s">
        <v>49</v>
      </c>
      <c r="B3322" s="6"/>
      <c r="C3322" s="6" t="s">
        <v>3339</v>
      </c>
      <c r="D3322" s="6"/>
      <c r="E3322" s="6" t="s">
        <v>9</v>
      </c>
      <c r="F3322" s="7">
        <v>38657</v>
      </c>
      <c r="G3322" s="8">
        <v>1</v>
      </c>
      <c r="H3322" s="8">
        <v>1</v>
      </c>
      <c r="I3322" s="8">
        <v>0</v>
      </c>
      <c r="J3322" s="8">
        <v>1</v>
      </c>
      <c r="K3322" s="9">
        <v>117</v>
      </c>
      <c r="L3322" s="6" t="s">
        <v>51</v>
      </c>
    </row>
    <row r="3323" spans="1:12">
      <c r="A3323" s="6" t="s">
        <v>49</v>
      </c>
      <c r="B3323" s="6"/>
      <c r="C3323" s="6" t="s">
        <v>3340</v>
      </c>
      <c r="D3323" s="6"/>
      <c r="E3323" s="6" t="s">
        <v>9</v>
      </c>
      <c r="F3323" s="7">
        <v>38657</v>
      </c>
      <c r="G3323" s="8">
        <v>1</v>
      </c>
      <c r="H3323" s="8">
        <v>1</v>
      </c>
      <c r="I3323" s="8">
        <v>0</v>
      </c>
      <c r="J3323" s="8">
        <v>1</v>
      </c>
      <c r="K3323" s="9">
        <v>1074</v>
      </c>
      <c r="L3323" s="6" t="s">
        <v>51</v>
      </c>
    </row>
    <row r="3324" spans="1:12">
      <c r="A3324" s="6" t="s">
        <v>49</v>
      </c>
      <c r="B3324" s="6"/>
      <c r="C3324" s="6" t="s">
        <v>3341</v>
      </c>
      <c r="D3324" s="6"/>
      <c r="E3324" s="6" t="s">
        <v>9</v>
      </c>
      <c r="F3324" s="7">
        <v>38657</v>
      </c>
      <c r="G3324" s="8">
        <v>1</v>
      </c>
      <c r="H3324" s="8">
        <v>1</v>
      </c>
      <c r="I3324" s="8">
        <v>0</v>
      </c>
      <c r="J3324" s="8">
        <v>1</v>
      </c>
      <c r="K3324" s="9">
        <v>20</v>
      </c>
      <c r="L3324" s="6" t="s">
        <v>51</v>
      </c>
    </row>
    <row r="3325" spans="1:12">
      <c r="A3325" s="6" t="s">
        <v>49</v>
      </c>
      <c r="B3325" s="6"/>
      <c r="C3325" s="6" t="s">
        <v>3342</v>
      </c>
      <c r="D3325" s="6"/>
      <c r="E3325" s="6" t="s">
        <v>9</v>
      </c>
      <c r="F3325" s="7">
        <v>38657</v>
      </c>
      <c r="G3325" s="8">
        <v>1</v>
      </c>
      <c r="H3325" s="8">
        <v>1</v>
      </c>
      <c r="I3325" s="8">
        <v>0</v>
      </c>
      <c r="J3325" s="8">
        <v>1</v>
      </c>
      <c r="K3325" s="9">
        <v>30</v>
      </c>
      <c r="L3325" s="6" t="s">
        <v>51</v>
      </c>
    </row>
    <row r="3326" spans="1:12">
      <c r="A3326" s="6" t="s">
        <v>49</v>
      </c>
      <c r="B3326" s="6"/>
      <c r="C3326" s="6" t="s">
        <v>3343</v>
      </c>
      <c r="D3326" s="6"/>
      <c r="E3326" s="6" t="s">
        <v>9</v>
      </c>
      <c r="F3326" s="7">
        <v>38657</v>
      </c>
      <c r="G3326" s="8">
        <v>1</v>
      </c>
      <c r="H3326" s="8">
        <v>1</v>
      </c>
      <c r="I3326" s="8">
        <v>0</v>
      </c>
      <c r="J3326" s="8">
        <v>1</v>
      </c>
      <c r="K3326" s="9">
        <v>73</v>
      </c>
      <c r="L3326" s="6" t="s">
        <v>51</v>
      </c>
    </row>
    <row r="3327" spans="1:12">
      <c r="A3327" s="6" t="s">
        <v>49</v>
      </c>
      <c r="B3327" s="6"/>
      <c r="C3327" s="6" t="s">
        <v>3344</v>
      </c>
      <c r="D3327" s="6"/>
      <c r="E3327" s="6" t="s">
        <v>9</v>
      </c>
      <c r="F3327" s="7">
        <v>38657</v>
      </c>
      <c r="G3327" s="8">
        <v>1</v>
      </c>
      <c r="H3327" s="8">
        <v>1</v>
      </c>
      <c r="I3327" s="8">
        <v>0</v>
      </c>
      <c r="J3327" s="8">
        <v>1</v>
      </c>
      <c r="K3327" s="9">
        <v>8.1</v>
      </c>
      <c r="L3327" s="6" t="s">
        <v>51</v>
      </c>
    </row>
    <row r="3328" spans="1:12">
      <c r="A3328" s="6" t="s">
        <v>49</v>
      </c>
      <c r="B3328" s="6"/>
      <c r="C3328" s="6" t="s">
        <v>3345</v>
      </c>
      <c r="D3328" s="6"/>
      <c r="E3328" s="6" t="s">
        <v>9</v>
      </c>
      <c r="F3328" s="7">
        <v>38657</v>
      </c>
      <c r="G3328" s="8">
        <v>1</v>
      </c>
      <c r="H3328" s="8">
        <v>1</v>
      </c>
      <c r="I3328" s="8">
        <v>0</v>
      </c>
      <c r="J3328" s="8">
        <v>1</v>
      </c>
      <c r="K3328" s="9">
        <v>874</v>
      </c>
      <c r="L3328" s="6" t="s">
        <v>51</v>
      </c>
    </row>
    <row r="3329" spans="1:12">
      <c r="A3329" s="6" t="s">
        <v>49</v>
      </c>
      <c r="B3329" s="6"/>
      <c r="C3329" s="6" t="s">
        <v>3346</v>
      </c>
      <c r="D3329" s="6"/>
      <c r="E3329" s="6" t="s">
        <v>9</v>
      </c>
      <c r="F3329" s="7">
        <v>38657</v>
      </c>
      <c r="G3329" s="8">
        <v>1</v>
      </c>
      <c r="H3329" s="8">
        <v>1</v>
      </c>
      <c r="I3329" s="8">
        <v>0</v>
      </c>
      <c r="J3329" s="8">
        <v>1</v>
      </c>
      <c r="K3329" s="9">
        <v>34</v>
      </c>
      <c r="L3329" s="6" t="s">
        <v>51</v>
      </c>
    </row>
    <row r="3330" spans="1:12">
      <c r="A3330" s="6" t="s">
        <v>49</v>
      </c>
      <c r="B3330" s="6"/>
      <c r="C3330" s="6" t="s">
        <v>3347</v>
      </c>
      <c r="D3330" s="6"/>
      <c r="E3330" s="6" t="s">
        <v>9</v>
      </c>
      <c r="F3330" s="7">
        <v>38657</v>
      </c>
      <c r="G3330" s="8">
        <v>1</v>
      </c>
      <c r="H3330" s="8">
        <v>1</v>
      </c>
      <c r="I3330" s="8">
        <v>0</v>
      </c>
      <c r="J3330" s="8">
        <v>1</v>
      </c>
      <c r="K3330" s="9">
        <v>3.92</v>
      </c>
      <c r="L3330" s="6" t="s">
        <v>51</v>
      </c>
    </row>
    <row r="3331" spans="1:12">
      <c r="A3331" s="6" t="s">
        <v>49</v>
      </c>
      <c r="B3331" s="6"/>
      <c r="C3331" s="6" t="s">
        <v>3348</v>
      </c>
      <c r="D3331" s="6"/>
      <c r="E3331" s="6" t="s">
        <v>9</v>
      </c>
      <c r="F3331" s="7">
        <v>38657</v>
      </c>
      <c r="G3331" s="8">
        <v>1</v>
      </c>
      <c r="H3331" s="8">
        <v>1</v>
      </c>
      <c r="I3331" s="8">
        <v>0</v>
      </c>
      <c r="J3331" s="8">
        <v>1</v>
      </c>
      <c r="K3331" s="9">
        <v>89</v>
      </c>
      <c r="L3331" s="6" t="s">
        <v>51</v>
      </c>
    </row>
    <row r="3332" spans="1:12">
      <c r="A3332" s="6" t="s">
        <v>49</v>
      </c>
      <c r="B3332" s="6"/>
      <c r="C3332" s="6" t="s">
        <v>3349</v>
      </c>
      <c r="D3332" s="6"/>
      <c r="E3332" s="6" t="s">
        <v>9</v>
      </c>
      <c r="F3332" s="7">
        <v>38657</v>
      </c>
      <c r="G3332" s="8">
        <v>1</v>
      </c>
      <c r="H3332" s="8">
        <v>1</v>
      </c>
      <c r="I3332" s="8">
        <v>0</v>
      </c>
      <c r="J3332" s="8">
        <v>1</v>
      </c>
      <c r="K3332" s="9">
        <v>1.1100000000000001</v>
      </c>
      <c r="L3332" s="6" t="s">
        <v>51</v>
      </c>
    </row>
    <row r="3333" spans="1:12">
      <c r="A3333" s="6" t="s">
        <v>49</v>
      </c>
      <c r="B3333" s="6"/>
      <c r="C3333" s="6" t="s">
        <v>3350</v>
      </c>
      <c r="D3333" s="6"/>
      <c r="E3333" s="6" t="s">
        <v>9</v>
      </c>
      <c r="F3333" s="7">
        <v>38657</v>
      </c>
      <c r="G3333" s="8">
        <v>1</v>
      </c>
      <c r="H3333" s="8">
        <v>1</v>
      </c>
      <c r="I3333" s="8">
        <v>0</v>
      </c>
      <c r="J3333" s="8">
        <v>1</v>
      </c>
      <c r="K3333" s="9">
        <v>0.96</v>
      </c>
      <c r="L3333" s="6" t="s">
        <v>51</v>
      </c>
    </row>
    <row r="3334" spans="1:12">
      <c r="A3334" s="6" t="s">
        <v>49</v>
      </c>
      <c r="B3334" s="6"/>
      <c r="C3334" s="6" t="s">
        <v>3351</v>
      </c>
      <c r="D3334" s="6"/>
      <c r="E3334" s="6" t="s">
        <v>9</v>
      </c>
      <c r="F3334" s="7">
        <v>38657</v>
      </c>
      <c r="G3334" s="8">
        <v>1</v>
      </c>
      <c r="H3334" s="8">
        <v>1</v>
      </c>
      <c r="I3334" s="8">
        <v>0</v>
      </c>
      <c r="J3334" s="8">
        <v>1</v>
      </c>
      <c r="K3334" s="9">
        <v>6.3</v>
      </c>
      <c r="L3334" s="6" t="s">
        <v>51</v>
      </c>
    </row>
    <row r="3335" spans="1:12">
      <c r="A3335" s="6" t="s">
        <v>49</v>
      </c>
      <c r="B3335" s="6"/>
      <c r="C3335" s="6" t="s">
        <v>3352</v>
      </c>
      <c r="D3335" s="6"/>
      <c r="E3335" s="6" t="s">
        <v>9</v>
      </c>
      <c r="F3335" s="7">
        <v>38657</v>
      </c>
      <c r="G3335" s="8">
        <v>1</v>
      </c>
      <c r="H3335" s="8">
        <v>1</v>
      </c>
      <c r="I3335" s="8">
        <v>0</v>
      </c>
      <c r="J3335" s="8">
        <v>1</v>
      </c>
      <c r="K3335" s="9">
        <v>10</v>
      </c>
      <c r="L3335" s="6" t="s">
        <v>51</v>
      </c>
    </row>
    <row r="3336" spans="1:12">
      <c r="A3336" s="6" t="s">
        <v>49</v>
      </c>
      <c r="B3336" s="6"/>
      <c r="C3336" s="6" t="s">
        <v>3353</v>
      </c>
      <c r="D3336" s="6"/>
      <c r="E3336" s="6" t="s">
        <v>9</v>
      </c>
      <c r="F3336" s="7">
        <v>38657</v>
      </c>
      <c r="G3336" s="8">
        <v>1</v>
      </c>
      <c r="H3336" s="8">
        <v>1</v>
      </c>
      <c r="I3336" s="8">
        <v>0</v>
      </c>
      <c r="J3336" s="8">
        <v>1</v>
      </c>
      <c r="K3336" s="9">
        <v>105</v>
      </c>
      <c r="L3336" s="6" t="s">
        <v>51</v>
      </c>
    </row>
    <row r="3337" spans="1:12">
      <c r="A3337" s="6" t="s">
        <v>49</v>
      </c>
      <c r="B3337" s="6"/>
      <c r="C3337" s="6" t="s">
        <v>3354</v>
      </c>
      <c r="D3337" s="6"/>
      <c r="E3337" s="6" t="s">
        <v>9</v>
      </c>
      <c r="F3337" s="7"/>
      <c r="G3337" s="8">
        <v>1</v>
      </c>
      <c r="H3337" s="8">
        <v>1</v>
      </c>
      <c r="I3337" s="8">
        <v>0</v>
      </c>
      <c r="J3337" s="8">
        <v>1</v>
      </c>
      <c r="K3337" s="9">
        <v>114</v>
      </c>
      <c r="L3337" s="6" t="s">
        <v>51</v>
      </c>
    </row>
    <row r="3338" spans="1:12">
      <c r="A3338" s="6" t="s">
        <v>49</v>
      </c>
      <c r="B3338" s="6"/>
      <c r="C3338" s="6" t="s">
        <v>3355</v>
      </c>
      <c r="D3338" s="6"/>
      <c r="E3338" s="6" t="s">
        <v>9</v>
      </c>
      <c r="F3338" s="7">
        <v>38657</v>
      </c>
      <c r="G3338" s="8">
        <v>1</v>
      </c>
      <c r="H3338" s="8">
        <v>1</v>
      </c>
      <c r="I3338" s="8">
        <v>0</v>
      </c>
      <c r="J3338" s="8">
        <v>1</v>
      </c>
      <c r="K3338" s="9">
        <v>18.010000000000002</v>
      </c>
      <c r="L3338" s="6" t="s">
        <v>51</v>
      </c>
    </row>
    <row r="3339" spans="1:12">
      <c r="A3339" s="6" t="s">
        <v>49</v>
      </c>
      <c r="B3339" s="6"/>
      <c r="C3339" s="6" t="s">
        <v>3356</v>
      </c>
      <c r="D3339" s="6"/>
      <c r="E3339" s="6" t="s">
        <v>9</v>
      </c>
      <c r="F3339" s="7">
        <v>38657</v>
      </c>
      <c r="G3339" s="8">
        <v>1</v>
      </c>
      <c r="H3339" s="8">
        <v>1</v>
      </c>
      <c r="I3339" s="8">
        <v>0</v>
      </c>
      <c r="J3339" s="8">
        <v>1</v>
      </c>
      <c r="K3339" s="9">
        <v>36</v>
      </c>
      <c r="L3339" s="6" t="s">
        <v>51</v>
      </c>
    </row>
    <row r="3340" spans="1:12">
      <c r="A3340" s="6" t="s">
        <v>49</v>
      </c>
      <c r="B3340" s="6"/>
      <c r="C3340" s="6" t="s">
        <v>3357</v>
      </c>
      <c r="D3340" s="6"/>
      <c r="E3340" s="6" t="s">
        <v>9</v>
      </c>
      <c r="F3340" s="7">
        <v>38657</v>
      </c>
      <c r="G3340" s="8">
        <v>1</v>
      </c>
      <c r="H3340" s="8">
        <v>1</v>
      </c>
      <c r="I3340" s="8">
        <v>0</v>
      </c>
      <c r="J3340" s="8">
        <v>1</v>
      </c>
      <c r="K3340" s="9">
        <v>3.49</v>
      </c>
      <c r="L3340" s="6" t="s">
        <v>51</v>
      </c>
    </row>
    <row r="3341" spans="1:12">
      <c r="A3341" s="6" t="s">
        <v>49</v>
      </c>
      <c r="B3341" s="6"/>
      <c r="C3341" s="6" t="s">
        <v>3358</v>
      </c>
      <c r="D3341" s="6"/>
      <c r="E3341" s="6" t="s">
        <v>9</v>
      </c>
      <c r="F3341" s="7">
        <v>38657</v>
      </c>
      <c r="G3341" s="8">
        <v>1</v>
      </c>
      <c r="H3341" s="8">
        <v>1</v>
      </c>
      <c r="I3341" s="8">
        <v>0</v>
      </c>
      <c r="J3341" s="8">
        <v>1</v>
      </c>
      <c r="K3341" s="9">
        <v>0.45</v>
      </c>
      <c r="L3341" s="6" t="s">
        <v>51</v>
      </c>
    </row>
    <row r="3342" spans="1:12">
      <c r="A3342" s="6" t="s">
        <v>49</v>
      </c>
      <c r="B3342" s="6"/>
      <c r="C3342" s="6" t="s">
        <v>3359</v>
      </c>
      <c r="D3342" s="6"/>
      <c r="E3342" s="6" t="s">
        <v>9</v>
      </c>
      <c r="F3342" s="7">
        <v>38657</v>
      </c>
      <c r="G3342" s="8">
        <v>1</v>
      </c>
      <c r="H3342" s="8">
        <v>1</v>
      </c>
      <c r="I3342" s="8">
        <v>0</v>
      </c>
      <c r="J3342" s="8">
        <v>1</v>
      </c>
      <c r="K3342" s="9">
        <v>57</v>
      </c>
      <c r="L3342" s="6" t="s">
        <v>51</v>
      </c>
    </row>
    <row r="3343" spans="1:12">
      <c r="A3343" s="6" t="s">
        <v>49</v>
      </c>
      <c r="B3343" s="6"/>
      <c r="C3343" s="6" t="s">
        <v>3360</v>
      </c>
      <c r="D3343" s="6"/>
      <c r="E3343" s="6" t="s">
        <v>9</v>
      </c>
      <c r="F3343" s="7">
        <v>38657</v>
      </c>
      <c r="G3343" s="8">
        <v>1</v>
      </c>
      <c r="H3343" s="8">
        <v>1</v>
      </c>
      <c r="I3343" s="8">
        <v>0</v>
      </c>
      <c r="J3343" s="8">
        <v>1</v>
      </c>
      <c r="K3343" s="9">
        <v>3.49</v>
      </c>
      <c r="L3343" s="6" t="s">
        <v>51</v>
      </c>
    </row>
    <row r="3344" spans="1:12">
      <c r="A3344" s="6" t="s">
        <v>49</v>
      </c>
      <c r="B3344" s="6"/>
      <c r="C3344" s="6" t="s">
        <v>3361</v>
      </c>
      <c r="D3344" s="6"/>
      <c r="E3344" s="6" t="s">
        <v>9</v>
      </c>
      <c r="F3344" s="7">
        <v>38657</v>
      </c>
      <c r="G3344" s="8">
        <v>1</v>
      </c>
      <c r="H3344" s="8">
        <v>1</v>
      </c>
      <c r="I3344" s="8">
        <v>0</v>
      </c>
      <c r="J3344" s="8">
        <v>1</v>
      </c>
      <c r="K3344" s="9">
        <v>2.7</v>
      </c>
      <c r="L3344" s="6" t="s">
        <v>51</v>
      </c>
    </row>
    <row r="3345" spans="1:12">
      <c r="A3345" s="6" t="s">
        <v>49</v>
      </c>
      <c r="B3345" s="6"/>
      <c r="C3345" s="6" t="s">
        <v>3362</v>
      </c>
      <c r="D3345" s="6"/>
      <c r="E3345" s="6" t="s">
        <v>9</v>
      </c>
      <c r="F3345" s="7">
        <v>38657</v>
      </c>
      <c r="G3345" s="8">
        <v>1</v>
      </c>
      <c r="H3345" s="8">
        <v>1</v>
      </c>
      <c r="I3345" s="8">
        <v>0</v>
      </c>
      <c r="J3345" s="8">
        <v>1</v>
      </c>
      <c r="K3345" s="9">
        <v>6.32</v>
      </c>
      <c r="L3345" s="6" t="s">
        <v>51</v>
      </c>
    </row>
    <row r="3346" spans="1:12">
      <c r="A3346" s="6" t="s">
        <v>49</v>
      </c>
      <c r="B3346" s="6"/>
      <c r="C3346" s="6" t="s">
        <v>3363</v>
      </c>
      <c r="D3346" s="6"/>
      <c r="E3346" s="6" t="s">
        <v>9</v>
      </c>
      <c r="F3346" s="7">
        <v>38657</v>
      </c>
      <c r="G3346" s="8">
        <v>1</v>
      </c>
      <c r="H3346" s="8">
        <v>1</v>
      </c>
      <c r="I3346" s="8">
        <v>0</v>
      </c>
      <c r="J3346" s="8">
        <v>1</v>
      </c>
      <c r="K3346" s="9">
        <v>54</v>
      </c>
      <c r="L3346" s="6" t="s">
        <v>51</v>
      </c>
    </row>
    <row r="3347" spans="1:12">
      <c r="A3347" s="6" t="s">
        <v>49</v>
      </c>
      <c r="B3347" s="6"/>
      <c r="C3347" s="6" t="s">
        <v>3364</v>
      </c>
      <c r="D3347" s="6"/>
      <c r="E3347" s="6" t="s">
        <v>9</v>
      </c>
      <c r="F3347" s="7">
        <v>38657</v>
      </c>
      <c r="G3347" s="8">
        <v>1</v>
      </c>
      <c r="H3347" s="8">
        <v>1</v>
      </c>
      <c r="I3347" s="8">
        <v>0</v>
      </c>
      <c r="J3347" s="8">
        <v>1</v>
      </c>
      <c r="K3347" s="9">
        <v>13.22</v>
      </c>
      <c r="L3347" s="6" t="s">
        <v>51</v>
      </c>
    </row>
    <row r="3348" spans="1:12">
      <c r="A3348" s="6" t="s">
        <v>49</v>
      </c>
      <c r="B3348" s="6"/>
      <c r="C3348" s="6" t="s">
        <v>3365</v>
      </c>
      <c r="D3348" s="6"/>
      <c r="E3348" s="6" t="s">
        <v>9</v>
      </c>
      <c r="F3348" s="7">
        <v>38657</v>
      </c>
      <c r="G3348" s="8">
        <v>1</v>
      </c>
      <c r="H3348" s="8">
        <v>1</v>
      </c>
      <c r="I3348" s="8">
        <v>0</v>
      </c>
      <c r="J3348" s="8">
        <v>1</v>
      </c>
      <c r="K3348" s="9">
        <v>48</v>
      </c>
      <c r="L3348" s="6" t="s">
        <v>51</v>
      </c>
    </row>
    <row r="3349" spans="1:12">
      <c r="A3349" s="6" t="s">
        <v>49</v>
      </c>
      <c r="B3349" s="6"/>
      <c r="C3349" s="6" t="s">
        <v>3366</v>
      </c>
      <c r="D3349" s="6"/>
      <c r="E3349" s="6" t="s">
        <v>9</v>
      </c>
      <c r="F3349" s="7">
        <v>38657</v>
      </c>
      <c r="G3349" s="8">
        <v>1</v>
      </c>
      <c r="H3349" s="8">
        <v>1</v>
      </c>
      <c r="I3349" s="8">
        <v>0</v>
      </c>
      <c r="J3349" s="8">
        <v>1</v>
      </c>
      <c r="K3349" s="9">
        <v>13</v>
      </c>
      <c r="L3349" s="6" t="s">
        <v>51</v>
      </c>
    </row>
    <row r="3350" spans="1:12">
      <c r="A3350" s="6" t="s">
        <v>49</v>
      </c>
      <c r="B3350" s="6"/>
      <c r="C3350" s="6" t="s">
        <v>3367</v>
      </c>
      <c r="D3350" s="6"/>
      <c r="E3350" s="6" t="s">
        <v>9</v>
      </c>
      <c r="F3350" s="7">
        <v>38657</v>
      </c>
      <c r="G3350" s="8">
        <v>1</v>
      </c>
      <c r="H3350" s="8">
        <v>1</v>
      </c>
      <c r="I3350" s="8">
        <v>0</v>
      </c>
      <c r="J3350" s="8">
        <v>1</v>
      </c>
      <c r="K3350" s="9">
        <v>17</v>
      </c>
      <c r="L3350" s="6" t="s">
        <v>51</v>
      </c>
    </row>
    <row r="3351" spans="1:12">
      <c r="A3351" s="6" t="s">
        <v>49</v>
      </c>
      <c r="B3351" s="6"/>
      <c r="C3351" s="6" t="s">
        <v>3368</v>
      </c>
      <c r="D3351" s="6"/>
      <c r="E3351" s="6" t="s">
        <v>9</v>
      </c>
      <c r="F3351" s="7">
        <v>38657</v>
      </c>
      <c r="G3351" s="8">
        <v>1</v>
      </c>
      <c r="H3351" s="8">
        <v>1</v>
      </c>
      <c r="I3351" s="8">
        <v>0</v>
      </c>
      <c r="J3351" s="8">
        <v>1</v>
      </c>
      <c r="K3351" s="9">
        <v>3.49</v>
      </c>
      <c r="L3351" s="6" t="s">
        <v>51</v>
      </c>
    </row>
    <row r="3352" spans="1:12">
      <c r="A3352" s="6" t="s">
        <v>49</v>
      </c>
      <c r="B3352" s="6"/>
      <c r="C3352" s="6" t="s">
        <v>3369</v>
      </c>
      <c r="D3352" s="6"/>
      <c r="E3352" s="6" t="s">
        <v>9</v>
      </c>
      <c r="F3352" s="7">
        <v>38657</v>
      </c>
      <c r="G3352" s="8">
        <v>1</v>
      </c>
      <c r="H3352" s="8">
        <v>1</v>
      </c>
      <c r="I3352" s="8">
        <v>0</v>
      </c>
      <c r="J3352" s="8">
        <v>1</v>
      </c>
      <c r="K3352" s="9">
        <v>75</v>
      </c>
      <c r="L3352" s="6" t="s">
        <v>51</v>
      </c>
    </row>
    <row r="3353" spans="1:12">
      <c r="A3353" s="6" t="s">
        <v>49</v>
      </c>
      <c r="B3353" s="6"/>
      <c r="C3353" s="6" t="s">
        <v>3370</v>
      </c>
      <c r="D3353" s="6"/>
      <c r="E3353" s="6" t="s">
        <v>9</v>
      </c>
      <c r="F3353" s="7">
        <v>38657</v>
      </c>
      <c r="G3353" s="8">
        <v>1</v>
      </c>
      <c r="H3353" s="8">
        <v>1</v>
      </c>
      <c r="I3353" s="8">
        <v>0</v>
      </c>
      <c r="J3353" s="8">
        <v>1</v>
      </c>
      <c r="K3353" s="9">
        <v>4.51</v>
      </c>
      <c r="L3353" s="6" t="s">
        <v>51</v>
      </c>
    </row>
    <row r="3354" spans="1:12">
      <c r="A3354" s="6" t="s">
        <v>49</v>
      </c>
      <c r="B3354" s="6"/>
      <c r="C3354" s="6" t="s">
        <v>3371</v>
      </c>
      <c r="D3354" s="6"/>
      <c r="E3354" s="6" t="s">
        <v>9</v>
      </c>
      <c r="F3354" s="7">
        <v>38657</v>
      </c>
      <c r="G3354" s="8">
        <v>1</v>
      </c>
      <c r="H3354" s="8">
        <v>1</v>
      </c>
      <c r="I3354" s="8">
        <v>0</v>
      </c>
      <c r="J3354" s="8">
        <v>1</v>
      </c>
      <c r="K3354" s="9">
        <v>65</v>
      </c>
      <c r="L3354" s="6" t="s">
        <v>51</v>
      </c>
    </row>
    <row r="3355" spans="1:12">
      <c r="A3355" s="6" t="s">
        <v>49</v>
      </c>
      <c r="B3355" s="6"/>
      <c r="C3355" s="6" t="s">
        <v>3372</v>
      </c>
      <c r="D3355" s="6"/>
      <c r="E3355" s="6" t="s">
        <v>9</v>
      </c>
      <c r="F3355" s="7">
        <v>38657</v>
      </c>
      <c r="G3355" s="8">
        <v>1</v>
      </c>
      <c r="H3355" s="8">
        <v>1</v>
      </c>
      <c r="I3355" s="8">
        <v>0</v>
      </c>
      <c r="J3355" s="8">
        <v>1</v>
      </c>
      <c r="K3355" s="9">
        <v>65</v>
      </c>
      <c r="L3355" s="6" t="s">
        <v>51</v>
      </c>
    </row>
    <row r="3356" spans="1:12">
      <c r="A3356" s="6" t="s">
        <v>49</v>
      </c>
      <c r="B3356" s="6"/>
      <c r="C3356" s="6" t="s">
        <v>3373</v>
      </c>
      <c r="D3356" s="6"/>
      <c r="E3356" s="6" t="s">
        <v>9</v>
      </c>
      <c r="F3356" s="7">
        <v>38657</v>
      </c>
      <c r="G3356" s="8">
        <v>1</v>
      </c>
      <c r="H3356" s="8">
        <v>1</v>
      </c>
      <c r="I3356" s="8">
        <v>0</v>
      </c>
      <c r="J3356" s="8">
        <v>1</v>
      </c>
      <c r="K3356" s="9">
        <v>65</v>
      </c>
      <c r="L3356" s="6" t="s">
        <v>51</v>
      </c>
    </row>
    <row r="3357" spans="1:12">
      <c r="A3357" s="6" t="s">
        <v>49</v>
      </c>
      <c r="B3357" s="6"/>
      <c r="C3357" s="6" t="s">
        <v>3374</v>
      </c>
      <c r="D3357" s="6"/>
      <c r="E3357" s="6" t="s">
        <v>9</v>
      </c>
      <c r="F3357" s="7">
        <v>38657</v>
      </c>
      <c r="G3357" s="8">
        <v>1</v>
      </c>
      <c r="H3357" s="8">
        <v>1</v>
      </c>
      <c r="I3357" s="8">
        <v>0</v>
      </c>
      <c r="J3357" s="8">
        <v>1</v>
      </c>
      <c r="K3357" s="9">
        <v>65</v>
      </c>
      <c r="L3357" s="6" t="s">
        <v>51</v>
      </c>
    </row>
    <row r="3358" spans="1:12">
      <c r="A3358" s="6" t="s">
        <v>49</v>
      </c>
      <c r="B3358" s="6"/>
      <c r="C3358" s="6" t="s">
        <v>3375</v>
      </c>
      <c r="D3358" s="6"/>
      <c r="E3358" s="6" t="s">
        <v>9</v>
      </c>
      <c r="F3358" s="7">
        <v>38657</v>
      </c>
      <c r="G3358" s="8">
        <v>1</v>
      </c>
      <c r="H3358" s="8">
        <v>1</v>
      </c>
      <c r="I3358" s="8">
        <v>0</v>
      </c>
      <c r="J3358" s="8">
        <v>1</v>
      </c>
      <c r="K3358" s="9">
        <v>59</v>
      </c>
      <c r="L3358" s="6" t="s">
        <v>51</v>
      </c>
    </row>
    <row r="3359" spans="1:12">
      <c r="A3359" s="6" t="s">
        <v>49</v>
      </c>
      <c r="B3359" s="6"/>
      <c r="C3359" s="6" t="s">
        <v>3376</v>
      </c>
      <c r="D3359" s="6"/>
      <c r="E3359" s="6" t="s">
        <v>9</v>
      </c>
      <c r="F3359" s="7">
        <v>38657</v>
      </c>
      <c r="G3359" s="8">
        <v>1</v>
      </c>
      <c r="H3359" s="8">
        <v>1</v>
      </c>
      <c r="I3359" s="8">
        <v>0</v>
      </c>
      <c r="J3359" s="8">
        <v>1</v>
      </c>
      <c r="K3359" s="9">
        <v>3.24</v>
      </c>
      <c r="L3359" s="6" t="s">
        <v>51</v>
      </c>
    </row>
    <row r="3360" spans="1:12">
      <c r="A3360" s="6" t="s">
        <v>49</v>
      </c>
      <c r="B3360" s="6"/>
      <c r="C3360" s="6" t="s">
        <v>3377</v>
      </c>
      <c r="D3360" s="6"/>
      <c r="E3360" s="6" t="s">
        <v>9</v>
      </c>
      <c r="F3360" s="7">
        <v>38657</v>
      </c>
      <c r="G3360" s="8">
        <v>1</v>
      </c>
      <c r="H3360" s="8">
        <v>1</v>
      </c>
      <c r="I3360" s="8">
        <v>0</v>
      </c>
      <c r="J3360" s="8">
        <v>1</v>
      </c>
      <c r="K3360" s="9">
        <v>71</v>
      </c>
      <c r="L3360" s="6" t="s">
        <v>51</v>
      </c>
    </row>
    <row r="3361" spans="1:12">
      <c r="A3361" s="6" t="s">
        <v>49</v>
      </c>
      <c r="B3361" s="6"/>
      <c r="C3361" s="6" t="s">
        <v>3378</v>
      </c>
      <c r="D3361" s="6"/>
      <c r="E3361" s="6" t="s">
        <v>9</v>
      </c>
      <c r="F3361" s="7">
        <v>38657</v>
      </c>
      <c r="G3361" s="8">
        <v>1</v>
      </c>
      <c r="H3361" s="8">
        <v>1</v>
      </c>
      <c r="I3361" s="8">
        <v>0</v>
      </c>
      <c r="J3361" s="8">
        <v>1</v>
      </c>
      <c r="K3361" s="9">
        <v>8.8800000000000008</v>
      </c>
      <c r="L3361" s="6" t="s">
        <v>51</v>
      </c>
    </row>
    <row r="3362" spans="1:12">
      <c r="A3362" s="6" t="s">
        <v>49</v>
      </c>
      <c r="B3362" s="6"/>
      <c r="C3362" s="6" t="s">
        <v>3379</v>
      </c>
      <c r="D3362" s="6"/>
      <c r="E3362" s="6" t="s">
        <v>9</v>
      </c>
      <c r="F3362" s="7">
        <v>38657</v>
      </c>
      <c r="G3362" s="8">
        <v>1</v>
      </c>
      <c r="H3362" s="8">
        <v>1</v>
      </c>
      <c r="I3362" s="8">
        <v>0</v>
      </c>
      <c r="J3362" s="8">
        <v>1</v>
      </c>
      <c r="K3362" s="9">
        <v>43</v>
      </c>
      <c r="L3362" s="6" t="s">
        <v>51</v>
      </c>
    </row>
    <row r="3363" spans="1:12">
      <c r="A3363" s="6" t="s">
        <v>49</v>
      </c>
      <c r="B3363" s="6"/>
      <c r="C3363" s="6" t="s">
        <v>3380</v>
      </c>
      <c r="D3363" s="6"/>
      <c r="E3363" s="6" t="s">
        <v>9</v>
      </c>
      <c r="F3363" s="7">
        <v>38657</v>
      </c>
      <c r="G3363" s="8">
        <v>1</v>
      </c>
      <c r="H3363" s="8">
        <v>1</v>
      </c>
      <c r="I3363" s="8">
        <v>0</v>
      </c>
      <c r="J3363" s="8">
        <v>1</v>
      </c>
      <c r="K3363" s="9">
        <v>21</v>
      </c>
      <c r="L3363" s="6" t="s">
        <v>51</v>
      </c>
    </row>
    <row r="3364" spans="1:12">
      <c r="A3364" s="6" t="s">
        <v>49</v>
      </c>
      <c r="B3364" s="6"/>
      <c r="C3364" s="6" t="s">
        <v>3381</v>
      </c>
      <c r="D3364" s="6"/>
      <c r="E3364" s="6" t="s">
        <v>9</v>
      </c>
      <c r="F3364" s="7">
        <v>38657</v>
      </c>
      <c r="G3364" s="8">
        <v>1</v>
      </c>
      <c r="H3364" s="8">
        <v>1</v>
      </c>
      <c r="I3364" s="8">
        <v>0</v>
      </c>
      <c r="J3364" s="8">
        <v>1</v>
      </c>
      <c r="K3364" s="9">
        <v>78</v>
      </c>
      <c r="L3364" s="6" t="s">
        <v>51</v>
      </c>
    </row>
    <row r="3365" spans="1:12">
      <c r="A3365" s="6" t="s">
        <v>49</v>
      </c>
      <c r="B3365" s="6"/>
      <c r="C3365" s="6" t="s">
        <v>3382</v>
      </c>
      <c r="D3365" s="6"/>
      <c r="E3365" s="6" t="s">
        <v>9</v>
      </c>
      <c r="F3365" s="7">
        <v>38657</v>
      </c>
      <c r="G3365" s="8">
        <v>1</v>
      </c>
      <c r="H3365" s="8">
        <v>1</v>
      </c>
      <c r="I3365" s="8">
        <v>0</v>
      </c>
      <c r="J3365" s="8">
        <v>1</v>
      </c>
      <c r="K3365" s="9">
        <v>26</v>
      </c>
      <c r="L3365" s="6" t="s">
        <v>51</v>
      </c>
    </row>
    <row r="3366" spans="1:12">
      <c r="A3366" s="6" t="s">
        <v>49</v>
      </c>
      <c r="B3366" s="6"/>
      <c r="C3366" s="6" t="s">
        <v>3383</v>
      </c>
      <c r="D3366" s="6"/>
      <c r="E3366" s="6" t="s">
        <v>9</v>
      </c>
      <c r="F3366" s="7">
        <v>38657</v>
      </c>
      <c r="G3366" s="8">
        <v>1</v>
      </c>
      <c r="H3366" s="8">
        <v>1</v>
      </c>
      <c r="I3366" s="8">
        <v>0</v>
      </c>
      <c r="J3366" s="8">
        <v>1</v>
      </c>
      <c r="K3366" s="9">
        <v>21</v>
      </c>
      <c r="L3366" s="6" t="s">
        <v>51</v>
      </c>
    </row>
    <row r="3367" spans="1:12">
      <c r="A3367" s="6" t="s">
        <v>49</v>
      </c>
      <c r="B3367" s="6"/>
      <c r="C3367" s="6" t="s">
        <v>3384</v>
      </c>
      <c r="D3367" s="6"/>
      <c r="E3367" s="6" t="s">
        <v>9</v>
      </c>
      <c r="F3367" s="7">
        <v>38657</v>
      </c>
      <c r="G3367" s="8">
        <v>1</v>
      </c>
      <c r="H3367" s="8">
        <v>1</v>
      </c>
      <c r="I3367" s="8">
        <v>0</v>
      </c>
      <c r="J3367" s="8">
        <v>1</v>
      </c>
      <c r="K3367" s="9">
        <v>23</v>
      </c>
      <c r="L3367" s="6" t="s">
        <v>51</v>
      </c>
    </row>
    <row r="3368" spans="1:12">
      <c r="A3368" s="6" t="s">
        <v>49</v>
      </c>
      <c r="B3368" s="6"/>
      <c r="C3368" s="6" t="s">
        <v>3385</v>
      </c>
      <c r="D3368" s="6"/>
      <c r="E3368" s="6" t="s">
        <v>9</v>
      </c>
      <c r="F3368" s="7">
        <v>38657</v>
      </c>
      <c r="G3368" s="8">
        <v>1</v>
      </c>
      <c r="H3368" s="8">
        <v>1</v>
      </c>
      <c r="I3368" s="8">
        <v>0</v>
      </c>
      <c r="J3368" s="8">
        <v>1</v>
      </c>
      <c r="K3368" s="9">
        <v>73</v>
      </c>
      <c r="L3368" s="6" t="s">
        <v>51</v>
      </c>
    </row>
    <row r="3369" spans="1:12">
      <c r="A3369" s="6" t="s">
        <v>49</v>
      </c>
      <c r="B3369" s="6"/>
      <c r="C3369" s="6" t="s">
        <v>3386</v>
      </c>
      <c r="D3369" s="6"/>
      <c r="E3369" s="6" t="s">
        <v>9</v>
      </c>
      <c r="F3369" s="7">
        <v>38657</v>
      </c>
      <c r="G3369" s="8">
        <v>1</v>
      </c>
      <c r="H3369" s="8">
        <v>1</v>
      </c>
      <c r="I3369" s="8">
        <v>0</v>
      </c>
      <c r="J3369" s="8">
        <v>1</v>
      </c>
      <c r="K3369" s="9">
        <v>23.13</v>
      </c>
      <c r="L3369" s="6" t="s">
        <v>51</v>
      </c>
    </row>
    <row r="3370" spans="1:12">
      <c r="A3370" s="6" t="s">
        <v>49</v>
      </c>
      <c r="B3370" s="6"/>
      <c r="C3370" s="6" t="s">
        <v>3387</v>
      </c>
      <c r="D3370" s="6"/>
      <c r="E3370" s="6" t="s">
        <v>9</v>
      </c>
      <c r="F3370" s="7">
        <v>38657</v>
      </c>
      <c r="G3370" s="8">
        <v>1</v>
      </c>
      <c r="H3370" s="8">
        <v>1</v>
      </c>
      <c r="I3370" s="8">
        <v>0</v>
      </c>
      <c r="J3370" s="8">
        <v>1</v>
      </c>
      <c r="K3370" s="9">
        <v>53</v>
      </c>
      <c r="L3370" s="6" t="s">
        <v>51</v>
      </c>
    </row>
    <row r="3371" spans="1:12">
      <c r="A3371" s="6" t="s">
        <v>49</v>
      </c>
      <c r="B3371" s="6"/>
      <c r="C3371" s="6" t="s">
        <v>3388</v>
      </c>
      <c r="D3371" s="6"/>
      <c r="E3371" s="6" t="s">
        <v>9</v>
      </c>
      <c r="F3371" s="7">
        <v>38657</v>
      </c>
      <c r="G3371" s="8">
        <v>1</v>
      </c>
      <c r="H3371" s="8">
        <v>1</v>
      </c>
      <c r="I3371" s="8">
        <v>0</v>
      </c>
      <c r="J3371" s="8">
        <v>1</v>
      </c>
      <c r="K3371" s="9">
        <v>16</v>
      </c>
      <c r="L3371" s="6" t="s">
        <v>51</v>
      </c>
    </row>
    <row r="3372" spans="1:12">
      <c r="A3372" s="6" t="s">
        <v>49</v>
      </c>
      <c r="B3372" s="6"/>
      <c r="C3372" s="6" t="s">
        <v>3389</v>
      </c>
      <c r="D3372" s="6"/>
      <c r="E3372" s="6" t="s">
        <v>9</v>
      </c>
      <c r="F3372" s="7">
        <v>38657</v>
      </c>
      <c r="G3372" s="8">
        <v>1</v>
      </c>
      <c r="H3372" s="8">
        <v>1</v>
      </c>
      <c r="I3372" s="8">
        <v>0</v>
      </c>
      <c r="J3372" s="8">
        <v>1</v>
      </c>
      <c r="K3372" s="9">
        <v>8.8800000000000008</v>
      </c>
      <c r="L3372" s="6" t="s">
        <v>51</v>
      </c>
    </row>
    <row r="3373" spans="1:12">
      <c r="A3373" s="6" t="s">
        <v>49</v>
      </c>
      <c r="B3373" s="6"/>
      <c r="C3373" s="6" t="s">
        <v>3390</v>
      </c>
      <c r="D3373" s="6"/>
      <c r="E3373" s="6" t="s">
        <v>9</v>
      </c>
      <c r="F3373" s="7">
        <v>38657</v>
      </c>
      <c r="G3373" s="8">
        <v>1</v>
      </c>
      <c r="H3373" s="8">
        <v>1</v>
      </c>
      <c r="I3373" s="8">
        <v>0</v>
      </c>
      <c r="J3373" s="8">
        <v>1</v>
      </c>
      <c r="K3373" s="9">
        <v>20</v>
      </c>
      <c r="L3373" s="6" t="s">
        <v>51</v>
      </c>
    </row>
    <row r="3374" spans="1:12">
      <c r="A3374" s="6" t="s">
        <v>49</v>
      </c>
      <c r="B3374" s="6"/>
      <c r="C3374" s="6" t="s">
        <v>3391</v>
      </c>
      <c r="D3374" s="6"/>
      <c r="E3374" s="6" t="s">
        <v>9</v>
      </c>
      <c r="F3374" s="7">
        <v>38657</v>
      </c>
      <c r="G3374" s="8">
        <v>1</v>
      </c>
      <c r="H3374" s="8">
        <v>1</v>
      </c>
      <c r="I3374" s="8">
        <v>0</v>
      </c>
      <c r="J3374" s="8">
        <v>1</v>
      </c>
      <c r="K3374" s="9">
        <v>2.52</v>
      </c>
      <c r="L3374" s="6" t="s">
        <v>51</v>
      </c>
    </row>
    <row r="3375" spans="1:12">
      <c r="A3375" s="6" t="s">
        <v>49</v>
      </c>
      <c r="B3375" s="6"/>
      <c r="C3375" s="6" t="s">
        <v>3392</v>
      </c>
      <c r="D3375" s="6"/>
      <c r="E3375" s="6" t="s">
        <v>9</v>
      </c>
      <c r="F3375" s="7">
        <v>38657</v>
      </c>
      <c r="G3375" s="8">
        <v>1</v>
      </c>
      <c r="H3375" s="8">
        <v>1</v>
      </c>
      <c r="I3375" s="8">
        <v>0</v>
      </c>
      <c r="J3375" s="8">
        <v>1</v>
      </c>
      <c r="K3375" s="9">
        <v>12</v>
      </c>
      <c r="L3375" s="6" t="s">
        <v>51</v>
      </c>
    </row>
    <row r="3376" spans="1:12">
      <c r="A3376" s="6" t="s">
        <v>49</v>
      </c>
      <c r="B3376" s="6"/>
      <c r="C3376" s="6" t="s">
        <v>3393</v>
      </c>
      <c r="D3376" s="6"/>
      <c r="E3376" s="6" t="s">
        <v>9</v>
      </c>
      <c r="F3376" s="7">
        <v>38657</v>
      </c>
      <c r="G3376" s="8">
        <v>1</v>
      </c>
      <c r="H3376" s="8">
        <v>1</v>
      </c>
      <c r="I3376" s="8">
        <v>0</v>
      </c>
      <c r="J3376" s="8">
        <v>1</v>
      </c>
      <c r="K3376" s="9">
        <v>383</v>
      </c>
      <c r="L3376" s="6" t="s">
        <v>51</v>
      </c>
    </row>
    <row r="3377" spans="1:12">
      <c r="A3377" s="6" t="s">
        <v>49</v>
      </c>
      <c r="B3377" s="6"/>
      <c r="C3377" s="6" t="s">
        <v>3394</v>
      </c>
      <c r="D3377" s="6"/>
      <c r="E3377" s="6" t="s">
        <v>9</v>
      </c>
      <c r="F3377" s="7">
        <v>38657</v>
      </c>
      <c r="G3377" s="8">
        <v>1</v>
      </c>
      <c r="H3377" s="8">
        <v>1</v>
      </c>
      <c r="I3377" s="8">
        <v>0</v>
      </c>
      <c r="J3377" s="8">
        <v>1</v>
      </c>
      <c r="K3377" s="9">
        <v>26</v>
      </c>
      <c r="L3377" s="6" t="s">
        <v>51</v>
      </c>
    </row>
    <row r="3378" spans="1:12">
      <c r="A3378" s="6" t="s">
        <v>49</v>
      </c>
      <c r="B3378" s="6"/>
      <c r="C3378" s="6" t="s">
        <v>3395</v>
      </c>
      <c r="D3378" s="6"/>
      <c r="E3378" s="6" t="s">
        <v>9</v>
      </c>
      <c r="F3378" s="7">
        <v>38657</v>
      </c>
      <c r="G3378" s="8">
        <v>1</v>
      </c>
      <c r="H3378" s="8">
        <v>1</v>
      </c>
      <c r="I3378" s="8">
        <v>0</v>
      </c>
      <c r="J3378" s="8">
        <v>1</v>
      </c>
      <c r="K3378" s="9">
        <v>26</v>
      </c>
      <c r="L3378" s="6" t="s">
        <v>51</v>
      </c>
    </row>
    <row r="3379" spans="1:12">
      <c r="A3379" s="6" t="s">
        <v>49</v>
      </c>
      <c r="B3379" s="6"/>
      <c r="C3379" s="6" t="s">
        <v>3396</v>
      </c>
      <c r="D3379" s="6"/>
      <c r="E3379" s="6" t="s">
        <v>9</v>
      </c>
      <c r="F3379" s="7">
        <v>38657</v>
      </c>
      <c r="G3379" s="8">
        <v>1</v>
      </c>
      <c r="H3379" s="8">
        <v>1</v>
      </c>
      <c r="I3379" s="8">
        <v>0</v>
      </c>
      <c r="J3379" s="8">
        <v>1</v>
      </c>
      <c r="K3379" s="9">
        <v>6.77</v>
      </c>
      <c r="L3379" s="6" t="s">
        <v>51</v>
      </c>
    </row>
    <row r="3380" spans="1:12">
      <c r="A3380" s="6" t="s">
        <v>49</v>
      </c>
      <c r="B3380" s="6"/>
      <c r="C3380" s="6" t="s">
        <v>3397</v>
      </c>
      <c r="D3380" s="6"/>
      <c r="E3380" s="6" t="s">
        <v>9</v>
      </c>
      <c r="F3380" s="7">
        <v>38657</v>
      </c>
      <c r="G3380" s="8">
        <v>1</v>
      </c>
      <c r="H3380" s="8">
        <v>1</v>
      </c>
      <c r="I3380" s="8">
        <v>0</v>
      </c>
      <c r="J3380" s="8">
        <v>1</v>
      </c>
      <c r="K3380" s="9">
        <v>17.98</v>
      </c>
      <c r="L3380" s="6" t="s">
        <v>51</v>
      </c>
    </row>
    <row r="3381" spans="1:12">
      <c r="A3381" s="6" t="s">
        <v>49</v>
      </c>
      <c r="B3381" s="6"/>
      <c r="C3381" s="6" t="s">
        <v>3398</v>
      </c>
      <c r="D3381" s="6"/>
      <c r="E3381" s="6" t="s">
        <v>9</v>
      </c>
      <c r="F3381" s="7">
        <v>38657</v>
      </c>
      <c r="G3381" s="8">
        <v>1</v>
      </c>
      <c r="H3381" s="8">
        <v>1</v>
      </c>
      <c r="I3381" s="8">
        <v>0</v>
      </c>
      <c r="J3381" s="8">
        <v>1</v>
      </c>
      <c r="K3381" s="9">
        <v>12.26</v>
      </c>
      <c r="L3381" s="6" t="s">
        <v>51</v>
      </c>
    </row>
    <row r="3382" spans="1:12">
      <c r="A3382" s="6" t="s">
        <v>49</v>
      </c>
      <c r="B3382" s="6"/>
      <c r="C3382" s="6" t="s">
        <v>3399</v>
      </c>
      <c r="D3382" s="6"/>
      <c r="E3382" s="6" t="s">
        <v>9</v>
      </c>
      <c r="F3382" s="7">
        <v>38657</v>
      </c>
      <c r="G3382" s="8">
        <v>1</v>
      </c>
      <c r="H3382" s="8">
        <v>1</v>
      </c>
      <c r="I3382" s="8">
        <v>0</v>
      </c>
      <c r="J3382" s="8">
        <v>1</v>
      </c>
      <c r="K3382" s="9">
        <v>134.66999999999899</v>
      </c>
      <c r="L3382" s="6" t="s">
        <v>51</v>
      </c>
    </row>
    <row r="3383" spans="1:12">
      <c r="A3383" s="6" t="s">
        <v>49</v>
      </c>
      <c r="B3383" s="6"/>
      <c r="C3383" s="6" t="s">
        <v>3400</v>
      </c>
      <c r="D3383" s="6"/>
      <c r="E3383" s="6" t="s">
        <v>9</v>
      </c>
      <c r="F3383" s="7">
        <v>38657</v>
      </c>
      <c r="G3383" s="8">
        <v>1</v>
      </c>
      <c r="H3383" s="8">
        <v>1</v>
      </c>
      <c r="I3383" s="8">
        <v>0</v>
      </c>
      <c r="J3383" s="8">
        <v>1</v>
      </c>
      <c r="K3383" s="9">
        <v>46</v>
      </c>
      <c r="L3383" s="6" t="s">
        <v>51</v>
      </c>
    </row>
    <row r="3384" spans="1:12">
      <c r="A3384" s="6" t="s">
        <v>49</v>
      </c>
      <c r="B3384" s="6"/>
      <c r="C3384" s="6" t="s">
        <v>3401</v>
      </c>
      <c r="D3384" s="6"/>
      <c r="E3384" s="6" t="s">
        <v>9</v>
      </c>
      <c r="F3384" s="7">
        <v>38657</v>
      </c>
      <c r="G3384" s="8">
        <v>1</v>
      </c>
      <c r="H3384" s="8">
        <v>1</v>
      </c>
      <c r="I3384" s="8">
        <v>0</v>
      </c>
      <c r="J3384" s="8">
        <v>1</v>
      </c>
      <c r="K3384" s="9">
        <v>74.38</v>
      </c>
      <c r="L3384" s="6" t="s">
        <v>51</v>
      </c>
    </row>
    <row r="3385" spans="1:12">
      <c r="A3385" s="6" t="s">
        <v>49</v>
      </c>
      <c r="B3385" s="6"/>
      <c r="C3385" s="6" t="s">
        <v>3402</v>
      </c>
      <c r="D3385" s="6"/>
      <c r="E3385" s="6" t="s">
        <v>9</v>
      </c>
      <c r="F3385" s="7">
        <v>38657</v>
      </c>
      <c r="G3385" s="8">
        <v>1</v>
      </c>
      <c r="H3385" s="8">
        <v>1</v>
      </c>
      <c r="I3385" s="8">
        <v>0</v>
      </c>
      <c r="J3385" s="8">
        <v>1</v>
      </c>
      <c r="K3385" s="9">
        <v>89</v>
      </c>
      <c r="L3385" s="6" t="s">
        <v>51</v>
      </c>
    </row>
    <row r="3386" spans="1:12">
      <c r="A3386" s="6" t="s">
        <v>49</v>
      </c>
      <c r="B3386" s="6"/>
      <c r="C3386" s="6" t="s">
        <v>3403</v>
      </c>
      <c r="D3386" s="6"/>
      <c r="E3386" s="6" t="s">
        <v>9</v>
      </c>
      <c r="F3386" s="7">
        <v>38657</v>
      </c>
      <c r="G3386" s="8">
        <v>1</v>
      </c>
      <c r="H3386" s="8">
        <v>1</v>
      </c>
      <c r="I3386" s="8">
        <v>0</v>
      </c>
      <c r="J3386" s="8">
        <v>1</v>
      </c>
      <c r="K3386" s="9">
        <v>150</v>
      </c>
      <c r="L3386" s="6" t="s">
        <v>51</v>
      </c>
    </row>
    <row r="3387" spans="1:12">
      <c r="A3387" s="6" t="s">
        <v>49</v>
      </c>
      <c r="B3387" s="6"/>
      <c r="C3387" s="6" t="s">
        <v>3404</v>
      </c>
      <c r="D3387" s="6"/>
      <c r="E3387" s="6" t="s">
        <v>9</v>
      </c>
      <c r="F3387" s="7">
        <v>38657</v>
      </c>
      <c r="G3387" s="8">
        <v>1</v>
      </c>
      <c r="H3387" s="8">
        <v>1</v>
      </c>
      <c r="I3387" s="8">
        <v>0</v>
      </c>
      <c r="J3387" s="8">
        <v>1</v>
      </c>
      <c r="K3387" s="9">
        <v>36.79</v>
      </c>
      <c r="L3387" s="6" t="s">
        <v>51</v>
      </c>
    </row>
    <row r="3388" spans="1:12">
      <c r="A3388" s="6" t="s">
        <v>49</v>
      </c>
      <c r="B3388" s="6"/>
      <c r="C3388" s="6" t="s">
        <v>3405</v>
      </c>
      <c r="D3388" s="6"/>
      <c r="E3388" s="6" t="s">
        <v>9</v>
      </c>
      <c r="F3388" s="7">
        <v>38657</v>
      </c>
      <c r="G3388" s="8">
        <v>1</v>
      </c>
      <c r="H3388" s="8">
        <v>1</v>
      </c>
      <c r="I3388" s="8">
        <v>0</v>
      </c>
      <c r="J3388" s="8">
        <v>1</v>
      </c>
      <c r="K3388" s="9">
        <v>211</v>
      </c>
      <c r="L3388" s="6" t="s">
        <v>51</v>
      </c>
    </row>
    <row r="3389" spans="1:12">
      <c r="A3389" s="6" t="s">
        <v>49</v>
      </c>
      <c r="B3389" s="6"/>
      <c r="C3389" s="6" t="s">
        <v>3406</v>
      </c>
      <c r="D3389" s="6"/>
      <c r="E3389" s="6" t="s">
        <v>9</v>
      </c>
      <c r="F3389" s="7">
        <v>38657</v>
      </c>
      <c r="G3389" s="8">
        <v>1</v>
      </c>
      <c r="H3389" s="8">
        <v>1</v>
      </c>
      <c r="I3389" s="8">
        <v>0</v>
      </c>
      <c r="J3389" s="8">
        <v>1</v>
      </c>
      <c r="K3389" s="9">
        <v>33</v>
      </c>
      <c r="L3389" s="6" t="s">
        <v>51</v>
      </c>
    </row>
    <row r="3390" spans="1:12">
      <c r="A3390" s="6" t="s">
        <v>49</v>
      </c>
      <c r="B3390" s="6"/>
      <c r="C3390" s="6" t="s">
        <v>3407</v>
      </c>
      <c r="D3390" s="6"/>
      <c r="E3390" s="6" t="s">
        <v>9</v>
      </c>
      <c r="F3390" s="7">
        <v>38657</v>
      </c>
      <c r="G3390" s="8">
        <v>1</v>
      </c>
      <c r="H3390" s="8">
        <v>1</v>
      </c>
      <c r="I3390" s="8">
        <v>0</v>
      </c>
      <c r="J3390" s="8">
        <v>1</v>
      </c>
      <c r="K3390" s="9">
        <v>22</v>
      </c>
      <c r="L3390" s="6" t="s">
        <v>51</v>
      </c>
    </row>
    <row r="3391" spans="1:12">
      <c r="A3391" s="6" t="s">
        <v>49</v>
      </c>
      <c r="B3391" s="6"/>
      <c r="C3391" s="6" t="s">
        <v>3408</v>
      </c>
      <c r="D3391" s="6"/>
      <c r="E3391" s="6" t="s">
        <v>9</v>
      </c>
      <c r="F3391" s="7">
        <v>38657</v>
      </c>
      <c r="G3391" s="8">
        <v>1</v>
      </c>
      <c r="H3391" s="8">
        <v>1</v>
      </c>
      <c r="I3391" s="8">
        <v>0</v>
      </c>
      <c r="J3391" s="8">
        <v>1</v>
      </c>
      <c r="K3391" s="9">
        <v>13</v>
      </c>
      <c r="L3391" s="6" t="s">
        <v>51</v>
      </c>
    </row>
    <row r="3392" spans="1:12">
      <c r="A3392" s="6" t="s">
        <v>49</v>
      </c>
      <c r="B3392" s="6"/>
      <c r="C3392" s="6" t="s">
        <v>3409</v>
      </c>
      <c r="D3392" s="6"/>
      <c r="E3392" s="6" t="s">
        <v>9</v>
      </c>
      <c r="F3392" s="7">
        <v>38657</v>
      </c>
      <c r="G3392" s="8">
        <v>1</v>
      </c>
      <c r="H3392" s="8">
        <v>1</v>
      </c>
      <c r="I3392" s="8">
        <v>0</v>
      </c>
      <c r="J3392" s="8">
        <v>1</v>
      </c>
      <c r="K3392" s="9">
        <v>14</v>
      </c>
      <c r="L3392" s="6" t="s">
        <v>51</v>
      </c>
    </row>
    <row r="3393" spans="1:12">
      <c r="A3393" s="6" t="s">
        <v>49</v>
      </c>
      <c r="B3393" s="6"/>
      <c r="C3393" s="6" t="s">
        <v>3410</v>
      </c>
      <c r="D3393" s="6"/>
      <c r="E3393" s="6" t="s">
        <v>9</v>
      </c>
      <c r="F3393" s="7">
        <v>38657</v>
      </c>
      <c r="G3393" s="8">
        <v>1</v>
      </c>
      <c r="H3393" s="8">
        <v>1</v>
      </c>
      <c r="I3393" s="8">
        <v>0</v>
      </c>
      <c r="J3393" s="8">
        <v>1</v>
      </c>
      <c r="K3393" s="9">
        <v>5.04</v>
      </c>
      <c r="L3393" s="6" t="s">
        <v>51</v>
      </c>
    </row>
    <row r="3394" spans="1:12">
      <c r="A3394" s="6" t="s">
        <v>49</v>
      </c>
      <c r="B3394" s="6"/>
      <c r="C3394" s="6" t="s">
        <v>3411</v>
      </c>
      <c r="D3394" s="6"/>
      <c r="E3394" s="6" t="s">
        <v>9</v>
      </c>
      <c r="F3394" s="7">
        <v>38657</v>
      </c>
      <c r="G3394" s="8">
        <v>1</v>
      </c>
      <c r="H3394" s="8">
        <v>1</v>
      </c>
      <c r="I3394" s="8">
        <v>0</v>
      </c>
      <c r="J3394" s="8">
        <v>1</v>
      </c>
      <c r="K3394" s="9">
        <v>13</v>
      </c>
      <c r="L3394" s="6" t="s">
        <v>51</v>
      </c>
    </row>
    <row r="3395" spans="1:12">
      <c r="A3395" s="6" t="s">
        <v>49</v>
      </c>
      <c r="B3395" s="6"/>
      <c r="C3395" s="6" t="s">
        <v>3412</v>
      </c>
      <c r="D3395" s="6"/>
      <c r="E3395" s="6" t="s">
        <v>9</v>
      </c>
      <c r="F3395" s="7">
        <v>38657</v>
      </c>
      <c r="G3395" s="8">
        <v>1</v>
      </c>
      <c r="H3395" s="8">
        <v>1</v>
      </c>
      <c r="I3395" s="8">
        <v>0</v>
      </c>
      <c r="J3395" s="8">
        <v>1</v>
      </c>
      <c r="K3395" s="9">
        <v>7.18</v>
      </c>
      <c r="L3395" s="6" t="s">
        <v>51</v>
      </c>
    </row>
    <row r="3396" spans="1:12">
      <c r="A3396" s="6" t="s">
        <v>49</v>
      </c>
      <c r="B3396" s="6"/>
      <c r="C3396" s="6" t="s">
        <v>3413</v>
      </c>
      <c r="D3396" s="6"/>
      <c r="E3396" s="6" t="s">
        <v>9</v>
      </c>
      <c r="F3396" s="7">
        <v>38657</v>
      </c>
      <c r="G3396" s="8">
        <v>1</v>
      </c>
      <c r="H3396" s="8">
        <v>1</v>
      </c>
      <c r="I3396" s="8">
        <v>0</v>
      </c>
      <c r="J3396" s="8">
        <v>1</v>
      </c>
      <c r="K3396" s="9">
        <v>69</v>
      </c>
      <c r="L3396" s="6" t="s">
        <v>51</v>
      </c>
    </row>
    <row r="3397" spans="1:12">
      <c r="A3397" s="6" t="s">
        <v>49</v>
      </c>
      <c r="B3397" s="6"/>
      <c r="C3397" s="6" t="s">
        <v>3414</v>
      </c>
      <c r="D3397" s="6"/>
      <c r="E3397" s="6" t="s">
        <v>9</v>
      </c>
      <c r="F3397" s="7">
        <v>38657</v>
      </c>
      <c r="G3397" s="8">
        <v>1</v>
      </c>
      <c r="H3397" s="8">
        <v>1</v>
      </c>
      <c r="I3397" s="8">
        <v>0</v>
      </c>
      <c r="J3397" s="8">
        <v>1</v>
      </c>
      <c r="K3397" s="9">
        <v>3.3</v>
      </c>
      <c r="L3397" s="6" t="s">
        <v>51</v>
      </c>
    </row>
    <row r="3398" spans="1:12">
      <c r="A3398" s="6" t="s">
        <v>49</v>
      </c>
      <c r="B3398" s="6"/>
      <c r="C3398" s="6" t="s">
        <v>3415</v>
      </c>
      <c r="D3398" s="6"/>
      <c r="E3398" s="6" t="s">
        <v>9</v>
      </c>
      <c r="F3398" s="7">
        <v>38657</v>
      </c>
      <c r="G3398" s="8">
        <v>1</v>
      </c>
      <c r="H3398" s="8">
        <v>1</v>
      </c>
      <c r="I3398" s="8">
        <v>0</v>
      </c>
      <c r="J3398" s="8">
        <v>1</v>
      </c>
      <c r="K3398" s="9">
        <v>23</v>
      </c>
      <c r="L3398" s="6" t="s">
        <v>51</v>
      </c>
    </row>
    <row r="3399" spans="1:12">
      <c r="A3399" s="6" t="s">
        <v>49</v>
      </c>
      <c r="B3399" s="6"/>
      <c r="C3399" s="6" t="s">
        <v>3416</v>
      </c>
      <c r="D3399" s="6"/>
      <c r="E3399" s="6" t="s">
        <v>9</v>
      </c>
      <c r="F3399" s="7">
        <v>38657</v>
      </c>
      <c r="G3399" s="8">
        <v>1</v>
      </c>
      <c r="H3399" s="8">
        <v>1</v>
      </c>
      <c r="I3399" s="8">
        <v>0</v>
      </c>
      <c r="J3399" s="8">
        <v>1</v>
      </c>
      <c r="K3399" s="9">
        <v>13</v>
      </c>
      <c r="L3399" s="6" t="s">
        <v>51</v>
      </c>
    </row>
    <row r="3400" spans="1:12">
      <c r="A3400" s="6" t="s">
        <v>49</v>
      </c>
      <c r="B3400" s="6"/>
      <c r="C3400" s="6" t="s">
        <v>3417</v>
      </c>
      <c r="D3400" s="6"/>
      <c r="E3400" s="6" t="s">
        <v>9</v>
      </c>
      <c r="F3400" s="7">
        <v>38657</v>
      </c>
      <c r="G3400" s="8">
        <v>1</v>
      </c>
      <c r="H3400" s="8">
        <v>1</v>
      </c>
      <c r="I3400" s="8">
        <v>0</v>
      </c>
      <c r="J3400" s="8">
        <v>1</v>
      </c>
      <c r="K3400" s="9">
        <v>49</v>
      </c>
      <c r="L3400" s="6" t="s">
        <v>51</v>
      </c>
    </row>
    <row r="3401" spans="1:12">
      <c r="A3401" s="6" t="s">
        <v>49</v>
      </c>
      <c r="B3401" s="6"/>
      <c r="C3401" s="6" t="s">
        <v>3418</v>
      </c>
      <c r="D3401" s="6"/>
      <c r="E3401" s="6" t="s">
        <v>9</v>
      </c>
      <c r="F3401" s="7">
        <v>38657</v>
      </c>
      <c r="G3401" s="8">
        <v>1</v>
      </c>
      <c r="H3401" s="8">
        <v>1</v>
      </c>
      <c r="I3401" s="8">
        <v>0</v>
      </c>
      <c r="J3401" s="8">
        <v>1</v>
      </c>
      <c r="K3401" s="9">
        <v>1.74</v>
      </c>
      <c r="L3401" s="6" t="s">
        <v>51</v>
      </c>
    </row>
    <row r="3402" spans="1:12">
      <c r="A3402" s="6" t="s">
        <v>49</v>
      </c>
      <c r="B3402" s="6"/>
      <c r="C3402" s="6" t="s">
        <v>3419</v>
      </c>
      <c r="D3402" s="6"/>
      <c r="E3402" s="6" t="s">
        <v>9</v>
      </c>
      <c r="F3402" s="7">
        <v>38657</v>
      </c>
      <c r="G3402" s="8">
        <v>1</v>
      </c>
      <c r="H3402" s="8">
        <v>1</v>
      </c>
      <c r="I3402" s="8">
        <v>0</v>
      </c>
      <c r="J3402" s="8">
        <v>1</v>
      </c>
      <c r="K3402" s="9">
        <v>130</v>
      </c>
      <c r="L3402" s="6" t="s">
        <v>51</v>
      </c>
    </row>
    <row r="3403" spans="1:12">
      <c r="A3403" s="6" t="s">
        <v>49</v>
      </c>
      <c r="B3403" s="6"/>
      <c r="C3403" s="6" t="s">
        <v>3420</v>
      </c>
      <c r="D3403" s="6"/>
      <c r="E3403" s="6" t="s">
        <v>9</v>
      </c>
      <c r="F3403" s="7">
        <v>38657</v>
      </c>
      <c r="G3403" s="8">
        <v>1</v>
      </c>
      <c r="H3403" s="8">
        <v>1</v>
      </c>
      <c r="I3403" s="8">
        <v>0</v>
      </c>
      <c r="J3403" s="8">
        <v>1</v>
      </c>
      <c r="K3403" s="9">
        <v>13</v>
      </c>
      <c r="L3403" s="6" t="s">
        <v>51</v>
      </c>
    </row>
    <row r="3404" spans="1:12">
      <c r="A3404" s="6" t="s">
        <v>49</v>
      </c>
      <c r="B3404" s="6"/>
      <c r="C3404" s="6" t="s">
        <v>3421</v>
      </c>
      <c r="D3404" s="6"/>
      <c r="E3404" s="6" t="s">
        <v>9</v>
      </c>
      <c r="F3404" s="7">
        <v>38657</v>
      </c>
      <c r="G3404" s="8">
        <v>1</v>
      </c>
      <c r="H3404" s="8">
        <v>1</v>
      </c>
      <c r="I3404" s="8">
        <v>0</v>
      </c>
      <c r="J3404" s="8">
        <v>1</v>
      </c>
      <c r="K3404" s="9">
        <v>211</v>
      </c>
      <c r="L3404" s="6" t="s">
        <v>51</v>
      </c>
    </row>
    <row r="3405" spans="1:12">
      <c r="A3405" s="6" t="s">
        <v>49</v>
      </c>
      <c r="B3405" s="6"/>
      <c r="C3405" s="6" t="s">
        <v>3422</v>
      </c>
      <c r="D3405" s="6"/>
      <c r="E3405" s="6" t="s">
        <v>9</v>
      </c>
      <c r="F3405" s="7">
        <v>38657</v>
      </c>
      <c r="G3405" s="8">
        <v>1</v>
      </c>
      <c r="H3405" s="8">
        <v>1</v>
      </c>
      <c r="I3405" s="8">
        <v>0</v>
      </c>
      <c r="J3405" s="8">
        <v>1</v>
      </c>
      <c r="K3405" s="9">
        <v>85</v>
      </c>
      <c r="L3405" s="6" t="s">
        <v>51</v>
      </c>
    </row>
    <row r="3406" spans="1:12">
      <c r="A3406" s="6" t="s">
        <v>49</v>
      </c>
      <c r="B3406" s="6"/>
      <c r="C3406" s="6" t="s">
        <v>3423</v>
      </c>
      <c r="D3406" s="6"/>
      <c r="E3406" s="6" t="s">
        <v>9</v>
      </c>
      <c r="F3406" s="7">
        <v>38657</v>
      </c>
      <c r="G3406" s="8">
        <v>1</v>
      </c>
      <c r="H3406" s="8">
        <v>1</v>
      </c>
      <c r="I3406" s="8">
        <v>0</v>
      </c>
      <c r="J3406" s="8">
        <v>1</v>
      </c>
      <c r="K3406" s="9">
        <v>3.63</v>
      </c>
      <c r="L3406" s="6" t="s">
        <v>51</v>
      </c>
    </row>
    <row r="3407" spans="1:12">
      <c r="A3407" s="6" t="s">
        <v>49</v>
      </c>
      <c r="B3407" s="6"/>
      <c r="C3407" s="6" t="s">
        <v>3424</v>
      </c>
      <c r="D3407" s="6"/>
      <c r="E3407" s="6" t="s">
        <v>9</v>
      </c>
      <c r="F3407" s="7">
        <v>38657</v>
      </c>
      <c r="G3407" s="8">
        <v>1</v>
      </c>
      <c r="H3407" s="8">
        <v>1</v>
      </c>
      <c r="I3407" s="8">
        <v>0</v>
      </c>
      <c r="J3407" s="8">
        <v>1</v>
      </c>
      <c r="K3407" s="9">
        <v>155</v>
      </c>
      <c r="L3407" s="6" t="s">
        <v>51</v>
      </c>
    </row>
    <row r="3408" spans="1:12">
      <c r="A3408" s="6" t="s">
        <v>49</v>
      </c>
      <c r="B3408" s="6"/>
      <c r="C3408" s="6" t="s">
        <v>3425</v>
      </c>
      <c r="D3408" s="6"/>
      <c r="E3408" s="6" t="s">
        <v>9</v>
      </c>
      <c r="F3408" s="7">
        <v>38657</v>
      </c>
      <c r="G3408" s="8">
        <v>1</v>
      </c>
      <c r="H3408" s="8">
        <v>1</v>
      </c>
      <c r="I3408" s="8">
        <v>0</v>
      </c>
      <c r="J3408" s="8">
        <v>1</v>
      </c>
      <c r="K3408" s="9">
        <v>254</v>
      </c>
      <c r="L3408" s="6" t="s">
        <v>51</v>
      </c>
    </row>
    <row r="3409" spans="1:12">
      <c r="A3409" s="6" t="s">
        <v>49</v>
      </c>
      <c r="B3409" s="6"/>
      <c r="C3409" s="6" t="s">
        <v>3426</v>
      </c>
      <c r="D3409" s="6"/>
      <c r="E3409" s="6" t="s">
        <v>9</v>
      </c>
      <c r="F3409" s="7">
        <v>38657</v>
      </c>
      <c r="G3409" s="8">
        <v>1</v>
      </c>
      <c r="H3409" s="8">
        <v>1</v>
      </c>
      <c r="I3409" s="8">
        <v>0</v>
      </c>
      <c r="J3409" s="8">
        <v>1</v>
      </c>
      <c r="K3409" s="9">
        <v>30</v>
      </c>
      <c r="L3409" s="6" t="s">
        <v>51</v>
      </c>
    </row>
    <row r="3410" spans="1:12">
      <c r="A3410" s="6" t="s">
        <v>49</v>
      </c>
      <c r="B3410" s="6"/>
      <c r="C3410" s="6" t="s">
        <v>3427</v>
      </c>
      <c r="D3410" s="6"/>
      <c r="E3410" s="6" t="s">
        <v>9</v>
      </c>
      <c r="F3410" s="7">
        <v>38657</v>
      </c>
      <c r="G3410" s="8">
        <v>1</v>
      </c>
      <c r="H3410" s="8">
        <v>1</v>
      </c>
      <c r="I3410" s="8">
        <v>0</v>
      </c>
      <c r="J3410" s="8">
        <v>1</v>
      </c>
      <c r="K3410" s="9">
        <v>271</v>
      </c>
      <c r="L3410" s="6" t="s">
        <v>51</v>
      </c>
    </row>
    <row r="3411" spans="1:12">
      <c r="A3411" s="6" t="s">
        <v>49</v>
      </c>
      <c r="B3411" s="6"/>
      <c r="C3411" s="6" t="s">
        <v>3428</v>
      </c>
      <c r="D3411" s="6"/>
      <c r="E3411" s="6" t="s">
        <v>9</v>
      </c>
      <c r="F3411" s="7">
        <v>38657</v>
      </c>
      <c r="G3411" s="8">
        <v>1</v>
      </c>
      <c r="H3411" s="8">
        <v>1</v>
      </c>
      <c r="I3411" s="8">
        <v>0</v>
      </c>
      <c r="J3411" s="8">
        <v>1</v>
      </c>
      <c r="K3411" s="9">
        <v>38</v>
      </c>
      <c r="L3411" s="6" t="s">
        <v>51</v>
      </c>
    </row>
    <row r="3412" spans="1:12">
      <c r="A3412" s="6" t="s">
        <v>49</v>
      </c>
      <c r="B3412" s="6"/>
      <c r="C3412" s="6" t="s">
        <v>3429</v>
      </c>
      <c r="D3412" s="6"/>
      <c r="E3412" s="6" t="s">
        <v>9</v>
      </c>
      <c r="F3412" s="7">
        <v>38657</v>
      </c>
      <c r="G3412" s="8">
        <v>1</v>
      </c>
      <c r="H3412" s="8">
        <v>1</v>
      </c>
      <c r="I3412" s="8">
        <v>0</v>
      </c>
      <c r="J3412" s="8">
        <v>1</v>
      </c>
      <c r="K3412" s="9">
        <v>308</v>
      </c>
      <c r="L3412" s="6" t="s">
        <v>51</v>
      </c>
    </row>
    <row r="3413" spans="1:12">
      <c r="A3413" s="6" t="s">
        <v>49</v>
      </c>
      <c r="B3413" s="6"/>
      <c r="C3413" s="6" t="s">
        <v>3430</v>
      </c>
      <c r="D3413" s="6"/>
      <c r="E3413" s="6" t="s">
        <v>9</v>
      </c>
      <c r="F3413" s="7">
        <v>38657</v>
      </c>
      <c r="G3413" s="8">
        <v>1</v>
      </c>
      <c r="H3413" s="8">
        <v>1</v>
      </c>
      <c r="I3413" s="8">
        <v>0</v>
      </c>
      <c r="J3413" s="8">
        <v>1</v>
      </c>
      <c r="K3413" s="9">
        <v>305</v>
      </c>
      <c r="L3413" s="6" t="s">
        <v>51</v>
      </c>
    </row>
    <row r="3414" spans="1:12">
      <c r="A3414" s="6" t="s">
        <v>49</v>
      </c>
      <c r="B3414" s="6"/>
      <c r="C3414" s="6" t="s">
        <v>3431</v>
      </c>
      <c r="D3414" s="6"/>
      <c r="E3414" s="6" t="s">
        <v>9</v>
      </c>
      <c r="F3414" s="7">
        <v>38657</v>
      </c>
      <c r="G3414" s="8">
        <v>1</v>
      </c>
      <c r="H3414" s="8">
        <v>1</v>
      </c>
      <c r="I3414" s="8">
        <v>0</v>
      </c>
      <c r="J3414" s="8">
        <v>1</v>
      </c>
      <c r="K3414" s="9">
        <v>327</v>
      </c>
      <c r="L3414" s="6" t="s">
        <v>51</v>
      </c>
    </row>
    <row r="3415" spans="1:12">
      <c r="A3415" s="6" t="s">
        <v>49</v>
      </c>
      <c r="B3415" s="6"/>
      <c r="C3415" s="6" t="s">
        <v>3432</v>
      </c>
      <c r="D3415" s="6"/>
      <c r="E3415" s="6" t="s">
        <v>9</v>
      </c>
      <c r="F3415" s="7">
        <v>38657</v>
      </c>
      <c r="G3415" s="8">
        <v>1</v>
      </c>
      <c r="H3415" s="8">
        <v>1</v>
      </c>
      <c r="I3415" s="8">
        <v>0</v>
      </c>
      <c r="J3415" s="8">
        <v>1</v>
      </c>
      <c r="K3415" s="9">
        <v>305</v>
      </c>
      <c r="L3415" s="6" t="s">
        <v>51</v>
      </c>
    </row>
    <row r="3416" spans="1:12">
      <c r="A3416" s="6" t="s">
        <v>49</v>
      </c>
      <c r="B3416" s="6"/>
      <c r="C3416" s="6" t="s">
        <v>3433</v>
      </c>
      <c r="D3416" s="6"/>
      <c r="E3416" s="6" t="s">
        <v>9</v>
      </c>
      <c r="F3416" s="7">
        <v>38657</v>
      </c>
      <c r="G3416" s="8">
        <v>1</v>
      </c>
      <c r="H3416" s="8">
        <v>1</v>
      </c>
      <c r="I3416" s="8">
        <v>0</v>
      </c>
      <c r="J3416" s="8">
        <v>1</v>
      </c>
      <c r="K3416" s="9">
        <v>23</v>
      </c>
      <c r="L3416" s="6" t="s">
        <v>51</v>
      </c>
    </row>
    <row r="3417" spans="1:12">
      <c r="A3417" s="6" t="s">
        <v>49</v>
      </c>
      <c r="B3417" s="6"/>
      <c r="C3417" s="6" t="s">
        <v>3434</v>
      </c>
      <c r="D3417" s="6"/>
      <c r="E3417" s="6" t="s">
        <v>9</v>
      </c>
      <c r="F3417" s="7">
        <v>38657</v>
      </c>
      <c r="G3417" s="8">
        <v>1</v>
      </c>
      <c r="H3417" s="8">
        <v>1</v>
      </c>
      <c r="I3417" s="8">
        <v>0</v>
      </c>
      <c r="J3417" s="8">
        <v>1</v>
      </c>
      <c r="K3417" s="9">
        <v>191</v>
      </c>
      <c r="L3417" s="6" t="s">
        <v>51</v>
      </c>
    </row>
    <row r="3418" spans="1:12">
      <c r="A3418" s="6" t="s">
        <v>49</v>
      </c>
      <c r="B3418" s="6"/>
      <c r="C3418" s="6" t="s">
        <v>3435</v>
      </c>
      <c r="D3418" s="6"/>
      <c r="E3418" s="6" t="s">
        <v>9</v>
      </c>
      <c r="F3418" s="7">
        <v>38657</v>
      </c>
      <c r="G3418" s="8">
        <v>1</v>
      </c>
      <c r="H3418" s="8">
        <v>1</v>
      </c>
      <c r="I3418" s="8">
        <v>0</v>
      </c>
      <c r="J3418" s="8">
        <v>1</v>
      </c>
      <c r="K3418" s="9">
        <v>125</v>
      </c>
      <c r="L3418" s="6" t="s">
        <v>51</v>
      </c>
    </row>
    <row r="3419" spans="1:12">
      <c r="A3419" s="6" t="s">
        <v>49</v>
      </c>
      <c r="B3419" s="6"/>
      <c r="C3419" s="6" t="s">
        <v>3436</v>
      </c>
      <c r="D3419" s="6"/>
      <c r="E3419" s="6" t="s">
        <v>9</v>
      </c>
      <c r="F3419" s="7">
        <v>38657</v>
      </c>
      <c r="G3419" s="8">
        <v>1</v>
      </c>
      <c r="H3419" s="8">
        <v>1</v>
      </c>
      <c r="I3419" s="8">
        <v>0</v>
      </c>
      <c r="J3419" s="8">
        <v>1</v>
      </c>
      <c r="K3419" s="9">
        <v>103</v>
      </c>
      <c r="L3419" s="6" t="s">
        <v>51</v>
      </c>
    </row>
    <row r="3420" spans="1:12">
      <c r="A3420" s="6" t="s">
        <v>49</v>
      </c>
      <c r="B3420" s="6"/>
      <c r="C3420" s="6" t="s">
        <v>3437</v>
      </c>
      <c r="D3420" s="6"/>
      <c r="E3420" s="6" t="s">
        <v>9</v>
      </c>
      <c r="F3420" s="7">
        <v>38657</v>
      </c>
      <c r="G3420" s="8">
        <v>1</v>
      </c>
      <c r="H3420" s="8">
        <v>1</v>
      </c>
      <c r="I3420" s="8">
        <v>0</v>
      </c>
      <c r="J3420" s="8">
        <v>1</v>
      </c>
      <c r="K3420" s="9">
        <v>79</v>
      </c>
      <c r="L3420" s="6" t="s">
        <v>51</v>
      </c>
    </row>
    <row r="3421" spans="1:12">
      <c r="A3421" s="6" t="s">
        <v>49</v>
      </c>
      <c r="B3421" s="6"/>
      <c r="C3421" s="6" t="s">
        <v>3438</v>
      </c>
      <c r="D3421" s="6"/>
      <c r="E3421" s="6" t="s">
        <v>9</v>
      </c>
      <c r="F3421" s="7">
        <v>38657</v>
      </c>
      <c r="G3421" s="8">
        <v>1</v>
      </c>
      <c r="H3421" s="8">
        <v>1</v>
      </c>
      <c r="I3421" s="8">
        <v>0</v>
      </c>
      <c r="J3421" s="8">
        <v>1</v>
      </c>
      <c r="K3421" s="9">
        <v>89</v>
      </c>
      <c r="L3421" s="6" t="s">
        <v>51</v>
      </c>
    </row>
    <row r="3422" spans="1:12">
      <c r="A3422" s="6" t="s">
        <v>49</v>
      </c>
      <c r="B3422" s="6"/>
      <c r="C3422" s="6" t="s">
        <v>3439</v>
      </c>
      <c r="D3422" s="6"/>
      <c r="E3422" s="6" t="s">
        <v>9</v>
      </c>
      <c r="F3422" s="7">
        <v>38657</v>
      </c>
      <c r="G3422" s="8">
        <v>1</v>
      </c>
      <c r="H3422" s="8">
        <v>1</v>
      </c>
      <c r="I3422" s="8">
        <v>0</v>
      </c>
      <c r="J3422" s="8">
        <v>1</v>
      </c>
      <c r="K3422" s="9">
        <v>89</v>
      </c>
      <c r="L3422" s="6" t="s">
        <v>51</v>
      </c>
    </row>
    <row r="3423" spans="1:12">
      <c r="A3423" s="6" t="s">
        <v>49</v>
      </c>
      <c r="B3423" s="6"/>
      <c r="C3423" s="6" t="s">
        <v>3440</v>
      </c>
      <c r="D3423" s="6"/>
      <c r="E3423" s="6" t="s">
        <v>9</v>
      </c>
      <c r="F3423" s="7">
        <v>38657</v>
      </c>
      <c r="G3423" s="8">
        <v>1</v>
      </c>
      <c r="H3423" s="8">
        <v>1</v>
      </c>
      <c r="I3423" s="8">
        <v>0</v>
      </c>
      <c r="J3423" s="8">
        <v>1</v>
      </c>
      <c r="K3423" s="9">
        <v>128</v>
      </c>
      <c r="L3423" s="6" t="s">
        <v>51</v>
      </c>
    </row>
    <row r="3424" spans="1:12">
      <c r="A3424" s="6" t="s">
        <v>49</v>
      </c>
      <c r="B3424" s="6"/>
      <c r="C3424" s="6" t="s">
        <v>3441</v>
      </c>
      <c r="D3424" s="6"/>
      <c r="E3424" s="6" t="s">
        <v>9</v>
      </c>
      <c r="F3424" s="7">
        <v>38657</v>
      </c>
      <c r="G3424" s="8">
        <v>1</v>
      </c>
      <c r="H3424" s="8">
        <v>1</v>
      </c>
      <c r="I3424" s="8">
        <v>0</v>
      </c>
      <c r="J3424" s="8">
        <v>1</v>
      </c>
      <c r="K3424" s="9">
        <v>81</v>
      </c>
      <c r="L3424" s="6" t="s">
        <v>51</v>
      </c>
    </row>
    <row r="3425" spans="1:12">
      <c r="A3425" s="6" t="s">
        <v>49</v>
      </c>
      <c r="B3425" s="6"/>
      <c r="C3425" s="6" t="s">
        <v>3442</v>
      </c>
      <c r="D3425" s="6"/>
      <c r="E3425" s="6" t="s">
        <v>9</v>
      </c>
      <c r="F3425" s="7">
        <v>38657</v>
      </c>
      <c r="G3425" s="8">
        <v>1</v>
      </c>
      <c r="H3425" s="8">
        <v>1</v>
      </c>
      <c r="I3425" s="8">
        <v>0</v>
      </c>
      <c r="J3425" s="8">
        <v>1</v>
      </c>
      <c r="K3425" s="9">
        <v>63</v>
      </c>
      <c r="L3425" s="6" t="s">
        <v>51</v>
      </c>
    </row>
    <row r="3426" spans="1:12">
      <c r="A3426" s="6" t="s">
        <v>49</v>
      </c>
      <c r="B3426" s="6"/>
      <c r="C3426" s="6" t="s">
        <v>3443</v>
      </c>
      <c r="D3426" s="6"/>
      <c r="E3426" s="6" t="s">
        <v>9</v>
      </c>
      <c r="F3426" s="7">
        <v>38657</v>
      </c>
      <c r="G3426" s="8">
        <v>1</v>
      </c>
      <c r="H3426" s="8">
        <v>1</v>
      </c>
      <c r="I3426" s="8">
        <v>0</v>
      </c>
      <c r="J3426" s="8">
        <v>1</v>
      </c>
      <c r="K3426" s="9">
        <v>46.94</v>
      </c>
      <c r="L3426" s="6" t="s">
        <v>51</v>
      </c>
    </row>
    <row r="3427" spans="1:12">
      <c r="A3427" s="6" t="s">
        <v>49</v>
      </c>
      <c r="B3427" s="6"/>
      <c r="C3427" s="6" t="s">
        <v>3444</v>
      </c>
      <c r="D3427" s="6"/>
      <c r="E3427" s="6" t="s">
        <v>9</v>
      </c>
      <c r="F3427" s="7">
        <v>38657</v>
      </c>
      <c r="G3427" s="8">
        <v>1</v>
      </c>
      <c r="H3427" s="8">
        <v>1</v>
      </c>
      <c r="I3427" s="8">
        <v>0</v>
      </c>
      <c r="J3427" s="8">
        <v>1</v>
      </c>
      <c r="K3427" s="9">
        <v>12</v>
      </c>
      <c r="L3427" s="6" t="s">
        <v>51</v>
      </c>
    </row>
    <row r="3428" spans="1:12">
      <c r="A3428" s="6" t="s">
        <v>49</v>
      </c>
      <c r="B3428" s="6"/>
      <c r="C3428" s="6" t="s">
        <v>3445</v>
      </c>
      <c r="D3428" s="6"/>
      <c r="E3428" s="6" t="s">
        <v>9</v>
      </c>
      <c r="F3428" s="7">
        <v>38657</v>
      </c>
      <c r="G3428" s="8">
        <v>1</v>
      </c>
      <c r="H3428" s="8">
        <v>1</v>
      </c>
      <c r="I3428" s="8">
        <v>0</v>
      </c>
      <c r="J3428" s="8">
        <v>1</v>
      </c>
      <c r="K3428" s="9">
        <v>56.45</v>
      </c>
      <c r="L3428" s="6" t="s">
        <v>51</v>
      </c>
    </row>
    <row r="3429" spans="1:12">
      <c r="A3429" s="6" t="s">
        <v>49</v>
      </c>
      <c r="B3429" s="6"/>
      <c r="C3429" s="6" t="s">
        <v>3446</v>
      </c>
      <c r="D3429" s="6"/>
      <c r="E3429" s="6" t="s">
        <v>9</v>
      </c>
      <c r="F3429" s="7">
        <v>38657</v>
      </c>
      <c r="G3429" s="8">
        <v>1</v>
      </c>
      <c r="H3429" s="8">
        <v>1</v>
      </c>
      <c r="I3429" s="8">
        <v>0</v>
      </c>
      <c r="J3429" s="8">
        <v>1</v>
      </c>
      <c r="K3429" s="9">
        <v>26</v>
      </c>
      <c r="L3429" s="6" t="s">
        <v>51</v>
      </c>
    </row>
    <row r="3430" spans="1:12">
      <c r="A3430" s="6" t="s">
        <v>49</v>
      </c>
      <c r="B3430" s="6"/>
      <c r="C3430" s="6" t="s">
        <v>3447</v>
      </c>
      <c r="D3430" s="6"/>
      <c r="E3430" s="6" t="s">
        <v>9</v>
      </c>
      <c r="F3430" s="7">
        <v>38657</v>
      </c>
      <c r="G3430" s="8">
        <v>1</v>
      </c>
      <c r="H3430" s="8">
        <v>1</v>
      </c>
      <c r="I3430" s="8">
        <v>0</v>
      </c>
      <c r="J3430" s="8">
        <v>1</v>
      </c>
      <c r="K3430" s="9">
        <v>66</v>
      </c>
      <c r="L3430" s="6" t="s">
        <v>51</v>
      </c>
    </row>
    <row r="3431" spans="1:12">
      <c r="A3431" s="6" t="s">
        <v>49</v>
      </c>
      <c r="B3431" s="6"/>
      <c r="C3431" s="6" t="s">
        <v>3448</v>
      </c>
      <c r="D3431" s="6"/>
      <c r="E3431" s="6" t="s">
        <v>9</v>
      </c>
      <c r="F3431" s="7">
        <v>38657</v>
      </c>
      <c r="G3431" s="8">
        <v>1</v>
      </c>
      <c r="H3431" s="8">
        <v>1</v>
      </c>
      <c r="I3431" s="8">
        <v>0</v>
      </c>
      <c r="J3431" s="8">
        <v>1</v>
      </c>
      <c r="K3431" s="9">
        <v>66</v>
      </c>
      <c r="L3431" s="6" t="s">
        <v>51</v>
      </c>
    </row>
    <row r="3432" spans="1:12">
      <c r="A3432" s="6" t="s">
        <v>49</v>
      </c>
      <c r="B3432" s="6"/>
      <c r="C3432" s="6" t="s">
        <v>3449</v>
      </c>
      <c r="D3432" s="6"/>
      <c r="E3432" s="6" t="s">
        <v>9</v>
      </c>
      <c r="F3432" s="7">
        <v>38657</v>
      </c>
      <c r="G3432" s="8">
        <v>1</v>
      </c>
      <c r="H3432" s="8">
        <v>1</v>
      </c>
      <c r="I3432" s="8">
        <v>0</v>
      </c>
      <c r="J3432" s="8">
        <v>1</v>
      </c>
      <c r="K3432" s="9">
        <v>62</v>
      </c>
      <c r="L3432" s="6" t="s">
        <v>51</v>
      </c>
    </row>
    <row r="3433" spans="1:12">
      <c r="A3433" s="6" t="s">
        <v>49</v>
      </c>
      <c r="B3433" s="6"/>
      <c r="C3433" s="6" t="s">
        <v>3450</v>
      </c>
      <c r="D3433" s="6"/>
      <c r="E3433" s="6" t="s">
        <v>9</v>
      </c>
      <c r="F3433" s="7">
        <v>38657</v>
      </c>
      <c r="G3433" s="8">
        <v>1</v>
      </c>
      <c r="H3433" s="8">
        <v>1</v>
      </c>
      <c r="I3433" s="8">
        <v>0</v>
      </c>
      <c r="J3433" s="8">
        <v>1</v>
      </c>
      <c r="K3433" s="9">
        <v>69</v>
      </c>
      <c r="L3433" s="6" t="s">
        <v>51</v>
      </c>
    </row>
    <row r="3434" spans="1:12">
      <c r="A3434" s="6" t="s">
        <v>49</v>
      </c>
      <c r="B3434" s="6"/>
      <c r="C3434" s="6" t="s">
        <v>3451</v>
      </c>
      <c r="D3434" s="6"/>
      <c r="E3434" s="6" t="s">
        <v>9</v>
      </c>
      <c r="F3434" s="7">
        <v>38657</v>
      </c>
      <c r="G3434" s="8">
        <v>1</v>
      </c>
      <c r="H3434" s="8">
        <v>1</v>
      </c>
      <c r="I3434" s="8">
        <v>0</v>
      </c>
      <c r="J3434" s="8">
        <v>1</v>
      </c>
      <c r="K3434" s="9">
        <v>42</v>
      </c>
      <c r="L3434" s="6" t="s">
        <v>51</v>
      </c>
    </row>
    <row r="3435" spans="1:12">
      <c r="A3435" s="6" t="s">
        <v>49</v>
      </c>
      <c r="B3435" s="6"/>
      <c r="C3435" s="6" t="s">
        <v>3452</v>
      </c>
      <c r="D3435" s="6"/>
      <c r="E3435" s="6" t="s">
        <v>9</v>
      </c>
      <c r="F3435" s="7">
        <v>38657</v>
      </c>
      <c r="G3435" s="8">
        <v>1</v>
      </c>
      <c r="H3435" s="8">
        <v>1</v>
      </c>
      <c r="I3435" s="8">
        <v>0</v>
      </c>
      <c r="J3435" s="8">
        <v>1</v>
      </c>
      <c r="K3435" s="9">
        <v>33</v>
      </c>
      <c r="L3435" s="6" t="s">
        <v>51</v>
      </c>
    </row>
    <row r="3436" spans="1:12">
      <c r="A3436" s="6" t="s">
        <v>49</v>
      </c>
      <c r="B3436" s="6"/>
      <c r="C3436" s="6" t="s">
        <v>3453</v>
      </c>
      <c r="D3436" s="6"/>
      <c r="E3436" s="6" t="s">
        <v>9</v>
      </c>
      <c r="F3436" s="7">
        <v>38657</v>
      </c>
      <c r="G3436" s="8">
        <v>1</v>
      </c>
      <c r="H3436" s="8">
        <v>1</v>
      </c>
      <c r="I3436" s="8">
        <v>0</v>
      </c>
      <c r="J3436" s="8">
        <v>1</v>
      </c>
      <c r="K3436" s="9">
        <v>22</v>
      </c>
      <c r="L3436" s="6" t="s">
        <v>51</v>
      </c>
    </row>
    <row r="3437" spans="1:12">
      <c r="A3437" s="6" t="s">
        <v>49</v>
      </c>
      <c r="B3437" s="6"/>
      <c r="C3437" s="6" t="s">
        <v>3454</v>
      </c>
      <c r="D3437" s="6"/>
      <c r="E3437" s="6" t="s">
        <v>9</v>
      </c>
      <c r="F3437" s="7">
        <v>38657</v>
      </c>
      <c r="G3437" s="8">
        <v>1</v>
      </c>
      <c r="H3437" s="8">
        <v>1</v>
      </c>
      <c r="I3437" s="8">
        <v>0</v>
      </c>
      <c r="J3437" s="8">
        <v>1</v>
      </c>
      <c r="K3437" s="9">
        <v>9.91</v>
      </c>
      <c r="L3437" s="6" t="s">
        <v>51</v>
      </c>
    </row>
    <row r="3438" spans="1:12">
      <c r="A3438" s="6" t="s">
        <v>49</v>
      </c>
      <c r="B3438" s="6"/>
      <c r="C3438" s="6" t="s">
        <v>3455</v>
      </c>
      <c r="D3438" s="6"/>
      <c r="E3438" s="6" t="s">
        <v>9</v>
      </c>
      <c r="F3438" s="7">
        <v>38657</v>
      </c>
      <c r="G3438" s="8">
        <v>1</v>
      </c>
      <c r="H3438" s="8">
        <v>1</v>
      </c>
      <c r="I3438" s="8">
        <v>0</v>
      </c>
      <c r="J3438" s="8">
        <v>1</v>
      </c>
      <c r="K3438" s="9">
        <v>19.63</v>
      </c>
      <c r="L3438" s="6" t="s">
        <v>51</v>
      </c>
    </row>
    <row r="3439" spans="1:12">
      <c r="A3439" s="6" t="s">
        <v>49</v>
      </c>
      <c r="B3439" s="6"/>
      <c r="C3439" s="6" t="s">
        <v>3456</v>
      </c>
      <c r="D3439" s="6"/>
      <c r="E3439" s="6" t="s">
        <v>9</v>
      </c>
      <c r="F3439" s="7"/>
      <c r="G3439" s="8">
        <v>1</v>
      </c>
      <c r="H3439" s="8">
        <v>1</v>
      </c>
      <c r="I3439" s="8">
        <v>0</v>
      </c>
      <c r="J3439" s="8">
        <v>1</v>
      </c>
      <c r="K3439" s="9">
        <v>13</v>
      </c>
      <c r="L3439" s="6" t="s">
        <v>51</v>
      </c>
    </row>
    <row r="3440" spans="1:12">
      <c r="A3440" s="6" t="s">
        <v>49</v>
      </c>
      <c r="B3440" s="6"/>
      <c r="C3440" s="6" t="s">
        <v>3457</v>
      </c>
      <c r="D3440" s="6"/>
      <c r="E3440" s="6" t="s">
        <v>9</v>
      </c>
      <c r="F3440" s="7">
        <v>38657</v>
      </c>
      <c r="G3440" s="8">
        <v>1</v>
      </c>
      <c r="H3440" s="8">
        <v>1</v>
      </c>
      <c r="I3440" s="8">
        <v>0</v>
      </c>
      <c r="J3440" s="8">
        <v>1</v>
      </c>
      <c r="K3440" s="9">
        <v>132</v>
      </c>
      <c r="L3440" s="6" t="s">
        <v>51</v>
      </c>
    </row>
    <row r="3441" spans="1:12">
      <c r="A3441" s="6" t="s">
        <v>49</v>
      </c>
      <c r="B3441" s="6"/>
      <c r="C3441" s="6" t="s">
        <v>3458</v>
      </c>
      <c r="D3441" s="6"/>
      <c r="E3441" s="6" t="s">
        <v>9</v>
      </c>
      <c r="F3441" s="7">
        <v>38657</v>
      </c>
      <c r="G3441" s="8">
        <v>1</v>
      </c>
      <c r="H3441" s="8">
        <v>1</v>
      </c>
      <c r="I3441" s="8">
        <v>0</v>
      </c>
      <c r="J3441" s="8">
        <v>1</v>
      </c>
      <c r="K3441" s="9">
        <v>128.72</v>
      </c>
      <c r="L3441" s="6" t="s">
        <v>51</v>
      </c>
    </row>
    <row r="3442" spans="1:12">
      <c r="A3442" s="6" t="s">
        <v>49</v>
      </c>
      <c r="B3442" s="6"/>
      <c r="C3442" s="6" t="s">
        <v>3459</v>
      </c>
      <c r="D3442" s="6"/>
      <c r="E3442" s="6" t="s">
        <v>9</v>
      </c>
      <c r="F3442" s="7">
        <v>38657</v>
      </c>
      <c r="G3442" s="8">
        <v>1</v>
      </c>
      <c r="H3442" s="8">
        <v>1</v>
      </c>
      <c r="I3442" s="8">
        <v>0</v>
      </c>
      <c r="J3442" s="8">
        <v>1</v>
      </c>
      <c r="K3442" s="9">
        <v>160.229999999999</v>
      </c>
      <c r="L3442" s="6" t="s">
        <v>51</v>
      </c>
    </row>
    <row r="3443" spans="1:12">
      <c r="A3443" s="6" t="s">
        <v>49</v>
      </c>
      <c r="B3443" s="6"/>
      <c r="C3443" s="6" t="s">
        <v>3460</v>
      </c>
      <c r="D3443" s="6"/>
      <c r="E3443" s="6" t="s">
        <v>9</v>
      </c>
      <c r="F3443" s="7">
        <v>38657</v>
      </c>
      <c r="G3443" s="8">
        <v>1</v>
      </c>
      <c r="H3443" s="8">
        <v>1</v>
      </c>
      <c r="I3443" s="8">
        <v>0</v>
      </c>
      <c r="J3443" s="8">
        <v>1</v>
      </c>
      <c r="K3443" s="9">
        <v>1.78</v>
      </c>
      <c r="L3443" s="6" t="s">
        <v>51</v>
      </c>
    </row>
    <row r="3444" spans="1:12">
      <c r="A3444" s="6" t="s">
        <v>49</v>
      </c>
      <c r="B3444" s="6"/>
      <c r="C3444" s="6" t="s">
        <v>3461</v>
      </c>
      <c r="D3444" s="6"/>
      <c r="E3444" s="6" t="s">
        <v>9</v>
      </c>
      <c r="F3444" s="7">
        <v>38657</v>
      </c>
      <c r="G3444" s="8">
        <v>1</v>
      </c>
      <c r="H3444" s="8">
        <v>1</v>
      </c>
      <c r="I3444" s="8">
        <v>0</v>
      </c>
      <c r="J3444" s="8">
        <v>1</v>
      </c>
      <c r="K3444" s="9">
        <v>72</v>
      </c>
      <c r="L3444" s="6" t="s">
        <v>51</v>
      </c>
    </row>
    <row r="3445" spans="1:12">
      <c r="A3445" s="6" t="s">
        <v>49</v>
      </c>
      <c r="B3445" s="6"/>
      <c r="C3445" s="6" t="s">
        <v>3462</v>
      </c>
      <c r="D3445" s="6"/>
      <c r="E3445" s="6" t="s">
        <v>9</v>
      </c>
      <c r="F3445" s="7">
        <v>38657</v>
      </c>
      <c r="G3445" s="8">
        <v>1</v>
      </c>
      <c r="H3445" s="8">
        <v>1</v>
      </c>
      <c r="I3445" s="8">
        <v>0</v>
      </c>
      <c r="J3445" s="8">
        <v>1</v>
      </c>
      <c r="K3445" s="9">
        <v>43.96</v>
      </c>
      <c r="L3445" s="6" t="s">
        <v>51</v>
      </c>
    </row>
    <row r="3446" spans="1:12">
      <c r="A3446" s="6" t="s">
        <v>49</v>
      </c>
      <c r="B3446" s="6"/>
      <c r="C3446" s="6" t="s">
        <v>3463</v>
      </c>
      <c r="D3446" s="6"/>
      <c r="E3446" s="6" t="s">
        <v>9</v>
      </c>
      <c r="F3446" s="7">
        <v>38657</v>
      </c>
      <c r="G3446" s="8">
        <v>1</v>
      </c>
      <c r="H3446" s="8">
        <v>1</v>
      </c>
      <c r="I3446" s="8">
        <v>0</v>
      </c>
      <c r="J3446" s="8">
        <v>1</v>
      </c>
      <c r="K3446" s="9">
        <v>23.14</v>
      </c>
      <c r="L3446" s="6" t="s">
        <v>51</v>
      </c>
    </row>
    <row r="3447" spans="1:12">
      <c r="A3447" s="6" t="s">
        <v>49</v>
      </c>
      <c r="B3447" s="6"/>
      <c r="C3447" s="6" t="s">
        <v>3464</v>
      </c>
      <c r="D3447" s="6"/>
      <c r="E3447" s="6" t="s">
        <v>9</v>
      </c>
      <c r="F3447" s="7">
        <v>38657</v>
      </c>
      <c r="G3447" s="8">
        <v>1</v>
      </c>
      <c r="H3447" s="8">
        <v>1</v>
      </c>
      <c r="I3447" s="8">
        <v>0</v>
      </c>
      <c r="J3447" s="8">
        <v>1</v>
      </c>
      <c r="K3447" s="9">
        <v>83</v>
      </c>
      <c r="L3447" s="6" t="s">
        <v>51</v>
      </c>
    </row>
    <row r="3448" spans="1:12">
      <c r="A3448" s="6" t="s">
        <v>49</v>
      </c>
      <c r="B3448" s="6"/>
      <c r="C3448" s="6" t="s">
        <v>3465</v>
      </c>
      <c r="D3448" s="6"/>
      <c r="E3448" s="6" t="s">
        <v>9</v>
      </c>
      <c r="F3448" s="7">
        <v>38657</v>
      </c>
      <c r="G3448" s="8">
        <v>1</v>
      </c>
      <c r="H3448" s="8">
        <v>1</v>
      </c>
      <c r="I3448" s="8">
        <v>0</v>
      </c>
      <c r="J3448" s="8">
        <v>1</v>
      </c>
      <c r="K3448" s="9">
        <v>85</v>
      </c>
      <c r="L3448" s="6" t="s">
        <v>51</v>
      </c>
    </row>
    <row r="3449" spans="1:12">
      <c r="A3449" s="6" t="s">
        <v>49</v>
      </c>
      <c r="B3449" s="6"/>
      <c r="C3449" s="6" t="s">
        <v>3466</v>
      </c>
      <c r="D3449" s="6"/>
      <c r="E3449" s="6" t="s">
        <v>9</v>
      </c>
      <c r="F3449" s="7">
        <v>38657</v>
      </c>
      <c r="G3449" s="8">
        <v>1</v>
      </c>
      <c r="H3449" s="8">
        <v>1</v>
      </c>
      <c r="I3449" s="8">
        <v>0</v>
      </c>
      <c r="J3449" s="8">
        <v>1</v>
      </c>
      <c r="K3449" s="9">
        <v>18.760000000000002</v>
      </c>
      <c r="L3449" s="6" t="s">
        <v>51</v>
      </c>
    </row>
    <row r="3450" spans="1:12">
      <c r="A3450" s="6" t="s">
        <v>49</v>
      </c>
      <c r="B3450" s="6"/>
      <c r="C3450" s="6" t="s">
        <v>3467</v>
      </c>
      <c r="D3450" s="6"/>
      <c r="E3450" s="6" t="s">
        <v>9</v>
      </c>
      <c r="F3450" s="7">
        <v>38657</v>
      </c>
      <c r="G3450" s="8">
        <v>1</v>
      </c>
      <c r="H3450" s="8">
        <v>1</v>
      </c>
      <c r="I3450" s="8">
        <v>0</v>
      </c>
      <c r="J3450" s="8">
        <v>1</v>
      </c>
      <c r="K3450" s="9">
        <v>23</v>
      </c>
      <c r="L3450" s="6" t="s">
        <v>51</v>
      </c>
    </row>
    <row r="3451" spans="1:12">
      <c r="A3451" s="6" t="s">
        <v>49</v>
      </c>
      <c r="B3451" s="6"/>
      <c r="C3451" s="6" t="s">
        <v>3468</v>
      </c>
      <c r="D3451" s="6"/>
      <c r="E3451" s="6" t="s">
        <v>9</v>
      </c>
      <c r="F3451" s="7">
        <v>38657</v>
      </c>
      <c r="G3451" s="8">
        <v>1</v>
      </c>
      <c r="H3451" s="8">
        <v>1</v>
      </c>
      <c r="I3451" s="8">
        <v>0</v>
      </c>
      <c r="J3451" s="8">
        <v>1</v>
      </c>
      <c r="K3451" s="9">
        <v>105</v>
      </c>
      <c r="L3451" s="6" t="s">
        <v>51</v>
      </c>
    </row>
    <row r="3452" spans="1:12">
      <c r="A3452" s="6" t="s">
        <v>49</v>
      </c>
      <c r="B3452" s="6"/>
      <c r="C3452" s="6" t="s">
        <v>3469</v>
      </c>
      <c r="D3452" s="6"/>
      <c r="E3452" s="6" t="s">
        <v>9</v>
      </c>
      <c r="F3452" s="7">
        <v>38657</v>
      </c>
      <c r="G3452" s="8">
        <v>1</v>
      </c>
      <c r="H3452" s="8">
        <v>1</v>
      </c>
      <c r="I3452" s="8">
        <v>0</v>
      </c>
      <c r="J3452" s="8">
        <v>1</v>
      </c>
      <c r="K3452" s="9">
        <v>49</v>
      </c>
      <c r="L3452" s="6" t="s">
        <v>51</v>
      </c>
    </row>
    <row r="3453" spans="1:12">
      <c r="A3453" s="6" t="s">
        <v>49</v>
      </c>
      <c r="B3453" s="6"/>
      <c r="C3453" s="6" t="s">
        <v>3470</v>
      </c>
      <c r="D3453" s="6"/>
      <c r="E3453" s="6" t="s">
        <v>9</v>
      </c>
      <c r="F3453" s="7">
        <v>38657</v>
      </c>
      <c r="G3453" s="8">
        <v>1</v>
      </c>
      <c r="H3453" s="8">
        <v>1</v>
      </c>
      <c r="I3453" s="8">
        <v>0</v>
      </c>
      <c r="J3453" s="8">
        <v>1</v>
      </c>
      <c r="K3453" s="9">
        <v>79</v>
      </c>
      <c r="L3453" s="6" t="s">
        <v>51</v>
      </c>
    </row>
    <row r="3454" spans="1:12">
      <c r="A3454" s="6" t="s">
        <v>49</v>
      </c>
      <c r="B3454" s="6"/>
      <c r="C3454" s="6" t="s">
        <v>3471</v>
      </c>
      <c r="D3454" s="6"/>
      <c r="E3454" s="6" t="s">
        <v>9</v>
      </c>
      <c r="F3454" s="7">
        <v>38657</v>
      </c>
      <c r="G3454" s="8">
        <v>1</v>
      </c>
      <c r="H3454" s="8">
        <v>1</v>
      </c>
      <c r="I3454" s="8">
        <v>0</v>
      </c>
      <c r="J3454" s="8">
        <v>1</v>
      </c>
      <c r="K3454" s="9">
        <v>92</v>
      </c>
      <c r="L3454" s="6" t="s">
        <v>51</v>
      </c>
    </row>
    <row r="3455" spans="1:12">
      <c r="A3455" s="6" t="s">
        <v>49</v>
      </c>
      <c r="B3455" s="6"/>
      <c r="C3455" s="6" t="s">
        <v>3472</v>
      </c>
      <c r="D3455" s="6"/>
      <c r="E3455" s="6" t="s">
        <v>9</v>
      </c>
      <c r="F3455" s="7">
        <v>38657</v>
      </c>
      <c r="G3455" s="8">
        <v>1</v>
      </c>
      <c r="H3455" s="8">
        <v>1</v>
      </c>
      <c r="I3455" s="8">
        <v>0</v>
      </c>
      <c r="J3455" s="8">
        <v>1</v>
      </c>
      <c r="K3455" s="9">
        <v>228</v>
      </c>
      <c r="L3455" s="6" t="s">
        <v>51</v>
      </c>
    </row>
    <row r="3456" spans="1:12">
      <c r="A3456" s="6" t="s">
        <v>49</v>
      </c>
      <c r="B3456" s="6"/>
      <c r="C3456" s="6" t="s">
        <v>3473</v>
      </c>
      <c r="D3456" s="6"/>
      <c r="E3456" s="6" t="s">
        <v>9</v>
      </c>
      <c r="F3456" s="7">
        <v>38657</v>
      </c>
      <c r="G3456" s="8">
        <v>1</v>
      </c>
      <c r="H3456" s="8">
        <v>1</v>
      </c>
      <c r="I3456" s="8">
        <v>0</v>
      </c>
      <c r="J3456" s="8">
        <v>1</v>
      </c>
      <c r="K3456" s="9">
        <v>1.62</v>
      </c>
      <c r="L3456" s="6" t="s">
        <v>51</v>
      </c>
    </row>
    <row r="3457" spans="1:12">
      <c r="A3457" s="6" t="s">
        <v>49</v>
      </c>
      <c r="B3457" s="6"/>
      <c r="C3457" s="6" t="s">
        <v>3474</v>
      </c>
      <c r="D3457" s="6"/>
      <c r="E3457" s="6" t="s">
        <v>9</v>
      </c>
      <c r="F3457" s="7">
        <v>38657</v>
      </c>
      <c r="G3457" s="8">
        <v>1</v>
      </c>
      <c r="H3457" s="8">
        <v>1</v>
      </c>
      <c r="I3457" s="8">
        <v>0</v>
      </c>
      <c r="J3457" s="8">
        <v>1</v>
      </c>
      <c r="K3457" s="9">
        <v>50</v>
      </c>
      <c r="L3457" s="6" t="s">
        <v>51</v>
      </c>
    </row>
    <row r="3458" spans="1:12">
      <c r="A3458" s="6" t="s">
        <v>49</v>
      </c>
      <c r="B3458" s="6"/>
      <c r="C3458" s="6" t="s">
        <v>3475</v>
      </c>
      <c r="D3458" s="6"/>
      <c r="E3458" s="6" t="s">
        <v>9</v>
      </c>
      <c r="F3458" s="7">
        <v>38657</v>
      </c>
      <c r="G3458" s="8">
        <v>1</v>
      </c>
      <c r="H3458" s="8">
        <v>1</v>
      </c>
      <c r="I3458" s="8">
        <v>0</v>
      </c>
      <c r="J3458" s="8">
        <v>1</v>
      </c>
      <c r="K3458" s="9">
        <v>32.96</v>
      </c>
      <c r="L3458" s="6" t="s">
        <v>51</v>
      </c>
    </row>
    <row r="3459" spans="1:12">
      <c r="A3459" s="6" t="s">
        <v>49</v>
      </c>
      <c r="B3459" s="6"/>
      <c r="C3459" s="6" t="s">
        <v>3476</v>
      </c>
      <c r="D3459" s="6"/>
      <c r="E3459" s="6" t="s">
        <v>9</v>
      </c>
      <c r="F3459" s="7">
        <v>38657</v>
      </c>
      <c r="G3459" s="8">
        <v>1</v>
      </c>
      <c r="H3459" s="8">
        <v>1</v>
      </c>
      <c r="I3459" s="8">
        <v>0</v>
      </c>
      <c r="J3459" s="8">
        <v>1</v>
      </c>
      <c r="K3459" s="9">
        <v>1.44</v>
      </c>
      <c r="L3459" s="6" t="s">
        <v>51</v>
      </c>
    </row>
    <row r="3460" spans="1:12">
      <c r="A3460" s="6" t="s">
        <v>49</v>
      </c>
      <c r="B3460" s="6"/>
      <c r="C3460" s="6" t="s">
        <v>3477</v>
      </c>
      <c r="D3460" s="6"/>
      <c r="E3460" s="6" t="s">
        <v>9</v>
      </c>
      <c r="F3460" s="7">
        <v>38657</v>
      </c>
      <c r="G3460" s="8">
        <v>1</v>
      </c>
      <c r="H3460" s="8">
        <v>1</v>
      </c>
      <c r="I3460" s="8">
        <v>0</v>
      </c>
      <c r="J3460" s="8">
        <v>1</v>
      </c>
      <c r="K3460" s="9">
        <v>16</v>
      </c>
      <c r="L3460" s="6" t="s">
        <v>51</v>
      </c>
    </row>
    <row r="3461" spans="1:12">
      <c r="A3461" s="6" t="s">
        <v>49</v>
      </c>
      <c r="B3461" s="6"/>
      <c r="C3461" s="6" t="s">
        <v>3478</v>
      </c>
      <c r="D3461" s="6"/>
      <c r="E3461" s="6" t="s">
        <v>9</v>
      </c>
      <c r="F3461" s="7">
        <v>38657</v>
      </c>
      <c r="G3461" s="8">
        <v>1</v>
      </c>
      <c r="H3461" s="8">
        <v>1</v>
      </c>
      <c r="I3461" s="8">
        <v>0</v>
      </c>
      <c r="J3461" s="8">
        <v>1</v>
      </c>
      <c r="K3461" s="9">
        <v>102</v>
      </c>
      <c r="L3461" s="6" t="s">
        <v>51</v>
      </c>
    </row>
    <row r="3462" spans="1:12">
      <c r="A3462" s="6" t="s">
        <v>49</v>
      </c>
      <c r="B3462" s="6"/>
      <c r="C3462" s="6" t="s">
        <v>3479</v>
      </c>
      <c r="D3462" s="6"/>
      <c r="E3462" s="6" t="s">
        <v>9</v>
      </c>
      <c r="F3462" s="7">
        <v>38657</v>
      </c>
      <c r="G3462" s="8">
        <v>1</v>
      </c>
      <c r="H3462" s="8">
        <v>1</v>
      </c>
      <c r="I3462" s="8">
        <v>0</v>
      </c>
      <c r="J3462" s="8">
        <v>1</v>
      </c>
      <c r="K3462" s="9">
        <v>0.13</v>
      </c>
      <c r="L3462" s="6" t="s">
        <v>51</v>
      </c>
    </row>
    <row r="3463" spans="1:12">
      <c r="A3463" s="6" t="s">
        <v>49</v>
      </c>
      <c r="B3463" s="6"/>
      <c r="C3463" s="6" t="s">
        <v>3480</v>
      </c>
      <c r="D3463" s="6"/>
      <c r="E3463" s="6" t="s">
        <v>9</v>
      </c>
      <c r="F3463" s="7">
        <v>38657</v>
      </c>
      <c r="G3463" s="8">
        <v>1</v>
      </c>
      <c r="H3463" s="8">
        <v>1</v>
      </c>
      <c r="I3463" s="8">
        <v>0</v>
      </c>
      <c r="J3463" s="8">
        <v>1</v>
      </c>
      <c r="K3463" s="9">
        <v>58.42</v>
      </c>
      <c r="L3463" s="6" t="s">
        <v>51</v>
      </c>
    </row>
    <row r="3464" spans="1:12">
      <c r="A3464" s="6" t="s">
        <v>49</v>
      </c>
      <c r="B3464" s="6"/>
      <c r="C3464" s="6" t="s">
        <v>3481</v>
      </c>
      <c r="D3464" s="6"/>
      <c r="E3464" s="6" t="s">
        <v>9</v>
      </c>
      <c r="F3464" s="7">
        <v>38657</v>
      </c>
      <c r="G3464" s="8">
        <v>1</v>
      </c>
      <c r="H3464" s="8">
        <v>1</v>
      </c>
      <c r="I3464" s="8">
        <v>0</v>
      </c>
      <c r="J3464" s="8">
        <v>1</v>
      </c>
      <c r="K3464" s="9">
        <v>5.24</v>
      </c>
      <c r="L3464" s="6" t="s">
        <v>51</v>
      </c>
    </row>
    <row r="3465" spans="1:12">
      <c r="A3465" s="6" t="s">
        <v>49</v>
      </c>
      <c r="B3465" s="6"/>
      <c r="C3465" s="6" t="s">
        <v>3482</v>
      </c>
      <c r="D3465" s="6"/>
      <c r="E3465" s="6" t="s">
        <v>9</v>
      </c>
      <c r="F3465" s="7">
        <v>38657</v>
      </c>
      <c r="G3465" s="8">
        <v>1</v>
      </c>
      <c r="H3465" s="8">
        <v>1</v>
      </c>
      <c r="I3465" s="8">
        <v>0</v>
      </c>
      <c r="J3465" s="8">
        <v>1</v>
      </c>
      <c r="K3465" s="9">
        <v>8.07</v>
      </c>
      <c r="L3465" s="6" t="s">
        <v>51</v>
      </c>
    </row>
    <row r="3466" spans="1:12">
      <c r="A3466" s="6" t="s">
        <v>49</v>
      </c>
      <c r="B3466" s="6"/>
      <c r="C3466" s="6" t="s">
        <v>3483</v>
      </c>
      <c r="D3466" s="6"/>
      <c r="E3466" s="6" t="s">
        <v>9</v>
      </c>
      <c r="F3466" s="7">
        <v>38657</v>
      </c>
      <c r="G3466" s="8">
        <v>1</v>
      </c>
      <c r="H3466" s="8">
        <v>1</v>
      </c>
      <c r="I3466" s="8">
        <v>0</v>
      </c>
      <c r="J3466" s="8">
        <v>1</v>
      </c>
      <c r="K3466" s="9">
        <v>11.54</v>
      </c>
      <c r="L3466" s="6" t="s">
        <v>51</v>
      </c>
    </row>
    <row r="3467" spans="1:12">
      <c r="A3467" s="6" t="s">
        <v>49</v>
      </c>
      <c r="B3467" s="6"/>
      <c r="C3467" s="6" t="s">
        <v>3484</v>
      </c>
      <c r="D3467" s="6"/>
      <c r="E3467" s="6" t="s">
        <v>9</v>
      </c>
      <c r="F3467" s="7">
        <v>38657</v>
      </c>
      <c r="G3467" s="8">
        <v>1</v>
      </c>
      <c r="H3467" s="8">
        <v>1</v>
      </c>
      <c r="I3467" s="8">
        <v>0</v>
      </c>
      <c r="J3467" s="8">
        <v>1</v>
      </c>
      <c r="K3467" s="9">
        <v>29.28</v>
      </c>
      <c r="L3467" s="6" t="s">
        <v>51</v>
      </c>
    </row>
    <row r="3468" spans="1:12">
      <c r="A3468" s="6" t="s">
        <v>49</v>
      </c>
      <c r="B3468" s="6"/>
      <c r="C3468" s="6" t="s">
        <v>3485</v>
      </c>
      <c r="D3468" s="6"/>
      <c r="E3468" s="6" t="s">
        <v>9</v>
      </c>
      <c r="F3468" s="7">
        <v>38657</v>
      </c>
      <c r="G3468" s="8">
        <v>1</v>
      </c>
      <c r="H3468" s="8">
        <v>1</v>
      </c>
      <c r="I3468" s="8">
        <v>0</v>
      </c>
      <c r="J3468" s="8">
        <v>1</v>
      </c>
      <c r="K3468" s="9">
        <v>5.98</v>
      </c>
      <c r="L3468" s="6" t="s">
        <v>51</v>
      </c>
    </row>
    <row r="3469" spans="1:12">
      <c r="A3469" s="6" t="s">
        <v>49</v>
      </c>
      <c r="B3469" s="6"/>
      <c r="C3469" s="6" t="s">
        <v>3486</v>
      </c>
      <c r="D3469" s="6"/>
      <c r="E3469" s="6" t="s">
        <v>9</v>
      </c>
      <c r="F3469" s="7">
        <v>38657</v>
      </c>
      <c r="G3469" s="8">
        <v>1</v>
      </c>
      <c r="H3469" s="8">
        <v>1</v>
      </c>
      <c r="I3469" s="8">
        <v>0</v>
      </c>
      <c r="J3469" s="8">
        <v>1</v>
      </c>
      <c r="K3469" s="9">
        <v>44.09</v>
      </c>
      <c r="L3469" s="6" t="s">
        <v>51</v>
      </c>
    </row>
    <row r="3470" spans="1:12">
      <c r="A3470" s="6" t="s">
        <v>49</v>
      </c>
      <c r="B3470" s="6"/>
      <c r="C3470" s="6" t="s">
        <v>3487</v>
      </c>
      <c r="D3470" s="6"/>
      <c r="E3470" s="6" t="s">
        <v>9</v>
      </c>
      <c r="F3470" s="7">
        <v>38657</v>
      </c>
      <c r="G3470" s="8">
        <v>1</v>
      </c>
      <c r="H3470" s="8">
        <v>1</v>
      </c>
      <c r="I3470" s="8">
        <v>0</v>
      </c>
      <c r="J3470" s="8">
        <v>1</v>
      </c>
      <c r="K3470" s="9">
        <v>359</v>
      </c>
      <c r="L3470" s="6" t="s">
        <v>51</v>
      </c>
    </row>
    <row r="3471" spans="1:12">
      <c r="A3471" s="6" t="s">
        <v>49</v>
      </c>
      <c r="B3471" s="6"/>
      <c r="C3471" s="6" t="s">
        <v>3488</v>
      </c>
      <c r="D3471" s="6"/>
      <c r="E3471" s="6" t="s">
        <v>9</v>
      </c>
      <c r="F3471" s="7">
        <v>38657</v>
      </c>
      <c r="G3471" s="8">
        <v>1</v>
      </c>
      <c r="H3471" s="8">
        <v>1</v>
      </c>
      <c r="I3471" s="8">
        <v>0</v>
      </c>
      <c r="J3471" s="8">
        <v>1</v>
      </c>
      <c r="K3471" s="9">
        <v>46</v>
      </c>
      <c r="L3471" s="6" t="s">
        <v>51</v>
      </c>
    </row>
    <row r="3472" spans="1:12">
      <c r="A3472" s="6" t="s">
        <v>49</v>
      </c>
      <c r="B3472" s="6"/>
      <c r="C3472" s="6" t="s">
        <v>3489</v>
      </c>
      <c r="D3472" s="6"/>
      <c r="E3472" s="6" t="s">
        <v>9</v>
      </c>
      <c r="F3472" s="7">
        <v>38657</v>
      </c>
      <c r="G3472" s="8">
        <v>1</v>
      </c>
      <c r="H3472" s="8">
        <v>1</v>
      </c>
      <c r="I3472" s="8">
        <v>0</v>
      </c>
      <c r="J3472" s="8">
        <v>1</v>
      </c>
      <c r="K3472" s="9">
        <v>1879</v>
      </c>
      <c r="L3472" s="6" t="s">
        <v>51</v>
      </c>
    </row>
    <row r="3473" spans="1:12">
      <c r="A3473" s="6" t="s">
        <v>49</v>
      </c>
      <c r="B3473" s="6"/>
      <c r="C3473" s="6" t="s">
        <v>3490</v>
      </c>
      <c r="D3473" s="6"/>
      <c r="E3473" s="6" t="s">
        <v>9</v>
      </c>
      <c r="F3473" s="7">
        <v>40046</v>
      </c>
      <c r="G3473" s="8">
        <v>1</v>
      </c>
      <c r="H3473" s="8">
        <v>1</v>
      </c>
      <c r="I3473" s="8">
        <v>0</v>
      </c>
      <c r="J3473" s="8">
        <v>1</v>
      </c>
      <c r="K3473" s="9">
        <v>9.91</v>
      </c>
      <c r="L3473" s="6" t="s">
        <v>51</v>
      </c>
    </row>
    <row r="3474" spans="1:12">
      <c r="A3474" s="6" t="s">
        <v>49</v>
      </c>
      <c r="B3474" s="6"/>
      <c r="C3474" s="6" t="s">
        <v>3491</v>
      </c>
      <c r="D3474" s="6"/>
      <c r="E3474" s="6" t="s">
        <v>9</v>
      </c>
      <c r="F3474" s="7">
        <v>38657</v>
      </c>
      <c r="G3474" s="8">
        <v>1</v>
      </c>
      <c r="H3474" s="8">
        <v>1</v>
      </c>
      <c r="I3474" s="8">
        <v>0</v>
      </c>
      <c r="J3474" s="8">
        <v>1</v>
      </c>
      <c r="K3474" s="9">
        <v>86.77</v>
      </c>
      <c r="L3474" s="6" t="s">
        <v>51</v>
      </c>
    </row>
    <row r="3475" spans="1:12">
      <c r="A3475" s="6" t="s">
        <v>49</v>
      </c>
      <c r="B3475" s="6"/>
      <c r="C3475" s="6" t="s">
        <v>3492</v>
      </c>
      <c r="D3475" s="6"/>
      <c r="E3475" s="6" t="s">
        <v>9</v>
      </c>
      <c r="F3475" s="7">
        <v>38657</v>
      </c>
      <c r="G3475" s="8">
        <v>1</v>
      </c>
      <c r="H3475" s="8">
        <v>1</v>
      </c>
      <c r="I3475" s="8">
        <v>0</v>
      </c>
      <c r="J3475" s="8">
        <v>1</v>
      </c>
      <c r="K3475" s="9">
        <v>19</v>
      </c>
      <c r="L3475" s="6" t="s">
        <v>51</v>
      </c>
    </row>
    <row r="3476" spans="1:12">
      <c r="A3476" s="6" t="s">
        <v>49</v>
      </c>
      <c r="B3476" s="6"/>
      <c r="C3476" s="6" t="s">
        <v>3493</v>
      </c>
      <c r="D3476" s="6"/>
      <c r="E3476" s="6" t="s">
        <v>9</v>
      </c>
      <c r="F3476" s="7">
        <v>38657</v>
      </c>
      <c r="G3476" s="8">
        <v>1</v>
      </c>
      <c r="H3476" s="8">
        <v>1</v>
      </c>
      <c r="I3476" s="8">
        <v>0</v>
      </c>
      <c r="J3476" s="8">
        <v>1</v>
      </c>
      <c r="K3476" s="9">
        <v>3.3</v>
      </c>
      <c r="L3476" s="6" t="s">
        <v>51</v>
      </c>
    </row>
    <row r="3477" spans="1:12">
      <c r="A3477" s="6" t="s">
        <v>49</v>
      </c>
      <c r="B3477" s="6"/>
      <c r="C3477" s="6" t="s">
        <v>3494</v>
      </c>
      <c r="D3477" s="6"/>
      <c r="E3477" s="6" t="s">
        <v>9</v>
      </c>
      <c r="F3477" s="7">
        <v>38657</v>
      </c>
      <c r="G3477" s="8">
        <v>1</v>
      </c>
      <c r="H3477" s="8">
        <v>1</v>
      </c>
      <c r="I3477" s="8">
        <v>0</v>
      </c>
      <c r="J3477" s="8">
        <v>1</v>
      </c>
      <c r="K3477" s="9">
        <v>96.37</v>
      </c>
      <c r="L3477" s="6" t="s">
        <v>51</v>
      </c>
    </row>
    <row r="3478" spans="1:12">
      <c r="A3478" s="6" t="s">
        <v>49</v>
      </c>
      <c r="B3478" s="6"/>
      <c r="C3478" s="6" t="s">
        <v>3495</v>
      </c>
      <c r="D3478" s="6"/>
      <c r="E3478" s="6" t="s">
        <v>9</v>
      </c>
      <c r="F3478" s="7">
        <v>38657</v>
      </c>
      <c r="G3478" s="8">
        <v>1</v>
      </c>
      <c r="H3478" s="8">
        <v>1</v>
      </c>
      <c r="I3478" s="8">
        <v>0</v>
      </c>
      <c r="J3478" s="8">
        <v>1</v>
      </c>
      <c r="K3478" s="9">
        <v>33.049999999999898</v>
      </c>
      <c r="L3478" s="6" t="s">
        <v>51</v>
      </c>
    </row>
    <row r="3479" spans="1:12">
      <c r="A3479" s="6" t="s">
        <v>49</v>
      </c>
      <c r="B3479" s="6"/>
      <c r="C3479" s="6" t="s">
        <v>3496</v>
      </c>
      <c r="D3479" s="6"/>
      <c r="E3479" s="6" t="s">
        <v>9</v>
      </c>
      <c r="F3479" s="7">
        <v>38657</v>
      </c>
      <c r="G3479" s="8">
        <v>1</v>
      </c>
      <c r="H3479" s="8">
        <v>1</v>
      </c>
      <c r="I3479" s="8">
        <v>0</v>
      </c>
      <c r="J3479" s="8">
        <v>1</v>
      </c>
      <c r="K3479" s="9">
        <v>191.83</v>
      </c>
      <c r="L3479" s="6" t="s">
        <v>51</v>
      </c>
    </row>
    <row r="3480" spans="1:12">
      <c r="A3480" s="6" t="s">
        <v>49</v>
      </c>
      <c r="B3480" s="6"/>
      <c r="C3480" s="6" t="s">
        <v>3497</v>
      </c>
      <c r="D3480" s="6"/>
      <c r="E3480" s="6" t="s">
        <v>9</v>
      </c>
      <c r="F3480" s="7">
        <v>38657</v>
      </c>
      <c r="G3480" s="8">
        <v>1</v>
      </c>
      <c r="H3480" s="8">
        <v>1</v>
      </c>
      <c r="I3480" s="8">
        <v>0</v>
      </c>
      <c r="J3480" s="8">
        <v>1</v>
      </c>
      <c r="K3480" s="9">
        <v>32</v>
      </c>
      <c r="L3480" s="6" t="s">
        <v>51</v>
      </c>
    </row>
    <row r="3481" spans="1:12">
      <c r="A3481" s="6" t="s">
        <v>49</v>
      </c>
      <c r="B3481" s="6"/>
      <c r="C3481" s="6" t="s">
        <v>3498</v>
      </c>
      <c r="D3481" s="6"/>
      <c r="E3481" s="6" t="s">
        <v>9</v>
      </c>
      <c r="F3481" s="7">
        <v>38657</v>
      </c>
      <c r="G3481" s="8">
        <v>1</v>
      </c>
      <c r="H3481" s="8">
        <v>1</v>
      </c>
      <c r="I3481" s="8">
        <v>0</v>
      </c>
      <c r="J3481" s="8">
        <v>1</v>
      </c>
      <c r="K3481" s="9">
        <v>61</v>
      </c>
      <c r="L3481" s="6" t="s">
        <v>51</v>
      </c>
    </row>
    <row r="3482" spans="1:12">
      <c r="A3482" s="6" t="s">
        <v>49</v>
      </c>
      <c r="B3482" s="6"/>
      <c r="C3482" s="6" t="s">
        <v>3499</v>
      </c>
      <c r="D3482" s="6"/>
      <c r="E3482" s="6" t="s">
        <v>9</v>
      </c>
      <c r="F3482" s="7">
        <v>38657</v>
      </c>
      <c r="G3482" s="8">
        <v>1</v>
      </c>
      <c r="H3482" s="8">
        <v>1</v>
      </c>
      <c r="I3482" s="8">
        <v>0</v>
      </c>
      <c r="J3482" s="8">
        <v>1</v>
      </c>
      <c r="K3482" s="9">
        <v>49</v>
      </c>
      <c r="L3482" s="6" t="s">
        <v>51</v>
      </c>
    </row>
    <row r="3483" spans="1:12">
      <c r="A3483" s="6" t="s">
        <v>49</v>
      </c>
      <c r="B3483" s="6"/>
      <c r="C3483" s="6" t="s">
        <v>3500</v>
      </c>
      <c r="D3483" s="6"/>
      <c r="E3483" s="6" t="s">
        <v>9</v>
      </c>
      <c r="F3483" s="7">
        <v>38657</v>
      </c>
      <c r="G3483" s="8">
        <v>1</v>
      </c>
      <c r="H3483" s="8">
        <v>1</v>
      </c>
      <c r="I3483" s="8">
        <v>0</v>
      </c>
      <c r="J3483" s="8">
        <v>1</v>
      </c>
      <c r="K3483" s="9">
        <v>113</v>
      </c>
      <c r="L3483" s="6" t="s">
        <v>51</v>
      </c>
    </row>
    <row r="3484" spans="1:12">
      <c r="A3484" s="6" t="s">
        <v>49</v>
      </c>
      <c r="B3484" s="6"/>
      <c r="C3484" s="6" t="s">
        <v>3501</v>
      </c>
      <c r="D3484" s="6"/>
      <c r="E3484" s="6" t="s">
        <v>9</v>
      </c>
      <c r="F3484" s="7">
        <v>38657</v>
      </c>
      <c r="G3484" s="8">
        <v>1</v>
      </c>
      <c r="H3484" s="8">
        <v>1</v>
      </c>
      <c r="I3484" s="8">
        <v>0</v>
      </c>
      <c r="J3484" s="8">
        <v>1</v>
      </c>
      <c r="K3484" s="9">
        <v>30</v>
      </c>
      <c r="L3484" s="6" t="s">
        <v>51</v>
      </c>
    </row>
    <row r="3485" spans="1:12">
      <c r="A3485" s="6" t="s">
        <v>49</v>
      </c>
      <c r="B3485" s="6"/>
      <c r="C3485" s="6" t="s">
        <v>3502</v>
      </c>
      <c r="D3485" s="6"/>
      <c r="E3485" s="6" t="s">
        <v>9</v>
      </c>
      <c r="F3485" s="7">
        <v>38657</v>
      </c>
      <c r="G3485" s="8">
        <v>1</v>
      </c>
      <c r="H3485" s="8">
        <v>1</v>
      </c>
      <c r="I3485" s="8">
        <v>0</v>
      </c>
      <c r="J3485" s="8">
        <v>1</v>
      </c>
      <c r="K3485" s="9">
        <v>72</v>
      </c>
      <c r="L3485" s="6" t="s">
        <v>51</v>
      </c>
    </row>
    <row r="3486" spans="1:12">
      <c r="A3486" s="6" t="s">
        <v>49</v>
      </c>
      <c r="B3486" s="6"/>
      <c r="C3486" s="6" t="s">
        <v>3503</v>
      </c>
      <c r="D3486" s="6"/>
      <c r="E3486" s="6" t="s">
        <v>9</v>
      </c>
      <c r="F3486" s="7">
        <v>38657</v>
      </c>
      <c r="G3486" s="8">
        <v>1</v>
      </c>
      <c r="H3486" s="8">
        <v>1</v>
      </c>
      <c r="I3486" s="8">
        <v>0</v>
      </c>
      <c r="J3486" s="8">
        <v>1</v>
      </c>
      <c r="K3486" s="9">
        <v>1.84</v>
      </c>
      <c r="L3486" s="6" t="s">
        <v>51</v>
      </c>
    </row>
    <row r="3487" spans="1:12">
      <c r="A3487" s="6" t="s">
        <v>49</v>
      </c>
      <c r="B3487" s="6"/>
      <c r="C3487" s="6" t="s">
        <v>3504</v>
      </c>
      <c r="D3487" s="6"/>
      <c r="E3487" s="6" t="s">
        <v>9</v>
      </c>
      <c r="F3487" s="7">
        <v>38657</v>
      </c>
      <c r="G3487" s="8">
        <v>1</v>
      </c>
      <c r="H3487" s="8">
        <v>1</v>
      </c>
      <c r="I3487" s="8">
        <v>0</v>
      </c>
      <c r="J3487" s="8">
        <v>1</v>
      </c>
      <c r="K3487" s="9">
        <v>66</v>
      </c>
      <c r="L3487" s="6" t="s">
        <v>51</v>
      </c>
    </row>
    <row r="3488" spans="1:12">
      <c r="A3488" s="6" t="s">
        <v>49</v>
      </c>
      <c r="B3488" s="6"/>
      <c r="C3488" s="6" t="s">
        <v>3505</v>
      </c>
      <c r="D3488" s="6"/>
      <c r="E3488" s="6" t="s">
        <v>9</v>
      </c>
      <c r="F3488" s="7">
        <v>38657</v>
      </c>
      <c r="G3488" s="8">
        <v>1</v>
      </c>
      <c r="H3488" s="8">
        <v>1</v>
      </c>
      <c r="I3488" s="8">
        <v>0</v>
      </c>
      <c r="J3488" s="8">
        <v>1</v>
      </c>
      <c r="K3488" s="9">
        <v>66</v>
      </c>
      <c r="L3488" s="6" t="s">
        <v>51</v>
      </c>
    </row>
    <row r="3489" spans="1:12">
      <c r="A3489" s="6" t="s">
        <v>49</v>
      </c>
      <c r="B3489" s="6"/>
      <c r="C3489" s="6" t="s">
        <v>3506</v>
      </c>
      <c r="D3489" s="6"/>
      <c r="E3489" s="6" t="s">
        <v>9</v>
      </c>
      <c r="F3489" s="7">
        <v>38657</v>
      </c>
      <c r="G3489" s="8">
        <v>1</v>
      </c>
      <c r="H3489" s="8">
        <v>1</v>
      </c>
      <c r="I3489" s="8">
        <v>0</v>
      </c>
      <c r="J3489" s="8">
        <v>1</v>
      </c>
      <c r="K3489" s="9">
        <v>8.2799999999999905</v>
      </c>
      <c r="L3489" s="6" t="s">
        <v>51</v>
      </c>
    </row>
    <row r="3490" spans="1:12">
      <c r="A3490" s="6" t="s">
        <v>49</v>
      </c>
      <c r="B3490" s="6"/>
      <c r="C3490" s="6" t="s">
        <v>3507</v>
      </c>
      <c r="D3490" s="6"/>
      <c r="E3490" s="6" t="s">
        <v>9</v>
      </c>
      <c r="F3490" s="7">
        <v>38657</v>
      </c>
      <c r="G3490" s="8">
        <v>1</v>
      </c>
      <c r="H3490" s="8">
        <v>1</v>
      </c>
      <c r="I3490" s="8">
        <v>0</v>
      </c>
      <c r="J3490" s="8">
        <v>1</v>
      </c>
      <c r="K3490" s="9">
        <v>7.91</v>
      </c>
      <c r="L3490" s="6" t="s">
        <v>51</v>
      </c>
    </row>
    <row r="3491" spans="1:12">
      <c r="A3491" s="6" t="s">
        <v>49</v>
      </c>
      <c r="B3491" s="6"/>
      <c r="C3491" s="6" t="s">
        <v>3508</v>
      </c>
      <c r="D3491" s="6"/>
      <c r="E3491" s="6" t="s">
        <v>9</v>
      </c>
      <c r="F3491" s="7">
        <v>38657</v>
      </c>
      <c r="G3491" s="8">
        <v>1</v>
      </c>
      <c r="H3491" s="8">
        <v>1</v>
      </c>
      <c r="I3491" s="8">
        <v>0</v>
      </c>
      <c r="J3491" s="8">
        <v>1</v>
      </c>
      <c r="K3491" s="9">
        <v>66</v>
      </c>
      <c r="L3491" s="6" t="s">
        <v>51</v>
      </c>
    </row>
    <row r="3492" spans="1:12">
      <c r="A3492" s="6" t="s">
        <v>49</v>
      </c>
      <c r="B3492" s="6"/>
      <c r="C3492" s="6" t="s">
        <v>3509</v>
      </c>
      <c r="D3492" s="6"/>
      <c r="E3492" s="6" t="s">
        <v>9</v>
      </c>
      <c r="F3492" s="7">
        <v>38657</v>
      </c>
      <c r="G3492" s="8">
        <v>1</v>
      </c>
      <c r="H3492" s="8">
        <v>1</v>
      </c>
      <c r="I3492" s="8">
        <v>0</v>
      </c>
      <c r="J3492" s="8">
        <v>1</v>
      </c>
      <c r="K3492" s="9">
        <v>40</v>
      </c>
      <c r="L3492" s="6" t="s">
        <v>51</v>
      </c>
    </row>
    <row r="3493" spans="1:12">
      <c r="A3493" s="6" t="s">
        <v>49</v>
      </c>
      <c r="B3493" s="6"/>
      <c r="C3493" s="6" t="s">
        <v>3510</v>
      </c>
      <c r="D3493" s="6"/>
      <c r="E3493" s="6" t="s">
        <v>9</v>
      </c>
      <c r="F3493" s="7">
        <v>38657</v>
      </c>
      <c r="G3493" s="8">
        <v>1</v>
      </c>
      <c r="H3493" s="8">
        <v>1</v>
      </c>
      <c r="I3493" s="8">
        <v>0</v>
      </c>
      <c r="J3493" s="8">
        <v>1</v>
      </c>
      <c r="K3493" s="9">
        <v>40</v>
      </c>
      <c r="L3493" s="6" t="s">
        <v>51</v>
      </c>
    </row>
    <row r="3494" spans="1:12">
      <c r="A3494" s="6" t="s">
        <v>49</v>
      </c>
      <c r="B3494" s="6"/>
      <c r="C3494" s="6" t="s">
        <v>3511</v>
      </c>
      <c r="D3494" s="6"/>
      <c r="E3494" s="6" t="s">
        <v>9</v>
      </c>
      <c r="F3494" s="7">
        <v>38657</v>
      </c>
      <c r="G3494" s="8">
        <v>1</v>
      </c>
      <c r="H3494" s="8">
        <v>1</v>
      </c>
      <c r="I3494" s="8">
        <v>0</v>
      </c>
      <c r="J3494" s="8">
        <v>1</v>
      </c>
      <c r="K3494" s="9">
        <v>9.91</v>
      </c>
      <c r="L3494" s="6" t="s">
        <v>51</v>
      </c>
    </row>
    <row r="3495" spans="1:12">
      <c r="A3495" s="6" t="s">
        <v>49</v>
      </c>
      <c r="B3495" s="6"/>
      <c r="C3495" s="6" t="s">
        <v>3512</v>
      </c>
      <c r="D3495" s="6"/>
      <c r="E3495" s="6" t="s">
        <v>9</v>
      </c>
      <c r="F3495" s="7">
        <v>38657</v>
      </c>
      <c r="G3495" s="8">
        <v>1</v>
      </c>
      <c r="H3495" s="8">
        <v>1</v>
      </c>
      <c r="I3495" s="8">
        <v>0</v>
      </c>
      <c r="J3495" s="8">
        <v>1</v>
      </c>
      <c r="K3495" s="9">
        <v>40</v>
      </c>
      <c r="L3495" s="6" t="s">
        <v>51</v>
      </c>
    </row>
    <row r="3496" spans="1:12">
      <c r="A3496" s="6" t="s">
        <v>49</v>
      </c>
      <c r="B3496" s="6"/>
      <c r="C3496" s="6" t="s">
        <v>3513</v>
      </c>
      <c r="D3496" s="6"/>
      <c r="E3496" s="6" t="s">
        <v>9</v>
      </c>
      <c r="F3496" s="7">
        <v>38657</v>
      </c>
      <c r="G3496" s="8">
        <v>1</v>
      </c>
      <c r="H3496" s="8">
        <v>1</v>
      </c>
      <c r="I3496" s="8">
        <v>0</v>
      </c>
      <c r="J3496" s="8">
        <v>1</v>
      </c>
      <c r="K3496" s="9">
        <v>40</v>
      </c>
      <c r="L3496" s="6" t="s">
        <v>51</v>
      </c>
    </row>
    <row r="3497" spans="1:12">
      <c r="A3497" s="6" t="s">
        <v>49</v>
      </c>
      <c r="B3497" s="6"/>
      <c r="C3497" s="6" t="s">
        <v>3514</v>
      </c>
      <c r="D3497" s="6"/>
      <c r="E3497" s="6" t="s">
        <v>9</v>
      </c>
      <c r="F3497" s="7">
        <v>38657</v>
      </c>
      <c r="G3497" s="8">
        <v>1</v>
      </c>
      <c r="H3497" s="8">
        <v>1</v>
      </c>
      <c r="I3497" s="8">
        <v>0</v>
      </c>
      <c r="J3497" s="8">
        <v>1</v>
      </c>
      <c r="K3497" s="9">
        <v>40</v>
      </c>
      <c r="L3497" s="6" t="s">
        <v>51</v>
      </c>
    </row>
    <row r="3498" spans="1:12">
      <c r="A3498" s="6" t="s">
        <v>49</v>
      </c>
      <c r="B3498" s="6"/>
      <c r="C3498" s="6" t="s">
        <v>3515</v>
      </c>
      <c r="D3498" s="6"/>
      <c r="E3498" s="6" t="s">
        <v>9</v>
      </c>
      <c r="F3498" s="7">
        <v>38657</v>
      </c>
      <c r="G3498" s="8">
        <v>1</v>
      </c>
      <c r="H3498" s="8">
        <v>1</v>
      </c>
      <c r="I3498" s="8">
        <v>0</v>
      </c>
      <c r="J3498" s="8">
        <v>1</v>
      </c>
      <c r="K3498" s="9">
        <v>40</v>
      </c>
      <c r="L3498" s="6" t="s">
        <v>51</v>
      </c>
    </row>
    <row r="3499" spans="1:12">
      <c r="A3499" s="6" t="s">
        <v>49</v>
      </c>
      <c r="B3499" s="6"/>
      <c r="C3499" s="6" t="s">
        <v>3516</v>
      </c>
      <c r="D3499" s="6"/>
      <c r="E3499" s="6" t="s">
        <v>9</v>
      </c>
      <c r="F3499" s="7">
        <v>38657</v>
      </c>
      <c r="G3499" s="8">
        <v>1</v>
      </c>
      <c r="H3499" s="8">
        <v>1</v>
      </c>
      <c r="I3499" s="8">
        <v>0</v>
      </c>
      <c r="J3499" s="8">
        <v>1</v>
      </c>
      <c r="K3499" s="9">
        <v>2.21</v>
      </c>
      <c r="L3499" s="6" t="s">
        <v>51</v>
      </c>
    </row>
    <row r="3500" spans="1:12">
      <c r="A3500" s="6" t="s">
        <v>49</v>
      </c>
      <c r="B3500" s="6"/>
      <c r="C3500" s="6" t="s">
        <v>3517</v>
      </c>
      <c r="D3500" s="6"/>
      <c r="E3500" s="6" t="s">
        <v>9</v>
      </c>
      <c r="F3500" s="7">
        <v>38657</v>
      </c>
      <c r="G3500" s="8">
        <v>1</v>
      </c>
      <c r="H3500" s="8">
        <v>1</v>
      </c>
      <c r="I3500" s="8">
        <v>0</v>
      </c>
      <c r="J3500" s="8">
        <v>1</v>
      </c>
      <c r="K3500" s="9">
        <v>1.93</v>
      </c>
      <c r="L3500" s="6" t="s">
        <v>51</v>
      </c>
    </row>
    <row r="3501" spans="1:12">
      <c r="A3501" s="6" t="s">
        <v>49</v>
      </c>
      <c r="B3501" s="6"/>
      <c r="C3501" s="6" t="s">
        <v>3518</v>
      </c>
      <c r="D3501" s="6"/>
      <c r="E3501" s="6" t="s">
        <v>9</v>
      </c>
      <c r="F3501" s="7">
        <v>38657</v>
      </c>
      <c r="G3501" s="8">
        <v>1</v>
      </c>
      <c r="H3501" s="8">
        <v>1</v>
      </c>
      <c r="I3501" s="8">
        <v>0</v>
      </c>
      <c r="J3501" s="8">
        <v>1</v>
      </c>
      <c r="K3501" s="9">
        <v>1.9</v>
      </c>
      <c r="L3501" s="6" t="s">
        <v>51</v>
      </c>
    </row>
    <row r="3502" spans="1:12">
      <c r="A3502" s="6" t="s">
        <v>49</v>
      </c>
      <c r="B3502" s="6"/>
      <c r="C3502" s="6" t="s">
        <v>3519</v>
      </c>
      <c r="D3502" s="6"/>
      <c r="E3502" s="6" t="s">
        <v>9</v>
      </c>
      <c r="F3502" s="7">
        <v>38657</v>
      </c>
      <c r="G3502" s="8">
        <v>1</v>
      </c>
      <c r="H3502" s="8">
        <v>1</v>
      </c>
      <c r="I3502" s="8">
        <v>0</v>
      </c>
      <c r="J3502" s="8">
        <v>1</v>
      </c>
      <c r="K3502" s="9">
        <v>1.91</v>
      </c>
      <c r="L3502" s="6" t="s">
        <v>51</v>
      </c>
    </row>
    <row r="3503" spans="1:12">
      <c r="A3503" s="6" t="s">
        <v>49</v>
      </c>
      <c r="B3503" s="6"/>
      <c r="C3503" s="6" t="s">
        <v>3520</v>
      </c>
      <c r="D3503" s="6"/>
      <c r="E3503" s="6" t="s">
        <v>9</v>
      </c>
      <c r="F3503" s="7">
        <v>38657</v>
      </c>
      <c r="G3503" s="8">
        <v>1</v>
      </c>
      <c r="H3503" s="8">
        <v>1</v>
      </c>
      <c r="I3503" s="8">
        <v>0</v>
      </c>
      <c r="J3503" s="8">
        <v>1</v>
      </c>
      <c r="K3503" s="9">
        <v>40</v>
      </c>
      <c r="L3503" s="6" t="s">
        <v>51</v>
      </c>
    </row>
    <row r="3504" spans="1:12">
      <c r="A3504" s="6" t="s">
        <v>49</v>
      </c>
      <c r="B3504" s="6"/>
      <c r="C3504" s="6" t="s">
        <v>3521</v>
      </c>
      <c r="D3504" s="6"/>
      <c r="E3504" s="6" t="s">
        <v>9</v>
      </c>
      <c r="F3504" s="7">
        <v>38657</v>
      </c>
      <c r="G3504" s="8">
        <v>1</v>
      </c>
      <c r="H3504" s="8">
        <v>1</v>
      </c>
      <c r="I3504" s="8">
        <v>0</v>
      </c>
      <c r="J3504" s="8">
        <v>1</v>
      </c>
      <c r="K3504" s="9">
        <v>30</v>
      </c>
      <c r="L3504" s="6" t="s">
        <v>51</v>
      </c>
    </row>
    <row r="3505" spans="1:12">
      <c r="A3505" s="6" t="s">
        <v>49</v>
      </c>
      <c r="B3505" s="6"/>
      <c r="C3505" s="6" t="s">
        <v>3522</v>
      </c>
      <c r="D3505" s="6"/>
      <c r="E3505" s="6" t="s">
        <v>9</v>
      </c>
      <c r="F3505" s="7">
        <v>38657</v>
      </c>
      <c r="G3505" s="8">
        <v>1</v>
      </c>
      <c r="H3505" s="8">
        <v>1</v>
      </c>
      <c r="I3505" s="8">
        <v>0</v>
      </c>
      <c r="J3505" s="8">
        <v>1</v>
      </c>
      <c r="K3505" s="9">
        <v>7.5</v>
      </c>
      <c r="L3505" s="6" t="s">
        <v>51</v>
      </c>
    </row>
    <row r="3506" spans="1:12">
      <c r="A3506" s="6" t="s">
        <v>49</v>
      </c>
      <c r="B3506" s="6"/>
      <c r="C3506" s="6" t="s">
        <v>3523</v>
      </c>
      <c r="D3506" s="6"/>
      <c r="E3506" s="6" t="s">
        <v>9</v>
      </c>
      <c r="F3506" s="7">
        <v>38657</v>
      </c>
      <c r="G3506" s="8">
        <v>1</v>
      </c>
      <c r="H3506" s="8">
        <v>1</v>
      </c>
      <c r="I3506" s="8">
        <v>0</v>
      </c>
      <c r="J3506" s="8">
        <v>1</v>
      </c>
      <c r="K3506" s="9">
        <v>35.700000000000003</v>
      </c>
      <c r="L3506" s="6" t="s">
        <v>51</v>
      </c>
    </row>
    <row r="3507" spans="1:12">
      <c r="A3507" s="6" t="s">
        <v>49</v>
      </c>
      <c r="B3507" s="6"/>
      <c r="C3507" s="6" t="s">
        <v>3524</v>
      </c>
      <c r="D3507" s="6"/>
      <c r="E3507" s="6" t="s">
        <v>9</v>
      </c>
      <c r="F3507" s="7">
        <v>38657</v>
      </c>
      <c r="G3507" s="8">
        <v>1</v>
      </c>
      <c r="H3507" s="8">
        <v>1</v>
      </c>
      <c r="I3507" s="8">
        <v>0</v>
      </c>
      <c r="J3507" s="8">
        <v>1</v>
      </c>
      <c r="K3507" s="9">
        <v>28</v>
      </c>
      <c r="L3507" s="6" t="s">
        <v>51</v>
      </c>
    </row>
    <row r="3508" spans="1:12">
      <c r="A3508" s="6" t="s">
        <v>49</v>
      </c>
      <c r="B3508" s="6"/>
      <c r="C3508" s="6" t="s">
        <v>3525</v>
      </c>
      <c r="D3508" s="6"/>
      <c r="E3508" s="6" t="s">
        <v>9</v>
      </c>
      <c r="F3508" s="7">
        <v>38657</v>
      </c>
      <c r="G3508" s="8">
        <v>1</v>
      </c>
      <c r="H3508" s="8">
        <v>1</v>
      </c>
      <c r="I3508" s="8">
        <v>0</v>
      </c>
      <c r="J3508" s="8">
        <v>1</v>
      </c>
      <c r="K3508" s="9">
        <v>8.6999999999999904</v>
      </c>
      <c r="L3508" s="6" t="s">
        <v>51</v>
      </c>
    </row>
    <row r="3509" spans="1:12">
      <c r="A3509" s="6" t="s">
        <v>49</v>
      </c>
      <c r="B3509" s="6"/>
      <c r="C3509" s="6" t="s">
        <v>3526</v>
      </c>
      <c r="D3509" s="6"/>
      <c r="E3509" s="6" t="s">
        <v>9</v>
      </c>
      <c r="F3509" s="7">
        <v>38657</v>
      </c>
      <c r="G3509" s="8">
        <v>1</v>
      </c>
      <c r="H3509" s="8">
        <v>1</v>
      </c>
      <c r="I3509" s="8">
        <v>0</v>
      </c>
      <c r="J3509" s="8">
        <v>1</v>
      </c>
      <c r="K3509" s="9">
        <v>26.13</v>
      </c>
      <c r="L3509" s="6" t="s">
        <v>51</v>
      </c>
    </row>
    <row r="3510" spans="1:12">
      <c r="A3510" s="6" t="s">
        <v>49</v>
      </c>
      <c r="B3510" s="6"/>
      <c r="C3510" s="6" t="s">
        <v>3527</v>
      </c>
      <c r="D3510" s="6"/>
      <c r="E3510" s="6" t="s">
        <v>9</v>
      </c>
      <c r="F3510" s="7">
        <v>38657</v>
      </c>
      <c r="G3510" s="8">
        <v>1</v>
      </c>
      <c r="H3510" s="8">
        <v>1</v>
      </c>
      <c r="I3510" s="8">
        <v>0</v>
      </c>
      <c r="J3510" s="8">
        <v>1</v>
      </c>
      <c r="K3510" s="9">
        <v>2.99</v>
      </c>
      <c r="L3510" s="6" t="s">
        <v>51</v>
      </c>
    </row>
    <row r="3511" spans="1:12">
      <c r="A3511" s="6" t="s">
        <v>49</v>
      </c>
      <c r="B3511" s="6"/>
      <c r="C3511" s="6" t="s">
        <v>3528</v>
      </c>
      <c r="D3511" s="6"/>
      <c r="E3511" s="6" t="s">
        <v>9</v>
      </c>
      <c r="F3511" s="7">
        <v>38657</v>
      </c>
      <c r="G3511" s="8">
        <v>1</v>
      </c>
      <c r="H3511" s="8">
        <v>1</v>
      </c>
      <c r="I3511" s="8">
        <v>0</v>
      </c>
      <c r="J3511" s="8">
        <v>1</v>
      </c>
      <c r="K3511" s="9">
        <v>42</v>
      </c>
      <c r="L3511" s="6" t="s">
        <v>51</v>
      </c>
    </row>
    <row r="3512" spans="1:12">
      <c r="A3512" s="6" t="s">
        <v>49</v>
      </c>
      <c r="B3512" s="6"/>
      <c r="C3512" s="6" t="s">
        <v>3529</v>
      </c>
      <c r="D3512" s="6"/>
      <c r="E3512" s="6" t="s">
        <v>9</v>
      </c>
      <c r="F3512" s="7">
        <v>38657</v>
      </c>
      <c r="G3512" s="8">
        <v>1</v>
      </c>
      <c r="H3512" s="8">
        <v>1</v>
      </c>
      <c r="I3512" s="8">
        <v>0</v>
      </c>
      <c r="J3512" s="8">
        <v>1</v>
      </c>
      <c r="K3512" s="9">
        <v>21</v>
      </c>
      <c r="L3512" s="6" t="s">
        <v>51</v>
      </c>
    </row>
    <row r="3513" spans="1:12">
      <c r="A3513" s="6" t="s">
        <v>49</v>
      </c>
      <c r="B3513" s="6"/>
      <c r="C3513" s="6" t="s">
        <v>3530</v>
      </c>
      <c r="D3513" s="6"/>
      <c r="E3513" s="6" t="s">
        <v>9</v>
      </c>
      <c r="F3513" s="7">
        <v>38657</v>
      </c>
      <c r="G3513" s="8">
        <v>1</v>
      </c>
      <c r="H3513" s="8">
        <v>1</v>
      </c>
      <c r="I3513" s="8">
        <v>0</v>
      </c>
      <c r="J3513" s="8">
        <v>1</v>
      </c>
      <c r="K3513" s="9">
        <v>14</v>
      </c>
      <c r="L3513" s="6" t="s">
        <v>51</v>
      </c>
    </row>
    <row r="3514" spans="1:12">
      <c r="A3514" s="6" t="s">
        <v>49</v>
      </c>
      <c r="B3514" s="6"/>
      <c r="C3514" s="6" t="s">
        <v>3531</v>
      </c>
      <c r="D3514" s="6"/>
      <c r="E3514" s="6" t="s">
        <v>9</v>
      </c>
      <c r="F3514" s="7">
        <v>38657</v>
      </c>
      <c r="G3514" s="8">
        <v>1</v>
      </c>
      <c r="H3514" s="8">
        <v>1</v>
      </c>
      <c r="I3514" s="8">
        <v>0</v>
      </c>
      <c r="J3514" s="8">
        <v>1</v>
      </c>
      <c r="K3514" s="9">
        <v>26</v>
      </c>
      <c r="L3514" s="6" t="s">
        <v>51</v>
      </c>
    </row>
    <row r="3515" spans="1:12">
      <c r="A3515" s="6" t="s">
        <v>49</v>
      </c>
      <c r="B3515" s="6"/>
      <c r="C3515" s="6" t="s">
        <v>3532</v>
      </c>
      <c r="D3515" s="6"/>
      <c r="E3515" s="6" t="s">
        <v>9</v>
      </c>
      <c r="F3515" s="7">
        <v>38657</v>
      </c>
      <c r="G3515" s="8">
        <v>1</v>
      </c>
      <c r="H3515" s="8">
        <v>1</v>
      </c>
      <c r="I3515" s="8">
        <v>0</v>
      </c>
      <c r="J3515" s="8">
        <v>1</v>
      </c>
      <c r="K3515" s="9">
        <v>36</v>
      </c>
      <c r="L3515" s="6" t="s">
        <v>51</v>
      </c>
    </row>
    <row r="3516" spans="1:12">
      <c r="A3516" s="6" t="s">
        <v>49</v>
      </c>
      <c r="B3516" s="6"/>
      <c r="C3516" s="6" t="s">
        <v>3533</v>
      </c>
      <c r="D3516" s="6"/>
      <c r="E3516" s="6" t="s">
        <v>9</v>
      </c>
      <c r="F3516" s="7">
        <v>38657</v>
      </c>
      <c r="G3516" s="8">
        <v>1</v>
      </c>
      <c r="H3516" s="8">
        <v>1</v>
      </c>
      <c r="I3516" s="8">
        <v>0</v>
      </c>
      <c r="J3516" s="8">
        <v>1</v>
      </c>
      <c r="K3516" s="9">
        <v>15.53</v>
      </c>
      <c r="L3516" s="6" t="s">
        <v>51</v>
      </c>
    </row>
    <row r="3517" spans="1:12">
      <c r="A3517" s="6" t="s">
        <v>49</v>
      </c>
      <c r="B3517" s="6"/>
      <c r="C3517" s="6" t="s">
        <v>3534</v>
      </c>
      <c r="D3517" s="6"/>
      <c r="E3517" s="6" t="s">
        <v>9</v>
      </c>
      <c r="F3517" s="7">
        <v>38657</v>
      </c>
      <c r="G3517" s="8">
        <v>1</v>
      </c>
      <c r="H3517" s="8">
        <v>1</v>
      </c>
      <c r="I3517" s="8">
        <v>0</v>
      </c>
      <c r="J3517" s="8">
        <v>1</v>
      </c>
      <c r="K3517" s="9">
        <v>19</v>
      </c>
      <c r="L3517" s="6" t="s">
        <v>51</v>
      </c>
    </row>
    <row r="3518" spans="1:12">
      <c r="A3518" s="6" t="s">
        <v>49</v>
      </c>
      <c r="B3518" s="6"/>
      <c r="C3518" s="6" t="s">
        <v>3535</v>
      </c>
      <c r="D3518" s="6"/>
      <c r="E3518" s="6" t="s">
        <v>9</v>
      </c>
      <c r="F3518" s="7">
        <v>38657</v>
      </c>
      <c r="G3518" s="8">
        <v>1</v>
      </c>
      <c r="H3518" s="8">
        <v>1</v>
      </c>
      <c r="I3518" s="8">
        <v>0</v>
      </c>
      <c r="J3518" s="8">
        <v>1</v>
      </c>
      <c r="K3518" s="9">
        <v>84</v>
      </c>
      <c r="L3518" s="6" t="s">
        <v>51</v>
      </c>
    </row>
    <row r="3519" spans="1:12">
      <c r="A3519" s="6" t="s">
        <v>49</v>
      </c>
      <c r="B3519" s="6"/>
      <c r="C3519" s="6" t="s">
        <v>3536</v>
      </c>
      <c r="D3519" s="6"/>
      <c r="E3519" s="6" t="s">
        <v>9</v>
      </c>
      <c r="F3519" s="7">
        <v>38657</v>
      </c>
      <c r="G3519" s="8">
        <v>1</v>
      </c>
      <c r="H3519" s="8">
        <v>1</v>
      </c>
      <c r="I3519" s="8">
        <v>0</v>
      </c>
      <c r="J3519" s="8">
        <v>1</v>
      </c>
      <c r="K3519" s="9">
        <v>33</v>
      </c>
      <c r="L3519" s="6" t="s">
        <v>51</v>
      </c>
    </row>
    <row r="3520" spans="1:12">
      <c r="A3520" s="6" t="s">
        <v>49</v>
      </c>
      <c r="B3520" s="6"/>
      <c r="C3520" s="6" t="s">
        <v>3537</v>
      </c>
      <c r="D3520" s="6"/>
      <c r="E3520" s="6" t="s">
        <v>9</v>
      </c>
      <c r="F3520" s="7">
        <v>38657</v>
      </c>
      <c r="G3520" s="8">
        <v>1</v>
      </c>
      <c r="H3520" s="8">
        <v>1</v>
      </c>
      <c r="I3520" s="8">
        <v>0</v>
      </c>
      <c r="J3520" s="8">
        <v>1</v>
      </c>
      <c r="K3520" s="9">
        <v>1.95</v>
      </c>
      <c r="L3520" s="6" t="s">
        <v>51</v>
      </c>
    </row>
    <row r="3521" spans="1:12">
      <c r="A3521" s="6" t="s">
        <v>49</v>
      </c>
      <c r="B3521" s="6"/>
      <c r="C3521" s="6" t="s">
        <v>3538</v>
      </c>
      <c r="D3521" s="6"/>
      <c r="E3521" s="6" t="s">
        <v>9</v>
      </c>
      <c r="F3521" s="7">
        <v>38657</v>
      </c>
      <c r="G3521" s="8">
        <v>1</v>
      </c>
      <c r="H3521" s="8">
        <v>1</v>
      </c>
      <c r="I3521" s="8">
        <v>0</v>
      </c>
      <c r="J3521" s="8">
        <v>1</v>
      </c>
      <c r="K3521" s="9">
        <v>66</v>
      </c>
      <c r="L3521" s="6" t="s">
        <v>51</v>
      </c>
    </row>
    <row r="3522" spans="1:12">
      <c r="A3522" s="6" t="s">
        <v>49</v>
      </c>
      <c r="B3522" s="6"/>
      <c r="C3522" s="6" t="s">
        <v>3539</v>
      </c>
      <c r="D3522" s="6"/>
      <c r="E3522" s="6" t="s">
        <v>9</v>
      </c>
      <c r="F3522" s="7">
        <v>38657</v>
      </c>
      <c r="G3522" s="8">
        <v>1</v>
      </c>
      <c r="H3522" s="8">
        <v>1</v>
      </c>
      <c r="I3522" s="8">
        <v>0</v>
      </c>
      <c r="J3522" s="8">
        <v>1</v>
      </c>
      <c r="K3522" s="9">
        <v>56</v>
      </c>
      <c r="L3522" s="6" t="s">
        <v>51</v>
      </c>
    </row>
    <row r="3523" spans="1:12">
      <c r="A3523" s="6" t="s">
        <v>49</v>
      </c>
      <c r="B3523" s="6"/>
      <c r="C3523" s="6" t="s">
        <v>3540</v>
      </c>
      <c r="D3523" s="6"/>
      <c r="E3523" s="6" t="s">
        <v>9</v>
      </c>
      <c r="F3523" s="7">
        <v>38657</v>
      </c>
      <c r="G3523" s="8">
        <v>1</v>
      </c>
      <c r="H3523" s="8">
        <v>1</v>
      </c>
      <c r="I3523" s="8">
        <v>0</v>
      </c>
      <c r="J3523" s="8">
        <v>1</v>
      </c>
      <c r="K3523" s="9">
        <v>23</v>
      </c>
      <c r="L3523" s="6" t="s">
        <v>51</v>
      </c>
    </row>
    <row r="3524" spans="1:12">
      <c r="A3524" s="6" t="s">
        <v>49</v>
      </c>
      <c r="B3524" s="6"/>
      <c r="C3524" s="6" t="s">
        <v>3541</v>
      </c>
      <c r="D3524" s="6"/>
      <c r="E3524" s="6" t="s">
        <v>9</v>
      </c>
      <c r="F3524" s="7">
        <v>38657</v>
      </c>
      <c r="G3524" s="8">
        <v>1</v>
      </c>
      <c r="H3524" s="8">
        <v>1</v>
      </c>
      <c r="I3524" s="8">
        <v>0</v>
      </c>
      <c r="J3524" s="8">
        <v>1</v>
      </c>
      <c r="K3524" s="9">
        <v>2.38</v>
      </c>
      <c r="L3524" s="6" t="s">
        <v>51</v>
      </c>
    </row>
    <row r="3525" spans="1:12">
      <c r="A3525" s="6" t="s">
        <v>49</v>
      </c>
      <c r="B3525" s="6"/>
      <c r="C3525" s="6" t="s">
        <v>3542</v>
      </c>
      <c r="D3525" s="6"/>
      <c r="E3525" s="6" t="s">
        <v>9</v>
      </c>
      <c r="F3525" s="7">
        <v>38657</v>
      </c>
      <c r="G3525" s="8">
        <v>1</v>
      </c>
      <c r="H3525" s="8">
        <v>1</v>
      </c>
      <c r="I3525" s="8">
        <v>0</v>
      </c>
      <c r="J3525" s="8">
        <v>1</v>
      </c>
      <c r="K3525" s="9">
        <v>31.4</v>
      </c>
      <c r="L3525" s="6" t="s">
        <v>51</v>
      </c>
    </row>
    <row r="3526" spans="1:12">
      <c r="A3526" s="6" t="s">
        <v>49</v>
      </c>
      <c r="B3526" s="6"/>
      <c r="C3526" s="6" t="s">
        <v>3543</v>
      </c>
      <c r="D3526" s="6"/>
      <c r="E3526" s="6" t="s">
        <v>9</v>
      </c>
      <c r="F3526" s="7">
        <v>38657</v>
      </c>
      <c r="G3526" s="8">
        <v>1</v>
      </c>
      <c r="H3526" s="8">
        <v>1</v>
      </c>
      <c r="I3526" s="8">
        <v>0</v>
      </c>
      <c r="J3526" s="8">
        <v>1</v>
      </c>
      <c r="K3526" s="9">
        <v>360</v>
      </c>
      <c r="L3526" s="6" t="s">
        <v>51</v>
      </c>
    </row>
    <row r="3527" spans="1:12">
      <c r="A3527" s="6" t="s">
        <v>49</v>
      </c>
      <c r="B3527" s="6"/>
      <c r="C3527" s="6" t="s">
        <v>3544</v>
      </c>
      <c r="D3527" s="6"/>
      <c r="E3527" s="6" t="s">
        <v>9</v>
      </c>
      <c r="F3527" s="7">
        <v>38657</v>
      </c>
      <c r="G3527" s="8">
        <v>1</v>
      </c>
      <c r="H3527" s="8">
        <v>1</v>
      </c>
      <c r="I3527" s="8">
        <v>0</v>
      </c>
      <c r="J3527" s="8">
        <v>1</v>
      </c>
      <c r="K3527" s="9">
        <v>4.16</v>
      </c>
      <c r="L3527" s="6" t="s">
        <v>51</v>
      </c>
    </row>
    <row r="3528" spans="1:12">
      <c r="A3528" s="6" t="s">
        <v>49</v>
      </c>
      <c r="B3528" s="6"/>
      <c r="C3528" s="6" t="s">
        <v>3545</v>
      </c>
      <c r="D3528" s="6"/>
      <c r="E3528" s="6" t="s">
        <v>9</v>
      </c>
      <c r="F3528" s="7">
        <v>38657</v>
      </c>
      <c r="G3528" s="8">
        <v>1</v>
      </c>
      <c r="H3528" s="8">
        <v>1</v>
      </c>
      <c r="I3528" s="8">
        <v>0</v>
      </c>
      <c r="J3528" s="8">
        <v>1</v>
      </c>
      <c r="K3528" s="9">
        <v>62</v>
      </c>
      <c r="L3528" s="6" t="s">
        <v>51</v>
      </c>
    </row>
    <row r="3529" spans="1:12">
      <c r="A3529" s="6" t="s">
        <v>49</v>
      </c>
      <c r="B3529" s="6"/>
      <c r="C3529" s="6" t="s">
        <v>3546</v>
      </c>
      <c r="D3529" s="6"/>
      <c r="E3529" s="6" t="s">
        <v>9</v>
      </c>
      <c r="F3529" s="7">
        <v>38657</v>
      </c>
      <c r="G3529" s="8">
        <v>1</v>
      </c>
      <c r="H3529" s="8">
        <v>1</v>
      </c>
      <c r="I3529" s="8">
        <v>0</v>
      </c>
      <c r="J3529" s="8">
        <v>1</v>
      </c>
      <c r="K3529" s="9">
        <v>50</v>
      </c>
      <c r="L3529" s="6" t="s">
        <v>51</v>
      </c>
    </row>
    <row r="3530" spans="1:12">
      <c r="A3530" s="6" t="s">
        <v>49</v>
      </c>
      <c r="B3530" s="6"/>
      <c r="C3530" s="6" t="s">
        <v>3547</v>
      </c>
      <c r="D3530" s="6"/>
      <c r="E3530" s="6" t="s">
        <v>9</v>
      </c>
      <c r="F3530" s="7">
        <v>38657</v>
      </c>
      <c r="G3530" s="8">
        <v>1</v>
      </c>
      <c r="H3530" s="8">
        <v>1</v>
      </c>
      <c r="I3530" s="8">
        <v>0</v>
      </c>
      <c r="J3530" s="8">
        <v>1</v>
      </c>
      <c r="K3530" s="9">
        <v>68.959999999999894</v>
      </c>
      <c r="L3530" s="6" t="s">
        <v>51</v>
      </c>
    </row>
    <row r="3531" spans="1:12">
      <c r="A3531" s="6" t="s">
        <v>49</v>
      </c>
      <c r="B3531" s="6"/>
      <c r="C3531" s="6" t="s">
        <v>3548</v>
      </c>
      <c r="D3531" s="6"/>
      <c r="E3531" s="6" t="s">
        <v>9</v>
      </c>
      <c r="F3531" s="7">
        <v>38657</v>
      </c>
      <c r="G3531" s="8">
        <v>1</v>
      </c>
      <c r="H3531" s="8">
        <v>1</v>
      </c>
      <c r="I3531" s="8">
        <v>0</v>
      </c>
      <c r="J3531" s="8">
        <v>1</v>
      </c>
      <c r="K3531" s="9">
        <v>185</v>
      </c>
      <c r="L3531" s="6" t="s">
        <v>51</v>
      </c>
    </row>
    <row r="3532" spans="1:12">
      <c r="A3532" s="6" t="s">
        <v>49</v>
      </c>
      <c r="B3532" s="6"/>
      <c r="C3532" s="6" t="s">
        <v>3549</v>
      </c>
      <c r="D3532" s="6"/>
      <c r="E3532" s="6" t="s">
        <v>9</v>
      </c>
      <c r="F3532" s="7">
        <v>38657</v>
      </c>
      <c r="G3532" s="8">
        <v>1</v>
      </c>
      <c r="H3532" s="8">
        <v>1</v>
      </c>
      <c r="I3532" s="8">
        <v>0</v>
      </c>
      <c r="J3532" s="8">
        <v>1</v>
      </c>
      <c r="K3532" s="9">
        <v>16</v>
      </c>
      <c r="L3532" s="6" t="s">
        <v>51</v>
      </c>
    </row>
    <row r="3533" spans="1:12">
      <c r="A3533" s="6" t="s">
        <v>49</v>
      </c>
      <c r="B3533" s="6"/>
      <c r="C3533" s="6" t="s">
        <v>3550</v>
      </c>
      <c r="D3533" s="6"/>
      <c r="E3533" s="6" t="s">
        <v>9</v>
      </c>
      <c r="F3533" s="7">
        <v>38657</v>
      </c>
      <c r="G3533" s="8">
        <v>1</v>
      </c>
      <c r="H3533" s="8">
        <v>1</v>
      </c>
      <c r="I3533" s="8">
        <v>0</v>
      </c>
      <c r="J3533" s="8">
        <v>1</v>
      </c>
      <c r="K3533" s="9">
        <v>61</v>
      </c>
      <c r="L3533" s="6" t="s">
        <v>51</v>
      </c>
    </row>
    <row r="3534" spans="1:12">
      <c r="A3534" s="6" t="s">
        <v>49</v>
      </c>
      <c r="B3534" s="6"/>
      <c r="C3534" s="6" t="s">
        <v>3551</v>
      </c>
      <c r="D3534" s="6"/>
      <c r="E3534" s="6" t="s">
        <v>9</v>
      </c>
      <c r="F3534" s="7">
        <v>38657</v>
      </c>
      <c r="G3534" s="8">
        <v>1</v>
      </c>
      <c r="H3534" s="8">
        <v>1</v>
      </c>
      <c r="I3534" s="8">
        <v>0</v>
      </c>
      <c r="J3534" s="8">
        <v>1</v>
      </c>
      <c r="K3534" s="9">
        <v>87</v>
      </c>
      <c r="L3534" s="6" t="s">
        <v>51</v>
      </c>
    </row>
    <row r="3535" spans="1:12">
      <c r="A3535" s="6" t="s">
        <v>49</v>
      </c>
      <c r="B3535" s="6"/>
      <c r="C3535" s="6" t="s">
        <v>3552</v>
      </c>
      <c r="D3535" s="6"/>
      <c r="E3535" s="6" t="s">
        <v>9</v>
      </c>
      <c r="F3535" s="7">
        <v>38657</v>
      </c>
      <c r="G3535" s="8">
        <v>1</v>
      </c>
      <c r="H3535" s="8">
        <v>1</v>
      </c>
      <c r="I3535" s="8">
        <v>0</v>
      </c>
      <c r="J3535" s="8">
        <v>1</v>
      </c>
      <c r="K3535" s="9">
        <v>8.84</v>
      </c>
      <c r="L3535" s="6" t="s">
        <v>51</v>
      </c>
    </row>
    <row r="3536" spans="1:12">
      <c r="A3536" s="6" t="s">
        <v>49</v>
      </c>
      <c r="B3536" s="6"/>
      <c r="C3536" s="6" t="s">
        <v>3553</v>
      </c>
      <c r="D3536" s="6"/>
      <c r="E3536" s="6" t="s">
        <v>9</v>
      </c>
      <c r="F3536" s="7">
        <v>38657</v>
      </c>
      <c r="G3536" s="8">
        <v>1</v>
      </c>
      <c r="H3536" s="8">
        <v>1</v>
      </c>
      <c r="I3536" s="8">
        <v>0</v>
      </c>
      <c r="J3536" s="8">
        <v>1</v>
      </c>
      <c r="K3536" s="9">
        <v>11</v>
      </c>
      <c r="L3536" s="6" t="s">
        <v>51</v>
      </c>
    </row>
    <row r="3537" spans="1:12">
      <c r="A3537" s="6" t="s">
        <v>49</v>
      </c>
      <c r="B3537" s="6"/>
      <c r="C3537" s="6" t="s">
        <v>3554</v>
      </c>
      <c r="D3537" s="6"/>
      <c r="E3537" s="6" t="s">
        <v>9</v>
      </c>
      <c r="F3537" s="7">
        <v>38657</v>
      </c>
      <c r="G3537" s="8">
        <v>1</v>
      </c>
      <c r="H3537" s="8">
        <v>1</v>
      </c>
      <c r="I3537" s="8">
        <v>0</v>
      </c>
      <c r="J3537" s="8">
        <v>1</v>
      </c>
      <c r="K3537" s="9">
        <v>8.58</v>
      </c>
      <c r="L3537" s="6" t="s">
        <v>51</v>
      </c>
    </row>
    <row r="3538" spans="1:12">
      <c r="A3538" s="6" t="s">
        <v>49</v>
      </c>
      <c r="B3538" s="6"/>
      <c r="C3538" s="6" t="s">
        <v>3555</v>
      </c>
      <c r="D3538" s="6"/>
      <c r="E3538" s="6" t="s">
        <v>9</v>
      </c>
      <c r="F3538" s="7">
        <v>38657</v>
      </c>
      <c r="G3538" s="8">
        <v>1</v>
      </c>
      <c r="H3538" s="8">
        <v>1</v>
      </c>
      <c r="I3538" s="8">
        <v>0</v>
      </c>
      <c r="J3538" s="8">
        <v>1</v>
      </c>
      <c r="K3538" s="9">
        <v>1.19</v>
      </c>
      <c r="L3538" s="6" t="s">
        <v>51</v>
      </c>
    </row>
    <row r="3539" spans="1:12">
      <c r="A3539" s="6" t="s">
        <v>49</v>
      </c>
      <c r="B3539" s="6"/>
      <c r="C3539" s="6" t="s">
        <v>3556</v>
      </c>
      <c r="D3539" s="6"/>
      <c r="E3539" s="6" t="s">
        <v>9</v>
      </c>
      <c r="F3539" s="7">
        <v>38657</v>
      </c>
      <c r="G3539" s="8">
        <v>1</v>
      </c>
      <c r="H3539" s="8">
        <v>1</v>
      </c>
      <c r="I3539" s="8">
        <v>0</v>
      </c>
      <c r="J3539" s="8">
        <v>1</v>
      </c>
      <c r="K3539" s="9">
        <v>210.57</v>
      </c>
      <c r="L3539" s="6" t="s">
        <v>51</v>
      </c>
    </row>
    <row r="3540" spans="1:12">
      <c r="A3540" s="6" t="s">
        <v>49</v>
      </c>
      <c r="B3540" s="6"/>
      <c r="C3540" s="6" t="s">
        <v>3557</v>
      </c>
      <c r="D3540" s="6"/>
      <c r="E3540" s="6" t="s">
        <v>9</v>
      </c>
      <c r="F3540" s="7"/>
      <c r="G3540" s="8">
        <v>1</v>
      </c>
      <c r="H3540" s="8">
        <v>1</v>
      </c>
      <c r="I3540" s="8">
        <v>0</v>
      </c>
      <c r="J3540" s="8">
        <v>1</v>
      </c>
      <c r="K3540" s="9">
        <v>38</v>
      </c>
      <c r="L3540" s="6" t="s">
        <v>51</v>
      </c>
    </row>
    <row r="3541" spans="1:12">
      <c r="A3541" s="6" t="s">
        <v>49</v>
      </c>
      <c r="B3541" s="6"/>
      <c r="C3541" s="6" t="s">
        <v>3558</v>
      </c>
      <c r="D3541" s="6"/>
      <c r="E3541" s="6" t="s">
        <v>9</v>
      </c>
      <c r="F3541" s="7">
        <v>38657</v>
      </c>
      <c r="G3541" s="8">
        <v>1</v>
      </c>
      <c r="H3541" s="8">
        <v>1</v>
      </c>
      <c r="I3541" s="8">
        <v>0</v>
      </c>
      <c r="J3541" s="8">
        <v>1</v>
      </c>
      <c r="K3541" s="9">
        <v>35.86</v>
      </c>
      <c r="L3541" s="6" t="s">
        <v>51</v>
      </c>
    </row>
    <row r="3542" spans="1:12">
      <c r="A3542" s="6" t="s">
        <v>49</v>
      </c>
      <c r="B3542" s="6"/>
      <c r="C3542" s="6" t="s">
        <v>3559</v>
      </c>
      <c r="D3542" s="6"/>
      <c r="E3542" s="6" t="s">
        <v>9</v>
      </c>
      <c r="F3542" s="7">
        <v>38657</v>
      </c>
      <c r="G3542" s="8">
        <v>1</v>
      </c>
      <c r="H3542" s="8">
        <v>1</v>
      </c>
      <c r="I3542" s="8">
        <v>0</v>
      </c>
      <c r="J3542" s="8">
        <v>1</v>
      </c>
      <c r="K3542" s="9">
        <v>138</v>
      </c>
      <c r="L3542" s="6" t="s">
        <v>51</v>
      </c>
    </row>
    <row r="3543" spans="1:12">
      <c r="A3543" s="6" t="s">
        <v>49</v>
      </c>
      <c r="B3543" s="6"/>
      <c r="C3543" s="6" t="s">
        <v>3560</v>
      </c>
      <c r="D3543" s="6"/>
      <c r="E3543" s="6" t="s">
        <v>9</v>
      </c>
      <c r="F3543" s="7">
        <v>38657</v>
      </c>
      <c r="G3543" s="8">
        <v>1</v>
      </c>
      <c r="H3543" s="8">
        <v>1</v>
      </c>
      <c r="I3543" s="8">
        <v>0</v>
      </c>
      <c r="J3543" s="8">
        <v>1</v>
      </c>
      <c r="K3543" s="9">
        <v>100</v>
      </c>
      <c r="L3543" s="6" t="s">
        <v>51</v>
      </c>
    </row>
    <row r="3544" spans="1:12">
      <c r="A3544" s="6" t="s">
        <v>49</v>
      </c>
      <c r="B3544" s="6"/>
      <c r="C3544" s="6" t="s">
        <v>3561</v>
      </c>
      <c r="D3544" s="6"/>
      <c r="E3544" s="6" t="s">
        <v>9</v>
      </c>
      <c r="F3544" s="7"/>
      <c r="G3544" s="8">
        <v>1</v>
      </c>
      <c r="H3544" s="8">
        <v>1</v>
      </c>
      <c r="I3544" s="8">
        <v>0</v>
      </c>
      <c r="J3544" s="8">
        <v>1</v>
      </c>
      <c r="K3544" s="9">
        <v>24</v>
      </c>
      <c r="L3544" s="6" t="s">
        <v>51</v>
      </c>
    </row>
    <row r="3545" spans="1:12">
      <c r="A3545" s="6" t="s">
        <v>49</v>
      </c>
      <c r="B3545" s="6"/>
      <c r="C3545" s="6" t="s">
        <v>3562</v>
      </c>
      <c r="D3545" s="6"/>
      <c r="E3545" s="6" t="s">
        <v>9</v>
      </c>
      <c r="F3545" s="7">
        <v>38657</v>
      </c>
      <c r="G3545" s="8">
        <v>1</v>
      </c>
      <c r="H3545" s="8">
        <v>1</v>
      </c>
      <c r="I3545" s="8">
        <v>0</v>
      </c>
      <c r="J3545" s="8">
        <v>1</v>
      </c>
      <c r="K3545" s="9">
        <v>42</v>
      </c>
      <c r="L3545" s="6" t="s">
        <v>51</v>
      </c>
    </row>
    <row r="3546" spans="1:12">
      <c r="A3546" s="6" t="s">
        <v>49</v>
      </c>
      <c r="B3546" s="6"/>
      <c r="C3546" s="6" t="s">
        <v>3563</v>
      </c>
      <c r="D3546" s="6"/>
      <c r="E3546" s="6" t="s">
        <v>9</v>
      </c>
      <c r="F3546" s="7">
        <v>38657</v>
      </c>
      <c r="G3546" s="8">
        <v>1</v>
      </c>
      <c r="H3546" s="8">
        <v>1</v>
      </c>
      <c r="I3546" s="8">
        <v>0</v>
      </c>
      <c r="J3546" s="8">
        <v>1</v>
      </c>
      <c r="K3546" s="9">
        <v>2.4</v>
      </c>
      <c r="L3546" s="6" t="s">
        <v>51</v>
      </c>
    </row>
    <row r="3547" spans="1:12">
      <c r="A3547" s="6" t="s">
        <v>49</v>
      </c>
      <c r="B3547" s="6"/>
      <c r="C3547" s="6" t="s">
        <v>3564</v>
      </c>
      <c r="D3547" s="6"/>
      <c r="E3547" s="6" t="s">
        <v>9</v>
      </c>
      <c r="F3547" s="7">
        <v>38657</v>
      </c>
      <c r="G3547" s="8">
        <v>1</v>
      </c>
      <c r="H3547" s="8">
        <v>1</v>
      </c>
      <c r="I3547" s="8">
        <v>0</v>
      </c>
      <c r="J3547" s="8">
        <v>1</v>
      </c>
      <c r="K3547" s="9">
        <v>17</v>
      </c>
      <c r="L3547" s="6" t="s">
        <v>51</v>
      </c>
    </row>
    <row r="3548" spans="1:12">
      <c r="A3548" s="6" t="s">
        <v>49</v>
      </c>
      <c r="B3548" s="6"/>
      <c r="C3548" s="6" t="s">
        <v>3565</v>
      </c>
      <c r="D3548" s="6"/>
      <c r="E3548" s="6" t="s">
        <v>9</v>
      </c>
      <c r="F3548" s="7">
        <v>38657</v>
      </c>
      <c r="G3548" s="8">
        <v>1</v>
      </c>
      <c r="H3548" s="8">
        <v>1</v>
      </c>
      <c r="I3548" s="8">
        <v>0</v>
      </c>
      <c r="J3548" s="8">
        <v>1</v>
      </c>
      <c r="K3548" s="9">
        <v>18.18</v>
      </c>
      <c r="L3548" s="6" t="s">
        <v>51</v>
      </c>
    </row>
    <row r="3549" spans="1:12">
      <c r="A3549" s="6" t="s">
        <v>49</v>
      </c>
      <c r="B3549" s="6"/>
      <c r="C3549" s="6" t="s">
        <v>3566</v>
      </c>
      <c r="D3549" s="6"/>
      <c r="E3549" s="6" t="s">
        <v>9</v>
      </c>
      <c r="F3549" s="7">
        <v>38657</v>
      </c>
      <c r="G3549" s="8">
        <v>1</v>
      </c>
      <c r="H3549" s="8">
        <v>1</v>
      </c>
      <c r="I3549" s="8">
        <v>0</v>
      </c>
      <c r="J3549" s="8">
        <v>1</v>
      </c>
      <c r="K3549" s="9">
        <v>2.38</v>
      </c>
      <c r="L3549" s="6" t="s">
        <v>51</v>
      </c>
    </row>
    <row r="3550" spans="1:12">
      <c r="A3550" s="6" t="s">
        <v>49</v>
      </c>
      <c r="B3550" s="6"/>
      <c r="C3550" s="6" t="s">
        <v>3567</v>
      </c>
      <c r="D3550" s="6"/>
      <c r="E3550" s="6" t="s">
        <v>9</v>
      </c>
      <c r="F3550" s="7">
        <v>38657</v>
      </c>
      <c r="G3550" s="8">
        <v>1</v>
      </c>
      <c r="H3550" s="8">
        <v>1</v>
      </c>
      <c r="I3550" s="8">
        <v>0</v>
      </c>
      <c r="J3550" s="8">
        <v>1</v>
      </c>
      <c r="K3550" s="9">
        <v>54</v>
      </c>
      <c r="L3550" s="6" t="s">
        <v>51</v>
      </c>
    </row>
    <row r="3551" spans="1:12">
      <c r="A3551" s="6" t="s">
        <v>49</v>
      </c>
      <c r="B3551" s="6"/>
      <c r="C3551" s="6" t="s">
        <v>3568</v>
      </c>
      <c r="D3551" s="6"/>
      <c r="E3551" s="6" t="s">
        <v>9</v>
      </c>
      <c r="F3551" s="7">
        <v>38657</v>
      </c>
      <c r="G3551" s="8">
        <v>1</v>
      </c>
      <c r="H3551" s="8">
        <v>1</v>
      </c>
      <c r="I3551" s="8">
        <v>0</v>
      </c>
      <c r="J3551" s="8">
        <v>1</v>
      </c>
      <c r="K3551" s="9">
        <v>18</v>
      </c>
      <c r="L3551" s="6" t="s">
        <v>51</v>
      </c>
    </row>
    <row r="3552" spans="1:12">
      <c r="A3552" s="6" t="s">
        <v>49</v>
      </c>
      <c r="B3552" s="6"/>
      <c r="C3552" s="6" t="s">
        <v>3569</v>
      </c>
      <c r="D3552" s="6"/>
      <c r="E3552" s="6" t="s">
        <v>9</v>
      </c>
      <c r="F3552" s="7">
        <v>38657</v>
      </c>
      <c r="G3552" s="8">
        <v>1</v>
      </c>
      <c r="H3552" s="8">
        <v>1</v>
      </c>
      <c r="I3552" s="8">
        <v>0</v>
      </c>
      <c r="J3552" s="8">
        <v>1</v>
      </c>
      <c r="K3552" s="9">
        <v>116</v>
      </c>
      <c r="L3552" s="6" t="s">
        <v>51</v>
      </c>
    </row>
    <row r="3553" spans="1:12">
      <c r="A3553" s="6" t="s">
        <v>49</v>
      </c>
      <c r="B3553" s="6"/>
      <c r="C3553" s="6" t="s">
        <v>3570</v>
      </c>
      <c r="D3553" s="6"/>
      <c r="E3553" s="6" t="s">
        <v>9</v>
      </c>
      <c r="F3553" s="7">
        <v>38657</v>
      </c>
      <c r="G3553" s="8">
        <v>1</v>
      </c>
      <c r="H3553" s="8">
        <v>1</v>
      </c>
      <c r="I3553" s="8">
        <v>0</v>
      </c>
      <c r="J3553" s="8">
        <v>1</v>
      </c>
      <c r="K3553" s="9">
        <v>13</v>
      </c>
      <c r="L3553" s="6" t="s">
        <v>51</v>
      </c>
    </row>
    <row r="3554" spans="1:12">
      <c r="A3554" s="6" t="s">
        <v>49</v>
      </c>
      <c r="B3554" s="6"/>
      <c r="C3554" s="6" t="s">
        <v>3571</v>
      </c>
      <c r="D3554" s="6"/>
      <c r="E3554" s="6" t="s">
        <v>9</v>
      </c>
      <c r="F3554" s="7">
        <v>38657</v>
      </c>
      <c r="G3554" s="8">
        <v>1</v>
      </c>
      <c r="H3554" s="8">
        <v>1</v>
      </c>
      <c r="I3554" s="8">
        <v>0</v>
      </c>
      <c r="J3554" s="8">
        <v>1</v>
      </c>
      <c r="K3554" s="9">
        <v>21</v>
      </c>
      <c r="L3554" s="6" t="s">
        <v>51</v>
      </c>
    </row>
    <row r="3555" spans="1:12">
      <c r="A3555" s="6" t="s">
        <v>49</v>
      </c>
      <c r="B3555" s="6"/>
      <c r="C3555" s="6" t="s">
        <v>3572</v>
      </c>
      <c r="D3555" s="6"/>
      <c r="E3555" s="6" t="s">
        <v>9</v>
      </c>
      <c r="F3555" s="7">
        <v>38657</v>
      </c>
      <c r="G3555" s="8">
        <v>1</v>
      </c>
      <c r="H3555" s="8">
        <v>1</v>
      </c>
      <c r="I3555" s="8">
        <v>0</v>
      </c>
      <c r="J3555" s="8">
        <v>1</v>
      </c>
      <c r="K3555" s="9">
        <v>11</v>
      </c>
      <c r="L3555" s="6" t="s">
        <v>51</v>
      </c>
    </row>
    <row r="3556" spans="1:12">
      <c r="A3556" s="6" t="s">
        <v>49</v>
      </c>
      <c r="B3556" s="6"/>
      <c r="C3556" s="6" t="s">
        <v>3573</v>
      </c>
      <c r="D3556" s="6"/>
      <c r="E3556" s="6" t="s">
        <v>9</v>
      </c>
      <c r="F3556" s="7">
        <v>38657</v>
      </c>
      <c r="G3556" s="8">
        <v>1</v>
      </c>
      <c r="H3556" s="8">
        <v>1</v>
      </c>
      <c r="I3556" s="8">
        <v>0</v>
      </c>
      <c r="J3556" s="8">
        <v>1</v>
      </c>
      <c r="K3556" s="9">
        <v>34.01</v>
      </c>
      <c r="L3556" s="6" t="s">
        <v>51</v>
      </c>
    </row>
    <row r="3557" spans="1:12">
      <c r="A3557" s="6" t="s">
        <v>49</v>
      </c>
      <c r="B3557" s="6"/>
      <c r="C3557" s="6" t="s">
        <v>3574</v>
      </c>
      <c r="D3557" s="6"/>
      <c r="E3557" s="6" t="s">
        <v>9</v>
      </c>
      <c r="F3557" s="7">
        <v>38657</v>
      </c>
      <c r="G3557" s="8">
        <v>1</v>
      </c>
      <c r="H3557" s="8">
        <v>1</v>
      </c>
      <c r="I3557" s="8">
        <v>0</v>
      </c>
      <c r="J3557" s="8">
        <v>1</v>
      </c>
      <c r="K3557" s="9">
        <v>11</v>
      </c>
      <c r="L3557" s="6" t="s">
        <v>51</v>
      </c>
    </row>
    <row r="3558" spans="1:12">
      <c r="A3558" s="6" t="s">
        <v>49</v>
      </c>
      <c r="B3558" s="6"/>
      <c r="C3558" s="6" t="s">
        <v>3575</v>
      </c>
      <c r="D3558" s="6"/>
      <c r="E3558" s="6" t="s">
        <v>9</v>
      </c>
      <c r="F3558" s="7"/>
      <c r="G3558" s="8">
        <v>1</v>
      </c>
      <c r="H3558" s="8">
        <v>1</v>
      </c>
      <c r="I3558" s="8">
        <v>0</v>
      </c>
      <c r="J3558" s="8">
        <v>1</v>
      </c>
      <c r="K3558" s="9">
        <v>5.04</v>
      </c>
      <c r="L3558" s="6" t="s">
        <v>51</v>
      </c>
    </row>
    <row r="3559" spans="1:12">
      <c r="A3559" s="6" t="s">
        <v>49</v>
      </c>
      <c r="B3559" s="6"/>
      <c r="C3559" s="6" t="s">
        <v>3576</v>
      </c>
      <c r="D3559" s="6"/>
      <c r="E3559" s="6" t="s">
        <v>9</v>
      </c>
      <c r="F3559" s="7">
        <v>40101</v>
      </c>
      <c r="G3559" s="8">
        <v>1</v>
      </c>
      <c r="H3559" s="8">
        <v>1</v>
      </c>
      <c r="I3559" s="8">
        <v>0</v>
      </c>
      <c r="J3559" s="8">
        <v>1</v>
      </c>
      <c r="K3559" s="9">
        <v>227</v>
      </c>
      <c r="L3559" s="6" t="s">
        <v>51</v>
      </c>
    </row>
    <row r="3560" spans="1:12">
      <c r="A3560" s="6" t="s">
        <v>49</v>
      </c>
      <c r="B3560" s="6"/>
      <c r="C3560" s="6" t="s">
        <v>3577</v>
      </c>
      <c r="D3560" s="6"/>
      <c r="E3560" s="6" t="s">
        <v>9</v>
      </c>
      <c r="F3560" s="7">
        <v>38657</v>
      </c>
      <c r="G3560" s="8">
        <v>1</v>
      </c>
      <c r="H3560" s="8">
        <v>1</v>
      </c>
      <c r="I3560" s="8">
        <v>0</v>
      </c>
      <c r="J3560" s="8">
        <v>1</v>
      </c>
      <c r="K3560" s="9">
        <v>6.61</v>
      </c>
      <c r="L3560" s="6" t="s">
        <v>51</v>
      </c>
    </row>
    <row r="3561" spans="1:12">
      <c r="A3561" s="6" t="s">
        <v>49</v>
      </c>
      <c r="B3561" s="6"/>
      <c r="C3561" s="6" t="s">
        <v>3578</v>
      </c>
      <c r="D3561" s="6"/>
      <c r="E3561" s="6" t="s">
        <v>9</v>
      </c>
      <c r="F3561" s="7">
        <v>39995</v>
      </c>
      <c r="G3561" s="8">
        <v>1</v>
      </c>
      <c r="H3561" s="8">
        <v>1</v>
      </c>
      <c r="I3561" s="8">
        <v>0</v>
      </c>
      <c r="J3561" s="8">
        <v>1</v>
      </c>
      <c r="K3561" s="9">
        <v>173</v>
      </c>
      <c r="L3561" s="6" t="s">
        <v>51</v>
      </c>
    </row>
    <row r="3562" spans="1:12">
      <c r="A3562" s="6" t="s">
        <v>49</v>
      </c>
      <c r="B3562" s="6"/>
      <c r="C3562" s="6" t="s">
        <v>3579</v>
      </c>
      <c r="D3562" s="6"/>
      <c r="E3562" s="6" t="s">
        <v>9</v>
      </c>
      <c r="F3562" s="7">
        <v>40358</v>
      </c>
      <c r="G3562" s="8">
        <v>1</v>
      </c>
      <c r="H3562" s="8">
        <v>1</v>
      </c>
      <c r="I3562" s="8">
        <v>0</v>
      </c>
      <c r="J3562" s="8">
        <v>1</v>
      </c>
      <c r="K3562" s="9">
        <v>247</v>
      </c>
      <c r="L3562" s="6" t="s">
        <v>51</v>
      </c>
    </row>
    <row r="3563" spans="1:12">
      <c r="A3563" s="6" t="s">
        <v>49</v>
      </c>
      <c r="B3563" s="6"/>
      <c r="C3563" s="6" t="s">
        <v>3580</v>
      </c>
      <c r="D3563" s="6"/>
      <c r="E3563" s="6" t="s">
        <v>9</v>
      </c>
      <c r="F3563" s="7">
        <v>40379</v>
      </c>
      <c r="G3563" s="8">
        <v>1</v>
      </c>
      <c r="H3563" s="8">
        <v>1</v>
      </c>
      <c r="I3563" s="8">
        <v>0</v>
      </c>
      <c r="J3563" s="8">
        <v>1</v>
      </c>
      <c r="K3563" s="9">
        <v>58</v>
      </c>
      <c r="L3563" s="6" t="s">
        <v>51</v>
      </c>
    </row>
    <row r="3564" spans="1:12">
      <c r="A3564" s="6" t="s">
        <v>49</v>
      </c>
      <c r="B3564" s="6"/>
      <c r="C3564" s="6" t="s">
        <v>3581</v>
      </c>
      <c r="D3564" s="6"/>
      <c r="E3564" s="6" t="s">
        <v>9</v>
      </c>
      <c r="F3564" s="7">
        <v>40382</v>
      </c>
      <c r="G3564" s="8">
        <v>1</v>
      </c>
      <c r="H3564" s="8">
        <v>1</v>
      </c>
      <c r="I3564" s="8">
        <v>0</v>
      </c>
      <c r="J3564" s="8">
        <v>1</v>
      </c>
      <c r="K3564" s="9">
        <v>58</v>
      </c>
      <c r="L3564" s="6" t="s">
        <v>51</v>
      </c>
    </row>
    <row r="3565" spans="1:12">
      <c r="A3565" s="6" t="s">
        <v>49</v>
      </c>
      <c r="B3565" s="6"/>
      <c r="C3565" s="6" t="s">
        <v>3582</v>
      </c>
      <c r="D3565" s="6"/>
      <c r="E3565" s="6" t="s">
        <v>9</v>
      </c>
      <c r="F3565" s="7">
        <v>38657</v>
      </c>
      <c r="G3565" s="8">
        <v>1</v>
      </c>
      <c r="H3565" s="8">
        <v>1</v>
      </c>
      <c r="I3565" s="8">
        <v>0</v>
      </c>
      <c r="J3565" s="8">
        <v>1</v>
      </c>
      <c r="K3565" s="9">
        <v>11</v>
      </c>
      <c r="L3565" s="6" t="s">
        <v>51</v>
      </c>
    </row>
    <row r="3566" spans="1:12">
      <c r="A3566" s="6" t="s">
        <v>49</v>
      </c>
      <c r="B3566" s="6"/>
      <c r="C3566" s="6" t="s">
        <v>3583</v>
      </c>
      <c r="D3566" s="6"/>
      <c r="E3566" s="6" t="s">
        <v>9</v>
      </c>
      <c r="F3566" s="7">
        <v>38657</v>
      </c>
      <c r="G3566" s="8">
        <v>1</v>
      </c>
      <c r="H3566" s="8">
        <v>1</v>
      </c>
      <c r="I3566" s="8">
        <v>0</v>
      </c>
      <c r="J3566" s="8">
        <v>1</v>
      </c>
      <c r="K3566" s="9">
        <v>9.84</v>
      </c>
      <c r="L3566" s="6" t="s">
        <v>51</v>
      </c>
    </row>
    <row r="3567" spans="1:12">
      <c r="A3567" s="6" t="s">
        <v>49</v>
      </c>
      <c r="B3567" s="6"/>
      <c r="C3567" s="6" t="s">
        <v>3584</v>
      </c>
      <c r="D3567" s="6"/>
      <c r="E3567" s="6" t="s">
        <v>9</v>
      </c>
      <c r="F3567" s="7">
        <v>38657</v>
      </c>
      <c r="G3567" s="8">
        <v>1</v>
      </c>
      <c r="H3567" s="8">
        <v>1</v>
      </c>
      <c r="I3567" s="8">
        <v>0</v>
      </c>
      <c r="J3567" s="8">
        <v>1</v>
      </c>
      <c r="K3567" s="9">
        <v>10</v>
      </c>
      <c r="L3567" s="6" t="s">
        <v>51</v>
      </c>
    </row>
    <row r="3568" spans="1:12">
      <c r="A3568" s="6" t="s">
        <v>49</v>
      </c>
      <c r="B3568" s="6"/>
      <c r="C3568" s="6" t="s">
        <v>3585</v>
      </c>
      <c r="D3568" s="6"/>
      <c r="E3568" s="6" t="s">
        <v>9</v>
      </c>
      <c r="F3568" s="7">
        <v>38657</v>
      </c>
      <c r="G3568" s="8">
        <v>1</v>
      </c>
      <c r="H3568" s="8">
        <v>1</v>
      </c>
      <c r="I3568" s="8">
        <v>0</v>
      </c>
      <c r="J3568" s="8">
        <v>1</v>
      </c>
      <c r="K3568" s="9">
        <v>8.41</v>
      </c>
      <c r="L3568" s="6" t="s">
        <v>51</v>
      </c>
    </row>
    <row r="3569" spans="1:12">
      <c r="A3569" s="6" t="s">
        <v>49</v>
      </c>
      <c r="B3569" s="6"/>
      <c r="C3569" s="6" t="s">
        <v>3586</v>
      </c>
      <c r="D3569" s="6"/>
      <c r="E3569" s="6" t="s">
        <v>9</v>
      </c>
      <c r="F3569" s="7">
        <v>38657</v>
      </c>
      <c r="G3569" s="8">
        <v>1</v>
      </c>
      <c r="H3569" s="8">
        <v>1</v>
      </c>
      <c r="I3569" s="8">
        <v>0</v>
      </c>
      <c r="J3569" s="8">
        <v>1</v>
      </c>
      <c r="K3569" s="9">
        <v>10</v>
      </c>
      <c r="L3569" s="6" t="s">
        <v>51</v>
      </c>
    </row>
    <row r="3570" spans="1:12">
      <c r="A3570" s="6" t="s">
        <v>49</v>
      </c>
      <c r="B3570" s="6"/>
      <c r="C3570" s="6" t="s">
        <v>3587</v>
      </c>
      <c r="D3570" s="6"/>
      <c r="E3570" s="6" t="s">
        <v>9</v>
      </c>
      <c r="F3570" s="7">
        <v>38657</v>
      </c>
      <c r="G3570" s="8">
        <v>1</v>
      </c>
      <c r="H3570" s="8">
        <v>1</v>
      </c>
      <c r="I3570" s="8">
        <v>0</v>
      </c>
      <c r="J3570" s="8">
        <v>1</v>
      </c>
      <c r="K3570" s="9">
        <v>13</v>
      </c>
      <c r="L3570" s="6" t="s">
        <v>51</v>
      </c>
    </row>
    <row r="3571" spans="1:12">
      <c r="A3571" s="6" t="s">
        <v>49</v>
      </c>
      <c r="B3571" s="6"/>
      <c r="C3571" s="6" t="s">
        <v>3588</v>
      </c>
      <c r="D3571" s="6"/>
      <c r="E3571" s="6" t="s">
        <v>9</v>
      </c>
      <c r="F3571" s="7">
        <v>38657</v>
      </c>
      <c r="G3571" s="8">
        <v>1</v>
      </c>
      <c r="H3571" s="8">
        <v>1</v>
      </c>
      <c r="I3571" s="8">
        <v>0</v>
      </c>
      <c r="J3571" s="8">
        <v>1</v>
      </c>
      <c r="K3571" s="9">
        <v>9.91</v>
      </c>
      <c r="L3571" s="6" t="s">
        <v>51</v>
      </c>
    </row>
    <row r="3572" spans="1:12">
      <c r="A3572" s="6" t="s">
        <v>49</v>
      </c>
      <c r="B3572" s="6"/>
      <c r="C3572" s="6" t="s">
        <v>3589</v>
      </c>
      <c r="D3572" s="6"/>
      <c r="E3572" s="6" t="s">
        <v>9</v>
      </c>
      <c r="F3572" s="7">
        <v>38657</v>
      </c>
      <c r="G3572" s="8">
        <v>1</v>
      </c>
      <c r="H3572" s="8">
        <v>1</v>
      </c>
      <c r="I3572" s="8">
        <v>0</v>
      </c>
      <c r="J3572" s="8">
        <v>1</v>
      </c>
      <c r="K3572" s="9">
        <v>1.27</v>
      </c>
      <c r="L3572" s="6" t="s">
        <v>51</v>
      </c>
    </row>
    <row r="3573" spans="1:12">
      <c r="A3573" s="6" t="s">
        <v>49</v>
      </c>
      <c r="B3573" s="6"/>
      <c r="C3573" s="6" t="s">
        <v>3590</v>
      </c>
      <c r="D3573" s="6"/>
      <c r="E3573" s="6" t="s">
        <v>9</v>
      </c>
      <c r="F3573" s="7">
        <v>38657</v>
      </c>
      <c r="G3573" s="8">
        <v>1</v>
      </c>
      <c r="H3573" s="8">
        <v>1</v>
      </c>
      <c r="I3573" s="8">
        <v>0</v>
      </c>
      <c r="J3573" s="8">
        <v>1</v>
      </c>
      <c r="K3573" s="9">
        <v>4.41</v>
      </c>
      <c r="L3573" s="6" t="s">
        <v>51</v>
      </c>
    </row>
    <row r="3574" spans="1:12">
      <c r="A3574" s="6" t="s">
        <v>49</v>
      </c>
      <c r="B3574" s="6"/>
      <c r="C3574" s="6" t="s">
        <v>3591</v>
      </c>
      <c r="D3574" s="6"/>
      <c r="E3574" s="6" t="s">
        <v>9</v>
      </c>
      <c r="F3574" s="7">
        <v>38657</v>
      </c>
      <c r="G3574" s="8">
        <v>1</v>
      </c>
      <c r="H3574" s="8">
        <v>1</v>
      </c>
      <c r="I3574" s="8">
        <v>0</v>
      </c>
      <c r="J3574" s="8">
        <v>1</v>
      </c>
      <c r="K3574" s="9">
        <v>9.07</v>
      </c>
      <c r="L3574" s="6" t="s">
        <v>51</v>
      </c>
    </row>
    <row r="3575" spans="1:12">
      <c r="A3575" s="6" t="s">
        <v>49</v>
      </c>
      <c r="B3575" s="6"/>
      <c r="C3575" s="6" t="s">
        <v>3592</v>
      </c>
      <c r="D3575" s="6"/>
      <c r="E3575" s="6" t="s">
        <v>9</v>
      </c>
      <c r="F3575" s="7">
        <v>38657</v>
      </c>
      <c r="G3575" s="8">
        <v>1</v>
      </c>
      <c r="H3575" s="8">
        <v>1</v>
      </c>
      <c r="I3575" s="8">
        <v>0</v>
      </c>
      <c r="J3575" s="8">
        <v>1</v>
      </c>
      <c r="K3575" s="9">
        <v>2.04</v>
      </c>
      <c r="L3575" s="6" t="s">
        <v>51</v>
      </c>
    </row>
    <row r="3576" spans="1:12">
      <c r="A3576" s="6" t="s">
        <v>49</v>
      </c>
      <c r="B3576" s="6"/>
      <c r="C3576" s="6" t="s">
        <v>3593</v>
      </c>
      <c r="D3576" s="6"/>
      <c r="E3576" s="6" t="s">
        <v>9</v>
      </c>
      <c r="F3576" s="7">
        <v>38657</v>
      </c>
      <c r="G3576" s="8">
        <v>1</v>
      </c>
      <c r="H3576" s="8">
        <v>1</v>
      </c>
      <c r="I3576" s="8">
        <v>0</v>
      </c>
      <c r="J3576" s="8">
        <v>1</v>
      </c>
      <c r="K3576" s="9">
        <v>11</v>
      </c>
      <c r="L3576" s="6" t="s">
        <v>51</v>
      </c>
    </row>
    <row r="3577" spans="1:12">
      <c r="A3577" s="6" t="s">
        <v>49</v>
      </c>
      <c r="B3577" s="6"/>
      <c r="C3577" s="6" t="s">
        <v>3594</v>
      </c>
      <c r="D3577" s="6"/>
      <c r="E3577" s="6" t="s">
        <v>9</v>
      </c>
      <c r="F3577" s="7">
        <v>38657</v>
      </c>
      <c r="G3577" s="8">
        <v>1</v>
      </c>
      <c r="H3577" s="8">
        <v>1</v>
      </c>
      <c r="I3577" s="8">
        <v>0</v>
      </c>
      <c r="J3577" s="8">
        <v>1</v>
      </c>
      <c r="K3577" s="9">
        <v>6.05</v>
      </c>
      <c r="L3577" s="6" t="s">
        <v>51</v>
      </c>
    </row>
    <row r="3578" spans="1:12">
      <c r="A3578" s="6" t="s">
        <v>49</v>
      </c>
      <c r="B3578" s="6"/>
      <c r="C3578" s="6" t="s">
        <v>3595</v>
      </c>
      <c r="D3578" s="6"/>
      <c r="E3578" s="6" t="s">
        <v>9</v>
      </c>
      <c r="F3578" s="7">
        <v>38657</v>
      </c>
      <c r="G3578" s="8">
        <v>1</v>
      </c>
      <c r="H3578" s="8">
        <v>1</v>
      </c>
      <c r="I3578" s="8">
        <v>0</v>
      </c>
      <c r="J3578" s="8">
        <v>1</v>
      </c>
      <c r="K3578" s="9">
        <v>6.29</v>
      </c>
      <c r="L3578" s="6" t="s">
        <v>51</v>
      </c>
    </row>
    <row r="3579" spans="1:12">
      <c r="A3579" s="6" t="s">
        <v>49</v>
      </c>
      <c r="B3579" s="6"/>
      <c r="C3579" s="6" t="s">
        <v>3596</v>
      </c>
      <c r="D3579" s="6"/>
      <c r="E3579" s="6" t="s">
        <v>9</v>
      </c>
      <c r="F3579" s="7">
        <v>38657</v>
      </c>
      <c r="G3579" s="8">
        <v>1</v>
      </c>
      <c r="H3579" s="8">
        <v>1</v>
      </c>
      <c r="I3579" s="8">
        <v>0</v>
      </c>
      <c r="J3579" s="8">
        <v>1</v>
      </c>
      <c r="K3579" s="9">
        <v>14</v>
      </c>
      <c r="L3579" s="6" t="s">
        <v>51</v>
      </c>
    </row>
    <row r="3580" spans="1:12">
      <c r="A3580" s="6" t="s">
        <v>49</v>
      </c>
      <c r="B3580" s="6"/>
      <c r="C3580" s="6" t="s">
        <v>3597</v>
      </c>
      <c r="D3580" s="6"/>
      <c r="E3580" s="6" t="s">
        <v>9</v>
      </c>
      <c r="F3580" s="7">
        <v>38657</v>
      </c>
      <c r="G3580" s="8">
        <v>1</v>
      </c>
      <c r="H3580" s="8">
        <v>1</v>
      </c>
      <c r="I3580" s="8">
        <v>0</v>
      </c>
      <c r="J3580" s="8">
        <v>1</v>
      </c>
      <c r="K3580" s="9">
        <v>14</v>
      </c>
      <c r="L3580" s="6" t="s">
        <v>51</v>
      </c>
    </row>
    <row r="3581" spans="1:12">
      <c r="A3581" s="6" t="s">
        <v>49</v>
      </c>
      <c r="B3581" s="6"/>
      <c r="C3581" s="6" t="s">
        <v>3598</v>
      </c>
      <c r="D3581" s="6"/>
      <c r="E3581" s="6" t="s">
        <v>9</v>
      </c>
      <c r="F3581" s="7">
        <v>38657</v>
      </c>
      <c r="G3581" s="8">
        <v>1</v>
      </c>
      <c r="H3581" s="8">
        <v>1</v>
      </c>
      <c r="I3581" s="8">
        <v>0</v>
      </c>
      <c r="J3581" s="8">
        <v>1</v>
      </c>
      <c r="K3581" s="9">
        <v>12</v>
      </c>
      <c r="L3581" s="6" t="s">
        <v>51</v>
      </c>
    </row>
    <row r="3582" spans="1:12">
      <c r="A3582" s="6" t="s">
        <v>49</v>
      </c>
      <c r="B3582" s="6"/>
      <c r="C3582" s="6" t="s">
        <v>3599</v>
      </c>
      <c r="D3582" s="6"/>
      <c r="E3582" s="6" t="s">
        <v>9</v>
      </c>
      <c r="F3582" s="7">
        <v>40709</v>
      </c>
      <c r="G3582" s="8">
        <v>1</v>
      </c>
      <c r="H3582" s="8">
        <v>1</v>
      </c>
      <c r="I3582" s="8">
        <v>0</v>
      </c>
      <c r="J3582" s="8">
        <v>1</v>
      </c>
      <c r="K3582" s="9">
        <v>324</v>
      </c>
      <c r="L3582" s="6" t="s">
        <v>51</v>
      </c>
    </row>
    <row r="3583" spans="1:12">
      <c r="A3583" s="6" t="s">
        <v>49</v>
      </c>
      <c r="B3583" s="6"/>
      <c r="C3583" s="6" t="s">
        <v>3600</v>
      </c>
      <c r="D3583" s="6"/>
      <c r="E3583" s="6" t="s">
        <v>9</v>
      </c>
      <c r="F3583" s="7">
        <v>38657</v>
      </c>
      <c r="G3583" s="8">
        <v>1</v>
      </c>
      <c r="H3583" s="8">
        <v>1</v>
      </c>
      <c r="I3583" s="8">
        <v>0</v>
      </c>
      <c r="J3583" s="8">
        <v>1</v>
      </c>
      <c r="K3583" s="9">
        <v>20</v>
      </c>
      <c r="L3583" s="6" t="s">
        <v>51</v>
      </c>
    </row>
    <row r="3584" spans="1:12">
      <c r="A3584" s="6" t="s">
        <v>49</v>
      </c>
      <c r="B3584" s="6"/>
      <c r="C3584" s="6" t="s">
        <v>3601</v>
      </c>
      <c r="D3584" s="6"/>
      <c r="E3584" s="6" t="s">
        <v>9</v>
      </c>
      <c r="F3584" s="7">
        <v>38657</v>
      </c>
      <c r="G3584" s="8">
        <v>1</v>
      </c>
      <c r="H3584" s="8">
        <v>1</v>
      </c>
      <c r="I3584" s="8">
        <v>0</v>
      </c>
      <c r="J3584" s="8">
        <v>1</v>
      </c>
      <c r="K3584" s="9">
        <v>60</v>
      </c>
      <c r="L3584" s="6" t="s">
        <v>51</v>
      </c>
    </row>
    <row r="3585" spans="1:12">
      <c r="A3585" s="6" t="s">
        <v>49</v>
      </c>
      <c r="B3585" s="6"/>
      <c r="C3585" s="6" t="s">
        <v>3602</v>
      </c>
      <c r="D3585" s="6"/>
      <c r="E3585" s="6" t="s">
        <v>9</v>
      </c>
      <c r="F3585" s="7">
        <v>38657</v>
      </c>
      <c r="G3585" s="8">
        <v>1</v>
      </c>
      <c r="H3585" s="8">
        <v>1</v>
      </c>
      <c r="I3585" s="8">
        <v>0</v>
      </c>
      <c r="J3585" s="8">
        <v>1</v>
      </c>
      <c r="K3585" s="9">
        <v>11</v>
      </c>
      <c r="L3585" s="6" t="s">
        <v>51</v>
      </c>
    </row>
    <row r="3586" spans="1:12">
      <c r="A3586" s="6" t="s">
        <v>49</v>
      </c>
      <c r="B3586" s="6"/>
      <c r="C3586" s="6" t="s">
        <v>3603</v>
      </c>
      <c r="D3586" s="6"/>
      <c r="E3586" s="6" t="s">
        <v>9</v>
      </c>
      <c r="F3586" s="7">
        <v>40435</v>
      </c>
      <c r="G3586" s="8">
        <v>1</v>
      </c>
      <c r="H3586" s="8">
        <v>1</v>
      </c>
      <c r="I3586" s="8">
        <v>0</v>
      </c>
      <c r="J3586" s="8">
        <v>1</v>
      </c>
      <c r="K3586" s="9">
        <v>205</v>
      </c>
      <c r="L3586" s="6" t="s">
        <v>51</v>
      </c>
    </row>
    <row r="3587" spans="1:12">
      <c r="A3587" s="6" t="s">
        <v>49</v>
      </c>
      <c r="B3587" s="6"/>
      <c r="C3587" s="6" t="s">
        <v>3604</v>
      </c>
      <c r="D3587" s="6"/>
      <c r="E3587" s="6" t="s">
        <v>9</v>
      </c>
      <c r="F3587" s="7">
        <v>38657</v>
      </c>
      <c r="G3587" s="8">
        <v>1</v>
      </c>
      <c r="H3587" s="8">
        <v>1</v>
      </c>
      <c r="I3587" s="8">
        <v>0</v>
      </c>
      <c r="J3587" s="8">
        <v>1</v>
      </c>
      <c r="K3587" s="9">
        <v>32</v>
      </c>
      <c r="L3587" s="6" t="s">
        <v>51</v>
      </c>
    </row>
    <row r="3588" spans="1:12">
      <c r="A3588" s="6" t="s">
        <v>49</v>
      </c>
      <c r="B3588" s="6"/>
      <c r="C3588" s="6" t="s">
        <v>3605</v>
      </c>
      <c r="D3588" s="6"/>
      <c r="E3588" s="6" t="s">
        <v>9</v>
      </c>
      <c r="F3588" s="7">
        <v>38657</v>
      </c>
      <c r="G3588" s="8">
        <v>1</v>
      </c>
      <c r="H3588" s="8">
        <v>1</v>
      </c>
      <c r="I3588" s="8">
        <v>0</v>
      </c>
      <c r="J3588" s="8">
        <v>1</v>
      </c>
      <c r="K3588" s="9">
        <v>49</v>
      </c>
      <c r="L3588" s="6" t="s">
        <v>51</v>
      </c>
    </row>
    <row r="3589" spans="1:12">
      <c r="A3589" s="6" t="s">
        <v>49</v>
      </c>
      <c r="B3589" s="6"/>
      <c r="C3589" s="6" t="s">
        <v>3606</v>
      </c>
      <c r="D3589" s="6"/>
      <c r="E3589" s="6" t="s">
        <v>9</v>
      </c>
      <c r="F3589" s="7">
        <v>40107</v>
      </c>
      <c r="G3589" s="8">
        <v>1</v>
      </c>
      <c r="H3589" s="8">
        <v>1</v>
      </c>
      <c r="I3589" s="8">
        <v>0</v>
      </c>
      <c r="J3589" s="8">
        <v>1</v>
      </c>
      <c r="K3589" s="9">
        <v>162</v>
      </c>
      <c r="L3589" s="6" t="s">
        <v>51</v>
      </c>
    </row>
    <row r="3590" spans="1:12">
      <c r="A3590" s="6" t="s">
        <v>49</v>
      </c>
      <c r="B3590" s="6"/>
      <c r="C3590" s="6" t="s">
        <v>3607</v>
      </c>
      <c r="D3590" s="6"/>
      <c r="E3590" s="6" t="s">
        <v>9</v>
      </c>
      <c r="F3590" s="7">
        <v>40107</v>
      </c>
      <c r="G3590" s="8">
        <v>1</v>
      </c>
      <c r="H3590" s="8">
        <v>1</v>
      </c>
      <c r="I3590" s="8">
        <v>0</v>
      </c>
      <c r="J3590" s="8">
        <v>1</v>
      </c>
      <c r="K3590" s="9">
        <v>6.02</v>
      </c>
      <c r="L3590" s="6" t="s">
        <v>51</v>
      </c>
    </row>
    <row r="3591" spans="1:12">
      <c r="A3591" s="6" t="s">
        <v>49</v>
      </c>
      <c r="B3591" s="6"/>
      <c r="C3591" s="6" t="s">
        <v>3608</v>
      </c>
      <c r="D3591" s="6"/>
      <c r="E3591" s="6" t="s">
        <v>9</v>
      </c>
      <c r="F3591" s="7">
        <v>38657</v>
      </c>
      <c r="G3591" s="8">
        <v>1</v>
      </c>
      <c r="H3591" s="8">
        <v>1</v>
      </c>
      <c r="I3591" s="8">
        <v>0</v>
      </c>
      <c r="J3591" s="8">
        <v>1</v>
      </c>
      <c r="K3591" s="9">
        <v>7.4</v>
      </c>
      <c r="L3591" s="6" t="s">
        <v>51</v>
      </c>
    </row>
    <row r="3592" spans="1:12">
      <c r="A3592" s="6" t="s">
        <v>49</v>
      </c>
      <c r="B3592" s="6"/>
      <c r="C3592" s="6" t="s">
        <v>3609</v>
      </c>
      <c r="D3592" s="6"/>
      <c r="E3592" s="6" t="s">
        <v>9</v>
      </c>
      <c r="F3592" s="7">
        <v>38657</v>
      </c>
      <c r="G3592" s="8">
        <v>1</v>
      </c>
      <c r="H3592" s="8">
        <v>1</v>
      </c>
      <c r="I3592" s="8">
        <v>0</v>
      </c>
      <c r="J3592" s="8">
        <v>1</v>
      </c>
      <c r="K3592" s="9">
        <v>4.32</v>
      </c>
      <c r="L3592" s="6" t="s">
        <v>51</v>
      </c>
    </row>
    <row r="3593" spans="1:12">
      <c r="A3593" s="6" t="s">
        <v>49</v>
      </c>
      <c r="B3593" s="6"/>
      <c r="C3593" s="6" t="s">
        <v>3610</v>
      </c>
      <c r="D3593" s="6"/>
      <c r="E3593" s="6" t="s">
        <v>9</v>
      </c>
      <c r="F3593" s="7">
        <v>38657</v>
      </c>
      <c r="G3593" s="8">
        <v>1</v>
      </c>
      <c r="H3593" s="8">
        <v>1</v>
      </c>
      <c r="I3593" s="8">
        <v>0</v>
      </c>
      <c r="J3593" s="8">
        <v>1</v>
      </c>
      <c r="K3593" s="9">
        <v>7.37</v>
      </c>
      <c r="L3593" s="6" t="s">
        <v>51</v>
      </c>
    </row>
    <row r="3594" spans="1:12">
      <c r="A3594" s="6" t="s">
        <v>49</v>
      </c>
      <c r="B3594" s="6"/>
      <c r="C3594" s="6" t="s">
        <v>3611</v>
      </c>
      <c r="D3594" s="6"/>
      <c r="E3594" s="6" t="s">
        <v>9</v>
      </c>
      <c r="F3594" s="7">
        <v>38657</v>
      </c>
      <c r="G3594" s="8">
        <v>1</v>
      </c>
      <c r="H3594" s="8">
        <v>1</v>
      </c>
      <c r="I3594" s="8">
        <v>0</v>
      </c>
      <c r="J3594" s="8">
        <v>1</v>
      </c>
      <c r="K3594" s="9">
        <v>6.6</v>
      </c>
      <c r="L3594" s="6" t="s">
        <v>51</v>
      </c>
    </row>
    <row r="3595" spans="1:12">
      <c r="A3595" s="6" t="s">
        <v>49</v>
      </c>
      <c r="B3595" s="6"/>
      <c r="C3595" s="6" t="s">
        <v>3612</v>
      </c>
      <c r="D3595" s="6"/>
      <c r="E3595" s="6" t="s">
        <v>9</v>
      </c>
      <c r="F3595" s="7">
        <v>38657</v>
      </c>
      <c r="G3595" s="8">
        <v>1</v>
      </c>
      <c r="H3595" s="8">
        <v>1</v>
      </c>
      <c r="I3595" s="8">
        <v>0</v>
      </c>
      <c r="J3595" s="8">
        <v>1</v>
      </c>
      <c r="K3595" s="9">
        <v>9.3000000000000007</v>
      </c>
      <c r="L3595" s="6" t="s">
        <v>51</v>
      </c>
    </row>
    <row r="3596" spans="1:12">
      <c r="A3596" s="6" t="s">
        <v>49</v>
      </c>
      <c r="B3596" s="6"/>
      <c r="C3596" s="6" t="s">
        <v>3613</v>
      </c>
      <c r="D3596" s="6"/>
      <c r="E3596" s="6" t="s">
        <v>9</v>
      </c>
      <c r="F3596" s="7">
        <v>38657</v>
      </c>
      <c r="G3596" s="8">
        <v>1</v>
      </c>
      <c r="H3596" s="8">
        <v>1</v>
      </c>
      <c r="I3596" s="8">
        <v>0</v>
      </c>
      <c r="J3596" s="8">
        <v>1</v>
      </c>
      <c r="K3596" s="9">
        <v>9.3000000000000007</v>
      </c>
      <c r="L3596" s="6" t="s">
        <v>51</v>
      </c>
    </row>
    <row r="3597" spans="1:12">
      <c r="A3597" s="6" t="s">
        <v>49</v>
      </c>
      <c r="B3597" s="6"/>
      <c r="C3597" s="6" t="s">
        <v>3614</v>
      </c>
      <c r="D3597" s="6"/>
      <c r="E3597" s="6" t="s">
        <v>9</v>
      </c>
      <c r="F3597" s="7">
        <v>38657</v>
      </c>
      <c r="G3597" s="8">
        <v>1</v>
      </c>
      <c r="H3597" s="8">
        <v>1</v>
      </c>
      <c r="I3597" s="8">
        <v>0</v>
      </c>
      <c r="J3597" s="8">
        <v>1</v>
      </c>
      <c r="K3597" s="9">
        <v>18</v>
      </c>
      <c r="L3597" s="6" t="s">
        <v>51</v>
      </c>
    </row>
    <row r="3598" spans="1:12">
      <c r="A3598" s="6" t="s">
        <v>49</v>
      </c>
      <c r="B3598" s="6"/>
      <c r="C3598" s="6" t="s">
        <v>3615</v>
      </c>
      <c r="D3598" s="6"/>
      <c r="E3598" s="6" t="s">
        <v>9</v>
      </c>
      <c r="F3598" s="7">
        <v>38657</v>
      </c>
      <c r="G3598" s="8">
        <v>1</v>
      </c>
      <c r="H3598" s="8">
        <v>1</v>
      </c>
      <c r="I3598" s="8">
        <v>0</v>
      </c>
      <c r="J3598" s="8">
        <v>1</v>
      </c>
      <c r="K3598" s="9">
        <v>13</v>
      </c>
      <c r="L3598" s="6" t="s">
        <v>51</v>
      </c>
    </row>
    <row r="3599" spans="1:12">
      <c r="A3599" s="6" t="s">
        <v>49</v>
      </c>
      <c r="B3599" s="6"/>
      <c r="C3599" s="6" t="s">
        <v>3616</v>
      </c>
      <c r="D3599" s="6"/>
      <c r="E3599" s="6" t="s">
        <v>9</v>
      </c>
      <c r="F3599" s="7">
        <v>38657</v>
      </c>
      <c r="G3599" s="8">
        <v>1</v>
      </c>
      <c r="H3599" s="8">
        <v>1</v>
      </c>
      <c r="I3599" s="8">
        <v>0</v>
      </c>
      <c r="J3599" s="8">
        <v>1</v>
      </c>
      <c r="K3599" s="9">
        <v>4.9400000000000004</v>
      </c>
      <c r="L3599" s="6" t="s">
        <v>51</v>
      </c>
    </row>
    <row r="3600" spans="1:12">
      <c r="A3600" s="6" t="s">
        <v>49</v>
      </c>
      <c r="B3600" s="6"/>
      <c r="C3600" s="6" t="s">
        <v>3617</v>
      </c>
      <c r="D3600" s="6"/>
      <c r="E3600" s="6" t="s">
        <v>9</v>
      </c>
      <c r="F3600" s="7">
        <v>38657</v>
      </c>
      <c r="G3600" s="8">
        <v>1</v>
      </c>
      <c r="H3600" s="8">
        <v>1</v>
      </c>
      <c r="I3600" s="8">
        <v>0</v>
      </c>
      <c r="J3600" s="8">
        <v>1</v>
      </c>
      <c r="K3600" s="9">
        <v>9.3000000000000007</v>
      </c>
      <c r="L3600" s="6" t="s">
        <v>51</v>
      </c>
    </row>
    <row r="3601" spans="1:12">
      <c r="A3601" s="6" t="s">
        <v>49</v>
      </c>
      <c r="B3601" s="6"/>
      <c r="C3601" s="6" t="s">
        <v>3618</v>
      </c>
      <c r="D3601" s="6"/>
      <c r="E3601" s="6" t="s">
        <v>9</v>
      </c>
      <c r="F3601" s="7">
        <v>38657</v>
      </c>
      <c r="G3601" s="8">
        <v>1</v>
      </c>
      <c r="H3601" s="8">
        <v>1</v>
      </c>
      <c r="I3601" s="8">
        <v>0</v>
      </c>
      <c r="J3601" s="8">
        <v>1</v>
      </c>
      <c r="K3601" s="9">
        <v>9.3000000000000007</v>
      </c>
      <c r="L3601" s="6" t="s">
        <v>51</v>
      </c>
    </row>
    <row r="3602" spans="1:12">
      <c r="A3602" s="6" t="s">
        <v>49</v>
      </c>
      <c r="B3602" s="6"/>
      <c r="C3602" s="6" t="s">
        <v>3619</v>
      </c>
      <c r="D3602" s="6"/>
      <c r="E3602" s="6" t="s">
        <v>9</v>
      </c>
      <c r="F3602" s="7">
        <v>38657</v>
      </c>
      <c r="G3602" s="8">
        <v>1</v>
      </c>
      <c r="H3602" s="8">
        <v>1</v>
      </c>
      <c r="I3602" s="8">
        <v>0</v>
      </c>
      <c r="J3602" s="8">
        <v>1</v>
      </c>
      <c r="K3602" s="9">
        <v>11</v>
      </c>
      <c r="L3602" s="6" t="s">
        <v>51</v>
      </c>
    </row>
    <row r="3603" spans="1:12">
      <c r="A3603" s="6" t="s">
        <v>49</v>
      </c>
      <c r="B3603" s="6"/>
      <c r="C3603" s="6" t="s">
        <v>3620</v>
      </c>
      <c r="D3603" s="6"/>
      <c r="E3603" s="6" t="s">
        <v>9</v>
      </c>
      <c r="F3603" s="7">
        <v>38657</v>
      </c>
      <c r="G3603" s="8">
        <v>1</v>
      </c>
      <c r="H3603" s="8">
        <v>1</v>
      </c>
      <c r="I3603" s="8">
        <v>0</v>
      </c>
      <c r="J3603" s="8">
        <v>1</v>
      </c>
      <c r="K3603" s="9">
        <v>6.8</v>
      </c>
      <c r="L3603" s="6" t="s">
        <v>51</v>
      </c>
    </row>
    <row r="3604" spans="1:12">
      <c r="A3604" s="6" t="s">
        <v>49</v>
      </c>
      <c r="B3604" s="6"/>
      <c r="C3604" s="6" t="s">
        <v>3621</v>
      </c>
      <c r="D3604" s="6"/>
      <c r="E3604" s="6" t="s">
        <v>9</v>
      </c>
      <c r="F3604" s="7">
        <v>38657</v>
      </c>
      <c r="G3604" s="8">
        <v>1</v>
      </c>
      <c r="H3604" s="8">
        <v>1</v>
      </c>
      <c r="I3604" s="8">
        <v>0</v>
      </c>
      <c r="J3604" s="8">
        <v>1</v>
      </c>
      <c r="K3604" s="9">
        <v>3.3</v>
      </c>
      <c r="L3604" s="6" t="s">
        <v>51</v>
      </c>
    </row>
    <row r="3605" spans="1:12">
      <c r="A3605" s="6" t="s">
        <v>49</v>
      </c>
      <c r="B3605" s="6"/>
      <c r="C3605" s="6" t="s">
        <v>3622</v>
      </c>
      <c r="D3605" s="6"/>
      <c r="E3605" s="6" t="s">
        <v>9</v>
      </c>
      <c r="F3605" s="7">
        <v>38657</v>
      </c>
      <c r="G3605" s="8">
        <v>1</v>
      </c>
      <c r="H3605" s="8">
        <v>1</v>
      </c>
      <c r="I3605" s="8">
        <v>0</v>
      </c>
      <c r="J3605" s="8">
        <v>1</v>
      </c>
      <c r="K3605" s="9">
        <v>10</v>
      </c>
      <c r="L3605" s="6" t="s">
        <v>51</v>
      </c>
    </row>
    <row r="3606" spans="1:12">
      <c r="A3606" s="6" t="s">
        <v>49</v>
      </c>
      <c r="B3606" s="6"/>
      <c r="C3606" s="6" t="s">
        <v>3623</v>
      </c>
      <c r="D3606" s="6"/>
      <c r="E3606" s="6" t="s">
        <v>9</v>
      </c>
      <c r="F3606" s="7">
        <v>38657</v>
      </c>
      <c r="G3606" s="8">
        <v>1</v>
      </c>
      <c r="H3606" s="8">
        <v>1</v>
      </c>
      <c r="I3606" s="8">
        <v>0</v>
      </c>
      <c r="J3606" s="8">
        <v>1</v>
      </c>
      <c r="K3606" s="9">
        <v>154</v>
      </c>
      <c r="L3606" s="6" t="s">
        <v>51</v>
      </c>
    </row>
    <row r="3607" spans="1:12">
      <c r="A3607" s="6" t="s">
        <v>49</v>
      </c>
      <c r="B3607" s="6"/>
      <c r="C3607" s="6" t="s">
        <v>3624</v>
      </c>
      <c r="D3607" s="6"/>
      <c r="E3607" s="6" t="s">
        <v>9</v>
      </c>
      <c r="F3607" s="7">
        <v>38657</v>
      </c>
      <c r="G3607" s="8">
        <v>1</v>
      </c>
      <c r="H3607" s="8">
        <v>1</v>
      </c>
      <c r="I3607" s="8">
        <v>0</v>
      </c>
      <c r="J3607" s="8">
        <v>1</v>
      </c>
      <c r="K3607" s="9">
        <v>92</v>
      </c>
      <c r="L3607" s="6" t="s">
        <v>51</v>
      </c>
    </row>
    <row r="3608" spans="1:12">
      <c r="A3608" s="6" t="s">
        <v>49</v>
      </c>
      <c r="B3608" s="6"/>
      <c r="C3608" s="6" t="s">
        <v>3625</v>
      </c>
      <c r="D3608" s="6"/>
      <c r="E3608" s="6" t="s">
        <v>9</v>
      </c>
      <c r="F3608" s="7">
        <v>38657</v>
      </c>
      <c r="G3608" s="8">
        <v>1</v>
      </c>
      <c r="H3608" s="8">
        <v>1</v>
      </c>
      <c r="I3608" s="8">
        <v>0</v>
      </c>
      <c r="J3608" s="8">
        <v>1</v>
      </c>
      <c r="K3608" s="9">
        <v>18</v>
      </c>
      <c r="L3608" s="6" t="s">
        <v>51</v>
      </c>
    </row>
    <row r="3609" spans="1:12">
      <c r="A3609" s="6" t="s">
        <v>49</v>
      </c>
      <c r="B3609" s="6"/>
      <c r="C3609" s="6" t="s">
        <v>3626</v>
      </c>
      <c r="D3609" s="6"/>
      <c r="E3609" s="6" t="s">
        <v>9</v>
      </c>
      <c r="F3609" s="7">
        <v>38657</v>
      </c>
      <c r="G3609" s="8">
        <v>1</v>
      </c>
      <c r="H3609" s="8">
        <v>1</v>
      </c>
      <c r="I3609" s="8">
        <v>0</v>
      </c>
      <c r="J3609" s="8">
        <v>1</v>
      </c>
      <c r="K3609" s="9">
        <v>18</v>
      </c>
      <c r="L3609" s="6" t="s">
        <v>51</v>
      </c>
    </row>
    <row r="3610" spans="1:12">
      <c r="A3610" s="6" t="s">
        <v>49</v>
      </c>
      <c r="B3610" s="6"/>
      <c r="C3610" s="6" t="s">
        <v>3627</v>
      </c>
      <c r="D3610" s="6"/>
      <c r="E3610" s="6" t="s">
        <v>9</v>
      </c>
      <c r="F3610" s="7">
        <v>38657</v>
      </c>
      <c r="G3610" s="8">
        <v>1</v>
      </c>
      <c r="H3610" s="8">
        <v>1</v>
      </c>
      <c r="I3610" s="8">
        <v>0</v>
      </c>
      <c r="J3610" s="8">
        <v>1</v>
      </c>
      <c r="K3610" s="9">
        <v>21.42</v>
      </c>
      <c r="L3610" s="6" t="s">
        <v>51</v>
      </c>
    </row>
    <row r="3611" spans="1:12">
      <c r="A3611" s="6" t="s">
        <v>49</v>
      </c>
      <c r="B3611" s="6"/>
      <c r="C3611" s="6" t="s">
        <v>3628</v>
      </c>
      <c r="D3611" s="6"/>
      <c r="E3611" s="6" t="s">
        <v>9</v>
      </c>
      <c r="F3611" s="7">
        <v>38657</v>
      </c>
      <c r="G3611" s="8">
        <v>1</v>
      </c>
      <c r="H3611" s="8">
        <v>1</v>
      </c>
      <c r="I3611" s="8">
        <v>0</v>
      </c>
      <c r="J3611" s="8">
        <v>1</v>
      </c>
      <c r="K3611" s="9">
        <v>19.72</v>
      </c>
      <c r="L3611" s="6" t="s">
        <v>51</v>
      </c>
    </row>
    <row r="3612" spans="1:12">
      <c r="A3612" s="6" t="s">
        <v>49</v>
      </c>
      <c r="B3612" s="6"/>
      <c r="C3612" s="6" t="s">
        <v>3629</v>
      </c>
      <c r="D3612" s="6"/>
      <c r="E3612" s="6" t="s">
        <v>9</v>
      </c>
      <c r="F3612" s="7">
        <v>38657</v>
      </c>
      <c r="G3612" s="8">
        <v>1</v>
      </c>
      <c r="H3612" s="8">
        <v>1</v>
      </c>
      <c r="I3612" s="8">
        <v>0</v>
      </c>
      <c r="J3612" s="8">
        <v>1</v>
      </c>
      <c r="K3612" s="9">
        <v>19.55</v>
      </c>
      <c r="L3612" s="6" t="s">
        <v>51</v>
      </c>
    </row>
    <row r="3613" spans="1:12">
      <c r="A3613" s="6" t="s">
        <v>49</v>
      </c>
      <c r="B3613" s="6"/>
      <c r="C3613" s="6" t="s">
        <v>3630</v>
      </c>
      <c r="D3613" s="6"/>
      <c r="E3613" s="6" t="s">
        <v>9</v>
      </c>
      <c r="F3613" s="7">
        <v>38657</v>
      </c>
      <c r="G3613" s="8">
        <v>1</v>
      </c>
      <c r="H3613" s="8">
        <v>1</v>
      </c>
      <c r="I3613" s="8">
        <v>0</v>
      </c>
      <c r="J3613" s="8">
        <v>1</v>
      </c>
      <c r="K3613" s="9">
        <v>19.55</v>
      </c>
      <c r="L3613" s="6" t="s">
        <v>51</v>
      </c>
    </row>
    <row r="3614" spans="1:12">
      <c r="A3614" s="6" t="s">
        <v>49</v>
      </c>
      <c r="B3614" s="6"/>
      <c r="C3614" s="6" t="s">
        <v>3631</v>
      </c>
      <c r="D3614" s="6"/>
      <c r="E3614" s="6" t="s">
        <v>9</v>
      </c>
      <c r="F3614" s="7">
        <v>38657</v>
      </c>
      <c r="G3614" s="8">
        <v>1</v>
      </c>
      <c r="H3614" s="8">
        <v>1</v>
      </c>
      <c r="I3614" s="8">
        <v>0</v>
      </c>
      <c r="J3614" s="8">
        <v>1</v>
      </c>
      <c r="K3614" s="9">
        <v>24</v>
      </c>
      <c r="L3614" s="6" t="s">
        <v>51</v>
      </c>
    </row>
    <row r="3615" spans="1:12">
      <c r="A3615" s="6" t="s">
        <v>49</v>
      </c>
      <c r="B3615" s="6"/>
      <c r="C3615" s="6" t="s">
        <v>3632</v>
      </c>
      <c r="D3615" s="6"/>
      <c r="E3615" s="6" t="s">
        <v>9</v>
      </c>
      <c r="F3615" s="7">
        <v>38657</v>
      </c>
      <c r="G3615" s="8">
        <v>1</v>
      </c>
      <c r="H3615" s="8">
        <v>1</v>
      </c>
      <c r="I3615" s="8">
        <v>0</v>
      </c>
      <c r="J3615" s="8">
        <v>1</v>
      </c>
      <c r="K3615" s="9">
        <v>6.61</v>
      </c>
      <c r="L3615" s="6" t="s">
        <v>51</v>
      </c>
    </row>
    <row r="3616" spans="1:12">
      <c r="A3616" s="6" t="s">
        <v>49</v>
      </c>
      <c r="B3616" s="6"/>
      <c r="C3616" s="6" t="s">
        <v>3633</v>
      </c>
      <c r="D3616" s="6"/>
      <c r="E3616" s="6" t="s">
        <v>9</v>
      </c>
      <c r="F3616" s="7"/>
      <c r="G3616" s="8">
        <v>1</v>
      </c>
      <c r="H3616" s="8">
        <v>1</v>
      </c>
      <c r="I3616" s="8">
        <v>0</v>
      </c>
      <c r="J3616" s="8">
        <v>1</v>
      </c>
      <c r="K3616" s="9">
        <v>23</v>
      </c>
      <c r="L3616" s="6" t="s">
        <v>51</v>
      </c>
    </row>
    <row r="3617" spans="1:12">
      <c r="A3617" s="6" t="s">
        <v>49</v>
      </c>
      <c r="B3617" s="6"/>
      <c r="C3617" s="6" t="s">
        <v>3634</v>
      </c>
      <c r="D3617" s="6"/>
      <c r="E3617" s="6" t="s">
        <v>9</v>
      </c>
      <c r="F3617" s="7">
        <v>38657</v>
      </c>
      <c r="G3617" s="8">
        <v>1</v>
      </c>
      <c r="H3617" s="8">
        <v>1</v>
      </c>
      <c r="I3617" s="8">
        <v>0</v>
      </c>
      <c r="J3617" s="8">
        <v>1</v>
      </c>
      <c r="K3617" s="9">
        <v>26</v>
      </c>
      <c r="L3617" s="6" t="s">
        <v>51</v>
      </c>
    </row>
    <row r="3618" spans="1:12">
      <c r="A3618" s="6" t="s">
        <v>49</v>
      </c>
      <c r="B3618" s="6"/>
      <c r="C3618" s="6" t="s">
        <v>3635</v>
      </c>
      <c r="D3618" s="6"/>
      <c r="E3618" s="6" t="s">
        <v>9</v>
      </c>
      <c r="F3618" s="7">
        <v>38657</v>
      </c>
      <c r="G3618" s="8">
        <v>1</v>
      </c>
      <c r="H3618" s="8">
        <v>1</v>
      </c>
      <c r="I3618" s="8">
        <v>0</v>
      </c>
      <c r="J3618" s="8">
        <v>1</v>
      </c>
      <c r="K3618" s="9">
        <v>118</v>
      </c>
      <c r="L3618" s="6" t="s">
        <v>51</v>
      </c>
    </row>
    <row r="3619" spans="1:12">
      <c r="A3619" s="6" t="s">
        <v>49</v>
      </c>
      <c r="B3619" s="6"/>
      <c r="C3619" s="6" t="s">
        <v>3636</v>
      </c>
      <c r="D3619" s="6"/>
      <c r="E3619" s="6" t="s">
        <v>9</v>
      </c>
      <c r="F3619" s="7"/>
      <c r="G3619" s="8">
        <v>1</v>
      </c>
      <c r="H3619" s="8">
        <v>1</v>
      </c>
      <c r="I3619" s="8">
        <v>0</v>
      </c>
      <c r="J3619" s="8">
        <v>1</v>
      </c>
      <c r="K3619" s="9">
        <v>19</v>
      </c>
      <c r="L3619" s="6" t="s">
        <v>51</v>
      </c>
    </row>
    <row r="3620" spans="1:12">
      <c r="A3620" s="6" t="s">
        <v>49</v>
      </c>
      <c r="B3620" s="6"/>
      <c r="C3620" s="6" t="s">
        <v>3637</v>
      </c>
      <c r="D3620" s="6"/>
      <c r="E3620" s="6" t="s">
        <v>9</v>
      </c>
      <c r="F3620" s="7">
        <v>38657</v>
      </c>
      <c r="G3620" s="8">
        <v>1</v>
      </c>
      <c r="H3620" s="8">
        <v>1</v>
      </c>
      <c r="I3620" s="8">
        <v>0</v>
      </c>
      <c r="J3620" s="8">
        <v>1</v>
      </c>
      <c r="K3620" s="9">
        <v>33</v>
      </c>
      <c r="L3620" s="6" t="s">
        <v>51</v>
      </c>
    </row>
    <row r="3621" spans="1:12">
      <c r="A3621" s="6" t="s">
        <v>49</v>
      </c>
      <c r="B3621" s="6"/>
      <c r="C3621" s="6" t="s">
        <v>3638</v>
      </c>
      <c r="D3621" s="6"/>
      <c r="E3621" s="6" t="s">
        <v>9</v>
      </c>
      <c r="F3621" s="7">
        <v>38657</v>
      </c>
      <c r="G3621" s="8">
        <v>1</v>
      </c>
      <c r="H3621" s="8">
        <v>1</v>
      </c>
      <c r="I3621" s="8">
        <v>0</v>
      </c>
      <c r="J3621" s="8">
        <v>1</v>
      </c>
      <c r="K3621" s="9">
        <v>36</v>
      </c>
      <c r="L3621" s="6" t="s">
        <v>51</v>
      </c>
    </row>
    <row r="3622" spans="1:12">
      <c r="A3622" s="6" t="s">
        <v>49</v>
      </c>
      <c r="B3622" s="6"/>
      <c r="C3622" s="6" t="s">
        <v>3639</v>
      </c>
      <c r="D3622" s="6"/>
      <c r="E3622" s="6" t="s">
        <v>9</v>
      </c>
      <c r="F3622" s="7">
        <v>38657</v>
      </c>
      <c r="G3622" s="8">
        <v>1</v>
      </c>
      <c r="H3622" s="8">
        <v>1</v>
      </c>
      <c r="I3622" s="8">
        <v>0</v>
      </c>
      <c r="J3622" s="8">
        <v>1</v>
      </c>
      <c r="K3622" s="9">
        <v>20</v>
      </c>
      <c r="L3622" s="6" t="s">
        <v>51</v>
      </c>
    </row>
    <row r="3623" spans="1:12">
      <c r="A3623" s="6" t="s">
        <v>49</v>
      </c>
      <c r="B3623" s="6"/>
      <c r="C3623" s="6" t="s">
        <v>3640</v>
      </c>
      <c r="D3623" s="6"/>
      <c r="E3623" s="6" t="s">
        <v>9</v>
      </c>
      <c r="F3623" s="7">
        <v>38657</v>
      </c>
      <c r="G3623" s="8">
        <v>1</v>
      </c>
      <c r="H3623" s="8">
        <v>1</v>
      </c>
      <c r="I3623" s="8">
        <v>0</v>
      </c>
      <c r="J3623" s="8">
        <v>1</v>
      </c>
      <c r="K3623" s="9">
        <v>22.55</v>
      </c>
      <c r="L3623" s="6" t="s">
        <v>51</v>
      </c>
    </row>
    <row r="3624" spans="1:12">
      <c r="A3624" s="6" t="s">
        <v>49</v>
      </c>
      <c r="B3624" s="6"/>
      <c r="C3624" s="6" t="s">
        <v>3641</v>
      </c>
      <c r="D3624" s="6"/>
      <c r="E3624" s="6" t="s">
        <v>9</v>
      </c>
      <c r="F3624" s="7">
        <v>38657</v>
      </c>
      <c r="G3624" s="8">
        <v>1</v>
      </c>
      <c r="H3624" s="8">
        <v>1</v>
      </c>
      <c r="I3624" s="8">
        <v>0</v>
      </c>
      <c r="J3624" s="8">
        <v>1</v>
      </c>
      <c r="K3624" s="9">
        <v>12.8</v>
      </c>
      <c r="L3624" s="6" t="s">
        <v>51</v>
      </c>
    </row>
    <row r="3625" spans="1:12">
      <c r="A3625" s="6" t="s">
        <v>49</v>
      </c>
      <c r="B3625" s="6"/>
      <c r="C3625" s="6" t="s">
        <v>3642</v>
      </c>
      <c r="D3625" s="6"/>
      <c r="E3625" s="6" t="s">
        <v>9</v>
      </c>
      <c r="F3625" s="7"/>
      <c r="G3625" s="8">
        <v>1</v>
      </c>
      <c r="H3625" s="8">
        <v>1</v>
      </c>
      <c r="I3625" s="8">
        <v>0</v>
      </c>
      <c r="J3625" s="8">
        <v>1</v>
      </c>
      <c r="K3625" s="9">
        <v>6.61</v>
      </c>
      <c r="L3625" s="6" t="s">
        <v>51</v>
      </c>
    </row>
    <row r="3626" spans="1:12">
      <c r="A3626" s="6" t="s">
        <v>49</v>
      </c>
      <c r="B3626" s="6"/>
      <c r="C3626" s="6" t="s">
        <v>3643</v>
      </c>
      <c r="D3626" s="6"/>
      <c r="E3626" s="6" t="s">
        <v>9</v>
      </c>
      <c r="F3626" s="7">
        <v>38657</v>
      </c>
      <c r="G3626" s="8">
        <v>1</v>
      </c>
      <c r="H3626" s="8">
        <v>1</v>
      </c>
      <c r="I3626" s="8">
        <v>0</v>
      </c>
      <c r="J3626" s="8">
        <v>1</v>
      </c>
      <c r="K3626" s="9">
        <v>124</v>
      </c>
      <c r="L3626" s="6" t="s">
        <v>51</v>
      </c>
    </row>
    <row r="3627" spans="1:12">
      <c r="A3627" s="6" t="s">
        <v>49</v>
      </c>
      <c r="B3627" s="6"/>
      <c r="C3627" s="6" t="s">
        <v>3644</v>
      </c>
      <c r="D3627" s="6"/>
      <c r="E3627" s="6" t="s">
        <v>9</v>
      </c>
      <c r="F3627" s="7">
        <v>38657</v>
      </c>
      <c r="G3627" s="8">
        <v>1</v>
      </c>
      <c r="H3627" s="8">
        <v>1</v>
      </c>
      <c r="I3627" s="8">
        <v>0</v>
      </c>
      <c r="J3627" s="8">
        <v>1</v>
      </c>
      <c r="K3627" s="9">
        <v>26</v>
      </c>
      <c r="L3627" s="6" t="s">
        <v>51</v>
      </c>
    </row>
    <row r="3628" spans="1:12">
      <c r="A3628" s="6" t="s">
        <v>49</v>
      </c>
      <c r="B3628" s="6"/>
      <c r="C3628" s="6" t="s">
        <v>3645</v>
      </c>
      <c r="D3628" s="6"/>
      <c r="E3628" s="6" t="s">
        <v>9</v>
      </c>
      <c r="F3628" s="7">
        <v>38657</v>
      </c>
      <c r="G3628" s="8">
        <v>1</v>
      </c>
      <c r="H3628" s="8">
        <v>1</v>
      </c>
      <c r="I3628" s="8">
        <v>0</v>
      </c>
      <c r="J3628" s="8">
        <v>1</v>
      </c>
      <c r="K3628" s="9">
        <v>21</v>
      </c>
      <c r="L3628" s="6" t="s">
        <v>51</v>
      </c>
    </row>
    <row r="3629" spans="1:12">
      <c r="A3629" s="6" t="s">
        <v>49</v>
      </c>
      <c r="B3629" s="6"/>
      <c r="C3629" s="6" t="s">
        <v>3646</v>
      </c>
      <c r="D3629" s="6"/>
      <c r="E3629" s="6" t="s">
        <v>9</v>
      </c>
      <c r="F3629" s="7">
        <v>38657</v>
      </c>
      <c r="G3629" s="8">
        <v>1</v>
      </c>
      <c r="H3629" s="8">
        <v>1</v>
      </c>
      <c r="I3629" s="8">
        <v>0</v>
      </c>
      <c r="J3629" s="8">
        <v>1</v>
      </c>
      <c r="K3629" s="9">
        <v>20</v>
      </c>
      <c r="L3629" s="6" t="s">
        <v>51</v>
      </c>
    </row>
    <row r="3630" spans="1:12">
      <c r="A3630" s="6" t="s">
        <v>49</v>
      </c>
      <c r="B3630" s="6"/>
      <c r="C3630" s="6" t="s">
        <v>3647</v>
      </c>
      <c r="D3630" s="6"/>
      <c r="E3630" s="6" t="s">
        <v>9</v>
      </c>
      <c r="F3630" s="7"/>
      <c r="G3630" s="8">
        <v>1</v>
      </c>
      <c r="H3630" s="8">
        <v>1</v>
      </c>
      <c r="I3630" s="8">
        <v>0</v>
      </c>
      <c r="J3630" s="8">
        <v>1</v>
      </c>
      <c r="K3630" s="9">
        <v>24</v>
      </c>
      <c r="L3630" s="6" t="s">
        <v>51</v>
      </c>
    </row>
    <row r="3631" spans="1:12">
      <c r="A3631" s="6" t="s">
        <v>49</v>
      </c>
      <c r="B3631" s="6"/>
      <c r="C3631" s="6" t="s">
        <v>3648</v>
      </c>
      <c r="D3631" s="6"/>
      <c r="E3631" s="6" t="s">
        <v>9</v>
      </c>
      <c r="F3631" s="7">
        <v>38657</v>
      </c>
      <c r="G3631" s="8">
        <v>1</v>
      </c>
      <c r="H3631" s="8">
        <v>1</v>
      </c>
      <c r="I3631" s="8">
        <v>0</v>
      </c>
      <c r="J3631" s="8">
        <v>1</v>
      </c>
      <c r="K3631" s="9">
        <v>0.99</v>
      </c>
      <c r="L3631" s="6" t="s">
        <v>51</v>
      </c>
    </row>
    <row r="3632" spans="1:12">
      <c r="A3632" s="6" t="s">
        <v>49</v>
      </c>
      <c r="B3632" s="6"/>
      <c r="C3632" s="6" t="s">
        <v>3649</v>
      </c>
      <c r="D3632" s="6"/>
      <c r="E3632" s="6" t="s">
        <v>9</v>
      </c>
      <c r="F3632" s="7">
        <v>38657</v>
      </c>
      <c r="G3632" s="8">
        <v>1</v>
      </c>
      <c r="H3632" s="8">
        <v>1</v>
      </c>
      <c r="I3632" s="8">
        <v>0</v>
      </c>
      <c r="J3632" s="8">
        <v>1</v>
      </c>
      <c r="K3632" s="9">
        <v>15</v>
      </c>
      <c r="L3632" s="6" t="s">
        <v>51</v>
      </c>
    </row>
    <row r="3633" spans="1:12">
      <c r="A3633" s="6" t="s">
        <v>49</v>
      </c>
      <c r="B3633" s="6"/>
      <c r="C3633" s="6" t="s">
        <v>3650</v>
      </c>
      <c r="D3633" s="6"/>
      <c r="E3633" s="6" t="s">
        <v>9</v>
      </c>
      <c r="F3633" s="7">
        <v>38657</v>
      </c>
      <c r="G3633" s="8">
        <v>1</v>
      </c>
      <c r="H3633" s="8">
        <v>1</v>
      </c>
      <c r="I3633" s="8">
        <v>0</v>
      </c>
      <c r="J3633" s="8">
        <v>1</v>
      </c>
      <c r="K3633" s="9">
        <v>36</v>
      </c>
      <c r="L3633" s="6" t="s">
        <v>51</v>
      </c>
    </row>
    <row r="3634" spans="1:12">
      <c r="A3634" s="6" t="s">
        <v>49</v>
      </c>
      <c r="B3634" s="6"/>
      <c r="C3634" s="6" t="s">
        <v>3651</v>
      </c>
      <c r="D3634" s="6"/>
      <c r="E3634" s="6" t="s">
        <v>9</v>
      </c>
      <c r="F3634" s="7">
        <v>38657</v>
      </c>
      <c r="G3634" s="8">
        <v>1</v>
      </c>
      <c r="H3634" s="8">
        <v>1</v>
      </c>
      <c r="I3634" s="8">
        <v>0</v>
      </c>
      <c r="J3634" s="8">
        <v>1</v>
      </c>
      <c r="K3634" s="9">
        <v>36</v>
      </c>
      <c r="L3634" s="6" t="s">
        <v>51</v>
      </c>
    </row>
    <row r="3635" spans="1:12">
      <c r="A3635" s="6" t="s">
        <v>49</v>
      </c>
      <c r="B3635" s="6"/>
      <c r="C3635" s="6" t="s">
        <v>3652</v>
      </c>
      <c r="D3635" s="6"/>
      <c r="E3635" s="6" t="s">
        <v>9</v>
      </c>
      <c r="F3635" s="7">
        <v>38657</v>
      </c>
      <c r="G3635" s="8">
        <v>1</v>
      </c>
      <c r="H3635" s="8">
        <v>1</v>
      </c>
      <c r="I3635" s="8">
        <v>0</v>
      </c>
      <c r="J3635" s="8">
        <v>1</v>
      </c>
      <c r="K3635" s="9">
        <v>33</v>
      </c>
      <c r="L3635" s="6" t="s">
        <v>51</v>
      </c>
    </row>
    <row r="3636" spans="1:12">
      <c r="A3636" s="6" t="s">
        <v>49</v>
      </c>
      <c r="B3636" s="6"/>
      <c r="C3636" s="6" t="s">
        <v>3653</v>
      </c>
      <c r="D3636" s="6"/>
      <c r="E3636" s="6" t="s">
        <v>9</v>
      </c>
      <c r="F3636" s="7">
        <v>38657</v>
      </c>
      <c r="G3636" s="8">
        <v>1</v>
      </c>
      <c r="H3636" s="8">
        <v>1</v>
      </c>
      <c r="I3636" s="8">
        <v>0</v>
      </c>
      <c r="J3636" s="8">
        <v>1</v>
      </c>
      <c r="K3636" s="9">
        <v>9.91</v>
      </c>
      <c r="L3636" s="6" t="s">
        <v>51</v>
      </c>
    </row>
    <row r="3637" spans="1:12">
      <c r="A3637" s="6" t="s">
        <v>49</v>
      </c>
      <c r="B3637" s="6"/>
      <c r="C3637" s="6" t="s">
        <v>3654</v>
      </c>
      <c r="D3637" s="6"/>
      <c r="E3637" s="6" t="s">
        <v>9</v>
      </c>
      <c r="F3637" s="7">
        <v>38657</v>
      </c>
      <c r="G3637" s="8">
        <v>1</v>
      </c>
      <c r="H3637" s="8">
        <v>1</v>
      </c>
      <c r="I3637" s="8">
        <v>0</v>
      </c>
      <c r="J3637" s="8">
        <v>1</v>
      </c>
      <c r="K3637" s="9">
        <v>83</v>
      </c>
      <c r="L3637" s="6" t="s">
        <v>51</v>
      </c>
    </row>
    <row r="3638" spans="1:12">
      <c r="A3638" s="6" t="s">
        <v>49</v>
      </c>
      <c r="B3638" s="6"/>
      <c r="C3638" s="6" t="s">
        <v>3655</v>
      </c>
      <c r="D3638" s="6"/>
      <c r="E3638" s="6" t="s">
        <v>9</v>
      </c>
      <c r="F3638" s="7">
        <v>38657</v>
      </c>
      <c r="G3638" s="8">
        <v>1</v>
      </c>
      <c r="H3638" s="8">
        <v>1</v>
      </c>
      <c r="I3638" s="8">
        <v>0</v>
      </c>
      <c r="J3638" s="8">
        <v>1</v>
      </c>
      <c r="K3638" s="9">
        <v>18</v>
      </c>
      <c r="L3638" s="6" t="s">
        <v>51</v>
      </c>
    </row>
    <row r="3639" spans="1:12">
      <c r="A3639" s="6" t="s">
        <v>49</v>
      </c>
      <c r="B3639" s="6"/>
      <c r="C3639" s="6" t="s">
        <v>3656</v>
      </c>
      <c r="D3639" s="6"/>
      <c r="E3639" s="6" t="s">
        <v>9</v>
      </c>
      <c r="F3639" s="7">
        <v>38657</v>
      </c>
      <c r="G3639" s="8">
        <v>1</v>
      </c>
      <c r="H3639" s="8">
        <v>1</v>
      </c>
      <c r="I3639" s="8">
        <v>0</v>
      </c>
      <c r="J3639" s="8">
        <v>1</v>
      </c>
      <c r="K3639" s="9">
        <v>9.91</v>
      </c>
      <c r="L3639" s="6" t="s">
        <v>51</v>
      </c>
    </row>
    <row r="3640" spans="1:12">
      <c r="A3640" s="6" t="s">
        <v>49</v>
      </c>
      <c r="B3640" s="6"/>
      <c r="C3640" s="6" t="s">
        <v>3657</v>
      </c>
      <c r="D3640" s="6"/>
      <c r="E3640" s="6" t="s">
        <v>9</v>
      </c>
      <c r="F3640" s="7">
        <v>38657</v>
      </c>
      <c r="G3640" s="8">
        <v>1</v>
      </c>
      <c r="H3640" s="8">
        <v>1</v>
      </c>
      <c r="I3640" s="8">
        <v>0</v>
      </c>
      <c r="J3640" s="8">
        <v>1</v>
      </c>
      <c r="K3640" s="9">
        <v>11</v>
      </c>
      <c r="L3640" s="6" t="s">
        <v>51</v>
      </c>
    </row>
    <row r="3641" spans="1:12">
      <c r="A3641" s="6" t="s">
        <v>49</v>
      </c>
      <c r="B3641" s="6"/>
      <c r="C3641" s="6" t="s">
        <v>3658</v>
      </c>
      <c r="D3641" s="6"/>
      <c r="E3641" s="6" t="s">
        <v>9</v>
      </c>
      <c r="F3641" s="7">
        <v>38657</v>
      </c>
      <c r="G3641" s="8">
        <v>1</v>
      </c>
      <c r="H3641" s="8">
        <v>1</v>
      </c>
      <c r="I3641" s="8">
        <v>0</v>
      </c>
      <c r="J3641" s="8">
        <v>1</v>
      </c>
      <c r="K3641" s="9">
        <v>13</v>
      </c>
      <c r="L3641" s="6" t="s">
        <v>51</v>
      </c>
    </row>
    <row r="3642" spans="1:12">
      <c r="A3642" s="6" t="s">
        <v>49</v>
      </c>
      <c r="B3642" s="6"/>
      <c r="C3642" s="6" t="s">
        <v>3659</v>
      </c>
      <c r="D3642" s="6"/>
      <c r="E3642" s="6" t="s">
        <v>9</v>
      </c>
      <c r="F3642" s="7">
        <v>38657</v>
      </c>
      <c r="G3642" s="8">
        <v>1</v>
      </c>
      <c r="H3642" s="8">
        <v>1</v>
      </c>
      <c r="I3642" s="8">
        <v>0</v>
      </c>
      <c r="J3642" s="8">
        <v>1</v>
      </c>
      <c r="K3642" s="9">
        <v>197.99</v>
      </c>
      <c r="L3642" s="6" t="s">
        <v>51</v>
      </c>
    </row>
    <row r="3643" spans="1:12">
      <c r="A3643" s="6" t="s">
        <v>49</v>
      </c>
      <c r="B3643" s="6"/>
      <c r="C3643" s="6" t="s">
        <v>3660</v>
      </c>
      <c r="D3643" s="6"/>
      <c r="E3643" s="6" t="s">
        <v>9</v>
      </c>
      <c r="F3643" s="7">
        <v>38657</v>
      </c>
      <c r="G3643" s="8">
        <v>1</v>
      </c>
      <c r="H3643" s="8">
        <v>1</v>
      </c>
      <c r="I3643" s="8">
        <v>0</v>
      </c>
      <c r="J3643" s="8">
        <v>1</v>
      </c>
      <c r="K3643" s="9">
        <v>100</v>
      </c>
      <c r="L3643" s="6" t="s">
        <v>51</v>
      </c>
    </row>
    <row r="3644" spans="1:12">
      <c r="A3644" s="6" t="s">
        <v>49</v>
      </c>
      <c r="B3644" s="6"/>
      <c r="C3644" s="6" t="s">
        <v>3661</v>
      </c>
      <c r="D3644" s="6"/>
      <c r="E3644" s="6" t="s">
        <v>9</v>
      </c>
      <c r="F3644" s="7">
        <v>38657</v>
      </c>
      <c r="G3644" s="8">
        <v>1</v>
      </c>
      <c r="H3644" s="8">
        <v>1</v>
      </c>
      <c r="I3644" s="8">
        <v>0</v>
      </c>
      <c r="J3644" s="8">
        <v>1</v>
      </c>
      <c r="K3644" s="9">
        <v>1.94</v>
      </c>
      <c r="L3644" s="6" t="s">
        <v>51</v>
      </c>
    </row>
    <row r="3645" spans="1:12">
      <c r="A3645" s="6" t="s">
        <v>49</v>
      </c>
      <c r="B3645" s="6"/>
      <c r="C3645" s="6" t="s">
        <v>3662</v>
      </c>
      <c r="D3645" s="6"/>
      <c r="E3645" s="6" t="s">
        <v>9</v>
      </c>
      <c r="F3645" s="7">
        <v>38657</v>
      </c>
      <c r="G3645" s="8">
        <v>1</v>
      </c>
      <c r="H3645" s="8">
        <v>1</v>
      </c>
      <c r="I3645" s="8">
        <v>0</v>
      </c>
      <c r="J3645" s="8">
        <v>1</v>
      </c>
      <c r="K3645" s="9">
        <v>10.24</v>
      </c>
      <c r="L3645" s="6" t="s">
        <v>51</v>
      </c>
    </row>
    <row r="3646" spans="1:12">
      <c r="A3646" s="6" t="s">
        <v>49</v>
      </c>
      <c r="B3646" s="6"/>
      <c r="C3646" s="6" t="s">
        <v>3663</v>
      </c>
      <c r="D3646" s="6"/>
      <c r="E3646" s="6" t="s">
        <v>9</v>
      </c>
      <c r="F3646" s="7">
        <v>38657</v>
      </c>
      <c r="G3646" s="8">
        <v>1</v>
      </c>
      <c r="H3646" s="8">
        <v>1</v>
      </c>
      <c r="I3646" s="8">
        <v>0</v>
      </c>
      <c r="J3646" s="8">
        <v>1</v>
      </c>
      <c r="K3646" s="9">
        <v>14.82</v>
      </c>
      <c r="L3646" s="6" t="s">
        <v>51</v>
      </c>
    </row>
    <row r="3647" spans="1:12">
      <c r="A3647" s="6" t="s">
        <v>49</v>
      </c>
      <c r="B3647" s="6"/>
      <c r="C3647" s="6" t="s">
        <v>3664</v>
      </c>
      <c r="D3647" s="6"/>
      <c r="E3647" s="6" t="s">
        <v>9</v>
      </c>
      <c r="F3647" s="7"/>
      <c r="G3647" s="8">
        <v>1</v>
      </c>
      <c r="H3647" s="8">
        <v>1</v>
      </c>
      <c r="I3647" s="8">
        <v>0</v>
      </c>
      <c r="J3647" s="8">
        <v>1</v>
      </c>
      <c r="K3647" s="9">
        <v>857.1</v>
      </c>
      <c r="L3647" s="6" t="s">
        <v>51</v>
      </c>
    </row>
    <row r="3648" spans="1:12">
      <c r="A3648" s="6" t="s">
        <v>49</v>
      </c>
      <c r="B3648" s="6"/>
      <c r="C3648" s="6" t="s">
        <v>3665</v>
      </c>
      <c r="D3648" s="6"/>
      <c r="E3648" s="6" t="s">
        <v>9</v>
      </c>
      <c r="F3648" s="7">
        <v>38657</v>
      </c>
      <c r="G3648" s="8">
        <v>1</v>
      </c>
      <c r="H3648" s="8">
        <v>1</v>
      </c>
      <c r="I3648" s="8">
        <v>0</v>
      </c>
      <c r="J3648" s="8">
        <v>1</v>
      </c>
      <c r="K3648" s="9">
        <v>93.55</v>
      </c>
      <c r="L3648" s="6" t="s">
        <v>51</v>
      </c>
    </row>
    <row r="3649" spans="1:12">
      <c r="A3649" s="6" t="s">
        <v>49</v>
      </c>
      <c r="B3649" s="6"/>
      <c r="C3649" s="6" t="s">
        <v>3666</v>
      </c>
      <c r="D3649" s="6"/>
      <c r="E3649" s="6" t="s">
        <v>9</v>
      </c>
      <c r="F3649" s="7">
        <v>38657</v>
      </c>
      <c r="G3649" s="8">
        <v>1</v>
      </c>
      <c r="H3649" s="8">
        <v>1</v>
      </c>
      <c r="I3649" s="8">
        <v>0</v>
      </c>
      <c r="J3649" s="8">
        <v>1</v>
      </c>
      <c r="K3649" s="9">
        <v>72</v>
      </c>
      <c r="L3649" s="6" t="s">
        <v>51</v>
      </c>
    </row>
    <row r="3650" spans="1:12">
      <c r="A3650" s="6" t="s">
        <v>49</v>
      </c>
      <c r="B3650" s="6"/>
      <c r="C3650" s="6" t="s">
        <v>3667</v>
      </c>
      <c r="D3650" s="6"/>
      <c r="E3650" s="6" t="s">
        <v>9</v>
      </c>
      <c r="F3650" s="7">
        <v>38657</v>
      </c>
      <c r="G3650" s="8">
        <v>1</v>
      </c>
      <c r="H3650" s="8">
        <v>1</v>
      </c>
      <c r="I3650" s="8">
        <v>0</v>
      </c>
      <c r="J3650" s="8">
        <v>1</v>
      </c>
      <c r="K3650" s="9">
        <v>180.53</v>
      </c>
      <c r="L3650" s="6" t="s">
        <v>51</v>
      </c>
    </row>
    <row r="3651" spans="1:12">
      <c r="A3651" s="6" t="s">
        <v>49</v>
      </c>
      <c r="B3651" s="6"/>
      <c r="C3651" s="6" t="s">
        <v>3668</v>
      </c>
      <c r="D3651" s="6"/>
      <c r="E3651" s="6" t="s">
        <v>9</v>
      </c>
      <c r="F3651" s="7">
        <v>38657</v>
      </c>
      <c r="G3651" s="8">
        <v>1</v>
      </c>
      <c r="H3651" s="8">
        <v>1</v>
      </c>
      <c r="I3651" s="8">
        <v>0</v>
      </c>
      <c r="J3651" s="8">
        <v>1</v>
      </c>
      <c r="K3651" s="9">
        <v>9.26</v>
      </c>
      <c r="L3651" s="6" t="s">
        <v>51</v>
      </c>
    </row>
    <row r="3652" spans="1:12">
      <c r="A3652" s="6" t="s">
        <v>49</v>
      </c>
      <c r="B3652" s="6"/>
      <c r="C3652" s="6" t="s">
        <v>3669</v>
      </c>
      <c r="D3652" s="6"/>
      <c r="E3652" s="6" t="s">
        <v>9</v>
      </c>
      <c r="F3652" s="7">
        <v>38657</v>
      </c>
      <c r="G3652" s="8">
        <v>1</v>
      </c>
      <c r="H3652" s="8">
        <v>1</v>
      </c>
      <c r="I3652" s="8">
        <v>0</v>
      </c>
      <c r="J3652" s="8">
        <v>1</v>
      </c>
      <c r="K3652" s="9">
        <v>27</v>
      </c>
      <c r="L3652" s="6" t="s">
        <v>51</v>
      </c>
    </row>
    <row r="3653" spans="1:12">
      <c r="A3653" s="6" t="s">
        <v>49</v>
      </c>
      <c r="B3653" s="6"/>
      <c r="C3653" s="6" t="s">
        <v>3670</v>
      </c>
      <c r="D3653" s="6"/>
      <c r="E3653" s="6" t="s">
        <v>9</v>
      </c>
      <c r="F3653" s="7">
        <v>38657</v>
      </c>
      <c r="G3653" s="8">
        <v>1</v>
      </c>
      <c r="H3653" s="8">
        <v>1</v>
      </c>
      <c r="I3653" s="8">
        <v>0</v>
      </c>
      <c r="J3653" s="8">
        <v>1</v>
      </c>
      <c r="K3653" s="9">
        <v>37</v>
      </c>
      <c r="L3653" s="6" t="s">
        <v>51</v>
      </c>
    </row>
    <row r="3654" spans="1:12">
      <c r="A3654" s="6" t="s">
        <v>49</v>
      </c>
      <c r="B3654" s="6"/>
      <c r="C3654" s="6" t="s">
        <v>3671</v>
      </c>
      <c r="D3654" s="6"/>
      <c r="E3654" s="6" t="s">
        <v>9</v>
      </c>
      <c r="F3654" s="7">
        <v>38657</v>
      </c>
      <c r="G3654" s="8">
        <v>1</v>
      </c>
      <c r="H3654" s="8">
        <v>1</v>
      </c>
      <c r="I3654" s="8">
        <v>0</v>
      </c>
      <c r="J3654" s="8">
        <v>1</v>
      </c>
      <c r="K3654" s="9">
        <v>18</v>
      </c>
      <c r="L3654" s="6" t="s">
        <v>51</v>
      </c>
    </row>
    <row r="3655" spans="1:12">
      <c r="A3655" s="6" t="s">
        <v>49</v>
      </c>
      <c r="B3655" s="6"/>
      <c r="C3655" s="6" t="s">
        <v>3672</v>
      </c>
      <c r="D3655" s="6"/>
      <c r="E3655" s="6" t="s">
        <v>9</v>
      </c>
      <c r="F3655" s="7">
        <v>38657</v>
      </c>
      <c r="G3655" s="8">
        <v>1</v>
      </c>
      <c r="H3655" s="8">
        <v>1</v>
      </c>
      <c r="I3655" s="8">
        <v>0</v>
      </c>
      <c r="J3655" s="8">
        <v>1</v>
      </c>
      <c r="K3655" s="9">
        <v>18</v>
      </c>
      <c r="L3655" s="6" t="s">
        <v>51</v>
      </c>
    </row>
    <row r="3656" spans="1:12">
      <c r="A3656" s="6" t="s">
        <v>49</v>
      </c>
      <c r="B3656" s="6"/>
      <c r="C3656" s="6" t="s">
        <v>3673</v>
      </c>
      <c r="D3656" s="6"/>
      <c r="E3656" s="6" t="s">
        <v>9</v>
      </c>
      <c r="F3656" s="7">
        <v>38657</v>
      </c>
      <c r="G3656" s="8">
        <v>1</v>
      </c>
      <c r="H3656" s="8">
        <v>1</v>
      </c>
      <c r="I3656" s="8">
        <v>0</v>
      </c>
      <c r="J3656" s="8">
        <v>1</v>
      </c>
      <c r="K3656" s="9">
        <v>25</v>
      </c>
      <c r="L3656" s="6" t="s">
        <v>51</v>
      </c>
    </row>
    <row r="3657" spans="1:12">
      <c r="A3657" s="6" t="s">
        <v>49</v>
      </c>
      <c r="B3657" s="6"/>
      <c r="C3657" s="6" t="s">
        <v>3674</v>
      </c>
      <c r="D3657" s="6"/>
      <c r="E3657" s="6" t="s">
        <v>9</v>
      </c>
      <c r="F3657" s="7">
        <v>38657</v>
      </c>
      <c r="G3657" s="8">
        <v>1</v>
      </c>
      <c r="H3657" s="8">
        <v>1</v>
      </c>
      <c r="I3657" s="8">
        <v>0</v>
      </c>
      <c r="J3657" s="8">
        <v>1</v>
      </c>
      <c r="K3657" s="9">
        <v>28</v>
      </c>
      <c r="L3657" s="6" t="s">
        <v>51</v>
      </c>
    </row>
    <row r="3658" spans="1:12">
      <c r="A3658" s="6" t="s">
        <v>49</v>
      </c>
      <c r="B3658" s="6"/>
      <c r="C3658" s="6" t="s">
        <v>3675</v>
      </c>
      <c r="D3658" s="6"/>
      <c r="E3658" s="6" t="s">
        <v>9</v>
      </c>
      <c r="F3658" s="7">
        <v>38657</v>
      </c>
      <c r="G3658" s="8">
        <v>1</v>
      </c>
      <c r="H3658" s="8">
        <v>1</v>
      </c>
      <c r="I3658" s="8">
        <v>0</v>
      </c>
      <c r="J3658" s="8">
        <v>1</v>
      </c>
      <c r="K3658" s="9">
        <v>8.1199999999999903</v>
      </c>
      <c r="L3658" s="6" t="s">
        <v>51</v>
      </c>
    </row>
    <row r="3659" spans="1:12">
      <c r="A3659" s="6" t="s">
        <v>49</v>
      </c>
      <c r="B3659" s="6"/>
      <c r="C3659" s="6" t="s">
        <v>3676</v>
      </c>
      <c r="D3659" s="6"/>
      <c r="E3659" s="6" t="s">
        <v>9</v>
      </c>
      <c r="F3659" s="7">
        <v>38657</v>
      </c>
      <c r="G3659" s="8">
        <v>1</v>
      </c>
      <c r="H3659" s="8">
        <v>1</v>
      </c>
      <c r="I3659" s="8">
        <v>0</v>
      </c>
      <c r="J3659" s="8">
        <v>1</v>
      </c>
      <c r="K3659" s="9">
        <v>1.1100000000000001</v>
      </c>
      <c r="L3659" s="6" t="s">
        <v>51</v>
      </c>
    </row>
    <row r="3660" spans="1:12">
      <c r="A3660" s="6" t="s">
        <v>49</v>
      </c>
      <c r="B3660" s="6"/>
      <c r="C3660" s="6" t="s">
        <v>3677</v>
      </c>
      <c r="D3660" s="6"/>
      <c r="E3660" s="6" t="s">
        <v>9</v>
      </c>
      <c r="F3660" s="7">
        <v>38657</v>
      </c>
      <c r="G3660" s="8">
        <v>1</v>
      </c>
      <c r="H3660" s="8">
        <v>1</v>
      </c>
      <c r="I3660" s="8">
        <v>0</v>
      </c>
      <c r="J3660" s="8">
        <v>1</v>
      </c>
      <c r="K3660" s="9">
        <v>3.75</v>
      </c>
      <c r="L3660" s="6" t="s">
        <v>51</v>
      </c>
    </row>
    <row r="3661" spans="1:12">
      <c r="A3661" s="6" t="s">
        <v>49</v>
      </c>
      <c r="B3661" s="6"/>
      <c r="C3661" s="6" t="s">
        <v>3678</v>
      </c>
      <c r="D3661" s="6"/>
      <c r="E3661" s="6" t="s">
        <v>9</v>
      </c>
      <c r="F3661" s="7">
        <v>38657</v>
      </c>
      <c r="G3661" s="8">
        <v>1</v>
      </c>
      <c r="H3661" s="8">
        <v>1</v>
      </c>
      <c r="I3661" s="8">
        <v>0</v>
      </c>
      <c r="J3661" s="8">
        <v>1</v>
      </c>
      <c r="K3661" s="9">
        <v>0.52</v>
      </c>
      <c r="L3661" s="6" t="s">
        <v>51</v>
      </c>
    </row>
    <row r="3662" spans="1:12">
      <c r="A3662" s="6" t="s">
        <v>49</v>
      </c>
      <c r="B3662" s="6"/>
      <c r="C3662" s="6" t="s">
        <v>3679</v>
      </c>
      <c r="D3662" s="6"/>
      <c r="E3662" s="6" t="s">
        <v>9</v>
      </c>
      <c r="F3662" s="7">
        <v>38657</v>
      </c>
      <c r="G3662" s="8">
        <v>1</v>
      </c>
      <c r="H3662" s="8">
        <v>1</v>
      </c>
      <c r="I3662" s="8">
        <v>0</v>
      </c>
      <c r="J3662" s="8">
        <v>1</v>
      </c>
      <c r="K3662" s="9">
        <v>2.02999999999999</v>
      </c>
      <c r="L3662" s="6" t="s">
        <v>51</v>
      </c>
    </row>
    <row r="3663" spans="1:12">
      <c r="A3663" s="6" t="s">
        <v>49</v>
      </c>
      <c r="B3663" s="6"/>
      <c r="C3663" s="6" t="s">
        <v>3680</v>
      </c>
      <c r="D3663" s="6"/>
      <c r="E3663" s="6" t="s">
        <v>9</v>
      </c>
      <c r="F3663" s="7">
        <v>38657</v>
      </c>
      <c r="G3663" s="8">
        <v>1</v>
      </c>
      <c r="H3663" s="8">
        <v>1</v>
      </c>
      <c r="I3663" s="8">
        <v>0</v>
      </c>
      <c r="J3663" s="8">
        <v>1</v>
      </c>
      <c r="K3663" s="9">
        <v>7.3</v>
      </c>
      <c r="L3663" s="6" t="s">
        <v>51</v>
      </c>
    </row>
    <row r="3664" spans="1:12">
      <c r="A3664" s="6" t="s">
        <v>49</v>
      </c>
      <c r="B3664" s="6"/>
      <c r="C3664" s="6" t="s">
        <v>3681</v>
      </c>
      <c r="D3664" s="6"/>
      <c r="E3664" s="6" t="s">
        <v>9</v>
      </c>
      <c r="F3664" s="7">
        <v>38657</v>
      </c>
      <c r="G3664" s="8">
        <v>1</v>
      </c>
      <c r="H3664" s="8">
        <v>1</v>
      </c>
      <c r="I3664" s="8">
        <v>0</v>
      </c>
      <c r="J3664" s="8">
        <v>1</v>
      </c>
      <c r="K3664" s="9">
        <v>11</v>
      </c>
      <c r="L3664" s="6" t="s">
        <v>51</v>
      </c>
    </row>
    <row r="3665" spans="1:12">
      <c r="A3665" s="6" t="s">
        <v>49</v>
      </c>
      <c r="B3665" s="6"/>
      <c r="C3665" s="6" t="s">
        <v>3682</v>
      </c>
      <c r="D3665" s="6"/>
      <c r="E3665" s="6" t="s">
        <v>9</v>
      </c>
      <c r="F3665" s="7">
        <v>38657</v>
      </c>
      <c r="G3665" s="8">
        <v>1</v>
      </c>
      <c r="H3665" s="8">
        <v>1</v>
      </c>
      <c r="I3665" s="8">
        <v>0</v>
      </c>
      <c r="J3665" s="8">
        <v>1</v>
      </c>
      <c r="K3665" s="9">
        <v>0.49</v>
      </c>
      <c r="L3665" s="6" t="s">
        <v>51</v>
      </c>
    </row>
    <row r="3666" spans="1:12">
      <c r="A3666" s="6" t="s">
        <v>49</v>
      </c>
      <c r="B3666" s="6"/>
      <c r="C3666" s="6" t="s">
        <v>3683</v>
      </c>
      <c r="D3666" s="6"/>
      <c r="E3666" s="6" t="s">
        <v>9</v>
      </c>
      <c r="F3666" s="7"/>
      <c r="G3666" s="8">
        <v>1</v>
      </c>
      <c r="H3666" s="8">
        <v>1</v>
      </c>
      <c r="I3666" s="8">
        <v>0</v>
      </c>
      <c r="J3666" s="8">
        <v>1</v>
      </c>
      <c r="K3666" s="9">
        <v>3.3</v>
      </c>
      <c r="L3666" s="6" t="s">
        <v>51</v>
      </c>
    </row>
    <row r="3667" spans="1:12">
      <c r="A3667" s="6" t="s">
        <v>49</v>
      </c>
      <c r="B3667" s="6"/>
      <c r="C3667" s="6" t="s">
        <v>3684</v>
      </c>
      <c r="D3667" s="6"/>
      <c r="E3667" s="6" t="s">
        <v>9</v>
      </c>
      <c r="F3667" s="7">
        <v>38657</v>
      </c>
      <c r="G3667" s="8">
        <v>1</v>
      </c>
      <c r="H3667" s="8">
        <v>1</v>
      </c>
      <c r="I3667" s="8">
        <v>0</v>
      </c>
      <c r="J3667" s="8">
        <v>1</v>
      </c>
      <c r="K3667" s="9">
        <v>267.27999999999901</v>
      </c>
      <c r="L3667" s="6" t="s">
        <v>51</v>
      </c>
    </row>
    <row r="3668" spans="1:12">
      <c r="A3668" s="6" t="s">
        <v>49</v>
      </c>
      <c r="B3668" s="6"/>
      <c r="C3668" s="6" t="s">
        <v>3685</v>
      </c>
      <c r="D3668" s="6"/>
      <c r="E3668" s="6" t="s">
        <v>9</v>
      </c>
      <c r="F3668" s="7">
        <v>38657</v>
      </c>
      <c r="G3668" s="8">
        <v>1</v>
      </c>
      <c r="H3668" s="8">
        <v>1</v>
      </c>
      <c r="I3668" s="8">
        <v>0</v>
      </c>
      <c r="J3668" s="8">
        <v>1</v>
      </c>
      <c r="K3668" s="9">
        <v>1131</v>
      </c>
      <c r="L3668" s="6" t="s">
        <v>51</v>
      </c>
    </row>
    <row r="3669" spans="1:12">
      <c r="A3669" s="6" t="s">
        <v>49</v>
      </c>
      <c r="B3669" s="6"/>
      <c r="C3669" s="6" t="s">
        <v>3686</v>
      </c>
      <c r="D3669" s="6"/>
      <c r="E3669" s="6" t="s">
        <v>9</v>
      </c>
      <c r="F3669" s="7">
        <v>38657</v>
      </c>
      <c r="G3669" s="8">
        <v>1</v>
      </c>
      <c r="H3669" s="8">
        <v>1</v>
      </c>
      <c r="I3669" s="8">
        <v>0</v>
      </c>
      <c r="J3669" s="8">
        <v>1</v>
      </c>
      <c r="K3669" s="9">
        <v>288.10000000000002</v>
      </c>
      <c r="L3669" s="6" t="s">
        <v>51</v>
      </c>
    </row>
    <row r="3670" spans="1:12">
      <c r="A3670" s="6" t="s">
        <v>49</v>
      </c>
      <c r="B3670" s="6"/>
      <c r="C3670" s="6" t="s">
        <v>3687</v>
      </c>
      <c r="D3670" s="6"/>
      <c r="E3670" s="6" t="s">
        <v>9</v>
      </c>
      <c r="F3670" s="7">
        <v>38657</v>
      </c>
      <c r="G3670" s="8">
        <v>1</v>
      </c>
      <c r="H3670" s="8">
        <v>1</v>
      </c>
      <c r="I3670" s="8">
        <v>0</v>
      </c>
      <c r="J3670" s="8">
        <v>1</v>
      </c>
      <c r="K3670" s="9">
        <v>56</v>
      </c>
      <c r="L3670" s="6" t="s">
        <v>51</v>
      </c>
    </row>
    <row r="3671" spans="1:12">
      <c r="A3671" s="6" t="s">
        <v>49</v>
      </c>
      <c r="B3671" s="6"/>
      <c r="C3671" s="6" t="s">
        <v>3688</v>
      </c>
      <c r="D3671" s="6"/>
      <c r="E3671" s="6" t="s">
        <v>9</v>
      </c>
      <c r="F3671" s="7">
        <v>38657</v>
      </c>
      <c r="G3671" s="8">
        <v>1</v>
      </c>
      <c r="H3671" s="8">
        <v>1</v>
      </c>
      <c r="I3671" s="8">
        <v>0</v>
      </c>
      <c r="J3671" s="8">
        <v>1</v>
      </c>
      <c r="K3671" s="9">
        <v>1596.36</v>
      </c>
      <c r="L3671" s="6" t="s">
        <v>51</v>
      </c>
    </row>
    <row r="3672" spans="1:12">
      <c r="A3672" s="6" t="s">
        <v>49</v>
      </c>
      <c r="B3672" s="6"/>
      <c r="C3672" s="6" t="s">
        <v>3689</v>
      </c>
      <c r="D3672" s="6"/>
      <c r="E3672" s="6" t="s">
        <v>9</v>
      </c>
      <c r="F3672" s="7">
        <v>38657</v>
      </c>
      <c r="G3672" s="8">
        <v>1</v>
      </c>
      <c r="H3672" s="8">
        <v>1</v>
      </c>
      <c r="I3672" s="8">
        <v>0</v>
      </c>
      <c r="J3672" s="8">
        <v>1</v>
      </c>
      <c r="K3672" s="9">
        <v>5.68</v>
      </c>
      <c r="L3672" s="6" t="s">
        <v>51</v>
      </c>
    </row>
    <row r="3673" spans="1:12">
      <c r="A3673" s="6" t="s">
        <v>49</v>
      </c>
      <c r="B3673" s="6"/>
      <c r="C3673" s="6" t="s">
        <v>3690</v>
      </c>
      <c r="D3673" s="6"/>
      <c r="E3673" s="6" t="s">
        <v>9</v>
      </c>
      <c r="F3673" s="7">
        <v>38657</v>
      </c>
      <c r="G3673" s="8">
        <v>1</v>
      </c>
      <c r="H3673" s="8">
        <v>1</v>
      </c>
      <c r="I3673" s="8">
        <v>0</v>
      </c>
      <c r="J3673" s="8">
        <v>1</v>
      </c>
      <c r="K3673" s="9">
        <v>10</v>
      </c>
      <c r="L3673" s="6" t="s">
        <v>51</v>
      </c>
    </row>
    <row r="3674" spans="1:12">
      <c r="A3674" s="6" t="s">
        <v>49</v>
      </c>
      <c r="B3674" s="6"/>
      <c r="C3674" s="6" t="s">
        <v>3691</v>
      </c>
      <c r="D3674" s="6"/>
      <c r="E3674" s="6" t="s">
        <v>9</v>
      </c>
      <c r="F3674" s="7">
        <v>38657</v>
      </c>
      <c r="G3674" s="8">
        <v>1</v>
      </c>
      <c r="H3674" s="8">
        <v>1</v>
      </c>
      <c r="I3674" s="8">
        <v>0</v>
      </c>
      <c r="J3674" s="8">
        <v>1</v>
      </c>
      <c r="K3674" s="9">
        <v>10</v>
      </c>
      <c r="L3674" s="6" t="s">
        <v>51</v>
      </c>
    </row>
    <row r="3675" spans="1:12">
      <c r="A3675" s="6" t="s">
        <v>49</v>
      </c>
      <c r="B3675" s="6"/>
      <c r="C3675" s="6" t="s">
        <v>3692</v>
      </c>
      <c r="D3675" s="6"/>
      <c r="E3675" s="6" t="s">
        <v>9</v>
      </c>
      <c r="F3675" s="7">
        <v>38657</v>
      </c>
      <c r="G3675" s="8">
        <v>1</v>
      </c>
      <c r="H3675" s="8">
        <v>1</v>
      </c>
      <c r="I3675" s="8">
        <v>0</v>
      </c>
      <c r="J3675" s="8">
        <v>1</v>
      </c>
      <c r="K3675" s="9">
        <v>8.76</v>
      </c>
      <c r="L3675" s="6" t="s">
        <v>51</v>
      </c>
    </row>
    <row r="3676" spans="1:12">
      <c r="A3676" s="6" t="s">
        <v>49</v>
      </c>
      <c r="B3676" s="6"/>
      <c r="C3676" s="6" t="s">
        <v>3693</v>
      </c>
      <c r="D3676" s="6"/>
      <c r="E3676" s="6" t="s">
        <v>9</v>
      </c>
      <c r="F3676" s="7">
        <v>38657</v>
      </c>
      <c r="G3676" s="8">
        <v>1</v>
      </c>
      <c r="H3676" s="8">
        <v>1</v>
      </c>
      <c r="I3676" s="8">
        <v>0</v>
      </c>
      <c r="J3676" s="8">
        <v>1</v>
      </c>
      <c r="K3676" s="9">
        <v>10</v>
      </c>
      <c r="L3676" s="6" t="s">
        <v>51</v>
      </c>
    </row>
    <row r="3677" spans="1:12">
      <c r="A3677" s="6" t="s">
        <v>49</v>
      </c>
      <c r="B3677" s="6"/>
      <c r="C3677" s="6" t="s">
        <v>3694</v>
      </c>
      <c r="D3677" s="6"/>
      <c r="E3677" s="6" t="s">
        <v>9</v>
      </c>
      <c r="F3677" s="7">
        <v>38657</v>
      </c>
      <c r="G3677" s="8">
        <v>1</v>
      </c>
      <c r="H3677" s="8">
        <v>1</v>
      </c>
      <c r="I3677" s="8">
        <v>0</v>
      </c>
      <c r="J3677" s="8">
        <v>1</v>
      </c>
      <c r="K3677" s="9">
        <v>8.76</v>
      </c>
      <c r="L3677" s="6" t="s">
        <v>51</v>
      </c>
    </row>
    <row r="3678" spans="1:12">
      <c r="A3678" s="6" t="s">
        <v>49</v>
      </c>
      <c r="B3678" s="6"/>
      <c r="C3678" s="6" t="s">
        <v>3695</v>
      </c>
      <c r="D3678" s="6"/>
      <c r="E3678" s="6" t="s">
        <v>9</v>
      </c>
      <c r="F3678" s="7">
        <v>38657</v>
      </c>
      <c r="G3678" s="8">
        <v>1</v>
      </c>
      <c r="H3678" s="8">
        <v>1</v>
      </c>
      <c r="I3678" s="8">
        <v>0</v>
      </c>
      <c r="J3678" s="8">
        <v>1</v>
      </c>
      <c r="K3678" s="9">
        <v>581</v>
      </c>
      <c r="L3678" s="6" t="s">
        <v>51</v>
      </c>
    </row>
    <row r="3679" spans="1:12">
      <c r="A3679" s="6" t="s">
        <v>49</v>
      </c>
      <c r="B3679" s="6"/>
      <c r="C3679" s="6" t="s">
        <v>3696</v>
      </c>
      <c r="D3679" s="6"/>
      <c r="E3679" s="6" t="s">
        <v>9</v>
      </c>
      <c r="F3679" s="7">
        <v>38657</v>
      </c>
      <c r="G3679" s="8">
        <v>1</v>
      </c>
      <c r="H3679" s="8">
        <v>1</v>
      </c>
      <c r="I3679" s="8">
        <v>0</v>
      </c>
      <c r="J3679" s="8">
        <v>1</v>
      </c>
      <c r="K3679" s="9">
        <v>472</v>
      </c>
      <c r="L3679" s="6" t="s">
        <v>51</v>
      </c>
    </row>
    <row r="3680" spans="1:12">
      <c r="A3680" s="6" t="s">
        <v>49</v>
      </c>
      <c r="B3680" s="6"/>
      <c r="C3680" s="6" t="s">
        <v>3697</v>
      </c>
      <c r="D3680" s="6"/>
      <c r="E3680" s="6" t="s">
        <v>9</v>
      </c>
      <c r="F3680" s="7">
        <v>38657</v>
      </c>
      <c r="G3680" s="8">
        <v>1</v>
      </c>
      <c r="H3680" s="8">
        <v>1</v>
      </c>
      <c r="I3680" s="8">
        <v>0</v>
      </c>
      <c r="J3680" s="8">
        <v>1</v>
      </c>
      <c r="K3680" s="9">
        <v>42</v>
      </c>
      <c r="L3680" s="6" t="s">
        <v>51</v>
      </c>
    </row>
    <row r="3681" spans="1:12">
      <c r="A3681" s="6" t="s">
        <v>49</v>
      </c>
      <c r="B3681" s="6"/>
      <c r="C3681" s="6" t="s">
        <v>3698</v>
      </c>
      <c r="D3681" s="6"/>
      <c r="E3681" s="6" t="s">
        <v>9</v>
      </c>
      <c r="F3681" s="7">
        <v>38657</v>
      </c>
      <c r="G3681" s="8">
        <v>1</v>
      </c>
      <c r="H3681" s="8">
        <v>1</v>
      </c>
      <c r="I3681" s="8">
        <v>0</v>
      </c>
      <c r="J3681" s="8">
        <v>1</v>
      </c>
      <c r="K3681" s="9">
        <v>16</v>
      </c>
      <c r="L3681" s="6" t="s">
        <v>51</v>
      </c>
    </row>
    <row r="3682" spans="1:12">
      <c r="A3682" s="6" t="s">
        <v>49</v>
      </c>
      <c r="B3682" s="6"/>
      <c r="C3682" s="6" t="s">
        <v>3699</v>
      </c>
      <c r="D3682" s="6"/>
      <c r="E3682" s="6" t="s">
        <v>9</v>
      </c>
      <c r="F3682" s="7">
        <v>38657</v>
      </c>
      <c r="G3682" s="8">
        <v>1</v>
      </c>
      <c r="H3682" s="8">
        <v>1</v>
      </c>
      <c r="I3682" s="8">
        <v>0</v>
      </c>
      <c r="J3682" s="8">
        <v>1</v>
      </c>
      <c r="K3682" s="9">
        <v>63</v>
      </c>
      <c r="L3682" s="6" t="s">
        <v>51</v>
      </c>
    </row>
    <row r="3683" spans="1:12">
      <c r="A3683" s="6" t="s">
        <v>49</v>
      </c>
      <c r="B3683" s="6"/>
      <c r="C3683" s="6" t="s">
        <v>3700</v>
      </c>
      <c r="D3683" s="6"/>
      <c r="E3683" s="6" t="s">
        <v>9</v>
      </c>
      <c r="F3683" s="7">
        <v>38657</v>
      </c>
      <c r="G3683" s="8">
        <v>1</v>
      </c>
      <c r="H3683" s="8">
        <v>1</v>
      </c>
      <c r="I3683" s="8">
        <v>0</v>
      </c>
      <c r="J3683" s="8">
        <v>1</v>
      </c>
      <c r="K3683" s="9">
        <v>359.44</v>
      </c>
      <c r="L3683" s="6" t="s">
        <v>51</v>
      </c>
    </row>
    <row r="3684" spans="1:12">
      <c r="A3684" s="6" t="s">
        <v>49</v>
      </c>
      <c r="B3684" s="6"/>
      <c r="C3684" s="6" t="s">
        <v>3701</v>
      </c>
      <c r="D3684" s="6"/>
      <c r="E3684" s="6" t="s">
        <v>9</v>
      </c>
      <c r="F3684" s="7">
        <v>38657</v>
      </c>
      <c r="G3684" s="8">
        <v>1</v>
      </c>
      <c r="H3684" s="8">
        <v>1</v>
      </c>
      <c r="I3684" s="8">
        <v>0</v>
      </c>
      <c r="J3684" s="8">
        <v>1</v>
      </c>
      <c r="K3684" s="9">
        <v>552</v>
      </c>
      <c r="L3684" s="6" t="s">
        <v>51</v>
      </c>
    </row>
    <row r="3685" spans="1:12">
      <c r="A3685" s="6" t="s">
        <v>49</v>
      </c>
      <c r="B3685" s="6"/>
      <c r="C3685" s="6" t="s">
        <v>3702</v>
      </c>
      <c r="D3685" s="6"/>
      <c r="E3685" s="6" t="s">
        <v>9</v>
      </c>
      <c r="F3685" s="7">
        <v>38657</v>
      </c>
      <c r="G3685" s="8">
        <v>1</v>
      </c>
      <c r="H3685" s="8">
        <v>1</v>
      </c>
      <c r="I3685" s="8">
        <v>0</v>
      </c>
      <c r="J3685" s="8">
        <v>1</v>
      </c>
      <c r="K3685" s="9">
        <v>955</v>
      </c>
      <c r="L3685" s="6" t="s">
        <v>51</v>
      </c>
    </row>
    <row r="3686" spans="1:12">
      <c r="A3686" s="6" t="s">
        <v>49</v>
      </c>
      <c r="B3686" s="6"/>
      <c r="C3686" s="6" t="s">
        <v>3703</v>
      </c>
      <c r="D3686" s="6"/>
      <c r="E3686" s="6" t="s">
        <v>9</v>
      </c>
      <c r="F3686" s="7">
        <v>38657</v>
      </c>
      <c r="G3686" s="8">
        <v>1</v>
      </c>
      <c r="H3686" s="8">
        <v>1</v>
      </c>
      <c r="I3686" s="8">
        <v>0</v>
      </c>
      <c r="J3686" s="8">
        <v>1</v>
      </c>
      <c r="K3686" s="9">
        <v>62</v>
      </c>
      <c r="L3686" s="6" t="s">
        <v>51</v>
      </c>
    </row>
    <row r="3687" spans="1:12">
      <c r="A3687" s="6" t="s">
        <v>49</v>
      </c>
      <c r="B3687" s="6"/>
      <c r="C3687" s="6" t="s">
        <v>3704</v>
      </c>
      <c r="D3687" s="6"/>
      <c r="E3687" s="6" t="s">
        <v>9</v>
      </c>
      <c r="F3687" s="7">
        <v>38657</v>
      </c>
      <c r="G3687" s="8">
        <v>1</v>
      </c>
      <c r="H3687" s="8">
        <v>1</v>
      </c>
      <c r="I3687" s="8">
        <v>0</v>
      </c>
      <c r="J3687" s="8">
        <v>1</v>
      </c>
      <c r="K3687" s="9">
        <v>317</v>
      </c>
      <c r="L3687" s="6" t="s">
        <v>51</v>
      </c>
    </row>
    <row r="3688" spans="1:12">
      <c r="A3688" s="6" t="s">
        <v>49</v>
      </c>
      <c r="B3688" s="6"/>
      <c r="C3688" s="6" t="s">
        <v>3705</v>
      </c>
      <c r="D3688" s="6"/>
      <c r="E3688" s="6" t="s">
        <v>9</v>
      </c>
      <c r="F3688" s="7">
        <v>38657</v>
      </c>
      <c r="G3688" s="8">
        <v>1</v>
      </c>
      <c r="H3688" s="8">
        <v>1</v>
      </c>
      <c r="I3688" s="8">
        <v>0</v>
      </c>
      <c r="J3688" s="8">
        <v>1</v>
      </c>
      <c r="K3688" s="9">
        <v>487.73</v>
      </c>
      <c r="L3688" s="6" t="s">
        <v>51</v>
      </c>
    </row>
    <row r="3689" spans="1:12">
      <c r="A3689" s="6" t="s">
        <v>49</v>
      </c>
      <c r="B3689" s="6"/>
      <c r="C3689" s="6" t="s">
        <v>3706</v>
      </c>
      <c r="D3689" s="6"/>
      <c r="E3689" s="6" t="s">
        <v>9</v>
      </c>
      <c r="F3689" s="7">
        <v>38657</v>
      </c>
      <c r="G3689" s="8">
        <v>1</v>
      </c>
      <c r="H3689" s="8">
        <v>1</v>
      </c>
      <c r="I3689" s="8">
        <v>0</v>
      </c>
      <c r="J3689" s="8">
        <v>1</v>
      </c>
      <c r="K3689" s="9">
        <v>3.3</v>
      </c>
      <c r="L3689" s="6" t="s">
        <v>51</v>
      </c>
    </row>
    <row r="3690" spans="1:12">
      <c r="A3690" s="6" t="s">
        <v>49</v>
      </c>
      <c r="B3690" s="6"/>
      <c r="C3690" s="6" t="s">
        <v>3707</v>
      </c>
      <c r="D3690" s="6"/>
      <c r="E3690" s="6" t="s">
        <v>9</v>
      </c>
      <c r="F3690" s="7">
        <v>38657</v>
      </c>
      <c r="G3690" s="8">
        <v>1</v>
      </c>
      <c r="H3690" s="8">
        <v>1</v>
      </c>
      <c r="I3690" s="8">
        <v>0</v>
      </c>
      <c r="J3690" s="8">
        <v>1</v>
      </c>
      <c r="K3690" s="9">
        <v>16</v>
      </c>
      <c r="L3690" s="6" t="s">
        <v>51</v>
      </c>
    </row>
    <row r="3691" spans="1:12">
      <c r="A3691" s="6" t="s">
        <v>49</v>
      </c>
      <c r="B3691" s="6"/>
      <c r="C3691" s="6" t="s">
        <v>3708</v>
      </c>
      <c r="D3691" s="6"/>
      <c r="E3691" s="6" t="s">
        <v>9</v>
      </c>
      <c r="F3691" s="7">
        <v>38657</v>
      </c>
      <c r="G3691" s="8">
        <v>1</v>
      </c>
      <c r="H3691" s="8">
        <v>1</v>
      </c>
      <c r="I3691" s="8">
        <v>0</v>
      </c>
      <c r="J3691" s="8">
        <v>1</v>
      </c>
      <c r="K3691" s="9">
        <v>6.61</v>
      </c>
      <c r="L3691" s="6" t="s">
        <v>51</v>
      </c>
    </row>
    <row r="3692" spans="1:12">
      <c r="A3692" s="6" t="s">
        <v>49</v>
      </c>
      <c r="B3692" s="6"/>
      <c r="C3692" s="6" t="s">
        <v>3709</v>
      </c>
      <c r="D3692" s="6"/>
      <c r="E3692" s="6" t="s">
        <v>9</v>
      </c>
      <c r="F3692" s="7">
        <v>38657</v>
      </c>
      <c r="G3692" s="8">
        <v>1</v>
      </c>
      <c r="H3692" s="8">
        <v>1</v>
      </c>
      <c r="I3692" s="8">
        <v>0</v>
      </c>
      <c r="J3692" s="8">
        <v>1</v>
      </c>
      <c r="K3692" s="9">
        <v>351.8</v>
      </c>
      <c r="L3692" s="6" t="s">
        <v>51</v>
      </c>
    </row>
    <row r="3693" spans="1:12">
      <c r="A3693" s="6" t="s">
        <v>49</v>
      </c>
      <c r="B3693" s="6"/>
      <c r="C3693" s="6" t="s">
        <v>3710</v>
      </c>
      <c r="D3693" s="6"/>
      <c r="E3693" s="6" t="s">
        <v>9</v>
      </c>
      <c r="F3693" s="7">
        <v>38657</v>
      </c>
      <c r="G3693" s="8">
        <v>1</v>
      </c>
      <c r="H3693" s="8">
        <v>1</v>
      </c>
      <c r="I3693" s="8">
        <v>0</v>
      </c>
      <c r="J3693" s="8">
        <v>1</v>
      </c>
      <c r="K3693" s="9">
        <v>75</v>
      </c>
      <c r="L3693" s="6" t="s">
        <v>51</v>
      </c>
    </row>
    <row r="3694" spans="1:12">
      <c r="A3694" s="6" t="s">
        <v>49</v>
      </c>
      <c r="B3694" s="6"/>
      <c r="C3694" s="6" t="s">
        <v>3711</v>
      </c>
      <c r="D3694" s="6"/>
      <c r="E3694" s="6" t="s">
        <v>9</v>
      </c>
      <c r="F3694" s="7">
        <v>38657</v>
      </c>
      <c r="G3694" s="8">
        <v>1</v>
      </c>
      <c r="H3694" s="8">
        <v>1</v>
      </c>
      <c r="I3694" s="8">
        <v>0</v>
      </c>
      <c r="J3694" s="8">
        <v>1</v>
      </c>
      <c r="K3694" s="9">
        <v>53.71</v>
      </c>
      <c r="L3694" s="6" t="s">
        <v>51</v>
      </c>
    </row>
    <row r="3695" spans="1:12">
      <c r="A3695" s="6" t="s">
        <v>49</v>
      </c>
      <c r="B3695" s="6"/>
      <c r="C3695" s="6" t="s">
        <v>3712</v>
      </c>
      <c r="D3695" s="6"/>
      <c r="E3695" s="6" t="s">
        <v>9</v>
      </c>
      <c r="F3695" s="7">
        <v>38657</v>
      </c>
      <c r="G3695" s="8">
        <v>1</v>
      </c>
      <c r="H3695" s="8">
        <v>1</v>
      </c>
      <c r="I3695" s="8">
        <v>0</v>
      </c>
      <c r="J3695" s="8">
        <v>1</v>
      </c>
      <c r="K3695" s="9">
        <v>355.41</v>
      </c>
      <c r="L3695" s="6" t="s">
        <v>51</v>
      </c>
    </row>
    <row r="3696" spans="1:12">
      <c r="A3696" s="6" t="s">
        <v>49</v>
      </c>
      <c r="B3696" s="6"/>
      <c r="C3696" s="6" t="s">
        <v>3713</v>
      </c>
      <c r="D3696" s="6"/>
      <c r="E3696" s="6" t="s">
        <v>9</v>
      </c>
      <c r="F3696" s="7">
        <v>38657</v>
      </c>
      <c r="G3696" s="8">
        <v>1</v>
      </c>
      <c r="H3696" s="8">
        <v>1</v>
      </c>
      <c r="I3696" s="8">
        <v>0</v>
      </c>
      <c r="J3696" s="8">
        <v>1</v>
      </c>
      <c r="K3696" s="9">
        <v>44.66</v>
      </c>
      <c r="L3696" s="6" t="s">
        <v>51</v>
      </c>
    </row>
    <row r="3697" spans="1:12">
      <c r="A3697" s="6" t="s">
        <v>49</v>
      </c>
      <c r="B3697" s="6"/>
      <c r="C3697" s="6" t="s">
        <v>3714</v>
      </c>
      <c r="D3697" s="6"/>
      <c r="E3697" s="6" t="s">
        <v>9</v>
      </c>
      <c r="F3697" s="7">
        <v>38657</v>
      </c>
      <c r="G3697" s="8">
        <v>1</v>
      </c>
      <c r="H3697" s="8">
        <v>1</v>
      </c>
      <c r="I3697" s="8">
        <v>0</v>
      </c>
      <c r="J3697" s="8">
        <v>1</v>
      </c>
      <c r="K3697" s="9">
        <v>373</v>
      </c>
      <c r="L3697" s="6" t="s">
        <v>51</v>
      </c>
    </row>
    <row r="3698" spans="1:12">
      <c r="A3698" s="6" t="s">
        <v>49</v>
      </c>
      <c r="B3698" s="6"/>
      <c r="C3698" s="6" t="s">
        <v>3715</v>
      </c>
      <c r="D3698" s="6"/>
      <c r="E3698" s="6" t="s">
        <v>9</v>
      </c>
      <c r="F3698" s="7">
        <v>38657</v>
      </c>
      <c r="G3698" s="8">
        <v>1</v>
      </c>
      <c r="H3698" s="8">
        <v>1</v>
      </c>
      <c r="I3698" s="8">
        <v>0</v>
      </c>
      <c r="J3698" s="8">
        <v>1</v>
      </c>
      <c r="K3698" s="9">
        <v>49</v>
      </c>
      <c r="L3698" s="6" t="s">
        <v>51</v>
      </c>
    </row>
    <row r="3699" spans="1:12">
      <c r="A3699" s="6" t="s">
        <v>49</v>
      </c>
      <c r="B3699" s="6"/>
      <c r="C3699" s="6" t="s">
        <v>3716</v>
      </c>
      <c r="D3699" s="6"/>
      <c r="E3699" s="6" t="s">
        <v>9</v>
      </c>
      <c r="F3699" s="7">
        <v>38657</v>
      </c>
      <c r="G3699" s="8">
        <v>1</v>
      </c>
      <c r="H3699" s="8">
        <v>1</v>
      </c>
      <c r="I3699" s="8">
        <v>0</v>
      </c>
      <c r="J3699" s="8">
        <v>1</v>
      </c>
      <c r="K3699" s="9">
        <v>11.04</v>
      </c>
      <c r="L3699" s="6" t="s">
        <v>51</v>
      </c>
    </row>
    <row r="3700" spans="1:12">
      <c r="A3700" s="6" t="s">
        <v>49</v>
      </c>
      <c r="B3700" s="6"/>
      <c r="C3700" s="6" t="s">
        <v>3717</v>
      </c>
      <c r="D3700" s="6"/>
      <c r="E3700" s="6" t="s">
        <v>9</v>
      </c>
      <c r="F3700" s="7">
        <v>38657</v>
      </c>
      <c r="G3700" s="8">
        <v>1</v>
      </c>
      <c r="H3700" s="8">
        <v>1</v>
      </c>
      <c r="I3700" s="8">
        <v>0</v>
      </c>
      <c r="J3700" s="8">
        <v>1</v>
      </c>
      <c r="K3700" s="9">
        <v>9.91</v>
      </c>
      <c r="L3700" s="6" t="s">
        <v>51</v>
      </c>
    </row>
    <row r="3701" spans="1:12">
      <c r="A3701" s="6" t="s">
        <v>49</v>
      </c>
      <c r="B3701" s="6"/>
      <c r="C3701" s="6" t="s">
        <v>3718</v>
      </c>
      <c r="D3701" s="6"/>
      <c r="E3701" s="6" t="s">
        <v>9</v>
      </c>
      <c r="F3701" s="7">
        <v>38657</v>
      </c>
      <c r="G3701" s="8">
        <v>1</v>
      </c>
      <c r="H3701" s="8">
        <v>1</v>
      </c>
      <c r="I3701" s="8">
        <v>0</v>
      </c>
      <c r="J3701" s="8">
        <v>1</v>
      </c>
      <c r="K3701" s="9">
        <v>13</v>
      </c>
      <c r="L3701" s="6" t="s">
        <v>51</v>
      </c>
    </row>
    <row r="3702" spans="1:12">
      <c r="A3702" s="6" t="s">
        <v>49</v>
      </c>
      <c r="B3702" s="6"/>
      <c r="C3702" s="6" t="s">
        <v>3719</v>
      </c>
      <c r="D3702" s="6"/>
      <c r="E3702" s="6" t="s">
        <v>9</v>
      </c>
      <c r="F3702" s="7">
        <v>38657</v>
      </c>
      <c r="G3702" s="8">
        <v>1</v>
      </c>
      <c r="H3702" s="8">
        <v>1</v>
      </c>
      <c r="I3702" s="8">
        <v>0</v>
      </c>
      <c r="J3702" s="8">
        <v>1</v>
      </c>
      <c r="K3702" s="9">
        <v>152</v>
      </c>
      <c r="L3702" s="6" t="s">
        <v>51</v>
      </c>
    </row>
    <row r="3703" spans="1:12">
      <c r="A3703" s="6" t="s">
        <v>49</v>
      </c>
      <c r="B3703" s="6"/>
      <c r="C3703" s="6" t="s">
        <v>3720</v>
      </c>
      <c r="D3703" s="6"/>
      <c r="E3703" s="6" t="s">
        <v>9</v>
      </c>
      <c r="F3703" s="7">
        <v>38657</v>
      </c>
      <c r="G3703" s="8">
        <v>1</v>
      </c>
      <c r="H3703" s="8">
        <v>1</v>
      </c>
      <c r="I3703" s="8">
        <v>0</v>
      </c>
      <c r="J3703" s="8">
        <v>1</v>
      </c>
      <c r="K3703" s="9">
        <v>3.3</v>
      </c>
      <c r="L3703" s="6" t="s">
        <v>51</v>
      </c>
    </row>
    <row r="3704" spans="1:12">
      <c r="A3704" s="6" t="s">
        <v>49</v>
      </c>
      <c r="B3704" s="6"/>
      <c r="C3704" s="6" t="s">
        <v>3721</v>
      </c>
      <c r="D3704" s="6"/>
      <c r="E3704" s="6" t="s">
        <v>9</v>
      </c>
      <c r="F3704" s="7">
        <v>38657</v>
      </c>
      <c r="G3704" s="8">
        <v>1</v>
      </c>
      <c r="H3704" s="8">
        <v>1</v>
      </c>
      <c r="I3704" s="8">
        <v>0</v>
      </c>
      <c r="J3704" s="8">
        <v>1</v>
      </c>
      <c r="K3704" s="9">
        <v>17</v>
      </c>
      <c r="L3704" s="6" t="s">
        <v>51</v>
      </c>
    </row>
    <row r="3705" spans="1:12">
      <c r="A3705" s="6" t="s">
        <v>49</v>
      </c>
      <c r="B3705" s="6"/>
      <c r="C3705" s="6" t="s">
        <v>3722</v>
      </c>
      <c r="D3705" s="6"/>
      <c r="E3705" s="6" t="s">
        <v>9</v>
      </c>
      <c r="F3705" s="7">
        <v>38657</v>
      </c>
      <c r="G3705" s="8">
        <v>1</v>
      </c>
      <c r="H3705" s="8">
        <v>1</v>
      </c>
      <c r="I3705" s="8">
        <v>0</v>
      </c>
      <c r="J3705" s="8">
        <v>1</v>
      </c>
      <c r="K3705" s="9">
        <v>46</v>
      </c>
      <c r="L3705" s="6" t="s">
        <v>51</v>
      </c>
    </row>
    <row r="3706" spans="1:12">
      <c r="A3706" s="6" t="s">
        <v>49</v>
      </c>
      <c r="B3706" s="6"/>
      <c r="C3706" s="6" t="s">
        <v>3723</v>
      </c>
      <c r="D3706" s="6"/>
      <c r="E3706" s="6" t="s">
        <v>9</v>
      </c>
      <c r="F3706" s="7">
        <v>38657</v>
      </c>
      <c r="G3706" s="8">
        <v>1</v>
      </c>
      <c r="H3706" s="8">
        <v>1</v>
      </c>
      <c r="I3706" s="8">
        <v>0</v>
      </c>
      <c r="J3706" s="8">
        <v>1</v>
      </c>
      <c r="K3706" s="9">
        <v>72</v>
      </c>
      <c r="L3706" s="6" t="s">
        <v>51</v>
      </c>
    </row>
    <row r="3707" spans="1:12">
      <c r="A3707" s="6" t="s">
        <v>49</v>
      </c>
      <c r="B3707" s="6"/>
      <c r="C3707" s="6" t="s">
        <v>3724</v>
      </c>
      <c r="D3707" s="6"/>
      <c r="E3707" s="6" t="s">
        <v>9</v>
      </c>
      <c r="F3707" s="7">
        <v>38657</v>
      </c>
      <c r="G3707" s="8">
        <v>1</v>
      </c>
      <c r="H3707" s="8">
        <v>1</v>
      </c>
      <c r="I3707" s="8">
        <v>0</v>
      </c>
      <c r="J3707" s="8">
        <v>1</v>
      </c>
      <c r="K3707" s="9">
        <v>23</v>
      </c>
      <c r="L3707" s="6" t="s">
        <v>51</v>
      </c>
    </row>
    <row r="3708" spans="1:12">
      <c r="A3708" s="6" t="s">
        <v>49</v>
      </c>
      <c r="B3708" s="6"/>
      <c r="C3708" s="6" t="s">
        <v>3725</v>
      </c>
      <c r="D3708" s="6"/>
      <c r="E3708" s="6" t="s">
        <v>9</v>
      </c>
      <c r="F3708" s="7">
        <v>38657</v>
      </c>
      <c r="G3708" s="8">
        <v>1</v>
      </c>
      <c r="H3708" s="8">
        <v>1</v>
      </c>
      <c r="I3708" s="8">
        <v>0</v>
      </c>
      <c r="J3708" s="8">
        <v>1</v>
      </c>
      <c r="K3708" s="9">
        <v>59</v>
      </c>
      <c r="L3708" s="6" t="s">
        <v>51</v>
      </c>
    </row>
    <row r="3709" spans="1:12">
      <c r="A3709" s="6" t="s">
        <v>49</v>
      </c>
      <c r="B3709" s="6"/>
      <c r="C3709" s="6" t="s">
        <v>3726</v>
      </c>
      <c r="D3709" s="6"/>
      <c r="E3709" s="6" t="s">
        <v>9</v>
      </c>
      <c r="F3709" s="7">
        <v>38657</v>
      </c>
      <c r="G3709" s="8">
        <v>1</v>
      </c>
      <c r="H3709" s="8">
        <v>1</v>
      </c>
      <c r="I3709" s="8">
        <v>0</v>
      </c>
      <c r="J3709" s="8">
        <v>1</v>
      </c>
      <c r="K3709" s="9">
        <v>56</v>
      </c>
      <c r="L3709" s="6" t="s">
        <v>51</v>
      </c>
    </row>
    <row r="3710" spans="1:12">
      <c r="A3710" s="6" t="s">
        <v>49</v>
      </c>
      <c r="B3710" s="6"/>
      <c r="C3710" s="6" t="s">
        <v>3727</v>
      </c>
      <c r="D3710" s="6"/>
      <c r="E3710" s="6" t="s">
        <v>9</v>
      </c>
      <c r="F3710" s="7">
        <v>38657</v>
      </c>
      <c r="G3710" s="8">
        <v>1</v>
      </c>
      <c r="H3710" s="8">
        <v>1</v>
      </c>
      <c r="I3710" s="8">
        <v>0</v>
      </c>
      <c r="J3710" s="8">
        <v>1</v>
      </c>
      <c r="K3710" s="9">
        <v>16</v>
      </c>
      <c r="L3710" s="6" t="s">
        <v>51</v>
      </c>
    </row>
    <row r="3711" spans="1:12">
      <c r="A3711" s="6" t="s">
        <v>49</v>
      </c>
      <c r="B3711" s="6"/>
      <c r="C3711" s="6" t="s">
        <v>3728</v>
      </c>
      <c r="D3711" s="6"/>
      <c r="E3711" s="6" t="s">
        <v>9</v>
      </c>
      <c r="F3711" s="7">
        <v>38657</v>
      </c>
      <c r="G3711" s="8">
        <v>1</v>
      </c>
      <c r="H3711" s="8">
        <v>1</v>
      </c>
      <c r="I3711" s="8">
        <v>0</v>
      </c>
      <c r="J3711" s="8">
        <v>1</v>
      </c>
      <c r="K3711" s="9">
        <v>6.61</v>
      </c>
      <c r="L3711" s="6" t="s">
        <v>51</v>
      </c>
    </row>
    <row r="3712" spans="1:12">
      <c r="A3712" s="6" t="s">
        <v>49</v>
      </c>
      <c r="B3712" s="6"/>
      <c r="C3712" s="6" t="s">
        <v>3729</v>
      </c>
      <c r="D3712" s="6"/>
      <c r="E3712" s="6" t="s">
        <v>9</v>
      </c>
      <c r="F3712" s="7">
        <v>38657</v>
      </c>
      <c r="G3712" s="8">
        <v>1</v>
      </c>
      <c r="H3712" s="8">
        <v>1</v>
      </c>
      <c r="I3712" s="8">
        <v>0</v>
      </c>
      <c r="J3712" s="8">
        <v>1</v>
      </c>
      <c r="K3712" s="9">
        <v>1631</v>
      </c>
      <c r="L3712" s="6" t="s">
        <v>51</v>
      </c>
    </row>
    <row r="3713" spans="1:12">
      <c r="A3713" s="6" t="s">
        <v>49</v>
      </c>
      <c r="B3713" s="6"/>
      <c r="C3713" s="6" t="s">
        <v>3730</v>
      </c>
      <c r="D3713" s="6"/>
      <c r="E3713" s="6" t="s">
        <v>9</v>
      </c>
      <c r="F3713" s="7">
        <v>38657</v>
      </c>
      <c r="G3713" s="8">
        <v>1</v>
      </c>
      <c r="H3713" s="8">
        <v>1</v>
      </c>
      <c r="I3713" s="8">
        <v>0</v>
      </c>
      <c r="J3713" s="8">
        <v>1</v>
      </c>
      <c r="K3713" s="9">
        <v>818</v>
      </c>
      <c r="L3713" s="6" t="s">
        <v>51</v>
      </c>
    </row>
    <row r="3714" spans="1:12">
      <c r="A3714" s="6" t="s">
        <v>49</v>
      </c>
      <c r="B3714" s="6"/>
      <c r="C3714" s="6" t="s">
        <v>3731</v>
      </c>
      <c r="D3714" s="6"/>
      <c r="E3714" s="6" t="s">
        <v>9</v>
      </c>
      <c r="F3714" s="7">
        <v>38657</v>
      </c>
      <c r="G3714" s="8">
        <v>1</v>
      </c>
      <c r="H3714" s="8">
        <v>1</v>
      </c>
      <c r="I3714" s="8">
        <v>0</v>
      </c>
      <c r="J3714" s="8">
        <v>1</v>
      </c>
      <c r="K3714" s="9">
        <v>892</v>
      </c>
      <c r="L3714" s="6" t="s">
        <v>51</v>
      </c>
    </row>
    <row r="3715" spans="1:12">
      <c r="A3715" s="6" t="s">
        <v>49</v>
      </c>
      <c r="B3715" s="6"/>
      <c r="C3715" s="6" t="s">
        <v>3732</v>
      </c>
      <c r="D3715" s="6"/>
      <c r="E3715" s="6" t="s">
        <v>9</v>
      </c>
      <c r="F3715" s="7">
        <v>38657</v>
      </c>
      <c r="G3715" s="8">
        <v>1</v>
      </c>
      <c r="H3715" s="8">
        <v>1</v>
      </c>
      <c r="I3715" s="8">
        <v>0</v>
      </c>
      <c r="J3715" s="8">
        <v>1</v>
      </c>
      <c r="K3715" s="9">
        <v>299</v>
      </c>
      <c r="L3715" s="6" t="s">
        <v>51</v>
      </c>
    </row>
    <row r="3716" spans="1:12">
      <c r="A3716" s="6" t="s">
        <v>49</v>
      </c>
      <c r="B3716" s="6"/>
      <c r="C3716" s="6" t="s">
        <v>3733</v>
      </c>
      <c r="D3716" s="6"/>
      <c r="E3716" s="6" t="s">
        <v>9</v>
      </c>
      <c r="F3716" s="7">
        <v>38657</v>
      </c>
      <c r="G3716" s="8">
        <v>1</v>
      </c>
      <c r="H3716" s="8">
        <v>1</v>
      </c>
      <c r="I3716" s="8">
        <v>0</v>
      </c>
      <c r="J3716" s="8">
        <v>1</v>
      </c>
      <c r="K3716" s="9">
        <v>197</v>
      </c>
      <c r="L3716" s="6" t="s">
        <v>51</v>
      </c>
    </row>
    <row r="3717" spans="1:12">
      <c r="A3717" s="6" t="s">
        <v>49</v>
      </c>
      <c r="B3717" s="6"/>
      <c r="C3717" s="6" t="s">
        <v>3734</v>
      </c>
      <c r="D3717" s="6"/>
      <c r="E3717" s="6" t="s">
        <v>9</v>
      </c>
      <c r="F3717" s="7">
        <v>38657</v>
      </c>
      <c r="G3717" s="8">
        <v>1</v>
      </c>
      <c r="H3717" s="8">
        <v>1</v>
      </c>
      <c r="I3717" s="8">
        <v>0</v>
      </c>
      <c r="J3717" s="8">
        <v>1</v>
      </c>
      <c r="K3717" s="9">
        <v>38</v>
      </c>
      <c r="L3717" s="6" t="s">
        <v>51</v>
      </c>
    </row>
    <row r="3718" spans="1:12">
      <c r="A3718" s="6" t="s">
        <v>49</v>
      </c>
      <c r="B3718" s="6"/>
      <c r="C3718" s="6" t="s">
        <v>3735</v>
      </c>
      <c r="D3718" s="6"/>
      <c r="E3718" s="6" t="s">
        <v>9</v>
      </c>
      <c r="F3718" s="7">
        <v>38657</v>
      </c>
      <c r="G3718" s="8">
        <v>1</v>
      </c>
      <c r="H3718" s="8">
        <v>1</v>
      </c>
      <c r="I3718" s="8">
        <v>0</v>
      </c>
      <c r="J3718" s="8">
        <v>1</v>
      </c>
      <c r="K3718" s="9">
        <v>125</v>
      </c>
      <c r="L3718" s="6" t="s">
        <v>51</v>
      </c>
    </row>
    <row r="3719" spans="1:12">
      <c r="A3719" s="6" t="s">
        <v>49</v>
      </c>
      <c r="B3719" s="6"/>
      <c r="C3719" s="6" t="s">
        <v>3736</v>
      </c>
      <c r="D3719" s="6"/>
      <c r="E3719" s="6" t="s">
        <v>9</v>
      </c>
      <c r="F3719" s="7">
        <v>38657</v>
      </c>
      <c r="G3719" s="8">
        <v>1</v>
      </c>
      <c r="H3719" s="8">
        <v>1</v>
      </c>
      <c r="I3719" s="8">
        <v>0</v>
      </c>
      <c r="J3719" s="8">
        <v>1</v>
      </c>
      <c r="K3719" s="9">
        <v>1796</v>
      </c>
      <c r="L3719" s="6" t="s">
        <v>51</v>
      </c>
    </row>
    <row r="3720" spans="1:12">
      <c r="A3720" s="6" t="s">
        <v>49</v>
      </c>
      <c r="B3720" s="6"/>
      <c r="C3720" s="6" t="s">
        <v>3737</v>
      </c>
      <c r="D3720" s="6"/>
      <c r="E3720" s="6" t="s">
        <v>9</v>
      </c>
      <c r="F3720" s="7">
        <v>38657</v>
      </c>
      <c r="G3720" s="8">
        <v>1</v>
      </c>
      <c r="H3720" s="8">
        <v>1</v>
      </c>
      <c r="I3720" s="8">
        <v>0</v>
      </c>
      <c r="J3720" s="8">
        <v>1</v>
      </c>
      <c r="K3720" s="9">
        <v>197</v>
      </c>
      <c r="L3720" s="6" t="s">
        <v>51</v>
      </c>
    </row>
    <row r="3721" spans="1:12">
      <c r="A3721" s="6" t="s">
        <v>49</v>
      </c>
      <c r="B3721" s="6"/>
      <c r="C3721" s="6" t="s">
        <v>3738</v>
      </c>
      <c r="D3721" s="6"/>
      <c r="E3721" s="6" t="s">
        <v>9</v>
      </c>
      <c r="F3721" s="7">
        <v>38657</v>
      </c>
      <c r="G3721" s="8">
        <v>1</v>
      </c>
      <c r="H3721" s="8">
        <v>1</v>
      </c>
      <c r="I3721" s="8">
        <v>0</v>
      </c>
      <c r="J3721" s="8">
        <v>1</v>
      </c>
      <c r="K3721" s="9">
        <v>968</v>
      </c>
      <c r="L3721" s="6" t="s">
        <v>51</v>
      </c>
    </row>
    <row r="3722" spans="1:12">
      <c r="A3722" s="6" t="s">
        <v>49</v>
      </c>
      <c r="B3722" s="6"/>
      <c r="C3722" s="6" t="s">
        <v>3739</v>
      </c>
      <c r="D3722" s="6"/>
      <c r="E3722" s="6" t="s">
        <v>9</v>
      </c>
      <c r="F3722" s="7">
        <v>38657</v>
      </c>
      <c r="G3722" s="8">
        <v>1</v>
      </c>
      <c r="H3722" s="8">
        <v>1</v>
      </c>
      <c r="I3722" s="8">
        <v>0</v>
      </c>
      <c r="J3722" s="8">
        <v>1</v>
      </c>
      <c r="K3722" s="9">
        <v>64</v>
      </c>
      <c r="L3722" s="6" t="s">
        <v>51</v>
      </c>
    </row>
    <row r="3723" spans="1:12">
      <c r="A3723" s="6" t="s">
        <v>49</v>
      </c>
      <c r="B3723" s="6"/>
      <c r="C3723" s="6" t="s">
        <v>3740</v>
      </c>
      <c r="D3723" s="6"/>
      <c r="E3723" s="6" t="s">
        <v>9</v>
      </c>
      <c r="F3723" s="7">
        <v>38657</v>
      </c>
      <c r="G3723" s="8">
        <v>1</v>
      </c>
      <c r="H3723" s="8">
        <v>1</v>
      </c>
      <c r="I3723" s="8">
        <v>0</v>
      </c>
      <c r="J3723" s="8">
        <v>1</v>
      </c>
      <c r="K3723" s="9">
        <v>103</v>
      </c>
      <c r="L3723" s="6" t="s">
        <v>51</v>
      </c>
    </row>
    <row r="3724" spans="1:12">
      <c r="A3724" s="6" t="s">
        <v>49</v>
      </c>
      <c r="B3724" s="6"/>
      <c r="C3724" s="6" t="s">
        <v>3741</v>
      </c>
      <c r="D3724" s="6"/>
      <c r="E3724" s="6" t="s">
        <v>9</v>
      </c>
      <c r="F3724" s="7">
        <v>38657</v>
      </c>
      <c r="G3724" s="8">
        <v>1</v>
      </c>
      <c r="H3724" s="8">
        <v>1</v>
      </c>
      <c r="I3724" s="8">
        <v>0</v>
      </c>
      <c r="J3724" s="8">
        <v>1</v>
      </c>
      <c r="K3724" s="9">
        <v>594</v>
      </c>
      <c r="L3724" s="6" t="s">
        <v>51</v>
      </c>
    </row>
    <row r="3725" spans="1:12">
      <c r="A3725" s="6" t="s">
        <v>49</v>
      </c>
      <c r="B3725" s="6"/>
      <c r="C3725" s="6" t="s">
        <v>3742</v>
      </c>
      <c r="D3725" s="6"/>
      <c r="E3725" s="6" t="s">
        <v>9</v>
      </c>
      <c r="F3725" s="7">
        <v>38657</v>
      </c>
      <c r="G3725" s="8">
        <v>1</v>
      </c>
      <c r="H3725" s="8">
        <v>1</v>
      </c>
      <c r="I3725" s="8">
        <v>0</v>
      </c>
      <c r="J3725" s="8">
        <v>1</v>
      </c>
      <c r="K3725" s="9">
        <v>109</v>
      </c>
      <c r="L3725" s="6" t="s">
        <v>51</v>
      </c>
    </row>
    <row r="3726" spans="1:12">
      <c r="A3726" s="6" t="s">
        <v>49</v>
      </c>
      <c r="B3726" s="6"/>
      <c r="C3726" s="6" t="s">
        <v>3743</v>
      </c>
      <c r="D3726" s="6"/>
      <c r="E3726" s="6" t="s">
        <v>9</v>
      </c>
      <c r="F3726" s="7">
        <v>38657</v>
      </c>
      <c r="G3726" s="8">
        <v>1</v>
      </c>
      <c r="H3726" s="8">
        <v>1</v>
      </c>
      <c r="I3726" s="8">
        <v>0</v>
      </c>
      <c r="J3726" s="8">
        <v>1</v>
      </c>
      <c r="K3726" s="9">
        <v>125</v>
      </c>
      <c r="L3726" s="6" t="s">
        <v>51</v>
      </c>
    </row>
    <row r="3727" spans="1:12">
      <c r="A3727" s="6" t="s">
        <v>49</v>
      </c>
      <c r="B3727" s="6"/>
      <c r="C3727" s="6" t="s">
        <v>3744</v>
      </c>
      <c r="D3727" s="6"/>
      <c r="E3727" s="6" t="s">
        <v>9</v>
      </c>
      <c r="F3727" s="7">
        <v>40229</v>
      </c>
      <c r="G3727" s="8">
        <v>1</v>
      </c>
      <c r="H3727" s="8">
        <v>1</v>
      </c>
      <c r="I3727" s="8">
        <v>0</v>
      </c>
      <c r="J3727" s="8">
        <v>1</v>
      </c>
      <c r="K3727" s="9">
        <v>755</v>
      </c>
      <c r="L3727" s="6" t="s">
        <v>51</v>
      </c>
    </row>
    <row r="3728" spans="1:12">
      <c r="A3728" s="6" t="s">
        <v>49</v>
      </c>
      <c r="B3728" s="6"/>
      <c r="C3728" s="6" t="s">
        <v>3745</v>
      </c>
      <c r="D3728" s="6"/>
      <c r="E3728" s="6" t="s">
        <v>9</v>
      </c>
      <c r="F3728" s="7">
        <v>40229</v>
      </c>
      <c r="G3728" s="8">
        <v>1</v>
      </c>
      <c r="H3728" s="8">
        <v>1</v>
      </c>
      <c r="I3728" s="8">
        <v>0</v>
      </c>
      <c r="J3728" s="8">
        <v>1</v>
      </c>
      <c r="K3728" s="9">
        <v>662</v>
      </c>
      <c r="L3728" s="6" t="s">
        <v>51</v>
      </c>
    </row>
    <row r="3729" spans="1:12">
      <c r="A3729" s="6" t="s">
        <v>49</v>
      </c>
      <c r="B3729" s="6"/>
      <c r="C3729" s="6" t="s">
        <v>3746</v>
      </c>
      <c r="D3729" s="6"/>
      <c r="E3729" s="6" t="s">
        <v>9</v>
      </c>
      <c r="F3729" s="7">
        <v>40229</v>
      </c>
      <c r="G3729" s="8">
        <v>1</v>
      </c>
      <c r="H3729" s="8">
        <v>1</v>
      </c>
      <c r="I3729" s="8">
        <v>0</v>
      </c>
      <c r="J3729" s="8">
        <v>1</v>
      </c>
      <c r="K3729" s="9">
        <v>144</v>
      </c>
      <c r="L3729" s="6" t="s">
        <v>51</v>
      </c>
    </row>
    <row r="3730" spans="1:12">
      <c r="A3730" s="6" t="s">
        <v>49</v>
      </c>
      <c r="B3730" s="6"/>
      <c r="C3730" s="6" t="s">
        <v>3747</v>
      </c>
      <c r="D3730" s="6"/>
      <c r="E3730" s="6" t="s">
        <v>9</v>
      </c>
      <c r="F3730" s="7">
        <v>38657</v>
      </c>
      <c r="G3730" s="8">
        <v>1</v>
      </c>
      <c r="H3730" s="8">
        <v>1</v>
      </c>
      <c r="I3730" s="8">
        <v>0</v>
      </c>
      <c r="J3730" s="8">
        <v>1</v>
      </c>
      <c r="K3730" s="9">
        <v>675</v>
      </c>
      <c r="L3730" s="6" t="s">
        <v>51</v>
      </c>
    </row>
    <row r="3731" spans="1:12">
      <c r="A3731" s="6" t="s">
        <v>49</v>
      </c>
      <c r="B3731" s="6"/>
      <c r="C3731" s="6" t="s">
        <v>3748</v>
      </c>
      <c r="D3731" s="6"/>
      <c r="E3731" s="6" t="s">
        <v>9</v>
      </c>
      <c r="F3731" s="7">
        <v>38657</v>
      </c>
      <c r="G3731" s="8">
        <v>1</v>
      </c>
      <c r="H3731" s="8">
        <v>1</v>
      </c>
      <c r="I3731" s="8">
        <v>0</v>
      </c>
      <c r="J3731" s="8">
        <v>1</v>
      </c>
      <c r="K3731" s="9">
        <v>1088</v>
      </c>
      <c r="L3731" s="6" t="s">
        <v>51</v>
      </c>
    </row>
    <row r="3732" spans="1:12">
      <c r="A3732" s="6" t="s">
        <v>49</v>
      </c>
      <c r="B3732" s="6"/>
      <c r="C3732" s="6" t="s">
        <v>3749</v>
      </c>
      <c r="D3732" s="6"/>
      <c r="E3732" s="6" t="s">
        <v>9</v>
      </c>
      <c r="F3732" s="7">
        <v>38657</v>
      </c>
      <c r="G3732" s="8">
        <v>1</v>
      </c>
      <c r="H3732" s="8">
        <v>1</v>
      </c>
      <c r="I3732" s="8">
        <v>0</v>
      </c>
      <c r="J3732" s="8">
        <v>1</v>
      </c>
      <c r="K3732" s="9">
        <v>194</v>
      </c>
      <c r="L3732" s="6" t="s">
        <v>51</v>
      </c>
    </row>
    <row r="3733" spans="1:12">
      <c r="A3733" s="6" t="s">
        <v>49</v>
      </c>
      <c r="B3733" s="6"/>
      <c r="C3733" s="6" t="s">
        <v>3750</v>
      </c>
      <c r="D3733" s="6"/>
      <c r="E3733" s="6" t="s">
        <v>9</v>
      </c>
      <c r="F3733" s="7">
        <v>38657</v>
      </c>
      <c r="G3733" s="8">
        <v>1</v>
      </c>
      <c r="H3733" s="8">
        <v>1</v>
      </c>
      <c r="I3733" s="8">
        <v>0</v>
      </c>
      <c r="J3733" s="8">
        <v>1</v>
      </c>
      <c r="K3733" s="9">
        <v>97</v>
      </c>
      <c r="L3733" s="6" t="s">
        <v>51</v>
      </c>
    </row>
    <row r="3734" spans="1:12">
      <c r="A3734" s="6" t="s">
        <v>49</v>
      </c>
      <c r="B3734" s="6"/>
      <c r="C3734" s="6" t="s">
        <v>3751</v>
      </c>
      <c r="D3734" s="6"/>
      <c r="E3734" s="6" t="s">
        <v>9</v>
      </c>
      <c r="F3734" s="7">
        <v>38657</v>
      </c>
      <c r="G3734" s="8">
        <v>1</v>
      </c>
      <c r="H3734" s="8">
        <v>1</v>
      </c>
      <c r="I3734" s="8">
        <v>0</v>
      </c>
      <c r="J3734" s="8">
        <v>1</v>
      </c>
      <c r="K3734" s="9">
        <v>43</v>
      </c>
      <c r="L3734" s="6" t="s">
        <v>51</v>
      </c>
    </row>
    <row r="3735" spans="1:12">
      <c r="A3735" s="6" t="s">
        <v>49</v>
      </c>
      <c r="B3735" s="6"/>
      <c r="C3735" s="6" t="s">
        <v>3752</v>
      </c>
      <c r="D3735" s="6"/>
      <c r="E3735" s="6" t="s">
        <v>9</v>
      </c>
      <c r="F3735" s="7">
        <v>38657</v>
      </c>
      <c r="G3735" s="8">
        <v>1</v>
      </c>
      <c r="H3735" s="8">
        <v>1</v>
      </c>
      <c r="I3735" s="8">
        <v>0</v>
      </c>
      <c r="J3735" s="8">
        <v>1</v>
      </c>
      <c r="K3735" s="9">
        <v>32</v>
      </c>
      <c r="L3735" s="6" t="s">
        <v>51</v>
      </c>
    </row>
    <row r="3736" spans="1:12">
      <c r="A3736" s="6" t="s">
        <v>49</v>
      </c>
      <c r="B3736" s="6"/>
      <c r="C3736" s="6" t="s">
        <v>3753</v>
      </c>
      <c r="D3736" s="6"/>
      <c r="E3736" s="6" t="s">
        <v>9</v>
      </c>
      <c r="F3736" s="7">
        <v>38657</v>
      </c>
      <c r="G3736" s="8">
        <v>1</v>
      </c>
      <c r="H3736" s="8">
        <v>1</v>
      </c>
      <c r="I3736" s="8">
        <v>0</v>
      </c>
      <c r="J3736" s="8">
        <v>1</v>
      </c>
      <c r="K3736" s="9">
        <v>195</v>
      </c>
      <c r="L3736" s="6" t="s">
        <v>51</v>
      </c>
    </row>
    <row r="3737" spans="1:12">
      <c r="A3737" s="6" t="s">
        <v>49</v>
      </c>
      <c r="B3737" s="6"/>
      <c r="C3737" s="6" t="s">
        <v>3754</v>
      </c>
      <c r="D3737" s="6"/>
      <c r="E3737" s="6" t="s">
        <v>9</v>
      </c>
      <c r="F3737" s="7">
        <v>38657</v>
      </c>
      <c r="G3737" s="8">
        <v>1</v>
      </c>
      <c r="H3737" s="8">
        <v>1</v>
      </c>
      <c r="I3737" s="8">
        <v>0</v>
      </c>
      <c r="J3737" s="8">
        <v>1</v>
      </c>
      <c r="K3737" s="9">
        <v>4.1500000000000004</v>
      </c>
      <c r="L3737" s="6" t="s">
        <v>51</v>
      </c>
    </row>
    <row r="3738" spans="1:12">
      <c r="A3738" s="6" t="s">
        <v>49</v>
      </c>
      <c r="B3738" s="6"/>
      <c r="C3738" s="6" t="s">
        <v>3755</v>
      </c>
      <c r="D3738" s="6"/>
      <c r="E3738" s="6" t="s">
        <v>9</v>
      </c>
      <c r="F3738" s="7">
        <v>38657</v>
      </c>
      <c r="G3738" s="8">
        <v>1</v>
      </c>
      <c r="H3738" s="8">
        <v>1</v>
      </c>
      <c r="I3738" s="8">
        <v>0</v>
      </c>
      <c r="J3738" s="8">
        <v>1</v>
      </c>
      <c r="K3738" s="9">
        <v>1189</v>
      </c>
      <c r="L3738" s="6" t="s">
        <v>51</v>
      </c>
    </row>
    <row r="3739" spans="1:12">
      <c r="A3739" s="6" t="s">
        <v>49</v>
      </c>
      <c r="B3739" s="6"/>
      <c r="C3739" s="6" t="s">
        <v>3756</v>
      </c>
      <c r="D3739" s="6"/>
      <c r="E3739" s="6" t="s">
        <v>9</v>
      </c>
      <c r="F3739" s="7">
        <v>38657</v>
      </c>
      <c r="G3739" s="8">
        <v>1</v>
      </c>
      <c r="H3739" s="8">
        <v>1</v>
      </c>
      <c r="I3739" s="8">
        <v>0</v>
      </c>
      <c r="J3739" s="8">
        <v>1</v>
      </c>
      <c r="K3739" s="9">
        <v>323</v>
      </c>
      <c r="L3739" s="6" t="s">
        <v>51</v>
      </c>
    </row>
    <row r="3740" spans="1:12">
      <c r="A3740" s="6" t="s">
        <v>49</v>
      </c>
      <c r="B3740" s="6"/>
      <c r="C3740" s="6" t="s">
        <v>3757</v>
      </c>
      <c r="D3740" s="6"/>
      <c r="E3740" s="6" t="s">
        <v>9</v>
      </c>
      <c r="F3740" s="7">
        <v>41625</v>
      </c>
      <c r="G3740" s="8">
        <v>1</v>
      </c>
      <c r="H3740" s="8">
        <v>1</v>
      </c>
      <c r="I3740" s="8">
        <v>0</v>
      </c>
      <c r="J3740" s="8">
        <v>1</v>
      </c>
      <c r="K3740" s="9">
        <v>1011</v>
      </c>
      <c r="L3740" s="6" t="s">
        <v>51</v>
      </c>
    </row>
    <row r="3741" spans="1:12">
      <c r="A3741" s="6" t="s">
        <v>49</v>
      </c>
      <c r="B3741" s="6"/>
      <c r="C3741" s="6" t="s">
        <v>3758</v>
      </c>
      <c r="D3741" s="6"/>
      <c r="E3741" s="6" t="s">
        <v>9</v>
      </c>
      <c r="F3741" s="7">
        <v>41625</v>
      </c>
      <c r="G3741" s="8">
        <v>1</v>
      </c>
      <c r="H3741" s="8">
        <v>1</v>
      </c>
      <c r="I3741" s="8">
        <v>0</v>
      </c>
      <c r="J3741" s="8">
        <v>1</v>
      </c>
      <c r="K3741" s="9">
        <v>100</v>
      </c>
      <c r="L3741" s="6" t="s">
        <v>51</v>
      </c>
    </row>
    <row r="3742" spans="1:12">
      <c r="A3742" s="6" t="s">
        <v>49</v>
      </c>
      <c r="B3742" s="6"/>
      <c r="C3742" s="6" t="s">
        <v>3759</v>
      </c>
      <c r="D3742" s="6"/>
      <c r="E3742" s="6" t="s">
        <v>9</v>
      </c>
      <c r="F3742" s="7">
        <v>41625</v>
      </c>
      <c r="G3742" s="8">
        <v>1</v>
      </c>
      <c r="H3742" s="8">
        <v>1</v>
      </c>
      <c r="I3742" s="8">
        <v>0</v>
      </c>
      <c r="J3742" s="8">
        <v>1</v>
      </c>
      <c r="K3742" s="9">
        <v>691</v>
      </c>
      <c r="L3742" s="6" t="s">
        <v>51</v>
      </c>
    </row>
    <row r="3743" spans="1:12">
      <c r="A3743" s="6" t="s">
        <v>49</v>
      </c>
      <c r="B3743" s="6"/>
      <c r="C3743" s="6" t="s">
        <v>3760</v>
      </c>
      <c r="D3743" s="6"/>
      <c r="E3743" s="6" t="s">
        <v>9</v>
      </c>
      <c r="F3743" s="7">
        <v>38657</v>
      </c>
      <c r="G3743" s="8">
        <v>1</v>
      </c>
      <c r="H3743" s="8">
        <v>1</v>
      </c>
      <c r="I3743" s="8">
        <v>0</v>
      </c>
      <c r="J3743" s="8">
        <v>1</v>
      </c>
      <c r="K3743" s="9">
        <v>13</v>
      </c>
      <c r="L3743" s="6" t="s">
        <v>51</v>
      </c>
    </row>
    <row r="3744" spans="1:12">
      <c r="A3744" s="6" t="s">
        <v>49</v>
      </c>
      <c r="B3744" s="6"/>
      <c r="C3744" s="6" t="s">
        <v>3761</v>
      </c>
      <c r="D3744" s="6"/>
      <c r="E3744" s="6" t="s">
        <v>9</v>
      </c>
      <c r="F3744" s="7">
        <v>38657</v>
      </c>
      <c r="G3744" s="8">
        <v>1</v>
      </c>
      <c r="H3744" s="8">
        <v>1</v>
      </c>
      <c r="I3744" s="8">
        <v>0</v>
      </c>
      <c r="J3744" s="8">
        <v>1</v>
      </c>
      <c r="K3744" s="9">
        <v>15</v>
      </c>
      <c r="L3744" s="6" t="s">
        <v>51</v>
      </c>
    </row>
    <row r="3745" spans="1:12">
      <c r="A3745" s="6" t="s">
        <v>49</v>
      </c>
      <c r="B3745" s="6"/>
      <c r="C3745" s="6" t="s">
        <v>3762</v>
      </c>
      <c r="D3745" s="6"/>
      <c r="E3745" s="6" t="s">
        <v>9</v>
      </c>
      <c r="F3745" s="7">
        <v>38657</v>
      </c>
      <c r="G3745" s="8">
        <v>1</v>
      </c>
      <c r="H3745" s="8">
        <v>1</v>
      </c>
      <c r="I3745" s="8">
        <v>0</v>
      </c>
      <c r="J3745" s="8">
        <v>1</v>
      </c>
      <c r="K3745" s="9">
        <v>41</v>
      </c>
      <c r="L3745" s="6" t="s">
        <v>51</v>
      </c>
    </row>
    <row r="3746" spans="1:12">
      <c r="A3746" s="6" t="s">
        <v>49</v>
      </c>
      <c r="B3746" s="6"/>
      <c r="C3746" s="6" t="s">
        <v>3763</v>
      </c>
      <c r="D3746" s="6"/>
      <c r="E3746" s="6" t="s">
        <v>9</v>
      </c>
      <c r="F3746" s="7">
        <v>38657</v>
      </c>
      <c r="G3746" s="8">
        <v>1</v>
      </c>
      <c r="H3746" s="8">
        <v>1</v>
      </c>
      <c r="I3746" s="8">
        <v>0</v>
      </c>
      <c r="J3746" s="8">
        <v>1</v>
      </c>
      <c r="K3746" s="9">
        <v>1026</v>
      </c>
      <c r="L3746" s="6" t="s">
        <v>51</v>
      </c>
    </row>
    <row r="3747" spans="1:12">
      <c r="A3747" s="6" t="s">
        <v>49</v>
      </c>
      <c r="B3747" s="6"/>
      <c r="C3747" s="6" t="s">
        <v>3764</v>
      </c>
      <c r="D3747" s="6"/>
      <c r="E3747" s="6" t="s">
        <v>9</v>
      </c>
      <c r="F3747" s="7">
        <v>38657</v>
      </c>
      <c r="G3747" s="8">
        <v>1</v>
      </c>
      <c r="H3747" s="8">
        <v>1</v>
      </c>
      <c r="I3747" s="8">
        <v>0</v>
      </c>
      <c r="J3747" s="8">
        <v>1</v>
      </c>
      <c r="K3747" s="9">
        <v>900</v>
      </c>
      <c r="L3747" s="6" t="s">
        <v>51</v>
      </c>
    </row>
    <row r="3748" spans="1:12">
      <c r="A3748" s="6" t="s">
        <v>49</v>
      </c>
      <c r="B3748" s="6"/>
      <c r="C3748" s="6" t="s">
        <v>3765</v>
      </c>
      <c r="D3748" s="6"/>
      <c r="E3748" s="6" t="s">
        <v>9</v>
      </c>
      <c r="F3748" s="7">
        <v>38657</v>
      </c>
      <c r="G3748" s="8">
        <v>1</v>
      </c>
      <c r="H3748" s="8">
        <v>1</v>
      </c>
      <c r="I3748" s="8">
        <v>0</v>
      </c>
      <c r="J3748" s="8">
        <v>1</v>
      </c>
      <c r="K3748" s="9">
        <v>103</v>
      </c>
      <c r="L3748" s="6" t="s">
        <v>51</v>
      </c>
    </row>
    <row r="3749" spans="1:12">
      <c r="A3749" s="6" t="s">
        <v>49</v>
      </c>
      <c r="B3749" s="6"/>
      <c r="C3749" s="6" t="s">
        <v>3766</v>
      </c>
      <c r="D3749" s="6"/>
      <c r="E3749" s="6" t="s">
        <v>9</v>
      </c>
      <c r="F3749" s="7">
        <v>38657</v>
      </c>
      <c r="G3749" s="8">
        <v>1</v>
      </c>
      <c r="H3749" s="8">
        <v>1</v>
      </c>
      <c r="I3749" s="8">
        <v>0</v>
      </c>
      <c r="J3749" s="8">
        <v>1</v>
      </c>
      <c r="K3749" s="9">
        <v>0.55000000000000004</v>
      </c>
      <c r="L3749" s="6" t="s">
        <v>51</v>
      </c>
    </row>
    <row r="3750" spans="1:12">
      <c r="A3750" s="6" t="s">
        <v>49</v>
      </c>
      <c r="B3750" s="6"/>
      <c r="C3750" s="6" t="s">
        <v>3767</v>
      </c>
      <c r="D3750" s="6"/>
      <c r="E3750" s="6" t="s">
        <v>9</v>
      </c>
      <c r="F3750" s="7">
        <v>38657</v>
      </c>
      <c r="G3750" s="8">
        <v>1</v>
      </c>
      <c r="H3750" s="8">
        <v>1</v>
      </c>
      <c r="I3750" s="8">
        <v>0</v>
      </c>
      <c r="J3750" s="8">
        <v>1</v>
      </c>
      <c r="K3750" s="9">
        <v>980</v>
      </c>
      <c r="L3750" s="6" t="s">
        <v>51</v>
      </c>
    </row>
    <row r="3751" spans="1:12">
      <c r="A3751" s="6" t="s">
        <v>49</v>
      </c>
      <c r="B3751" s="6"/>
      <c r="C3751" s="6" t="s">
        <v>3768</v>
      </c>
      <c r="D3751" s="6"/>
      <c r="E3751" s="6" t="s">
        <v>9</v>
      </c>
      <c r="F3751" s="7">
        <v>38657</v>
      </c>
      <c r="G3751" s="8">
        <v>1</v>
      </c>
      <c r="H3751" s="8">
        <v>1</v>
      </c>
      <c r="I3751" s="8">
        <v>0</v>
      </c>
      <c r="J3751" s="8">
        <v>1</v>
      </c>
      <c r="K3751" s="9">
        <v>1120</v>
      </c>
      <c r="L3751" s="6" t="s">
        <v>51</v>
      </c>
    </row>
    <row r="3752" spans="1:12">
      <c r="A3752" s="6" t="s">
        <v>49</v>
      </c>
      <c r="B3752" s="6"/>
      <c r="C3752" s="6" t="s">
        <v>3769</v>
      </c>
      <c r="D3752" s="6"/>
      <c r="E3752" s="6" t="s">
        <v>9</v>
      </c>
      <c r="F3752" s="7">
        <v>38657</v>
      </c>
      <c r="G3752" s="8">
        <v>1</v>
      </c>
      <c r="H3752" s="8">
        <v>1</v>
      </c>
      <c r="I3752" s="8">
        <v>0</v>
      </c>
      <c r="J3752" s="8">
        <v>1</v>
      </c>
      <c r="K3752" s="9">
        <v>947</v>
      </c>
      <c r="L3752" s="6" t="s">
        <v>51</v>
      </c>
    </row>
    <row r="3753" spans="1:12">
      <c r="A3753" s="6" t="s">
        <v>49</v>
      </c>
      <c r="B3753" s="6"/>
      <c r="C3753" s="6" t="s">
        <v>3770</v>
      </c>
      <c r="D3753" s="6"/>
      <c r="E3753" s="6" t="s">
        <v>9</v>
      </c>
      <c r="F3753" s="7">
        <v>38657</v>
      </c>
      <c r="G3753" s="8">
        <v>1</v>
      </c>
      <c r="H3753" s="8">
        <v>1</v>
      </c>
      <c r="I3753" s="8">
        <v>0</v>
      </c>
      <c r="J3753" s="8">
        <v>1</v>
      </c>
      <c r="K3753" s="9">
        <v>1166</v>
      </c>
      <c r="L3753" s="6" t="s">
        <v>51</v>
      </c>
    </row>
    <row r="3754" spans="1:12">
      <c r="A3754" s="6" t="s">
        <v>49</v>
      </c>
      <c r="B3754" s="6"/>
      <c r="C3754" s="6" t="s">
        <v>3771</v>
      </c>
      <c r="D3754" s="6"/>
      <c r="E3754" s="6" t="s">
        <v>9</v>
      </c>
      <c r="F3754" s="7">
        <v>38657</v>
      </c>
      <c r="G3754" s="8">
        <v>1</v>
      </c>
      <c r="H3754" s="8">
        <v>1</v>
      </c>
      <c r="I3754" s="8">
        <v>0</v>
      </c>
      <c r="J3754" s="8">
        <v>1</v>
      </c>
      <c r="K3754" s="9">
        <v>5.0599999999999898</v>
      </c>
      <c r="L3754" s="6" t="s">
        <v>51</v>
      </c>
    </row>
    <row r="3755" spans="1:12">
      <c r="A3755" s="6" t="s">
        <v>49</v>
      </c>
      <c r="B3755" s="6"/>
      <c r="C3755" s="6" t="s">
        <v>3772</v>
      </c>
      <c r="D3755" s="6"/>
      <c r="E3755" s="6" t="s">
        <v>9</v>
      </c>
      <c r="F3755" s="7">
        <v>38657</v>
      </c>
      <c r="G3755" s="8">
        <v>1</v>
      </c>
      <c r="H3755" s="8">
        <v>1</v>
      </c>
      <c r="I3755" s="8">
        <v>0</v>
      </c>
      <c r="J3755" s="8">
        <v>1</v>
      </c>
      <c r="K3755" s="9">
        <v>346</v>
      </c>
      <c r="L3755" s="6" t="s">
        <v>51</v>
      </c>
    </row>
    <row r="3756" spans="1:12">
      <c r="A3756" s="6" t="s">
        <v>49</v>
      </c>
      <c r="B3756" s="6"/>
      <c r="C3756" s="6" t="s">
        <v>3773</v>
      </c>
      <c r="D3756" s="6"/>
      <c r="E3756" s="6" t="s">
        <v>9</v>
      </c>
      <c r="F3756" s="7">
        <v>38657</v>
      </c>
      <c r="G3756" s="8">
        <v>1</v>
      </c>
      <c r="H3756" s="8">
        <v>1</v>
      </c>
      <c r="I3756" s="8">
        <v>0</v>
      </c>
      <c r="J3756" s="8">
        <v>1</v>
      </c>
      <c r="K3756" s="9">
        <v>354</v>
      </c>
      <c r="L3756" s="6" t="s">
        <v>51</v>
      </c>
    </row>
    <row r="3757" spans="1:12">
      <c r="A3757" s="6" t="s">
        <v>49</v>
      </c>
      <c r="B3757" s="6"/>
      <c r="C3757" s="6" t="s">
        <v>3774</v>
      </c>
      <c r="D3757" s="6"/>
      <c r="E3757" s="6" t="s">
        <v>9</v>
      </c>
      <c r="F3757" s="7">
        <v>38657</v>
      </c>
      <c r="G3757" s="8">
        <v>1</v>
      </c>
      <c r="H3757" s="8">
        <v>1</v>
      </c>
      <c r="I3757" s="8">
        <v>0</v>
      </c>
      <c r="J3757" s="8">
        <v>1</v>
      </c>
      <c r="K3757" s="9">
        <v>373</v>
      </c>
      <c r="L3757" s="6" t="s">
        <v>51</v>
      </c>
    </row>
    <row r="3758" spans="1:12">
      <c r="A3758" s="6" t="s">
        <v>49</v>
      </c>
      <c r="B3758" s="6"/>
      <c r="C3758" s="6" t="s">
        <v>3775</v>
      </c>
      <c r="D3758" s="6"/>
      <c r="E3758" s="6" t="s">
        <v>9</v>
      </c>
      <c r="F3758" s="7">
        <v>38657</v>
      </c>
      <c r="G3758" s="8">
        <v>1</v>
      </c>
      <c r="H3758" s="8">
        <v>1</v>
      </c>
      <c r="I3758" s="8">
        <v>0</v>
      </c>
      <c r="J3758" s="8">
        <v>1</v>
      </c>
      <c r="K3758" s="9">
        <v>217</v>
      </c>
      <c r="L3758" s="6" t="s">
        <v>51</v>
      </c>
    </row>
    <row r="3759" spans="1:12">
      <c r="A3759" s="6" t="s">
        <v>49</v>
      </c>
      <c r="B3759" s="6"/>
      <c r="C3759" s="6" t="s">
        <v>3776</v>
      </c>
      <c r="D3759" s="6"/>
      <c r="E3759" s="6" t="s">
        <v>9</v>
      </c>
      <c r="F3759" s="7">
        <v>38657</v>
      </c>
      <c r="G3759" s="8">
        <v>1</v>
      </c>
      <c r="H3759" s="8">
        <v>1</v>
      </c>
      <c r="I3759" s="8">
        <v>0</v>
      </c>
      <c r="J3759" s="8">
        <v>1</v>
      </c>
      <c r="K3759" s="9">
        <v>5.63</v>
      </c>
      <c r="L3759" s="6" t="s">
        <v>51</v>
      </c>
    </row>
    <row r="3760" spans="1:12">
      <c r="A3760" s="6" t="s">
        <v>49</v>
      </c>
      <c r="B3760" s="6"/>
      <c r="C3760" s="6" t="s">
        <v>3777</v>
      </c>
      <c r="D3760" s="6"/>
      <c r="E3760" s="6" t="s">
        <v>9</v>
      </c>
      <c r="F3760" s="7">
        <v>38657</v>
      </c>
      <c r="G3760" s="8">
        <v>1</v>
      </c>
      <c r="H3760" s="8">
        <v>1</v>
      </c>
      <c r="I3760" s="8">
        <v>0</v>
      </c>
      <c r="J3760" s="8">
        <v>1</v>
      </c>
      <c r="K3760" s="9">
        <v>538</v>
      </c>
      <c r="L3760" s="6" t="s">
        <v>51</v>
      </c>
    </row>
    <row r="3761" spans="1:12">
      <c r="A3761" s="6" t="s">
        <v>49</v>
      </c>
      <c r="B3761" s="6"/>
      <c r="C3761" s="6" t="s">
        <v>3778</v>
      </c>
      <c r="D3761" s="6"/>
      <c r="E3761" s="6" t="s">
        <v>9</v>
      </c>
      <c r="F3761" s="7">
        <v>38657</v>
      </c>
      <c r="G3761" s="8">
        <v>1</v>
      </c>
      <c r="H3761" s="8">
        <v>1</v>
      </c>
      <c r="I3761" s="8">
        <v>0</v>
      </c>
      <c r="J3761" s="8">
        <v>1</v>
      </c>
      <c r="K3761" s="9">
        <v>5.18</v>
      </c>
      <c r="L3761" s="6" t="s">
        <v>51</v>
      </c>
    </row>
    <row r="3762" spans="1:12">
      <c r="A3762" s="6" t="s">
        <v>49</v>
      </c>
      <c r="B3762" s="6"/>
      <c r="C3762" s="6" t="s">
        <v>3779</v>
      </c>
      <c r="D3762" s="6"/>
      <c r="E3762" s="6" t="s">
        <v>9</v>
      </c>
      <c r="F3762" s="7">
        <v>38657</v>
      </c>
      <c r="G3762" s="8">
        <v>1</v>
      </c>
      <c r="H3762" s="8">
        <v>1</v>
      </c>
      <c r="I3762" s="8">
        <v>0</v>
      </c>
      <c r="J3762" s="8">
        <v>1</v>
      </c>
      <c r="K3762" s="9">
        <v>39</v>
      </c>
      <c r="L3762" s="6" t="s">
        <v>51</v>
      </c>
    </row>
    <row r="3763" spans="1:12">
      <c r="A3763" s="6" t="s">
        <v>49</v>
      </c>
      <c r="B3763" s="6"/>
      <c r="C3763" s="6" t="s">
        <v>3780</v>
      </c>
      <c r="D3763" s="6"/>
      <c r="E3763" s="6" t="s">
        <v>9</v>
      </c>
      <c r="F3763" s="7">
        <v>38657</v>
      </c>
      <c r="G3763" s="8">
        <v>1</v>
      </c>
      <c r="H3763" s="8">
        <v>1</v>
      </c>
      <c r="I3763" s="8">
        <v>0</v>
      </c>
      <c r="J3763" s="8">
        <v>1</v>
      </c>
      <c r="K3763" s="9">
        <v>343</v>
      </c>
      <c r="L3763" s="6" t="s">
        <v>51</v>
      </c>
    </row>
    <row r="3764" spans="1:12">
      <c r="A3764" s="6" t="s">
        <v>49</v>
      </c>
      <c r="B3764" s="6"/>
      <c r="C3764" s="6" t="s">
        <v>3781</v>
      </c>
      <c r="D3764" s="6"/>
      <c r="E3764" s="6" t="s">
        <v>9</v>
      </c>
      <c r="F3764" s="7">
        <v>38657</v>
      </c>
      <c r="G3764" s="8">
        <v>1</v>
      </c>
      <c r="H3764" s="8">
        <v>1</v>
      </c>
      <c r="I3764" s="8">
        <v>0</v>
      </c>
      <c r="J3764" s="8">
        <v>1</v>
      </c>
      <c r="K3764" s="9">
        <v>105</v>
      </c>
      <c r="L3764" s="6" t="s">
        <v>51</v>
      </c>
    </row>
    <row r="3765" spans="1:12">
      <c r="A3765" s="6" t="s">
        <v>49</v>
      </c>
      <c r="B3765" s="6"/>
      <c r="C3765" s="6" t="s">
        <v>3782</v>
      </c>
      <c r="D3765" s="6"/>
      <c r="E3765" s="6" t="s">
        <v>9</v>
      </c>
      <c r="F3765" s="7">
        <v>38657</v>
      </c>
      <c r="G3765" s="8">
        <v>1</v>
      </c>
      <c r="H3765" s="8">
        <v>1</v>
      </c>
      <c r="I3765" s="8">
        <v>0</v>
      </c>
      <c r="J3765" s="8">
        <v>1</v>
      </c>
      <c r="K3765" s="9">
        <v>488</v>
      </c>
      <c r="L3765" s="6" t="s">
        <v>51</v>
      </c>
    </row>
    <row r="3766" spans="1:12">
      <c r="A3766" s="6" t="s">
        <v>49</v>
      </c>
      <c r="B3766" s="6"/>
      <c r="C3766" s="6" t="s">
        <v>3783</v>
      </c>
      <c r="D3766" s="6"/>
      <c r="E3766" s="6" t="s">
        <v>9</v>
      </c>
      <c r="F3766" s="7">
        <v>38657</v>
      </c>
      <c r="G3766" s="8">
        <v>1</v>
      </c>
      <c r="H3766" s="8">
        <v>1</v>
      </c>
      <c r="I3766" s="8">
        <v>0</v>
      </c>
      <c r="J3766" s="8">
        <v>1</v>
      </c>
      <c r="K3766" s="9">
        <v>528</v>
      </c>
      <c r="L3766" s="6" t="s">
        <v>51</v>
      </c>
    </row>
    <row r="3767" spans="1:12">
      <c r="A3767" s="6" t="s">
        <v>49</v>
      </c>
      <c r="B3767" s="6"/>
      <c r="C3767" s="6" t="s">
        <v>3784</v>
      </c>
      <c r="D3767" s="6"/>
      <c r="E3767" s="6" t="s">
        <v>9</v>
      </c>
      <c r="F3767" s="7">
        <v>38657</v>
      </c>
      <c r="G3767" s="8">
        <v>1</v>
      </c>
      <c r="H3767" s="8">
        <v>1</v>
      </c>
      <c r="I3767" s="8">
        <v>0</v>
      </c>
      <c r="J3767" s="8">
        <v>1</v>
      </c>
      <c r="K3767" s="9">
        <v>523</v>
      </c>
      <c r="L3767" s="6" t="s">
        <v>51</v>
      </c>
    </row>
    <row r="3768" spans="1:12">
      <c r="A3768" s="6" t="s">
        <v>49</v>
      </c>
      <c r="B3768" s="6"/>
      <c r="C3768" s="6" t="s">
        <v>3785</v>
      </c>
      <c r="D3768" s="6"/>
      <c r="E3768" s="6" t="s">
        <v>9</v>
      </c>
      <c r="F3768" s="7">
        <v>38657</v>
      </c>
      <c r="G3768" s="8">
        <v>1</v>
      </c>
      <c r="H3768" s="8">
        <v>1</v>
      </c>
      <c r="I3768" s="8">
        <v>0</v>
      </c>
      <c r="J3768" s="8">
        <v>1</v>
      </c>
      <c r="K3768" s="9">
        <v>6.75</v>
      </c>
      <c r="L3768" s="6" t="s">
        <v>51</v>
      </c>
    </row>
    <row r="3769" spans="1:12">
      <c r="A3769" s="6" t="s">
        <v>49</v>
      </c>
      <c r="B3769" s="6"/>
      <c r="C3769" s="6" t="s">
        <v>3786</v>
      </c>
      <c r="D3769" s="6"/>
      <c r="E3769" s="6" t="s">
        <v>9</v>
      </c>
      <c r="F3769" s="7">
        <v>38657</v>
      </c>
      <c r="G3769" s="8">
        <v>1</v>
      </c>
      <c r="H3769" s="8">
        <v>1</v>
      </c>
      <c r="I3769" s="8">
        <v>0</v>
      </c>
      <c r="J3769" s="8">
        <v>1</v>
      </c>
      <c r="K3769" s="9">
        <v>10</v>
      </c>
      <c r="L3769" s="6" t="s">
        <v>51</v>
      </c>
    </row>
    <row r="3770" spans="1:12">
      <c r="A3770" s="6" t="s">
        <v>49</v>
      </c>
      <c r="B3770" s="6"/>
      <c r="C3770" s="6" t="s">
        <v>3787</v>
      </c>
      <c r="D3770" s="6"/>
      <c r="E3770" s="6" t="s">
        <v>9</v>
      </c>
      <c r="F3770" s="7">
        <v>38657</v>
      </c>
      <c r="G3770" s="8">
        <v>1</v>
      </c>
      <c r="H3770" s="8">
        <v>1</v>
      </c>
      <c r="I3770" s="8">
        <v>0</v>
      </c>
      <c r="J3770" s="8">
        <v>1</v>
      </c>
      <c r="K3770" s="9">
        <v>2</v>
      </c>
      <c r="L3770" s="6" t="s">
        <v>51</v>
      </c>
    </row>
    <row r="3771" spans="1:12">
      <c r="A3771" s="6" t="s">
        <v>49</v>
      </c>
      <c r="B3771" s="6"/>
      <c r="C3771" s="6" t="s">
        <v>3788</v>
      </c>
      <c r="D3771" s="6"/>
      <c r="E3771" s="6" t="s">
        <v>9</v>
      </c>
      <c r="F3771" s="7">
        <v>38657</v>
      </c>
      <c r="G3771" s="8">
        <v>1</v>
      </c>
      <c r="H3771" s="8">
        <v>1</v>
      </c>
      <c r="I3771" s="8">
        <v>0</v>
      </c>
      <c r="J3771" s="8">
        <v>1</v>
      </c>
      <c r="K3771" s="9">
        <v>4.8899999999999899</v>
      </c>
      <c r="L3771" s="6" t="s">
        <v>51</v>
      </c>
    </row>
    <row r="3772" spans="1:12">
      <c r="A3772" s="6" t="s">
        <v>49</v>
      </c>
      <c r="B3772" s="6"/>
      <c r="C3772" s="6" t="s">
        <v>3789</v>
      </c>
      <c r="D3772" s="6"/>
      <c r="E3772" s="6" t="s">
        <v>9</v>
      </c>
      <c r="F3772" s="7">
        <v>38657</v>
      </c>
      <c r="G3772" s="8">
        <v>1</v>
      </c>
      <c r="H3772" s="8">
        <v>1</v>
      </c>
      <c r="I3772" s="8">
        <v>0</v>
      </c>
      <c r="J3772" s="8">
        <v>1</v>
      </c>
      <c r="K3772" s="9">
        <v>20</v>
      </c>
      <c r="L3772" s="6" t="s">
        <v>51</v>
      </c>
    </row>
    <row r="3773" spans="1:12">
      <c r="A3773" s="6" t="s">
        <v>49</v>
      </c>
      <c r="B3773" s="6"/>
      <c r="C3773" s="6" t="s">
        <v>3790</v>
      </c>
      <c r="D3773" s="6"/>
      <c r="E3773" s="6" t="s">
        <v>9</v>
      </c>
      <c r="F3773" s="7">
        <v>38657</v>
      </c>
      <c r="G3773" s="8">
        <v>1</v>
      </c>
      <c r="H3773" s="8">
        <v>1</v>
      </c>
      <c r="I3773" s="8">
        <v>0</v>
      </c>
      <c r="J3773" s="8">
        <v>1</v>
      </c>
      <c r="K3773" s="9">
        <v>8.9700000000000006</v>
      </c>
      <c r="L3773" s="6" t="s">
        <v>51</v>
      </c>
    </row>
    <row r="3774" spans="1:12">
      <c r="A3774" s="6" t="s">
        <v>49</v>
      </c>
      <c r="B3774" s="6"/>
      <c r="C3774" s="6" t="s">
        <v>3791</v>
      </c>
      <c r="D3774" s="6"/>
      <c r="E3774" s="6" t="s">
        <v>9</v>
      </c>
      <c r="F3774" s="7">
        <v>38657</v>
      </c>
      <c r="G3774" s="8">
        <v>1</v>
      </c>
      <c r="H3774" s="8">
        <v>1</v>
      </c>
      <c r="I3774" s="8">
        <v>0</v>
      </c>
      <c r="J3774" s="8">
        <v>1</v>
      </c>
      <c r="K3774" s="9">
        <v>42</v>
      </c>
      <c r="L3774" s="6" t="s">
        <v>51</v>
      </c>
    </row>
    <row r="3775" spans="1:12">
      <c r="A3775" s="6" t="s">
        <v>49</v>
      </c>
      <c r="B3775" s="6"/>
      <c r="C3775" s="6" t="s">
        <v>3792</v>
      </c>
      <c r="D3775" s="6"/>
      <c r="E3775" s="6" t="s">
        <v>9</v>
      </c>
      <c r="F3775" s="7">
        <v>38657</v>
      </c>
      <c r="G3775" s="8">
        <v>1</v>
      </c>
      <c r="H3775" s="8">
        <v>1</v>
      </c>
      <c r="I3775" s="8">
        <v>0</v>
      </c>
      <c r="J3775" s="8">
        <v>1</v>
      </c>
      <c r="K3775" s="9">
        <v>43</v>
      </c>
      <c r="L3775" s="6" t="s">
        <v>51</v>
      </c>
    </row>
    <row r="3776" spans="1:12">
      <c r="A3776" s="6" t="s">
        <v>49</v>
      </c>
      <c r="B3776" s="6"/>
      <c r="C3776" s="6" t="s">
        <v>3793</v>
      </c>
      <c r="D3776" s="6"/>
      <c r="E3776" s="6" t="s">
        <v>9</v>
      </c>
      <c r="F3776" s="7">
        <v>38657</v>
      </c>
      <c r="G3776" s="8">
        <v>1</v>
      </c>
      <c r="H3776" s="8">
        <v>1</v>
      </c>
      <c r="I3776" s="8">
        <v>0</v>
      </c>
      <c r="J3776" s="8">
        <v>1</v>
      </c>
      <c r="K3776" s="9">
        <v>278.55</v>
      </c>
      <c r="L3776" s="6" t="s">
        <v>51</v>
      </c>
    </row>
    <row r="3777" spans="1:12">
      <c r="A3777" s="6" t="s">
        <v>49</v>
      </c>
      <c r="B3777" s="6"/>
      <c r="C3777" s="6" t="s">
        <v>3794</v>
      </c>
      <c r="D3777" s="6"/>
      <c r="E3777" s="6" t="s">
        <v>9</v>
      </c>
      <c r="F3777" s="7">
        <v>38657</v>
      </c>
      <c r="G3777" s="8">
        <v>1</v>
      </c>
      <c r="H3777" s="8">
        <v>1</v>
      </c>
      <c r="I3777" s="8">
        <v>0</v>
      </c>
      <c r="J3777" s="8">
        <v>1</v>
      </c>
      <c r="K3777" s="9">
        <v>7.6</v>
      </c>
      <c r="L3777" s="6" t="s">
        <v>51</v>
      </c>
    </row>
    <row r="3778" spans="1:12">
      <c r="A3778" s="6" t="s">
        <v>49</v>
      </c>
      <c r="B3778" s="6"/>
      <c r="C3778" s="6" t="s">
        <v>3795</v>
      </c>
      <c r="D3778" s="6"/>
      <c r="E3778" s="6" t="s">
        <v>9</v>
      </c>
      <c r="F3778" s="7">
        <v>38657</v>
      </c>
      <c r="G3778" s="8">
        <v>1</v>
      </c>
      <c r="H3778" s="8">
        <v>1</v>
      </c>
      <c r="I3778" s="8">
        <v>0</v>
      </c>
      <c r="J3778" s="8">
        <v>1</v>
      </c>
      <c r="K3778" s="9">
        <v>41.98</v>
      </c>
      <c r="L3778" s="6" t="s">
        <v>51</v>
      </c>
    </row>
    <row r="3779" spans="1:12">
      <c r="A3779" s="6" t="s">
        <v>49</v>
      </c>
      <c r="B3779" s="6"/>
      <c r="C3779" s="6" t="s">
        <v>3796</v>
      </c>
      <c r="D3779" s="6"/>
      <c r="E3779" s="6" t="s">
        <v>9</v>
      </c>
      <c r="F3779" s="7">
        <v>38657</v>
      </c>
      <c r="G3779" s="8">
        <v>1</v>
      </c>
      <c r="H3779" s="8">
        <v>1</v>
      </c>
      <c r="I3779" s="8">
        <v>0</v>
      </c>
      <c r="J3779" s="8">
        <v>1</v>
      </c>
      <c r="K3779" s="9">
        <v>467</v>
      </c>
      <c r="L3779" s="6" t="s">
        <v>51</v>
      </c>
    </row>
    <row r="3780" spans="1:12">
      <c r="A3780" s="6" t="s">
        <v>49</v>
      </c>
      <c r="B3780" s="6"/>
      <c r="C3780" s="6" t="s">
        <v>3797</v>
      </c>
      <c r="D3780" s="6"/>
      <c r="E3780" s="6" t="s">
        <v>9</v>
      </c>
      <c r="F3780" s="7">
        <v>38657</v>
      </c>
      <c r="G3780" s="8">
        <v>1</v>
      </c>
      <c r="H3780" s="8">
        <v>1</v>
      </c>
      <c r="I3780" s="8">
        <v>0</v>
      </c>
      <c r="J3780" s="8">
        <v>1</v>
      </c>
      <c r="K3780" s="9">
        <v>58</v>
      </c>
      <c r="L3780" s="6" t="s">
        <v>51</v>
      </c>
    </row>
    <row r="3781" spans="1:12">
      <c r="A3781" s="6" t="s">
        <v>49</v>
      </c>
      <c r="B3781" s="6"/>
      <c r="C3781" s="6" t="s">
        <v>3798</v>
      </c>
      <c r="D3781" s="6"/>
      <c r="E3781" s="6" t="s">
        <v>9</v>
      </c>
      <c r="F3781" s="7">
        <v>38657</v>
      </c>
      <c r="G3781" s="8">
        <v>1</v>
      </c>
      <c r="H3781" s="8">
        <v>1</v>
      </c>
      <c r="I3781" s="8">
        <v>0</v>
      </c>
      <c r="J3781" s="8">
        <v>1</v>
      </c>
      <c r="K3781" s="9">
        <v>39</v>
      </c>
      <c r="L3781" s="6" t="s">
        <v>51</v>
      </c>
    </row>
    <row r="3782" spans="1:12">
      <c r="A3782" s="6" t="s">
        <v>49</v>
      </c>
      <c r="B3782" s="6"/>
      <c r="C3782" s="6" t="s">
        <v>3799</v>
      </c>
      <c r="D3782" s="6"/>
      <c r="E3782" s="6" t="s">
        <v>9</v>
      </c>
      <c r="F3782" s="7">
        <v>38657</v>
      </c>
      <c r="G3782" s="8">
        <v>1</v>
      </c>
      <c r="H3782" s="8">
        <v>1</v>
      </c>
      <c r="I3782" s="8">
        <v>0</v>
      </c>
      <c r="J3782" s="8">
        <v>1</v>
      </c>
      <c r="K3782" s="9">
        <v>261</v>
      </c>
      <c r="L3782" s="6" t="s">
        <v>51</v>
      </c>
    </row>
    <row r="3783" spans="1:12">
      <c r="A3783" s="6" t="s">
        <v>49</v>
      </c>
      <c r="B3783" s="6"/>
      <c r="C3783" s="6" t="s">
        <v>3800</v>
      </c>
      <c r="D3783" s="6"/>
      <c r="E3783" s="6" t="s">
        <v>9</v>
      </c>
      <c r="F3783" s="7">
        <v>38657</v>
      </c>
      <c r="G3783" s="8">
        <v>1</v>
      </c>
      <c r="H3783" s="8">
        <v>1</v>
      </c>
      <c r="I3783" s="8">
        <v>0</v>
      </c>
      <c r="J3783" s="8">
        <v>1</v>
      </c>
      <c r="K3783" s="9">
        <v>39</v>
      </c>
      <c r="L3783" s="6" t="s">
        <v>51</v>
      </c>
    </row>
    <row r="3784" spans="1:12">
      <c r="A3784" s="6" t="s">
        <v>49</v>
      </c>
      <c r="B3784" s="6"/>
      <c r="C3784" s="6" t="s">
        <v>3801</v>
      </c>
      <c r="D3784" s="6"/>
      <c r="E3784" s="6" t="s">
        <v>9</v>
      </c>
      <c r="F3784" s="7">
        <v>38657</v>
      </c>
      <c r="G3784" s="8">
        <v>1</v>
      </c>
      <c r="H3784" s="8">
        <v>1</v>
      </c>
      <c r="I3784" s="8">
        <v>0</v>
      </c>
      <c r="J3784" s="8">
        <v>1</v>
      </c>
      <c r="K3784" s="9">
        <v>239</v>
      </c>
      <c r="L3784" s="6" t="s">
        <v>51</v>
      </c>
    </row>
    <row r="3785" spans="1:12">
      <c r="A3785" s="6" t="s">
        <v>49</v>
      </c>
      <c r="B3785" s="6"/>
      <c r="C3785" s="6" t="s">
        <v>3802</v>
      </c>
      <c r="D3785" s="6"/>
      <c r="E3785" s="6" t="s">
        <v>9</v>
      </c>
      <c r="F3785" s="7">
        <v>38657</v>
      </c>
      <c r="G3785" s="8">
        <v>1</v>
      </c>
      <c r="H3785" s="8">
        <v>1</v>
      </c>
      <c r="I3785" s="8">
        <v>0</v>
      </c>
      <c r="J3785" s="8">
        <v>1</v>
      </c>
      <c r="K3785" s="9">
        <v>89</v>
      </c>
      <c r="L3785" s="6" t="s">
        <v>51</v>
      </c>
    </row>
    <row r="3786" spans="1:12">
      <c r="A3786" s="6" t="s">
        <v>49</v>
      </c>
      <c r="B3786" s="6"/>
      <c r="C3786" s="6" t="s">
        <v>3803</v>
      </c>
      <c r="D3786" s="6"/>
      <c r="E3786" s="6" t="s">
        <v>9</v>
      </c>
      <c r="F3786" s="7">
        <v>38657</v>
      </c>
      <c r="G3786" s="8">
        <v>1</v>
      </c>
      <c r="H3786" s="8">
        <v>1</v>
      </c>
      <c r="I3786" s="8">
        <v>0</v>
      </c>
      <c r="J3786" s="8">
        <v>1</v>
      </c>
      <c r="K3786" s="9">
        <v>339</v>
      </c>
      <c r="L3786" s="6" t="s">
        <v>51</v>
      </c>
    </row>
    <row r="3787" spans="1:12">
      <c r="A3787" s="6" t="s">
        <v>49</v>
      </c>
      <c r="B3787" s="6"/>
      <c r="C3787" s="6" t="s">
        <v>3804</v>
      </c>
      <c r="D3787" s="6"/>
      <c r="E3787" s="6" t="s">
        <v>9</v>
      </c>
      <c r="F3787" s="7">
        <v>38657</v>
      </c>
      <c r="G3787" s="8">
        <v>1</v>
      </c>
      <c r="H3787" s="8">
        <v>1</v>
      </c>
      <c r="I3787" s="8">
        <v>0</v>
      </c>
      <c r="J3787" s="8">
        <v>1</v>
      </c>
      <c r="K3787" s="9">
        <v>312</v>
      </c>
      <c r="L3787" s="6" t="s">
        <v>51</v>
      </c>
    </row>
    <row r="3788" spans="1:12">
      <c r="A3788" s="6" t="s">
        <v>49</v>
      </c>
      <c r="B3788" s="6"/>
      <c r="C3788" s="6" t="s">
        <v>3805</v>
      </c>
      <c r="D3788" s="6"/>
      <c r="E3788" s="6" t="s">
        <v>9</v>
      </c>
      <c r="F3788" s="7">
        <v>38657</v>
      </c>
      <c r="G3788" s="8">
        <v>1</v>
      </c>
      <c r="H3788" s="8">
        <v>1</v>
      </c>
      <c r="I3788" s="8">
        <v>0</v>
      </c>
      <c r="J3788" s="8">
        <v>1</v>
      </c>
      <c r="K3788" s="9">
        <v>298</v>
      </c>
      <c r="L3788" s="6" t="s">
        <v>51</v>
      </c>
    </row>
    <row r="3789" spans="1:12">
      <c r="A3789" s="6" t="s">
        <v>49</v>
      </c>
      <c r="B3789" s="6"/>
      <c r="C3789" s="6" t="s">
        <v>3806</v>
      </c>
      <c r="D3789" s="6"/>
      <c r="E3789" s="6" t="s">
        <v>9</v>
      </c>
      <c r="F3789" s="7">
        <v>38657</v>
      </c>
      <c r="G3789" s="8">
        <v>1</v>
      </c>
      <c r="H3789" s="8">
        <v>1</v>
      </c>
      <c r="I3789" s="8">
        <v>0</v>
      </c>
      <c r="J3789" s="8">
        <v>1</v>
      </c>
      <c r="K3789" s="9">
        <v>292</v>
      </c>
      <c r="L3789" s="6" t="s">
        <v>51</v>
      </c>
    </row>
    <row r="3790" spans="1:12">
      <c r="A3790" s="6" t="s">
        <v>49</v>
      </c>
      <c r="B3790" s="6"/>
      <c r="C3790" s="6" t="s">
        <v>3807</v>
      </c>
      <c r="D3790" s="6"/>
      <c r="E3790" s="6" t="s">
        <v>9</v>
      </c>
      <c r="F3790" s="7">
        <v>38657</v>
      </c>
      <c r="G3790" s="8">
        <v>1</v>
      </c>
      <c r="H3790" s="8">
        <v>1</v>
      </c>
      <c r="I3790" s="8">
        <v>0</v>
      </c>
      <c r="J3790" s="8">
        <v>1</v>
      </c>
      <c r="K3790" s="9">
        <v>225</v>
      </c>
      <c r="L3790" s="6" t="s">
        <v>51</v>
      </c>
    </row>
    <row r="3791" spans="1:12">
      <c r="A3791" s="6" t="s">
        <v>49</v>
      </c>
      <c r="B3791" s="6"/>
      <c r="C3791" s="6" t="s">
        <v>3808</v>
      </c>
      <c r="D3791" s="6"/>
      <c r="E3791" s="6" t="s">
        <v>9</v>
      </c>
      <c r="F3791" s="7">
        <v>38657</v>
      </c>
      <c r="G3791" s="8">
        <v>1</v>
      </c>
      <c r="H3791" s="8">
        <v>1</v>
      </c>
      <c r="I3791" s="8">
        <v>0</v>
      </c>
      <c r="J3791" s="8">
        <v>1</v>
      </c>
      <c r="K3791" s="9">
        <v>42</v>
      </c>
      <c r="L3791" s="6" t="s">
        <v>51</v>
      </c>
    </row>
    <row r="3792" spans="1:12">
      <c r="A3792" s="6" t="s">
        <v>49</v>
      </c>
      <c r="B3792" s="6"/>
      <c r="C3792" s="6" t="s">
        <v>3809</v>
      </c>
      <c r="D3792" s="6"/>
      <c r="E3792" s="6" t="s">
        <v>9</v>
      </c>
      <c r="F3792" s="7">
        <v>38657</v>
      </c>
      <c r="G3792" s="8">
        <v>1</v>
      </c>
      <c r="H3792" s="8">
        <v>1</v>
      </c>
      <c r="I3792" s="8">
        <v>0</v>
      </c>
      <c r="J3792" s="8">
        <v>1</v>
      </c>
      <c r="K3792" s="9">
        <v>2.64</v>
      </c>
      <c r="L3792" s="6" t="s">
        <v>51</v>
      </c>
    </row>
    <row r="3793" spans="1:12">
      <c r="A3793" s="6" t="s">
        <v>49</v>
      </c>
      <c r="B3793" s="6"/>
      <c r="C3793" s="6" t="s">
        <v>3810</v>
      </c>
      <c r="D3793" s="6"/>
      <c r="E3793" s="6" t="s">
        <v>9</v>
      </c>
      <c r="F3793" s="7">
        <v>38657</v>
      </c>
      <c r="G3793" s="8">
        <v>1</v>
      </c>
      <c r="H3793" s="8">
        <v>1</v>
      </c>
      <c r="I3793" s="8">
        <v>0</v>
      </c>
      <c r="J3793" s="8">
        <v>1</v>
      </c>
      <c r="K3793" s="9">
        <v>13</v>
      </c>
      <c r="L3793" s="6" t="s">
        <v>51</v>
      </c>
    </row>
    <row r="3794" spans="1:12">
      <c r="A3794" s="6" t="s">
        <v>49</v>
      </c>
      <c r="B3794" s="6"/>
      <c r="C3794" s="6" t="s">
        <v>3811</v>
      </c>
      <c r="D3794" s="6"/>
      <c r="E3794" s="6" t="s">
        <v>9</v>
      </c>
      <c r="F3794" s="7">
        <v>38657</v>
      </c>
      <c r="G3794" s="8">
        <v>1</v>
      </c>
      <c r="H3794" s="8">
        <v>1</v>
      </c>
      <c r="I3794" s="8">
        <v>0</v>
      </c>
      <c r="J3794" s="8">
        <v>1</v>
      </c>
      <c r="K3794" s="9">
        <v>14</v>
      </c>
      <c r="L3794" s="6" t="s">
        <v>51</v>
      </c>
    </row>
    <row r="3795" spans="1:12">
      <c r="A3795" s="6" t="s">
        <v>49</v>
      </c>
      <c r="B3795" s="6"/>
      <c r="C3795" s="6" t="s">
        <v>3812</v>
      </c>
      <c r="D3795" s="6"/>
      <c r="E3795" s="6" t="s">
        <v>9</v>
      </c>
      <c r="F3795" s="7">
        <v>38657</v>
      </c>
      <c r="G3795" s="8">
        <v>1</v>
      </c>
      <c r="H3795" s="8">
        <v>1</v>
      </c>
      <c r="I3795" s="8">
        <v>0</v>
      </c>
      <c r="J3795" s="8">
        <v>1</v>
      </c>
      <c r="K3795" s="9">
        <v>61</v>
      </c>
      <c r="L3795" s="6" t="s">
        <v>51</v>
      </c>
    </row>
    <row r="3796" spans="1:12">
      <c r="A3796" s="6" t="s">
        <v>49</v>
      </c>
      <c r="B3796" s="6"/>
      <c r="C3796" s="6" t="s">
        <v>3813</v>
      </c>
      <c r="D3796" s="6"/>
      <c r="E3796" s="6" t="s">
        <v>9</v>
      </c>
      <c r="F3796" s="7">
        <v>38657</v>
      </c>
      <c r="G3796" s="8">
        <v>1</v>
      </c>
      <c r="H3796" s="8">
        <v>1</v>
      </c>
      <c r="I3796" s="8">
        <v>0</v>
      </c>
      <c r="J3796" s="8">
        <v>1</v>
      </c>
      <c r="K3796" s="9">
        <v>40</v>
      </c>
      <c r="L3796" s="6" t="s">
        <v>51</v>
      </c>
    </row>
    <row r="3797" spans="1:12">
      <c r="A3797" s="6" t="s">
        <v>49</v>
      </c>
      <c r="B3797" s="6"/>
      <c r="C3797" s="6" t="s">
        <v>3814</v>
      </c>
      <c r="D3797" s="6"/>
      <c r="E3797" s="6" t="s">
        <v>9</v>
      </c>
      <c r="F3797" s="7">
        <v>38657</v>
      </c>
      <c r="G3797" s="8">
        <v>1</v>
      </c>
      <c r="H3797" s="8">
        <v>1</v>
      </c>
      <c r="I3797" s="8">
        <v>0</v>
      </c>
      <c r="J3797" s="8">
        <v>1</v>
      </c>
      <c r="K3797" s="9">
        <v>23</v>
      </c>
      <c r="L3797" s="6" t="s">
        <v>51</v>
      </c>
    </row>
    <row r="3798" spans="1:12">
      <c r="A3798" s="6" t="s">
        <v>49</v>
      </c>
      <c r="B3798" s="6"/>
      <c r="C3798" s="6" t="s">
        <v>3815</v>
      </c>
      <c r="D3798" s="6"/>
      <c r="E3798" s="6" t="s">
        <v>9</v>
      </c>
      <c r="F3798" s="7">
        <v>38657</v>
      </c>
      <c r="G3798" s="8">
        <v>1</v>
      </c>
      <c r="H3798" s="8">
        <v>1</v>
      </c>
      <c r="I3798" s="8">
        <v>0</v>
      </c>
      <c r="J3798" s="8">
        <v>1</v>
      </c>
      <c r="K3798" s="9">
        <v>60</v>
      </c>
      <c r="L3798" s="6" t="s">
        <v>51</v>
      </c>
    </row>
    <row r="3799" spans="1:12">
      <c r="A3799" s="6" t="s">
        <v>49</v>
      </c>
      <c r="B3799" s="6"/>
      <c r="C3799" s="6" t="s">
        <v>3816</v>
      </c>
      <c r="D3799" s="6"/>
      <c r="E3799" s="6" t="s">
        <v>9</v>
      </c>
      <c r="F3799" s="7">
        <v>38657</v>
      </c>
      <c r="G3799" s="8">
        <v>1</v>
      </c>
      <c r="H3799" s="8">
        <v>1</v>
      </c>
      <c r="I3799" s="8">
        <v>0</v>
      </c>
      <c r="J3799" s="8">
        <v>1</v>
      </c>
      <c r="K3799" s="9">
        <v>295</v>
      </c>
      <c r="L3799" s="6" t="s">
        <v>51</v>
      </c>
    </row>
    <row r="3800" spans="1:12">
      <c r="A3800" s="6" t="s">
        <v>49</v>
      </c>
      <c r="B3800" s="6"/>
      <c r="C3800" s="6" t="s">
        <v>3817</v>
      </c>
      <c r="D3800" s="6"/>
      <c r="E3800" s="6" t="s">
        <v>9</v>
      </c>
      <c r="F3800" s="7">
        <v>38657</v>
      </c>
      <c r="G3800" s="8">
        <v>1</v>
      </c>
      <c r="H3800" s="8">
        <v>1</v>
      </c>
      <c r="I3800" s="8">
        <v>0</v>
      </c>
      <c r="J3800" s="8">
        <v>1</v>
      </c>
      <c r="K3800" s="9">
        <v>461</v>
      </c>
      <c r="L3800" s="6" t="s">
        <v>51</v>
      </c>
    </row>
    <row r="3801" spans="1:12">
      <c r="A3801" s="6" t="s">
        <v>49</v>
      </c>
      <c r="B3801" s="6"/>
      <c r="C3801" s="6" t="s">
        <v>3818</v>
      </c>
      <c r="D3801" s="6"/>
      <c r="E3801" s="6" t="s">
        <v>9</v>
      </c>
      <c r="F3801" s="7">
        <v>38657</v>
      </c>
      <c r="G3801" s="8">
        <v>1</v>
      </c>
      <c r="H3801" s="8">
        <v>1</v>
      </c>
      <c r="I3801" s="8">
        <v>0</v>
      </c>
      <c r="J3801" s="8">
        <v>1</v>
      </c>
      <c r="K3801" s="9">
        <v>111</v>
      </c>
      <c r="L3801" s="6" t="s">
        <v>51</v>
      </c>
    </row>
    <row r="3802" spans="1:12">
      <c r="A3802" s="6" t="s">
        <v>49</v>
      </c>
      <c r="B3802" s="6"/>
      <c r="C3802" s="6" t="s">
        <v>3819</v>
      </c>
      <c r="D3802" s="6"/>
      <c r="E3802" s="6" t="s">
        <v>9</v>
      </c>
      <c r="F3802" s="7">
        <v>38657</v>
      </c>
      <c r="G3802" s="8">
        <v>1</v>
      </c>
      <c r="H3802" s="8">
        <v>1</v>
      </c>
      <c r="I3802" s="8">
        <v>0</v>
      </c>
      <c r="J3802" s="8">
        <v>1</v>
      </c>
      <c r="K3802" s="9">
        <v>63</v>
      </c>
      <c r="L3802" s="6" t="s">
        <v>51</v>
      </c>
    </row>
    <row r="3803" spans="1:12">
      <c r="A3803" s="6" t="s">
        <v>49</v>
      </c>
      <c r="B3803" s="6"/>
      <c r="C3803" s="6" t="s">
        <v>3820</v>
      </c>
      <c r="D3803" s="6"/>
      <c r="E3803" s="6" t="s">
        <v>9</v>
      </c>
      <c r="F3803" s="7">
        <v>38657</v>
      </c>
      <c r="G3803" s="8">
        <v>1</v>
      </c>
      <c r="H3803" s="8">
        <v>1</v>
      </c>
      <c r="I3803" s="8">
        <v>0</v>
      </c>
      <c r="J3803" s="8">
        <v>1</v>
      </c>
      <c r="K3803" s="9">
        <v>49</v>
      </c>
      <c r="L3803" s="6" t="s">
        <v>51</v>
      </c>
    </row>
    <row r="3804" spans="1:12">
      <c r="A3804" s="6" t="s">
        <v>49</v>
      </c>
      <c r="B3804" s="6"/>
      <c r="C3804" s="6" t="s">
        <v>3821</v>
      </c>
      <c r="D3804" s="6"/>
      <c r="E3804" s="6" t="s">
        <v>9</v>
      </c>
      <c r="F3804" s="7">
        <v>38657</v>
      </c>
      <c r="G3804" s="8">
        <v>1</v>
      </c>
      <c r="H3804" s="8">
        <v>1</v>
      </c>
      <c r="I3804" s="8">
        <v>0</v>
      </c>
      <c r="J3804" s="8">
        <v>1</v>
      </c>
      <c r="K3804" s="9">
        <v>17</v>
      </c>
      <c r="L3804" s="6" t="s">
        <v>51</v>
      </c>
    </row>
    <row r="3805" spans="1:12">
      <c r="A3805" s="6" t="s">
        <v>49</v>
      </c>
      <c r="B3805" s="6"/>
      <c r="C3805" s="6" t="s">
        <v>3822</v>
      </c>
      <c r="D3805" s="6"/>
      <c r="E3805" s="6" t="s">
        <v>9</v>
      </c>
      <c r="F3805" s="7">
        <v>38657</v>
      </c>
      <c r="G3805" s="8">
        <v>1</v>
      </c>
      <c r="H3805" s="8">
        <v>1</v>
      </c>
      <c r="I3805" s="8">
        <v>0</v>
      </c>
      <c r="J3805" s="8">
        <v>1</v>
      </c>
      <c r="K3805" s="9">
        <v>26</v>
      </c>
      <c r="L3805" s="6" t="s">
        <v>51</v>
      </c>
    </row>
    <row r="3806" spans="1:12">
      <c r="A3806" s="6" t="s">
        <v>49</v>
      </c>
      <c r="B3806" s="6"/>
      <c r="C3806" s="6" t="s">
        <v>3823</v>
      </c>
      <c r="D3806" s="6"/>
      <c r="E3806" s="6" t="s">
        <v>9</v>
      </c>
      <c r="F3806" s="7">
        <v>38657</v>
      </c>
      <c r="G3806" s="8">
        <v>1</v>
      </c>
      <c r="H3806" s="8">
        <v>1</v>
      </c>
      <c r="I3806" s="8">
        <v>0</v>
      </c>
      <c r="J3806" s="8">
        <v>1</v>
      </c>
      <c r="K3806" s="9">
        <v>38</v>
      </c>
      <c r="L3806" s="6" t="s">
        <v>51</v>
      </c>
    </row>
    <row r="3807" spans="1:12">
      <c r="A3807" s="6" t="s">
        <v>49</v>
      </c>
      <c r="B3807" s="6"/>
      <c r="C3807" s="6" t="s">
        <v>3824</v>
      </c>
      <c r="D3807" s="6"/>
      <c r="E3807" s="6" t="s">
        <v>9</v>
      </c>
      <c r="F3807" s="7">
        <v>38657</v>
      </c>
      <c r="G3807" s="8">
        <v>1</v>
      </c>
      <c r="H3807" s="8">
        <v>1</v>
      </c>
      <c r="I3807" s="8">
        <v>0</v>
      </c>
      <c r="J3807" s="8">
        <v>1</v>
      </c>
      <c r="K3807" s="9">
        <v>59</v>
      </c>
      <c r="L3807" s="6" t="s">
        <v>51</v>
      </c>
    </row>
    <row r="3808" spans="1:12">
      <c r="A3808" s="6" t="s">
        <v>49</v>
      </c>
      <c r="B3808" s="6"/>
      <c r="C3808" s="6" t="s">
        <v>3825</v>
      </c>
      <c r="D3808" s="6"/>
      <c r="E3808" s="6" t="s">
        <v>9</v>
      </c>
      <c r="F3808" s="7">
        <v>38657</v>
      </c>
      <c r="G3808" s="8">
        <v>1</v>
      </c>
      <c r="H3808" s="8">
        <v>1</v>
      </c>
      <c r="I3808" s="8">
        <v>0</v>
      </c>
      <c r="J3808" s="8">
        <v>1</v>
      </c>
      <c r="K3808" s="9">
        <v>11</v>
      </c>
      <c r="L3808" s="6" t="s">
        <v>51</v>
      </c>
    </row>
    <row r="3809" spans="1:12">
      <c r="A3809" s="6" t="s">
        <v>49</v>
      </c>
      <c r="B3809" s="6"/>
      <c r="C3809" s="6" t="s">
        <v>3826</v>
      </c>
      <c r="D3809" s="6"/>
      <c r="E3809" s="6" t="s">
        <v>9</v>
      </c>
      <c r="F3809" s="7">
        <v>38657</v>
      </c>
      <c r="G3809" s="8">
        <v>1</v>
      </c>
      <c r="H3809" s="8">
        <v>1</v>
      </c>
      <c r="I3809" s="8">
        <v>0</v>
      </c>
      <c r="J3809" s="8">
        <v>1</v>
      </c>
      <c r="K3809" s="9">
        <v>6.57</v>
      </c>
      <c r="L3809" s="6" t="s">
        <v>51</v>
      </c>
    </row>
    <row r="3810" spans="1:12">
      <c r="A3810" s="6" t="s">
        <v>49</v>
      </c>
      <c r="B3810" s="6"/>
      <c r="C3810" s="6" t="s">
        <v>3827</v>
      </c>
      <c r="D3810" s="6"/>
      <c r="E3810" s="6" t="s">
        <v>9</v>
      </c>
      <c r="F3810" s="7">
        <v>38657</v>
      </c>
      <c r="G3810" s="8">
        <v>1</v>
      </c>
      <c r="H3810" s="8">
        <v>1</v>
      </c>
      <c r="I3810" s="8">
        <v>0</v>
      </c>
      <c r="J3810" s="8">
        <v>1</v>
      </c>
      <c r="K3810" s="9">
        <v>6.01</v>
      </c>
      <c r="L3810" s="6" t="s">
        <v>51</v>
      </c>
    </row>
    <row r="3811" spans="1:12">
      <c r="A3811" s="6" t="s">
        <v>49</v>
      </c>
      <c r="B3811" s="6"/>
      <c r="C3811" s="6" t="s">
        <v>3828</v>
      </c>
      <c r="D3811" s="6"/>
      <c r="E3811" s="6" t="s">
        <v>9</v>
      </c>
      <c r="F3811" s="7">
        <v>38657</v>
      </c>
      <c r="G3811" s="8">
        <v>1</v>
      </c>
      <c r="H3811" s="8">
        <v>1</v>
      </c>
      <c r="I3811" s="8">
        <v>0</v>
      </c>
      <c r="J3811" s="8">
        <v>1</v>
      </c>
      <c r="K3811" s="9">
        <v>5.63</v>
      </c>
      <c r="L3811" s="6" t="s">
        <v>51</v>
      </c>
    </row>
    <row r="3812" spans="1:12">
      <c r="A3812" s="6" t="s">
        <v>49</v>
      </c>
      <c r="B3812" s="6"/>
      <c r="C3812" s="6" t="s">
        <v>3829</v>
      </c>
      <c r="D3812" s="6"/>
      <c r="E3812" s="6" t="s">
        <v>9</v>
      </c>
      <c r="F3812" s="7">
        <v>38657</v>
      </c>
      <c r="G3812" s="8">
        <v>1</v>
      </c>
      <c r="H3812" s="8">
        <v>1</v>
      </c>
      <c r="I3812" s="8">
        <v>0</v>
      </c>
      <c r="J3812" s="8">
        <v>1</v>
      </c>
      <c r="K3812" s="9">
        <v>5.2</v>
      </c>
      <c r="L3812" s="6" t="s">
        <v>51</v>
      </c>
    </row>
    <row r="3813" spans="1:12">
      <c r="A3813" s="6" t="s">
        <v>49</v>
      </c>
      <c r="B3813" s="6"/>
      <c r="C3813" s="6" t="s">
        <v>3830</v>
      </c>
      <c r="D3813" s="6"/>
      <c r="E3813" s="6" t="s">
        <v>9</v>
      </c>
      <c r="F3813" s="7">
        <v>38657</v>
      </c>
      <c r="G3813" s="8">
        <v>1</v>
      </c>
      <c r="H3813" s="8">
        <v>1</v>
      </c>
      <c r="I3813" s="8">
        <v>0</v>
      </c>
      <c r="J3813" s="8">
        <v>1</v>
      </c>
      <c r="K3813" s="9">
        <v>4.5599999999999898</v>
      </c>
      <c r="L3813" s="6" t="s">
        <v>51</v>
      </c>
    </row>
    <row r="3814" spans="1:12">
      <c r="A3814" s="6" t="s">
        <v>49</v>
      </c>
      <c r="B3814" s="6"/>
      <c r="C3814" s="6" t="s">
        <v>3831</v>
      </c>
      <c r="D3814" s="6"/>
      <c r="E3814" s="6" t="s">
        <v>9</v>
      </c>
      <c r="F3814" s="7">
        <v>38657</v>
      </c>
      <c r="G3814" s="8">
        <v>1</v>
      </c>
      <c r="H3814" s="8">
        <v>1</v>
      </c>
      <c r="I3814" s="8">
        <v>0</v>
      </c>
      <c r="J3814" s="8">
        <v>1</v>
      </c>
      <c r="K3814" s="9">
        <v>9.07</v>
      </c>
      <c r="L3814" s="6" t="s">
        <v>51</v>
      </c>
    </row>
    <row r="3815" spans="1:12">
      <c r="A3815" s="6" t="s">
        <v>49</v>
      </c>
      <c r="B3815" s="6"/>
      <c r="C3815" s="6" t="s">
        <v>3832</v>
      </c>
      <c r="D3815" s="6"/>
      <c r="E3815" s="6" t="s">
        <v>9</v>
      </c>
      <c r="F3815" s="7">
        <v>38657</v>
      </c>
      <c r="G3815" s="8">
        <v>1</v>
      </c>
      <c r="H3815" s="8">
        <v>1</v>
      </c>
      <c r="I3815" s="8">
        <v>0</v>
      </c>
      <c r="J3815" s="8">
        <v>1</v>
      </c>
      <c r="K3815" s="9">
        <v>10</v>
      </c>
      <c r="L3815" s="6" t="s">
        <v>51</v>
      </c>
    </row>
    <row r="3816" spans="1:12">
      <c r="A3816" s="6" t="s">
        <v>49</v>
      </c>
      <c r="B3816" s="6"/>
      <c r="C3816" s="6" t="s">
        <v>3833</v>
      </c>
      <c r="D3816" s="6"/>
      <c r="E3816" s="6" t="s">
        <v>9</v>
      </c>
      <c r="F3816" s="7">
        <v>38657</v>
      </c>
      <c r="G3816" s="8">
        <v>1</v>
      </c>
      <c r="H3816" s="8">
        <v>1</v>
      </c>
      <c r="I3816" s="8">
        <v>0</v>
      </c>
      <c r="J3816" s="8">
        <v>1</v>
      </c>
      <c r="K3816" s="9">
        <v>4.5199999999999898</v>
      </c>
      <c r="L3816" s="6" t="s">
        <v>51</v>
      </c>
    </row>
    <row r="3817" spans="1:12">
      <c r="A3817" s="6" t="s">
        <v>49</v>
      </c>
      <c r="B3817" s="6"/>
      <c r="C3817" s="6" t="s">
        <v>3834</v>
      </c>
      <c r="D3817" s="6"/>
      <c r="E3817" s="6" t="s">
        <v>9</v>
      </c>
      <c r="F3817" s="7">
        <v>38657</v>
      </c>
      <c r="G3817" s="8">
        <v>1</v>
      </c>
      <c r="H3817" s="8">
        <v>1</v>
      </c>
      <c r="I3817" s="8">
        <v>0</v>
      </c>
      <c r="J3817" s="8">
        <v>1</v>
      </c>
      <c r="K3817" s="9">
        <v>6.39</v>
      </c>
      <c r="L3817" s="6" t="s">
        <v>51</v>
      </c>
    </row>
    <row r="3818" spans="1:12">
      <c r="A3818" s="6" t="s">
        <v>49</v>
      </c>
      <c r="B3818" s="6"/>
      <c r="C3818" s="6" t="s">
        <v>3835</v>
      </c>
      <c r="D3818" s="6"/>
      <c r="E3818" s="6" t="s">
        <v>9</v>
      </c>
      <c r="F3818" s="7">
        <v>38657</v>
      </c>
      <c r="G3818" s="8">
        <v>1</v>
      </c>
      <c r="H3818" s="8">
        <v>1</v>
      </c>
      <c r="I3818" s="8">
        <v>0</v>
      </c>
      <c r="J3818" s="8">
        <v>1</v>
      </c>
      <c r="K3818" s="9">
        <v>4.3499999999999899</v>
      </c>
      <c r="L3818" s="6" t="s">
        <v>51</v>
      </c>
    </row>
    <row r="3819" spans="1:12">
      <c r="A3819" s="6" t="s">
        <v>49</v>
      </c>
      <c r="B3819" s="6"/>
      <c r="C3819" s="6" t="s">
        <v>3836</v>
      </c>
      <c r="D3819" s="6"/>
      <c r="E3819" s="6" t="s">
        <v>9</v>
      </c>
      <c r="F3819" s="7">
        <v>38657</v>
      </c>
      <c r="G3819" s="8">
        <v>1</v>
      </c>
      <c r="H3819" s="8">
        <v>1</v>
      </c>
      <c r="I3819" s="8">
        <v>0</v>
      </c>
      <c r="J3819" s="8">
        <v>1</v>
      </c>
      <c r="K3819" s="9">
        <v>6.84</v>
      </c>
      <c r="L3819" s="6" t="s">
        <v>51</v>
      </c>
    </row>
    <row r="3820" spans="1:12">
      <c r="A3820" s="6" t="s">
        <v>49</v>
      </c>
      <c r="B3820" s="6"/>
      <c r="C3820" s="6" t="s">
        <v>3837</v>
      </c>
      <c r="D3820" s="6"/>
      <c r="E3820" s="6" t="s">
        <v>9</v>
      </c>
      <c r="F3820" s="7">
        <v>38657</v>
      </c>
      <c r="G3820" s="8">
        <v>1</v>
      </c>
      <c r="H3820" s="8">
        <v>1</v>
      </c>
      <c r="I3820" s="8">
        <v>0</v>
      </c>
      <c r="J3820" s="8">
        <v>1</v>
      </c>
      <c r="K3820" s="9">
        <v>7.72</v>
      </c>
      <c r="L3820" s="6" t="s">
        <v>51</v>
      </c>
    </row>
    <row r="3821" spans="1:12">
      <c r="A3821" s="6" t="s">
        <v>49</v>
      </c>
      <c r="B3821" s="6"/>
      <c r="C3821" s="6" t="s">
        <v>3838</v>
      </c>
      <c r="D3821" s="6"/>
      <c r="E3821" s="6" t="s">
        <v>9</v>
      </c>
      <c r="F3821" s="7">
        <v>38657</v>
      </c>
      <c r="G3821" s="8">
        <v>1</v>
      </c>
      <c r="H3821" s="8">
        <v>1</v>
      </c>
      <c r="I3821" s="8">
        <v>0</v>
      </c>
      <c r="J3821" s="8">
        <v>1</v>
      </c>
      <c r="K3821" s="9">
        <v>7.46</v>
      </c>
      <c r="L3821" s="6" t="s">
        <v>51</v>
      </c>
    </row>
    <row r="3822" spans="1:12">
      <c r="A3822" s="6" t="s">
        <v>49</v>
      </c>
      <c r="B3822" s="6"/>
      <c r="C3822" s="6" t="s">
        <v>3839</v>
      </c>
      <c r="D3822" s="6"/>
      <c r="E3822" s="6" t="s">
        <v>9</v>
      </c>
      <c r="F3822" s="7">
        <v>38657</v>
      </c>
      <c r="G3822" s="8">
        <v>1</v>
      </c>
      <c r="H3822" s="8">
        <v>1</v>
      </c>
      <c r="I3822" s="8">
        <v>0</v>
      </c>
      <c r="J3822" s="8">
        <v>1</v>
      </c>
      <c r="K3822" s="9">
        <v>23</v>
      </c>
      <c r="L3822" s="6" t="s">
        <v>51</v>
      </c>
    </row>
    <row r="3823" spans="1:12">
      <c r="A3823" s="6" t="s">
        <v>49</v>
      </c>
      <c r="B3823" s="6"/>
      <c r="C3823" s="6" t="s">
        <v>3840</v>
      </c>
      <c r="D3823" s="6"/>
      <c r="E3823" s="6" t="s">
        <v>9</v>
      </c>
      <c r="F3823" s="7">
        <v>38657</v>
      </c>
      <c r="G3823" s="8">
        <v>1</v>
      </c>
      <c r="H3823" s="8">
        <v>1</v>
      </c>
      <c r="I3823" s="8">
        <v>0</v>
      </c>
      <c r="J3823" s="8">
        <v>1</v>
      </c>
      <c r="K3823" s="9">
        <v>1000.35</v>
      </c>
      <c r="L3823" s="6" t="s">
        <v>51</v>
      </c>
    </row>
    <row r="3824" spans="1:12">
      <c r="A3824" s="6" t="s">
        <v>49</v>
      </c>
      <c r="B3824" s="6"/>
      <c r="C3824" s="6" t="s">
        <v>3841</v>
      </c>
      <c r="D3824" s="6"/>
      <c r="E3824" s="6" t="s">
        <v>9</v>
      </c>
      <c r="F3824" s="7">
        <v>38657</v>
      </c>
      <c r="G3824" s="8">
        <v>1</v>
      </c>
      <c r="H3824" s="8">
        <v>1</v>
      </c>
      <c r="I3824" s="8">
        <v>0</v>
      </c>
      <c r="J3824" s="8">
        <v>1</v>
      </c>
      <c r="K3824" s="9">
        <v>2.0499999999999901</v>
      </c>
      <c r="L3824" s="6" t="s">
        <v>51</v>
      </c>
    </row>
    <row r="3825" spans="1:12">
      <c r="A3825" s="6" t="s">
        <v>49</v>
      </c>
      <c r="B3825" s="6"/>
      <c r="C3825" s="6" t="s">
        <v>3842</v>
      </c>
      <c r="D3825" s="6"/>
      <c r="E3825" s="6" t="s">
        <v>9</v>
      </c>
      <c r="F3825" s="7">
        <v>38657</v>
      </c>
      <c r="G3825" s="8">
        <v>1</v>
      </c>
      <c r="H3825" s="8">
        <v>1</v>
      </c>
      <c r="I3825" s="8">
        <v>0</v>
      </c>
      <c r="J3825" s="8">
        <v>1</v>
      </c>
      <c r="K3825" s="9">
        <v>41</v>
      </c>
      <c r="L3825" s="6" t="s">
        <v>51</v>
      </c>
    </row>
    <row r="3826" spans="1:12">
      <c r="A3826" s="6" t="s">
        <v>49</v>
      </c>
      <c r="B3826" s="6"/>
      <c r="C3826" s="6" t="s">
        <v>3843</v>
      </c>
      <c r="D3826" s="6"/>
      <c r="E3826" s="6" t="s">
        <v>9</v>
      </c>
      <c r="F3826" s="7">
        <v>38657</v>
      </c>
      <c r="G3826" s="8">
        <v>1</v>
      </c>
      <c r="H3826" s="8">
        <v>1</v>
      </c>
      <c r="I3826" s="8">
        <v>0</v>
      </c>
      <c r="J3826" s="8">
        <v>1</v>
      </c>
      <c r="K3826" s="9">
        <v>3</v>
      </c>
      <c r="L3826" s="6" t="s">
        <v>51</v>
      </c>
    </row>
    <row r="3827" spans="1:12">
      <c r="A3827" s="6" t="s">
        <v>49</v>
      </c>
      <c r="B3827" s="6"/>
      <c r="C3827" s="6" t="s">
        <v>3844</v>
      </c>
      <c r="D3827" s="6"/>
      <c r="E3827" s="6" t="s">
        <v>9</v>
      </c>
      <c r="F3827" s="7">
        <v>38657</v>
      </c>
      <c r="G3827" s="8">
        <v>1</v>
      </c>
      <c r="H3827" s="8">
        <v>1</v>
      </c>
      <c r="I3827" s="8">
        <v>0</v>
      </c>
      <c r="J3827" s="8">
        <v>1</v>
      </c>
      <c r="K3827" s="9">
        <v>4.38</v>
      </c>
      <c r="L3827" s="6" t="s">
        <v>51</v>
      </c>
    </row>
    <row r="3828" spans="1:12">
      <c r="A3828" s="6" t="s">
        <v>49</v>
      </c>
      <c r="B3828" s="6"/>
      <c r="C3828" s="6" t="s">
        <v>3845</v>
      </c>
      <c r="D3828" s="6"/>
      <c r="E3828" s="6" t="s">
        <v>9</v>
      </c>
      <c r="F3828" s="7">
        <v>38657</v>
      </c>
      <c r="G3828" s="8">
        <v>1</v>
      </c>
      <c r="H3828" s="8">
        <v>1</v>
      </c>
      <c r="I3828" s="8">
        <v>0</v>
      </c>
      <c r="J3828" s="8">
        <v>1</v>
      </c>
      <c r="K3828" s="9">
        <v>4.79</v>
      </c>
      <c r="L3828" s="6" t="s">
        <v>51</v>
      </c>
    </row>
    <row r="3829" spans="1:12">
      <c r="A3829" s="6" t="s">
        <v>49</v>
      </c>
      <c r="B3829" s="6"/>
      <c r="C3829" s="6" t="s">
        <v>3846</v>
      </c>
      <c r="D3829" s="6"/>
      <c r="E3829" s="6" t="s">
        <v>9</v>
      </c>
      <c r="F3829" s="7">
        <v>38657</v>
      </c>
      <c r="G3829" s="8">
        <v>1</v>
      </c>
      <c r="H3829" s="8">
        <v>1</v>
      </c>
      <c r="I3829" s="8">
        <v>0</v>
      </c>
      <c r="J3829" s="8">
        <v>1</v>
      </c>
      <c r="K3829" s="9">
        <v>219</v>
      </c>
      <c r="L3829" s="6" t="s">
        <v>51</v>
      </c>
    </row>
    <row r="3830" spans="1:12">
      <c r="A3830" s="6" t="s">
        <v>49</v>
      </c>
      <c r="B3830" s="6"/>
      <c r="C3830" s="6" t="s">
        <v>3847</v>
      </c>
      <c r="D3830" s="6"/>
      <c r="E3830" s="6" t="s">
        <v>9</v>
      </c>
      <c r="F3830" s="7">
        <v>38657</v>
      </c>
      <c r="G3830" s="8">
        <v>1</v>
      </c>
      <c r="H3830" s="8">
        <v>1</v>
      </c>
      <c r="I3830" s="8">
        <v>0</v>
      </c>
      <c r="J3830" s="8">
        <v>1</v>
      </c>
      <c r="K3830" s="9">
        <v>33.51</v>
      </c>
      <c r="L3830" s="6" t="s">
        <v>51</v>
      </c>
    </row>
    <row r="3831" spans="1:12">
      <c r="A3831" s="6" t="s">
        <v>49</v>
      </c>
      <c r="B3831" s="6"/>
      <c r="C3831" s="6" t="s">
        <v>3848</v>
      </c>
      <c r="D3831" s="6"/>
      <c r="E3831" s="6" t="s">
        <v>9</v>
      </c>
      <c r="F3831" s="7">
        <v>38657</v>
      </c>
      <c r="G3831" s="8">
        <v>1</v>
      </c>
      <c r="H3831" s="8">
        <v>1</v>
      </c>
      <c r="I3831" s="8">
        <v>0</v>
      </c>
      <c r="J3831" s="8">
        <v>1</v>
      </c>
      <c r="K3831" s="9">
        <v>0.17</v>
      </c>
      <c r="L3831" s="6" t="s">
        <v>51</v>
      </c>
    </row>
    <row r="3832" spans="1:12">
      <c r="A3832" s="6" t="s">
        <v>49</v>
      </c>
      <c r="B3832" s="6"/>
      <c r="C3832" s="6" t="s">
        <v>3849</v>
      </c>
      <c r="D3832" s="6"/>
      <c r="E3832" s="6" t="s">
        <v>9</v>
      </c>
      <c r="F3832" s="7">
        <v>38657</v>
      </c>
      <c r="G3832" s="8">
        <v>1</v>
      </c>
      <c r="H3832" s="8">
        <v>1</v>
      </c>
      <c r="I3832" s="8">
        <v>0</v>
      </c>
      <c r="J3832" s="8">
        <v>1</v>
      </c>
      <c r="K3832" s="9">
        <v>126.2</v>
      </c>
      <c r="L3832" s="6" t="s">
        <v>51</v>
      </c>
    </row>
    <row r="3833" spans="1:12">
      <c r="A3833" s="6" t="s">
        <v>49</v>
      </c>
      <c r="B3833" s="6"/>
      <c r="C3833" s="6" t="s">
        <v>3850</v>
      </c>
      <c r="D3833" s="6"/>
      <c r="E3833" s="6" t="s">
        <v>9</v>
      </c>
      <c r="F3833" s="7">
        <v>38657</v>
      </c>
      <c r="G3833" s="8">
        <v>1</v>
      </c>
      <c r="H3833" s="8">
        <v>1</v>
      </c>
      <c r="I3833" s="8">
        <v>0</v>
      </c>
      <c r="J3833" s="8">
        <v>1</v>
      </c>
      <c r="K3833" s="9">
        <v>1.52</v>
      </c>
      <c r="L3833" s="6" t="s">
        <v>51</v>
      </c>
    </row>
    <row r="3834" spans="1:12">
      <c r="A3834" s="6" t="s">
        <v>49</v>
      </c>
      <c r="B3834" s="6"/>
      <c r="C3834" s="6" t="s">
        <v>3851</v>
      </c>
      <c r="D3834" s="6"/>
      <c r="E3834" s="6" t="s">
        <v>9</v>
      </c>
      <c r="F3834" s="7">
        <v>38657</v>
      </c>
      <c r="G3834" s="8">
        <v>1</v>
      </c>
      <c r="H3834" s="8">
        <v>1</v>
      </c>
      <c r="I3834" s="8">
        <v>0</v>
      </c>
      <c r="J3834" s="8">
        <v>1</v>
      </c>
      <c r="K3834" s="9">
        <v>30.95</v>
      </c>
      <c r="L3834" s="6" t="s">
        <v>51</v>
      </c>
    </row>
    <row r="3835" spans="1:12">
      <c r="A3835" s="6" t="s">
        <v>49</v>
      </c>
      <c r="B3835" s="6"/>
      <c r="C3835" s="6" t="s">
        <v>3852</v>
      </c>
      <c r="D3835" s="6"/>
      <c r="E3835" s="6" t="s">
        <v>9</v>
      </c>
      <c r="F3835" s="7">
        <v>38657</v>
      </c>
      <c r="G3835" s="8">
        <v>1</v>
      </c>
      <c r="H3835" s="8">
        <v>1</v>
      </c>
      <c r="I3835" s="8">
        <v>0</v>
      </c>
      <c r="J3835" s="8">
        <v>1</v>
      </c>
      <c r="K3835" s="9">
        <v>98</v>
      </c>
      <c r="L3835" s="6" t="s">
        <v>51</v>
      </c>
    </row>
    <row r="3836" spans="1:12">
      <c r="A3836" s="6" t="s">
        <v>49</v>
      </c>
      <c r="B3836" s="6"/>
      <c r="C3836" s="6" t="s">
        <v>3853</v>
      </c>
      <c r="D3836" s="6"/>
      <c r="E3836" s="6" t="s">
        <v>9</v>
      </c>
      <c r="F3836" s="7">
        <v>38657</v>
      </c>
      <c r="G3836" s="8">
        <v>1</v>
      </c>
      <c r="H3836" s="8">
        <v>1</v>
      </c>
      <c r="I3836" s="8">
        <v>0</v>
      </c>
      <c r="J3836" s="8">
        <v>1</v>
      </c>
      <c r="K3836" s="9">
        <v>92</v>
      </c>
      <c r="L3836" s="6" t="s">
        <v>51</v>
      </c>
    </row>
    <row r="3837" spans="1:12">
      <c r="A3837" s="6" t="s">
        <v>49</v>
      </c>
      <c r="B3837" s="6"/>
      <c r="C3837" s="6" t="s">
        <v>3854</v>
      </c>
      <c r="D3837" s="6"/>
      <c r="E3837" s="6" t="s">
        <v>9</v>
      </c>
      <c r="F3837" s="7">
        <v>38657</v>
      </c>
      <c r="G3837" s="8">
        <v>1</v>
      </c>
      <c r="H3837" s="8">
        <v>1</v>
      </c>
      <c r="I3837" s="8">
        <v>0</v>
      </c>
      <c r="J3837" s="8">
        <v>1</v>
      </c>
      <c r="K3837" s="9">
        <v>86</v>
      </c>
      <c r="L3837" s="6" t="s">
        <v>51</v>
      </c>
    </row>
    <row r="3838" spans="1:12">
      <c r="A3838" s="6" t="s">
        <v>49</v>
      </c>
      <c r="B3838" s="6"/>
      <c r="C3838" s="6" t="s">
        <v>3855</v>
      </c>
      <c r="D3838" s="6"/>
      <c r="E3838" s="6" t="s">
        <v>9</v>
      </c>
      <c r="F3838" s="7">
        <v>38657</v>
      </c>
      <c r="G3838" s="8">
        <v>1</v>
      </c>
      <c r="H3838" s="8">
        <v>1</v>
      </c>
      <c r="I3838" s="8">
        <v>0</v>
      </c>
      <c r="J3838" s="8">
        <v>1</v>
      </c>
      <c r="K3838" s="9">
        <v>14.9</v>
      </c>
      <c r="L3838" s="6" t="s">
        <v>51</v>
      </c>
    </row>
    <row r="3839" spans="1:12">
      <c r="A3839" s="6" t="s">
        <v>49</v>
      </c>
      <c r="B3839" s="6"/>
      <c r="C3839" s="6" t="s">
        <v>3856</v>
      </c>
      <c r="D3839" s="6"/>
      <c r="E3839" s="6" t="s">
        <v>9</v>
      </c>
      <c r="F3839" s="7">
        <v>38657</v>
      </c>
      <c r="G3839" s="8">
        <v>1</v>
      </c>
      <c r="H3839" s="8">
        <v>1</v>
      </c>
      <c r="I3839" s="8">
        <v>0</v>
      </c>
      <c r="J3839" s="8">
        <v>1</v>
      </c>
      <c r="K3839" s="9">
        <v>24.18</v>
      </c>
      <c r="L3839" s="6" t="s">
        <v>51</v>
      </c>
    </row>
    <row r="3840" spans="1:12">
      <c r="A3840" s="6" t="s">
        <v>49</v>
      </c>
      <c r="B3840" s="6"/>
      <c r="C3840" s="6" t="s">
        <v>3857</v>
      </c>
      <c r="D3840" s="6"/>
      <c r="E3840" s="6" t="s">
        <v>9</v>
      </c>
      <c r="F3840" s="7">
        <v>38657</v>
      </c>
      <c r="G3840" s="8">
        <v>1</v>
      </c>
      <c r="H3840" s="8">
        <v>1</v>
      </c>
      <c r="I3840" s="8">
        <v>0</v>
      </c>
      <c r="J3840" s="8">
        <v>1</v>
      </c>
      <c r="K3840" s="9">
        <v>25.26</v>
      </c>
      <c r="L3840" s="6" t="s">
        <v>51</v>
      </c>
    </row>
    <row r="3841" spans="1:12">
      <c r="A3841" s="6" t="s">
        <v>49</v>
      </c>
      <c r="B3841" s="6"/>
      <c r="C3841" s="6" t="s">
        <v>3858</v>
      </c>
      <c r="D3841" s="6"/>
      <c r="E3841" s="6" t="s">
        <v>9</v>
      </c>
      <c r="F3841" s="7">
        <v>38657</v>
      </c>
      <c r="G3841" s="8">
        <v>1</v>
      </c>
      <c r="H3841" s="8">
        <v>1</v>
      </c>
      <c r="I3841" s="8">
        <v>0</v>
      </c>
      <c r="J3841" s="8">
        <v>1</v>
      </c>
      <c r="K3841" s="9">
        <v>218.59</v>
      </c>
      <c r="L3841" s="6" t="s">
        <v>51</v>
      </c>
    </row>
    <row r="3842" spans="1:12">
      <c r="A3842" s="6" t="s">
        <v>49</v>
      </c>
      <c r="B3842" s="6"/>
      <c r="C3842" s="6" t="s">
        <v>3859</v>
      </c>
      <c r="D3842" s="6"/>
      <c r="E3842" s="6" t="s">
        <v>9</v>
      </c>
      <c r="F3842" s="7">
        <v>38657</v>
      </c>
      <c r="G3842" s="8">
        <v>1</v>
      </c>
      <c r="H3842" s="8">
        <v>1</v>
      </c>
      <c r="I3842" s="8">
        <v>0</v>
      </c>
      <c r="J3842" s="8">
        <v>1</v>
      </c>
      <c r="K3842" s="9">
        <v>0.14000000000000001</v>
      </c>
      <c r="L3842" s="6" t="s">
        <v>51</v>
      </c>
    </row>
    <row r="3843" spans="1:12">
      <c r="A3843" s="6" t="s">
        <v>49</v>
      </c>
      <c r="B3843" s="6"/>
      <c r="C3843" s="6" t="s">
        <v>3860</v>
      </c>
      <c r="D3843" s="6"/>
      <c r="E3843" s="6" t="s">
        <v>9</v>
      </c>
      <c r="F3843" s="7">
        <v>38657</v>
      </c>
      <c r="G3843" s="8">
        <v>1</v>
      </c>
      <c r="H3843" s="8">
        <v>1</v>
      </c>
      <c r="I3843" s="8">
        <v>0</v>
      </c>
      <c r="J3843" s="8">
        <v>1</v>
      </c>
      <c r="K3843" s="9">
        <v>29</v>
      </c>
      <c r="L3843" s="6" t="s">
        <v>51</v>
      </c>
    </row>
    <row r="3844" spans="1:12">
      <c r="A3844" s="6" t="s">
        <v>49</v>
      </c>
      <c r="B3844" s="6"/>
      <c r="C3844" s="6" t="s">
        <v>3861</v>
      </c>
      <c r="D3844" s="6"/>
      <c r="E3844" s="6" t="s">
        <v>9</v>
      </c>
      <c r="F3844" s="7">
        <v>38657</v>
      </c>
      <c r="G3844" s="8">
        <v>1</v>
      </c>
      <c r="H3844" s="8">
        <v>1</v>
      </c>
      <c r="I3844" s="8">
        <v>0</v>
      </c>
      <c r="J3844" s="8">
        <v>1</v>
      </c>
      <c r="K3844" s="9">
        <v>32.229999999999897</v>
      </c>
      <c r="L3844" s="6" t="s">
        <v>51</v>
      </c>
    </row>
    <row r="3845" spans="1:12">
      <c r="A3845" s="6" t="s">
        <v>49</v>
      </c>
      <c r="B3845" s="6"/>
      <c r="C3845" s="6" t="s">
        <v>3862</v>
      </c>
      <c r="D3845" s="6"/>
      <c r="E3845" s="6" t="s">
        <v>9</v>
      </c>
      <c r="F3845" s="7">
        <v>38657</v>
      </c>
      <c r="G3845" s="8">
        <v>1</v>
      </c>
      <c r="H3845" s="8">
        <v>1</v>
      </c>
      <c r="I3845" s="8">
        <v>0</v>
      </c>
      <c r="J3845" s="8">
        <v>1</v>
      </c>
      <c r="K3845" s="9">
        <v>1.65</v>
      </c>
      <c r="L3845" s="6" t="s">
        <v>51</v>
      </c>
    </row>
    <row r="3846" spans="1:12">
      <c r="A3846" s="6" t="s">
        <v>49</v>
      </c>
      <c r="B3846" s="6"/>
      <c r="C3846" s="6" t="s">
        <v>3863</v>
      </c>
      <c r="D3846" s="6"/>
      <c r="E3846" s="6" t="s">
        <v>9</v>
      </c>
      <c r="F3846" s="7">
        <v>39654</v>
      </c>
      <c r="G3846" s="8">
        <v>1</v>
      </c>
      <c r="H3846" s="8">
        <v>1</v>
      </c>
      <c r="I3846" s="8">
        <v>0</v>
      </c>
      <c r="J3846" s="8">
        <v>1</v>
      </c>
      <c r="K3846" s="9">
        <v>111</v>
      </c>
      <c r="L3846" s="6" t="s">
        <v>51</v>
      </c>
    </row>
    <row r="3847" spans="1:12">
      <c r="A3847" s="6" t="s">
        <v>49</v>
      </c>
      <c r="B3847" s="6"/>
      <c r="C3847" s="6" t="s">
        <v>3864</v>
      </c>
      <c r="D3847" s="6"/>
      <c r="E3847" s="6" t="s">
        <v>9</v>
      </c>
      <c r="F3847" s="7">
        <v>38657</v>
      </c>
      <c r="G3847" s="8">
        <v>1</v>
      </c>
      <c r="H3847" s="8">
        <v>1</v>
      </c>
      <c r="I3847" s="8">
        <v>0</v>
      </c>
      <c r="J3847" s="8">
        <v>1</v>
      </c>
      <c r="K3847" s="9">
        <v>1.27</v>
      </c>
      <c r="L3847" s="6" t="s">
        <v>51</v>
      </c>
    </row>
    <row r="3848" spans="1:12">
      <c r="A3848" s="6" t="s">
        <v>49</v>
      </c>
      <c r="B3848" s="6"/>
      <c r="C3848" s="6" t="s">
        <v>3865</v>
      </c>
      <c r="D3848" s="6"/>
      <c r="E3848" s="6" t="s">
        <v>9</v>
      </c>
      <c r="F3848" s="7">
        <v>38657</v>
      </c>
      <c r="G3848" s="8">
        <v>1</v>
      </c>
      <c r="H3848" s="8">
        <v>1</v>
      </c>
      <c r="I3848" s="8">
        <v>0</v>
      </c>
      <c r="J3848" s="8">
        <v>1</v>
      </c>
      <c r="K3848" s="9">
        <v>57</v>
      </c>
      <c r="L3848" s="6" t="s">
        <v>51</v>
      </c>
    </row>
    <row r="3849" spans="1:12">
      <c r="A3849" s="6" t="s">
        <v>49</v>
      </c>
      <c r="B3849" s="6"/>
      <c r="C3849" s="6" t="s">
        <v>3866</v>
      </c>
      <c r="D3849" s="6"/>
      <c r="E3849" s="6" t="s">
        <v>9</v>
      </c>
      <c r="F3849" s="7">
        <v>38657</v>
      </c>
      <c r="G3849" s="8">
        <v>1</v>
      </c>
      <c r="H3849" s="8">
        <v>1</v>
      </c>
      <c r="I3849" s="8">
        <v>0</v>
      </c>
      <c r="J3849" s="8">
        <v>1</v>
      </c>
      <c r="K3849" s="9">
        <v>784</v>
      </c>
      <c r="L3849" s="6" t="s">
        <v>51</v>
      </c>
    </row>
    <row r="3850" spans="1:12">
      <c r="A3850" s="6" t="s">
        <v>49</v>
      </c>
      <c r="B3850" s="6"/>
      <c r="C3850" s="6" t="s">
        <v>3867</v>
      </c>
      <c r="D3850" s="6"/>
      <c r="E3850" s="6" t="s">
        <v>9</v>
      </c>
      <c r="F3850" s="7">
        <v>38657</v>
      </c>
      <c r="G3850" s="8">
        <v>1</v>
      </c>
      <c r="H3850" s="8">
        <v>1</v>
      </c>
      <c r="I3850" s="8">
        <v>0</v>
      </c>
      <c r="J3850" s="8">
        <v>1</v>
      </c>
      <c r="K3850" s="9">
        <v>288</v>
      </c>
      <c r="L3850" s="6" t="s">
        <v>51</v>
      </c>
    </row>
    <row r="3851" spans="1:12">
      <c r="A3851" s="6" t="s">
        <v>49</v>
      </c>
      <c r="B3851" s="6"/>
      <c r="C3851" s="6" t="s">
        <v>3868</v>
      </c>
      <c r="D3851" s="6"/>
      <c r="E3851" s="6" t="s">
        <v>9</v>
      </c>
      <c r="F3851" s="7">
        <v>38657</v>
      </c>
      <c r="G3851" s="8">
        <v>1</v>
      </c>
      <c r="H3851" s="8">
        <v>1</v>
      </c>
      <c r="I3851" s="8">
        <v>0</v>
      </c>
      <c r="J3851" s="8">
        <v>1</v>
      </c>
      <c r="K3851" s="9">
        <v>30</v>
      </c>
      <c r="L3851" s="6" t="s">
        <v>51</v>
      </c>
    </row>
    <row r="3852" spans="1:12">
      <c r="A3852" s="6" t="s">
        <v>49</v>
      </c>
      <c r="B3852" s="6"/>
      <c r="C3852" s="6" t="s">
        <v>3869</v>
      </c>
      <c r="D3852" s="6"/>
      <c r="E3852" s="6" t="s">
        <v>9</v>
      </c>
      <c r="F3852" s="7">
        <v>38657</v>
      </c>
      <c r="G3852" s="8">
        <v>1</v>
      </c>
      <c r="H3852" s="8">
        <v>1</v>
      </c>
      <c r="I3852" s="8">
        <v>0</v>
      </c>
      <c r="J3852" s="8">
        <v>1</v>
      </c>
      <c r="K3852" s="9">
        <v>810</v>
      </c>
      <c r="L3852" s="6" t="s">
        <v>51</v>
      </c>
    </row>
    <row r="3853" spans="1:12">
      <c r="A3853" s="6" t="s">
        <v>49</v>
      </c>
      <c r="B3853" s="6"/>
      <c r="C3853" s="6" t="s">
        <v>3870</v>
      </c>
      <c r="D3853" s="6"/>
      <c r="E3853" s="6" t="s">
        <v>9</v>
      </c>
      <c r="F3853" s="7">
        <v>38657</v>
      </c>
      <c r="G3853" s="8">
        <v>1</v>
      </c>
      <c r="H3853" s="8">
        <v>1</v>
      </c>
      <c r="I3853" s="8">
        <v>0</v>
      </c>
      <c r="J3853" s="8">
        <v>1</v>
      </c>
      <c r="K3853" s="9">
        <v>475</v>
      </c>
      <c r="L3853" s="6" t="s">
        <v>51</v>
      </c>
    </row>
    <row r="3854" spans="1:12">
      <c r="A3854" s="6" t="s">
        <v>49</v>
      </c>
      <c r="B3854" s="6"/>
      <c r="C3854" s="6" t="s">
        <v>3871</v>
      </c>
      <c r="D3854" s="6"/>
      <c r="E3854" s="6" t="s">
        <v>9</v>
      </c>
      <c r="F3854" s="7">
        <v>38657</v>
      </c>
      <c r="G3854" s="8">
        <v>1</v>
      </c>
      <c r="H3854" s="8">
        <v>1</v>
      </c>
      <c r="I3854" s="8">
        <v>0</v>
      </c>
      <c r="J3854" s="8">
        <v>1</v>
      </c>
      <c r="K3854" s="9">
        <v>701</v>
      </c>
      <c r="L3854" s="6" t="s">
        <v>51</v>
      </c>
    </row>
    <row r="3855" spans="1:12">
      <c r="A3855" s="6" t="s">
        <v>49</v>
      </c>
      <c r="B3855" s="6"/>
      <c r="C3855" s="6" t="s">
        <v>3872</v>
      </c>
      <c r="D3855" s="6"/>
      <c r="E3855" s="6" t="s">
        <v>9</v>
      </c>
      <c r="F3855" s="7">
        <v>38657</v>
      </c>
      <c r="G3855" s="8">
        <v>1</v>
      </c>
      <c r="H3855" s="8">
        <v>1</v>
      </c>
      <c r="I3855" s="8">
        <v>0</v>
      </c>
      <c r="J3855" s="8">
        <v>1</v>
      </c>
      <c r="K3855" s="9">
        <v>589</v>
      </c>
      <c r="L3855" s="6" t="s">
        <v>51</v>
      </c>
    </row>
    <row r="3856" spans="1:12">
      <c r="A3856" s="6" t="s">
        <v>49</v>
      </c>
      <c r="B3856" s="6"/>
      <c r="C3856" s="6" t="s">
        <v>3873</v>
      </c>
      <c r="D3856" s="6"/>
      <c r="E3856" s="6" t="s">
        <v>9</v>
      </c>
      <c r="F3856" s="7">
        <v>38657</v>
      </c>
      <c r="G3856" s="8">
        <v>1</v>
      </c>
      <c r="H3856" s="8">
        <v>1</v>
      </c>
      <c r="I3856" s="8">
        <v>0</v>
      </c>
      <c r="J3856" s="8">
        <v>1</v>
      </c>
      <c r="K3856" s="9">
        <v>551</v>
      </c>
      <c r="L3856" s="6" t="s">
        <v>51</v>
      </c>
    </row>
    <row r="3857" spans="1:12">
      <c r="A3857" s="6" t="s">
        <v>49</v>
      </c>
      <c r="B3857" s="6"/>
      <c r="C3857" s="6" t="s">
        <v>3874</v>
      </c>
      <c r="D3857" s="6"/>
      <c r="E3857" s="6" t="s">
        <v>9</v>
      </c>
      <c r="F3857" s="7">
        <v>38657</v>
      </c>
      <c r="G3857" s="8">
        <v>1</v>
      </c>
      <c r="H3857" s="8">
        <v>1</v>
      </c>
      <c r="I3857" s="8">
        <v>0</v>
      </c>
      <c r="J3857" s="8">
        <v>1</v>
      </c>
      <c r="K3857" s="9">
        <v>178</v>
      </c>
      <c r="L3857" s="6" t="s">
        <v>51</v>
      </c>
    </row>
    <row r="3858" spans="1:12">
      <c r="A3858" s="6" t="s">
        <v>49</v>
      </c>
      <c r="B3858" s="6"/>
      <c r="C3858" s="6" t="s">
        <v>3875</v>
      </c>
      <c r="D3858" s="6"/>
      <c r="E3858" s="6" t="s">
        <v>9</v>
      </c>
      <c r="F3858" s="7">
        <v>38657</v>
      </c>
      <c r="G3858" s="8">
        <v>1</v>
      </c>
      <c r="H3858" s="8">
        <v>1</v>
      </c>
      <c r="I3858" s="8">
        <v>0</v>
      </c>
      <c r="J3858" s="8">
        <v>1</v>
      </c>
      <c r="K3858" s="9">
        <v>372</v>
      </c>
      <c r="L3858" s="6" t="s">
        <v>51</v>
      </c>
    </row>
    <row r="3859" spans="1:12">
      <c r="A3859" s="6" t="s">
        <v>49</v>
      </c>
      <c r="B3859" s="6"/>
      <c r="C3859" s="6" t="s">
        <v>3876</v>
      </c>
      <c r="D3859" s="6"/>
      <c r="E3859" s="6" t="s">
        <v>9</v>
      </c>
      <c r="F3859" s="7">
        <v>38657</v>
      </c>
      <c r="G3859" s="8">
        <v>1</v>
      </c>
      <c r="H3859" s="8">
        <v>1</v>
      </c>
      <c r="I3859" s="8">
        <v>0</v>
      </c>
      <c r="J3859" s="8">
        <v>1</v>
      </c>
      <c r="K3859" s="9">
        <v>31</v>
      </c>
      <c r="L3859" s="6" t="s">
        <v>51</v>
      </c>
    </row>
    <row r="3860" spans="1:12">
      <c r="A3860" s="6" t="s">
        <v>49</v>
      </c>
      <c r="B3860" s="6"/>
      <c r="C3860" s="6" t="s">
        <v>3877</v>
      </c>
      <c r="D3860" s="6"/>
      <c r="E3860" s="6" t="s">
        <v>9</v>
      </c>
      <c r="F3860" s="7">
        <v>38657</v>
      </c>
      <c r="G3860" s="8">
        <v>1</v>
      </c>
      <c r="H3860" s="8">
        <v>1</v>
      </c>
      <c r="I3860" s="8">
        <v>0</v>
      </c>
      <c r="J3860" s="8">
        <v>1</v>
      </c>
      <c r="K3860" s="9">
        <v>539</v>
      </c>
      <c r="L3860" s="6" t="s">
        <v>51</v>
      </c>
    </row>
    <row r="3861" spans="1:12">
      <c r="A3861" s="6" t="s">
        <v>49</v>
      </c>
      <c r="B3861" s="6"/>
      <c r="C3861" s="6" t="s">
        <v>3878</v>
      </c>
      <c r="D3861" s="6"/>
      <c r="E3861" s="6" t="s">
        <v>9</v>
      </c>
      <c r="F3861" s="7">
        <v>38657</v>
      </c>
      <c r="G3861" s="8">
        <v>1</v>
      </c>
      <c r="H3861" s="8">
        <v>1</v>
      </c>
      <c r="I3861" s="8">
        <v>0</v>
      </c>
      <c r="J3861" s="8">
        <v>1</v>
      </c>
      <c r="K3861" s="9">
        <v>538</v>
      </c>
      <c r="L3861" s="6" t="s">
        <v>51</v>
      </c>
    </row>
    <row r="3862" spans="1:12">
      <c r="A3862" s="6" t="s">
        <v>49</v>
      </c>
      <c r="B3862" s="6"/>
      <c r="C3862" s="6" t="s">
        <v>3879</v>
      </c>
      <c r="D3862" s="6"/>
      <c r="E3862" s="6" t="s">
        <v>9</v>
      </c>
      <c r="F3862" s="7">
        <v>38657</v>
      </c>
      <c r="G3862" s="8">
        <v>1</v>
      </c>
      <c r="H3862" s="8">
        <v>1</v>
      </c>
      <c r="I3862" s="8">
        <v>0</v>
      </c>
      <c r="J3862" s="8">
        <v>1</v>
      </c>
      <c r="K3862" s="9">
        <v>800</v>
      </c>
      <c r="L3862" s="6" t="s">
        <v>51</v>
      </c>
    </row>
    <row r="3863" spans="1:12">
      <c r="A3863" s="6" t="s">
        <v>49</v>
      </c>
      <c r="B3863" s="6"/>
      <c r="C3863" s="6" t="s">
        <v>3880</v>
      </c>
      <c r="D3863" s="6"/>
      <c r="E3863" s="6" t="s">
        <v>9</v>
      </c>
      <c r="F3863" s="7">
        <v>38657</v>
      </c>
      <c r="G3863" s="8">
        <v>1</v>
      </c>
      <c r="H3863" s="8">
        <v>1</v>
      </c>
      <c r="I3863" s="8">
        <v>0</v>
      </c>
      <c r="J3863" s="8">
        <v>1</v>
      </c>
      <c r="K3863" s="9">
        <v>49</v>
      </c>
      <c r="L3863" s="6" t="s">
        <v>51</v>
      </c>
    </row>
    <row r="3864" spans="1:12">
      <c r="A3864" s="6" t="s">
        <v>49</v>
      </c>
      <c r="B3864" s="6"/>
      <c r="C3864" s="6" t="s">
        <v>3881</v>
      </c>
      <c r="D3864" s="6"/>
      <c r="E3864" s="6" t="s">
        <v>9</v>
      </c>
      <c r="F3864" s="7">
        <v>38657</v>
      </c>
      <c r="G3864" s="8">
        <v>1</v>
      </c>
      <c r="H3864" s="8">
        <v>1</v>
      </c>
      <c r="I3864" s="8">
        <v>0</v>
      </c>
      <c r="J3864" s="8">
        <v>1</v>
      </c>
      <c r="K3864" s="9">
        <v>129</v>
      </c>
      <c r="L3864" s="6" t="s">
        <v>51</v>
      </c>
    </row>
    <row r="3865" spans="1:12">
      <c r="A3865" s="6" t="s">
        <v>49</v>
      </c>
      <c r="B3865" s="6"/>
      <c r="C3865" s="6" t="s">
        <v>3882</v>
      </c>
      <c r="D3865" s="6"/>
      <c r="E3865" s="6" t="s">
        <v>9</v>
      </c>
      <c r="F3865" s="7">
        <v>38657</v>
      </c>
      <c r="G3865" s="8">
        <v>1</v>
      </c>
      <c r="H3865" s="8">
        <v>1</v>
      </c>
      <c r="I3865" s="8">
        <v>0</v>
      </c>
      <c r="J3865" s="8">
        <v>1</v>
      </c>
      <c r="K3865" s="9">
        <v>453</v>
      </c>
      <c r="L3865" s="6" t="s">
        <v>51</v>
      </c>
    </row>
    <row r="3866" spans="1:12">
      <c r="A3866" s="6" t="s">
        <v>49</v>
      </c>
      <c r="B3866" s="6"/>
      <c r="C3866" s="6" t="s">
        <v>3883</v>
      </c>
      <c r="D3866" s="6"/>
      <c r="E3866" s="6" t="s">
        <v>9</v>
      </c>
      <c r="F3866" s="7">
        <v>38657</v>
      </c>
      <c r="G3866" s="8">
        <v>1</v>
      </c>
      <c r="H3866" s="8">
        <v>1</v>
      </c>
      <c r="I3866" s="8">
        <v>0</v>
      </c>
      <c r="J3866" s="8">
        <v>1</v>
      </c>
      <c r="K3866" s="9">
        <v>133</v>
      </c>
      <c r="L3866" s="6" t="s">
        <v>51</v>
      </c>
    </row>
    <row r="3867" spans="1:12">
      <c r="A3867" s="6" t="s">
        <v>49</v>
      </c>
      <c r="B3867" s="6"/>
      <c r="C3867" s="6" t="s">
        <v>3884</v>
      </c>
      <c r="D3867" s="6"/>
      <c r="E3867" s="6" t="s">
        <v>9</v>
      </c>
      <c r="F3867" s="7">
        <v>38657</v>
      </c>
      <c r="G3867" s="8">
        <v>1</v>
      </c>
      <c r="H3867" s="8">
        <v>1</v>
      </c>
      <c r="I3867" s="8">
        <v>0</v>
      </c>
      <c r="J3867" s="8">
        <v>1</v>
      </c>
      <c r="K3867" s="9">
        <v>394</v>
      </c>
      <c r="L3867" s="6" t="s">
        <v>51</v>
      </c>
    </row>
    <row r="3868" spans="1:12">
      <c r="A3868" s="6" t="s">
        <v>49</v>
      </c>
      <c r="B3868" s="6"/>
      <c r="C3868" s="6" t="s">
        <v>3885</v>
      </c>
      <c r="D3868" s="6"/>
      <c r="E3868" s="6" t="s">
        <v>9</v>
      </c>
      <c r="F3868" s="7">
        <v>38657</v>
      </c>
      <c r="G3868" s="8">
        <v>1</v>
      </c>
      <c r="H3868" s="8">
        <v>1</v>
      </c>
      <c r="I3868" s="8">
        <v>0</v>
      </c>
      <c r="J3868" s="8">
        <v>1</v>
      </c>
      <c r="K3868" s="9">
        <v>31</v>
      </c>
      <c r="L3868" s="6" t="s">
        <v>51</v>
      </c>
    </row>
    <row r="3869" spans="1:12">
      <c r="A3869" s="6" t="s">
        <v>49</v>
      </c>
      <c r="B3869" s="6"/>
      <c r="C3869" s="6" t="s">
        <v>3886</v>
      </c>
      <c r="D3869" s="6"/>
      <c r="E3869" s="6" t="s">
        <v>9</v>
      </c>
      <c r="F3869" s="7">
        <v>38657</v>
      </c>
      <c r="G3869" s="8">
        <v>1</v>
      </c>
      <c r="H3869" s="8">
        <v>1</v>
      </c>
      <c r="I3869" s="8">
        <v>0</v>
      </c>
      <c r="J3869" s="8">
        <v>1</v>
      </c>
      <c r="K3869" s="9">
        <v>146</v>
      </c>
      <c r="L3869" s="6" t="s">
        <v>51</v>
      </c>
    </row>
    <row r="3870" spans="1:12">
      <c r="A3870" s="6" t="s">
        <v>49</v>
      </c>
      <c r="B3870" s="6"/>
      <c r="C3870" s="6" t="s">
        <v>3887</v>
      </c>
      <c r="D3870" s="6"/>
      <c r="E3870" s="6" t="s">
        <v>9</v>
      </c>
      <c r="F3870" s="7">
        <v>38657</v>
      </c>
      <c r="G3870" s="8">
        <v>1</v>
      </c>
      <c r="H3870" s="8">
        <v>1</v>
      </c>
      <c r="I3870" s="8">
        <v>0</v>
      </c>
      <c r="J3870" s="8">
        <v>1</v>
      </c>
      <c r="K3870" s="9">
        <v>60</v>
      </c>
      <c r="L3870" s="6" t="s">
        <v>51</v>
      </c>
    </row>
    <row r="3871" spans="1:12">
      <c r="A3871" s="6" t="s">
        <v>49</v>
      </c>
      <c r="B3871" s="6"/>
      <c r="C3871" s="6" t="s">
        <v>3888</v>
      </c>
      <c r="D3871" s="6"/>
      <c r="E3871" s="6" t="s">
        <v>9</v>
      </c>
      <c r="F3871" s="7">
        <v>38657</v>
      </c>
      <c r="G3871" s="8">
        <v>1</v>
      </c>
      <c r="H3871" s="8">
        <v>1</v>
      </c>
      <c r="I3871" s="8">
        <v>0</v>
      </c>
      <c r="J3871" s="8">
        <v>1</v>
      </c>
      <c r="K3871" s="9">
        <v>247</v>
      </c>
      <c r="L3871" s="6" t="s">
        <v>51</v>
      </c>
    </row>
    <row r="3872" spans="1:12">
      <c r="A3872" s="6" t="s">
        <v>49</v>
      </c>
      <c r="B3872" s="6"/>
      <c r="C3872" s="6" t="s">
        <v>3889</v>
      </c>
      <c r="D3872" s="6"/>
      <c r="E3872" s="6" t="s">
        <v>9</v>
      </c>
      <c r="F3872" s="7">
        <v>38657</v>
      </c>
      <c r="G3872" s="8">
        <v>1</v>
      </c>
      <c r="H3872" s="8">
        <v>1</v>
      </c>
      <c r="I3872" s="8">
        <v>0</v>
      </c>
      <c r="J3872" s="8">
        <v>1</v>
      </c>
      <c r="K3872" s="9">
        <v>393</v>
      </c>
      <c r="L3872" s="6" t="s">
        <v>51</v>
      </c>
    </row>
    <row r="3873" spans="1:12">
      <c r="A3873" s="6" t="s">
        <v>49</v>
      </c>
      <c r="B3873" s="6"/>
      <c r="C3873" s="6" t="s">
        <v>3890</v>
      </c>
      <c r="D3873" s="6"/>
      <c r="E3873" s="6" t="s">
        <v>9</v>
      </c>
      <c r="F3873" s="7">
        <v>38657</v>
      </c>
      <c r="G3873" s="8">
        <v>1</v>
      </c>
      <c r="H3873" s="8">
        <v>1</v>
      </c>
      <c r="I3873" s="8">
        <v>0</v>
      </c>
      <c r="J3873" s="8">
        <v>1</v>
      </c>
      <c r="K3873" s="9">
        <v>410</v>
      </c>
      <c r="L3873" s="6" t="s">
        <v>51</v>
      </c>
    </row>
    <row r="3874" spans="1:12">
      <c r="A3874" s="6" t="s">
        <v>49</v>
      </c>
      <c r="B3874" s="6"/>
      <c r="C3874" s="6" t="s">
        <v>3891</v>
      </c>
      <c r="D3874" s="6"/>
      <c r="E3874" s="6" t="s">
        <v>9</v>
      </c>
      <c r="F3874" s="7">
        <v>38657</v>
      </c>
      <c r="G3874" s="8">
        <v>1</v>
      </c>
      <c r="H3874" s="8">
        <v>1</v>
      </c>
      <c r="I3874" s="8">
        <v>0</v>
      </c>
      <c r="J3874" s="8">
        <v>1</v>
      </c>
      <c r="K3874" s="9">
        <v>161</v>
      </c>
      <c r="L3874" s="6" t="s">
        <v>51</v>
      </c>
    </row>
    <row r="3875" spans="1:12">
      <c r="A3875" s="6" t="s">
        <v>49</v>
      </c>
      <c r="B3875" s="6"/>
      <c r="C3875" s="6" t="s">
        <v>3892</v>
      </c>
      <c r="D3875" s="6"/>
      <c r="E3875" s="6" t="s">
        <v>9</v>
      </c>
      <c r="F3875" s="7">
        <v>38657</v>
      </c>
      <c r="G3875" s="8">
        <v>1</v>
      </c>
      <c r="H3875" s="8">
        <v>1</v>
      </c>
      <c r="I3875" s="8">
        <v>0</v>
      </c>
      <c r="J3875" s="8">
        <v>1</v>
      </c>
      <c r="K3875" s="9">
        <v>840</v>
      </c>
      <c r="L3875" s="6" t="s">
        <v>51</v>
      </c>
    </row>
    <row r="3876" spans="1:12">
      <c r="A3876" s="6" t="s">
        <v>49</v>
      </c>
      <c r="B3876" s="6"/>
      <c r="C3876" s="6" t="s">
        <v>3893</v>
      </c>
      <c r="D3876" s="6"/>
      <c r="E3876" s="6" t="s">
        <v>9</v>
      </c>
      <c r="F3876" s="7">
        <v>38657</v>
      </c>
      <c r="G3876" s="8">
        <v>1</v>
      </c>
      <c r="H3876" s="8">
        <v>1</v>
      </c>
      <c r="I3876" s="8">
        <v>0</v>
      </c>
      <c r="J3876" s="8">
        <v>1</v>
      </c>
      <c r="K3876" s="9">
        <v>263</v>
      </c>
      <c r="L3876" s="6" t="s">
        <v>51</v>
      </c>
    </row>
    <row r="3877" spans="1:12">
      <c r="A3877" s="6" t="s">
        <v>49</v>
      </c>
      <c r="B3877" s="6"/>
      <c r="C3877" s="6" t="s">
        <v>3894</v>
      </c>
      <c r="D3877" s="6"/>
      <c r="E3877" s="6" t="s">
        <v>9</v>
      </c>
      <c r="F3877" s="7">
        <v>38657</v>
      </c>
      <c r="G3877" s="8">
        <v>1</v>
      </c>
      <c r="H3877" s="8">
        <v>1</v>
      </c>
      <c r="I3877" s="8">
        <v>0</v>
      </c>
      <c r="J3877" s="8">
        <v>1</v>
      </c>
      <c r="K3877" s="9">
        <v>231</v>
      </c>
      <c r="L3877" s="6" t="s">
        <v>51</v>
      </c>
    </row>
    <row r="3878" spans="1:12">
      <c r="A3878" s="6" t="s">
        <v>49</v>
      </c>
      <c r="B3878" s="6"/>
      <c r="C3878" s="6" t="s">
        <v>3895</v>
      </c>
      <c r="D3878" s="6"/>
      <c r="E3878" s="6" t="s">
        <v>9</v>
      </c>
      <c r="F3878" s="7">
        <v>38657</v>
      </c>
      <c r="G3878" s="8">
        <v>1</v>
      </c>
      <c r="H3878" s="8">
        <v>1</v>
      </c>
      <c r="I3878" s="8">
        <v>0</v>
      </c>
      <c r="J3878" s="8">
        <v>1</v>
      </c>
      <c r="K3878" s="9">
        <v>1.37</v>
      </c>
      <c r="L3878" s="6" t="s">
        <v>51</v>
      </c>
    </row>
    <row r="3879" spans="1:12">
      <c r="A3879" s="6" t="s">
        <v>49</v>
      </c>
      <c r="B3879" s="6"/>
      <c r="C3879" s="6" t="s">
        <v>3896</v>
      </c>
      <c r="D3879" s="6"/>
      <c r="E3879" s="6" t="s">
        <v>9</v>
      </c>
      <c r="F3879" s="7">
        <v>38657</v>
      </c>
      <c r="G3879" s="8">
        <v>1</v>
      </c>
      <c r="H3879" s="8">
        <v>1</v>
      </c>
      <c r="I3879" s="8">
        <v>0</v>
      </c>
      <c r="J3879" s="8">
        <v>1</v>
      </c>
      <c r="K3879" s="9">
        <v>1119</v>
      </c>
      <c r="L3879" s="6" t="s">
        <v>51</v>
      </c>
    </row>
    <row r="3880" spans="1:12">
      <c r="A3880" s="6" t="s">
        <v>49</v>
      </c>
      <c r="B3880" s="6"/>
      <c r="C3880" s="6" t="s">
        <v>3897</v>
      </c>
      <c r="D3880" s="6"/>
      <c r="E3880" s="6" t="s">
        <v>9</v>
      </c>
      <c r="F3880" s="7">
        <v>38657</v>
      </c>
      <c r="G3880" s="8">
        <v>1</v>
      </c>
      <c r="H3880" s="8">
        <v>1</v>
      </c>
      <c r="I3880" s="8">
        <v>0</v>
      </c>
      <c r="J3880" s="8">
        <v>1</v>
      </c>
      <c r="K3880" s="9">
        <v>1.35</v>
      </c>
      <c r="L3880" s="6" t="s">
        <v>51</v>
      </c>
    </row>
    <row r="3881" spans="1:12">
      <c r="A3881" s="6" t="s">
        <v>49</v>
      </c>
      <c r="B3881" s="6"/>
      <c r="C3881" s="6" t="s">
        <v>3898</v>
      </c>
      <c r="D3881" s="6"/>
      <c r="E3881" s="6" t="s">
        <v>9</v>
      </c>
      <c r="F3881" s="7">
        <v>38657</v>
      </c>
      <c r="G3881" s="8">
        <v>1</v>
      </c>
      <c r="H3881" s="8">
        <v>1</v>
      </c>
      <c r="I3881" s="8">
        <v>0</v>
      </c>
      <c r="J3881" s="8">
        <v>1</v>
      </c>
      <c r="K3881" s="9">
        <v>61</v>
      </c>
      <c r="L3881" s="6" t="s">
        <v>51</v>
      </c>
    </row>
    <row r="3882" spans="1:12">
      <c r="A3882" s="6" t="s">
        <v>49</v>
      </c>
      <c r="B3882" s="6"/>
      <c r="C3882" s="6" t="s">
        <v>3899</v>
      </c>
      <c r="D3882" s="6"/>
      <c r="E3882" s="6" t="s">
        <v>9</v>
      </c>
      <c r="F3882" s="7">
        <v>38657</v>
      </c>
      <c r="G3882" s="8">
        <v>1</v>
      </c>
      <c r="H3882" s="8">
        <v>1</v>
      </c>
      <c r="I3882" s="8">
        <v>0</v>
      </c>
      <c r="J3882" s="8">
        <v>1</v>
      </c>
      <c r="K3882" s="9">
        <v>7.67</v>
      </c>
      <c r="L3882" s="6" t="s">
        <v>51</v>
      </c>
    </row>
    <row r="3883" spans="1:12">
      <c r="A3883" s="6" t="s">
        <v>49</v>
      </c>
      <c r="B3883" s="6"/>
      <c r="C3883" s="6" t="s">
        <v>3900</v>
      </c>
      <c r="D3883" s="6"/>
      <c r="E3883" s="6" t="s">
        <v>9</v>
      </c>
      <c r="F3883" s="7">
        <v>38657</v>
      </c>
      <c r="G3883" s="8">
        <v>1</v>
      </c>
      <c r="H3883" s="8">
        <v>1</v>
      </c>
      <c r="I3883" s="8">
        <v>0</v>
      </c>
      <c r="J3883" s="8">
        <v>1</v>
      </c>
      <c r="K3883" s="9">
        <v>39</v>
      </c>
      <c r="L3883" s="6" t="s">
        <v>51</v>
      </c>
    </row>
    <row r="3884" spans="1:12">
      <c r="A3884" s="6" t="s">
        <v>49</v>
      </c>
      <c r="B3884" s="6"/>
      <c r="C3884" s="6" t="s">
        <v>3901</v>
      </c>
      <c r="D3884" s="6"/>
      <c r="E3884" s="6" t="s">
        <v>9</v>
      </c>
      <c r="F3884" s="7">
        <v>38657</v>
      </c>
      <c r="G3884" s="8">
        <v>1</v>
      </c>
      <c r="H3884" s="8">
        <v>1</v>
      </c>
      <c r="I3884" s="8">
        <v>0</v>
      </c>
      <c r="J3884" s="8">
        <v>1</v>
      </c>
      <c r="K3884" s="9">
        <v>2219</v>
      </c>
      <c r="L3884" s="6" t="s">
        <v>51</v>
      </c>
    </row>
    <row r="3885" spans="1:12">
      <c r="A3885" s="6" t="s">
        <v>49</v>
      </c>
      <c r="B3885" s="6"/>
      <c r="C3885" s="6" t="s">
        <v>3902</v>
      </c>
      <c r="D3885" s="6"/>
      <c r="E3885" s="6" t="s">
        <v>9</v>
      </c>
      <c r="F3885" s="7">
        <v>38657</v>
      </c>
      <c r="G3885" s="8">
        <v>1</v>
      </c>
      <c r="H3885" s="8">
        <v>1</v>
      </c>
      <c r="I3885" s="8">
        <v>0</v>
      </c>
      <c r="J3885" s="8">
        <v>1</v>
      </c>
      <c r="K3885" s="9">
        <v>319</v>
      </c>
      <c r="L3885" s="6" t="s">
        <v>51</v>
      </c>
    </row>
    <row r="3886" spans="1:12">
      <c r="A3886" s="6" t="s">
        <v>49</v>
      </c>
      <c r="B3886" s="6"/>
      <c r="C3886" s="6" t="s">
        <v>3903</v>
      </c>
      <c r="D3886" s="6"/>
      <c r="E3886" s="6" t="s">
        <v>9</v>
      </c>
      <c r="F3886" s="7">
        <v>38657</v>
      </c>
      <c r="G3886" s="8">
        <v>1</v>
      </c>
      <c r="H3886" s="8">
        <v>1</v>
      </c>
      <c r="I3886" s="8">
        <v>0</v>
      </c>
      <c r="J3886" s="8">
        <v>1</v>
      </c>
      <c r="K3886" s="9">
        <v>376</v>
      </c>
      <c r="L3886" s="6" t="s">
        <v>51</v>
      </c>
    </row>
    <row r="3887" spans="1:12">
      <c r="A3887" s="6" t="s">
        <v>49</v>
      </c>
      <c r="B3887" s="6"/>
      <c r="C3887" s="6" t="s">
        <v>3904</v>
      </c>
      <c r="D3887" s="6"/>
      <c r="E3887" s="6" t="s">
        <v>9</v>
      </c>
      <c r="F3887" s="7">
        <v>38657</v>
      </c>
      <c r="G3887" s="8">
        <v>1</v>
      </c>
      <c r="H3887" s="8">
        <v>1</v>
      </c>
      <c r="I3887" s="8">
        <v>0</v>
      </c>
      <c r="J3887" s="8">
        <v>1</v>
      </c>
      <c r="K3887" s="9">
        <v>168</v>
      </c>
      <c r="L3887" s="6" t="s">
        <v>51</v>
      </c>
    </row>
    <row r="3888" spans="1:12">
      <c r="A3888" s="6" t="s">
        <v>49</v>
      </c>
      <c r="B3888" s="6"/>
      <c r="C3888" s="6" t="s">
        <v>3905</v>
      </c>
      <c r="D3888" s="6"/>
      <c r="E3888" s="6" t="s">
        <v>9</v>
      </c>
      <c r="F3888" s="7">
        <v>38657</v>
      </c>
      <c r="G3888" s="8">
        <v>1</v>
      </c>
      <c r="H3888" s="8">
        <v>1</v>
      </c>
      <c r="I3888" s="8">
        <v>0</v>
      </c>
      <c r="J3888" s="8">
        <v>1</v>
      </c>
      <c r="K3888" s="9">
        <v>776</v>
      </c>
      <c r="L3888" s="6" t="s">
        <v>51</v>
      </c>
    </row>
    <row r="3889" spans="1:12">
      <c r="A3889" s="6" t="s">
        <v>49</v>
      </c>
      <c r="B3889" s="6"/>
      <c r="C3889" s="6" t="s">
        <v>3906</v>
      </c>
      <c r="D3889" s="6"/>
      <c r="E3889" s="6" t="s">
        <v>9</v>
      </c>
      <c r="F3889" s="7">
        <v>38657</v>
      </c>
      <c r="G3889" s="8">
        <v>1</v>
      </c>
      <c r="H3889" s="8">
        <v>1</v>
      </c>
      <c r="I3889" s="8">
        <v>0</v>
      </c>
      <c r="J3889" s="8">
        <v>1</v>
      </c>
      <c r="K3889" s="9">
        <v>405.06</v>
      </c>
      <c r="L3889" s="6" t="s">
        <v>51</v>
      </c>
    </row>
    <row r="3890" spans="1:12">
      <c r="A3890" s="6" t="s">
        <v>49</v>
      </c>
      <c r="B3890" s="6"/>
      <c r="C3890" s="6" t="s">
        <v>3907</v>
      </c>
      <c r="D3890" s="6"/>
      <c r="E3890" s="6" t="s">
        <v>9</v>
      </c>
      <c r="F3890" s="7">
        <v>38657</v>
      </c>
      <c r="G3890" s="8">
        <v>1</v>
      </c>
      <c r="H3890" s="8">
        <v>1</v>
      </c>
      <c r="I3890" s="8">
        <v>0</v>
      </c>
      <c r="J3890" s="8">
        <v>1</v>
      </c>
      <c r="K3890" s="9">
        <v>61</v>
      </c>
      <c r="L3890" s="6" t="s">
        <v>51</v>
      </c>
    </row>
    <row r="3891" spans="1:12">
      <c r="A3891" s="6" t="s">
        <v>49</v>
      </c>
      <c r="B3891" s="6"/>
      <c r="C3891" s="6" t="s">
        <v>3908</v>
      </c>
      <c r="D3891" s="6"/>
      <c r="E3891" s="6" t="s">
        <v>9</v>
      </c>
      <c r="F3891" s="7">
        <v>38657</v>
      </c>
      <c r="G3891" s="8">
        <v>1</v>
      </c>
      <c r="H3891" s="8">
        <v>1</v>
      </c>
      <c r="I3891" s="8">
        <v>0</v>
      </c>
      <c r="J3891" s="8">
        <v>1</v>
      </c>
      <c r="K3891" s="9">
        <v>334</v>
      </c>
      <c r="L3891" s="6" t="s">
        <v>51</v>
      </c>
    </row>
    <row r="3892" spans="1:12">
      <c r="A3892" s="6" t="s">
        <v>49</v>
      </c>
      <c r="B3892" s="6"/>
      <c r="C3892" s="6" t="s">
        <v>3909</v>
      </c>
      <c r="D3892" s="6"/>
      <c r="E3892" s="6" t="s">
        <v>9</v>
      </c>
      <c r="F3892" s="7">
        <v>38657</v>
      </c>
      <c r="G3892" s="8">
        <v>1</v>
      </c>
      <c r="H3892" s="8">
        <v>1</v>
      </c>
      <c r="I3892" s="8">
        <v>0</v>
      </c>
      <c r="J3892" s="8">
        <v>1</v>
      </c>
      <c r="K3892" s="9">
        <v>58</v>
      </c>
      <c r="L3892" s="6" t="s">
        <v>51</v>
      </c>
    </row>
    <row r="3893" spans="1:12">
      <c r="A3893" s="6" t="s">
        <v>49</v>
      </c>
      <c r="B3893" s="6"/>
      <c r="C3893" s="6" t="s">
        <v>3910</v>
      </c>
      <c r="D3893" s="6"/>
      <c r="E3893" s="6" t="s">
        <v>9</v>
      </c>
      <c r="F3893" s="7">
        <v>38657</v>
      </c>
      <c r="G3893" s="8">
        <v>1</v>
      </c>
      <c r="H3893" s="8">
        <v>1</v>
      </c>
      <c r="I3893" s="8">
        <v>0</v>
      </c>
      <c r="J3893" s="8">
        <v>1</v>
      </c>
      <c r="K3893" s="9">
        <v>846</v>
      </c>
      <c r="L3893" s="6" t="s">
        <v>51</v>
      </c>
    </row>
    <row r="3894" spans="1:12">
      <c r="A3894" s="6" t="s">
        <v>49</v>
      </c>
      <c r="B3894" s="6"/>
      <c r="C3894" s="6" t="s">
        <v>3911</v>
      </c>
      <c r="D3894" s="6"/>
      <c r="E3894" s="6" t="s">
        <v>9</v>
      </c>
      <c r="F3894" s="7">
        <v>38657</v>
      </c>
      <c r="G3894" s="8">
        <v>1</v>
      </c>
      <c r="H3894" s="8">
        <v>1</v>
      </c>
      <c r="I3894" s="8">
        <v>0</v>
      </c>
      <c r="J3894" s="8">
        <v>1</v>
      </c>
      <c r="K3894" s="9">
        <v>766</v>
      </c>
      <c r="L3894" s="6" t="s">
        <v>51</v>
      </c>
    </row>
    <row r="3895" spans="1:12">
      <c r="A3895" s="6" t="s">
        <v>49</v>
      </c>
      <c r="B3895" s="6"/>
      <c r="C3895" s="6" t="s">
        <v>3912</v>
      </c>
      <c r="D3895" s="6"/>
      <c r="E3895" s="6" t="s">
        <v>9</v>
      </c>
      <c r="F3895" s="7">
        <v>38657</v>
      </c>
      <c r="G3895" s="8">
        <v>1</v>
      </c>
      <c r="H3895" s="8">
        <v>1</v>
      </c>
      <c r="I3895" s="8">
        <v>0</v>
      </c>
      <c r="J3895" s="8">
        <v>1</v>
      </c>
      <c r="K3895" s="9">
        <v>110</v>
      </c>
      <c r="L3895" s="6" t="s">
        <v>51</v>
      </c>
    </row>
    <row r="3896" spans="1:12">
      <c r="A3896" s="6" t="s">
        <v>49</v>
      </c>
      <c r="B3896" s="6"/>
      <c r="C3896" s="6" t="s">
        <v>3913</v>
      </c>
      <c r="D3896" s="6"/>
      <c r="E3896" s="6" t="s">
        <v>9</v>
      </c>
      <c r="F3896" s="7">
        <v>38657</v>
      </c>
      <c r="G3896" s="8">
        <v>1</v>
      </c>
      <c r="H3896" s="8">
        <v>1</v>
      </c>
      <c r="I3896" s="8">
        <v>0</v>
      </c>
      <c r="J3896" s="8">
        <v>1</v>
      </c>
      <c r="K3896" s="9">
        <v>87</v>
      </c>
      <c r="L3896" s="6" t="s">
        <v>51</v>
      </c>
    </row>
    <row r="3897" spans="1:12">
      <c r="A3897" s="6" t="s">
        <v>49</v>
      </c>
      <c r="B3897" s="6"/>
      <c r="C3897" s="6" t="s">
        <v>3914</v>
      </c>
      <c r="D3897" s="6"/>
      <c r="E3897" s="6" t="s">
        <v>9</v>
      </c>
      <c r="F3897" s="7">
        <v>38657</v>
      </c>
      <c r="G3897" s="8">
        <v>1</v>
      </c>
      <c r="H3897" s="8">
        <v>1</v>
      </c>
      <c r="I3897" s="8">
        <v>0</v>
      </c>
      <c r="J3897" s="8">
        <v>1</v>
      </c>
      <c r="K3897" s="9">
        <v>85</v>
      </c>
      <c r="L3897" s="6" t="s">
        <v>51</v>
      </c>
    </row>
    <row r="3898" spans="1:12">
      <c r="A3898" s="6" t="s">
        <v>49</v>
      </c>
      <c r="B3898" s="6"/>
      <c r="C3898" s="6" t="s">
        <v>3915</v>
      </c>
      <c r="D3898" s="6"/>
      <c r="E3898" s="6" t="s">
        <v>9</v>
      </c>
      <c r="F3898" s="7">
        <v>38657</v>
      </c>
      <c r="G3898" s="8">
        <v>1</v>
      </c>
      <c r="H3898" s="8">
        <v>1</v>
      </c>
      <c r="I3898" s="8">
        <v>0</v>
      </c>
      <c r="J3898" s="8">
        <v>1</v>
      </c>
      <c r="K3898" s="9">
        <v>88</v>
      </c>
      <c r="L3898" s="6" t="s">
        <v>51</v>
      </c>
    </row>
    <row r="3899" spans="1:12">
      <c r="A3899" s="6" t="s">
        <v>49</v>
      </c>
      <c r="B3899" s="6"/>
      <c r="C3899" s="6" t="s">
        <v>3916</v>
      </c>
      <c r="D3899" s="6"/>
      <c r="E3899" s="6" t="s">
        <v>9</v>
      </c>
      <c r="F3899" s="7">
        <v>38657</v>
      </c>
      <c r="G3899" s="8">
        <v>1</v>
      </c>
      <c r="H3899" s="8">
        <v>1</v>
      </c>
      <c r="I3899" s="8">
        <v>0</v>
      </c>
      <c r="J3899" s="8">
        <v>1</v>
      </c>
      <c r="K3899" s="9">
        <v>26</v>
      </c>
      <c r="L3899" s="6" t="s">
        <v>51</v>
      </c>
    </row>
    <row r="3900" spans="1:12">
      <c r="A3900" s="6" t="s">
        <v>49</v>
      </c>
      <c r="B3900" s="6"/>
      <c r="C3900" s="6" t="s">
        <v>3917</v>
      </c>
      <c r="D3900" s="6"/>
      <c r="E3900" s="6" t="s">
        <v>9</v>
      </c>
      <c r="F3900" s="7">
        <v>38657</v>
      </c>
      <c r="G3900" s="8">
        <v>1</v>
      </c>
      <c r="H3900" s="8">
        <v>1</v>
      </c>
      <c r="I3900" s="8">
        <v>0</v>
      </c>
      <c r="J3900" s="8">
        <v>1</v>
      </c>
      <c r="K3900" s="9">
        <v>24.51</v>
      </c>
      <c r="L3900" s="6" t="s">
        <v>51</v>
      </c>
    </row>
    <row r="3901" spans="1:12">
      <c r="A3901" s="6" t="s">
        <v>49</v>
      </c>
      <c r="B3901" s="6"/>
      <c r="C3901" s="6" t="s">
        <v>3918</v>
      </c>
      <c r="D3901" s="6"/>
      <c r="E3901" s="6" t="s">
        <v>9</v>
      </c>
      <c r="F3901" s="7">
        <v>38657</v>
      </c>
      <c r="G3901" s="8">
        <v>1</v>
      </c>
      <c r="H3901" s="8">
        <v>1</v>
      </c>
      <c r="I3901" s="8">
        <v>0</v>
      </c>
      <c r="J3901" s="8">
        <v>1</v>
      </c>
      <c r="K3901" s="9">
        <v>29</v>
      </c>
      <c r="L3901" s="6" t="s">
        <v>51</v>
      </c>
    </row>
    <row r="3902" spans="1:12">
      <c r="A3902" s="6" t="s">
        <v>49</v>
      </c>
      <c r="B3902" s="6"/>
      <c r="C3902" s="6" t="s">
        <v>3919</v>
      </c>
      <c r="D3902" s="6"/>
      <c r="E3902" s="6" t="s">
        <v>9</v>
      </c>
      <c r="F3902" s="7">
        <v>38657</v>
      </c>
      <c r="G3902" s="8">
        <v>1</v>
      </c>
      <c r="H3902" s="8">
        <v>1</v>
      </c>
      <c r="I3902" s="8">
        <v>0</v>
      </c>
      <c r="J3902" s="8">
        <v>1</v>
      </c>
      <c r="K3902" s="9">
        <v>1057</v>
      </c>
      <c r="L3902" s="6" t="s">
        <v>51</v>
      </c>
    </row>
    <row r="3903" spans="1:12">
      <c r="A3903" s="6" t="s">
        <v>49</v>
      </c>
      <c r="B3903" s="6"/>
      <c r="C3903" s="6" t="s">
        <v>3920</v>
      </c>
      <c r="D3903" s="6"/>
      <c r="E3903" s="6" t="s">
        <v>9</v>
      </c>
      <c r="F3903" s="7">
        <v>38657</v>
      </c>
      <c r="G3903" s="8">
        <v>1</v>
      </c>
      <c r="H3903" s="8">
        <v>1</v>
      </c>
      <c r="I3903" s="8">
        <v>0</v>
      </c>
      <c r="J3903" s="8">
        <v>1</v>
      </c>
      <c r="K3903" s="9">
        <v>24</v>
      </c>
      <c r="L3903" s="6" t="s">
        <v>51</v>
      </c>
    </row>
    <row r="3904" spans="1:12">
      <c r="A3904" s="6" t="s">
        <v>49</v>
      </c>
      <c r="B3904" s="6"/>
      <c r="C3904" s="6" t="s">
        <v>3921</v>
      </c>
      <c r="D3904" s="6"/>
      <c r="E3904" s="6" t="s">
        <v>9</v>
      </c>
      <c r="F3904" s="7">
        <v>38657</v>
      </c>
      <c r="G3904" s="8">
        <v>1</v>
      </c>
      <c r="H3904" s="8">
        <v>1</v>
      </c>
      <c r="I3904" s="8">
        <v>0</v>
      </c>
      <c r="J3904" s="8">
        <v>1</v>
      </c>
      <c r="K3904" s="9">
        <v>46</v>
      </c>
      <c r="L3904" s="6" t="s">
        <v>51</v>
      </c>
    </row>
    <row r="3905" spans="1:12">
      <c r="A3905" s="6" t="s">
        <v>49</v>
      </c>
      <c r="B3905" s="6"/>
      <c r="C3905" s="6" t="s">
        <v>3922</v>
      </c>
      <c r="D3905" s="6"/>
      <c r="E3905" s="6" t="s">
        <v>9</v>
      </c>
      <c r="F3905" s="7">
        <v>38657</v>
      </c>
      <c r="G3905" s="8">
        <v>1</v>
      </c>
      <c r="H3905" s="8">
        <v>1</v>
      </c>
      <c r="I3905" s="8">
        <v>0</v>
      </c>
      <c r="J3905" s="8">
        <v>1</v>
      </c>
      <c r="K3905" s="9">
        <v>37</v>
      </c>
      <c r="L3905" s="6" t="s">
        <v>51</v>
      </c>
    </row>
    <row r="3906" spans="1:12">
      <c r="A3906" s="6" t="s">
        <v>49</v>
      </c>
      <c r="B3906" s="6"/>
      <c r="C3906" s="6" t="s">
        <v>3923</v>
      </c>
      <c r="D3906" s="6"/>
      <c r="E3906" s="6" t="s">
        <v>9</v>
      </c>
      <c r="F3906" s="7">
        <v>38657</v>
      </c>
      <c r="G3906" s="8">
        <v>1</v>
      </c>
      <c r="H3906" s="8">
        <v>1</v>
      </c>
      <c r="I3906" s="8">
        <v>0</v>
      </c>
      <c r="J3906" s="8">
        <v>1</v>
      </c>
      <c r="K3906" s="9">
        <v>17</v>
      </c>
      <c r="L3906" s="6" t="s">
        <v>51</v>
      </c>
    </row>
    <row r="3907" spans="1:12">
      <c r="A3907" s="6" t="s">
        <v>49</v>
      </c>
      <c r="B3907" s="6"/>
      <c r="C3907" s="6" t="s">
        <v>3924</v>
      </c>
      <c r="D3907" s="6"/>
      <c r="E3907" s="6" t="s">
        <v>9</v>
      </c>
      <c r="F3907" s="7">
        <v>38657</v>
      </c>
      <c r="G3907" s="8">
        <v>1</v>
      </c>
      <c r="H3907" s="8">
        <v>1</v>
      </c>
      <c r="I3907" s="8">
        <v>0</v>
      </c>
      <c r="J3907" s="8">
        <v>1</v>
      </c>
      <c r="K3907" s="9">
        <v>10</v>
      </c>
      <c r="L3907" s="6" t="s">
        <v>51</v>
      </c>
    </row>
    <row r="3908" spans="1:12">
      <c r="A3908" s="6" t="s">
        <v>49</v>
      </c>
      <c r="B3908" s="6"/>
      <c r="C3908" s="6" t="s">
        <v>3925</v>
      </c>
      <c r="D3908" s="6"/>
      <c r="E3908" s="6" t="s">
        <v>9</v>
      </c>
      <c r="F3908" s="7">
        <v>38657</v>
      </c>
      <c r="G3908" s="8">
        <v>1</v>
      </c>
      <c r="H3908" s="8">
        <v>1</v>
      </c>
      <c r="I3908" s="8">
        <v>0</v>
      </c>
      <c r="J3908" s="8">
        <v>1</v>
      </c>
      <c r="K3908" s="9">
        <v>607</v>
      </c>
      <c r="L3908" s="6" t="s">
        <v>51</v>
      </c>
    </row>
    <row r="3909" spans="1:12">
      <c r="A3909" s="6" t="s">
        <v>49</v>
      </c>
      <c r="B3909" s="6"/>
      <c r="C3909" s="6" t="s">
        <v>3926</v>
      </c>
      <c r="D3909" s="6"/>
      <c r="E3909" s="6" t="s">
        <v>9</v>
      </c>
      <c r="F3909" s="7">
        <v>38657</v>
      </c>
      <c r="G3909" s="8">
        <v>1</v>
      </c>
      <c r="H3909" s="8">
        <v>1</v>
      </c>
      <c r="I3909" s="8">
        <v>0</v>
      </c>
      <c r="J3909" s="8">
        <v>1</v>
      </c>
      <c r="K3909" s="9">
        <v>33.19</v>
      </c>
      <c r="L3909" s="6" t="s">
        <v>51</v>
      </c>
    </row>
    <row r="3910" spans="1:12">
      <c r="A3910" s="6" t="s">
        <v>49</v>
      </c>
      <c r="B3910" s="6"/>
      <c r="C3910" s="6" t="s">
        <v>3927</v>
      </c>
      <c r="D3910" s="6"/>
      <c r="E3910" s="6" t="s">
        <v>9</v>
      </c>
      <c r="F3910" s="7">
        <v>38657</v>
      </c>
      <c r="G3910" s="8">
        <v>1</v>
      </c>
      <c r="H3910" s="8">
        <v>1</v>
      </c>
      <c r="I3910" s="8">
        <v>0</v>
      </c>
      <c r="J3910" s="8">
        <v>1</v>
      </c>
      <c r="K3910" s="9">
        <v>724</v>
      </c>
      <c r="L3910" s="6" t="s">
        <v>51</v>
      </c>
    </row>
    <row r="3911" spans="1:12">
      <c r="A3911" s="6" t="s">
        <v>49</v>
      </c>
      <c r="B3911" s="6"/>
      <c r="C3911" s="6" t="s">
        <v>3928</v>
      </c>
      <c r="D3911" s="6"/>
      <c r="E3911" s="6" t="s">
        <v>9</v>
      </c>
      <c r="F3911" s="7">
        <v>38657</v>
      </c>
      <c r="G3911" s="8">
        <v>1</v>
      </c>
      <c r="H3911" s="8">
        <v>1</v>
      </c>
      <c r="I3911" s="8">
        <v>0</v>
      </c>
      <c r="J3911" s="8">
        <v>1</v>
      </c>
      <c r="K3911" s="9">
        <v>9.1300000000000008</v>
      </c>
      <c r="L3911" s="6" t="s">
        <v>51</v>
      </c>
    </row>
    <row r="3912" spans="1:12">
      <c r="A3912" s="6" t="s">
        <v>49</v>
      </c>
      <c r="B3912" s="6"/>
      <c r="C3912" s="6" t="s">
        <v>3929</v>
      </c>
      <c r="D3912" s="6"/>
      <c r="E3912" s="6" t="s">
        <v>9</v>
      </c>
      <c r="F3912" s="7">
        <v>38657</v>
      </c>
      <c r="G3912" s="8">
        <v>1</v>
      </c>
      <c r="H3912" s="8">
        <v>1</v>
      </c>
      <c r="I3912" s="8">
        <v>0</v>
      </c>
      <c r="J3912" s="8">
        <v>1</v>
      </c>
      <c r="K3912" s="9">
        <v>851</v>
      </c>
      <c r="L3912" s="6" t="s">
        <v>51</v>
      </c>
    </row>
    <row r="3913" spans="1:12">
      <c r="A3913" s="6" t="s">
        <v>49</v>
      </c>
      <c r="B3913" s="6"/>
      <c r="C3913" s="6" t="s">
        <v>3930</v>
      </c>
      <c r="D3913" s="6"/>
      <c r="E3913" s="6" t="s">
        <v>9</v>
      </c>
      <c r="F3913" s="7">
        <v>38657</v>
      </c>
      <c r="G3913" s="8">
        <v>1</v>
      </c>
      <c r="H3913" s="8">
        <v>1</v>
      </c>
      <c r="I3913" s="8">
        <v>0</v>
      </c>
      <c r="J3913" s="8">
        <v>1</v>
      </c>
      <c r="K3913" s="9">
        <v>29.41</v>
      </c>
      <c r="L3913" s="6" t="s">
        <v>51</v>
      </c>
    </row>
    <row r="3914" spans="1:12">
      <c r="A3914" s="6" t="s">
        <v>49</v>
      </c>
      <c r="B3914" s="6"/>
      <c r="C3914" s="6" t="s">
        <v>3931</v>
      </c>
      <c r="D3914" s="6"/>
      <c r="E3914" s="6" t="s">
        <v>9</v>
      </c>
      <c r="F3914" s="7">
        <v>38657</v>
      </c>
      <c r="G3914" s="8">
        <v>1</v>
      </c>
      <c r="H3914" s="8">
        <v>1</v>
      </c>
      <c r="I3914" s="8">
        <v>0</v>
      </c>
      <c r="J3914" s="8">
        <v>1</v>
      </c>
      <c r="K3914" s="9">
        <v>47.64</v>
      </c>
      <c r="L3914" s="6" t="s">
        <v>51</v>
      </c>
    </row>
    <row r="3915" spans="1:12">
      <c r="A3915" s="6" t="s">
        <v>49</v>
      </c>
      <c r="B3915" s="6"/>
      <c r="C3915" s="6" t="s">
        <v>3932</v>
      </c>
      <c r="D3915" s="6"/>
      <c r="E3915" s="6" t="s">
        <v>9</v>
      </c>
      <c r="F3915" s="7">
        <v>38657</v>
      </c>
      <c r="G3915" s="8">
        <v>1</v>
      </c>
      <c r="H3915" s="8">
        <v>1</v>
      </c>
      <c r="I3915" s="8">
        <v>0</v>
      </c>
      <c r="J3915" s="8">
        <v>1</v>
      </c>
      <c r="K3915" s="9">
        <v>48</v>
      </c>
      <c r="L3915" s="6" t="s">
        <v>51</v>
      </c>
    </row>
    <row r="3916" spans="1:12">
      <c r="A3916" s="6" t="s">
        <v>49</v>
      </c>
      <c r="B3916" s="6"/>
      <c r="C3916" s="6" t="s">
        <v>3933</v>
      </c>
      <c r="D3916" s="6"/>
      <c r="E3916" s="6" t="s">
        <v>9</v>
      </c>
      <c r="F3916" s="7">
        <v>38657</v>
      </c>
      <c r="G3916" s="8">
        <v>1</v>
      </c>
      <c r="H3916" s="8">
        <v>1</v>
      </c>
      <c r="I3916" s="8">
        <v>0</v>
      </c>
      <c r="J3916" s="8">
        <v>1</v>
      </c>
      <c r="K3916" s="9">
        <v>161</v>
      </c>
      <c r="L3916" s="6" t="s">
        <v>51</v>
      </c>
    </row>
    <row r="3917" spans="1:12">
      <c r="A3917" s="6" t="s">
        <v>49</v>
      </c>
      <c r="B3917" s="6"/>
      <c r="C3917" s="6" t="s">
        <v>3934</v>
      </c>
      <c r="D3917" s="6"/>
      <c r="E3917" s="6" t="s">
        <v>9</v>
      </c>
      <c r="F3917" s="7">
        <v>38657</v>
      </c>
      <c r="G3917" s="8">
        <v>1</v>
      </c>
      <c r="H3917" s="8">
        <v>1</v>
      </c>
      <c r="I3917" s="8">
        <v>0</v>
      </c>
      <c r="J3917" s="8">
        <v>1</v>
      </c>
      <c r="K3917" s="9">
        <v>0.95</v>
      </c>
      <c r="L3917" s="6" t="s">
        <v>51</v>
      </c>
    </row>
    <row r="3918" spans="1:12">
      <c r="A3918" s="6" t="s">
        <v>49</v>
      </c>
      <c r="B3918" s="6"/>
      <c r="C3918" s="6" t="s">
        <v>3935</v>
      </c>
      <c r="D3918" s="6"/>
      <c r="E3918" s="6" t="s">
        <v>9</v>
      </c>
      <c r="F3918" s="7">
        <v>38657</v>
      </c>
      <c r="G3918" s="8">
        <v>1</v>
      </c>
      <c r="H3918" s="8">
        <v>1</v>
      </c>
      <c r="I3918" s="8">
        <v>0</v>
      </c>
      <c r="J3918" s="8">
        <v>1</v>
      </c>
      <c r="K3918" s="9">
        <v>3.58</v>
      </c>
      <c r="L3918" s="6" t="s">
        <v>51</v>
      </c>
    </row>
    <row r="3919" spans="1:12">
      <c r="A3919" s="6" t="s">
        <v>49</v>
      </c>
      <c r="B3919" s="6"/>
      <c r="C3919" s="6" t="s">
        <v>3936</v>
      </c>
      <c r="D3919" s="6"/>
      <c r="E3919" s="6" t="s">
        <v>9</v>
      </c>
      <c r="F3919" s="7">
        <v>38657</v>
      </c>
      <c r="G3919" s="8">
        <v>1</v>
      </c>
      <c r="H3919" s="8">
        <v>1</v>
      </c>
      <c r="I3919" s="8">
        <v>0</v>
      </c>
      <c r="J3919" s="8">
        <v>1</v>
      </c>
      <c r="K3919" s="9">
        <v>178</v>
      </c>
      <c r="L3919" s="6" t="s">
        <v>51</v>
      </c>
    </row>
    <row r="3920" spans="1:12">
      <c r="A3920" s="6" t="s">
        <v>49</v>
      </c>
      <c r="B3920" s="6"/>
      <c r="C3920" s="6" t="s">
        <v>3937</v>
      </c>
      <c r="D3920" s="6"/>
      <c r="E3920" s="6" t="s">
        <v>9</v>
      </c>
      <c r="F3920" s="7">
        <v>38657</v>
      </c>
      <c r="G3920" s="8">
        <v>1</v>
      </c>
      <c r="H3920" s="8">
        <v>1</v>
      </c>
      <c r="I3920" s="8">
        <v>0</v>
      </c>
      <c r="J3920" s="8">
        <v>1</v>
      </c>
      <c r="K3920" s="9">
        <v>182</v>
      </c>
      <c r="L3920" s="6" t="s">
        <v>51</v>
      </c>
    </row>
    <row r="3921" spans="1:12">
      <c r="A3921" s="6" t="s">
        <v>49</v>
      </c>
      <c r="B3921" s="6"/>
      <c r="C3921" s="6" t="s">
        <v>3938</v>
      </c>
      <c r="D3921" s="6"/>
      <c r="E3921" s="6" t="s">
        <v>9</v>
      </c>
      <c r="F3921" s="7">
        <v>38657</v>
      </c>
      <c r="G3921" s="8">
        <v>1</v>
      </c>
      <c r="H3921" s="8">
        <v>1</v>
      </c>
      <c r="I3921" s="8">
        <v>0</v>
      </c>
      <c r="J3921" s="8">
        <v>1</v>
      </c>
      <c r="K3921" s="9">
        <v>135</v>
      </c>
      <c r="L3921" s="6" t="s">
        <v>51</v>
      </c>
    </row>
    <row r="3922" spans="1:12">
      <c r="A3922" s="6" t="s">
        <v>49</v>
      </c>
      <c r="B3922" s="6"/>
      <c r="C3922" s="6" t="s">
        <v>3939</v>
      </c>
      <c r="D3922" s="6"/>
      <c r="E3922" s="6" t="s">
        <v>9</v>
      </c>
      <c r="F3922" s="7">
        <v>38657</v>
      </c>
      <c r="G3922" s="8">
        <v>1</v>
      </c>
      <c r="H3922" s="8">
        <v>1</v>
      </c>
      <c r="I3922" s="8">
        <v>0</v>
      </c>
      <c r="J3922" s="8">
        <v>1</v>
      </c>
      <c r="K3922" s="9">
        <v>668</v>
      </c>
      <c r="L3922" s="6" t="s">
        <v>51</v>
      </c>
    </row>
    <row r="3923" spans="1:12">
      <c r="A3923" s="6" t="s">
        <v>49</v>
      </c>
      <c r="B3923" s="6"/>
      <c r="C3923" s="6" t="s">
        <v>3940</v>
      </c>
      <c r="D3923" s="6"/>
      <c r="E3923" s="6" t="s">
        <v>9</v>
      </c>
      <c r="F3923" s="7">
        <v>38657</v>
      </c>
      <c r="G3923" s="8">
        <v>1</v>
      </c>
      <c r="H3923" s="8">
        <v>1</v>
      </c>
      <c r="I3923" s="8">
        <v>0</v>
      </c>
      <c r="J3923" s="8">
        <v>1</v>
      </c>
      <c r="K3923" s="9">
        <v>647</v>
      </c>
      <c r="L3923" s="6" t="s">
        <v>51</v>
      </c>
    </row>
    <row r="3924" spans="1:12">
      <c r="A3924" s="6" t="s">
        <v>49</v>
      </c>
      <c r="B3924" s="6"/>
      <c r="C3924" s="6" t="s">
        <v>3941</v>
      </c>
      <c r="D3924" s="6"/>
      <c r="E3924" s="6" t="s">
        <v>9</v>
      </c>
      <c r="F3924" s="7">
        <v>38657</v>
      </c>
      <c r="G3924" s="8">
        <v>1</v>
      </c>
      <c r="H3924" s="8">
        <v>1</v>
      </c>
      <c r="I3924" s="8">
        <v>0</v>
      </c>
      <c r="J3924" s="8">
        <v>1</v>
      </c>
      <c r="K3924" s="9">
        <v>8.02</v>
      </c>
      <c r="L3924" s="6" t="s">
        <v>51</v>
      </c>
    </row>
    <row r="3925" spans="1:12">
      <c r="A3925" s="6" t="s">
        <v>49</v>
      </c>
      <c r="B3925" s="6"/>
      <c r="C3925" s="6" t="s">
        <v>3942</v>
      </c>
      <c r="D3925" s="6"/>
      <c r="E3925" s="6" t="s">
        <v>9</v>
      </c>
      <c r="F3925" s="7">
        <v>38657</v>
      </c>
      <c r="G3925" s="8">
        <v>1</v>
      </c>
      <c r="H3925" s="8">
        <v>1</v>
      </c>
      <c r="I3925" s="8">
        <v>0</v>
      </c>
      <c r="J3925" s="8">
        <v>1</v>
      </c>
      <c r="K3925" s="9">
        <v>112</v>
      </c>
      <c r="L3925" s="6" t="s">
        <v>51</v>
      </c>
    </row>
    <row r="3926" spans="1:12">
      <c r="A3926" s="6" t="s">
        <v>49</v>
      </c>
      <c r="B3926" s="6"/>
      <c r="C3926" s="6" t="s">
        <v>3943</v>
      </c>
      <c r="D3926" s="6"/>
      <c r="E3926" s="6" t="s">
        <v>9</v>
      </c>
      <c r="F3926" s="7">
        <v>38657</v>
      </c>
      <c r="G3926" s="8">
        <v>1</v>
      </c>
      <c r="H3926" s="8">
        <v>1</v>
      </c>
      <c r="I3926" s="8">
        <v>0</v>
      </c>
      <c r="J3926" s="8">
        <v>1</v>
      </c>
      <c r="K3926" s="9">
        <v>126</v>
      </c>
      <c r="L3926" s="6" t="s">
        <v>51</v>
      </c>
    </row>
    <row r="3927" spans="1:12">
      <c r="A3927" s="6" t="s">
        <v>49</v>
      </c>
      <c r="B3927" s="6"/>
      <c r="C3927" s="6" t="s">
        <v>3944</v>
      </c>
      <c r="D3927" s="6"/>
      <c r="E3927" s="6" t="s">
        <v>9</v>
      </c>
      <c r="F3927" s="7">
        <v>38657</v>
      </c>
      <c r="G3927" s="8">
        <v>1</v>
      </c>
      <c r="H3927" s="8">
        <v>1</v>
      </c>
      <c r="I3927" s="8">
        <v>0</v>
      </c>
      <c r="J3927" s="8">
        <v>1</v>
      </c>
      <c r="K3927" s="9">
        <v>422</v>
      </c>
      <c r="L3927" s="6" t="s">
        <v>51</v>
      </c>
    </row>
    <row r="3928" spans="1:12">
      <c r="A3928" s="6" t="s">
        <v>49</v>
      </c>
      <c r="B3928" s="6"/>
      <c r="C3928" s="6" t="s">
        <v>3945</v>
      </c>
      <c r="D3928" s="6"/>
      <c r="E3928" s="6" t="s">
        <v>9</v>
      </c>
      <c r="F3928" s="7">
        <v>38657</v>
      </c>
      <c r="G3928" s="8">
        <v>1</v>
      </c>
      <c r="H3928" s="8">
        <v>1</v>
      </c>
      <c r="I3928" s="8">
        <v>0</v>
      </c>
      <c r="J3928" s="8">
        <v>1</v>
      </c>
      <c r="K3928" s="9">
        <v>141</v>
      </c>
      <c r="L3928" s="6" t="s">
        <v>51</v>
      </c>
    </row>
    <row r="3929" spans="1:12">
      <c r="A3929" s="6" t="s">
        <v>49</v>
      </c>
      <c r="B3929" s="6"/>
      <c r="C3929" s="6" t="s">
        <v>3946</v>
      </c>
      <c r="D3929" s="6"/>
      <c r="E3929" s="6" t="s">
        <v>9</v>
      </c>
      <c r="F3929" s="7">
        <v>38657</v>
      </c>
      <c r="G3929" s="8">
        <v>1</v>
      </c>
      <c r="H3929" s="8">
        <v>1</v>
      </c>
      <c r="I3929" s="8">
        <v>0</v>
      </c>
      <c r="J3929" s="8">
        <v>1</v>
      </c>
      <c r="K3929" s="9">
        <v>147</v>
      </c>
      <c r="L3929" s="6" t="s">
        <v>51</v>
      </c>
    </row>
    <row r="3930" spans="1:12">
      <c r="A3930" s="6" t="s">
        <v>49</v>
      </c>
      <c r="B3930" s="6"/>
      <c r="C3930" s="6" t="s">
        <v>3947</v>
      </c>
      <c r="D3930" s="6"/>
      <c r="E3930" s="6" t="s">
        <v>9</v>
      </c>
      <c r="F3930" s="7">
        <v>38657</v>
      </c>
      <c r="G3930" s="8">
        <v>1</v>
      </c>
      <c r="H3930" s="8">
        <v>1</v>
      </c>
      <c r="I3930" s="8">
        <v>0</v>
      </c>
      <c r="J3930" s="8">
        <v>1</v>
      </c>
      <c r="K3930" s="9">
        <v>147</v>
      </c>
      <c r="L3930" s="6" t="s">
        <v>51</v>
      </c>
    </row>
    <row r="3931" spans="1:12">
      <c r="A3931" s="6" t="s">
        <v>49</v>
      </c>
      <c r="B3931" s="6"/>
      <c r="C3931" s="6" t="s">
        <v>3948</v>
      </c>
      <c r="D3931" s="6"/>
      <c r="E3931" s="6" t="s">
        <v>9</v>
      </c>
      <c r="F3931" s="7">
        <v>38657</v>
      </c>
      <c r="G3931" s="8">
        <v>1</v>
      </c>
      <c r="H3931" s="8">
        <v>1</v>
      </c>
      <c r="I3931" s="8">
        <v>0</v>
      </c>
      <c r="J3931" s="8">
        <v>1</v>
      </c>
      <c r="K3931" s="9">
        <v>148</v>
      </c>
      <c r="L3931" s="6" t="s">
        <v>51</v>
      </c>
    </row>
    <row r="3932" spans="1:12">
      <c r="A3932" s="6" t="s">
        <v>49</v>
      </c>
      <c r="B3932" s="6"/>
      <c r="C3932" s="6" t="s">
        <v>3949</v>
      </c>
      <c r="D3932" s="6"/>
      <c r="E3932" s="6" t="s">
        <v>9</v>
      </c>
      <c r="F3932" s="7">
        <v>38657</v>
      </c>
      <c r="G3932" s="8">
        <v>1</v>
      </c>
      <c r="H3932" s="8">
        <v>1</v>
      </c>
      <c r="I3932" s="8">
        <v>0</v>
      </c>
      <c r="J3932" s="8">
        <v>1</v>
      </c>
      <c r="K3932" s="9">
        <v>150</v>
      </c>
      <c r="L3932" s="6" t="s">
        <v>51</v>
      </c>
    </row>
    <row r="3933" spans="1:12">
      <c r="A3933" s="6" t="s">
        <v>49</v>
      </c>
      <c r="B3933" s="6"/>
      <c r="C3933" s="6" t="s">
        <v>3950</v>
      </c>
      <c r="D3933" s="6"/>
      <c r="E3933" s="6" t="s">
        <v>9</v>
      </c>
      <c r="F3933" s="7">
        <v>38657</v>
      </c>
      <c r="G3933" s="8">
        <v>1</v>
      </c>
      <c r="H3933" s="8">
        <v>1</v>
      </c>
      <c r="I3933" s="8">
        <v>0</v>
      </c>
      <c r="J3933" s="8">
        <v>1</v>
      </c>
      <c r="K3933" s="9">
        <v>150</v>
      </c>
      <c r="L3933" s="6" t="s">
        <v>51</v>
      </c>
    </row>
    <row r="3934" spans="1:12">
      <c r="A3934" s="6" t="s">
        <v>49</v>
      </c>
      <c r="B3934" s="6"/>
      <c r="C3934" s="6" t="s">
        <v>3951</v>
      </c>
      <c r="D3934" s="6"/>
      <c r="E3934" s="6" t="s">
        <v>9</v>
      </c>
      <c r="F3934" s="7">
        <v>38657</v>
      </c>
      <c r="G3934" s="8">
        <v>1</v>
      </c>
      <c r="H3934" s="8">
        <v>1</v>
      </c>
      <c r="I3934" s="8">
        <v>0</v>
      </c>
      <c r="J3934" s="8">
        <v>1</v>
      </c>
      <c r="K3934" s="9">
        <v>153</v>
      </c>
      <c r="L3934" s="6" t="s">
        <v>51</v>
      </c>
    </row>
    <row r="3935" spans="1:12">
      <c r="A3935" s="6" t="s">
        <v>49</v>
      </c>
      <c r="B3935" s="6"/>
      <c r="C3935" s="6" t="s">
        <v>3952</v>
      </c>
      <c r="D3935" s="6"/>
      <c r="E3935" s="6" t="s">
        <v>9</v>
      </c>
      <c r="F3935" s="7">
        <v>38657</v>
      </c>
      <c r="G3935" s="8">
        <v>1</v>
      </c>
      <c r="H3935" s="8">
        <v>1</v>
      </c>
      <c r="I3935" s="8">
        <v>0</v>
      </c>
      <c r="J3935" s="8">
        <v>1</v>
      </c>
      <c r="K3935" s="9">
        <v>151</v>
      </c>
      <c r="L3935" s="6" t="s">
        <v>51</v>
      </c>
    </row>
    <row r="3936" spans="1:12">
      <c r="A3936" s="6" t="s">
        <v>49</v>
      </c>
      <c r="B3936" s="6"/>
      <c r="C3936" s="6" t="s">
        <v>3953</v>
      </c>
      <c r="D3936" s="6"/>
      <c r="E3936" s="6" t="s">
        <v>9</v>
      </c>
      <c r="F3936" s="7">
        <v>38657</v>
      </c>
      <c r="G3936" s="8">
        <v>1</v>
      </c>
      <c r="H3936" s="8">
        <v>1</v>
      </c>
      <c r="I3936" s="8">
        <v>0</v>
      </c>
      <c r="J3936" s="8">
        <v>1</v>
      </c>
      <c r="K3936" s="9">
        <v>47</v>
      </c>
      <c r="L3936" s="6" t="s">
        <v>51</v>
      </c>
    </row>
    <row r="3937" spans="1:12">
      <c r="A3937" s="6" t="s">
        <v>49</v>
      </c>
      <c r="B3937" s="6"/>
      <c r="C3937" s="6" t="s">
        <v>3954</v>
      </c>
      <c r="D3937" s="6"/>
      <c r="E3937" s="6" t="s">
        <v>9</v>
      </c>
      <c r="F3937" s="7">
        <v>38657</v>
      </c>
      <c r="G3937" s="8">
        <v>1</v>
      </c>
      <c r="H3937" s="8">
        <v>1</v>
      </c>
      <c r="I3937" s="8">
        <v>0</v>
      </c>
      <c r="J3937" s="8">
        <v>1</v>
      </c>
      <c r="K3937" s="9">
        <v>68</v>
      </c>
      <c r="L3937" s="6" t="s">
        <v>51</v>
      </c>
    </row>
    <row r="3938" spans="1:12">
      <c r="A3938" s="6" t="s">
        <v>49</v>
      </c>
      <c r="B3938" s="6"/>
      <c r="C3938" s="6" t="s">
        <v>3955</v>
      </c>
      <c r="D3938" s="6"/>
      <c r="E3938" s="6" t="s">
        <v>9</v>
      </c>
      <c r="F3938" s="7">
        <v>38657</v>
      </c>
      <c r="G3938" s="8">
        <v>1</v>
      </c>
      <c r="H3938" s="8">
        <v>1</v>
      </c>
      <c r="I3938" s="8">
        <v>0</v>
      </c>
      <c r="J3938" s="8">
        <v>1</v>
      </c>
      <c r="K3938" s="9">
        <v>40</v>
      </c>
      <c r="L3938" s="6" t="s">
        <v>51</v>
      </c>
    </row>
    <row r="3939" spans="1:12">
      <c r="A3939" s="6" t="s">
        <v>49</v>
      </c>
      <c r="B3939" s="6"/>
      <c r="C3939" s="6" t="s">
        <v>3956</v>
      </c>
      <c r="D3939" s="6"/>
      <c r="E3939" s="6" t="s">
        <v>9</v>
      </c>
      <c r="F3939" s="7">
        <v>38657</v>
      </c>
      <c r="G3939" s="8">
        <v>1</v>
      </c>
      <c r="H3939" s="8">
        <v>1</v>
      </c>
      <c r="I3939" s="8">
        <v>0</v>
      </c>
      <c r="J3939" s="8">
        <v>1</v>
      </c>
      <c r="K3939" s="9">
        <v>179</v>
      </c>
      <c r="L3939" s="6" t="s">
        <v>51</v>
      </c>
    </row>
    <row r="3940" spans="1:12">
      <c r="A3940" s="6" t="s">
        <v>49</v>
      </c>
      <c r="B3940" s="6"/>
      <c r="C3940" s="6" t="s">
        <v>3957</v>
      </c>
      <c r="D3940" s="6"/>
      <c r="E3940" s="6" t="s">
        <v>9</v>
      </c>
      <c r="F3940" s="7">
        <v>38657</v>
      </c>
      <c r="G3940" s="8">
        <v>1</v>
      </c>
      <c r="H3940" s="8">
        <v>1</v>
      </c>
      <c r="I3940" s="8">
        <v>0</v>
      </c>
      <c r="J3940" s="8">
        <v>1</v>
      </c>
      <c r="K3940" s="9">
        <v>58</v>
      </c>
      <c r="L3940" s="6" t="s">
        <v>51</v>
      </c>
    </row>
    <row r="3941" spans="1:12">
      <c r="A3941" s="6" t="s">
        <v>49</v>
      </c>
      <c r="B3941" s="6"/>
      <c r="C3941" s="6" t="s">
        <v>3958</v>
      </c>
      <c r="D3941" s="6"/>
      <c r="E3941" s="6" t="s">
        <v>9</v>
      </c>
      <c r="F3941" s="7">
        <v>38657</v>
      </c>
      <c r="G3941" s="8">
        <v>1</v>
      </c>
      <c r="H3941" s="8">
        <v>1</v>
      </c>
      <c r="I3941" s="8">
        <v>0</v>
      </c>
      <c r="J3941" s="8">
        <v>1</v>
      </c>
      <c r="K3941" s="9">
        <v>1361</v>
      </c>
      <c r="L3941" s="6" t="s">
        <v>51</v>
      </c>
    </row>
    <row r="3942" spans="1:12">
      <c r="A3942" s="6" t="s">
        <v>49</v>
      </c>
      <c r="B3942" s="6"/>
      <c r="C3942" s="6" t="s">
        <v>3959</v>
      </c>
      <c r="D3942" s="6"/>
      <c r="E3942" s="6" t="s">
        <v>9</v>
      </c>
      <c r="F3942" s="7">
        <v>38657</v>
      </c>
      <c r="G3942" s="8">
        <v>1</v>
      </c>
      <c r="H3942" s="8">
        <v>1</v>
      </c>
      <c r="I3942" s="8">
        <v>0</v>
      </c>
      <c r="J3942" s="8">
        <v>1</v>
      </c>
      <c r="K3942" s="9">
        <v>828</v>
      </c>
      <c r="L3942" s="6" t="s">
        <v>51</v>
      </c>
    </row>
    <row r="3943" spans="1:12">
      <c r="A3943" s="6" t="s">
        <v>49</v>
      </c>
      <c r="B3943" s="6"/>
      <c r="C3943" s="6" t="s">
        <v>3960</v>
      </c>
      <c r="D3943" s="6"/>
      <c r="E3943" s="6" t="s">
        <v>9</v>
      </c>
      <c r="F3943" s="7">
        <v>38657</v>
      </c>
      <c r="G3943" s="8">
        <v>1</v>
      </c>
      <c r="H3943" s="8">
        <v>1</v>
      </c>
      <c r="I3943" s="8">
        <v>0</v>
      </c>
      <c r="J3943" s="8">
        <v>1</v>
      </c>
      <c r="K3943" s="9">
        <v>995</v>
      </c>
      <c r="L3943" s="6" t="s">
        <v>51</v>
      </c>
    </row>
    <row r="3944" spans="1:12">
      <c r="A3944" s="6" t="s">
        <v>49</v>
      </c>
      <c r="B3944" s="6"/>
      <c r="C3944" s="6" t="s">
        <v>3961</v>
      </c>
      <c r="D3944" s="6"/>
      <c r="E3944" s="6" t="s">
        <v>9</v>
      </c>
      <c r="F3944" s="7">
        <v>38657</v>
      </c>
      <c r="G3944" s="8">
        <v>1</v>
      </c>
      <c r="H3944" s="8">
        <v>1</v>
      </c>
      <c r="I3944" s="8">
        <v>0</v>
      </c>
      <c r="J3944" s="8">
        <v>1</v>
      </c>
      <c r="K3944" s="9">
        <v>1165</v>
      </c>
      <c r="L3944" s="6" t="s">
        <v>51</v>
      </c>
    </row>
    <row r="3945" spans="1:12">
      <c r="A3945" s="6" t="s">
        <v>49</v>
      </c>
      <c r="B3945" s="6"/>
      <c r="C3945" s="6" t="s">
        <v>3962</v>
      </c>
      <c r="D3945" s="6"/>
      <c r="E3945" s="6" t="s">
        <v>9</v>
      </c>
      <c r="F3945" s="7">
        <v>38657</v>
      </c>
      <c r="G3945" s="8">
        <v>1</v>
      </c>
      <c r="H3945" s="8">
        <v>1</v>
      </c>
      <c r="I3945" s="8">
        <v>0</v>
      </c>
      <c r="J3945" s="8">
        <v>1</v>
      </c>
      <c r="K3945" s="9">
        <v>830</v>
      </c>
      <c r="L3945" s="6" t="s">
        <v>51</v>
      </c>
    </row>
    <row r="3946" spans="1:12">
      <c r="A3946" s="6" t="s">
        <v>49</v>
      </c>
      <c r="B3946" s="6"/>
      <c r="C3946" s="6" t="s">
        <v>3963</v>
      </c>
      <c r="D3946" s="6"/>
      <c r="E3946" s="6" t="s">
        <v>9</v>
      </c>
      <c r="F3946" s="7">
        <v>38657</v>
      </c>
      <c r="G3946" s="8">
        <v>1</v>
      </c>
      <c r="H3946" s="8">
        <v>1</v>
      </c>
      <c r="I3946" s="8">
        <v>0</v>
      </c>
      <c r="J3946" s="8">
        <v>1</v>
      </c>
      <c r="K3946" s="9">
        <v>737</v>
      </c>
      <c r="L3946" s="6" t="s">
        <v>51</v>
      </c>
    </row>
    <row r="3947" spans="1:12">
      <c r="A3947" s="6" t="s">
        <v>49</v>
      </c>
      <c r="B3947" s="6"/>
      <c r="C3947" s="6" t="s">
        <v>3964</v>
      </c>
      <c r="D3947" s="6"/>
      <c r="E3947" s="6" t="s">
        <v>9</v>
      </c>
      <c r="F3947" s="7">
        <v>38657</v>
      </c>
      <c r="G3947" s="8">
        <v>1</v>
      </c>
      <c r="H3947" s="8">
        <v>1</v>
      </c>
      <c r="I3947" s="8">
        <v>0</v>
      </c>
      <c r="J3947" s="8">
        <v>1</v>
      </c>
      <c r="K3947" s="9">
        <v>657</v>
      </c>
      <c r="L3947" s="6" t="s">
        <v>51</v>
      </c>
    </row>
    <row r="3948" spans="1:12">
      <c r="A3948" s="6" t="s">
        <v>49</v>
      </c>
      <c r="B3948" s="6"/>
      <c r="C3948" s="6" t="s">
        <v>3965</v>
      </c>
      <c r="D3948" s="6"/>
      <c r="E3948" s="6" t="s">
        <v>9</v>
      </c>
      <c r="F3948" s="7">
        <v>38657</v>
      </c>
      <c r="G3948" s="8">
        <v>1</v>
      </c>
      <c r="H3948" s="8">
        <v>1</v>
      </c>
      <c r="I3948" s="8">
        <v>0</v>
      </c>
      <c r="J3948" s="8">
        <v>1</v>
      </c>
      <c r="K3948" s="9">
        <v>61</v>
      </c>
      <c r="L3948" s="6" t="s">
        <v>51</v>
      </c>
    </row>
    <row r="3949" spans="1:12">
      <c r="A3949" s="6" t="s">
        <v>49</v>
      </c>
      <c r="B3949" s="6"/>
      <c r="C3949" s="6" t="s">
        <v>3966</v>
      </c>
      <c r="D3949" s="6"/>
      <c r="E3949" s="6" t="s">
        <v>9</v>
      </c>
      <c r="F3949" s="7">
        <v>38657</v>
      </c>
      <c r="G3949" s="8">
        <v>1</v>
      </c>
      <c r="H3949" s="8">
        <v>1</v>
      </c>
      <c r="I3949" s="8">
        <v>0</v>
      </c>
      <c r="J3949" s="8">
        <v>1</v>
      </c>
      <c r="K3949" s="9">
        <v>1943</v>
      </c>
      <c r="L3949" s="6" t="s">
        <v>51</v>
      </c>
    </row>
    <row r="3950" spans="1:12">
      <c r="A3950" s="6" t="s">
        <v>49</v>
      </c>
      <c r="B3950" s="6"/>
      <c r="C3950" s="6" t="s">
        <v>3967</v>
      </c>
      <c r="D3950" s="6"/>
      <c r="E3950" s="6" t="s">
        <v>9</v>
      </c>
      <c r="F3950" s="7">
        <v>38657</v>
      </c>
      <c r="G3950" s="8">
        <v>1</v>
      </c>
      <c r="H3950" s="8">
        <v>1</v>
      </c>
      <c r="I3950" s="8">
        <v>0</v>
      </c>
      <c r="J3950" s="8">
        <v>1</v>
      </c>
      <c r="K3950" s="9">
        <v>176</v>
      </c>
      <c r="L3950" s="6" t="s">
        <v>51</v>
      </c>
    </row>
    <row r="3951" spans="1:12">
      <c r="A3951" s="6" t="s">
        <v>49</v>
      </c>
      <c r="B3951" s="6"/>
      <c r="C3951" s="6" t="s">
        <v>3968</v>
      </c>
      <c r="D3951" s="6"/>
      <c r="E3951" s="6" t="s">
        <v>9</v>
      </c>
      <c r="F3951" s="7">
        <v>38657</v>
      </c>
      <c r="G3951" s="8">
        <v>1</v>
      </c>
      <c r="H3951" s="8">
        <v>1</v>
      </c>
      <c r="I3951" s="8">
        <v>0</v>
      </c>
      <c r="J3951" s="8">
        <v>1</v>
      </c>
      <c r="K3951" s="9">
        <v>1262</v>
      </c>
      <c r="L3951" s="6" t="s">
        <v>51</v>
      </c>
    </row>
    <row r="3952" spans="1:12">
      <c r="A3952" s="6" t="s">
        <v>49</v>
      </c>
      <c r="B3952" s="6"/>
      <c r="C3952" s="6" t="s">
        <v>3969</v>
      </c>
      <c r="D3952" s="6"/>
      <c r="E3952" s="6" t="s">
        <v>9</v>
      </c>
      <c r="F3952" s="7">
        <v>38657</v>
      </c>
      <c r="G3952" s="8">
        <v>1</v>
      </c>
      <c r="H3952" s="8">
        <v>1</v>
      </c>
      <c r="I3952" s="8">
        <v>0</v>
      </c>
      <c r="J3952" s="8">
        <v>1</v>
      </c>
      <c r="K3952" s="9">
        <v>177</v>
      </c>
      <c r="L3952" s="6" t="s">
        <v>51</v>
      </c>
    </row>
    <row r="3953" spans="1:12">
      <c r="A3953" s="6" t="s">
        <v>49</v>
      </c>
      <c r="B3953" s="6"/>
      <c r="C3953" s="6" t="s">
        <v>3970</v>
      </c>
      <c r="D3953" s="6"/>
      <c r="E3953" s="6" t="s">
        <v>9</v>
      </c>
      <c r="F3953" s="7">
        <v>38657</v>
      </c>
      <c r="G3953" s="8">
        <v>1</v>
      </c>
      <c r="H3953" s="8">
        <v>1</v>
      </c>
      <c r="I3953" s="8">
        <v>0</v>
      </c>
      <c r="J3953" s="8">
        <v>1</v>
      </c>
      <c r="K3953" s="9">
        <v>1309</v>
      </c>
      <c r="L3953" s="6" t="s">
        <v>51</v>
      </c>
    </row>
    <row r="3954" spans="1:12">
      <c r="A3954" s="6" t="s">
        <v>49</v>
      </c>
      <c r="B3954" s="6"/>
      <c r="C3954" s="6" t="s">
        <v>3971</v>
      </c>
      <c r="D3954" s="6"/>
      <c r="E3954" s="6" t="s">
        <v>9</v>
      </c>
      <c r="F3954" s="7">
        <v>38657</v>
      </c>
      <c r="G3954" s="8">
        <v>1</v>
      </c>
      <c r="H3954" s="8">
        <v>1</v>
      </c>
      <c r="I3954" s="8">
        <v>0</v>
      </c>
      <c r="J3954" s="8">
        <v>1</v>
      </c>
      <c r="K3954" s="9">
        <v>177</v>
      </c>
      <c r="L3954" s="6" t="s">
        <v>51</v>
      </c>
    </row>
    <row r="3955" spans="1:12">
      <c r="A3955" s="6" t="s">
        <v>49</v>
      </c>
      <c r="B3955" s="6"/>
      <c r="C3955" s="6" t="s">
        <v>3972</v>
      </c>
      <c r="D3955" s="6"/>
      <c r="E3955" s="6" t="s">
        <v>9</v>
      </c>
      <c r="F3955" s="7">
        <v>38657</v>
      </c>
      <c r="G3955" s="8">
        <v>1</v>
      </c>
      <c r="H3955" s="8">
        <v>1</v>
      </c>
      <c r="I3955" s="8">
        <v>0</v>
      </c>
      <c r="J3955" s="8">
        <v>1</v>
      </c>
      <c r="K3955" s="9">
        <v>1237</v>
      </c>
      <c r="L3955" s="6" t="s">
        <v>51</v>
      </c>
    </row>
    <row r="3956" spans="1:12">
      <c r="A3956" s="6" t="s">
        <v>49</v>
      </c>
      <c r="B3956" s="6"/>
      <c r="C3956" s="6" t="s">
        <v>3973</v>
      </c>
      <c r="D3956" s="6"/>
      <c r="E3956" s="6" t="s">
        <v>9</v>
      </c>
      <c r="F3956" s="7">
        <v>38657</v>
      </c>
      <c r="G3956" s="8">
        <v>1</v>
      </c>
      <c r="H3956" s="8">
        <v>1</v>
      </c>
      <c r="I3956" s="8">
        <v>0</v>
      </c>
      <c r="J3956" s="8">
        <v>1</v>
      </c>
      <c r="K3956" s="9">
        <v>179</v>
      </c>
      <c r="L3956" s="6" t="s">
        <v>51</v>
      </c>
    </row>
    <row r="3957" spans="1:12">
      <c r="A3957" s="6" t="s">
        <v>49</v>
      </c>
      <c r="B3957" s="6"/>
      <c r="C3957" s="6" t="s">
        <v>3974</v>
      </c>
      <c r="D3957" s="6"/>
      <c r="E3957" s="6" t="s">
        <v>9</v>
      </c>
      <c r="F3957" s="7">
        <v>38657</v>
      </c>
      <c r="G3957" s="8">
        <v>1</v>
      </c>
      <c r="H3957" s="8">
        <v>1</v>
      </c>
      <c r="I3957" s="8">
        <v>0</v>
      </c>
      <c r="J3957" s="8">
        <v>1</v>
      </c>
      <c r="K3957" s="9">
        <v>1222</v>
      </c>
      <c r="L3957" s="6" t="s">
        <v>51</v>
      </c>
    </row>
    <row r="3958" spans="1:12">
      <c r="A3958" s="6" t="s">
        <v>49</v>
      </c>
      <c r="B3958" s="6"/>
      <c r="C3958" s="6" t="s">
        <v>3975</v>
      </c>
      <c r="D3958" s="6"/>
      <c r="E3958" s="6" t="s">
        <v>9</v>
      </c>
      <c r="F3958" s="7">
        <v>38657</v>
      </c>
      <c r="G3958" s="8">
        <v>1</v>
      </c>
      <c r="H3958" s="8">
        <v>1</v>
      </c>
      <c r="I3958" s="8">
        <v>0</v>
      </c>
      <c r="J3958" s="8">
        <v>1</v>
      </c>
      <c r="K3958" s="9">
        <v>46</v>
      </c>
      <c r="L3958" s="6" t="s">
        <v>51</v>
      </c>
    </row>
    <row r="3959" spans="1:12">
      <c r="A3959" s="6" t="s">
        <v>49</v>
      </c>
      <c r="B3959" s="6"/>
      <c r="C3959" s="6" t="s">
        <v>3976</v>
      </c>
      <c r="D3959" s="6"/>
      <c r="E3959" s="6" t="s">
        <v>9</v>
      </c>
      <c r="F3959" s="7">
        <v>38657</v>
      </c>
      <c r="G3959" s="8">
        <v>1</v>
      </c>
      <c r="H3959" s="8">
        <v>1</v>
      </c>
      <c r="I3959" s="8">
        <v>0</v>
      </c>
      <c r="J3959" s="8">
        <v>1</v>
      </c>
      <c r="K3959" s="9">
        <v>31</v>
      </c>
      <c r="L3959" s="6" t="s">
        <v>51</v>
      </c>
    </row>
    <row r="3960" spans="1:12">
      <c r="A3960" s="6" t="s">
        <v>49</v>
      </c>
      <c r="B3960" s="6"/>
      <c r="C3960" s="6" t="s">
        <v>3977</v>
      </c>
      <c r="D3960" s="6"/>
      <c r="E3960" s="6" t="s">
        <v>9</v>
      </c>
      <c r="F3960" s="7">
        <v>38657</v>
      </c>
      <c r="G3960" s="8">
        <v>1</v>
      </c>
      <c r="H3960" s="8">
        <v>1</v>
      </c>
      <c r="I3960" s="8">
        <v>0</v>
      </c>
      <c r="J3960" s="8">
        <v>1</v>
      </c>
      <c r="K3960" s="9">
        <v>112</v>
      </c>
      <c r="L3960" s="6" t="s">
        <v>51</v>
      </c>
    </row>
    <row r="3961" spans="1:12">
      <c r="A3961" s="6" t="s">
        <v>49</v>
      </c>
      <c r="B3961" s="6"/>
      <c r="C3961" s="6" t="s">
        <v>3978</v>
      </c>
      <c r="D3961" s="6"/>
      <c r="E3961" s="6" t="s">
        <v>9</v>
      </c>
      <c r="F3961" s="7">
        <v>38657</v>
      </c>
      <c r="G3961" s="8">
        <v>1</v>
      </c>
      <c r="H3961" s="8">
        <v>1</v>
      </c>
      <c r="I3961" s="8">
        <v>0</v>
      </c>
      <c r="J3961" s="8">
        <v>1</v>
      </c>
      <c r="K3961" s="9">
        <v>151</v>
      </c>
      <c r="L3961" s="6" t="s">
        <v>51</v>
      </c>
    </row>
    <row r="3962" spans="1:12">
      <c r="A3962" s="6" t="s">
        <v>49</v>
      </c>
      <c r="B3962" s="6"/>
      <c r="C3962" s="6" t="s">
        <v>3979</v>
      </c>
      <c r="D3962" s="6"/>
      <c r="E3962" s="6" t="s">
        <v>9</v>
      </c>
      <c r="F3962" s="7">
        <v>38657</v>
      </c>
      <c r="G3962" s="8">
        <v>1</v>
      </c>
      <c r="H3962" s="8">
        <v>1</v>
      </c>
      <c r="I3962" s="8">
        <v>0</v>
      </c>
      <c r="J3962" s="8">
        <v>1</v>
      </c>
      <c r="K3962" s="9">
        <v>253</v>
      </c>
      <c r="L3962" s="6" t="s">
        <v>51</v>
      </c>
    </row>
    <row r="3963" spans="1:12">
      <c r="A3963" s="6" t="s">
        <v>49</v>
      </c>
      <c r="B3963" s="6"/>
      <c r="C3963" s="6" t="s">
        <v>3980</v>
      </c>
      <c r="D3963" s="6"/>
      <c r="E3963" s="6" t="s">
        <v>9</v>
      </c>
      <c r="F3963" s="7">
        <v>38657</v>
      </c>
      <c r="G3963" s="8">
        <v>1</v>
      </c>
      <c r="H3963" s="8">
        <v>1</v>
      </c>
      <c r="I3963" s="8">
        <v>0</v>
      </c>
      <c r="J3963" s="8">
        <v>1</v>
      </c>
      <c r="K3963" s="9">
        <v>4.8</v>
      </c>
      <c r="L3963" s="6" t="s">
        <v>51</v>
      </c>
    </row>
    <row r="3964" spans="1:12">
      <c r="A3964" s="6" t="s">
        <v>49</v>
      </c>
      <c r="B3964" s="6"/>
      <c r="C3964" s="6" t="s">
        <v>3981</v>
      </c>
      <c r="D3964" s="6"/>
      <c r="E3964" s="6" t="s">
        <v>9</v>
      </c>
      <c r="F3964" s="7">
        <v>38657</v>
      </c>
      <c r="G3964" s="8">
        <v>1</v>
      </c>
      <c r="H3964" s="8">
        <v>1</v>
      </c>
      <c r="I3964" s="8">
        <v>0</v>
      </c>
      <c r="J3964" s="8">
        <v>1</v>
      </c>
      <c r="K3964" s="9">
        <v>5.77</v>
      </c>
      <c r="L3964" s="6" t="s">
        <v>51</v>
      </c>
    </row>
    <row r="3965" spans="1:12">
      <c r="A3965" s="6" t="s">
        <v>49</v>
      </c>
      <c r="B3965" s="6"/>
      <c r="C3965" s="6" t="s">
        <v>3982</v>
      </c>
      <c r="D3965" s="6"/>
      <c r="E3965" s="6" t="s">
        <v>9</v>
      </c>
      <c r="F3965" s="7">
        <v>38657</v>
      </c>
      <c r="G3965" s="8">
        <v>1</v>
      </c>
      <c r="H3965" s="8">
        <v>1</v>
      </c>
      <c r="I3965" s="8">
        <v>0</v>
      </c>
      <c r="J3965" s="8">
        <v>1</v>
      </c>
      <c r="K3965" s="9">
        <v>2.39</v>
      </c>
      <c r="L3965" s="6" t="s">
        <v>51</v>
      </c>
    </row>
    <row r="3966" spans="1:12">
      <c r="A3966" s="6" t="s">
        <v>49</v>
      </c>
      <c r="B3966" s="6"/>
      <c r="C3966" s="6" t="s">
        <v>3983</v>
      </c>
      <c r="D3966" s="6"/>
      <c r="E3966" s="6" t="s">
        <v>9</v>
      </c>
      <c r="F3966" s="7">
        <v>40057</v>
      </c>
      <c r="G3966" s="8">
        <v>1</v>
      </c>
      <c r="H3966" s="8">
        <v>1</v>
      </c>
      <c r="I3966" s="8">
        <v>0</v>
      </c>
      <c r="J3966" s="8">
        <v>1</v>
      </c>
      <c r="K3966" s="9">
        <v>19</v>
      </c>
      <c r="L3966" s="6" t="s">
        <v>51</v>
      </c>
    </row>
    <row r="3967" spans="1:12">
      <c r="A3967" s="6" t="s">
        <v>49</v>
      </c>
      <c r="B3967" s="6"/>
      <c r="C3967" s="6" t="s">
        <v>3984</v>
      </c>
      <c r="D3967" s="6"/>
      <c r="E3967" s="6" t="s">
        <v>9</v>
      </c>
      <c r="F3967" s="7">
        <v>38657</v>
      </c>
      <c r="G3967" s="8">
        <v>1</v>
      </c>
      <c r="H3967" s="8">
        <v>1</v>
      </c>
      <c r="I3967" s="8">
        <v>0</v>
      </c>
      <c r="J3967" s="8">
        <v>1</v>
      </c>
      <c r="K3967" s="9">
        <v>168</v>
      </c>
      <c r="L3967" s="6" t="s">
        <v>51</v>
      </c>
    </row>
    <row r="3968" spans="1:12">
      <c r="A3968" s="6" t="s">
        <v>49</v>
      </c>
      <c r="B3968" s="6"/>
      <c r="C3968" s="6" t="s">
        <v>3985</v>
      </c>
      <c r="D3968" s="6"/>
      <c r="E3968" s="6" t="s">
        <v>9</v>
      </c>
      <c r="F3968" s="7">
        <v>38657</v>
      </c>
      <c r="G3968" s="8">
        <v>1</v>
      </c>
      <c r="H3968" s="8">
        <v>1</v>
      </c>
      <c r="I3968" s="8">
        <v>0</v>
      </c>
      <c r="J3968" s="8">
        <v>1</v>
      </c>
      <c r="K3968" s="9">
        <v>61</v>
      </c>
      <c r="L3968" s="6" t="s">
        <v>51</v>
      </c>
    </row>
    <row r="3969" spans="1:12">
      <c r="A3969" s="6" t="s">
        <v>49</v>
      </c>
      <c r="B3969" s="6"/>
      <c r="C3969" s="6" t="s">
        <v>3986</v>
      </c>
      <c r="D3969" s="6"/>
      <c r="E3969" s="6" t="s">
        <v>9</v>
      </c>
      <c r="F3969" s="7">
        <v>38657</v>
      </c>
      <c r="G3969" s="8">
        <v>1</v>
      </c>
      <c r="H3969" s="8">
        <v>1</v>
      </c>
      <c r="I3969" s="8">
        <v>0</v>
      </c>
      <c r="J3969" s="8">
        <v>1</v>
      </c>
      <c r="K3969" s="9">
        <v>147</v>
      </c>
      <c r="L3969" s="6" t="s">
        <v>51</v>
      </c>
    </row>
    <row r="3970" spans="1:12">
      <c r="A3970" s="6" t="s">
        <v>49</v>
      </c>
      <c r="B3970" s="6"/>
      <c r="C3970" s="6" t="s">
        <v>3987</v>
      </c>
      <c r="D3970" s="6"/>
      <c r="E3970" s="6" t="s">
        <v>9</v>
      </c>
      <c r="F3970" s="7">
        <v>38657</v>
      </c>
      <c r="G3970" s="8">
        <v>1</v>
      </c>
      <c r="H3970" s="8">
        <v>1</v>
      </c>
      <c r="I3970" s="8">
        <v>0</v>
      </c>
      <c r="J3970" s="8">
        <v>1</v>
      </c>
      <c r="K3970" s="9">
        <v>45</v>
      </c>
      <c r="L3970" s="6" t="s">
        <v>51</v>
      </c>
    </row>
    <row r="3971" spans="1:12">
      <c r="A3971" s="6" t="s">
        <v>49</v>
      </c>
      <c r="B3971" s="6"/>
      <c r="C3971" s="6" t="s">
        <v>3988</v>
      </c>
      <c r="D3971" s="6"/>
      <c r="E3971" s="6" t="s">
        <v>9</v>
      </c>
      <c r="F3971" s="7">
        <v>38657</v>
      </c>
      <c r="G3971" s="8">
        <v>1</v>
      </c>
      <c r="H3971" s="8">
        <v>1</v>
      </c>
      <c r="I3971" s="8">
        <v>0</v>
      </c>
      <c r="J3971" s="8">
        <v>1</v>
      </c>
      <c r="K3971" s="9">
        <v>445</v>
      </c>
      <c r="L3971" s="6" t="s">
        <v>51</v>
      </c>
    </row>
    <row r="3972" spans="1:12">
      <c r="A3972" s="6" t="s">
        <v>49</v>
      </c>
      <c r="B3972" s="6"/>
      <c r="C3972" s="6" t="s">
        <v>3989</v>
      </c>
      <c r="D3972" s="6"/>
      <c r="E3972" s="6" t="s">
        <v>9</v>
      </c>
      <c r="F3972" s="7">
        <v>38657</v>
      </c>
      <c r="G3972" s="8">
        <v>1</v>
      </c>
      <c r="H3972" s="8">
        <v>1</v>
      </c>
      <c r="I3972" s="8">
        <v>0</v>
      </c>
      <c r="J3972" s="8">
        <v>1</v>
      </c>
      <c r="K3972" s="9">
        <v>337</v>
      </c>
      <c r="L3972" s="6" t="s">
        <v>51</v>
      </c>
    </row>
    <row r="3973" spans="1:12">
      <c r="A3973" s="6" t="s">
        <v>49</v>
      </c>
      <c r="B3973" s="6"/>
      <c r="C3973" s="6" t="s">
        <v>3990</v>
      </c>
      <c r="D3973" s="6"/>
      <c r="E3973" s="6" t="s">
        <v>9</v>
      </c>
      <c r="F3973" s="7">
        <v>38657</v>
      </c>
      <c r="G3973" s="8">
        <v>1</v>
      </c>
      <c r="H3973" s="8">
        <v>1</v>
      </c>
      <c r="I3973" s="8">
        <v>0</v>
      </c>
      <c r="J3973" s="8">
        <v>1</v>
      </c>
      <c r="K3973" s="9">
        <v>540</v>
      </c>
      <c r="L3973" s="6" t="s">
        <v>51</v>
      </c>
    </row>
    <row r="3974" spans="1:12">
      <c r="A3974" s="6" t="s">
        <v>49</v>
      </c>
      <c r="B3974" s="6"/>
      <c r="C3974" s="6" t="s">
        <v>3991</v>
      </c>
      <c r="D3974" s="6"/>
      <c r="E3974" s="6" t="s">
        <v>9</v>
      </c>
      <c r="F3974" s="7">
        <v>38657</v>
      </c>
      <c r="G3974" s="8">
        <v>1</v>
      </c>
      <c r="H3974" s="8">
        <v>1</v>
      </c>
      <c r="I3974" s="8">
        <v>0</v>
      </c>
      <c r="J3974" s="8">
        <v>1</v>
      </c>
      <c r="K3974" s="9">
        <v>75</v>
      </c>
      <c r="L3974" s="6" t="s">
        <v>51</v>
      </c>
    </row>
    <row r="3975" spans="1:12">
      <c r="A3975" s="6" t="s">
        <v>49</v>
      </c>
      <c r="B3975" s="6"/>
      <c r="C3975" s="6" t="s">
        <v>3992</v>
      </c>
      <c r="D3975" s="6"/>
      <c r="E3975" s="6" t="s">
        <v>9</v>
      </c>
      <c r="F3975" s="7">
        <v>38657</v>
      </c>
      <c r="G3975" s="8">
        <v>1</v>
      </c>
      <c r="H3975" s="8">
        <v>1</v>
      </c>
      <c r="I3975" s="8">
        <v>0</v>
      </c>
      <c r="J3975" s="8">
        <v>1</v>
      </c>
      <c r="K3975" s="9">
        <v>840</v>
      </c>
      <c r="L3975" s="6" t="s">
        <v>51</v>
      </c>
    </row>
    <row r="3976" spans="1:12">
      <c r="A3976" s="6" t="s">
        <v>49</v>
      </c>
      <c r="B3976" s="6"/>
      <c r="C3976" s="6" t="s">
        <v>3993</v>
      </c>
      <c r="D3976" s="6"/>
      <c r="E3976" s="6" t="s">
        <v>9</v>
      </c>
      <c r="F3976" s="7">
        <v>38657</v>
      </c>
      <c r="G3976" s="8">
        <v>1</v>
      </c>
      <c r="H3976" s="8">
        <v>1</v>
      </c>
      <c r="I3976" s="8">
        <v>0</v>
      </c>
      <c r="J3976" s="8">
        <v>1</v>
      </c>
      <c r="K3976" s="9">
        <v>879</v>
      </c>
      <c r="L3976" s="6" t="s">
        <v>51</v>
      </c>
    </row>
    <row r="3977" spans="1:12">
      <c r="A3977" s="6" t="s">
        <v>49</v>
      </c>
      <c r="B3977" s="6"/>
      <c r="C3977" s="6" t="s">
        <v>3994</v>
      </c>
      <c r="D3977" s="6"/>
      <c r="E3977" s="6" t="s">
        <v>9</v>
      </c>
      <c r="F3977" s="7">
        <v>38657</v>
      </c>
      <c r="G3977" s="8">
        <v>1</v>
      </c>
      <c r="H3977" s="8">
        <v>1</v>
      </c>
      <c r="I3977" s="8">
        <v>0</v>
      </c>
      <c r="J3977" s="8">
        <v>1</v>
      </c>
      <c r="K3977" s="9">
        <v>2.9</v>
      </c>
      <c r="L3977" s="6" t="s">
        <v>51</v>
      </c>
    </row>
    <row r="3978" spans="1:12">
      <c r="A3978" s="6" t="s">
        <v>49</v>
      </c>
      <c r="B3978" s="6"/>
      <c r="C3978" s="6" t="s">
        <v>3995</v>
      </c>
      <c r="D3978" s="6"/>
      <c r="E3978" s="6" t="s">
        <v>9</v>
      </c>
      <c r="F3978" s="7">
        <v>38657</v>
      </c>
      <c r="G3978" s="8">
        <v>1</v>
      </c>
      <c r="H3978" s="8">
        <v>1</v>
      </c>
      <c r="I3978" s="8">
        <v>0</v>
      </c>
      <c r="J3978" s="8">
        <v>1</v>
      </c>
      <c r="K3978" s="9">
        <v>245</v>
      </c>
      <c r="L3978" s="6" t="s">
        <v>51</v>
      </c>
    </row>
    <row r="3979" spans="1:12">
      <c r="A3979" s="6" t="s">
        <v>49</v>
      </c>
      <c r="B3979" s="6"/>
      <c r="C3979" s="6" t="s">
        <v>3996</v>
      </c>
      <c r="D3979" s="6"/>
      <c r="E3979" s="6" t="s">
        <v>9</v>
      </c>
      <c r="F3979" s="7">
        <v>38657</v>
      </c>
      <c r="G3979" s="8">
        <v>1</v>
      </c>
      <c r="H3979" s="8">
        <v>1</v>
      </c>
      <c r="I3979" s="8">
        <v>0</v>
      </c>
      <c r="J3979" s="8">
        <v>1</v>
      </c>
      <c r="K3979" s="9">
        <v>126</v>
      </c>
      <c r="L3979" s="6" t="s">
        <v>51</v>
      </c>
    </row>
    <row r="3980" spans="1:12">
      <c r="A3980" s="6" t="s">
        <v>49</v>
      </c>
      <c r="B3980" s="6"/>
      <c r="C3980" s="6" t="s">
        <v>3997</v>
      </c>
      <c r="D3980" s="6"/>
      <c r="E3980" s="6" t="s">
        <v>9</v>
      </c>
      <c r="F3980" s="7">
        <v>38657</v>
      </c>
      <c r="G3980" s="8">
        <v>1</v>
      </c>
      <c r="H3980" s="8">
        <v>1</v>
      </c>
      <c r="I3980" s="8">
        <v>0</v>
      </c>
      <c r="J3980" s="8">
        <v>1</v>
      </c>
      <c r="K3980" s="9">
        <v>83</v>
      </c>
      <c r="L3980" s="6" t="s">
        <v>51</v>
      </c>
    </row>
    <row r="3981" spans="1:12">
      <c r="A3981" s="6" t="s">
        <v>49</v>
      </c>
      <c r="B3981" s="6"/>
      <c r="C3981" s="6" t="s">
        <v>3998</v>
      </c>
      <c r="D3981" s="6"/>
      <c r="E3981" s="6" t="s">
        <v>9</v>
      </c>
      <c r="F3981" s="7">
        <v>38657</v>
      </c>
      <c r="G3981" s="8">
        <v>1</v>
      </c>
      <c r="H3981" s="8">
        <v>1</v>
      </c>
      <c r="I3981" s="8">
        <v>0</v>
      </c>
      <c r="J3981" s="8">
        <v>1</v>
      </c>
      <c r="K3981" s="9">
        <v>36</v>
      </c>
      <c r="L3981" s="6" t="s">
        <v>51</v>
      </c>
    </row>
    <row r="3982" spans="1:12">
      <c r="A3982" s="6" t="s">
        <v>49</v>
      </c>
      <c r="B3982" s="6"/>
      <c r="C3982" s="6" t="s">
        <v>3999</v>
      </c>
      <c r="D3982" s="6"/>
      <c r="E3982" s="6" t="s">
        <v>9</v>
      </c>
      <c r="F3982" s="7">
        <v>38657</v>
      </c>
      <c r="G3982" s="8">
        <v>1</v>
      </c>
      <c r="H3982" s="8">
        <v>1</v>
      </c>
      <c r="I3982" s="8">
        <v>0</v>
      </c>
      <c r="J3982" s="8">
        <v>1</v>
      </c>
      <c r="K3982" s="9">
        <v>732</v>
      </c>
      <c r="L3982" s="6" t="s">
        <v>51</v>
      </c>
    </row>
    <row r="3983" spans="1:12">
      <c r="A3983" s="6" t="s">
        <v>49</v>
      </c>
      <c r="B3983" s="6"/>
      <c r="C3983" s="6" t="s">
        <v>4000</v>
      </c>
      <c r="D3983" s="6"/>
      <c r="E3983" s="6" t="s">
        <v>9</v>
      </c>
      <c r="F3983" s="7">
        <v>38657</v>
      </c>
      <c r="G3983" s="8">
        <v>1</v>
      </c>
      <c r="H3983" s="8">
        <v>1</v>
      </c>
      <c r="I3983" s="8">
        <v>0</v>
      </c>
      <c r="J3983" s="8">
        <v>1</v>
      </c>
      <c r="K3983" s="9">
        <v>15</v>
      </c>
      <c r="L3983" s="6" t="s">
        <v>51</v>
      </c>
    </row>
    <row r="3984" spans="1:12">
      <c r="A3984" s="6" t="s">
        <v>49</v>
      </c>
      <c r="B3984" s="6"/>
      <c r="C3984" s="6" t="s">
        <v>4001</v>
      </c>
      <c r="D3984" s="6"/>
      <c r="E3984" s="6" t="s">
        <v>9</v>
      </c>
      <c r="F3984" s="7">
        <v>38657</v>
      </c>
      <c r="G3984" s="8">
        <v>1</v>
      </c>
      <c r="H3984" s="8">
        <v>1</v>
      </c>
      <c r="I3984" s="8">
        <v>0</v>
      </c>
      <c r="J3984" s="8">
        <v>1</v>
      </c>
      <c r="K3984" s="9">
        <v>567</v>
      </c>
      <c r="L3984" s="6" t="s">
        <v>51</v>
      </c>
    </row>
    <row r="3985" spans="1:12">
      <c r="A3985" s="6" t="s">
        <v>49</v>
      </c>
      <c r="B3985" s="6"/>
      <c r="C3985" s="6" t="s">
        <v>4002</v>
      </c>
      <c r="D3985" s="6"/>
      <c r="E3985" s="6" t="s">
        <v>9</v>
      </c>
      <c r="F3985" s="7">
        <v>38657</v>
      </c>
      <c r="G3985" s="8">
        <v>1</v>
      </c>
      <c r="H3985" s="8">
        <v>1</v>
      </c>
      <c r="I3985" s="8">
        <v>0</v>
      </c>
      <c r="J3985" s="8">
        <v>1</v>
      </c>
      <c r="K3985" s="9">
        <v>528</v>
      </c>
      <c r="L3985" s="6" t="s">
        <v>51</v>
      </c>
    </row>
    <row r="3986" spans="1:12">
      <c r="A3986" s="6" t="s">
        <v>49</v>
      </c>
      <c r="B3986" s="6"/>
      <c r="C3986" s="6" t="s">
        <v>4003</v>
      </c>
      <c r="D3986" s="6"/>
      <c r="E3986" s="6" t="s">
        <v>9</v>
      </c>
      <c r="F3986" s="7"/>
      <c r="G3986" s="8">
        <v>1</v>
      </c>
      <c r="H3986" s="8">
        <v>1</v>
      </c>
      <c r="I3986" s="8">
        <v>0</v>
      </c>
      <c r="J3986" s="8">
        <v>1</v>
      </c>
      <c r="K3986" s="9">
        <v>300</v>
      </c>
      <c r="L3986" s="6" t="s">
        <v>51</v>
      </c>
    </row>
    <row r="3987" spans="1:12">
      <c r="A3987" s="6" t="s">
        <v>49</v>
      </c>
      <c r="B3987" s="6"/>
      <c r="C3987" s="6" t="s">
        <v>4004</v>
      </c>
      <c r="D3987" s="6"/>
      <c r="E3987" s="6" t="s">
        <v>9</v>
      </c>
      <c r="F3987" s="7"/>
      <c r="G3987" s="8">
        <v>1</v>
      </c>
      <c r="H3987" s="8">
        <v>1</v>
      </c>
      <c r="I3987" s="8">
        <v>0</v>
      </c>
      <c r="J3987" s="8">
        <v>1</v>
      </c>
      <c r="K3987" s="9">
        <v>155</v>
      </c>
      <c r="L3987" s="6" t="s">
        <v>51</v>
      </c>
    </row>
    <row r="3988" spans="1:12">
      <c r="A3988" s="6" t="s">
        <v>49</v>
      </c>
      <c r="B3988" s="6"/>
      <c r="C3988" s="6" t="s">
        <v>4005</v>
      </c>
      <c r="D3988" s="6"/>
      <c r="E3988" s="6" t="s">
        <v>9</v>
      </c>
      <c r="F3988" s="7">
        <v>38657</v>
      </c>
      <c r="G3988" s="8">
        <v>1</v>
      </c>
      <c r="H3988" s="8">
        <v>1</v>
      </c>
      <c r="I3988" s="8">
        <v>0</v>
      </c>
      <c r="J3988" s="8">
        <v>1</v>
      </c>
      <c r="K3988" s="9">
        <v>26</v>
      </c>
      <c r="L3988" s="6" t="s">
        <v>51</v>
      </c>
    </row>
    <row r="3989" spans="1:12">
      <c r="A3989" s="6" t="s">
        <v>49</v>
      </c>
      <c r="B3989" s="6"/>
      <c r="C3989" s="6" t="s">
        <v>4006</v>
      </c>
      <c r="D3989" s="6"/>
      <c r="E3989" s="6" t="s">
        <v>9</v>
      </c>
      <c r="F3989" s="7">
        <v>38657</v>
      </c>
      <c r="G3989" s="8">
        <v>1</v>
      </c>
      <c r="H3989" s="8">
        <v>1</v>
      </c>
      <c r="I3989" s="8">
        <v>0</v>
      </c>
      <c r="J3989" s="8">
        <v>1</v>
      </c>
      <c r="K3989" s="9">
        <v>178</v>
      </c>
      <c r="L3989" s="6" t="s">
        <v>51</v>
      </c>
    </row>
    <row r="3990" spans="1:12">
      <c r="A3990" s="6" t="s">
        <v>49</v>
      </c>
      <c r="B3990" s="6"/>
      <c r="C3990" s="6" t="s">
        <v>4007</v>
      </c>
      <c r="D3990" s="6"/>
      <c r="E3990" s="6" t="s">
        <v>9</v>
      </c>
      <c r="F3990" s="7">
        <v>40074</v>
      </c>
      <c r="G3990" s="8">
        <v>1</v>
      </c>
      <c r="H3990" s="8">
        <v>1</v>
      </c>
      <c r="I3990" s="8">
        <v>0</v>
      </c>
      <c r="J3990" s="8">
        <v>1</v>
      </c>
      <c r="K3990" s="9">
        <v>0.26</v>
      </c>
      <c r="L3990" s="6" t="s">
        <v>51</v>
      </c>
    </row>
    <row r="3991" spans="1:12">
      <c r="A3991" s="6" t="s">
        <v>49</v>
      </c>
      <c r="B3991" s="6"/>
      <c r="C3991" s="6" t="s">
        <v>4008</v>
      </c>
      <c r="D3991" s="6"/>
      <c r="E3991" s="6" t="s">
        <v>9</v>
      </c>
      <c r="F3991" s="7">
        <v>40074</v>
      </c>
      <c r="G3991" s="8">
        <v>1</v>
      </c>
      <c r="H3991" s="8">
        <v>1</v>
      </c>
      <c r="I3991" s="8">
        <v>0</v>
      </c>
      <c r="J3991" s="8">
        <v>1</v>
      </c>
      <c r="K3991" s="9">
        <v>37</v>
      </c>
      <c r="L3991" s="6" t="s">
        <v>51</v>
      </c>
    </row>
    <row r="3992" spans="1:12">
      <c r="A3992" s="6" t="s">
        <v>49</v>
      </c>
      <c r="B3992" s="6"/>
      <c r="C3992" s="6" t="s">
        <v>4009</v>
      </c>
      <c r="D3992" s="6"/>
      <c r="E3992" s="6" t="s">
        <v>9</v>
      </c>
      <c r="F3992" s="7">
        <v>38657</v>
      </c>
      <c r="G3992" s="8">
        <v>1</v>
      </c>
      <c r="H3992" s="8">
        <v>1</v>
      </c>
      <c r="I3992" s="8">
        <v>0</v>
      </c>
      <c r="J3992" s="8">
        <v>1</v>
      </c>
      <c r="K3992" s="9">
        <v>40</v>
      </c>
      <c r="L3992" s="6" t="s">
        <v>51</v>
      </c>
    </row>
    <row r="3993" spans="1:12">
      <c r="A3993" s="6" t="s">
        <v>49</v>
      </c>
      <c r="B3993" s="6"/>
      <c r="C3993" s="6" t="s">
        <v>4010</v>
      </c>
      <c r="D3993" s="6"/>
      <c r="E3993" s="6" t="s">
        <v>9</v>
      </c>
      <c r="F3993" s="7">
        <v>38657</v>
      </c>
      <c r="G3993" s="8">
        <v>1</v>
      </c>
      <c r="H3993" s="8">
        <v>1</v>
      </c>
      <c r="I3993" s="8">
        <v>0</v>
      </c>
      <c r="J3993" s="8">
        <v>1</v>
      </c>
      <c r="K3993" s="9">
        <v>190</v>
      </c>
      <c r="L3993" s="6" t="s">
        <v>51</v>
      </c>
    </row>
    <row r="3994" spans="1:12">
      <c r="A3994" s="6" t="s">
        <v>49</v>
      </c>
      <c r="B3994" s="6"/>
      <c r="C3994" s="6" t="s">
        <v>4011</v>
      </c>
      <c r="D3994" s="6"/>
      <c r="E3994" s="6" t="s">
        <v>9</v>
      </c>
      <c r="F3994" s="7">
        <v>38657</v>
      </c>
      <c r="G3994" s="8">
        <v>1</v>
      </c>
      <c r="H3994" s="8">
        <v>1</v>
      </c>
      <c r="I3994" s="8">
        <v>0</v>
      </c>
      <c r="J3994" s="8">
        <v>1</v>
      </c>
      <c r="K3994" s="9">
        <v>23</v>
      </c>
      <c r="L3994" s="6" t="s">
        <v>51</v>
      </c>
    </row>
    <row r="3995" spans="1:12">
      <c r="A3995" s="6" t="s">
        <v>49</v>
      </c>
      <c r="B3995" s="6"/>
      <c r="C3995" s="6" t="s">
        <v>4012</v>
      </c>
      <c r="D3995" s="6"/>
      <c r="E3995" s="6" t="s">
        <v>9</v>
      </c>
      <c r="F3995" s="7">
        <v>40074</v>
      </c>
      <c r="G3995" s="8">
        <v>1</v>
      </c>
      <c r="H3995" s="8">
        <v>1</v>
      </c>
      <c r="I3995" s="8">
        <v>0</v>
      </c>
      <c r="J3995" s="8">
        <v>1</v>
      </c>
      <c r="K3995" s="9">
        <v>40</v>
      </c>
      <c r="L3995" s="6" t="s">
        <v>51</v>
      </c>
    </row>
    <row r="3996" spans="1:12">
      <c r="A3996" s="6" t="s">
        <v>49</v>
      </c>
      <c r="B3996" s="6"/>
      <c r="C3996" s="6" t="s">
        <v>4013</v>
      </c>
      <c r="D3996" s="6"/>
      <c r="E3996" s="6" t="s">
        <v>9</v>
      </c>
      <c r="F3996" s="7">
        <v>40074</v>
      </c>
      <c r="G3996" s="8">
        <v>1</v>
      </c>
      <c r="H3996" s="8">
        <v>1</v>
      </c>
      <c r="I3996" s="8">
        <v>0</v>
      </c>
      <c r="J3996" s="8">
        <v>1</v>
      </c>
      <c r="K3996" s="9">
        <v>40</v>
      </c>
      <c r="L3996" s="6" t="s">
        <v>51</v>
      </c>
    </row>
    <row r="3997" spans="1:12">
      <c r="A3997" s="6" t="s">
        <v>49</v>
      </c>
      <c r="B3997" s="6"/>
      <c r="C3997" s="6" t="s">
        <v>4014</v>
      </c>
      <c r="D3997" s="6"/>
      <c r="E3997" s="6" t="s">
        <v>9</v>
      </c>
      <c r="F3997" s="7">
        <v>40074</v>
      </c>
      <c r="G3997" s="8">
        <v>1</v>
      </c>
      <c r="H3997" s="8">
        <v>1</v>
      </c>
      <c r="I3997" s="8">
        <v>0</v>
      </c>
      <c r="J3997" s="8">
        <v>1</v>
      </c>
      <c r="K3997" s="9">
        <v>21</v>
      </c>
      <c r="L3997" s="6" t="s">
        <v>51</v>
      </c>
    </row>
    <row r="3998" spans="1:12">
      <c r="A3998" s="6" t="s">
        <v>49</v>
      </c>
      <c r="B3998" s="6"/>
      <c r="C3998" s="6" t="s">
        <v>4015</v>
      </c>
      <c r="D3998" s="6"/>
      <c r="E3998" s="6" t="s">
        <v>9</v>
      </c>
      <c r="F3998" s="7">
        <v>40074</v>
      </c>
      <c r="G3998" s="8">
        <v>1</v>
      </c>
      <c r="H3998" s="8">
        <v>1</v>
      </c>
      <c r="I3998" s="8">
        <v>0</v>
      </c>
      <c r="J3998" s="8">
        <v>1</v>
      </c>
      <c r="K3998" s="9">
        <v>0.04</v>
      </c>
      <c r="L3998" s="6" t="s">
        <v>51</v>
      </c>
    </row>
    <row r="3999" spans="1:12">
      <c r="A3999" s="6" t="s">
        <v>49</v>
      </c>
      <c r="B3999" s="6"/>
      <c r="C3999" s="6" t="s">
        <v>4016</v>
      </c>
      <c r="D3999" s="6"/>
      <c r="E3999" s="6" t="s">
        <v>9</v>
      </c>
      <c r="F3999" s="7">
        <v>40074</v>
      </c>
      <c r="G3999" s="8">
        <v>1</v>
      </c>
      <c r="H3999" s="8">
        <v>1</v>
      </c>
      <c r="I3999" s="8">
        <v>0</v>
      </c>
      <c r="J3999" s="8">
        <v>1</v>
      </c>
      <c r="K3999" s="9">
        <v>60</v>
      </c>
      <c r="L3999" s="6" t="s">
        <v>51</v>
      </c>
    </row>
    <row r="4000" spans="1:12">
      <c r="A4000" s="6" t="s">
        <v>49</v>
      </c>
      <c r="B4000" s="6"/>
      <c r="C4000" s="6" t="s">
        <v>4017</v>
      </c>
      <c r="D4000" s="6"/>
      <c r="E4000" s="6" t="s">
        <v>9</v>
      </c>
      <c r="F4000" s="7">
        <v>40074</v>
      </c>
      <c r="G4000" s="8">
        <v>1</v>
      </c>
      <c r="H4000" s="8">
        <v>1</v>
      </c>
      <c r="I4000" s="8">
        <v>0</v>
      </c>
      <c r="J4000" s="8">
        <v>1</v>
      </c>
      <c r="K4000" s="9">
        <v>44</v>
      </c>
      <c r="L4000" s="6" t="s">
        <v>51</v>
      </c>
    </row>
    <row r="4001" spans="1:12">
      <c r="A4001" s="6" t="s">
        <v>49</v>
      </c>
      <c r="B4001" s="6"/>
      <c r="C4001" s="6" t="s">
        <v>4018</v>
      </c>
      <c r="D4001" s="6"/>
      <c r="E4001" s="6" t="s">
        <v>9</v>
      </c>
      <c r="F4001" s="7">
        <v>40074</v>
      </c>
      <c r="G4001" s="8">
        <v>1</v>
      </c>
      <c r="H4001" s="8">
        <v>1</v>
      </c>
      <c r="I4001" s="8">
        <v>0</v>
      </c>
      <c r="J4001" s="8">
        <v>1</v>
      </c>
      <c r="K4001" s="9">
        <v>19</v>
      </c>
      <c r="L4001" s="6" t="s">
        <v>51</v>
      </c>
    </row>
    <row r="4002" spans="1:12">
      <c r="A4002" s="6" t="s">
        <v>49</v>
      </c>
      <c r="B4002" s="6"/>
      <c r="C4002" s="6" t="s">
        <v>4019</v>
      </c>
      <c r="D4002" s="6"/>
      <c r="E4002" s="6" t="s">
        <v>9</v>
      </c>
      <c r="F4002" s="7">
        <v>40074</v>
      </c>
      <c r="G4002" s="8">
        <v>1</v>
      </c>
      <c r="H4002" s="8">
        <v>1</v>
      </c>
      <c r="I4002" s="8">
        <v>0</v>
      </c>
      <c r="J4002" s="8">
        <v>1</v>
      </c>
      <c r="K4002" s="9">
        <v>39</v>
      </c>
      <c r="L4002" s="6" t="s">
        <v>51</v>
      </c>
    </row>
    <row r="4003" spans="1:12">
      <c r="A4003" s="6" t="s">
        <v>49</v>
      </c>
      <c r="B4003" s="6"/>
      <c r="C4003" s="6" t="s">
        <v>4020</v>
      </c>
      <c r="D4003" s="6"/>
      <c r="E4003" s="6" t="s">
        <v>9</v>
      </c>
      <c r="F4003" s="7">
        <v>38657</v>
      </c>
      <c r="G4003" s="8">
        <v>1</v>
      </c>
      <c r="H4003" s="8">
        <v>1</v>
      </c>
      <c r="I4003" s="8">
        <v>0</v>
      </c>
      <c r="J4003" s="8">
        <v>1</v>
      </c>
      <c r="K4003" s="9">
        <v>37</v>
      </c>
      <c r="L4003" s="6" t="s">
        <v>51</v>
      </c>
    </row>
    <row r="4004" spans="1:12">
      <c r="A4004" s="6" t="s">
        <v>49</v>
      </c>
      <c r="B4004" s="6"/>
      <c r="C4004" s="6" t="s">
        <v>4021</v>
      </c>
      <c r="D4004" s="6"/>
      <c r="E4004" s="6" t="s">
        <v>9</v>
      </c>
      <c r="F4004" s="7">
        <v>40074</v>
      </c>
      <c r="G4004" s="8">
        <v>1</v>
      </c>
      <c r="H4004" s="8">
        <v>1</v>
      </c>
      <c r="I4004" s="8">
        <v>0</v>
      </c>
      <c r="J4004" s="8">
        <v>1</v>
      </c>
      <c r="K4004" s="9">
        <v>39</v>
      </c>
      <c r="L4004" s="6" t="s">
        <v>51</v>
      </c>
    </row>
    <row r="4005" spans="1:12">
      <c r="A4005" s="6" t="s">
        <v>49</v>
      </c>
      <c r="B4005" s="6"/>
      <c r="C4005" s="6" t="s">
        <v>4022</v>
      </c>
      <c r="D4005" s="6"/>
      <c r="E4005" s="6" t="s">
        <v>9</v>
      </c>
      <c r="F4005" s="7">
        <v>40074</v>
      </c>
      <c r="G4005" s="8">
        <v>1</v>
      </c>
      <c r="H4005" s="8">
        <v>1</v>
      </c>
      <c r="I4005" s="8">
        <v>0</v>
      </c>
      <c r="J4005" s="8">
        <v>1</v>
      </c>
      <c r="K4005" s="9">
        <v>39</v>
      </c>
      <c r="L4005" s="6" t="s">
        <v>51</v>
      </c>
    </row>
    <row r="4006" spans="1:12">
      <c r="A4006" s="6" t="s">
        <v>49</v>
      </c>
      <c r="B4006" s="6"/>
      <c r="C4006" s="6" t="s">
        <v>4023</v>
      </c>
      <c r="D4006" s="6"/>
      <c r="E4006" s="6" t="s">
        <v>9</v>
      </c>
      <c r="F4006" s="7">
        <v>40074</v>
      </c>
      <c r="G4006" s="8">
        <v>1</v>
      </c>
      <c r="H4006" s="8">
        <v>1</v>
      </c>
      <c r="I4006" s="8">
        <v>0</v>
      </c>
      <c r="J4006" s="8">
        <v>1</v>
      </c>
      <c r="K4006" s="9">
        <v>39</v>
      </c>
      <c r="L4006" s="6" t="s">
        <v>51</v>
      </c>
    </row>
    <row r="4007" spans="1:12">
      <c r="A4007" s="6" t="s">
        <v>49</v>
      </c>
      <c r="B4007" s="6"/>
      <c r="C4007" s="6" t="s">
        <v>4024</v>
      </c>
      <c r="D4007" s="6"/>
      <c r="E4007" s="6" t="s">
        <v>9</v>
      </c>
      <c r="F4007" s="7">
        <v>40074</v>
      </c>
      <c r="G4007" s="8">
        <v>1</v>
      </c>
      <c r="H4007" s="8">
        <v>1</v>
      </c>
      <c r="I4007" s="8">
        <v>0</v>
      </c>
      <c r="J4007" s="8">
        <v>1</v>
      </c>
      <c r="K4007" s="9">
        <v>40</v>
      </c>
      <c r="L4007" s="6" t="s">
        <v>51</v>
      </c>
    </row>
    <row r="4008" spans="1:12">
      <c r="A4008" s="6" t="s">
        <v>49</v>
      </c>
      <c r="B4008" s="6"/>
      <c r="C4008" s="6" t="s">
        <v>4025</v>
      </c>
      <c r="D4008" s="6"/>
      <c r="E4008" s="6" t="s">
        <v>9</v>
      </c>
      <c r="F4008" s="7">
        <v>40074</v>
      </c>
      <c r="G4008" s="8">
        <v>1</v>
      </c>
      <c r="H4008" s="8">
        <v>1</v>
      </c>
      <c r="I4008" s="8">
        <v>0</v>
      </c>
      <c r="J4008" s="8">
        <v>1</v>
      </c>
      <c r="K4008" s="9">
        <v>8.8699999999999903</v>
      </c>
      <c r="L4008" s="6" t="s">
        <v>51</v>
      </c>
    </row>
    <row r="4009" spans="1:12">
      <c r="A4009" s="6" t="s">
        <v>49</v>
      </c>
      <c r="B4009" s="6"/>
      <c r="C4009" s="6" t="s">
        <v>4026</v>
      </c>
      <c r="D4009" s="6"/>
      <c r="E4009" s="6" t="s">
        <v>9</v>
      </c>
      <c r="F4009" s="7">
        <v>38657</v>
      </c>
      <c r="G4009" s="8">
        <v>1</v>
      </c>
      <c r="H4009" s="8">
        <v>1</v>
      </c>
      <c r="I4009" s="8">
        <v>0</v>
      </c>
      <c r="J4009" s="8">
        <v>1</v>
      </c>
      <c r="K4009" s="9">
        <v>36</v>
      </c>
      <c r="L4009" s="6" t="s">
        <v>51</v>
      </c>
    </row>
    <row r="4010" spans="1:12">
      <c r="A4010" s="6" t="s">
        <v>49</v>
      </c>
      <c r="B4010" s="6"/>
      <c r="C4010" s="6" t="s">
        <v>4027</v>
      </c>
      <c r="D4010" s="6"/>
      <c r="E4010" s="6" t="s">
        <v>9</v>
      </c>
      <c r="F4010" s="7">
        <v>38657</v>
      </c>
      <c r="G4010" s="8">
        <v>1</v>
      </c>
      <c r="H4010" s="8">
        <v>1</v>
      </c>
      <c r="I4010" s="8">
        <v>0</v>
      </c>
      <c r="J4010" s="8">
        <v>1</v>
      </c>
      <c r="K4010" s="9">
        <v>10</v>
      </c>
      <c r="L4010" s="6" t="s">
        <v>51</v>
      </c>
    </row>
    <row r="4011" spans="1:12">
      <c r="A4011" s="6" t="s">
        <v>49</v>
      </c>
      <c r="B4011" s="6"/>
      <c r="C4011" s="6" t="s">
        <v>4028</v>
      </c>
      <c r="D4011" s="6"/>
      <c r="E4011" s="6" t="s">
        <v>9</v>
      </c>
      <c r="F4011" s="7">
        <v>38657</v>
      </c>
      <c r="G4011" s="8">
        <v>1</v>
      </c>
      <c r="H4011" s="8">
        <v>1</v>
      </c>
      <c r="I4011" s="8">
        <v>0</v>
      </c>
      <c r="J4011" s="8">
        <v>1</v>
      </c>
      <c r="K4011" s="9">
        <v>3.6</v>
      </c>
      <c r="L4011" s="6" t="s">
        <v>51</v>
      </c>
    </row>
    <row r="4012" spans="1:12">
      <c r="A4012" s="6" t="s">
        <v>49</v>
      </c>
      <c r="B4012" s="6"/>
      <c r="C4012" s="6" t="s">
        <v>4029</v>
      </c>
      <c r="D4012" s="6"/>
      <c r="E4012" s="6" t="s">
        <v>9</v>
      </c>
      <c r="F4012" s="7">
        <v>38657</v>
      </c>
      <c r="G4012" s="8">
        <v>1</v>
      </c>
      <c r="H4012" s="8">
        <v>1</v>
      </c>
      <c r="I4012" s="8">
        <v>0</v>
      </c>
      <c r="J4012" s="8">
        <v>1</v>
      </c>
      <c r="K4012" s="9">
        <v>46</v>
      </c>
      <c r="L4012" s="6" t="s">
        <v>51</v>
      </c>
    </row>
    <row r="4013" spans="1:12">
      <c r="A4013" s="6" t="s">
        <v>49</v>
      </c>
      <c r="B4013" s="6"/>
      <c r="C4013" s="6" t="s">
        <v>4030</v>
      </c>
      <c r="D4013" s="6"/>
      <c r="E4013" s="6" t="s">
        <v>9</v>
      </c>
      <c r="F4013" s="7">
        <v>38657</v>
      </c>
      <c r="G4013" s="8">
        <v>1</v>
      </c>
      <c r="H4013" s="8">
        <v>1</v>
      </c>
      <c r="I4013" s="8">
        <v>0</v>
      </c>
      <c r="J4013" s="8">
        <v>1</v>
      </c>
      <c r="K4013" s="9">
        <v>2.35</v>
      </c>
      <c r="L4013" s="6" t="s">
        <v>51</v>
      </c>
    </row>
    <row r="4014" spans="1:12">
      <c r="A4014" s="6" t="s">
        <v>49</v>
      </c>
      <c r="B4014" s="6"/>
      <c r="C4014" s="6" t="s">
        <v>4031</v>
      </c>
      <c r="D4014" s="6"/>
      <c r="E4014" s="6" t="s">
        <v>9</v>
      </c>
      <c r="F4014" s="7">
        <v>38657</v>
      </c>
      <c r="G4014" s="8">
        <v>1</v>
      </c>
      <c r="H4014" s="8">
        <v>1</v>
      </c>
      <c r="I4014" s="8">
        <v>0</v>
      </c>
      <c r="J4014" s="8">
        <v>1</v>
      </c>
      <c r="K4014" s="9">
        <v>2.57</v>
      </c>
      <c r="L4014" s="6" t="s">
        <v>51</v>
      </c>
    </row>
    <row r="4015" spans="1:12">
      <c r="A4015" s="6" t="s">
        <v>49</v>
      </c>
      <c r="B4015" s="6"/>
      <c r="C4015" s="6" t="s">
        <v>4032</v>
      </c>
      <c r="D4015" s="6"/>
      <c r="E4015" s="6" t="s">
        <v>9</v>
      </c>
      <c r="F4015" s="7">
        <v>38657</v>
      </c>
      <c r="G4015" s="8">
        <v>1</v>
      </c>
      <c r="H4015" s="8">
        <v>1</v>
      </c>
      <c r="I4015" s="8">
        <v>0</v>
      </c>
      <c r="J4015" s="8">
        <v>1</v>
      </c>
      <c r="K4015" s="9">
        <v>47</v>
      </c>
      <c r="L4015" s="6" t="s">
        <v>51</v>
      </c>
    </row>
    <row r="4016" spans="1:12">
      <c r="A4016" s="6" t="s">
        <v>49</v>
      </c>
      <c r="B4016" s="6"/>
      <c r="C4016" s="6" t="s">
        <v>4033</v>
      </c>
      <c r="D4016" s="6"/>
      <c r="E4016" s="6" t="s">
        <v>9</v>
      </c>
      <c r="F4016" s="7">
        <v>40074</v>
      </c>
      <c r="G4016" s="8">
        <v>1</v>
      </c>
      <c r="H4016" s="8">
        <v>1</v>
      </c>
      <c r="I4016" s="8">
        <v>0</v>
      </c>
      <c r="J4016" s="8">
        <v>1</v>
      </c>
      <c r="K4016" s="9">
        <v>39</v>
      </c>
      <c r="L4016" s="6" t="s">
        <v>51</v>
      </c>
    </row>
    <row r="4017" spans="1:12">
      <c r="A4017" s="6" t="s">
        <v>49</v>
      </c>
      <c r="B4017" s="6"/>
      <c r="C4017" s="6" t="s">
        <v>4034</v>
      </c>
      <c r="D4017" s="6"/>
      <c r="E4017" s="6" t="s">
        <v>9</v>
      </c>
      <c r="F4017" s="7">
        <v>40074</v>
      </c>
      <c r="G4017" s="8">
        <v>1</v>
      </c>
      <c r="H4017" s="8">
        <v>1</v>
      </c>
      <c r="I4017" s="8">
        <v>0</v>
      </c>
      <c r="J4017" s="8">
        <v>1</v>
      </c>
      <c r="K4017" s="9">
        <v>39</v>
      </c>
      <c r="L4017" s="6" t="s">
        <v>51</v>
      </c>
    </row>
    <row r="4018" spans="1:12">
      <c r="A4018" s="6" t="s">
        <v>49</v>
      </c>
      <c r="B4018" s="6"/>
      <c r="C4018" s="6" t="s">
        <v>4035</v>
      </c>
      <c r="D4018" s="6"/>
      <c r="E4018" s="6" t="s">
        <v>9</v>
      </c>
      <c r="F4018" s="7">
        <v>40074</v>
      </c>
      <c r="G4018" s="8">
        <v>1</v>
      </c>
      <c r="H4018" s="8">
        <v>1</v>
      </c>
      <c r="I4018" s="8">
        <v>0</v>
      </c>
      <c r="J4018" s="8">
        <v>1</v>
      </c>
      <c r="K4018" s="9">
        <v>39</v>
      </c>
      <c r="L4018" s="6" t="s">
        <v>51</v>
      </c>
    </row>
    <row r="4019" spans="1:12">
      <c r="A4019" s="6" t="s">
        <v>49</v>
      </c>
      <c r="B4019" s="6"/>
      <c r="C4019" s="6" t="s">
        <v>4036</v>
      </c>
      <c r="D4019" s="6"/>
      <c r="E4019" s="6" t="s">
        <v>9</v>
      </c>
      <c r="F4019" s="7">
        <v>40074</v>
      </c>
      <c r="G4019" s="8">
        <v>1</v>
      </c>
      <c r="H4019" s="8">
        <v>1</v>
      </c>
      <c r="I4019" s="8">
        <v>0</v>
      </c>
      <c r="J4019" s="8">
        <v>1</v>
      </c>
      <c r="K4019" s="9">
        <v>39</v>
      </c>
      <c r="L4019" s="6" t="s">
        <v>51</v>
      </c>
    </row>
    <row r="4020" spans="1:12">
      <c r="A4020" s="6" t="s">
        <v>49</v>
      </c>
      <c r="B4020" s="6"/>
      <c r="C4020" s="6" t="s">
        <v>4037</v>
      </c>
      <c r="D4020" s="6"/>
      <c r="E4020" s="6" t="s">
        <v>9</v>
      </c>
      <c r="F4020" s="7">
        <v>40074</v>
      </c>
      <c r="G4020" s="8">
        <v>1</v>
      </c>
      <c r="H4020" s="8">
        <v>1</v>
      </c>
      <c r="I4020" s="8">
        <v>0</v>
      </c>
      <c r="J4020" s="8">
        <v>1</v>
      </c>
      <c r="K4020" s="9">
        <v>44</v>
      </c>
      <c r="L4020" s="6" t="s">
        <v>51</v>
      </c>
    </row>
    <row r="4021" spans="1:12">
      <c r="A4021" s="6" t="s">
        <v>49</v>
      </c>
      <c r="B4021" s="6"/>
      <c r="C4021" s="6" t="s">
        <v>4038</v>
      </c>
      <c r="D4021" s="6"/>
      <c r="E4021" s="6" t="s">
        <v>9</v>
      </c>
      <c r="F4021" s="7">
        <v>40074</v>
      </c>
      <c r="G4021" s="8">
        <v>1</v>
      </c>
      <c r="H4021" s="8">
        <v>1</v>
      </c>
      <c r="I4021" s="8">
        <v>0</v>
      </c>
      <c r="J4021" s="8">
        <v>1</v>
      </c>
      <c r="K4021" s="9">
        <v>38</v>
      </c>
      <c r="L4021" s="6" t="s">
        <v>51</v>
      </c>
    </row>
    <row r="4022" spans="1:12">
      <c r="A4022" s="6" t="s">
        <v>49</v>
      </c>
      <c r="B4022" s="6"/>
      <c r="C4022" s="6" t="s">
        <v>4039</v>
      </c>
      <c r="D4022" s="6"/>
      <c r="E4022" s="6" t="s">
        <v>9</v>
      </c>
      <c r="F4022" s="7">
        <v>40074</v>
      </c>
      <c r="G4022" s="8">
        <v>1</v>
      </c>
      <c r="H4022" s="8">
        <v>1</v>
      </c>
      <c r="I4022" s="8">
        <v>0</v>
      </c>
      <c r="J4022" s="8">
        <v>1</v>
      </c>
      <c r="K4022" s="9">
        <v>39</v>
      </c>
      <c r="L4022" s="6" t="s">
        <v>51</v>
      </c>
    </row>
    <row r="4023" spans="1:12">
      <c r="A4023" s="6" t="s">
        <v>49</v>
      </c>
      <c r="B4023" s="6"/>
      <c r="C4023" s="6" t="s">
        <v>4040</v>
      </c>
      <c r="D4023" s="6"/>
      <c r="E4023" s="6" t="s">
        <v>9</v>
      </c>
      <c r="F4023" s="7">
        <v>40074</v>
      </c>
      <c r="G4023" s="8">
        <v>1</v>
      </c>
      <c r="H4023" s="8">
        <v>1</v>
      </c>
      <c r="I4023" s="8">
        <v>0</v>
      </c>
      <c r="J4023" s="8">
        <v>1</v>
      </c>
      <c r="K4023" s="9">
        <v>38</v>
      </c>
      <c r="L4023" s="6" t="s">
        <v>51</v>
      </c>
    </row>
    <row r="4024" spans="1:12">
      <c r="A4024" s="6" t="s">
        <v>49</v>
      </c>
      <c r="B4024" s="6"/>
      <c r="C4024" s="6" t="s">
        <v>4041</v>
      </c>
      <c r="D4024" s="6"/>
      <c r="E4024" s="6" t="s">
        <v>9</v>
      </c>
      <c r="F4024" s="7">
        <v>40074</v>
      </c>
      <c r="G4024" s="8">
        <v>1</v>
      </c>
      <c r="H4024" s="8">
        <v>1</v>
      </c>
      <c r="I4024" s="8">
        <v>0</v>
      </c>
      <c r="J4024" s="8">
        <v>1</v>
      </c>
      <c r="K4024" s="9">
        <v>46</v>
      </c>
      <c r="L4024" s="6" t="s">
        <v>51</v>
      </c>
    </row>
    <row r="4025" spans="1:12">
      <c r="A4025" s="6" t="s">
        <v>49</v>
      </c>
      <c r="B4025" s="6"/>
      <c r="C4025" s="6" t="s">
        <v>4042</v>
      </c>
      <c r="D4025" s="6"/>
      <c r="E4025" s="6" t="s">
        <v>9</v>
      </c>
      <c r="F4025" s="7">
        <v>41575</v>
      </c>
      <c r="G4025" s="8">
        <v>10748</v>
      </c>
      <c r="H4025" s="8">
        <v>10748</v>
      </c>
      <c r="I4025" s="8">
        <v>0</v>
      </c>
      <c r="J4025" s="8">
        <v>10748</v>
      </c>
      <c r="K4025" s="9">
        <v>2.33</v>
      </c>
      <c r="L4025" s="6" t="s">
        <v>51</v>
      </c>
    </row>
    <row r="4026" spans="1:12">
      <c r="A4026" s="6" t="s">
        <v>49</v>
      </c>
      <c r="B4026" s="6"/>
      <c r="C4026" s="6" t="s">
        <v>4043</v>
      </c>
      <c r="D4026" s="6"/>
      <c r="E4026" s="6" t="s">
        <v>9</v>
      </c>
      <c r="F4026" s="7">
        <v>38657</v>
      </c>
      <c r="G4026" s="8">
        <v>1</v>
      </c>
      <c r="H4026" s="8">
        <v>1</v>
      </c>
      <c r="I4026" s="8">
        <v>0</v>
      </c>
      <c r="J4026" s="8">
        <v>1</v>
      </c>
      <c r="K4026" s="9">
        <v>770</v>
      </c>
      <c r="L4026" s="6" t="s">
        <v>51</v>
      </c>
    </row>
    <row r="4027" spans="1:12">
      <c r="A4027" s="6" t="s">
        <v>49</v>
      </c>
      <c r="B4027" s="6"/>
      <c r="C4027" s="6" t="s">
        <v>4044</v>
      </c>
      <c r="D4027" s="6"/>
      <c r="E4027" s="6" t="s">
        <v>9</v>
      </c>
      <c r="F4027" s="7">
        <v>38657</v>
      </c>
      <c r="G4027" s="8">
        <v>1</v>
      </c>
      <c r="H4027" s="8">
        <v>1</v>
      </c>
      <c r="I4027" s="8">
        <v>0</v>
      </c>
      <c r="J4027" s="8">
        <v>1</v>
      </c>
      <c r="K4027" s="9">
        <v>6.11</v>
      </c>
      <c r="L4027" s="6" t="s">
        <v>51</v>
      </c>
    </row>
    <row r="4028" spans="1:12">
      <c r="A4028" s="6" t="s">
        <v>49</v>
      </c>
      <c r="B4028" s="6"/>
      <c r="C4028" s="6" t="s">
        <v>4045</v>
      </c>
      <c r="D4028" s="6"/>
      <c r="E4028" s="6" t="s">
        <v>9</v>
      </c>
      <c r="F4028" s="7">
        <v>38657</v>
      </c>
      <c r="G4028" s="8">
        <v>1</v>
      </c>
      <c r="H4028" s="8">
        <v>1</v>
      </c>
      <c r="I4028" s="8">
        <v>0</v>
      </c>
      <c r="J4028" s="8">
        <v>1</v>
      </c>
      <c r="K4028" s="9">
        <v>11</v>
      </c>
      <c r="L4028" s="6" t="s">
        <v>51</v>
      </c>
    </row>
    <row r="4029" spans="1:12">
      <c r="A4029" s="6" t="s">
        <v>49</v>
      </c>
      <c r="B4029" s="6"/>
      <c r="C4029" s="6" t="s">
        <v>4046</v>
      </c>
      <c r="D4029" s="6"/>
      <c r="E4029" s="6" t="s">
        <v>9</v>
      </c>
      <c r="F4029" s="7">
        <v>38657</v>
      </c>
      <c r="G4029" s="8">
        <v>1</v>
      </c>
      <c r="H4029" s="8">
        <v>1</v>
      </c>
      <c r="I4029" s="8">
        <v>0</v>
      </c>
      <c r="J4029" s="8">
        <v>1</v>
      </c>
      <c r="K4029" s="9">
        <v>7.8</v>
      </c>
      <c r="L4029" s="6" t="s">
        <v>51</v>
      </c>
    </row>
    <row r="4030" spans="1:12">
      <c r="A4030" s="6" t="s">
        <v>49</v>
      </c>
      <c r="B4030" s="6"/>
      <c r="C4030" s="6" t="s">
        <v>4047</v>
      </c>
      <c r="D4030" s="6"/>
      <c r="E4030" s="6" t="s">
        <v>9</v>
      </c>
      <c r="F4030" s="7">
        <v>38657</v>
      </c>
      <c r="G4030" s="8">
        <v>1</v>
      </c>
      <c r="H4030" s="8">
        <v>1</v>
      </c>
      <c r="I4030" s="8">
        <v>0</v>
      </c>
      <c r="J4030" s="8">
        <v>1</v>
      </c>
      <c r="K4030" s="9">
        <v>127</v>
      </c>
      <c r="L4030" s="6" t="s">
        <v>51</v>
      </c>
    </row>
    <row r="4031" spans="1:12">
      <c r="A4031" s="6" t="s">
        <v>49</v>
      </c>
      <c r="B4031" s="6"/>
      <c r="C4031" s="6" t="s">
        <v>4048</v>
      </c>
      <c r="D4031" s="6"/>
      <c r="E4031" s="6" t="s">
        <v>9</v>
      </c>
      <c r="F4031" s="7">
        <v>38657</v>
      </c>
      <c r="G4031" s="8">
        <v>1</v>
      </c>
      <c r="H4031" s="8">
        <v>1</v>
      </c>
      <c r="I4031" s="8">
        <v>0</v>
      </c>
      <c r="J4031" s="8">
        <v>1</v>
      </c>
      <c r="K4031" s="9">
        <v>423</v>
      </c>
      <c r="L4031" s="6" t="s">
        <v>51</v>
      </c>
    </row>
    <row r="4032" spans="1:12">
      <c r="A4032" s="6" t="s">
        <v>49</v>
      </c>
      <c r="B4032" s="6"/>
      <c r="C4032" s="6" t="s">
        <v>4049</v>
      </c>
      <c r="D4032" s="6"/>
      <c r="E4032" s="6" t="s">
        <v>9</v>
      </c>
      <c r="F4032" s="7">
        <v>38657</v>
      </c>
      <c r="G4032" s="8">
        <v>1</v>
      </c>
      <c r="H4032" s="8">
        <v>1</v>
      </c>
      <c r="I4032" s="8">
        <v>0</v>
      </c>
      <c r="J4032" s="8">
        <v>1</v>
      </c>
      <c r="K4032" s="9">
        <v>64</v>
      </c>
      <c r="L4032" s="6" t="s">
        <v>51</v>
      </c>
    </row>
    <row r="4033" spans="1:12">
      <c r="A4033" s="6" t="s">
        <v>49</v>
      </c>
      <c r="B4033" s="6"/>
      <c r="C4033" s="6" t="s">
        <v>4050</v>
      </c>
      <c r="D4033" s="6"/>
      <c r="E4033" s="6" t="s">
        <v>9</v>
      </c>
      <c r="F4033" s="7">
        <v>38657</v>
      </c>
      <c r="G4033" s="8">
        <v>1</v>
      </c>
      <c r="H4033" s="8">
        <v>1</v>
      </c>
      <c r="I4033" s="8">
        <v>0</v>
      </c>
      <c r="J4033" s="8">
        <v>1</v>
      </c>
      <c r="K4033" s="9">
        <v>58</v>
      </c>
      <c r="L4033" s="6" t="s">
        <v>51</v>
      </c>
    </row>
    <row r="4034" spans="1:12">
      <c r="A4034" s="6" t="s">
        <v>49</v>
      </c>
      <c r="B4034" s="6"/>
      <c r="C4034" s="6" t="s">
        <v>4051</v>
      </c>
      <c r="D4034" s="6"/>
      <c r="E4034" s="6" t="s">
        <v>9</v>
      </c>
      <c r="F4034" s="7">
        <v>38657</v>
      </c>
      <c r="G4034" s="8">
        <v>1</v>
      </c>
      <c r="H4034" s="8">
        <v>1</v>
      </c>
      <c r="I4034" s="8">
        <v>0</v>
      </c>
      <c r="J4034" s="8">
        <v>1</v>
      </c>
      <c r="K4034" s="9">
        <v>6.09</v>
      </c>
      <c r="L4034" s="6" t="s">
        <v>51</v>
      </c>
    </row>
    <row r="4035" spans="1:12">
      <c r="A4035" s="6" t="s">
        <v>49</v>
      </c>
      <c r="B4035" s="6"/>
      <c r="C4035" s="6" t="s">
        <v>4052</v>
      </c>
      <c r="D4035" s="6"/>
      <c r="E4035" s="6" t="s">
        <v>9</v>
      </c>
      <c r="F4035" s="7">
        <v>38657</v>
      </c>
      <c r="G4035" s="8">
        <v>1</v>
      </c>
      <c r="H4035" s="8">
        <v>1</v>
      </c>
      <c r="I4035" s="8">
        <v>0</v>
      </c>
      <c r="J4035" s="8">
        <v>1</v>
      </c>
      <c r="K4035" s="9">
        <v>33</v>
      </c>
      <c r="L4035" s="6" t="s">
        <v>51</v>
      </c>
    </row>
    <row r="4036" spans="1:12">
      <c r="A4036" s="6" t="s">
        <v>49</v>
      </c>
      <c r="B4036" s="6"/>
      <c r="C4036" s="6" t="s">
        <v>4053</v>
      </c>
      <c r="D4036" s="6"/>
      <c r="E4036" s="6" t="s">
        <v>9</v>
      </c>
      <c r="F4036" s="7">
        <v>38657</v>
      </c>
      <c r="G4036" s="8">
        <v>1</v>
      </c>
      <c r="H4036" s="8">
        <v>1</v>
      </c>
      <c r="I4036" s="8">
        <v>0</v>
      </c>
      <c r="J4036" s="8">
        <v>1</v>
      </c>
      <c r="K4036" s="9">
        <v>2.72</v>
      </c>
      <c r="L4036" s="6" t="s">
        <v>51</v>
      </c>
    </row>
    <row r="4037" spans="1:12">
      <c r="A4037" s="6" t="s">
        <v>49</v>
      </c>
      <c r="B4037" s="6"/>
      <c r="C4037" s="6" t="s">
        <v>4054</v>
      </c>
      <c r="D4037" s="6"/>
      <c r="E4037" s="6" t="s">
        <v>9</v>
      </c>
      <c r="F4037" s="7">
        <v>38657</v>
      </c>
      <c r="G4037" s="8">
        <v>1</v>
      </c>
      <c r="H4037" s="8">
        <v>1</v>
      </c>
      <c r="I4037" s="8">
        <v>0</v>
      </c>
      <c r="J4037" s="8">
        <v>1</v>
      </c>
      <c r="K4037" s="9">
        <v>52</v>
      </c>
      <c r="L4037" s="6" t="s">
        <v>51</v>
      </c>
    </row>
    <row r="4038" spans="1:12">
      <c r="A4038" s="6" t="s">
        <v>49</v>
      </c>
      <c r="B4038" s="6"/>
      <c r="C4038" s="6" t="s">
        <v>4055</v>
      </c>
      <c r="D4038" s="6"/>
      <c r="E4038" s="6" t="s">
        <v>9</v>
      </c>
      <c r="F4038" s="7">
        <v>38657</v>
      </c>
      <c r="G4038" s="8">
        <v>1</v>
      </c>
      <c r="H4038" s="8">
        <v>1</v>
      </c>
      <c r="I4038" s="8">
        <v>0</v>
      </c>
      <c r="J4038" s="8">
        <v>1</v>
      </c>
      <c r="K4038" s="9">
        <v>100</v>
      </c>
      <c r="L4038" s="6" t="s">
        <v>51</v>
      </c>
    </row>
    <row r="4039" spans="1:12">
      <c r="A4039" s="6" t="s">
        <v>49</v>
      </c>
      <c r="B4039" s="6"/>
      <c r="C4039" s="6" t="s">
        <v>4056</v>
      </c>
      <c r="D4039" s="6"/>
      <c r="E4039" s="6" t="s">
        <v>9</v>
      </c>
      <c r="F4039" s="7">
        <v>38657</v>
      </c>
      <c r="G4039" s="8">
        <v>1</v>
      </c>
      <c r="H4039" s="8">
        <v>1</v>
      </c>
      <c r="I4039" s="8">
        <v>0</v>
      </c>
      <c r="J4039" s="8">
        <v>1</v>
      </c>
      <c r="K4039" s="9">
        <v>137</v>
      </c>
      <c r="L4039" s="6" t="s">
        <v>51</v>
      </c>
    </row>
    <row r="4040" spans="1:12">
      <c r="A4040" s="6" t="s">
        <v>49</v>
      </c>
      <c r="B4040" s="6"/>
      <c r="C4040" s="6" t="s">
        <v>4057</v>
      </c>
      <c r="D4040" s="6"/>
      <c r="E4040" s="6" t="s">
        <v>9</v>
      </c>
      <c r="F4040" s="7">
        <v>38657</v>
      </c>
      <c r="G4040" s="8">
        <v>1</v>
      </c>
      <c r="H4040" s="8">
        <v>1</v>
      </c>
      <c r="I4040" s="8">
        <v>0</v>
      </c>
      <c r="J4040" s="8">
        <v>1</v>
      </c>
      <c r="K4040" s="9">
        <v>118</v>
      </c>
      <c r="L4040" s="6" t="s">
        <v>51</v>
      </c>
    </row>
    <row r="4041" spans="1:12">
      <c r="A4041" s="6" t="s">
        <v>49</v>
      </c>
      <c r="B4041" s="6"/>
      <c r="C4041" s="6" t="s">
        <v>4058</v>
      </c>
      <c r="D4041" s="6"/>
      <c r="E4041" s="6" t="s">
        <v>9</v>
      </c>
      <c r="F4041" s="7">
        <v>38657</v>
      </c>
      <c r="G4041" s="8">
        <v>1</v>
      </c>
      <c r="H4041" s="8">
        <v>1</v>
      </c>
      <c r="I4041" s="8">
        <v>0</v>
      </c>
      <c r="J4041" s="8">
        <v>1</v>
      </c>
      <c r="K4041" s="9">
        <v>122</v>
      </c>
      <c r="L4041" s="6" t="s">
        <v>51</v>
      </c>
    </row>
    <row r="4042" spans="1:12">
      <c r="A4042" s="6" t="s">
        <v>49</v>
      </c>
      <c r="B4042" s="6"/>
      <c r="C4042" s="6" t="s">
        <v>4059</v>
      </c>
      <c r="D4042" s="6"/>
      <c r="E4042" s="6" t="s">
        <v>9</v>
      </c>
      <c r="F4042" s="7">
        <v>38657</v>
      </c>
      <c r="G4042" s="8">
        <v>1</v>
      </c>
      <c r="H4042" s="8">
        <v>1</v>
      </c>
      <c r="I4042" s="8">
        <v>0</v>
      </c>
      <c r="J4042" s="8">
        <v>1</v>
      </c>
      <c r="K4042" s="9">
        <v>269</v>
      </c>
      <c r="L4042" s="6" t="s">
        <v>51</v>
      </c>
    </row>
    <row r="4043" spans="1:12">
      <c r="A4043" s="6" t="s">
        <v>49</v>
      </c>
      <c r="B4043" s="6"/>
      <c r="C4043" s="6" t="s">
        <v>4060</v>
      </c>
      <c r="D4043" s="6"/>
      <c r="E4043" s="6" t="s">
        <v>9</v>
      </c>
      <c r="F4043" s="7">
        <v>38657</v>
      </c>
      <c r="G4043" s="8">
        <v>1</v>
      </c>
      <c r="H4043" s="8">
        <v>1</v>
      </c>
      <c r="I4043" s="8">
        <v>0</v>
      </c>
      <c r="J4043" s="8">
        <v>1</v>
      </c>
      <c r="K4043" s="9">
        <v>60</v>
      </c>
      <c r="L4043" s="6" t="s">
        <v>51</v>
      </c>
    </row>
    <row r="4044" spans="1:12">
      <c r="A4044" s="6" t="s">
        <v>49</v>
      </c>
      <c r="B4044" s="6"/>
      <c r="C4044" s="6" t="s">
        <v>4061</v>
      </c>
      <c r="D4044" s="6"/>
      <c r="E4044" s="6" t="s">
        <v>9</v>
      </c>
      <c r="F4044" s="7">
        <v>38657</v>
      </c>
      <c r="G4044" s="8">
        <v>1</v>
      </c>
      <c r="H4044" s="8">
        <v>1</v>
      </c>
      <c r="I4044" s="8">
        <v>0</v>
      </c>
      <c r="J4044" s="8">
        <v>1</v>
      </c>
      <c r="K4044" s="9">
        <v>247</v>
      </c>
      <c r="L4044" s="6" t="s">
        <v>51</v>
      </c>
    </row>
    <row r="4045" spans="1:12">
      <c r="A4045" s="6" t="s">
        <v>49</v>
      </c>
      <c r="B4045" s="6"/>
      <c r="C4045" s="6" t="s">
        <v>4062</v>
      </c>
      <c r="D4045" s="6"/>
      <c r="E4045" s="6" t="s">
        <v>9</v>
      </c>
      <c r="F4045" s="7">
        <v>38657</v>
      </c>
      <c r="G4045" s="8">
        <v>1</v>
      </c>
      <c r="H4045" s="8">
        <v>1</v>
      </c>
      <c r="I4045" s="8">
        <v>0</v>
      </c>
      <c r="J4045" s="8">
        <v>1</v>
      </c>
      <c r="K4045" s="9">
        <v>23</v>
      </c>
      <c r="L4045" s="6" t="s">
        <v>51</v>
      </c>
    </row>
    <row r="4046" spans="1:12">
      <c r="A4046" s="6" t="s">
        <v>49</v>
      </c>
      <c r="B4046" s="6"/>
      <c r="C4046" s="6" t="s">
        <v>4063</v>
      </c>
      <c r="D4046" s="6"/>
      <c r="E4046" s="6" t="s">
        <v>9</v>
      </c>
      <c r="F4046" s="7">
        <v>38657</v>
      </c>
      <c r="G4046" s="8">
        <v>1</v>
      </c>
      <c r="H4046" s="8">
        <v>1</v>
      </c>
      <c r="I4046" s="8">
        <v>0</v>
      </c>
      <c r="J4046" s="8">
        <v>1</v>
      </c>
      <c r="K4046" s="9">
        <v>79</v>
      </c>
      <c r="L4046" s="6" t="s">
        <v>51</v>
      </c>
    </row>
    <row r="4047" spans="1:12">
      <c r="A4047" s="6" t="s">
        <v>49</v>
      </c>
      <c r="B4047" s="6"/>
      <c r="C4047" s="6" t="s">
        <v>4064</v>
      </c>
      <c r="D4047" s="6"/>
      <c r="E4047" s="6" t="s">
        <v>9</v>
      </c>
      <c r="F4047" s="7">
        <v>39497</v>
      </c>
      <c r="G4047" s="8">
        <v>1</v>
      </c>
      <c r="H4047" s="8">
        <v>1</v>
      </c>
      <c r="I4047" s="8">
        <v>0</v>
      </c>
      <c r="J4047" s="8">
        <v>1</v>
      </c>
      <c r="K4047" s="9">
        <v>497</v>
      </c>
      <c r="L4047" s="6" t="s">
        <v>51</v>
      </c>
    </row>
    <row r="4048" spans="1:12">
      <c r="A4048" s="6" t="s">
        <v>49</v>
      </c>
      <c r="B4048" s="6"/>
      <c r="C4048" s="6" t="s">
        <v>4065</v>
      </c>
      <c r="D4048" s="6"/>
      <c r="E4048" s="6" t="s">
        <v>9</v>
      </c>
      <c r="F4048" s="7">
        <v>38657</v>
      </c>
      <c r="G4048" s="8">
        <v>1</v>
      </c>
      <c r="H4048" s="8">
        <v>1</v>
      </c>
      <c r="I4048" s="8">
        <v>0</v>
      </c>
      <c r="J4048" s="8">
        <v>1</v>
      </c>
      <c r="K4048" s="9">
        <v>40</v>
      </c>
      <c r="L4048" s="6" t="s">
        <v>51</v>
      </c>
    </row>
    <row r="4049" spans="1:12">
      <c r="A4049" s="6" t="s">
        <v>49</v>
      </c>
      <c r="B4049" s="6"/>
      <c r="C4049" s="6" t="s">
        <v>4066</v>
      </c>
      <c r="D4049" s="6"/>
      <c r="E4049" s="6" t="s">
        <v>9</v>
      </c>
      <c r="F4049" s="7">
        <v>38657</v>
      </c>
      <c r="G4049" s="8">
        <v>1</v>
      </c>
      <c r="H4049" s="8">
        <v>1</v>
      </c>
      <c r="I4049" s="8">
        <v>0</v>
      </c>
      <c r="J4049" s="8">
        <v>1</v>
      </c>
      <c r="K4049" s="9">
        <v>18</v>
      </c>
      <c r="L4049" s="6" t="s">
        <v>51</v>
      </c>
    </row>
    <row r="4050" spans="1:12">
      <c r="A4050" s="6" t="s">
        <v>49</v>
      </c>
      <c r="B4050" s="6"/>
      <c r="C4050" s="6" t="s">
        <v>4067</v>
      </c>
      <c r="D4050" s="6"/>
      <c r="E4050" s="6" t="s">
        <v>9</v>
      </c>
      <c r="F4050" s="7">
        <v>38657</v>
      </c>
      <c r="G4050" s="8">
        <v>1</v>
      </c>
      <c r="H4050" s="8">
        <v>1</v>
      </c>
      <c r="I4050" s="8">
        <v>0</v>
      </c>
      <c r="J4050" s="8">
        <v>1</v>
      </c>
      <c r="K4050" s="9">
        <v>279</v>
      </c>
      <c r="L4050" s="6" t="s">
        <v>51</v>
      </c>
    </row>
    <row r="4051" spans="1:12">
      <c r="A4051" s="6" t="s">
        <v>49</v>
      </c>
      <c r="B4051" s="6"/>
      <c r="C4051" s="6" t="s">
        <v>4068</v>
      </c>
      <c r="D4051" s="6"/>
      <c r="E4051" s="6" t="s">
        <v>9</v>
      </c>
      <c r="F4051" s="7">
        <v>38657</v>
      </c>
      <c r="G4051" s="8">
        <v>1</v>
      </c>
      <c r="H4051" s="8">
        <v>1</v>
      </c>
      <c r="I4051" s="8">
        <v>0</v>
      </c>
      <c r="J4051" s="8">
        <v>1</v>
      </c>
      <c r="K4051" s="9">
        <v>23</v>
      </c>
      <c r="L4051" s="6" t="s">
        <v>51</v>
      </c>
    </row>
    <row r="4052" spans="1:12">
      <c r="A4052" s="6" t="s">
        <v>49</v>
      </c>
      <c r="B4052" s="6"/>
      <c r="C4052" s="6" t="s">
        <v>4069</v>
      </c>
      <c r="D4052" s="6"/>
      <c r="E4052" s="6" t="s">
        <v>9</v>
      </c>
      <c r="F4052" s="7">
        <v>38657</v>
      </c>
      <c r="G4052" s="8">
        <v>1</v>
      </c>
      <c r="H4052" s="8">
        <v>1</v>
      </c>
      <c r="I4052" s="8">
        <v>0</v>
      </c>
      <c r="J4052" s="8">
        <v>1</v>
      </c>
      <c r="K4052" s="9">
        <v>99</v>
      </c>
      <c r="L4052" s="6" t="s">
        <v>51</v>
      </c>
    </row>
    <row r="4053" spans="1:12">
      <c r="A4053" s="6" t="s">
        <v>49</v>
      </c>
      <c r="B4053" s="6"/>
      <c r="C4053" s="6" t="s">
        <v>4070</v>
      </c>
      <c r="D4053" s="6"/>
      <c r="E4053" s="6" t="s">
        <v>9</v>
      </c>
      <c r="F4053" s="7">
        <v>38657</v>
      </c>
      <c r="G4053" s="8">
        <v>1</v>
      </c>
      <c r="H4053" s="8">
        <v>1</v>
      </c>
      <c r="I4053" s="8">
        <v>0</v>
      </c>
      <c r="J4053" s="8">
        <v>1</v>
      </c>
      <c r="K4053" s="9">
        <v>237</v>
      </c>
      <c r="L4053" s="6" t="s">
        <v>51</v>
      </c>
    </row>
    <row r="4054" spans="1:12">
      <c r="A4054" s="6" t="s">
        <v>49</v>
      </c>
      <c r="B4054" s="6"/>
      <c r="C4054" s="6" t="s">
        <v>4071</v>
      </c>
      <c r="D4054" s="6"/>
      <c r="E4054" s="6" t="s">
        <v>9</v>
      </c>
      <c r="F4054" s="7">
        <v>38657</v>
      </c>
      <c r="G4054" s="8">
        <v>1</v>
      </c>
      <c r="H4054" s="8">
        <v>1</v>
      </c>
      <c r="I4054" s="8">
        <v>0</v>
      </c>
      <c r="J4054" s="8">
        <v>1</v>
      </c>
      <c r="K4054" s="9">
        <v>37</v>
      </c>
      <c r="L4054" s="6" t="s">
        <v>51</v>
      </c>
    </row>
    <row r="4055" spans="1:12">
      <c r="A4055" s="6" t="s">
        <v>49</v>
      </c>
      <c r="B4055" s="6"/>
      <c r="C4055" s="6" t="s">
        <v>4072</v>
      </c>
      <c r="D4055" s="6"/>
      <c r="E4055" s="6" t="s">
        <v>9</v>
      </c>
      <c r="F4055" s="7">
        <v>38657</v>
      </c>
      <c r="G4055" s="8">
        <v>1</v>
      </c>
      <c r="H4055" s="8">
        <v>1</v>
      </c>
      <c r="I4055" s="8">
        <v>0</v>
      </c>
      <c r="J4055" s="8">
        <v>1</v>
      </c>
      <c r="K4055" s="9">
        <v>6.61</v>
      </c>
      <c r="L4055" s="6" t="s">
        <v>51</v>
      </c>
    </row>
    <row r="4056" spans="1:12">
      <c r="A4056" s="6" t="s">
        <v>49</v>
      </c>
      <c r="B4056" s="6"/>
      <c r="C4056" s="6" t="s">
        <v>4073</v>
      </c>
      <c r="D4056" s="6"/>
      <c r="E4056" s="6" t="s">
        <v>9</v>
      </c>
      <c r="F4056" s="7">
        <v>38657</v>
      </c>
      <c r="G4056" s="8">
        <v>1</v>
      </c>
      <c r="H4056" s="8">
        <v>1</v>
      </c>
      <c r="I4056" s="8">
        <v>0</v>
      </c>
      <c r="J4056" s="8">
        <v>1</v>
      </c>
      <c r="K4056" s="9">
        <v>13</v>
      </c>
      <c r="L4056" s="6" t="s">
        <v>51</v>
      </c>
    </row>
    <row r="4057" spans="1:12">
      <c r="A4057" s="6" t="s">
        <v>49</v>
      </c>
      <c r="B4057" s="6"/>
      <c r="C4057" s="6" t="s">
        <v>4074</v>
      </c>
      <c r="D4057" s="6"/>
      <c r="E4057" s="6" t="s">
        <v>9</v>
      </c>
      <c r="F4057" s="7">
        <v>38657</v>
      </c>
      <c r="G4057" s="8">
        <v>1</v>
      </c>
      <c r="H4057" s="8">
        <v>1</v>
      </c>
      <c r="I4057" s="8">
        <v>0</v>
      </c>
      <c r="J4057" s="8">
        <v>1</v>
      </c>
      <c r="K4057" s="9">
        <v>3.07</v>
      </c>
      <c r="L4057" s="6" t="s">
        <v>51</v>
      </c>
    </row>
    <row r="4058" spans="1:12">
      <c r="A4058" s="6" t="s">
        <v>49</v>
      </c>
      <c r="B4058" s="6"/>
      <c r="C4058" s="6" t="s">
        <v>4075</v>
      </c>
      <c r="D4058" s="6"/>
      <c r="E4058" s="6" t="s">
        <v>9</v>
      </c>
      <c r="F4058" s="7">
        <v>38657</v>
      </c>
      <c r="G4058" s="8">
        <v>1</v>
      </c>
      <c r="H4058" s="8">
        <v>1</v>
      </c>
      <c r="I4058" s="8">
        <v>0</v>
      </c>
      <c r="J4058" s="8">
        <v>1</v>
      </c>
      <c r="K4058" s="9">
        <v>29</v>
      </c>
      <c r="L4058" s="6" t="s">
        <v>51</v>
      </c>
    </row>
    <row r="4059" spans="1:12">
      <c r="A4059" s="6" t="s">
        <v>49</v>
      </c>
      <c r="B4059" s="6"/>
      <c r="C4059" s="6" t="s">
        <v>4076</v>
      </c>
      <c r="D4059" s="6"/>
      <c r="E4059" s="6" t="s">
        <v>9</v>
      </c>
      <c r="F4059" s="7">
        <v>38657</v>
      </c>
      <c r="G4059" s="8">
        <v>1</v>
      </c>
      <c r="H4059" s="8">
        <v>1</v>
      </c>
      <c r="I4059" s="8">
        <v>0</v>
      </c>
      <c r="J4059" s="8">
        <v>1</v>
      </c>
      <c r="K4059" s="9">
        <v>4.03</v>
      </c>
      <c r="L4059" s="6" t="s">
        <v>51</v>
      </c>
    </row>
    <row r="4060" spans="1:12">
      <c r="A4060" s="6" t="s">
        <v>49</v>
      </c>
      <c r="B4060" s="6"/>
      <c r="C4060" s="6" t="s">
        <v>4077</v>
      </c>
      <c r="D4060" s="6"/>
      <c r="E4060" s="6" t="s">
        <v>9</v>
      </c>
      <c r="F4060" s="7">
        <v>38657</v>
      </c>
      <c r="G4060" s="8">
        <v>1</v>
      </c>
      <c r="H4060" s="8">
        <v>1</v>
      </c>
      <c r="I4060" s="8">
        <v>0</v>
      </c>
      <c r="J4060" s="8">
        <v>1</v>
      </c>
      <c r="K4060" s="9">
        <v>2.04</v>
      </c>
      <c r="L4060" s="6" t="s">
        <v>51</v>
      </c>
    </row>
    <row r="4061" spans="1:12">
      <c r="A4061" s="6" t="s">
        <v>49</v>
      </c>
      <c r="B4061" s="6"/>
      <c r="C4061" s="6" t="s">
        <v>4078</v>
      </c>
      <c r="D4061" s="6"/>
      <c r="E4061" s="6" t="s">
        <v>9</v>
      </c>
      <c r="F4061" s="7">
        <v>38657</v>
      </c>
      <c r="G4061" s="8">
        <v>1</v>
      </c>
      <c r="H4061" s="8">
        <v>1</v>
      </c>
      <c r="I4061" s="8">
        <v>0</v>
      </c>
      <c r="J4061" s="8">
        <v>1</v>
      </c>
      <c r="K4061" s="9">
        <v>20</v>
      </c>
      <c r="L4061" s="6" t="s">
        <v>51</v>
      </c>
    </row>
    <row r="4062" spans="1:12">
      <c r="A4062" s="6" t="s">
        <v>49</v>
      </c>
      <c r="B4062" s="6"/>
      <c r="C4062" s="6" t="s">
        <v>4079</v>
      </c>
      <c r="D4062" s="6"/>
      <c r="E4062" s="6" t="s">
        <v>9</v>
      </c>
      <c r="F4062" s="7">
        <v>38657</v>
      </c>
      <c r="G4062" s="8">
        <v>1</v>
      </c>
      <c r="H4062" s="8">
        <v>1</v>
      </c>
      <c r="I4062" s="8">
        <v>0</v>
      </c>
      <c r="J4062" s="8">
        <v>1</v>
      </c>
      <c r="K4062" s="9">
        <v>11</v>
      </c>
      <c r="L4062" s="6" t="s">
        <v>51</v>
      </c>
    </row>
    <row r="4063" spans="1:12">
      <c r="A4063" s="6" t="s">
        <v>49</v>
      </c>
      <c r="B4063" s="6"/>
      <c r="C4063" s="6" t="s">
        <v>4080</v>
      </c>
      <c r="D4063" s="6"/>
      <c r="E4063" s="6" t="s">
        <v>9</v>
      </c>
      <c r="F4063" s="7">
        <v>38657</v>
      </c>
      <c r="G4063" s="8">
        <v>1</v>
      </c>
      <c r="H4063" s="8">
        <v>1</v>
      </c>
      <c r="I4063" s="8">
        <v>0</v>
      </c>
      <c r="J4063" s="8">
        <v>1</v>
      </c>
      <c r="K4063" s="9">
        <v>34</v>
      </c>
      <c r="L4063" s="6" t="s">
        <v>51</v>
      </c>
    </row>
    <row r="4064" spans="1:12">
      <c r="A4064" s="6" t="s">
        <v>49</v>
      </c>
      <c r="B4064" s="6"/>
      <c r="C4064" s="6" t="s">
        <v>4081</v>
      </c>
      <c r="D4064" s="6"/>
      <c r="E4064" s="6" t="s">
        <v>9</v>
      </c>
      <c r="F4064" s="7">
        <v>38657</v>
      </c>
      <c r="G4064" s="8">
        <v>1</v>
      </c>
      <c r="H4064" s="8">
        <v>1</v>
      </c>
      <c r="I4064" s="8">
        <v>0</v>
      </c>
      <c r="J4064" s="8">
        <v>1</v>
      </c>
      <c r="K4064" s="9">
        <v>363</v>
      </c>
      <c r="L4064" s="6" t="s">
        <v>51</v>
      </c>
    </row>
    <row r="4065" spans="1:12">
      <c r="A4065" s="6" t="s">
        <v>49</v>
      </c>
      <c r="B4065" s="6"/>
      <c r="C4065" s="6" t="s">
        <v>4082</v>
      </c>
      <c r="D4065" s="6"/>
      <c r="E4065" s="6" t="s">
        <v>9</v>
      </c>
      <c r="F4065" s="7">
        <v>38657</v>
      </c>
      <c r="G4065" s="8">
        <v>1</v>
      </c>
      <c r="H4065" s="8">
        <v>1</v>
      </c>
      <c r="I4065" s="8">
        <v>0</v>
      </c>
      <c r="J4065" s="8">
        <v>1</v>
      </c>
      <c r="K4065" s="9">
        <v>1.54</v>
      </c>
      <c r="L4065" s="6" t="s">
        <v>51</v>
      </c>
    </row>
    <row r="4066" spans="1:12">
      <c r="A4066" s="6" t="s">
        <v>49</v>
      </c>
      <c r="B4066" s="6"/>
      <c r="C4066" s="6" t="s">
        <v>4083</v>
      </c>
      <c r="D4066" s="6"/>
      <c r="E4066" s="6" t="s">
        <v>9</v>
      </c>
      <c r="F4066" s="7">
        <v>38657</v>
      </c>
      <c r="G4066" s="8">
        <v>1</v>
      </c>
      <c r="H4066" s="8">
        <v>1</v>
      </c>
      <c r="I4066" s="8">
        <v>0</v>
      </c>
      <c r="J4066" s="8">
        <v>1</v>
      </c>
      <c r="K4066" s="9">
        <v>97</v>
      </c>
      <c r="L4066" s="6" t="s">
        <v>51</v>
      </c>
    </row>
    <row r="4067" spans="1:12">
      <c r="A4067" s="6" t="s">
        <v>49</v>
      </c>
      <c r="B4067" s="6"/>
      <c r="C4067" s="6" t="s">
        <v>4084</v>
      </c>
      <c r="D4067" s="6"/>
      <c r="E4067" s="6" t="s">
        <v>9</v>
      </c>
      <c r="F4067" s="7">
        <v>38657</v>
      </c>
      <c r="G4067" s="8">
        <v>1</v>
      </c>
      <c r="H4067" s="8">
        <v>1</v>
      </c>
      <c r="I4067" s="8">
        <v>0</v>
      </c>
      <c r="J4067" s="8">
        <v>1</v>
      </c>
      <c r="K4067" s="9">
        <v>154</v>
      </c>
      <c r="L4067" s="6" t="s">
        <v>51</v>
      </c>
    </row>
    <row r="4068" spans="1:12">
      <c r="A4068" s="6" t="s">
        <v>49</v>
      </c>
      <c r="B4068" s="6"/>
      <c r="C4068" s="6" t="s">
        <v>4085</v>
      </c>
      <c r="D4068" s="6"/>
      <c r="E4068" s="6" t="s">
        <v>9</v>
      </c>
      <c r="F4068" s="7">
        <v>38657</v>
      </c>
      <c r="G4068" s="8">
        <v>1</v>
      </c>
      <c r="H4068" s="8">
        <v>1</v>
      </c>
      <c r="I4068" s="8">
        <v>0</v>
      </c>
      <c r="J4068" s="8">
        <v>1</v>
      </c>
      <c r="K4068" s="9">
        <v>10</v>
      </c>
      <c r="L4068" s="6" t="s">
        <v>51</v>
      </c>
    </row>
    <row r="4069" spans="1:12">
      <c r="A4069" s="6" t="s">
        <v>49</v>
      </c>
      <c r="B4069" s="6"/>
      <c r="C4069" s="6" t="s">
        <v>4086</v>
      </c>
      <c r="D4069" s="6"/>
      <c r="E4069" s="6" t="s">
        <v>9</v>
      </c>
      <c r="F4069" s="7">
        <v>38657</v>
      </c>
      <c r="G4069" s="8">
        <v>1</v>
      </c>
      <c r="H4069" s="8">
        <v>1</v>
      </c>
      <c r="I4069" s="8">
        <v>0</v>
      </c>
      <c r="J4069" s="8">
        <v>1</v>
      </c>
      <c r="K4069" s="9">
        <v>34.65</v>
      </c>
      <c r="L4069" s="6" t="s">
        <v>51</v>
      </c>
    </row>
    <row r="4070" spans="1:12">
      <c r="A4070" s="6" t="s">
        <v>49</v>
      </c>
      <c r="B4070" s="6"/>
      <c r="C4070" s="6" t="s">
        <v>4087</v>
      </c>
      <c r="D4070" s="6"/>
      <c r="E4070" s="6" t="s">
        <v>9</v>
      </c>
      <c r="F4070" s="7"/>
      <c r="G4070" s="8">
        <v>297</v>
      </c>
      <c r="H4070" s="8">
        <v>297</v>
      </c>
      <c r="I4070" s="8">
        <v>0</v>
      </c>
      <c r="J4070" s="8">
        <v>297</v>
      </c>
      <c r="K4070" s="9">
        <v>33</v>
      </c>
      <c r="L4070" s="6" t="s">
        <v>4088</v>
      </c>
    </row>
    <row r="4071" spans="1:12">
      <c r="A4071" s="6" t="s">
        <v>49</v>
      </c>
      <c r="B4071" s="6"/>
      <c r="C4071" s="6" t="s">
        <v>4089</v>
      </c>
      <c r="D4071" s="6"/>
      <c r="E4071" s="6" t="s">
        <v>9</v>
      </c>
      <c r="F4071" s="7">
        <v>38657</v>
      </c>
      <c r="G4071" s="8">
        <v>1</v>
      </c>
      <c r="H4071" s="8">
        <v>1</v>
      </c>
      <c r="I4071" s="8">
        <v>0</v>
      </c>
      <c r="J4071" s="8">
        <v>1</v>
      </c>
      <c r="K4071" s="9">
        <v>144</v>
      </c>
      <c r="L4071" s="6" t="s">
        <v>51</v>
      </c>
    </row>
    <row r="4072" spans="1:12">
      <c r="A4072" s="6" t="s">
        <v>49</v>
      </c>
      <c r="B4072" s="6"/>
      <c r="C4072" s="6" t="s">
        <v>4090</v>
      </c>
      <c r="D4072" s="6"/>
      <c r="E4072" s="6" t="s">
        <v>9</v>
      </c>
      <c r="F4072" s="7">
        <v>38657</v>
      </c>
      <c r="G4072" s="8">
        <v>1</v>
      </c>
      <c r="H4072" s="8">
        <v>1</v>
      </c>
      <c r="I4072" s="8">
        <v>0</v>
      </c>
      <c r="J4072" s="8">
        <v>1</v>
      </c>
      <c r="K4072" s="9">
        <v>66</v>
      </c>
      <c r="L4072" s="6" t="s">
        <v>51</v>
      </c>
    </row>
    <row r="4073" spans="1:12">
      <c r="A4073" s="6" t="s">
        <v>49</v>
      </c>
      <c r="B4073" s="6"/>
      <c r="C4073" s="6" t="s">
        <v>4091</v>
      </c>
      <c r="D4073" s="6"/>
      <c r="E4073" s="6" t="s">
        <v>9</v>
      </c>
      <c r="F4073" s="7">
        <v>38657</v>
      </c>
      <c r="G4073" s="8">
        <v>1</v>
      </c>
      <c r="H4073" s="8">
        <v>1</v>
      </c>
      <c r="I4073" s="8">
        <v>0</v>
      </c>
      <c r="J4073" s="8">
        <v>1</v>
      </c>
      <c r="K4073" s="9">
        <v>1.18</v>
      </c>
      <c r="L4073" s="6" t="s">
        <v>51</v>
      </c>
    </row>
    <row r="4074" spans="1:12">
      <c r="A4074" s="6" t="s">
        <v>49</v>
      </c>
      <c r="B4074" s="6"/>
      <c r="C4074" s="6" t="s">
        <v>4092</v>
      </c>
      <c r="D4074" s="6"/>
      <c r="E4074" s="6" t="s">
        <v>9</v>
      </c>
      <c r="F4074" s="7">
        <v>38657</v>
      </c>
      <c r="G4074" s="8">
        <v>1</v>
      </c>
      <c r="H4074" s="8">
        <v>1</v>
      </c>
      <c r="I4074" s="8">
        <v>0</v>
      </c>
      <c r="J4074" s="8">
        <v>1</v>
      </c>
      <c r="K4074" s="9">
        <v>3</v>
      </c>
      <c r="L4074" s="6" t="s">
        <v>51</v>
      </c>
    </row>
    <row r="4075" spans="1:12">
      <c r="A4075" s="6" t="s">
        <v>49</v>
      </c>
      <c r="B4075" s="6"/>
      <c r="C4075" s="6" t="s">
        <v>4093</v>
      </c>
      <c r="D4075" s="6"/>
      <c r="E4075" s="6" t="s">
        <v>9</v>
      </c>
      <c r="F4075" s="7">
        <v>38657</v>
      </c>
      <c r="G4075" s="8">
        <v>1</v>
      </c>
      <c r="H4075" s="8">
        <v>1</v>
      </c>
      <c r="I4075" s="8">
        <v>0</v>
      </c>
      <c r="J4075" s="8">
        <v>1</v>
      </c>
      <c r="K4075" s="9">
        <v>4.53</v>
      </c>
      <c r="L4075" s="6" t="s">
        <v>51</v>
      </c>
    </row>
    <row r="4076" spans="1:12">
      <c r="A4076" s="6" t="s">
        <v>49</v>
      </c>
      <c r="B4076" s="6"/>
      <c r="C4076" s="6" t="s">
        <v>4094</v>
      </c>
      <c r="D4076" s="6"/>
      <c r="E4076" s="6" t="s">
        <v>9</v>
      </c>
      <c r="F4076" s="7">
        <v>38657</v>
      </c>
      <c r="G4076" s="8">
        <v>1</v>
      </c>
      <c r="H4076" s="8">
        <v>1</v>
      </c>
      <c r="I4076" s="8">
        <v>0</v>
      </c>
      <c r="J4076" s="8">
        <v>1</v>
      </c>
      <c r="K4076" s="9">
        <v>68</v>
      </c>
      <c r="L4076" s="6" t="s">
        <v>51</v>
      </c>
    </row>
    <row r="4077" spans="1:12">
      <c r="A4077" s="6" t="s">
        <v>49</v>
      </c>
      <c r="B4077" s="6"/>
      <c r="C4077" s="6" t="s">
        <v>4095</v>
      </c>
      <c r="D4077" s="6"/>
      <c r="E4077" s="6" t="s">
        <v>9</v>
      </c>
      <c r="F4077" s="7">
        <v>38657</v>
      </c>
      <c r="G4077" s="8">
        <v>1</v>
      </c>
      <c r="H4077" s="8">
        <v>1</v>
      </c>
      <c r="I4077" s="8">
        <v>0</v>
      </c>
      <c r="J4077" s="8">
        <v>1</v>
      </c>
      <c r="K4077" s="9">
        <v>70</v>
      </c>
      <c r="L4077" s="6" t="s">
        <v>51</v>
      </c>
    </row>
    <row r="4078" spans="1:12">
      <c r="A4078" s="6" t="s">
        <v>49</v>
      </c>
      <c r="B4078" s="6"/>
      <c r="C4078" s="6" t="s">
        <v>4096</v>
      </c>
      <c r="D4078" s="6"/>
      <c r="E4078" s="6" t="s">
        <v>9</v>
      </c>
      <c r="F4078" s="7">
        <v>38657</v>
      </c>
      <c r="G4078" s="8">
        <v>1</v>
      </c>
      <c r="H4078" s="8">
        <v>1</v>
      </c>
      <c r="I4078" s="8">
        <v>0</v>
      </c>
      <c r="J4078" s="8">
        <v>1</v>
      </c>
      <c r="K4078" s="9">
        <v>9.5</v>
      </c>
      <c r="L4078" s="6" t="s">
        <v>51</v>
      </c>
    </row>
    <row r="4079" spans="1:12">
      <c r="A4079" s="6" t="s">
        <v>49</v>
      </c>
      <c r="B4079" s="6"/>
      <c r="C4079" s="6" t="s">
        <v>4097</v>
      </c>
      <c r="D4079" s="6"/>
      <c r="E4079" s="6" t="s">
        <v>9</v>
      </c>
      <c r="F4079" s="7">
        <v>38657</v>
      </c>
      <c r="G4079" s="8">
        <v>1</v>
      </c>
      <c r="H4079" s="8">
        <v>1</v>
      </c>
      <c r="I4079" s="8">
        <v>0</v>
      </c>
      <c r="J4079" s="8">
        <v>1</v>
      </c>
      <c r="K4079" s="9">
        <v>82</v>
      </c>
      <c r="L4079" s="6" t="s">
        <v>51</v>
      </c>
    </row>
    <row r="4080" spans="1:12">
      <c r="A4080" s="6" t="s">
        <v>49</v>
      </c>
      <c r="B4080" s="6"/>
      <c r="C4080" s="6" t="s">
        <v>4098</v>
      </c>
      <c r="D4080" s="6"/>
      <c r="E4080" s="6" t="s">
        <v>9</v>
      </c>
      <c r="F4080" s="7">
        <v>38657</v>
      </c>
      <c r="G4080" s="8">
        <v>1</v>
      </c>
      <c r="H4080" s="8">
        <v>1</v>
      </c>
      <c r="I4080" s="8">
        <v>0</v>
      </c>
      <c r="J4080" s="8">
        <v>1</v>
      </c>
      <c r="K4080" s="9">
        <v>23</v>
      </c>
      <c r="L4080" s="6" t="s">
        <v>51</v>
      </c>
    </row>
    <row r="4081" spans="1:12">
      <c r="A4081" s="6" t="s">
        <v>49</v>
      </c>
      <c r="B4081" s="6"/>
      <c r="C4081" s="6" t="s">
        <v>4099</v>
      </c>
      <c r="D4081" s="6"/>
      <c r="E4081" s="6" t="s">
        <v>9</v>
      </c>
      <c r="F4081" s="7">
        <v>38657</v>
      </c>
      <c r="G4081" s="8">
        <v>1</v>
      </c>
      <c r="H4081" s="8">
        <v>1</v>
      </c>
      <c r="I4081" s="8">
        <v>0</v>
      </c>
      <c r="J4081" s="8">
        <v>1</v>
      </c>
      <c r="K4081" s="9">
        <v>100</v>
      </c>
      <c r="L4081" s="6" t="s">
        <v>51</v>
      </c>
    </row>
    <row r="4082" spans="1:12">
      <c r="A4082" s="6" t="s">
        <v>49</v>
      </c>
      <c r="B4082" s="6"/>
      <c r="C4082" s="6" t="s">
        <v>4100</v>
      </c>
      <c r="D4082" s="6"/>
      <c r="E4082" s="6" t="s">
        <v>9</v>
      </c>
      <c r="F4082" s="7">
        <v>38657</v>
      </c>
      <c r="G4082" s="8">
        <v>1</v>
      </c>
      <c r="H4082" s="8">
        <v>1</v>
      </c>
      <c r="I4082" s="8">
        <v>0</v>
      </c>
      <c r="J4082" s="8">
        <v>1</v>
      </c>
      <c r="K4082" s="9">
        <v>44</v>
      </c>
      <c r="L4082" s="6" t="s">
        <v>51</v>
      </c>
    </row>
    <row r="4083" spans="1:12">
      <c r="A4083" s="6" t="s">
        <v>49</v>
      </c>
      <c r="B4083" s="6"/>
      <c r="C4083" s="6" t="s">
        <v>4101</v>
      </c>
      <c r="D4083" s="6"/>
      <c r="E4083" s="6" t="s">
        <v>9</v>
      </c>
      <c r="F4083" s="7">
        <v>38657</v>
      </c>
      <c r="G4083" s="8">
        <v>1</v>
      </c>
      <c r="H4083" s="8">
        <v>1</v>
      </c>
      <c r="I4083" s="8">
        <v>0</v>
      </c>
      <c r="J4083" s="8">
        <v>1</v>
      </c>
      <c r="K4083" s="9">
        <v>129</v>
      </c>
      <c r="L4083" s="6" t="s">
        <v>51</v>
      </c>
    </row>
    <row r="4084" spans="1:12">
      <c r="A4084" s="6" t="s">
        <v>49</v>
      </c>
      <c r="B4084" s="6"/>
      <c r="C4084" s="6" t="s">
        <v>4102</v>
      </c>
      <c r="D4084" s="6"/>
      <c r="E4084" s="6" t="s">
        <v>9</v>
      </c>
      <c r="F4084" s="7">
        <v>38657</v>
      </c>
      <c r="G4084" s="8">
        <v>1</v>
      </c>
      <c r="H4084" s="8">
        <v>1</v>
      </c>
      <c r="I4084" s="8">
        <v>0</v>
      </c>
      <c r="J4084" s="8">
        <v>1</v>
      </c>
      <c r="K4084" s="9">
        <v>111</v>
      </c>
      <c r="L4084" s="6" t="s">
        <v>51</v>
      </c>
    </row>
    <row r="4085" spans="1:12">
      <c r="A4085" s="6" t="s">
        <v>49</v>
      </c>
      <c r="B4085" s="6"/>
      <c r="C4085" s="6" t="s">
        <v>4103</v>
      </c>
      <c r="D4085" s="6"/>
      <c r="E4085" s="6" t="s">
        <v>9</v>
      </c>
      <c r="F4085" s="7">
        <v>38657</v>
      </c>
      <c r="G4085" s="8">
        <v>1</v>
      </c>
      <c r="H4085" s="8">
        <v>1</v>
      </c>
      <c r="I4085" s="8">
        <v>0</v>
      </c>
      <c r="J4085" s="8">
        <v>1</v>
      </c>
      <c r="K4085" s="9">
        <v>29</v>
      </c>
      <c r="L4085" s="6" t="s">
        <v>51</v>
      </c>
    </row>
    <row r="4086" spans="1:12">
      <c r="A4086" s="6" t="s">
        <v>49</v>
      </c>
      <c r="B4086" s="6"/>
      <c r="C4086" s="6" t="s">
        <v>4104</v>
      </c>
      <c r="D4086" s="6"/>
      <c r="E4086" s="6" t="s">
        <v>9</v>
      </c>
      <c r="F4086" s="7">
        <v>38657</v>
      </c>
      <c r="G4086" s="8">
        <v>1</v>
      </c>
      <c r="H4086" s="8">
        <v>1</v>
      </c>
      <c r="I4086" s="8">
        <v>0</v>
      </c>
      <c r="J4086" s="8">
        <v>1</v>
      </c>
      <c r="K4086" s="9">
        <v>119</v>
      </c>
      <c r="L4086" s="6" t="s">
        <v>51</v>
      </c>
    </row>
    <row r="4087" spans="1:12">
      <c r="A4087" s="6" t="s">
        <v>49</v>
      </c>
      <c r="B4087" s="6"/>
      <c r="C4087" s="6" t="s">
        <v>4105</v>
      </c>
      <c r="D4087" s="6"/>
      <c r="E4087" s="6" t="s">
        <v>9</v>
      </c>
      <c r="F4087" s="7">
        <v>38657</v>
      </c>
      <c r="G4087" s="8">
        <v>1</v>
      </c>
      <c r="H4087" s="8">
        <v>1</v>
      </c>
      <c r="I4087" s="8">
        <v>0</v>
      </c>
      <c r="J4087" s="8">
        <v>1</v>
      </c>
      <c r="K4087" s="9">
        <v>37</v>
      </c>
      <c r="L4087" s="6" t="s">
        <v>51</v>
      </c>
    </row>
    <row r="4088" spans="1:12">
      <c r="A4088" s="6" t="s">
        <v>49</v>
      </c>
      <c r="B4088" s="6"/>
      <c r="C4088" s="6" t="s">
        <v>4106</v>
      </c>
      <c r="D4088" s="6"/>
      <c r="E4088" s="6" t="s">
        <v>9</v>
      </c>
      <c r="F4088" s="7">
        <v>38657</v>
      </c>
      <c r="G4088" s="8">
        <v>1</v>
      </c>
      <c r="H4088" s="8">
        <v>1</v>
      </c>
      <c r="I4088" s="8">
        <v>0</v>
      </c>
      <c r="J4088" s="8">
        <v>1</v>
      </c>
      <c r="K4088" s="9">
        <v>17</v>
      </c>
      <c r="L4088" s="6" t="s">
        <v>51</v>
      </c>
    </row>
    <row r="4089" spans="1:12">
      <c r="A4089" s="6" t="s">
        <v>49</v>
      </c>
      <c r="B4089" s="6"/>
      <c r="C4089" s="6" t="s">
        <v>4107</v>
      </c>
      <c r="D4089" s="6"/>
      <c r="E4089" s="6" t="s">
        <v>9</v>
      </c>
      <c r="F4089" s="7">
        <v>38657</v>
      </c>
      <c r="G4089" s="8">
        <v>1</v>
      </c>
      <c r="H4089" s="8">
        <v>1</v>
      </c>
      <c r="I4089" s="8">
        <v>0</v>
      </c>
      <c r="J4089" s="8">
        <v>1</v>
      </c>
      <c r="K4089" s="9">
        <v>3.71</v>
      </c>
      <c r="L4089" s="6" t="s">
        <v>51</v>
      </c>
    </row>
    <row r="4090" spans="1:12">
      <c r="A4090" s="6" t="s">
        <v>49</v>
      </c>
      <c r="B4090" s="6"/>
      <c r="C4090" s="6" t="s">
        <v>4108</v>
      </c>
      <c r="D4090" s="6"/>
      <c r="E4090" s="6" t="s">
        <v>9</v>
      </c>
      <c r="F4090" s="7">
        <v>38657</v>
      </c>
      <c r="G4090" s="8">
        <v>1</v>
      </c>
      <c r="H4090" s="8">
        <v>1</v>
      </c>
      <c r="I4090" s="8">
        <v>0</v>
      </c>
      <c r="J4090" s="8">
        <v>1</v>
      </c>
      <c r="K4090" s="9">
        <v>1.82</v>
      </c>
      <c r="L4090" s="6" t="s">
        <v>51</v>
      </c>
    </row>
    <row r="4091" spans="1:12">
      <c r="A4091" s="6" t="s">
        <v>49</v>
      </c>
      <c r="B4091" s="6"/>
      <c r="C4091" s="6" t="s">
        <v>4109</v>
      </c>
      <c r="D4091" s="6"/>
      <c r="E4091" s="6" t="s">
        <v>9</v>
      </c>
      <c r="F4091" s="7">
        <v>38657</v>
      </c>
      <c r="G4091" s="8">
        <v>1</v>
      </c>
      <c r="H4091" s="8">
        <v>1</v>
      </c>
      <c r="I4091" s="8">
        <v>0</v>
      </c>
      <c r="J4091" s="8">
        <v>1</v>
      </c>
      <c r="K4091" s="9">
        <v>49</v>
      </c>
      <c r="L4091" s="6" t="s">
        <v>51</v>
      </c>
    </row>
    <row r="4092" spans="1:12">
      <c r="A4092" s="6" t="s">
        <v>49</v>
      </c>
      <c r="B4092" s="6"/>
      <c r="C4092" s="6" t="s">
        <v>4110</v>
      </c>
      <c r="D4092" s="6"/>
      <c r="E4092" s="6" t="s">
        <v>9</v>
      </c>
      <c r="F4092" s="7">
        <v>38657</v>
      </c>
      <c r="G4092" s="8">
        <v>1</v>
      </c>
      <c r="H4092" s="8">
        <v>1</v>
      </c>
      <c r="I4092" s="8">
        <v>0</v>
      </c>
      <c r="J4092" s="8">
        <v>1</v>
      </c>
      <c r="K4092" s="9">
        <v>8.36</v>
      </c>
      <c r="L4092" s="6" t="s">
        <v>51</v>
      </c>
    </row>
    <row r="4093" spans="1:12">
      <c r="A4093" s="6" t="s">
        <v>49</v>
      </c>
      <c r="B4093" s="6"/>
      <c r="C4093" s="6" t="s">
        <v>4111</v>
      </c>
      <c r="D4093" s="6"/>
      <c r="E4093" s="6" t="s">
        <v>9</v>
      </c>
      <c r="F4093" s="7">
        <v>38657</v>
      </c>
      <c r="G4093" s="8">
        <v>1</v>
      </c>
      <c r="H4093" s="8">
        <v>1</v>
      </c>
      <c r="I4093" s="8">
        <v>0</v>
      </c>
      <c r="J4093" s="8">
        <v>1</v>
      </c>
      <c r="K4093" s="9">
        <v>127</v>
      </c>
      <c r="L4093" s="6" t="s">
        <v>51</v>
      </c>
    </row>
    <row r="4094" spans="1:12">
      <c r="A4094" s="6" t="s">
        <v>49</v>
      </c>
      <c r="B4094" s="6"/>
      <c r="C4094" s="6" t="s">
        <v>4112</v>
      </c>
      <c r="D4094" s="6"/>
      <c r="E4094" s="6" t="s">
        <v>9</v>
      </c>
      <c r="F4094" s="7">
        <v>38657</v>
      </c>
      <c r="G4094" s="8">
        <v>1</v>
      </c>
      <c r="H4094" s="8">
        <v>1</v>
      </c>
      <c r="I4094" s="8">
        <v>0</v>
      </c>
      <c r="J4094" s="8">
        <v>1</v>
      </c>
      <c r="K4094" s="9">
        <v>26</v>
      </c>
      <c r="L4094" s="6" t="s">
        <v>51</v>
      </c>
    </row>
    <row r="4095" spans="1:12">
      <c r="A4095" s="6" t="s">
        <v>49</v>
      </c>
      <c r="B4095" s="6"/>
      <c r="C4095" s="6" t="s">
        <v>4113</v>
      </c>
      <c r="D4095" s="6"/>
      <c r="E4095" s="6" t="s">
        <v>9</v>
      </c>
      <c r="F4095" s="7">
        <v>38657</v>
      </c>
      <c r="G4095" s="8">
        <v>1</v>
      </c>
      <c r="H4095" s="8">
        <v>1</v>
      </c>
      <c r="I4095" s="8">
        <v>0</v>
      </c>
      <c r="J4095" s="8">
        <v>1</v>
      </c>
      <c r="K4095" s="9">
        <v>102</v>
      </c>
      <c r="L4095" s="6" t="s">
        <v>51</v>
      </c>
    </row>
    <row r="4096" spans="1:12">
      <c r="A4096" s="6" t="s">
        <v>49</v>
      </c>
      <c r="B4096" s="6"/>
      <c r="C4096" s="6" t="s">
        <v>4114</v>
      </c>
      <c r="D4096" s="6"/>
      <c r="E4096" s="6" t="s">
        <v>9</v>
      </c>
      <c r="F4096" s="7">
        <v>38657</v>
      </c>
      <c r="G4096" s="8">
        <v>1</v>
      </c>
      <c r="H4096" s="8">
        <v>1</v>
      </c>
      <c r="I4096" s="8">
        <v>0</v>
      </c>
      <c r="J4096" s="8">
        <v>1</v>
      </c>
      <c r="K4096" s="9">
        <v>793</v>
      </c>
      <c r="L4096" s="6" t="s">
        <v>51</v>
      </c>
    </row>
    <row r="4097" spans="1:12">
      <c r="A4097" s="6" t="s">
        <v>49</v>
      </c>
      <c r="B4097" s="6"/>
      <c r="C4097" s="6" t="s">
        <v>4115</v>
      </c>
      <c r="D4097" s="6"/>
      <c r="E4097" s="6" t="s">
        <v>9</v>
      </c>
      <c r="F4097" s="7">
        <v>38657</v>
      </c>
      <c r="G4097" s="8">
        <v>1</v>
      </c>
      <c r="H4097" s="8">
        <v>1</v>
      </c>
      <c r="I4097" s="8">
        <v>0</v>
      </c>
      <c r="J4097" s="8">
        <v>1</v>
      </c>
      <c r="K4097" s="9">
        <v>39</v>
      </c>
      <c r="L4097" s="6" t="s">
        <v>51</v>
      </c>
    </row>
    <row r="4098" spans="1:12">
      <c r="A4098" s="6" t="s">
        <v>49</v>
      </c>
      <c r="B4098" s="6"/>
      <c r="C4098" s="6" t="s">
        <v>4116</v>
      </c>
      <c r="D4098" s="6"/>
      <c r="E4098" s="6" t="s">
        <v>9</v>
      </c>
      <c r="F4098" s="7">
        <v>38657</v>
      </c>
      <c r="G4098" s="8">
        <v>1</v>
      </c>
      <c r="H4098" s="8">
        <v>1</v>
      </c>
      <c r="I4098" s="8">
        <v>0</v>
      </c>
      <c r="J4098" s="8">
        <v>1</v>
      </c>
      <c r="K4098" s="9">
        <v>2.3199999999999901</v>
      </c>
      <c r="L4098" s="6" t="s">
        <v>51</v>
      </c>
    </row>
    <row r="4099" spans="1:12">
      <c r="A4099" s="6" t="s">
        <v>49</v>
      </c>
      <c r="B4099" s="6"/>
      <c r="C4099" s="6" t="s">
        <v>4117</v>
      </c>
      <c r="D4099" s="6"/>
      <c r="E4099" s="6" t="s">
        <v>9</v>
      </c>
      <c r="F4099" s="7">
        <v>38657</v>
      </c>
      <c r="G4099" s="8">
        <v>1</v>
      </c>
      <c r="H4099" s="8">
        <v>1</v>
      </c>
      <c r="I4099" s="8">
        <v>0</v>
      </c>
      <c r="J4099" s="8">
        <v>1</v>
      </c>
      <c r="K4099" s="9">
        <v>102</v>
      </c>
      <c r="L4099" s="6" t="s">
        <v>51</v>
      </c>
    </row>
    <row r="4100" spans="1:12">
      <c r="A4100" s="6" t="s">
        <v>49</v>
      </c>
      <c r="B4100" s="6"/>
      <c r="C4100" s="6" t="s">
        <v>4118</v>
      </c>
      <c r="D4100" s="6"/>
      <c r="E4100" s="6" t="s">
        <v>9</v>
      </c>
      <c r="F4100" s="7">
        <v>38657</v>
      </c>
      <c r="G4100" s="8">
        <v>1</v>
      </c>
      <c r="H4100" s="8">
        <v>1</v>
      </c>
      <c r="I4100" s="8">
        <v>0</v>
      </c>
      <c r="J4100" s="8">
        <v>1</v>
      </c>
      <c r="K4100" s="9">
        <v>95</v>
      </c>
      <c r="L4100" s="6" t="s">
        <v>51</v>
      </c>
    </row>
    <row r="4101" spans="1:12">
      <c r="A4101" s="6" t="s">
        <v>49</v>
      </c>
      <c r="B4101" s="6"/>
      <c r="C4101" s="6" t="s">
        <v>4119</v>
      </c>
      <c r="D4101" s="6"/>
      <c r="E4101" s="6" t="s">
        <v>9</v>
      </c>
      <c r="F4101" s="7">
        <v>38657</v>
      </c>
      <c r="G4101" s="8">
        <v>1</v>
      </c>
      <c r="H4101" s="8">
        <v>1</v>
      </c>
      <c r="I4101" s="8">
        <v>0</v>
      </c>
      <c r="J4101" s="8">
        <v>1</v>
      </c>
      <c r="K4101" s="9">
        <v>66</v>
      </c>
      <c r="L4101" s="6" t="s">
        <v>51</v>
      </c>
    </row>
    <row r="4102" spans="1:12">
      <c r="A4102" s="6" t="s">
        <v>49</v>
      </c>
      <c r="B4102" s="6"/>
      <c r="C4102" s="6" t="s">
        <v>4120</v>
      </c>
      <c r="D4102" s="6"/>
      <c r="E4102" s="6" t="s">
        <v>9</v>
      </c>
      <c r="F4102" s="7">
        <v>38657</v>
      </c>
      <c r="G4102" s="8">
        <v>1</v>
      </c>
      <c r="H4102" s="8">
        <v>1</v>
      </c>
      <c r="I4102" s="8">
        <v>0</v>
      </c>
      <c r="J4102" s="8">
        <v>1</v>
      </c>
      <c r="K4102" s="9">
        <v>37.33</v>
      </c>
      <c r="L4102" s="6" t="s">
        <v>51</v>
      </c>
    </row>
    <row r="4103" spans="1:12">
      <c r="A4103" s="6" t="s">
        <v>49</v>
      </c>
      <c r="B4103" s="6"/>
      <c r="C4103" s="6" t="s">
        <v>4121</v>
      </c>
      <c r="D4103" s="6"/>
      <c r="E4103" s="6" t="s">
        <v>9</v>
      </c>
      <c r="F4103" s="7">
        <v>38657</v>
      </c>
      <c r="G4103" s="8">
        <v>1</v>
      </c>
      <c r="H4103" s="8">
        <v>1</v>
      </c>
      <c r="I4103" s="8">
        <v>0</v>
      </c>
      <c r="J4103" s="8">
        <v>1</v>
      </c>
      <c r="K4103" s="9">
        <v>19</v>
      </c>
      <c r="L4103" s="6" t="s">
        <v>51</v>
      </c>
    </row>
    <row r="4104" spans="1:12">
      <c r="A4104" s="6" t="s">
        <v>49</v>
      </c>
      <c r="B4104" s="6"/>
      <c r="C4104" s="6" t="s">
        <v>4122</v>
      </c>
      <c r="D4104" s="6"/>
      <c r="E4104" s="6" t="s">
        <v>9</v>
      </c>
      <c r="F4104" s="7">
        <v>38657</v>
      </c>
      <c r="G4104" s="8">
        <v>1</v>
      </c>
      <c r="H4104" s="8">
        <v>1</v>
      </c>
      <c r="I4104" s="8">
        <v>0</v>
      </c>
      <c r="J4104" s="8">
        <v>1</v>
      </c>
      <c r="K4104" s="9">
        <v>178</v>
      </c>
      <c r="L4104" s="6" t="s">
        <v>51</v>
      </c>
    </row>
    <row r="4105" spans="1:12">
      <c r="A4105" s="6" t="s">
        <v>49</v>
      </c>
      <c r="B4105" s="6"/>
      <c r="C4105" s="6" t="s">
        <v>4123</v>
      </c>
      <c r="D4105" s="6"/>
      <c r="E4105" s="6" t="s">
        <v>9</v>
      </c>
      <c r="F4105" s="7">
        <v>38657</v>
      </c>
      <c r="G4105" s="8">
        <v>1</v>
      </c>
      <c r="H4105" s="8">
        <v>1</v>
      </c>
      <c r="I4105" s="8">
        <v>0</v>
      </c>
      <c r="J4105" s="8">
        <v>1</v>
      </c>
      <c r="K4105" s="9">
        <v>5.25</v>
      </c>
      <c r="L4105" s="6" t="s">
        <v>51</v>
      </c>
    </row>
    <row r="4106" spans="1:12">
      <c r="A4106" s="6" t="s">
        <v>49</v>
      </c>
      <c r="B4106" s="6"/>
      <c r="C4106" s="6" t="s">
        <v>4124</v>
      </c>
      <c r="D4106" s="6"/>
      <c r="E4106" s="6" t="s">
        <v>9</v>
      </c>
      <c r="F4106" s="7">
        <v>38657</v>
      </c>
      <c r="G4106" s="8">
        <v>1</v>
      </c>
      <c r="H4106" s="8">
        <v>1</v>
      </c>
      <c r="I4106" s="8">
        <v>0</v>
      </c>
      <c r="J4106" s="8">
        <v>1</v>
      </c>
      <c r="K4106" s="9">
        <v>7.98</v>
      </c>
      <c r="L4106" s="6" t="s">
        <v>51</v>
      </c>
    </row>
    <row r="4107" spans="1:12">
      <c r="A4107" s="6" t="s">
        <v>49</v>
      </c>
      <c r="B4107" s="6"/>
      <c r="C4107" s="6" t="s">
        <v>4125</v>
      </c>
      <c r="D4107" s="6"/>
      <c r="E4107" s="6" t="s">
        <v>9</v>
      </c>
      <c r="F4107" s="7">
        <v>38657</v>
      </c>
      <c r="G4107" s="8">
        <v>1</v>
      </c>
      <c r="H4107" s="8">
        <v>1</v>
      </c>
      <c r="I4107" s="8">
        <v>0</v>
      </c>
      <c r="J4107" s="8">
        <v>1</v>
      </c>
      <c r="K4107" s="9">
        <v>30</v>
      </c>
      <c r="L4107" s="6" t="s">
        <v>51</v>
      </c>
    </row>
    <row r="4108" spans="1:12">
      <c r="A4108" s="6" t="s">
        <v>49</v>
      </c>
      <c r="B4108" s="6"/>
      <c r="C4108" s="6" t="s">
        <v>4126</v>
      </c>
      <c r="D4108" s="6"/>
      <c r="E4108" s="6" t="s">
        <v>9</v>
      </c>
      <c r="F4108" s="7">
        <v>38657</v>
      </c>
      <c r="G4108" s="8">
        <v>1</v>
      </c>
      <c r="H4108" s="8">
        <v>1</v>
      </c>
      <c r="I4108" s="8">
        <v>0</v>
      </c>
      <c r="J4108" s="8">
        <v>1</v>
      </c>
      <c r="K4108" s="9">
        <v>44</v>
      </c>
      <c r="L4108" s="6" t="s">
        <v>51</v>
      </c>
    </row>
    <row r="4109" spans="1:12">
      <c r="A4109" s="6" t="s">
        <v>49</v>
      </c>
      <c r="B4109" s="6"/>
      <c r="C4109" s="6" t="s">
        <v>4127</v>
      </c>
      <c r="D4109" s="6"/>
      <c r="E4109" s="6" t="s">
        <v>9</v>
      </c>
      <c r="F4109" s="7">
        <v>38657</v>
      </c>
      <c r="G4109" s="8">
        <v>1</v>
      </c>
      <c r="H4109" s="8">
        <v>1</v>
      </c>
      <c r="I4109" s="8">
        <v>0</v>
      </c>
      <c r="J4109" s="8">
        <v>1</v>
      </c>
      <c r="K4109" s="9">
        <v>4.8</v>
      </c>
      <c r="L4109" s="6" t="s">
        <v>51</v>
      </c>
    </row>
    <row r="4110" spans="1:12">
      <c r="A4110" s="6" t="s">
        <v>49</v>
      </c>
      <c r="B4110" s="6"/>
      <c r="C4110" s="6" t="s">
        <v>4128</v>
      </c>
      <c r="D4110" s="6"/>
      <c r="E4110" s="6" t="s">
        <v>9</v>
      </c>
      <c r="F4110" s="7">
        <v>38657</v>
      </c>
      <c r="G4110" s="8">
        <v>1</v>
      </c>
      <c r="H4110" s="8">
        <v>1</v>
      </c>
      <c r="I4110" s="8">
        <v>0</v>
      </c>
      <c r="J4110" s="8">
        <v>1</v>
      </c>
      <c r="K4110" s="9">
        <v>4.6500000000000004</v>
      </c>
      <c r="L4110" s="6" t="s">
        <v>51</v>
      </c>
    </row>
    <row r="4111" spans="1:12">
      <c r="A4111" s="6" t="s">
        <v>49</v>
      </c>
      <c r="B4111" s="6"/>
      <c r="C4111" s="6" t="s">
        <v>4129</v>
      </c>
      <c r="D4111" s="6"/>
      <c r="E4111" s="6" t="s">
        <v>9</v>
      </c>
      <c r="F4111" s="7">
        <v>38657</v>
      </c>
      <c r="G4111" s="8">
        <v>1</v>
      </c>
      <c r="H4111" s="8">
        <v>1</v>
      </c>
      <c r="I4111" s="8">
        <v>0</v>
      </c>
      <c r="J4111" s="8">
        <v>1</v>
      </c>
      <c r="K4111" s="9">
        <v>75</v>
      </c>
      <c r="L4111" s="6" t="s">
        <v>51</v>
      </c>
    </row>
    <row r="4112" spans="1:12">
      <c r="A4112" s="6" t="s">
        <v>49</v>
      </c>
      <c r="B4112" s="6"/>
      <c r="C4112" s="6" t="s">
        <v>4130</v>
      </c>
      <c r="D4112" s="6"/>
      <c r="E4112" s="6" t="s">
        <v>9</v>
      </c>
      <c r="F4112" s="7">
        <v>38657</v>
      </c>
      <c r="G4112" s="8">
        <v>1</v>
      </c>
      <c r="H4112" s="8">
        <v>1</v>
      </c>
      <c r="I4112" s="8">
        <v>0</v>
      </c>
      <c r="J4112" s="8">
        <v>1</v>
      </c>
      <c r="K4112" s="9">
        <v>173</v>
      </c>
      <c r="L4112" s="6" t="s">
        <v>51</v>
      </c>
    </row>
    <row r="4113" spans="1:12">
      <c r="A4113" s="6" t="s">
        <v>49</v>
      </c>
      <c r="B4113" s="6"/>
      <c r="C4113" s="6" t="s">
        <v>4131</v>
      </c>
      <c r="D4113" s="6"/>
      <c r="E4113" s="6" t="s">
        <v>9</v>
      </c>
      <c r="F4113" s="7">
        <v>38657</v>
      </c>
      <c r="G4113" s="8">
        <v>1</v>
      </c>
      <c r="H4113" s="8">
        <v>1</v>
      </c>
      <c r="I4113" s="8">
        <v>0</v>
      </c>
      <c r="J4113" s="8">
        <v>1</v>
      </c>
      <c r="K4113" s="9">
        <v>39</v>
      </c>
      <c r="L4113" s="6" t="s">
        <v>51</v>
      </c>
    </row>
    <row r="4114" spans="1:12">
      <c r="A4114" s="6" t="s">
        <v>49</v>
      </c>
      <c r="B4114" s="6"/>
      <c r="C4114" s="6" t="s">
        <v>4132</v>
      </c>
      <c r="D4114" s="6"/>
      <c r="E4114" s="6" t="s">
        <v>9</v>
      </c>
      <c r="F4114" s="7">
        <v>38657</v>
      </c>
      <c r="G4114" s="8">
        <v>1</v>
      </c>
      <c r="H4114" s="8">
        <v>1</v>
      </c>
      <c r="I4114" s="8">
        <v>0</v>
      </c>
      <c r="J4114" s="8">
        <v>1</v>
      </c>
      <c r="K4114" s="9">
        <v>10</v>
      </c>
      <c r="L4114" s="6" t="s">
        <v>51</v>
      </c>
    </row>
    <row r="4115" spans="1:12">
      <c r="A4115" s="6" t="s">
        <v>49</v>
      </c>
      <c r="B4115" s="6"/>
      <c r="C4115" s="6" t="s">
        <v>4133</v>
      </c>
      <c r="D4115" s="6"/>
      <c r="E4115" s="6" t="s">
        <v>9</v>
      </c>
      <c r="F4115" s="7">
        <v>38657</v>
      </c>
      <c r="G4115" s="8">
        <v>1</v>
      </c>
      <c r="H4115" s="8">
        <v>1</v>
      </c>
      <c r="I4115" s="8">
        <v>0</v>
      </c>
      <c r="J4115" s="8">
        <v>1</v>
      </c>
      <c r="K4115" s="9">
        <v>58</v>
      </c>
      <c r="L4115" s="6" t="s">
        <v>51</v>
      </c>
    </row>
    <row r="4116" spans="1:12">
      <c r="A4116" s="6" t="s">
        <v>49</v>
      </c>
      <c r="B4116" s="6"/>
      <c r="C4116" s="6" t="s">
        <v>4134</v>
      </c>
      <c r="D4116" s="6"/>
      <c r="E4116" s="6" t="s">
        <v>9</v>
      </c>
      <c r="F4116" s="7">
        <v>38657</v>
      </c>
      <c r="G4116" s="8">
        <v>1</v>
      </c>
      <c r="H4116" s="8">
        <v>1</v>
      </c>
      <c r="I4116" s="8">
        <v>0</v>
      </c>
      <c r="J4116" s="8">
        <v>1</v>
      </c>
      <c r="K4116" s="9">
        <v>16</v>
      </c>
      <c r="L4116" s="6" t="s">
        <v>51</v>
      </c>
    </row>
    <row r="4117" spans="1:12">
      <c r="A4117" s="6" t="s">
        <v>49</v>
      </c>
      <c r="B4117" s="6"/>
      <c r="C4117" s="6" t="s">
        <v>4135</v>
      </c>
      <c r="D4117" s="6"/>
      <c r="E4117" s="6" t="s">
        <v>9</v>
      </c>
      <c r="F4117" s="7">
        <v>38657</v>
      </c>
      <c r="G4117" s="8">
        <v>1</v>
      </c>
      <c r="H4117" s="8">
        <v>1</v>
      </c>
      <c r="I4117" s="8">
        <v>0</v>
      </c>
      <c r="J4117" s="8">
        <v>1</v>
      </c>
      <c r="K4117" s="9">
        <v>54</v>
      </c>
      <c r="L4117" s="6" t="s">
        <v>51</v>
      </c>
    </row>
    <row r="4118" spans="1:12">
      <c r="A4118" s="6" t="s">
        <v>49</v>
      </c>
      <c r="B4118" s="6"/>
      <c r="C4118" s="6" t="s">
        <v>4136</v>
      </c>
      <c r="D4118" s="6"/>
      <c r="E4118" s="6" t="s">
        <v>9</v>
      </c>
      <c r="F4118" s="7">
        <v>38657</v>
      </c>
      <c r="G4118" s="8">
        <v>1</v>
      </c>
      <c r="H4118" s="8">
        <v>1</v>
      </c>
      <c r="I4118" s="8">
        <v>0</v>
      </c>
      <c r="J4118" s="8">
        <v>1</v>
      </c>
      <c r="K4118" s="9">
        <v>5.0999999999999899</v>
      </c>
      <c r="L4118" s="6" t="s">
        <v>51</v>
      </c>
    </row>
    <row r="4119" spans="1:12">
      <c r="A4119" s="6" t="s">
        <v>49</v>
      </c>
      <c r="B4119" s="6"/>
      <c r="C4119" s="6" t="s">
        <v>4137</v>
      </c>
      <c r="D4119" s="6"/>
      <c r="E4119" s="6" t="s">
        <v>9</v>
      </c>
      <c r="F4119" s="7">
        <v>38657</v>
      </c>
      <c r="G4119" s="8">
        <v>1</v>
      </c>
      <c r="H4119" s="8">
        <v>1</v>
      </c>
      <c r="I4119" s="8">
        <v>0</v>
      </c>
      <c r="J4119" s="8">
        <v>1</v>
      </c>
      <c r="K4119" s="9">
        <v>4.88</v>
      </c>
      <c r="L4119" s="6" t="s">
        <v>51</v>
      </c>
    </row>
    <row r="4120" spans="1:12">
      <c r="A4120" s="6" t="s">
        <v>49</v>
      </c>
      <c r="B4120" s="6"/>
      <c r="C4120" s="6" t="s">
        <v>4138</v>
      </c>
      <c r="D4120" s="6"/>
      <c r="E4120" s="6" t="s">
        <v>9</v>
      </c>
      <c r="F4120" s="7">
        <v>38657</v>
      </c>
      <c r="G4120" s="8">
        <v>1</v>
      </c>
      <c r="H4120" s="8">
        <v>1</v>
      </c>
      <c r="I4120" s="8">
        <v>0</v>
      </c>
      <c r="J4120" s="8">
        <v>1</v>
      </c>
      <c r="K4120" s="9">
        <v>17</v>
      </c>
      <c r="L4120" s="6" t="s">
        <v>51</v>
      </c>
    </row>
    <row r="4121" spans="1:12">
      <c r="A4121" s="6" t="s">
        <v>49</v>
      </c>
      <c r="B4121" s="6"/>
      <c r="C4121" s="6" t="s">
        <v>4139</v>
      </c>
      <c r="D4121" s="6"/>
      <c r="E4121" s="6" t="s">
        <v>9</v>
      </c>
      <c r="F4121" s="7">
        <v>38657</v>
      </c>
      <c r="G4121" s="8">
        <v>1</v>
      </c>
      <c r="H4121" s="8">
        <v>1</v>
      </c>
      <c r="I4121" s="8">
        <v>0</v>
      </c>
      <c r="J4121" s="8">
        <v>1</v>
      </c>
      <c r="K4121" s="9">
        <v>109</v>
      </c>
      <c r="L4121" s="6" t="s">
        <v>51</v>
      </c>
    </row>
    <row r="4122" spans="1:12">
      <c r="A4122" s="6" t="s">
        <v>49</v>
      </c>
      <c r="B4122" s="6"/>
      <c r="C4122" s="6" t="s">
        <v>4140</v>
      </c>
      <c r="D4122" s="6"/>
      <c r="E4122" s="6" t="s">
        <v>9</v>
      </c>
      <c r="F4122" s="7">
        <v>38657</v>
      </c>
      <c r="G4122" s="8">
        <v>1</v>
      </c>
      <c r="H4122" s="8">
        <v>1</v>
      </c>
      <c r="I4122" s="8">
        <v>0</v>
      </c>
      <c r="J4122" s="8">
        <v>1</v>
      </c>
      <c r="K4122" s="9">
        <v>52</v>
      </c>
      <c r="L4122" s="6" t="s">
        <v>51</v>
      </c>
    </row>
    <row r="4123" spans="1:12">
      <c r="A4123" s="6" t="s">
        <v>49</v>
      </c>
      <c r="B4123" s="6"/>
      <c r="C4123" s="6" t="s">
        <v>4141</v>
      </c>
      <c r="D4123" s="6"/>
      <c r="E4123" s="6" t="s">
        <v>9</v>
      </c>
      <c r="F4123" s="7">
        <v>38657</v>
      </c>
      <c r="G4123" s="8">
        <v>1</v>
      </c>
      <c r="H4123" s="8">
        <v>1</v>
      </c>
      <c r="I4123" s="8">
        <v>0</v>
      </c>
      <c r="J4123" s="8">
        <v>1</v>
      </c>
      <c r="K4123" s="9">
        <v>7.76</v>
      </c>
      <c r="L4123" s="6" t="s">
        <v>51</v>
      </c>
    </row>
    <row r="4124" spans="1:12">
      <c r="A4124" s="6" t="s">
        <v>49</v>
      </c>
      <c r="B4124" s="6"/>
      <c r="C4124" s="6" t="s">
        <v>4142</v>
      </c>
      <c r="D4124" s="6"/>
      <c r="E4124" s="6" t="s">
        <v>9</v>
      </c>
      <c r="F4124" s="7">
        <v>38657</v>
      </c>
      <c r="G4124" s="8">
        <v>1</v>
      </c>
      <c r="H4124" s="8">
        <v>1</v>
      </c>
      <c r="I4124" s="8">
        <v>0</v>
      </c>
      <c r="J4124" s="8">
        <v>1</v>
      </c>
      <c r="K4124" s="9">
        <v>7.93</v>
      </c>
      <c r="L4124" s="6" t="s">
        <v>51</v>
      </c>
    </row>
    <row r="4125" spans="1:12">
      <c r="A4125" s="6" t="s">
        <v>49</v>
      </c>
      <c r="B4125" s="6"/>
      <c r="C4125" s="6" t="s">
        <v>4143</v>
      </c>
      <c r="D4125" s="6"/>
      <c r="E4125" s="6" t="s">
        <v>9</v>
      </c>
      <c r="F4125" s="7">
        <v>38657</v>
      </c>
      <c r="G4125" s="8">
        <v>1</v>
      </c>
      <c r="H4125" s="8">
        <v>1</v>
      </c>
      <c r="I4125" s="8">
        <v>0</v>
      </c>
      <c r="J4125" s="8">
        <v>1</v>
      </c>
      <c r="K4125" s="9">
        <v>19</v>
      </c>
      <c r="L4125" s="6" t="s">
        <v>51</v>
      </c>
    </row>
    <row r="4126" spans="1:12">
      <c r="A4126" s="6" t="s">
        <v>49</v>
      </c>
      <c r="B4126" s="6"/>
      <c r="C4126" s="6" t="s">
        <v>4144</v>
      </c>
      <c r="D4126" s="6"/>
      <c r="E4126" s="6" t="s">
        <v>9</v>
      </c>
      <c r="F4126" s="7">
        <v>38657</v>
      </c>
      <c r="G4126" s="8">
        <v>1</v>
      </c>
      <c r="H4126" s="8">
        <v>1</v>
      </c>
      <c r="I4126" s="8">
        <v>0</v>
      </c>
      <c r="J4126" s="8">
        <v>1</v>
      </c>
      <c r="K4126" s="9">
        <v>65</v>
      </c>
      <c r="L4126" s="6" t="s">
        <v>51</v>
      </c>
    </row>
    <row r="4127" spans="1:12">
      <c r="A4127" s="6" t="s">
        <v>49</v>
      </c>
      <c r="B4127" s="6"/>
      <c r="C4127" s="6" t="s">
        <v>4145</v>
      </c>
      <c r="D4127" s="6"/>
      <c r="E4127" s="6" t="s">
        <v>9</v>
      </c>
      <c r="F4127" s="7">
        <v>38657</v>
      </c>
      <c r="G4127" s="8">
        <v>1</v>
      </c>
      <c r="H4127" s="8">
        <v>1</v>
      </c>
      <c r="I4127" s="8">
        <v>0</v>
      </c>
      <c r="J4127" s="8">
        <v>1</v>
      </c>
      <c r="K4127" s="9">
        <v>50</v>
      </c>
      <c r="L4127" s="6" t="s">
        <v>51</v>
      </c>
    </row>
    <row r="4128" spans="1:12">
      <c r="A4128" s="6" t="s">
        <v>49</v>
      </c>
      <c r="B4128" s="6"/>
      <c r="C4128" s="6" t="s">
        <v>4146</v>
      </c>
      <c r="D4128" s="6"/>
      <c r="E4128" s="6" t="s">
        <v>9</v>
      </c>
      <c r="F4128" s="7">
        <v>38657</v>
      </c>
      <c r="G4128" s="8">
        <v>1</v>
      </c>
      <c r="H4128" s="8">
        <v>1</v>
      </c>
      <c r="I4128" s="8">
        <v>0</v>
      </c>
      <c r="J4128" s="8">
        <v>1</v>
      </c>
      <c r="K4128" s="9">
        <v>105</v>
      </c>
      <c r="L4128" s="6" t="s">
        <v>51</v>
      </c>
    </row>
    <row r="4129" spans="1:12">
      <c r="A4129" s="6" t="s">
        <v>49</v>
      </c>
      <c r="B4129" s="6"/>
      <c r="C4129" s="6" t="s">
        <v>4147</v>
      </c>
      <c r="D4129" s="6"/>
      <c r="E4129" s="6" t="s">
        <v>9</v>
      </c>
      <c r="F4129" s="7">
        <v>38657</v>
      </c>
      <c r="G4129" s="8">
        <v>1</v>
      </c>
      <c r="H4129" s="8">
        <v>1</v>
      </c>
      <c r="I4129" s="8">
        <v>0</v>
      </c>
      <c r="J4129" s="8">
        <v>1</v>
      </c>
      <c r="K4129" s="9">
        <v>74</v>
      </c>
      <c r="L4129" s="6" t="s">
        <v>51</v>
      </c>
    </row>
    <row r="4130" spans="1:12">
      <c r="A4130" s="6" t="s">
        <v>49</v>
      </c>
      <c r="B4130" s="6"/>
      <c r="C4130" s="6" t="s">
        <v>4148</v>
      </c>
      <c r="D4130" s="6"/>
      <c r="E4130" s="6" t="s">
        <v>9</v>
      </c>
      <c r="F4130" s="7">
        <v>38657</v>
      </c>
      <c r="G4130" s="8">
        <v>1</v>
      </c>
      <c r="H4130" s="8">
        <v>1</v>
      </c>
      <c r="I4130" s="8">
        <v>0</v>
      </c>
      <c r="J4130" s="8">
        <v>1</v>
      </c>
      <c r="K4130" s="9">
        <v>25</v>
      </c>
      <c r="L4130" s="6" t="s">
        <v>51</v>
      </c>
    </row>
    <row r="4131" spans="1:12">
      <c r="A4131" s="6" t="s">
        <v>49</v>
      </c>
      <c r="B4131" s="6"/>
      <c r="C4131" s="6" t="s">
        <v>4149</v>
      </c>
      <c r="D4131" s="6"/>
      <c r="E4131" s="6" t="s">
        <v>9</v>
      </c>
      <c r="F4131" s="7">
        <v>38657</v>
      </c>
      <c r="G4131" s="8">
        <v>1</v>
      </c>
      <c r="H4131" s="8">
        <v>1</v>
      </c>
      <c r="I4131" s="8">
        <v>0</v>
      </c>
      <c r="J4131" s="8">
        <v>1</v>
      </c>
      <c r="K4131" s="9">
        <v>166</v>
      </c>
      <c r="L4131" s="6" t="s">
        <v>51</v>
      </c>
    </row>
    <row r="4132" spans="1:12">
      <c r="A4132" s="6" t="s">
        <v>49</v>
      </c>
      <c r="B4132" s="6"/>
      <c r="C4132" s="6" t="s">
        <v>4150</v>
      </c>
      <c r="D4132" s="6"/>
      <c r="E4132" s="6" t="s">
        <v>9</v>
      </c>
      <c r="F4132" s="7">
        <v>40029</v>
      </c>
      <c r="G4132" s="8">
        <v>1</v>
      </c>
      <c r="H4132" s="8">
        <v>1</v>
      </c>
      <c r="I4132" s="8">
        <v>0</v>
      </c>
      <c r="J4132" s="8">
        <v>1</v>
      </c>
      <c r="K4132" s="9">
        <v>3.55</v>
      </c>
      <c r="L4132" s="6" t="s">
        <v>4151</v>
      </c>
    </row>
    <row r="4133" spans="1:12">
      <c r="A4133" s="6" t="s">
        <v>49</v>
      </c>
      <c r="B4133" s="6"/>
      <c r="C4133" s="6" t="s">
        <v>4152</v>
      </c>
      <c r="D4133" s="6"/>
      <c r="E4133" s="6" t="s">
        <v>9</v>
      </c>
      <c r="F4133" s="7">
        <v>38657</v>
      </c>
      <c r="G4133" s="8">
        <v>1</v>
      </c>
      <c r="H4133" s="8">
        <v>1</v>
      </c>
      <c r="I4133" s="8">
        <v>0</v>
      </c>
      <c r="J4133" s="8">
        <v>1</v>
      </c>
      <c r="K4133" s="9">
        <v>76</v>
      </c>
      <c r="L4133" s="6" t="s">
        <v>51</v>
      </c>
    </row>
    <row r="4134" spans="1:12">
      <c r="A4134" s="6" t="s">
        <v>49</v>
      </c>
      <c r="B4134" s="6"/>
      <c r="C4134" s="6" t="s">
        <v>4153</v>
      </c>
      <c r="D4134" s="6"/>
      <c r="E4134" s="6" t="s">
        <v>9</v>
      </c>
      <c r="F4134" s="7">
        <v>38657</v>
      </c>
      <c r="G4134" s="8">
        <v>1</v>
      </c>
      <c r="H4134" s="8">
        <v>1</v>
      </c>
      <c r="I4134" s="8">
        <v>0</v>
      </c>
      <c r="J4134" s="8">
        <v>1</v>
      </c>
      <c r="K4134" s="9">
        <v>18</v>
      </c>
      <c r="L4134" s="6" t="s">
        <v>51</v>
      </c>
    </row>
    <row r="4135" spans="1:12">
      <c r="A4135" s="6" t="s">
        <v>49</v>
      </c>
      <c r="B4135" s="6"/>
      <c r="C4135" s="6" t="s">
        <v>4154</v>
      </c>
      <c r="D4135" s="6"/>
      <c r="E4135" s="6" t="s">
        <v>9</v>
      </c>
      <c r="F4135" s="7">
        <v>38657</v>
      </c>
      <c r="G4135" s="8">
        <v>1</v>
      </c>
      <c r="H4135" s="8">
        <v>1</v>
      </c>
      <c r="I4135" s="8">
        <v>0</v>
      </c>
      <c r="J4135" s="8">
        <v>1</v>
      </c>
      <c r="K4135" s="9">
        <v>273</v>
      </c>
      <c r="L4135" s="6" t="s">
        <v>51</v>
      </c>
    </row>
    <row r="4136" spans="1:12">
      <c r="A4136" s="6" t="s">
        <v>49</v>
      </c>
      <c r="B4136" s="6"/>
      <c r="C4136" s="6" t="s">
        <v>4155</v>
      </c>
      <c r="D4136" s="6"/>
      <c r="E4136" s="6" t="s">
        <v>9</v>
      </c>
      <c r="F4136" s="7">
        <v>38657</v>
      </c>
      <c r="G4136" s="8">
        <v>1</v>
      </c>
      <c r="H4136" s="8">
        <v>1</v>
      </c>
      <c r="I4136" s="8">
        <v>0</v>
      </c>
      <c r="J4136" s="8">
        <v>1</v>
      </c>
      <c r="K4136" s="9">
        <v>3.2</v>
      </c>
      <c r="L4136" s="6" t="s">
        <v>51</v>
      </c>
    </row>
    <row r="4137" spans="1:12">
      <c r="A4137" s="6" t="s">
        <v>49</v>
      </c>
      <c r="B4137" s="6"/>
      <c r="C4137" s="6" t="s">
        <v>4156</v>
      </c>
      <c r="D4137" s="6"/>
      <c r="E4137" s="6" t="s">
        <v>9</v>
      </c>
      <c r="F4137" s="7">
        <v>38657</v>
      </c>
      <c r="G4137" s="8">
        <v>1</v>
      </c>
      <c r="H4137" s="8">
        <v>1</v>
      </c>
      <c r="I4137" s="8">
        <v>0</v>
      </c>
      <c r="J4137" s="8">
        <v>1</v>
      </c>
      <c r="K4137" s="9">
        <v>105</v>
      </c>
      <c r="L4137" s="6" t="s">
        <v>51</v>
      </c>
    </row>
    <row r="4138" spans="1:12">
      <c r="A4138" s="6" t="s">
        <v>49</v>
      </c>
      <c r="B4138" s="6"/>
      <c r="C4138" s="6" t="s">
        <v>4157</v>
      </c>
      <c r="D4138" s="6"/>
      <c r="E4138" s="6" t="s">
        <v>9</v>
      </c>
      <c r="F4138" s="7">
        <v>38657</v>
      </c>
      <c r="G4138" s="8">
        <v>1</v>
      </c>
      <c r="H4138" s="8">
        <v>1</v>
      </c>
      <c r="I4138" s="8">
        <v>0</v>
      </c>
      <c r="J4138" s="8">
        <v>1</v>
      </c>
      <c r="K4138" s="9">
        <v>46</v>
      </c>
      <c r="L4138" s="6" t="s">
        <v>51</v>
      </c>
    </row>
    <row r="4139" spans="1:12">
      <c r="A4139" s="6" t="s">
        <v>49</v>
      </c>
      <c r="B4139" s="6"/>
      <c r="C4139" s="6" t="s">
        <v>4158</v>
      </c>
      <c r="D4139" s="6"/>
      <c r="E4139" s="6" t="s">
        <v>9</v>
      </c>
      <c r="F4139" s="7">
        <v>38657</v>
      </c>
      <c r="G4139" s="8">
        <v>1</v>
      </c>
      <c r="H4139" s="8">
        <v>1</v>
      </c>
      <c r="I4139" s="8">
        <v>0</v>
      </c>
      <c r="J4139" s="8">
        <v>1</v>
      </c>
      <c r="K4139" s="9">
        <v>20</v>
      </c>
      <c r="L4139" s="6" t="s">
        <v>51</v>
      </c>
    </row>
    <row r="4140" spans="1:12">
      <c r="A4140" s="6" t="s">
        <v>49</v>
      </c>
      <c r="B4140" s="6"/>
      <c r="C4140" s="6" t="s">
        <v>4159</v>
      </c>
      <c r="D4140" s="6"/>
      <c r="E4140" s="6" t="s">
        <v>9</v>
      </c>
      <c r="F4140" s="7">
        <v>38657</v>
      </c>
      <c r="G4140" s="8">
        <v>1</v>
      </c>
      <c r="H4140" s="8">
        <v>1</v>
      </c>
      <c r="I4140" s="8">
        <v>0</v>
      </c>
      <c r="J4140" s="8">
        <v>1</v>
      </c>
      <c r="K4140" s="9">
        <v>9.5500000000000007</v>
      </c>
      <c r="L4140" s="6" t="s">
        <v>51</v>
      </c>
    </row>
    <row r="4141" spans="1:12">
      <c r="A4141" s="6" t="s">
        <v>49</v>
      </c>
      <c r="B4141" s="6"/>
      <c r="C4141" s="6" t="s">
        <v>4160</v>
      </c>
      <c r="D4141" s="6"/>
      <c r="E4141" s="6" t="s">
        <v>9</v>
      </c>
      <c r="F4141" s="7">
        <v>38657</v>
      </c>
      <c r="G4141" s="8">
        <v>1</v>
      </c>
      <c r="H4141" s="8">
        <v>1</v>
      </c>
      <c r="I4141" s="8">
        <v>0</v>
      </c>
      <c r="J4141" s="8">
        <v>1</v>
      </c>
      <c r="K4141" s="9">
        <v>80</v>
      </c>
      <c r="L4141" s="6" t="s">
        <v>51</v>
      </c>
    </row>
    <row r="4142" spans="1:12">
      <c r="A4142" s="6" t="s">
        <v>49</v>
      </c>
      <c r="B4142" s="6"/>
      <c r="C4142" s="6" t="s">
        <v>4161</v>
      </c>
      <c r="D4142" s="6"/>
      <c r="E4142" s="6" t="s">
        <v>9</v>
      </c>
      <c r="F4142" s="7">
        <v>38657</v>
      </c>
      <c r="G4142" s="8">
        <v>1</v>
      </c>
      <c r="H4142" s="8">
        <v>1</v>
      </c>
      <c r="I4142" s="8">
        <v>0</v>
      </c>
      <c r="J4142" s="8">
        <v>1</v>
      </c>
      <c r="K4142" s="9">
        <v>129</v>
      </c>
      <c r="L4142" s="6" t="s">
        <v>51</v>
      </c>
    </row>
    <row r="4143" spans="1:12">
      <c r="A4143" s="6" t="s">
        <v>49</v>
      </c>
      <c r="B4143" s="6"/>
      <c r="C4143" s="6" t="s">
        <v>4162</v>
      </c>
      <c r="D4143" s="6"/>
      <c r="E4143" s="6" t="s">
        <v>9</v>
      </c>
      <c r="F4143" s="7">
        <v>38657</v>
      </c>
      <c r="G4143" s="8">
        <v>1</v>
      </c>
      <c r="H4143" s="8">
        <v>1</v>
      </c>
      <c r="I4143" s="8">
        <v>0</v>
      </c>
      <c r="J4143" s="8">
        <v>1</v>
      </c>
      <c r="K4143" s="9">
        <v>398</v>
      </c>
      <c r="L4143" s="6" t="s">
        <v>51</v>
      </c>
    </row>
    <row r="4144" spans="1:12">
      <c r="A4144" s="6" t="s">
        <v>49</v>
      </c>
      <c r="B4144" s="6"/>
      <c r="C4144" s="6" t="s">
        <v>4163</v>
      </c>
      <c r="D4144" s="6"/>
      <c r="E4144" s="6" t="s">
        <v>9</v>
      </c>
      <c r="F4144" s="7">
        <v>38657</v>
      </c>
      <c r="G4144" s="8">
        <v>1</v>
      </c>
      <c r="H4144" s="8">
        <v>1</v>
      </c>
      <c r="I4144" s="8">
        <v>0</v>
      </c>
      <c r="J4144" s="8">
        <v>1</v>
      </c>
      <c r="K4144" s="9">
        <v>146</v>
      </c>
      <c r="L4144" s="6" t="s">
        <v>51</v>
      </c>
    </row>
    <row r="4145" spans="1:12">
      <c r="A4145" s="6" t="s">
        <v>49</v>
      </c>
      <c r="B4145" s="6"/>
      <c r="C4145" s="6" t="s">
        <v>4164</v>
      </c>
      <c r="D4145" s="6"/>
      <c r="E4145" s="6" t="s">
        <v>9</v>
      </c>
      <c r="F4145" s="7">
        <v>38657</v>
      </c>
      <c r="G4145" s="8">
        <v>1</v>
      </c>
      <c r="H4145" s="8">
        <v>1</v>
      </c>
      <c r="I4145" s="8">
        <v>0</v>
      </c>
      <c r="J4145" s="8">
        <v>1</v>
      </c>
      <c r="K4145" s="9">
        <v>197</v>
      </c>
      <c r="L4145" s="6" t="s">
        <v>51</v>
      </c>
    </row>
    <row r="4146" spans="1:12">
      <c r="A4146" s="6" t="s">
        <v>49</v>
      </c>
      <c r="B4146" s="6"/>
      <c r="C4146" s="6" t="s">
        <v>4165</v>
      </c>
      <c r="D4146" s="6"/>
      <c r="E4146" s="6" t="s">
        <v>9</v>
      </c>
      <c r="F4146" s="7">
        <v>38657</v>
      </c>
      <c r="G4146" s="8">
        <v>1</v>
      </c>
      <c r="H4146" s="8">
        <v>1</v>
      </c>
      <c r="I4146" s="8">
        <v>0</v>
      </c>
      <c r="J4146" s="8">
        <v>1</v>
      </c>
      <c r="K4146" s="9">
        <v>78</v>
      </c>
      <c r="L4146" s="6" t="s">
        <v>51</v>
      </c>
    </row>
    <row r="4147" spans="1:12">
      <c r="A4147" s="6" t="s">
        <v>49</v>
      </c>
      <c r="B4147" s="6"/>
      <c r="C4147" s="6" t="s">
        <v>4166</v>
      </c>
      <c r="D4147" s="6"/>
      <c r="E4147" s="6" t="s">
        <v>9</v>
      </c>
      <c r="F4147" s="7">
        <v>38657</v>
      </c>
      <c r="G4147" s="8">
        <v>1</v>
      </c>
      <c r="H4147" s="8">
        <v>1</v>
      </c>
      <c r="I4147" s="8">
        <v>0</v>
      </c>
      <c r="J4147" s="8">
        <v>1</v>
      </c>
      <c r="K4147" s="9">
        <v>43.8</v>
      </c>
      <c r="L4147" s="6" t="s">
        <v>51</v>
      </c>
    </row>
    <row r="4148" spans="1:12">
      <c r="A4148" s="6" t="s">
        <v>49</v>
      </c>
      <c r="B4148" s="6"/>
      <c r="C4148" s="6" t="s">
        <v>4167</v>
      </c>
      <c r="D4148" s="6"/>
      <c r="E4148" s="6" t="s">
        <v>9</v>
      </c>
      <c r="F4148" s="7">
        <v>38657</v>
      </c>
      <c r="G4148" s="8">
        <v>1</v>
      </c>
      <c r="H4148" s="8">
        <v>1</v>
      </c>
      <c r="I4148" s="8">
        <v>0</v>
      </c>
      <c r="J4148" s="8">
        <v>1</v>
      </c>
      <c r="K4148" s="9">
        <v>68</v>
      </c>
      <c r="L4148" s="6" t="s">
        <v>51</v>
      </c>
    </row>
    <row r="4149" spans="1:12">
      <c r="A4149" s="6" t="s">
        <v>49</v>
      </c>
      <c r="B4149" s="6"/>
      <c r="C4149" s="6" t="s">
        <v>4168</v>
      </c>
      <c r="D4149" s="6"/>
      <c r="E4149" s="6" t="s">
        <v>9</v>
      </c>
      <c r="F4149" s="7">
        <v>38657</v>
      </c>
      <c r="G4149" s="8">
        <v>1</v>
      </c>
      <c r="H4149" s="8">
        <v>1</v>
      </c>
      <c r="I4149" s="8">
        <v>0</v>
      </c>
      <c r="J4149" s="8">
        <v>1</v>
      </c>
      <c r="K4149" s="9">
        <v>314</v>
      </c>
      <c r="L4149" s="6" t="s">
        <v>51</v>
      </c>
    </row>
    <row r="4150" spans="1:12">
      <c r="A4150" s="6" t="s">
        <v>49</v>
      </c>
      <c r="B4150" s="6"/>
      <c r="C4150" s="6" t="s">
        <v>4169</v>
      </c>
      <c r="D4150" s="6"/>
      <c r="E4150" s="6" t="s">
        <v>9</v>
      </c>
      <c r="F4150" s="7">
        <v>38657</v>
      </c>
      <c r="G4150" s="8">
        <v>1</v>
      </c>
      <c r="H4150" s="8">
        <v>1</v>
      </c>
      <c r="I4150" s="8">
        <v>0</v>
      </c>
      <c r="J4150" s="8">
        <v>1</v>
      </c>
      <c r="K4150" s="9">
        <v>410</v>
      </c>
      <c r="L4150" s="6" t="s">
        <v>51</v>
      </c>
    </row>
    <row r="4151" spans="1:12">
      <c r="A4151" s="6" t="s">
        <v>49</v>
      </c>
      <c r="B4151" s="6"/>
      <c r="C4151" s="6" t="s">
        <v>4170</v>
      </c>
      <c r="D4151" s="6"/>
      <c r="E4151" s="6" t="s">
        <v>9</v>
      </c>
      <c r="F4151" s="7">
        <v>38657</v>
      </c>
      <c r="G4151" s="8">
        <v>1</v>
      </c>
      <c r="H4151" s="8">
        <v>1</v>
      </c>
      <c r="I4151" s="8">
        <v>0</v>
      </c>
      <c r="J4151" s="8">
        <v>1</v>
      </c>
      <c r="K4151" s="9">
        <v>158</v>
      </c>
      <c r="L4151" s="6" t="s">
        <v>51</v>
      </c>
    </row>
    <row r="4152" spans="1:12">
      <c r="A4152" s="6" t="s">
        <v>49</v>
      </c>
      <c r="B4152" s="6"/>
      <c r="C4152" s="6" t="s">
        <v>4171</v>
      </c>
      <c r="D4152" s="6"/>
      <c r="E4152" s="6" t="s">
        <v>9</v>
      </c>
      <c r="F4152" s="7">
        <v>38657</v>
      </c>
      <c r="G4152" s="8">
        <v>1</v>
      </c>
      <c r="H4152" s="8">
        <v>1</v>
      </c>
      <c r="I4152" s="8">
        <v>0</v>
      </c>
      <c r="J4152" s="8">
        <v>1</v>
      </c>
      <c r="K4152" s="9">
        <v>418</v>
      </c>
      <c r="L4152" s="6" t="s">
        <v>51</v>
      </c>
    </row>
    <row r="4153" spans="1:12">
      <c r="A4153" s="6" t="s">
        <v>49</v>
      </c>
      <c r="B4153" s="6"/>
      <c r="C4153" s="6" t="s">
        <v>4172</v>
      </c>
      <c r="D4153" s="6"/>
      <c r="E4153" s="6" t="s">
        <v>9</v>
      </c>
      <c r="F4153" s="7">
        <v>38657</v>
      </c>
      <c r="G4153" s="8">
        <v>1</v>
      </c>
      <c r="H4153" s="8">
        <v>1</v>
      </c>
      <c r="I4153" s="8">
        <v>0</v>
      </c>
      <c r="J4153" s="8">
        <v>1</v>
      </c>
      <c r="K4153" s="9">
        <v>97</v>
      </c>
      <c r="L4153" s="6" t="s">
        <v>51</v>
      </c>
    </row>
    <row r="4154" spans="1:12">
      <c r="A4154" s="6" t="s">
        <v>49</v>
      </c>
      <c r="B4154" s="6"/>
      <c r="C4154" s="6" t="s">
        <v>4173</v>
      </c>
      <c r="D4154" s="6"/>
      <c r="E4154" s="6" t="s">
        <v>9</v>
      </c>
      <c r="F4154" s="7">
        <v>38657</v>
      </c>
      <c r="G4154" s="8">
        <v>1</v>
      </c>
      <c r="H4154" s="8">
        <v>1</v>
      </c>
      <c r="I4154" s="8">
        <v>0</v>
      </c>
      <c r="J4154" s="8">
        <v>1</v>
      </c>
      <c r="K4154" s="9">
        <v>55</v>
      </c>
      <c r="L4154" s="6" t="s">
        <v>51</v>
      </c>
    </row>
    <row r="4155" spans="1:12">
      <c r="A4155" s="6" t="s">
        <v>49</v>
      </c>
      <c r="B4155" s="6"/>
      <c r="C4155" s="6" t="s">
        <v>4174</v>
      </c>
      <c r="D4155" s="6"/>
      <c r="E4155" s="6" t="s">
        <v>9</v>
      </c>
      <c r="F4155" s="7">
        <v>38657</v>
      </c>
      <c r="G4155" s="8">
        <v>1</v>
      </c>
      <c r="H4155" s="8">
        <v>1</v>
      </c>
      <c r="I4155" s="8">
        <v>0</v>
      </c>
      <c r="J4155" s="8">
        <v>1</v>
      </c>
      <c r="K4155" s="9">
        <v>94</v>
      </c>
      <c r="L4155" s="6" t="s">
        <v>51</v>
      </c>
    </row>
    <row r="4156" spans="1:12">
      <c r="A4156" s="6" t="s">
        <v>49</v>
      </c>
      <c r="B4156" s="6"/>
      <c r="C4156" s="6" t="s">
        <v>4175</v>
      </c>
      <c r="D4156" s="6"/>
      <c r="E4156" s="6" t="s">
        <v>9</v>
      </c>
      <c r="F4156" s="7">
        <v>38657</v>
      </c>
      <c r="G4156" s="8">
        <v>1</v>
      </c>
      <c r="H4156" s="8">
        <v>1</v>
      </c>
      <c r="I4156" s="8">
        <v>0</v>
      </c>
      <c r="J4156" s="8">
        <v>1</v>
      </c>
      <c r="K4156" s="9">
        <v>636</v>
      </c>
      <c r="L4156" s="6" t="s">
        <v>51</v>
      </c>
    </row>
    <row r="4157" spans="1:12">
      <c r="A4157" s="6" t="s">
        <v>49</v>
      </c>
      <c r="B4157" s="6"/>
      <c r="C4157" s="6" t="s">
        <v>4176</v>
      </c>
      <c r="D4157" s="6"/>
      <c r="E4157" s="6" t="s">
        <v>9</v>
      </c>
      <c r="F4157" s="7">
        <v>38657</v>
      </c>
      <c r="G4157" s="8">
        <v>1</v>
      </c>
      <c r="H4157" s="8">
        <v>1</v>
      </c>
      <c r="I4157" s="8">
        <v>0</v>
      </c>
      <c r="J4157" s="8">
        <v>1</v>
      </c>
      <c r="K4157" s="9">
        <v>1.81</v>
      </c>
      <c r="L4157" s="6" t="s">
        <v>51</v>
      </c>
    </row>
    <row r="4158" spans="1:12">
      <c r="A4158" s="6" t="s">
        <v>49</v>
      </c>
      <c r="B4158" s="6"/>
      <c r="C4158" s="6" t="s">
        <v>4177</v>
      </c>
      <c r="D4158" s="6"/>
      <c r="E4158" s="6" t="s">
        <v>9</v>
      </c>
      <c r="F4158" s="7">
        <v>38657</v>
      </c>
      <c r="G4158" s="8">
        <v>1</v>
      </c>
      <c r="H4158" s="8">
        <v>1</v>
      </c>
      <c r="I4158" s="8">
        <v>0</v>
      </c>
      <c r="J4158" s="8">
        <v>1</v>
      </c>
      <c r="K4158" s="9">
        <v>29</v>
      </c>
      <c r="L4158" s="6" t="s">
        <v>51</v>
      </c>
    </row>
    <row r="4159" spans="1:12">
      <c r="A4159" s="6" t="s">
        <v>49</v>
      </c>
      <c r="B4159" s="6"/>
      <c r="C4159" s="6" t="s">
        <v>4178</v>
      </c>
      <c r="D4159" s="6"/>
      <c r="E4159" s="6" t="s">
        <v>9</v>
      </c>
      <c r="F4159" s="7">
        <v>38657</v>
      </c>
      <c r="G4159" s="8">
        <v>1</v>
      </c>
      <c r="H4159" s="8">
        <v>1</v>
      </c>
      <c r="I4159" s="8">
        <v>0</v>
      </c>
      <c r="J4159" s="8">
        <v>1</v>
      </c>
      <c r="K4159" s="9">
        <v>93</v>
      </c>
      <c r="L4159" s="6" t="s">
        <v>51</v>
      </c>
    </row>
    <row r="4160" spans="1:12">
      <c r="A4160" s="6" t="s">
        <v>49</v>
      </c>
      <c r="B4160" s="6"/>
      <c r="C4160" s="6" t="s">
        <v>4179</v>
      </c>
      <c r="D4160" s="6"/>
      <c r="E4160" s="6" t="s">
        <v>9</v>
      </c>
      <c r="F4160" s="7">
        <v>38657</v>
      </c>
      <c r="G4160" s="8">
        <v>1</v>
      </c>
      <c r="H4160" s="8">
        <v>1</v>
      </c>
      <c r="I4160" s="8">
        <v>0</v>
      </c>
      <c r="J4160" s="8">
        <v>1</v>
      </c>
      <c r="K4160" s="9">
        <v>99</v>
      </c>
      <c r="L4160" s="6" t="s">
        <v>51</v>
      </c>
    </row>
    <row r="4161" spans="1:12">
      <c r="A4161" s="6" t="s">
        <v>49</v>
      </c>
      <c r="B4161" s="6"/>
      <c r="C4161" s="6" t="s">
        <v>4180</v>
      </c>
      <c r="D4161" s="6"/>
      <c r="E4161" s="6" t="s">
        <v>9</v>
      </c>
      <c r="F4161" s="7">
        <v>38657</v>
      </c>
      <c r="G4161" s="8">
        <v>1</v>
      </c>
      <c r="H4161" s="8">
        <v>1</v>
      </c>
      <c r="I4161" s="8">
        <v>0</v>
      </c>
      <c r="J4161" s="8">
        <v>1</v>
      </c>
      <c r="K4161" s="9">
        <v>4.04</v>
      </c>
      <c r="L4161" s="6" t="s">
        <v>51</v>
      </c>
    </row>
    <row r="4162" spans="1:12">
      <c r="A4162" s="6" t="s">
        <v>49</v>
      </c>
      <c r="B4162" s="6"/>
      <c r="C4162" s="6" t="s">
        <v>4181</v>
      </c>
      <c r="D4162" s="6"/>
      <c r="E4162" s="6" t="s">
        <v>9</v>
      </c>
      <c r="F4162" s="7">
        <v>38657</v>
      </c>
      <c r="G4162" s="8">
        <v>1</v>
      </c>
      <c r="H4162" s="8">
        <v>1</v>
      </c>
      <c r="I4162" s="8">
        <v>0</v>
      </c>
      <c r="J4162" s="8">
        <v>1</v>
      </c>
      <c r="K4162" s="9">
        <v>423</v>
      </c>
      <c r="L4162" s="6" t="s">
        <v>51</v>
      </c>
    </row>
    <row r="4163" spans="1:12">
      <c r="A4163" s="6" t="s">
        <v>49</v>
      </c>
      <c r="B4163" s="6"/>
      <c r="C4163" s="6" t="s">
        <v>4182</v>
      </c>
      <c r="D4163" s="6"/>
      <c r="E4163" s="6" t="s">
        <v>9</v>
      </c>
      <c r="F4163" s="7">
        <v>38657</v>
      </c>
      <c r="G4163" s="8">
        <v>1</v>
      </c>
      <c r="H4163" s="8">
        <v>1</v>
      </c>
      <c r="I4163" s="8">
        <v>0</v>
      </c>
      <c r="J4163" s="8">
        <v>1</v>
      </c>
      <c r="K4163" s="9">
        <v>0.35</v>
      </c>
      <c r="L4163" s="6" t="s">
        <v>51</v>
      </c>
    </row>
    <row r="4164" spans="1:12">
      <c r="A4164" s="6" t="s">
        <v>49</v>
      </c>
      <c r="B4164" s="6"/>
      <c r="C4164" s="6" t="s">
        <v>4183</v>
      </c>
      <c r="D4164" s="6"/>
      <c r="E4164" s="6" t="s">
        <v>9</v>
      </c>
      <c r="F4164" s="7">
        <v>38657</v>
      </c>
      <c r="G4164" s="8">
        <v>1</v>
      </c>
      <c r="H4164" s="8">
        <v>1</v>
      </c>
      <c r="I4164" s="8">
        <v>0</v>
      </c>
      <c r="J4164" s="8">
        <v>1</v>
      </c>
      <c r="K4164" s="9">
        <v>103</v>
      </c>
      <c r="L4164" s="6" t="s">
        <v>51</v>
      </c>
    </row>
    <row r="4165" spans="1:12">
      <c r="A4165" s="6" t="s">
        <v>49</v>
      </c>
      <c r="B4165" s="6"/>
      <c r="C4165" s="6" t="s">
        <v>4184</v>
      </c>
      <c r="D4165" s="6"/>
      <c r="E4165" s="6" t="s">
        <v>9</v>
      </c>
      <c r="F4165" s="7">
        <v>38657</v>
      </c>
      <c r="G4165" s="8">
        <v>1</v>
      </c>
      <c r="H4165" s="8">
        <v>1</v>
      </c>
      <c r="I4165" s="8">
        <v>0</v>
      </c>
      <c r="J4165" s="8">
        <v>1</v>
      </c>
      <c r="K4165" s="9">
        <v>107</v>
      </c>
      <c r="L4165" s="6" t="s">
        <v>51</v>
      </c>
    </row>
    <row r="4166" spans="1:12">
      <c r="A4166" s="6" t="s">
        <v>49</v>
      </c>
      <c r="B4166" s="6"/>
      <c r="C4166" s="6" t="s">
        <v>4185</v>
      </c>
      <c r="D4166" s="6"/>
      <c r="E4166" s="6" t="s">
        <v>9</v>
      </c>
      <c r="F4166" s="7">
        <v>38657</v>
      </c>
      <c r="G4166" s="8">
        <v>1</v>
      </c>
      <c r="H4166" s="8">
        <v>1</v>
      </c>
      <c r="I4166" s="8">
        <v>0</v>
      </c>
      <c r="J4166" s="8">
        <v>1</v>
      </c>
      <c r="K4166" s="9">
        <v>95</v>
      </c>
      <c r="L4166" s="6" t="s">
        <v>51</v>
      </c>
    </row>
    <row r="4167" spans="1:12">
      <c r="A4167" s="6" t="s">
        <v>49</v>
      </c>
      <c r="B4167" s="6"/>
      <c r="C4167" s="6" t="s">
        <v>4186</v>
      </c>
      <c r="D4167" s="6"/>
      <c r="E4167" s="6" t="s">
        <v>9</v>
      </c>
      <c r="F4167" s="7">
        <v>38657</v>
      </c>
      <c r="G4167" s="8">
        <v>1</v>
      </c>
      <c r="H4167" s="8">
        <v>1</v>
      </c>
      <c r="I4167" s="8">
        <v>0</v>
      </c>
      <c r="J4167" s="8">
        <v>1</v>
      </c>
      <c r="K4167" s="9">
        <v>75</v>
      </c>
      <c r="L4167" s="6" t="s">
        <v>51</v>
      </c>
    </row>
    <row r="4168" spans="1:12">
      <c r="A4168" s="6" t="s">
        <v>49</v>
      </c>
      <c r="B4168" s="6"/>
      <c r="C4168" s="6" t="s">
        <v>4187</v>
      </c>
      <c r="D4168" s="6"/>
      <c r="E4168" s="6" t="s">
        <v>9</v>
      </c>
      <c r="F4168" s="7">
        <v>38657</v>
      </c>
      <c r="G4168" s="8">
        <v>1</v>
      </c>
      <c r="H4168" s="8">
        <v>1</v>
      </c>
      <c r="I4168" s="8">
        <v>0</v>
      </c>
      <c r="J4168" s="8">
        <v>1</v>
      </c>
      <c r="K4168" s="9">
        <v>69</v>
      </c>
      <c r="L4168" s="6" t="s">
        <v>51</v>
      </c>
    </row>
    <row r="4169" spans="1:12">
      <c r="A4169" s="6" t="s">
        <v>49</v>
      </c>
      <c r="B4169" s="6"/>
      <c r="C4169" s="6" t="s">
        <v>4188</v>
      </c>
      <c r="D4169" s="6"/>
      <c r="E4169" s="6" t="s">
        <v>9</v>
      </c>
      <c r="F4169" s="7">
        <v>38657</v>
      </c>
      <c r="G4169" s="8">
        <v>1</v>
      </c>
      <c r="H4169" s="8">
        <v>1</v>
      </c>
      <c r="I4169" s="8">
        <v>0</v>
      </c>
      <c r="J4169" s="8">
        <v>1</v>
      </c>
      <c r="K4169" s="9">
        <v>6.61</v>
      </c>
      <c r="L4169" s="6" t="s">
        <v>51</v>
      </c>
    </row>
    <row r="4170" spans="1:12">
      <c r="A4170" s="6" t="s">
        <v>49</v>
      </c>
      <c r="B4170" s="6"/>
      <c r="C4170" s="6" t="s">
        <v>4189</v>
      </c>
      <c r="D4170" s="6"/>
      <c r="E4170" s="6" t="s">
        <v>9</v>
      </c>
      <c r="F4170" s="7">
        <v>38657</v>
      </c>
      <c r="G4170" s="8">
        <v>1</v>
      </c>
      <c r="H4170" s="8">
        <v>1</v>
      </c>
      <c r="I4170" s="8">
        <v>0</v>
      </c>
      <c r="J4170" s="8">
        <v>1</v>
      </c>
      <c r="K4170" s="9">
        <v>79</v>
      </c>
      <c r="L4170" s="6" t="s">
        <v>51</v>
      </c>
    </row>
    <row r="4171" spans="1:12">
      <c r="A4171" s="6" t="s">
        <v>49</v>
      </c>
      <c r="B4171" s="6"/>
      <c r="C4171" s="6" t="s">
        <v>4190</v>
      </c>
      <c r="D4171" s="6"/>
      <c r="E4171" s="6" t="s">
        <v>9</v>
      </c>
      <c r="F4171" s="7">
        <v>38657</v>
      </c>
      <c r="G4171" s="8">
        <v>1</v>
      </c>
      <c r="H4171" s="8">
        <v>1</v>
      </c>
      <c r="I4171" s="8">
        <v>0</v>
      </c>
      <c r="J4171" s="8">
        <v>1</v>
      </c>
      <c r="K4171" s="9">
        <v>115</v>
      </c>
      <c r="L4171" s="6" t="s">
        <v>51</v>
      </c>
    </row>
    <row r="4172" spans="1:12">
      <c r="A4172" s="6" t="s">
        <v>49</v>
      </c>
      <c r="B4172" s="6"/>
      <c r="C4172" s="6" t="s">
        <v>4191</v>
      </c>
      <c r="D4172" s="6"/>
      <c r="E4172" s="6" t="s">
        <v>9</v>
      </c>
      <c r="F4172" s="7">
        <v>38657</v>
      </c>
      <c r="G4172" s="8">
        <v>1</v>
      </c>
      <c r="H4172" s="8">
        <v>1</v>
      </c>
      <c r="I4172" s="8">
        <v>0</v>
      </c>
      <c r="J4172" s="8">
        <v>1</v>
      </c>
      <c r="K4172" s="9">
        <v>294</v>
      </c>
      <c r="L4172" s="6" t="s">
        <v>51</v>
      </c>
    </row>
    <row r="4173" spans="1:12">
      <c r="A4173" s="6" t="s">
        <v>49</v>
      </c>
      <c r="B4173" s="6"/>
      <c r="C4173" s="6" t="s">
        <v>4192</v>
      </c>
      <c r="D4173" s="6"/>
      <c r="E4173" s="6" t="s">
        <v>9</v>
      </c>
      <c r="F4173" s="7">
        <v>38657</v>
      </c>
      <c r="G4173" s="8">
        <v>1</v>
      </c>
      <c r="H4173" s="8">
        <v>1</v>
      </c>
      <c r="I4173" s="8">
        <v>0</v>
      </c>
      <c r="J4173" s="8">
        <v>1</v>
      </c>
      <c r="K4173" s="9">
        <v>1.24</v>
      </c>
      <c r="L4173" s="6" t="s">
        <v>51</v>
      </c>
    </row>
    <row r="4174" spans="1:12">
      <c r="A4174" s="6" t="s">
        <v>49</v>
      </c>
      <c r="B4174" s="6"/>
      <c r="C4174" s="6" t="s">
        <v>4193</v>
      </c>
      <c r="D4174" s="6"/>
      <c r="E4174" s="6" t="s">
        <v>9</v>
      </c>
      <c r="F4174" s="7">
        <v>38657</v>
      </c>
      <c r="G4174" s="8">
        <v>1</v>
      </c>
      <c r="H4174" s="8">
        <v>1</v>
      </c>
      <c r="I4174" s="8">
        <v>0</v>
      </c>
      <c r="J4174" s="8">
        <v>1</v>
      </c>
      <c r="K4174" s="9">
        <v>233</v>
      </c>
      <c r="L4174" s="6" t="s">
        <v>51</v>
      </c>
    </row>
    <row r="4175" spans="1:12">
      <c r="A4175" s="6" t="s">
        <v>49</v>
      </c>
      <c r="B4175" s="6"/>
      <c r="C4175" s="6" t="s">
        <v>4194</v>
      </c>
      <c r="D4175" s="6"/>
      <c r="E4175" s="6" t="s">
        <v>9</v>
      </c>
      <c r="F4175" s="7">
        <v>38657</v>
      </c>
      <c r="G4175" s="8">
        <v>1</v>
      </c>
      <c r="H4175" s="8">
        <v>1</v>
      </c>
      <c r="I4175" s="8">
        <v>0</v>
      </c>
      <c r="J4175" s="8">
        <v>1</v>
      </c>
      <c r="K4175" s="9">
        <v>78</v>
      </c>
      <c r="L4175" s="6" t="s">
        <v>51</v>
      </c>
    </row>
    <row r="4176" spans="1:12">
      <c r="A4176" s="6" t="s">
        <v>49</v>
      </c>
      <c r="B4176" s="6"/>
      <c r="C4176" s="6" t="s">
        <v>4195</v>
      </c>
      <c r="D4176" s="6"/>
      <c r="E4176" s="6" t="s">
        <v>9</v>
      </c>
      <c r="F4176" s="7">
        <v>38657</v>
      </c>
      <c r="G4176" s="8">
        <v>1</v>
      </c>
      <c r="H4176" s="8">
        <v>1</v>
      </c>
      <c r="I4176" s="8">
        <v>0</v>
      </c>
      <c r="J4176" s="8">
        <v>1</v>
      </c>
      <c r="K4176" s="9">
        <v>196</v>
      </c>
      <c r="L4176" s="6" t="s">
        <v>51</v>
      </c>
    </row>
    <row r="4177" spans="1:12">
      <c r="A4177" s="6" t="s">
        <v>49</v>
      </c>
      <c r="B4177" s="6"/>
      <c r="C4177" s="6" t="s">
        <v>4196</v>
      </c>
      <c r="D4177" s="6"/>
      <c r="E4177" s="6" t="s">
        <v>9</v>
      </c>
      <c r="F4177" s="7">
        <v>38657</v>
      </c>
      <c r="G4177" s="8">
        <v>1</v>
      </c>
      <c r="H4177" s="8">
        <v>1</v>
      </c>
      <c r="I4177" s="8">
        <v>0</v>
      </c>
      <c r="J4177" s="8">
        <v>1</v>
      </c>
      <c r="K4177" s="9">
        <v>13</v>
      </c>
      <c r="L4177" s="6" t="s">
        <v>51</v>
      </c>
    </row>
    <row r="4178" spans="1:12">
      <c r="A4178" s="6" t="s">
        <v>49</v>
      </c>
      <c r="B4178" s="6"/>
      <c r="C4178" s="6" t="s">
        <v>4197</v>
      </c>
      <c r="D4178" s="6"/>
      <c r="E4178" s="6" t="s">
        <v>9</v>
      </c>
      <c r="F4178" s="7">
        <v>38657</v>
      </c>
      <c r="G4178" s="8">
        <v>1</v>
      </c>
      <c r="H4178" s="8">
        <v>1</v>
      </c>
      <c r="I4178" s="8">
        <v>0</v>
      </c>
      <c r="J4178" s="8">
        <v>1</v>
      </c>
      <c r="K4178" s="9">
        <v>622</v>
      </c>
      <c r="L4178" s="6" t="s">
        <v>51</v>
      </c>
    </row>
    <row r="4179" spans="1:12">
      <c r="A4179" s="6" t="s">
        <v>49</v>
      </c>
      <c r="B4179" s="6"/>
      <c r="C4179" s="6" t="s">
        <v>4198</v>
      </c>
      <c r="D4179" s="6"/>
      <c r="E4179" s="6" t="s">
        <v>9</v>
      </c>
      <c r="F4179" s="7">
        <v>38657</v>
      </c>
      <c r="G4179" s="8">
        <v>1</v>
      </c>
      <c r="H4179" s="8">
        <v>1</v>
      </c>
      <c r="I4179" s="8">
        <v>0</v>
      </c>
      <c r="J4179" s="8">
        <v>1</v>
      </c>
      <c r="K4179" s="9">
        <v>32</v>
      </c>
      <c r="L4179" s="6" t="s">
        <v>51</v>
      </c>
    </row>
    <row r="4180" spans="1:12">
      <c r="A4180" s="6" t="s">
        <v>49</v>
      </c>
      <c r="B4180" s="6"/>
      <c r="C4180" s="6" t="s">
        <v>4199</v>
      </c>
      <c r="D4180" s="6"/>
      <c r="E4180" s="6" t="s">
        <v>9</v>
      </c>
      <c r="F4180" s="7">
        <v>38657</v>
      </c>
      <c r="G4180" s="8">
        <v>1</v>
      </c>
      <c r="H4180" s="8">
        <v>1</v>
      </c>
      <c r="I4180" s="8">
        <v>0</v>
      </c>
      <c r="J4180" s="8">
        <v>1</v>
      </c>
      <c r="K4180" s="9">
        <v>13</v>
      </c>
      <c r="L4180" s="6" t="s">
        <v>51</v>
      </c>
    </row>
    <row r="4181" spans="1:12">
      <c r="A4181" s="6" t="s">
        <v>49</v>
      </c>
      <c r="B4181" s="6"/>
      <c r="C4181" s="6" t="s">
        <v>4200</v>
      </c>
      <c r="D4181" s="6"/>
      <c r="E4181" s="6" t="s">
        <v>9</v>
      </c>
      <c r="F4181" s="7">
        <v>38657</v>
      </c>
      <c r="G4181" s="8">
        <v>1</v>
      </c>
      <c r="H4181" s="8">
        <v>1</v>
      </c>
      <c r="I4181" s="8">
        <v>0</v>
      </c>
      <c r="J4181" s="8">
        <v>1</v>
      </c>
      <c r="K4181" s="9">
        <v>111</v>
      </c>
      <c r="L4181" s="6" t="s">
        <v>51</v>
      </c>
    </row>
    <row r="4182" spans="1:12">
      <c r="A4182" s="6" t="s">
        <v>49</v>
      </c>
      <c r="B4182" s="6"/>
      <c r="C4182" s="6" t="s">
        <v>4201</v>
      </c>
      <c r="D4182" s="6"/>
      <c r="E4182" s="6" t="s">
        <v>9</v>
      </c>
      <c r="F4182" s="7">
        <v>38657</v>
      </c>
      <c r="G4182" s="8">
        <v>1</v>
      </c>
      <c r="H4182" s="8">
        <v>1</v>
      </c>
      <c r="I4182" s="8">
        <v>0</v>
      </c>
      <c r="J4182" s="8">
        <v>1</v>
      </c>
      <c r="K4182" s="9">
        <v>5.24</v>
      </c>
      <c r="L4182" s="6" t="s">
        <v>51</v>
      </c>
    </row>
    <row r="4183" spans="1:12">
      <c r="A4183" s="6" t="s">
        <v>49</v>
      </c>
      <c r="B4183" s="6"/>
      <c r="C4183" s="6" t="s">
        <v>4202</v>
      </c>
      <c r="D4183" s="6"/>
      <c r="E4183" s="6" t="s">
        <v>9</v>
      </c>
      <c r="F4183" s="7">
        <v>38657</v>
      </c>
      <c r="G4183" s="8">
        <v>1</v>
      </c>
      <c r="H4183" s="8">
        <v>1</v>
      </c>
      <c r="I4183" s="8">
        <v>0</v>
      </c>
      <c r="J4183" s="8">
        <v>1</v>
      </c>
      <c r="K4183" s="9">
        <v>3.06</v>
      </c>
      <c r="L4183" s="6" t="s">
        <v>51</v>
      </c>
    </row>
    <row r="4184" spans="1:12">
      <c r="A4184" s="6" t="s">
        <v>49</v>
      </c>
      <c r="B4184" s="6"/>
      <c r="C4184" s="6" t="s">
        <v>4203</v>
      </c>
      <c r="D4184" s="6"/>
      <c r="E4184" s="6" t="s">
        <v>9</v>
      </c>
      <c r="F4184" s="7">
        <v>38657</v>
      </c>
      <c r="G4184" s="8">
        <v>1</v>
      </c>
      <c r="H4184" s="8">
        <v>1</v>
      </c>
      <c r="I4184" s="8">
        <v>0</v>
      </c>
      <c r="J4184" s="8">
        <v>1</v>
      </c>
      <c r="K4184" s="9">
        <v>577</v>
      </c>
      <c r="L4184" s="6" t="s">
        <v>51</v>
      </c>
    </row>
    <row r="4185" spans="1:12">
      <c r="A4185" s="6" t="s">
        <v>49</v>
      </c>
      <c r="B4185" s="6"/>
      <c r="C4185" s="6" t="s">
        <v>4204</v>
      </c>
      <c r="D4185" s="6"/>
      <c r="E4185" s="6" t="s">
        <v>9</v>
      </c>
      <c r="F4185" s="7">
        <v>38657</v>
      </c>
      <c r="G4185" s="8">
        <v>1</v>
      </c>
      <c r="H4185" s="8">
        <v>1</v>
      </c>
      <c r="I4185" s="8">
        <v>0</v>
      </c>
      <c r="J4185" s="8">
        <v>1</v>
      </c>
      <c r="K4185" s="9">
        <v>509</v>
      </c>
      <c r="L4185" s="6" t="s">
        <v>51</v>
      </c>
    </row>
    <row r="4186" spans="1:12">
      <c r="A4186" s="6" t="s">
        <v>49</v>
      </c>
      <c r="B4186" s="6"/>
      <c r="C4186" s="6" t="s">
        <v>4205</v>
      </c>
      <c r="D4186" s="6"/>
      <c r="E4186" s="6" t="s">
        <v>9</v>
      </c>
      <c r="F4186" s="7">
        <v>38657</v>
      </c>
      <c r="G4186" s="8">
        <v>1</v>
      </c>
      <c r="H4186" s="8">
        <v>1</v>
      </c>
      <c r="I4186" s="8">
        <v>0</v>
      </c>
      <c r="J4186" s="8">
        <v>1</v>
      </c>
      <c r="K4186" s="9">
        <v>327</v>
      </c>
      <c r="L4186" s="6" t="s">
        <v>51</v>
      </c>
    </row>
    <row r="4187" spans="1:12">
      <c r="A4187" s="6" t="s">
        <v>49</v>
      </c>
      <c r="B4187" s="6"/>
      <c r="C4187" s="6" t="s">
        <v>4206</v>
      </c>
      <c r="D4187" s="6"/>
      <c r="E4187" s="6" t="s">
        <v>9</v>
      </c>
      <c r="F4187" s="7">
        <v>38657</v>
      </c>
      <c r="G4187" s="8">
        <v>1</v>
      </c>
      <c r="H4187" s="8">
        <v>1</v>
      </c>
      <c r="I4187" s="8">
        <v>0</v>
      </c>
      <c r="J4187" s="8">
        <v>1</v>
      </c>
      <c r="K4187" s="9">
        <v>326</v>
      </c>
      <c r="L4187" s="6" t="s">
        <v>51</v>
      </c>
    </row>
    <row r="4188" spans="1:12">
      <c r="A4188" s="6" t="s">
        <v>49</v>
      </c>
      <c r="B4188" s="6"/>
      <c r="C4188" s="6" t="s">
        <v>4207</v>
      </c>
      <c r="D4188" s="6"/>
      <c r="E4188" s="6" t="s">
        <v>9</v>
      </c>
      <c r="F4188" s="7">
        <v>38657</v>
      </c>
      <c r="G4188" s="8">
        <v>1</v>
      </c>
      <c r="H4188" s="8">
        <v>1</v>
      </c>
      <c r="I4188" s="8">
        <v>0</v>
      </c>
      <c r="J4188" s="8">
        <v>1</v>
      </c>
      <c r="K4188" s="9">
        <v>147</v>
      </c>
      <c r="L4188" s="6" t="s">
        <v>51</v>
      </c>
    </row>
    <row r="4189" spans="1:12">
      <c r="A4189" s="6" t="s">
        <v>49</v>
      </c>
      <c r="B4189" s="6"/>
      <c r="C4189" s="6" t="s">
        <v>4208</v>
      </c>
      <c r="D4189" s="6"/>
      <c r="E4189" s="6" t="s">
        <v>9</v>
      </c>
      <c r="F4189" s="7">
        <v>38657</v>
      </c>
      <c r="G4189" s="8">
        <v>1</v>
      </c>
      <c r="H4189" s="8">
        <v>1</v>
      </c>
      <c r="I4189" s="8">
        <v>0</v>
      </c>
      <c r="J4189" s="8">
        <v>1</v>
      </c>
      <c r="K4189" s="9">
        <v>5.9</v>
      </c>
      <c r="L4189" s="6" t="s">
        <v>51</v>
      </c>
    </row>
    <row r="4190" spans="1:12">
      <c r="A4190" s="6" t="s">
        <v>49</v>
      </c>
      <c r="B4190" s="6"/>
      <c r="C4190" s="6" t="s">
        <v>4209</v>
      </c>
      <c r="D4190" s="6"/>
      <c r="E4190" s="6" t="s">
        <v>9</v>
      </c>
      <c r="F4190" s="7">
        <v>38657</v>
      </c>
      <c r="G4190" s="8">
        <v>1</v>
      </c>
      <c r="H4190" s="8">
        <v>1</v>
      </c>
      <c r="I4190" s="8">
        <v>0</v>
      </c>
      <c r="J4190" s="8">
        <v>1</v>
      </c>
      <c r="K4190" s="9">
        <v>82</v>
      </c>
      <c r="L4190" s="6" t="s">
        <v>51</v>
      </c>
    </row>
    <row r="4191" spans="1:12">
      <c r="A4191" s="6" t="s">
        <v>49</v>
      </c>
      <c r="B4191" s="6"/>
      <c r="C4191" s="6" t="s">
        <v>4210</v>
      </c>
      <c r="D4191" s="6"/>
      <c r="E4191" s="6" t="s">
        <v>9</v>
      </c>
      <c r="F4191" s="7">
        <v>38657</v>
      </c>
      <c r="G4191" s="8">
        <v>1</v>
      </c>
      <c r="H4191" s="8">
        <v>1</v>
      </c>
      <c r="I4191" s="8">
        <v>0</v>
      </c>
      <c r="J4191" s="8">
        <v>1</v>
      </c>
      <c r="K4191" s="9">
        <v>48.19</v>
      </c>
      <c r="L4191" s="6" t="s">
        <v>51</v>
      </c>
    </row>
    <row r="4192" spans="1:12">
      <c r="A4192" s="6" t="s">
        <v>49</v>
      </c>
      <c r="B4192" s="6"/>
      <c r="C4192" s="6" t="s">
        <v>4211</v>
      </c>
      <c r="D4192" s="6"/>
      <c r="E4192" s="6" t="s">
        <v>9</v>
      </c>
      <c r="F4192" s="7">
        <v>38657</v>
      </c>
      <c r="G4192" s="8">
        <v>1</v>
      </c>
      <c r="H4192" s="8">
        <v>1</v>
      </c>
      <c r="I4192" s="8">
        <v>0</v>
      </c>
      <c r="J4192" s="8">
        <v>1</v>
      </c>
      <c r="K4192" s="9">
        <v>115</v>
      </c>
      <c r="L4192" s="6" t="s">
        <v>51</v>
      </c>
    </row>
    <row r="4193" spans="1:12">
      <c r="A4193" s="6" t="s">
        <v>49</v>
      </c>
      <c r="B4193" s="6"/>
      <c r="C4193" s="6" t="s">
        <v>4212</v>
      </c>
      <c r="D4193" s="6"/>
      <c r="E4193" s="6" t="s">
        <v>9</v>
      </c>
      <c r="F4193" s="7">
        <v>38657</v>
      </c>
      <c r="G4193" s="8">
        <v>1</v>
      </c>
      <c r="H4193" s="8">
        <v>1</v>
      </c>
      <c r="I4193" s="8">
        <v>0</v>
      </c>
      <c r="J4193" s="8">
        <v>1</v>
      </c>
      <c r="K4193" s="9">
        <v>158</v>
      </c>
      <c r="L4193" s="6" t="s">
        <v>51</v>
      </c>
    </row>
    <row r="4194" spans="1:12">
      <c r="A4194" s="6" t="s">
        <v>49</v>
      </c>
      <c r="B4194" s="6"/>
      <c r="C4194" s="6" t="s">
        <v>4213</v>
      </c>
      <c r="D4194" s="6"/>
      <c r="E4194" s="6" t="s">
        <v>9</v>
      </c>
      <c r="F4194" s="7">
        <v>38657</v>
      </c>
      <c r="G4194" s="8">
        <v>1</v>
      </c>
      <c r="H4194" s="8">
        <v>1</v>
      </c>
      <c r="I4194" s="8">
        <v>0</v>
      </c>
      <c r="J4194" s="8">
        <v>1</v>
      </c>
      <c r="K4194" s="9">
        <v>66</v>
      </c>
      <c r="L4194" s="6" t="s">
        <v>51</v>
      </c>
    </row>
    <row r="4195" spans="1:12">
      <c r="A4195" s="6" t="s">
        <v>49</v>
      </c>
      <c r="B4195" s="6"/>
      <c r="C4195" s="6" t="s">
        <v>4214</v>
      </c>
      <c r="D4195" s="6"/>
      <c r="E4195" s="6" t="s">
        <v>9</v>
      </c>
      <c r="F4195" s="7">
        <v>38657</v>
      </c>
      <c r="G4195" s="8">
        <v>1</v>
      </c>
      <c r="H4195" s="8">
        <v>1</v>
      </c>
      <c r="I4195" s="8">
        <v>0</v>
      </c>
      <c r="J4195" s="8">
        <v>1</v>
      </c>
      <c r="K4195" s="9">
        <v>41</v>
      </c>
      <c r="L4195" s="6" t="s">
        <v>51</v>
      </c>
    </row>
    <row r="4196" spans="1:12">
      <c r="A4196" s="6" t="s">
        <v>49</v>
      </c>
      <c r="B4196" s="6"/>
      <c r="C4196" s="6" t="s">
        <v>4215</v>
      </c>
      <c r="D4196" s="6"/>
      <c r="E4196" s="6" t="s">
        <v>9</v>
      </c>
      <c r="F4196" s="7">
        <v>38657</v>
      </c>
      <c r="G4196" s="8">
        <v>1</v>
      </c>
      <c r="H4196" s="8">
        <v>1</v>
      </c>
      <c r="I4196" s="8">
        <v>0</v>
      </c>
      <c r="J4196" s="8">
        <v>1</v>
      </c>
      <c r="K4196" s="9">
        <v>67</v>
      </c>
      <c r="L4196" s="6" t="s">
        <v>51</v>
      </c>
    </row>
    <row r="4197" spans="1:12">
      <c r="A4197" s="6" t="s">
        <v>49</v>
      </c>
      <c r="B4197" s="6"/>
      <c r="C4197" s="6" t="s">
        <v>4216</v>
      </c>
      <c r="D4197" s="6"/>
      <c r="E4197" s="6" t="s">
        <v>9</v>
      </c>
      <c r="F4197" s="7">
        <v>38657</v>
      </c>
      <c r="G4197" s="8">
        <v>1</v>
      </c>
      <c r="H4197" s="8">
        <v>1</v>
      </c>
      <c r="I4197" s="8">
        <v>0</v>
      </c>
      <c r="J4197" s="8">
        <v>1</v>
      </c>
      <c r="K4197" s="9">
        <v>74</v>
      </c>
      <c r="L4197" s="6" t="s">
        <v>51</v>
      </c>
    </row>
    <row r="4198" spans="1:12">
      <c r="A4198" s="6" t="s">
        <v>49</v>
      </c>
      <c r="B4198" s="6"/>
      <c r="C4198" s="6" t="s">
        <v>4217</v>
      </c>
      <c r="D4198" s="6"/>
      <c r="E4198" s="6" t="s">
        <v>9</v>
      </c>
      <c r="F4198" s="7">
        <v>38657</v>
      </c>
      <c r="G4198" s="8">
        <v>1</v>
      </c>
      <c r="H4198" s="8">
        <v>1</v>
      </c>
      <c r="I4198" s="8">
        <v>0</v>
      </c>
      <c r="J4198" s="8">
        <v>1</v>
      </c>
      <c r="K4198" s="9">
        <v>48</v>
      </c>
      <c r="L4198" s="6" t="s">
        <v>51</v>
      </c>
    </row>
    <row r="4199" spans="1:12">
      <c r="A4199" s="6" t="s">
        <v>49</v>
      </c>
      <c r="B4199" s="6"/>
      <c r="C4199" s="6" t="s">
        <v>4218</v>
      </c>
      <c r="D4199" s="6"/>
      <c r="E4199" s="6" t="s">
        <v>9</v>
      </c>
      <c r="F4199" s="7">
        <v>38657</v>
      </c>
      <c r="G4199" s="8">
        <v>1</v>
      </c>
      <c r="H4199" s="8">
        <v>1</v>
      </c>
      <c r="I4199" s="8">
        <v>0</v>
      </c>
      <c r="J4199" s="8">
        <v>1</v>
      </c>
      <c r="K4199" s="9">
        <v>27</v>
      </c>
      <c r="L4199" s="6" t="s">
        <v>51</v>
      </c>
    </row>
    <row r="4200" spans="1:12">
      <c r="A4200" s="6" t="s">
        <v>49</v>
      </c>
      <c r="B4200" s="6"/>
      <c r="C4200" s="6" t="s">
        <v>4219</v>
      </c>
      <c r="D4200" s="6"/>
      <c r="E4200" s="6" t="s">
        <v>9</v>
      </c>
      <c r="F4200" s="7">
        <v>38657</v>
      </c>
      <c r="G4200" s="8">
        <v>1</v>
      </c>
      <c r="H4200" s="8">
        <v>1</v>
      </c>
      <c r="I4200" s="8">
        <v>0</v>
      </c>
      <c r="J4200" s="8">
        <v>1</v>
      </c>
      <c r="K4200" s="9">
        <v>5.07</v>
      </c>
      <c r="L4200" s="6" t="s">
        <v>51</v>
      </c>
    </row>
    <row r="4201" spans="1:12">
      <c r="A4201" s="6" t="s">
        <v>49</v>
      </c>
      <c r="B4201" s="6"/>
      <c r="C4201" s="6" t="s">
        <v>4220</v>
      </c>
      <c r="D4201" s="6"/>
      <c r="E4201" s="6" t="s">
        <v>9</v>
      </c>
      <c r="F4201" s="7">
        <v>38657</v>
      </c>
      <c r="G4201" s="8">
        <v>1</v>
      </c>
      <c r="H4201" s="8">
        <v>1</v>
      </c>
      <c r="I4201" s="8">
        <v>0</v>
      </c>
      <c r="J4201" s="8">
        <v>1</v>
      </c>
      <c r="K4201" s="9">
        <v>35</v>
      </c>
      <c r="L4201" s="6" t="s">
        <v>51</v>
      </c>
    </row>
    <row r="4202" spans="1:12">
      <c r="A4202" s="6" t="s">
        <v>49</v>
      </c>
      <c r="B4202" s="6"/>
      <c r="C4202" s="6" t="s">
        <v>4221</v>
      </c>
      <c r="D4202" s="6"/>
      <c r="E4202" s="6" t="s">
        <v>9</v>
      </c>
      <c r="F4202" s="7">
        <v>38657</v>
      </c>
      <c r="G4202" s="8">
        <v>1</v>
      </c>
      <c r="H4202" s="8">
        <v>1</v>
      </c>
      <c r="I4202" s="8">
        <v>0</v>
      </c>
      <c r="J4202" s="8">
        <v>1</v>
      </c>
      <c r="K4202" s="9">
        <v>23</v>
      </c>
      <c r="L4202" s="6" t="s">
        <v>51</v>
      </c>
    </row>
    <row r="4203" spans="1:12">
      <c r="A4203" s="6" t="s">
        <v>49</v>
      </c>
      <c r="B4203" s="6"/>
      <c r="C4203" s="6" t="s">
        <v>4222</v>
      </c>
      <c r="D4203" s="6"/>
      <c r="E4203" s="6" t="s">
        <v>9</v>
      </c>
      <c r="F4203" s="7">
        <v>38657</v>
      </c>
      <c r="G4203" s="8">
        <v>1</v>
      </c>
      <c r="H4203" s="8">
        <v>1</v>
      </c>
      <c r="I4203" s="8">
        <v>0</v>
      </c>
      <c r="J4203" s="8">
        <v>1</v>
      </c>
      <c r="K4203" s="9">
        <v>23</v>
      </c>
      <c r="L4203" s="6" t="s">
        <v>51</v>
      </c>
    </row>
    <row r="4204" spans="1:12">
      <c r="A4204" s="6" t="s">
        <v>49</v>
      </c>
      <c r="B4204" s="6"/>
      <c r="C4204" s="6" t="s">
        <v>4223</v>
      </c>
      <c r="D4204" s="6"/>
      <c r="E4204" s="6" t="s">
        <v>9</v>
      </c>
      <c r="F4204" s="7">
        <v>38657</v>
      </c>
      <c r="G4204" s="8">
        <v>1</v>
      </c>
      <c r="H4204" s="8">
        <v>1</v>
      </c>
      <c r="I4204" s="8">
        <v>0</v>
      </c>
      <c r="J4204" s="8">
        <v>1</v>
      </c>
      <c r="K4204" s="9">
        <v>20</v>
      </c>
      <c r="L4204" s="6" t="s">
        <v>51</v>
      </c>
    </row>
    <row r="4205" spans="1:12">
      <c r="A4205" s="6" t="s">
        <v>49</v>
      </c>
      <c r="B4205" s="6"/>
      <c r="C4205" s="6" t="s">
        <v>4224</v>
      </c>
      <c r="D4205" s="6"/>
      <c r="E4205" s="6" t="s">
        <v>9</v>
      </c>
      <c r="F4205" s="7">
        <v>38657</v>
      </c>
      <c r="G4205" s="8">
        <v>1</v>
      </c>
      <c r="H4205" s="8">
        <v>1</v>
      </c>
      <c r="I4205" s="8">
        <v>0</v>
      </c>
      <c r="J4205" s="8">
        <v>1</v>
      </c>
      <c r="K4205" s="9">
        <v>18</v>
      </c>
      <c r="L4205" s="6" t="s">
        <v>51</v>
      </c>
    </row>
    <row r="4206" spans="1:12">
      <c r="A4206" s="6" t="s">
        <v>49</v>
      </c>
      <c r="B4206" s="6"/>
      <c r="C4206" s="6" t="s">
        <v>4225</v>
      </c>
      <c r="D4206" s="6"/>
      <c r="E4206" s="6" t="s">
        <v>9</v>
      </c>
      <c r="F4206" s="7">
        <v>28085</v>
      </c>
      <c r="G4206" s="8">
        <v>1</v>
      </c>
      <c r="H4206" s="8">
        <v>1</v>
      </c>
      <c r="I4206" s="8">
        <v>0</v>
      </c>
      <c r="J4206" s="8">
        <v>1</v>
      </c>
      <c r="K4206" s="9">
        <v>17</v>
      </c>
      <c r="L4206" s="6" t="s">
        <v>51</v>
      </c>
    </row>
    <row r="4207" spans="1:12">
      <c r="A4207" s="6" t="s">
        <v>49</v>
      </c>
      <c r="B4207" s="6"/>
      <c r="C4207" s="6" t="s">
        <v>4226</v>
      </c>
      <c r="D4207" s="6"/>
      <c r="E4207" s="6" t="s">
        <v>9</v>
      </c>
      <c r="F4207" s="7">
        <v>38657</v>
      </c>
      <c r="G4207" s="8">
        <v>1</v>
      </c>
      <c r="H4207" s="8">
        <v>1</v>
      </c>
      <c r="I4207" s="8">
        <v>0</v>
      </c>
      <c r="J4207" s="8">
        <v>1</v>
      </c>
      <c r="K4207" s="9">
        <v>60</v>
      </c>
      <c r="L4207" s="6" t="s">
        <v>51</v>
      </c>
    </row>
    <row r="4208" spans="1:12">
      <c r="A4208" s="6" t="s">
        <v>49</v>
      </c>
      <c r="B4208" s="6"/>
      <c r="C4208" s="6" t="s">
        <v>4227</v>
      </c>
      <c r="D4208" s="6"/>
      <c r="E4208" s="6" t="s">
        <v>9</v>
      </c>
      <c r="F4208" s="7">
        <v>38657</v>
      </c>
      <c r="G4208" s="8">
        <v>1</v>
      </c>
      <c r="H4208" s="8">
        <v>1</v>
      </c>
      <c r="I4208" s="8">
        <v>0</v>
      </c>
      <c r="J4208" s="8">
        <v>1</v>
      </c>
      <c r="K4208" s="9">
        <v>13</v>
      </c>
      <c r="L4208" s="6" t="s">
        <v>51</v>
      </c>
    </row>
    <row r="4209" spans="1:12">
      <c r="A4209" s="6" t="s">
        <v>49</v>
      </c>
      <c r="B4209" s="6"/>
      <c r="C4209" s="6" t="s">
        <v>4228</v>
      </c>
      <c r="D4209" s="6"/>
      <c r="E4209" s="6" t="s">
        <v>9</v>
      </c>
      <c r="F4209" s="7">
        <v>38657</v>
      </c>
      <c r="G4209" s="8">
        <v>1</v>
      </c>
      <c r="H4209" s="8">
        <v>1</v>
      </c>
      <c r="I4209" s="8">
        <v>0</v>
      </c>
      <c r="J4209" s="8">
        <v>1</v>
      </c>
      <c r="K4209" s="9">
        <v>22</v>
      </c>
      <c r="L4209" s="6" t="s">
        <v>51</v>
      </c>
    </row>
    <row r="4210" spans="1:12">
      <c r="A4210" s="6" t="s">
        <v>49</v>
      </c>
      <c r="B4210" s="6"/>
      <c r="C4210" s="6" t="s">
        <v>4229</v>
      </c>
      <c r="D4210" s="6"/>
      <c r="E4210" s="6" t="s">
        <v>9</v>
      </c>
      <c r="F4210" s="7">
        <v>40029</v>
      </c>
      <c r="G4210" s="8">
        <v>1</v>
      </c>
      <c r="H4210" s="8">
        <v>1</v>
      </c>
      <c r="I4210" s="8">
        <v>0</v>
      </c>
      <c r="J4210" s="8">
        <v>1</v>
      </c>
      <c r="K4210" s="9">
        <v>16</v>
      </c>
      <c r="L4210" s="6" t="s">
        <v>4151</v>
      </c>
    </row>
    <row r="4211" spans="1:12">
      <c r="A4211" s="6" t="s">
        <v>49</v>
      </c>
      <c r="B4211" s="6"/>
      <c r="C4211" s="6" t="s">
        <v>4230</v>
      </c>
      <c r="D4211" s="6"/>
      <c r="E4211" s="6" t="s">
        <v>9</v>
      </c>
      <c r="F4211" s="7">
        <v>40029</v>
      </c>
      <c r="G4211" s="8">
        <v>1</v>
      </c>
      <c r="H4211" s="8">
        <v>1</v>
      </c>
      <c r="I4211" s="8">
        <v>0</v>
      </c>
      <c r="J4211" s="8">
        <v>1</v>
      </c>
      <c r="K4211" s="9">
        <v>10</v>
      </c>
      <c r="L4211" s="6" t="s">
        <v>4151</v>
      </c>
    </row>
    <row r="4212" spans="1:12">
      <c r="A4212" s="6" t="s">
        <v>49</v>
      </c>
      <c r="B4212" s="6"/>
      <c r="C4212" s="6" t="s">
        <v>4231</v>
      </c>
      <c r="D4212" s="6"/>
      <c r="E4212" s="6" t="s">
        <v>9</v>
      </c>
      <c r="F4212" s="7">
        <v>38657</v>
      </c>
      <c r="G4212" s="8">
        <v>1</v>
      </c>
      <c r="H4212" s="8">
        <v>1</v>
      </c>
      <c r="I4212" s="8">
        <v>0</v>
      </c>
      <c r="J4212" s="8">
        <v>1</v>
      </c>
      <c r="K4212" s="9">
        <v>410</v>
      </c>
      <c r="L4212" s="6" t="s">
        <v>51</v>
      </c>
    </row>
    <row r="4213" spans="1:12">
      <c r="A4213" s="6" t="s">
        <v>49</v>
      </c>
      <c r="B4213" s="6"/>
      <c r="C4213" s="6" t="s">
        <v>4232</v>
      </c>
      <c r="D4213" s="6"/>
      <c r="E4213" s="6" t="s">
        <v>9</v>
      </c>
      <c r="F4213" s="7">
        <v>38657</v>
      </c>
      <c r="G4213" s="8">
        <v>1</v>
      </c>
      <c r="H4213" s="8">
        <v>1</v>
      </c>
      <c r="I4213" s="8">
        <v>0</v>
      </c>
      <c r="J4213" s="8">
        <v>1</v>
      </c>
      <c r="K4213" s="9">
        <v>3.3</v>
      </c>
      <c r="L4213" s="6" t="s">
        <v>51</v>
      </c>
    </row>
    <row r="4214" spans="1:12">
      <c r="A4214" s="6" t="s">
        <v>49</v>
      </c>
      <c r="B4214" s="6"/>
      <c r="C4214" s="6" t="s">
        <v>4233</v>
      </c>
      <c r="D4214" s="6"/>
      <c r="E4214" s="6" t="s">
        <v>9</v>
      </c>
      <c r="F4214" s="7">
        <v>38657</v>
      </c>
      <c r="G4214" s="8">
        <v>1</v>
      </c>
      <c r="H4214" s="8">
        <v>1</v>
      </c>
      <c r="I4214" s="8">
        <v>0</v>
      </c>
      <c r="J4214" s="8">
        <v>1</v>
      </c>
      <c r="K4214" s="9">
        <v>46</v>
      </c>
      <c r="L4214" s="6" t="s">
        <v>51</v>
      </c>
    </row>
    <row r="4215" spans="1:12">
      <c r="A4215" s="6" t="s">
        <v>49</v>
      </c>
      <c r="B4215" s="6"/>
      <c r="C4215" s="6" t="s">
        <v>4234</v>
      </c>
      <c r="D4215" s="6"/>
      <c r="E4215" s="6" t="s">
        <v>9</v>
      </c>
      <c r="F4215" s="7">
        <v>38657</v>
      </c>
      <c r="G4215" s="8">
        <v>1</v>
      </c>
      <c r="H4215" s="8">
        <v>1</v>
      </c>
      <c r="I4215" s="8">
        <v>0</v>
      </c>
      <c r="J4215" s="8">
        <v>1</v>
      </c>
      <c r="K4215" s="9">
        <v>339</v>
      </c>
      <c r="L4215" s="6" t="s">
        <v>51</v>
      </c>
    </row>
    <row r="4216" spans="1:12">
      <c r="A4216" s="6" t="s">
        <v>49</v>
      </c>
      <c r="B4216" s="6"/>
      <c r="C4216" s="6" t="s">
        <v>4235</v>
      </c>
      <c r="D4216" s="6"/>
      <c r="E4216" s="6" t="s">
        <v>9</v>
      </c>
      <c r="F4216" s="7">
        <v>38657</v>
      </c>
      <c r="G4216" s="8">
        <v>1</v>
      </c>
      <c r="H4216" s="8">
        <v>1</v>
      </c>
      <c r="I4216" s="8">
        <v>0</v>
      </c>
      <c r="J4216" s="8">
        <v>1</v>
      </c>
      <c r="K4216" s="9">
        <v>25</v>
      </c>
      <c r="L4216" s="6" t="s">
        <v>51</v>
      </c>
    </row>
    <row r="4217" spans="1:12">
      <c r="A4217" s="6" t="s">
        <v>49</v>
      </c>
      <c r="B4217" s="6"/>
      <c r="C4217" s="6" t="s">
        <v>4236</v>
      </c>
      <c r="D4217" s="6"/>
      <c r="E4217" s="6" t="s">
        <v>9</v>
      </c>
      <c r="F4217" s="7">
        <v>38657</v>
      </c>
      <c r="G4217" s="8">
        <v>1</v>
      </c>
      <c r="H4217" s="8">
        <v>1</v>
      </c>
      <c r="I4217" s="8">
        <v>0</v>
      </c>
      <c r="J4217" s="8">
        <v>1</v>
      </c>
      <c r="K4217" s="9">
        <v>92</v>
      </c>
      <c r="L4217" s="6" t="s">
        <v>51</v>
      </c>
    </row>
    <row r="4218" spans="1:12">
      <c r="A4218" s="6" t="s">
        <v>49</v>
      </c>
      <c r="B4218" s="6"/>
      <c r="C4218" s="6" t="s">
        <v>4237</v>
      </c>
      <c r="D4218" s="6"/>
      <c r="E4218" s="6" t="s">
        <v>9</v>
      </c>
      <c r="F4218" s="7">
        <v>38657</v>
      </c>
      <c r="G4218" s="8">
        <v>1</v>
      </c>
      <c r="H4218" s="8">
        <v>1</v>
      </c>
      <c r="I4218" s="8">
        <v>0</v>
      </c>
      <c r="J4218" s="8">
        <v>1</v>
      </c>
      <c r="K4218" s="9">
        <v>10</v>
      </c>
      <c r="L4218" s="6" t="s">
        <v>51</v>
      </c>
    </row>
    <row r="4219" spans="1:12">
      <c r="A4219" s="6" t="s">
        <v>49</v>
      </c>
      <c r="B4219" s="6"/>
      <c r="C4219" s="6" t="s">
        <v>4238</v>
      </c>
      <c r="D4219" s="6"/>
      <c r="E4219" s="6" t="s">
        <v>9</v>
      </c>
      <c r="F4219" s="7">
        <v>38657</v>
      </c>
      <c r="G4219" s="8">
        <v>1</v>
      </c>
      <c r="H4219" s="8">
        <v>1</v>
      </c>
      <c r="I4219" s="8">
        <v>0</v>
      </c>
      <c r="J4219" s="8">
        <v>1</v>
      </c>
      <c r="K4219" s="9">
        <v>97</v>
      </c>
      <c r="L4219" s="6" t="s">
        <v>51</v>
      </c>
    </row>
    <row r="4220" spans="1:12">
      <c r="A4220" s="6" t="s">
        <v>49</v>
      </c>
      <c r="B4220" s="6"/>
      <c r="C4220" s="6" t="s">
        <v>4239</v>
      </c>
      <c r="D4220" s="6"/>
      <c r="E4220" s="6" t="s">
        <v>9</v>
      </c>
      <c r="F4220" s="7">
        <v>38657</v>
      </c>
      <c r="G4220" s="8">
        <v>1</v>
      </c>
      <c r="H4220" s="8">
        <v>1</v>
      </c>
      <c r="I4220" s="8">
        <v>0</v>
      </c>
      <c r="J4220" s="8">
        <v>1</v>
      </c>
      <c r="K4220" s="9">
        <v>56</v>
      </c>
      <c r="L4220" s="6" t="s">
        <v>51</v>
      </c>
    </row>
    <row r="4221" spans="1:12">
      <c r="A4221" s="6" t="s">
        <v>49</v>
      </c>
      <c r="B4221" s="6"/>
      <c r="C4221" s="6" t="s">
        <v>4240</v>
      </c>
      <c r="D4221" s="6"/>
      <c r="E4221" s="6" t="s">
        <v>9</v>
      </c>
      <c r="F4221" s="7">
        <v>38657</v>
      </c>
      <c r="G4221" s="8">
        <v>1</v>
      </c>
      <c r="H4221" s="8">
        <v>1</v>
      </c>
      <c r="I4221" s="8">
        <v>0</v>
      </c>
      <c r="J4221" s="8">
        <v>1</v>
      </c>
      <c r="K4221" s="9">
        <v>50</v>
      </c>
      <c r="L4221" s="6" t="s">
        <v>51</v>
      </c>
    </row>
    <row r="4222" spans="1:12">
      <c r="A4222" s="6" t="s">
        <v>49</v>
      </c>
      <c r="B4222" s="6"/>
      <c r="C4222" s="6" t="s">
        <v>4241</v>
      </c>
      <c r="D4222" s="6"/>
      <c r="E4222" s="6" t="s">
        <v>9</v>
      </c>
      <c r="F4222" s="7">
        <v>38657</v>
      </c>
      <c r="G4222" s="8">
        <v>1</v>
      </c>
      <c r="H4222" s="8">
        <v>1</v>
      </c>
      <c r="I4222" s="8">
        <v>0</v>
      </c>
      <c r="J4222" s="8">
        <v>1</v>
      </c>
      <c r="K4222" s="9">
        <v>16</v>
      </c>
      <c r="L4222" s="6" t="s">
        <v>51</v>
      </c>
    </row>
    <row r="4223" spans="1:12">
      <c r="A4223" s="6" t="s">
        <v>49</v>
      </c>
      <c r="B4223" s="6"/>
      <c r="C4223" s="6" t="s">
        <v>4242</v>
      </c>
      <c r="D4223" s="6"/>
      <c r="E4223" s="6" t="s">
        <v>9</v>
      </c>
      <c r="F4223" s="7">
        <v>38657</v>
      </c>
      <c r="G4223" s="8">
        <v>1</v>
      </c>
      <c r="H4223" s="8">
        <v>1</v>
      </c>
      <c r="I4223" s="8">
        <v>0</v>
      </c>
      <c r="J4223" s="8">
        <v>1</v>
      </c>
      <c r="K4223" s="9">
        <v>286</v>
      </c>
      <c r="L4223" s="6" t="s">
        <v>51</v>
      </c>
    </row>
    <row r="4224" spans="1:12">
      <c r="A4224" s="6" t="s">
        <v>49</v>
      </c>
      <c r="B4224" s="6"/>
      <c r="C4224" s="6" t="s">
        <v>4243</v>
      </c>
      <c r="D4224" s="6"/>
      <c r="E4224" s="6" t="s">
        <v>9</v>
      </c>
      <c r="F4224" s="7">
        <v>38657</v>
      </c>
      <c r="G4224" s="8">
        <v>1</v>
      </c>
      <c r="H4224" s="8">
        <v>1</v>
      </c>
      <c r="I4224" s="8">
        <v>0</v>
      </c>
      <c r="J4224" s="8">
        <v>1</v>
      </c>
      <c r="K4224" s="9">
        <v>19</v>
      </c>
      <c r="L4224" s="6" t="s">
        <v>51</v>
      </c>
    </row>
    <row r="4225" spans="1:12">
      <c r="A4225" s="6" t="s">
        <v>49</v>
      </c>
      <c r="B4225" s="6"/>
      <c r="C4225" s="6" t="s">
        <v>4244</v>
      </c>
      <c r="D4225" s="6"/>
      <c r="E4225" s="6" t="s">
        <v>9</v>
      </c>
      <c r="F4225" s="7">
        <v>38657</v>
      </c>
      <c r="G4225" s="8">
        <v>1</v>
      </c>
      <c r="H4225" s="8">
        <v>1</v>
      </c>
      <c r="I4225" s="8">
        <v>0</v>
      </c>
      <c r="J4225" s="8">
        <v>1</v>
      </c>
      <c r="K4225" s="9">
        <v>224</v>
      </c>
      <c r="L4225" s="6" t="s">
        <v>51</v>
      </c>
    </row>
    <row r="4226" spans="1:12">
      <c r="A4226" s="6" t="s">
        <v>49</v>
      </c>
      <c r="B4226" s="6"/>
      <c r="C4226" s="6" t="s">
        <v>4245</v>
      </c>
      <c r="D4226" s="6"/>
      <c r="E4226" s="6" t="s">
        <v>9</v>
      </c>
      <c r="F4226" s="7">
        <v>38657</v>
      </c>
      <c r="G4226" s="8">
        <v>1</v>
      </c>
      <c r="H4226" s="8">
        <v>1</v>
      </c>
      <c r="I4226" s="8">
        <v>0</v>
      </c>
      <c r="J4226" s="8">
        <v>1</v>
      </c>
      <c r="K4226" s="9">
        <v>6.61</v>
      </c>
      <c r="L4226" s="6" t="s">
        <v>51</v>
      </c>
    </row>
    <row r="4227" spans="1:12">
      <c r="A4227" s="6" t="s">
        <v>49</v>
      </c>
      <c r="B4227" s="6"/>
      <c r="C4227" s="6" t="s">
        <v>4246</v>
      </c>
      <c r="D4227" s="6"/>
      <c r="E4227" s="6" t="s">
        <v>9</v>
      </c>
      <c r="F4227" s="7">
        <v>38657</v>
      </c>
      <c r="G4227" s="8">
        <v>1</v>
      </c>
      <c r="H4227" s="8">
        <v>1</v>
      </c>
      <c r="I4227" s="8">
        <v>0</v>
      </c>
      <c r="J4227" s="8">
        <v>1</v>
      </c>
      <c r="K4227" s="9">
        <v>74</v>
      </c>
      <c r="L4227" s="6" t="s">
        <v>51</v>
      </c>
    </row>
    <row r="4228" spans="1:12">
      <c r="A4228" s="6" t="s">
        <v>49</v>
      </c>
      <c r="B4228" s="6"/>
      <c r="C4228" s="6" t="s">
        <v>4247</v>
      </c>
      <c r="D4228" s="6"/>
      <c r="E4228" s="6" t="s">
        <v>9</v>
      </c>
      <c r="F4228" s="7">
        <v>38657</v>
      </c>
      <c r="G4228" s="8">
        <v>1</v>
      </c>
      <c r="H4228" s="8">
        <v>1</v>
      </c>
      <c r="I4228" s="8">
        <v>0</v>
      </c>
      <c r="J4228" s="8">
        <v>1</v>
      </c>
      <c r="K4228" s="9">
        <v>9.77</v>
      </c>
      <c r="L4228" s="6" t="s">
        <v>51</v>
      </c>
    </row>
    <row r="4229" spans="1:12">
      <c r="A4229" s="6" t="s">
        <v>49</v>
      </c>
      <c r="B4229" s="6"/>
      <c r="C4229" s="6" t="s">
        <v>4248</v>
      </c>
      <c r="D4229" s="6"/>
      <c r="E4229" s="6" t="s">
        <v>9</v>
      </c>
      <c r="F4229" s="7">
        <v>38657</v>
      </c>
      <c r="G4229" s="8">
        <v>1</v>
      </c>
      <c r="H4229" s="8">
        <v>1</v>
      </c>
      <c r="I4229" s="8">
        <v>0</v>
      </c>
      <c r="J4229" s="8">
        <v>1</v>
      </c>
      <c r="K4229" s="9">
        <v>392</v>
      </c>
      <c r="L4229" s="6" t="s">
        <v>51</v>
      </c>
    </row>
    <row r="4230" spans="1:12">
      <c r="A4230" s="6" t="s">
        <v>49</v>
      </c>
      <c r="B4230" s="6"/>
      <c r="C4230" s="6" t="s">
        <v>4249</v>
      </c>
      <c r="D4230" s="6"/>
      <c r="E4230" s="6" t="s">
        <v>9</v>
      </c>
      <c r="F4230" s="7">
        <v>38657</v>
      </c>
      <c r="G4230" s="8">
        <v>1</v>
      </c>
      <c r="H4230" s="8">
        <v>1</v>
      </c>
      <c r="I4230" s="8">
        <v>0</v>
      </c>
      <c r="J4230" s="8">
        <v>1</v>
      </c>
      <c r="K4230" s="9">
        <v>1186</v>
      </c>
      <c r="L4230" s="6" t="s">
        <v>51</v>
      </c>
    </row>
    <row r="4231" spans="1:12">
      <c r="A4231" s="6" t="s">
        <v>49</v>
      </c>
      <c r="B4231" s="6"/>
      <c r="C4231" s="6" t="s">
        <v>4250</v>
      </c>
      <c r="D4231" s="6"/>
      <c r="E4231" s="6" t="s">
        <v>9</v>
      </c>
      <c r="F4231" s="7">
        <v>38657</v>
      </c>
      <c r="G4231" s="8">
        <v>1</v>
      </c>
      <c r="H4231" s="8">
        <v>1</v>
      </c>
      <c r="I4231" s="8">
        <v>0</v>
      </c>
      <c r="J4231" s="8">
        <v>1</v>
      </c>
      <c r="K4231" s="9">
        <v>724</v>
      </c>
      <c r="L4231" s="6" t="s">
        <v>51</v>
      </c>
    </row>
    <row r="4232" spans="1:12">
      <c r="A4232" s="6" t="s">
        <v>49</v>
      </c>
      <c r="B4232" s="6"/>
      <c r="C4232" s="6" t="s">
        <v>4251</v>
      </c>
      <c r="D4232" s="6"/>
      <c r="E4232" s="6" t="s">
        <v>9</v>
      </c>
      <c r="F4232" s="7">
        <v>38657</v>
      </c>
      <c r="G4232" s="8">
        <v>1</v>
      </c>
      <c r="H4232" s="8">
        <v>1</v>
      </c>
      <c r="I4232" s="8">
        <v>0</v>
      </c>
      <c r="J4232" s="8">
        <v>1</v>
      </c>
      <c r="K4232" s="9">
        <v>117</v>
      </c>
      <c r="L4232" s="6" t="s">
        <v>51</v>
      </c>
    </row>
    <row r="4233" spans="1:12">
      <c r="A4233" s="6" t="s">
        <v>49</v>
      </c>
      <c r="B4233" s="6"/>
      <c r="C4233" s="6" t="s">
        <v>4252</v>
      </c>
      <c r="D4233" s="6"/>
      <c r="E4233" s="6" t="s">
        <v>9</v>
      </c>
      <c r="F4233" s="7">
        <v>38657</v>
      </c>
      <c r="G4233" s="8">
        <v>1</v>
      </c>
      <c r="H4233" s="8">
        <v>1</v>
      </c>
      <c r="I4233" s="8">
        <v>0</v>
      </c>
      <c r="J4233" s="8">
        <v>1</v>
      </c>
      <c r="K4233" s="9">
        <v>24</v>
      </c>
      <c r="L4233" s="6" t="s">
        <v>51</v>
      </c>
    </row>
    <row r="4234" spans="1:12">
      <c r="A4234" s="6" t="s">
        <v>49</v>
      </c>
      <c r="B4234" s="6"/>
      <c r="C4234" s="6" t="s">
        <v>4253</v>
      </c>
      <c r="D4234" s="6"/>
      <c r="E4234" s="6" t="s">
        <v>9</v>
      </c>
      <c r="F4234" s="7">
        <v>38657</v>
      </c>
      <c r="G4234" s="8">
        <v>1</v>
      </c>
      <c r="H4234" s="8">
        <v>1</v>
      </c>
      <c r="I4234" s="8">
        <v>0</v>
      </c>
      <c r="J4234" s="8">
        <v>1</v>
      </c>
      <c r="K4234" s="9">
        <v>24</v>
      </c>
      <c r="L4234" s="6" t="s">
        <v>51</v>
      </c>
    </row>
    <row r="4235" spans="1:12">
      <c r="A4235" s="6" t="s">
        <v>49</v>
      </c>
      <c r="B4235" s="6"/>
      <c r="C4235" s="6" t="s">
        <v>4254</v>
      </c>
      <c r="D4235" s="6"/>
      <c r="E4235" s="6" t="s">
        <v>9</v>
      </c>
      <c r="F4235" s="7">
        <v>38657</v>
      </c>
      <c r="G4235" s="8">
        <v>1</v>
      </c>
      <c r="H4235" s="8">
        <v>1</v>
      </c>
      <c r="I4235" s="8">
        <v>0</v>
      </c>
      <c r="J4235" s="8">
        <v>1</v>
      </c>
      <c r="K4235" s="9">
        <v>7.93</v>
      </c>
      <c r="L4235" s="6" t="s">
        <v>51</v>
      </c>
    </row>
    <row r="4236" spans="1:12">
      <c r="A4236" s="6" t="s">
        <v>49</v>
      </c>
      <c r="B4236" s="6"/>
      <c r="C4236" s="6" t="s">
        <v>4255</v>
      </c>
      <c r="D4236" s="6"/>
      <c r="E4236" s="6" t="s">
        <v>9</v>
      </c>
      <c r="F4236" s="7">
        <v>38657</v>
      </c>
      <c r="G4236" s="8">
        <v>1</v>
      </c>
      <c r="H4236" s="8">
        <v>1</v>
      </c>
      <c r="I4236" s="8">
        <v>0</v>
      </c>
      <c r="J4236" s="8">
        <v>1</v>
      </c>
      <c r="K4236" s="9">
        <v>48.65</v>
      </c>
      <c r="L4236" s="6" t="s">
        <v>51</v>
      </c>
    </row>
    <row r="4237" spans="1:12">
      <c r="A4237" s="6" t="s">
        <v>49</v>
      </c>
      <c r="B4237" s="6"/>
      <c r="C4237" s="6" t="s">
        <v>4256</v>
      </c>
      <c r="D4237" s="6"/>
      <c r="E4237" s="6" t="s">
        <v>9</v>
      </c>
      <c r="F4237" s="7">
        <v>38657</v>
      </c>
      <c r="G4237" s="8">
        <v>1</v>
      </c>
      <c r="H4237" s="8">
        <v>1</v>
      </c>
      <c r="I4237" s="8">
        <v>0</v>
      </c>
      <c r="J4237" s="8">
        <v>1</v>
      </c>
      <c r="K4237" s="9">
        <v>360</v>
      </c>
      <c r="L4237" s="6" t="s">
        <v>51</v>
      </c>
    </row>
    <row r="4238" spans="1:12">
      <c r="A4238" s="6" t="s">
        <v>49</v>
      </c>
      <c r="B4238" s="6"/>
      <c r="C4238" s="6" t="s">
        <v>4257</v>
      </c>
      <c r="D4238" s="6"/>
      <c r="E4238" s="6" t="s">
        <v>9</v>
      </c>
      <c r="F4238" s="7">
        <v>41269</v>
      </c>
      <c r="G4238" s="8">
        <v>1</v>
      </c>
      <c r="H4238" s="8">
        <v>1</v>
      </c>
      <c r="I4238" s="8">
        <v>0</v>
      </c>
      <c r="J4238" s="8">
        <v>1</v>
      </c>
      <c r="K4238" s="9">
        <v>383.04</v>
      </c>
      <c r="L4238" s="6" t="s">
        <v>51</v>
      </c>
    </row>
    <row r="4239" spans="1:12">
      <c r="A4239" s="6" t="s">
        <v>49</v>
      </c>
      <c r="B4239" s="6"/>
      <c r="C4239" s="6" t="s">
        <v>4258</v>
      </c>
      <c r="D4239" s="6"/>
      <c r="E4239" s="6" t="s">
        <v>9</v>
      </c>
      <c r="F4239" s="7">
        <v>41269</v>
      </c>
      <c r="G4239" s="8">
        <v>1</v>
      </c>
      <c r="H4239" s="8">
        <v>1</v>
      </c>
      <c r="I4239" s="8">
        <v>0</v>
      </c>
      <c r="J4239" s="8">
        <v>1</v>
      </c>
      <c r="K4239" s="9">
        <v>5.69</v>
      </c>
      <c r="L4239" s="6" t="s">
        <v>51</v>
      </c>
    </row>
    <row r="4240" spans="1:12">
      <c r="A4240" s="6" t="s">
        <v>49</v>
      </c>
      <c r="B4240" s="6"/>
      <c r="C4240" s="6" t="s">
        <v>4259</v>
      </c>
      <c r="D4240" s="6"/>
      <c r="E4240" s="6" t="s">
        <v>9</v>
      </c>
      <c r="F4240" s="7">
        <v>41213</v>
      </c>
      <c r="G4240" s="8">
        <v>1</v>
      </c>
      <c r="H4240" s="8">
        <v>1</v>
      </c>
      <c r="I4240" s="8">
        <v>0</v>
      </c>
      <c r="J4240" s="8">
        <v>1</v>
      </c>
      <c r="K4240" s="9">
        <v>180.16</v>
      </c>
      <c r="L4240" s="6" t="s">
        <v>51</v>
      </c>
    </row>
    <row r="4241" spans="1:12">
      <c r="A4241" s="6" t="s">
        <v>49</v>
      </c>
      <c r="B4241" s="6"/>
      <c r="C4241" s="6" t="s">
        <v>4260</v>
      </c>
      <c r="D4241" s="6"/>
      <c r="E4241" s="6" t="s">
        <v>9</v>
      </c>
      <c r="F4241" s="7">
        <v>40982</v>
      </c>
      <c r="G4241" s="8">
        <v>1</v>
      </c>
      <c r="H4241" s="8">
        <v>1</v>
      </c>
      <c r="I4241" s="8">
        <v>0</v>
      </c>
      <c r="J4241" s="8">
        <v>1</v>
      </c>
      <c r="K4241" s="9">
        <v>247</v>
      </c>
      <c r="L4241" s="6" t="s">
        <v>51</v>
      </c>
    </row>
    <row r="4242" spans="1:12">
      <c r="A4242" s="6" t="s">
        <v>49</v>
      </c>
      <c r="B4242" s="6"/>
      <c r="C4242" s="6" t="s">
        <v>4261</v>
      </c>
      <c r="D4242" s="6"/>
      <c r="E4242" s="6" t="s">
        <v>9</v>
      </c>
      <c r="F4242" s="7">
        <v>41002</v>
      </c>
      <c r="G4242" s="8">
        <v>1917230</v>
      </c>
      <c r="H4242" s="8">
        <v>1917230</v>
      </c>
      <c r="I4242" s="8">
        <v>0</v>
      </c>
      <c r="J4242" s="8">
        <v>1917230</v>
      </c>
      <c r="K4242" s="9">
        <v>273.89</v>
      </c>
      <c r="L4242" s="6" t="s">
        <v>51</v>
      </c>
    </row>
    <row r="4243" spans="1:12">
      <c r="A4243" s="6" t="s">
        <v>49</v>
      </c>
      <c r="B4243" s="6"/>
      <c r="C4243" s="6" t="s">
        <v>4262</v>
      </c>
      <c r="D4243" s="6"/>
      <c r="E4243" s="6" t="s">
        <v>9</v>
      </c>
      <c r="F4243" s="7">
        <v>41078</v>
      </c>
      <c r="G4243" s="8">
        <v>1</v>
      </c>
      <c r="H4243" s="8">
        <v>1</v>
      </c>
      <c r="I4243" s="8">
        <v>0</v>
      </c>
      <c r="J4243" s="8">
        <v>1</v>
      </c>
      <c r="K4243" s="9">
        <v>173.39</v>
      </c>
      <c r="L4243" s="6" t="s">
        <v>51</v>
      </c>
    </row>
    <row r="4244" spans="1:12">
      <c r="A4244" s="6" t="s">
        <v>49</v>
      </c>
      <c r="B4244" s="6"/>
      <c r="C4244" s="6" t="s">
        <v>4263</v>
      </c>
      <c r="D4244" s="6"/>
      <c r="E4244" s="6" t="s">
        <v>9</v>
      </c>
      <c r="F4244" s="7">
        <v>41078</v>
      </c>
      <c r="G4244" s="8">
        <v>1</v>
      </c>
      <c r="H4244" s="8">
        <v>1</v>
      </c>
      <c r="I4244" s="8">
        <v>0</v>
      </c>
      <c r="J4244" s="8">
        <v>1</v>
      </c>
      <c r="K4244" s="9">
        <v>34.130000000000003</v>
      </c>
      <c r="L4244" s="6" t="s">
        <v>51</v>
      </c>
    </row>
    <row r="4245" spans="1:12">
      <c r="A4245" s="6" t="s">
        <v>49</v>
      </c>
      <c r="B4245" s="6"/>
      <c r="C4245" s="6" t="s">
        <v>4264</v>
      </c>
      <c r="D4245" s="6"/>
      <c r="E4245" s="6" t="s">
        <v>9</v>
      </c>
      <c r="F4245" s="7">
        <v>41086</v>
      </c>
      <c r="G4245" s="8">
        <v>1</v>
      </c>
      <c r="H4245" s="8">
        <v>1</v>
      </c>
      <c r="I4245" s="8">
        <v>0</v>
      </c>
      <c r="J4245" s="8">
        <v>1</v>
      </c>
      <c r="K4245" s="9">
        <v>49.48</v>
      </c>
      <c r="L4245" s="6" t="s">
        <v>51</v>
      </c>
    </row>
    <row r="4246" spans="1:12">
      <c r="A4246" s="6" t="s">
        <v>49</v>
      </c>
      <c r="B4246" s="6"/>
      <c r="C4246" s="6" t="s">
        <v>4265</v>
      </c>
      <c r="D4246" s="6"/>
      <c r="E4246" s="6" t="s">
        <v>9</v>
      </c>
      <c r="F4246" s="7">
        <v>41086</v>
      </c>
      <c r="G4246" s="8">
        <v>1</v>
      </c>
      <c r="H4246" s="8">
        <v>1</v>
      </c>
      <c r="I4246" s="8">
        <v>0</v>
      </c>
      <c r="J4246" s="8">
        <v>1</v>
      </c>
      <c r="K4246" s="9">
        <v>33.49</v>
      </c>
      <c r="L4246" s="6" t="s">
        <v>51</v>
      </c>
    </row>
    <row r="4247" spans="1:12">
      <c r="A4247" s="6" t="s">
        <v>49</v>
      </c>
      <c r="B4247" s="6"/>
      <c r="C4247" s="6" t="s">
        <v>4266</v>
      </c>
      <c r="D4247" s="6"/>
      <c r="E4247" s="6" t="s">
        <v>9</v>
      </c>
      <c r="F4247" s="7">
        <v>38657</v>
      </c>
      <c r="G4247" s="8">
        <v>1</v>
      </c>
      <c r="H4247" s="8">
        <v>1</v>
      </c>
      <c r="I4247" s="8">
        <v>0</v>
      </c>
      <c r="J4247" s="8">
        <v>1</v>
      </c>
      <c r="K4247" s="9">
        <v>16</v>
      </c>
      <c r="L4247" s="6" t="s">
        <v>51</v>
      </c>
    </row>
    <row r="4248" spans="1:12">
      <c r="A4248" s="6" t="s">
        <v>49</v>
      </c>
      <c r="B4248" s="6"/>
      <c r="C4248" s="6" t="s">
        <v>4267</v>
      </c>
      <c r="D4248" s="6"/>
      <c r="E4248" s="6" t="s">
        <v>9</v>
      </c>
      <c r="F4248" s="7">
        <v>41402</v>
      </c>
      <c r="G4248" s="8">
        <v>1</v>
      </c>
      <c r="H4248" s="8">
        <v>1</v>
      </c>
      <c r="I4248" s="8">
        <v>0</v>
      </c>
      <c r="J4248" s="8">
        <v>1</v>
      </c>
      <c r="K4248" s="9">
        <v>37</v>
      </c>
      <c r="L4248" s="6" t="s">
        <v>51</v>
      </c>
    </row>
    <row r="4249" spans="1:12">
      <c r="A4249" s="6" t="s">
        <v>49</v>
      </c>
      <c r="B4249" s="6"/>
      <c r="C4249" s="6" t="s">
        <v>4268</v>
      </c>
      <c r="D4249" s="6"/>
      <c r="E4249" s="6" t="s">
        <v>9</v>
      </c>
      <c r="F4249" s="7">
        <v>41086</v>
      </c>
      <c r="G4249" s="8">
        <v>1</v>
      </c>
      <c r="H4249" s="8">
        <v>1</v>
      </c>
      <c r="I4249" s="8">
        <v>0</v>
      </c>
      <c r="J4249" s="8">
        <v>1</v>
      </c>
      <c r="K4249" s="9">
        <v>109.66</v>
      </c>
      <c r="L4249" s="6" t="s">
        <v>51</v>
      </c>
    </row>
    <row r="4250" spans="1:12">
      <c r="A4250" s="6" t="s">
        <v>49</v>
      </c>
      <c r="B4250" s="6"/>
      <c r="C4250" s="6" t="s">
        <v>4269</v>
      </c>
      <c r="D4250" s="6"/>
      <c r="E4250" s="6" t="s">
        <v>9</v>
      </c>
      <c r="F4250" s="7">
        <v>41269</v>
      </c>
      <c r="G4250" s="8">
        <v>1</v>
      </c>
      <c r="H4250" s="8">
        <v>1</v>
      </c>
      <c r="I4250" s="8">
        <v>0</v>
      </c>
      <c r="J4250" s="8">
        <v>1</v>
      </c>
      <c r="K4250" s="9">
        <v>89.63</v>
      </c>
      <c r="L4250" s="6" t="s">
        <v>51</v>
      </c>
    </row>
    <row r="4251" spans="1:12">
      <c r="A4251" s="6" t="s">
        <v>49</v>
      </c>
      <c r="B4251" s="6"/>
      <c r="C4251" s="6" t="s">
        <v>4270</v>
      </c>
      <c r="D4251" s="6"/>
      <c r="E4251" s="6" t="s">
        <v>9</v>
      </c>
      <c r="F4251" s="7">
        <v>41365</v>
      </c>
      <c r="G4251" s="8">
        <v>1</v>
      </c>
      <c r="H4251" s="8">
        <v>1</v>
      </c>
      <c r="I4251" s="8">
        <v>0</v>
      </c>
      <c r="J4251" s="8">
        <v>1</v>
      </c>
      <c r="K4251" s="9">
        <v>98</v>
      </c>
      <c r="L4251" s="6" t="s">
        <v>51</v>
      </c>
    </row>
    <row r="4252" spans="1:12">
      <c r="A4252" s="6" t="s">
        <v>49</v>
      </c>
      <c r="B4252" s="6"/>
      <c r="C4252" s="6" t="s">
        <v>4271</v>
      </c>
      <c r="D4252" s="6"/>
      <c r="E4252" s="6" t="s">
        <v>9</v>
      </c>
      <c r="F4252" s="7">
        <v>41365</v>
      </c>
      <c r="G4252" s="8">
        <v>1</v>
      </c>
      <c r="H4252" s="8">
        <v>1</v>
      </c>
      <c r="I4252" s="8">
        <v>0</v>
      </c>
      <c r="J4252" s="8">
        <v>1</v>
      </c>
      <c r="K4252" s="9">
        <v>89</v>
      </c>
      <c r="L4252" s="6" t="s">
        <v>51</v>
      </c>
    </row>
    <row r="4253" spans="1:12">
      <c r="A4253" s="6" t="s">
        <v>49</v>
      </c>
      <c r="B4253" s="6"/>
      <c r="C4253" s="6" t="s">
        <v>4272</v>
      </c>
      <c r="D4253" s="6"/>
      <c r="E4253" s="6" t="s">
        <v>9</v>
      </c>
      <c r="F4253" s="7">
        <v>41365</v>
      </c>
      <c r="G4253" s="8">
        <v>1</v>
      </c>
      <c r="H4253" s="8">
        <v>1</v>
      </c>
      <c r="I4253" s="8">
        <v>0</v>
      </c>
      <c r="J4253" s="8">
        <v>1</v>
      </c>
      <c r="K4253" s="9">
        <v>126</v>
      </c>
      <c r="L4253" s="6" t="s">
        <v>51</v>
      </c>
    </row>
    <row r="4254" spans="1:12">
      <c r="A4254" s="6" t="s">
        <v>49</v>
      </c>
      <c r="B4254" s="6"/>
      <c r="C4254" s="6" t="s">
        <v>4273</v>
      </c>
      <c r="D4254" s="6"/>
      <c r="E4254" s="6" t="s">
        <v>9</v>
      </c>
      <c r="F4254" s="7">
        <v>41269</v>
      </c>
      <c r="G4254" s="8">
        <v>1</v>
      </c>
      <c r="H4254" s="8">
        <v>1</v>
      </c>
      <c r="I4254" s="8">
        <v>0</v>
      </c>
      <c r="J4254" s="8">
        <v>1</v>
      </c>
      <c r="K4254" s="9">
        <v>136.05000000000001</v>
      </c>
      <c r="L4254" s="6" t="s">
        <v>51</v>
      </c>
    </row>
    <row r="4255" spans="1:12">
      <c r="A4255" s="6" t="s">
        <v>49</v>
      </c>
      <c r="B4255" s="6"/>
      <c r="C4255" s="6" t="s">
        <v>4274</v>
      </c>
      <c r="D4255" s="6"/>
      <c r="E4255" s="6" t="s">
        <v>9</v>
      </c>
      <c r="F4255" s="7">
        <v>41269</v>
      </c>
      <c r="G4255" s="8">
        <v>1</v>
      </c>
      <c r="H4255" s="8">
        <v>1</v>
      </c>
      <c r="I4255" s="8">
        <v>0</v>
      </c>
      <c r="J4255" s="8">
        <v>1</v>
      </c>
      <c r="K4255" s="9">
        <v>22.02</v>
      </c>
      <c r="L4255" s="6" t="s">
        <v>51</v>
      </c>
    </row>
    <row r="4256" spans="1:12">
      <c r="A4256" s="6" t="s">
        <v>49</v>
      </c>
      <c r="B4256" s="6"/>
      <c r="C4256" s="6" t="s">
        <v>4275</v>
      </c>
      <c r="D4256" s="6"/>
      <c r="E4256" s="6" t="s">
        <v>9</v>
      </c>
      <c r="F4256" s="7">
        <v>41078</v>
      </c>
      <c r="G4256" s="8">
        <v>1</v>
      </c>
      <c r="H4256" s="8">
        <v>1</v>
      </c>
      <c r="I4256" s="8">
        <v>0</v>
      </c>
      <c r="J4256" s="8">
        <v>1</v>
      </c>
      <c r="K4256" s="9">
        <v>203.31</v>
      </c>
      <c r="L4256" s="6" t="s">
        <v>51</v>
      </c>
    </row>
    <row r="4257" spans="1:12">
      <c r="A4257" s="6" t="s">
        <v>49</v>
      </c>
      <c r="B4257" s="6"/>
      <c r="C4257" s="6" t="s">
        <v>4276</v>
      </c>
      <c r="D4257" s="6"/>
      <c r="E4257" s="6" t="s">
        <v>9</v>
      </c>
      <c r="F4257" s="7">
        <v>38657</v>
      </c>
      <c r="G4257" s="8">
        <v>1</v>
      </c>
      <c r="H4257" s="8">
        <v>1</v>
      </c>
      <c r="I4257" s="8">
        <v>0</v>
      </c>
      <c r="J4257" s="8">
        <v>1</v>
      </c>
      <c r="K4257" s="9">
        <v>257</v>
      </c>
      <c r="L4257" s="6" t="s">
        <v>51</v>
      </c>
    </row>
    <row r="4258" spans="1:12">
      <c r="A4258" s="6" t="s">
        <v>49</v>
      </c>
      <c r="B4258" s="6"/>
      <c r="C4258" s="6" t="s">
        <v>4277</v>
      </c>
      <c r="D4258" s="6"/>
      <c r="E4258" s="6" t="s">
        <v>9</v>
      </c>
      <c r="F4258" s="7">
        <v>38657</v>
      </c>
      <c r="G4258" s="8">
        <v>1</v>
      </c>
      <c r="H4258" s="8">
        <v>1</v>
      </c>
      <c r="I4258" s="8">
        <v>0</v>
      </c>
      <c r="J4258" s="8">
        <v>1</v>
      </c>
      <c r="K4258" s="9">
        <v>3.17</v>
      </c>
      <c r="L4258" s="6" t="s">
        <v>51</v>
      </c>
    </row>
    <row r="4259" spans="1:12">
      <c r="A4259" s="6" t="s">
        <v>49</v>
      </c>
      <c r="B4259" s="6"/>
      <c r="C4259" s="6" t="s">
        <v>4278</v>
      </c>
      <c r="D4259" s="6"/>
      <c r="E4259" s="6" t="s">
        <v>9</v>
      </c>
      <c r="F4259" s="7">
        <v>38657</v>
      </c>
      <c r="G4259" s="8">
        <v>1</v>
      </c>
      <c r="H4259" s="8">
        <v>1</v>
      </c>
      <c r="I4259" s="8">
        <v>0</v>
      </c>
      <c r="J4259" s="8">
        <v>1</v>
      </c>
      <c r="K4259" s="9">
        <v>250</v>
      </c>
      <c r="L4259" s="6" t="s">
        <v>51</v>
      </c>
    </row>
    <row r="4260" spans="1:12">
      <c r="A4260" s="6" t="s">
        <v>49</v>
      </c>
      <c r="B4260" s="6"/>
      <c r="C4260" s="6" t="s">
        <v>4279</v>
      </c>
      <c r="D4260" s="6"/>
      <c r="E4260" s="6" t="s">
        <v>9</v>
      </c>
      <c r="F4260" s="7">
        <v>38657</v>
      </c>
      <c r="G4260" s="8">
        <v>1</v>
      </c>
      <c r="H4260" s="8">
        <v>1</v>
      </c>
      <c r="I4260" s="8">
        <v>0</v>
      </c>
      <c r="J4260" s="8">
        <v>1</v>
      </c>
      <c r="K4260" s="9">
        <v>276</v>
      </c>
      <c r="L4260" s="6" t="s">
        <v>51</v>
      </c>
    </row>
    <row r="4261" spans="1:12">
      <c r="A4261" s="6" t="s">
        <v>49</v>
      </c>
      <c r="B4261" s="6"/>
      <c r="C4261" s="6" t="s">
        <v>4280</v>
      </c>
      <c r="D4261" s="6"/>
      <c r="E4261" s="6" t="s">
        <v>9</v>
      </c>
      <c r="F4261" s="7">
        <v>38657</v>
      </c>
      <c r="G4261" s="8">
        <v>1</v>
      </c>
      <c r="H4261" s="8">
        <v>1</v>
      </c>
      <c r="I4261" s="8">
        <v>0</v>
      </c>
      <c r="J4261" s="8">
        <v>1</v>
      </c>
      <c r="K4261" s="9">
        <v>243</v>
      </c>
      <c r="L4261" s="6" t="s">
        <v>51</v>
      </c>
    </row>
    <row r="4262" spans="1:12">
      <c r="A4262" s="6" t="s">
        <v>49</v>
      </c>
      <c r="B4262" s="6"/>
      <c r="C4262" s="6" t="s">
        <v>4281</v>
      </c>
      <c r="D4262" s="6"/>
      <c r="E4262" s="6" t="s">
        <v>9</v>
      </c>
      <c r="F4262" s="7">
        <v>41365</v>
      </c>
      <c r="G4262" s="8">
        <v>1</v>
      </c>
      <c r="H4262" s="8">
        <v>1</v>
      </c>
      <c r="I4262" s="8">
        <v>0</v>
      </c>
      <c r="J4262" s="8">
        <v>1</v>
      </c>
      <c r="K4262" s="9">
        <v>89</v>
      </c>
      <c r="L4262" s="6" t="s">
        <v>51</v>
      </c>
    </row>
    <row r="4263" spans="1:12">
      <c r="A4263" s="6" t="s">
        <v>49</v>
      </c>
      <c r="B4263" s="6"/>
      <c r="C4263" s="6" t="s">
        <v>4282</v>
      </c>
      <c r="D4263" s="6"/>
      <c r="E4263" s="6" t="s">
        <v>9</v>
      </c>
      <c r="F4263" s="7">
        <v>41365</v>
      </c>
      <c r="G4263" s="8">
        <v>1</v>
      </c>
      <c r="H4263" s="8">
        <v>1</v>
      </c>
      <c r="I4263" s="8">
        <v>0</v>
      </c>
      <c r="J4263" s="8">
        <v>1</v>
      </c>
      <c r="K4263" s="9">
        <v>77</v>
      </c>
      <c r="L4263" s="6" t="s">
        <v>51</v>
      </c>
    </row>
    <row r="4264" spans="1:12">
      <c r="A4264" s="6" t="s">
        <v>49</v>
      </c>
      <c r="B4264" s="6"/>
      <c r="C4264" s="6" t="s">
        <v>4283</v>
      </c>
      <c r="D4264" s="6"/>
      <c r="E4264" s="6" t="s">
        <v>9</v>
      </c>
      <c r="F4264" s="7">
        <v>41365</v>
      </c>
      <c r="G4264" s="8">
        <v>1</v>
      </c>
      <c r="H4264" s="8">
        <v>1</v>
      </c>
      <c r="I4264" s="8">
        <v>0</v>
      </c>
      <c r="J4264" s="8">
        <v>1</v>
      </c>
      <c r="K4264" s="9">
        <v>78</v>
      </c>
      <c r="L4264" s="6" t="s">
        <v>51</v>
      </c>
    </row>
    <row r="4265" spans="1:12">
      <c r="A4265" s="6" t="s">
        <v>49</v>
      </c>
      <c r="B4265" s="6"/>
      <c r="C4265" s="6" t="s">
        <v>4284</v>
      </c>
      <c r="D4265" s="6"/>
      <c r="E4265" s="6" t="s">
        <v>9</v>
      </c>
      <c r="F4265" s="7">
        <v>41365</v>
      </c>
      <c r="G4265" s="8">
        <v>1</v>
      </c>
      <c r="H4265" s="8">
        <v>1</v>
      </c>
      <c r="I4265" s="8">
        <v>0</v>
      </c>
      <c r="J4265" s="8">
        <v>1</v>
      </c>
      <c r="K4265" s="9">
        <v>77</v>
      </c>
      <c r="L4265" s="6" t="s">
        <v>51</v>
      </c>
    </row>
    <row r="4266" spans="1:12">
      <c r="A4266" s="6" t="s">
        <v>49</v>
      </c>
      <c r="B4266" s="6"/>
      <c r="C4266" s="6" t="s">
        <v>4285</v>
      </c>
      <c r="D4266" s="6"/>
      <c r="E4266" s="6" t="s">
        <v>9</v>
      </c>
      <c r="F4266" s="7">
        <v>38657</v>
      </c>
      <c r="G4266" s="8">
        <v>1</v>
      </c>
      <c r="H4266" s="8">
        <v>1</v>
      </c>
      <c r="I4266" s="8">
        <v>0</v>
      </c>
      <c r="J4266" s="8">
        <v>1</v>
      </c>
      <c r="K4266" s="9">
        <v>304</v>
      </c>
      <c r="L4266" s="6" t="s">
        <v>51</v>
      </c>
    </row>
    <row r="4267" spans="1:12">
      <c r="A4267" s="6" t="s">
        <v>49</v>
      </c>
      <c r="B4267" s="6"/>
      <c r="C4267" s="6" t="s">
        <v>4286</v>
      </c>
      <c r="D4267" s="6"/>
      <c r="E4267" s="6" t="s">
        <v>9</v>
      </c>
      <c r="F4267" s="7">
        <v>41241</v>
      </c>
      <c r="G4267" s="8">
        <v>1</v>
      </c>
      <c r="H4267" s="8">
        <v>1</v>
      </c>
      <c r="I4267" s="8">
        <v>0</v>
      </c>
      <c r="J4267" s="8">
        <v>1</v>
      </c>
      <c r="K4267" s="9">
        <v>50.61</v>
      </c>
      <c r="L4267" s="6" t="s">
        <v>51</v>
      </c>
    </row>
    <row r="4268" spans="1:12">
      <c r="A4268" s="6" t="s">
        <v>49</v>
      </c>
      <c r="B4268" s="6"/>
      <c r="C4268" s="6" t="s">
        <v>4287</v>
      </c>
      <c r="D4268" s="6"/>
      <c r="E4268" s="6" t="s">
        <v>9</v>
      </c>
      <c r="F4268" s="7">
        <v>38657</v>
      </c>
      <c r="G4268" s="8">
        <v>1</v>
      </c>
      <c r="H4268" s="8">
        <v>1</v>
      </c>
      <c r="I4268" s="8">
        <v>0</v>
      </c>
      <c r="J4268" s="8">
        <v>1</v>
      </c>
      <c r="K4268" s="9">
        <v>435</v>
      </c>
      <c r="L4268" s="6" t="s">
        <v>51</v>
      </c>
    </row>
    <row r="4269" spans="1:12">
      <c r="A4269" s="6" t="s">
        <v>49</v>
      </c>
      <c r="B4269" s="6"/>
      <c r="C4269" s="6" t="s">
        <v>4288</v>
      </c>
      <c r="D4269" s="6"/>
      <c r="E4269" s="6" t="s">
        <v>9</v>
      </c>
      <c r="F4269" s="7">
        <v>38657</v>
      </c>
      <c r="G4269" s="8">
        <v>1</v>
      </c>
      <c r="H4269" s="8">
        <v>1</v>
      </c>
      <c r="I4269" s="8">
        <v>0</v>
      </c>
      <c r="J4269" s="8">
        <v>1</v>
      </c>
      <c r="K4269" s="9">
        <v>19</v>
      </c>
      <c r="L4269" s="6" t="s">
        <v>51</v>
      </c>
    </row>
    <row r="4270" spans="1:12">
      <c r="A4270" s="6" t="s">
        <v>49</v>
      </c>
      <c r="B4270" s="6"/>
      <c r="C4270" s="6" t="s">
        <v>4289</v>
      </c>
      <c r="D4270" s="6"/>
      <c r="E4270" s="6" t="s">
        <v>9</v>
      </c>
      <c r="F4270" s="7">
        <v>38657</v>
      </c>
      <c r="G4270" s="8">
        <v>1</v>
      </c>
      <c r="H4270" s="8">
        <v>1</v>
      </c>
      <c r="I4270" s="8">
        <v>0</v>
      </c>
      <c r="J4270" s="8">
        <v>1</v>
      </c>
      <c r="K4270" s="9">
        <v>312</v>
      </c>
      <c r="L4270" s="6" t="s">
        <v>51</v>
      </c>
    </row>
    <row r="4271" spans="1:12">
      <c r="A4271" s="6" t="s">
        <v>49</v>
      </c>
      <c r="B4271" s="6"/>
      <c r="C4271" s="6" t="s">
        <v>4290</v>
      </c>
      <c r="D4271" s="6"/>
      <c r="E4271" s="6" t="s">
        <v>9</v>
      </c>
      <c r="F4271" s="7">
        <v>38657</v>
      </c>
      <c r="G4271" s="8">
        <v>1</v>
      </c>
      <c r="H4271" s="8">
        <v>1</v>
      </c>
      <c r="I4271" s="8">
        <v>0</v>
      </c>
      <c r="J4271" s="8">
        <v>1</v>
      </c>
      <c r="K4271" s="9">
        <v>82</v>
      </c>
      <c r="L4271" s="6" t="s">
        <v>51</v>
      </c>
    </row>
    <row r="4272" spans="1:12">
      <c r="A4272" s="6" t="s">
        <v>49</v>
      </c>
      <c r="B4272" s="6"/>
      <c r="C4272" s="6" t="s">
        <v>4291</v>
      </c>
      <c r="D4272" s="6"/>
      <c r="E4272" s="6" t="s">
        <v>9</v>
      </c>
      <c r="F4272" s="7">
        <v>38657</v>
      </c>
      <c r="G4272" s="8">
        <v>1</v>
      </c>
      <c r="H4272" s="8">
        <v>1</v>
      </c>
      <c r="I4272" s="8">
        <v>0</v>
      </c>
      <c r="J4272" s="8">
        <v>1</v>
      </c>
      <c r="K4272" s="9">
        <v>1.75</v>
      </c>
      <c r="L4272" s="6" t="s">
        <v>51</v>
      </c>
    </row>
    <row r="4273" spans="1:12">
      <c r="A4273" s="6" t="s">
        <v>49</v>
      </c>
      <c r="B4273" s="6"/>
      <c r="C4273" s="6" t="s">
        <v>4292</v>
      </c>
      <c r="D4273" s="6"/>
      <c r="E4273" s="6" t="s">
        <v>9</v>
      </c>
      <c r="F4273" s="7">
        <v>38657</v>
      </c>
      <c r="G4273" s="8">
        <v>1</v>
      </c>
      <c r="H4273" s="8">
        <v>1</v>
      </c>
      <c r="I4273" s="8">
        <v>0</v>
      </c>
      <c r="J4273" s="8">
        <v>1</v>
      </c>
      <c r="K4273" s="9">
        <v>19</v>
      </c>
      <c r="L4273" s="6" t="s">
        <v>51</v>
      </c>
    </row>
    <row r="4274" spans="1:12">
      <c r="A4274" s="6" t="s">
        <v>49</v>
      </c>
      <c r="B4274" s="6"/>
      <c r="C4274" s="6" t="s">
        <v>4293</v>
      </c>
      <c r="D4274" s="6"/>
      <c r="E4274" s="6" t="s">
        <v>9</v>
      </c>
      <c r="F4274" s="7">
        <v>38657</v>
      </c>
      <c r="G4274" s="8">
        <v>1</v>
      </c>
      <c r="H4274" s="8">
        <v>1</v>
      </c>
      <c r="I4274" s="8">
        <v>0</v>
      </c>
      <c r="J4274" s="8">
        <v>1</v>
      </c>
      <c r="K4274" s="9">
        <v>65</v>
      </c>
      <c r="L4274" s="6" t="s">
        <v>51</v>
      </c>
    </row>
    <row r="4275" spans="1:12">
      <c r="A4275" s="6" t="s">
        <v>49</v>
      </c>
      <c r="B4275" s="6"/>
      <c r="C4275" s="6" t="s">
        <v>4294</v>
      </c>
      <c r="D4275" s="6"/>
      <c r="E4275" s="6" t="s">
        <v>9</v>
      </c>
      <c r="F4275" s="7">
        <v>38657</v>
      </c>
      <c r="G4275" s="8">
        <v>1</v>
      </c>
      <c r="H4275" s="8">
        <v>1</v>
      </c>
      <c r="I4275" s="8">
        <v>0</v>
      </c>
      <c r="J4275" s="8">
        <v>1</v>
      </c>
      <c r="K4275" s="9">
        <v>84</v>
      </c>
      <c r="L4275" s="6" t="s">
        <v>51</v>
      </c>
    </row>
    <row r="4276" spans="1:12">
      <c r="A4276" s="6" t="s">
        <v>49</v>
      </c>
      <c r="B4276" s="6"/>
      <c r="C4276" s="6" t="s">
        <v>4295</v>
      </c>
      <c r="D4276" s="6"/>
      <c r="E4276" s="6" t="s">
        <v>9</v>
      </c>
      <c r="F4276" s="7">
        <v>38657</v>
      </c>
      <c r="G4276" s="8">
        <v>1</v>
      </c>
      <c r="H4276" s="8">
        <v>1</v>
      </c>
      <c r="I4276" s="8">
        <v>0</v>
      </c>
      <c r="J4276" s="8">
        <v>1</v>
      </c>
      <c r="K4276" s="9">
        <v>84</v>
      </c>
      <c r="L4276" s="6" t="s">
        <v>51</v>
      </c>
    </row>
    <row r="4277" spans="1:12">
      <c r="A4277" s="6" t="s">
        <v>49</v>
      </c>
      <c r="B4277" s="6"/>
      <c r="C4277" s="6" t="s">
        <v>4296</v>
      </c>
      <c r="D4277" s="6"/>
      <c r="E4277" s="6" t="s">
        <v>9</v>
      </c>
      <c r="F4277" s="7">
        <v>38657</v>
      </c>
      <c r="G4277" s="8">
        <v>1</v>
      </c>
      <c r="H4277" s="8">
        <v>1</v>
      </c>
      <c r="I4277" s="8">
        <v>0</v>
      </c>
      <c r="J4277" s="8">
        <v>1</v>
      </c>
      <c r="K4277" s="9">
        <v>84</v>
      </c>
      <c r="L4277" s="6" t="s">
        <v>51</v>
      </c>
    </row>
    <row r="4278" spans="1:12">
      <c r="A4278" s="6" t="s">
        <v>49</v>
      </c>
      <c r="B4278" s="6"/>
      <c r="C4278" s="6" t="s">
        <v>4297</v>
      </c>
      <c r="D4278" s="6"/>
      <c r="E4278" s="6" t="s">
        <v>9</v>
      </c>
      <c r="F4278" s="7">
        <v>38657</v>
      </c>
      <c r="G4278" s="8">
        <v>1</v>
      </c>
      <c r="H4278" s="8">
        <v>1</v>
      </c>
      <c r="I4278" s="8">
        <v>0</v>
      </c>
      <c r="J4278" s="8">
        <v>1</v>
      </c>
      <c r="K4278" s="9">
        <v>84</v>
      </c>
      <c r="L4278" s="6" t="s">
        <v>51</v>
      </c>
    </row>
    <row r="4279" spans="1:12">
      <c r="A4279" s="6" t="s">
        <v>49</v>
      </c>
      <c r="B4279" s="6"/>
      <c r="C4279" s="6" t="s">
        <v>4298</v>
      </c>
      <c r="D4279" s="6"/>
      <c r="E4279" s="6" t="s">
        <v>9</v>
      </c>
      <c r="F4279" s="7">
        <v>38657</v>
      </c>
      <c r="G4279" s="8">
        <v>1</v>
      </c>
      <c r="H4279" s="8">
        <v>1</v>
      </c>
      <c r="I4279" s="8">
        <v>0</v>
      </c>
      <c r="J4279" s="8">
        <v>1</v>
      </c>
      <c r="K4279" s="9">
        <v>84</v>
      </c>
      <c r="L4279" s="6" t="s">
        <v>51</v>
      </c>
    </row>
    <row r="4280" spans="1:12">
      <c r="A4280" s="6" t="s">
        <v>49</v>
      </c>
      <c r="B4280" s="6"/>
      <c r="C4280" s="6" t="s">
        <v>4299</v>
      </c>
      <c r="D4280" s="6"/>
      <c r="E4280" s="6" t="s">
        <v>9</v>
      </c>
      <c r="F4280" s="7">
        <v>38657</v>
      </c>
      <c r="G4280" s="8">
        <v>1</v>
      </c>
      <c r="H4280" s="8">
        <v>1</v>
      </c>
      <c r="I4280" s="8">
        <v>0</v>
      </c>
      <c r="J4280" s="8">
        <v>1</v>
      </c>
      <c r="K4280" s="9">
        <v>69</v>
      </c>
      <c r="L4280" s="6" t="s">
        <v>51</v>
      </c>
    </row>
    <row r="4281" spans="1:12">
      <c r="A4281" s="6" t="s">
        <v>49</v>
      </c>
      <c r="B4281" s="6"/>
      <c r="C4281" s="6" t="s">
        <v>4300</v>
      </c>
      <c r="D4281" s="6"/>
      <c r="E4281" s="6" t="s">
        <v>9</v>
      </c>
      <c r="F4281" s="7">
        <v>38657</v>
      </c>
      <c r="G4281" s="8">
        <v>1</v>
      </c>
      <c r="H4281" s="8">
        <v>1</v>
      </c>
      <c r="I4281" s="8">
        <v>0</v>
      </c>
      <c r="J4281" s="8">
        <v>1</v>
      </c>
      <c r="K4281" s="9">
        <v>85</v>
      </c>
      <c r="L4281" s="6" t="s">
        <v>51</v>
      </c>
    </row>
    <row r="4282" spans="1:12">
      <c r="A4282" s="6" t="s">
        <v>49</v>
      </c>
      <c r="B4282" s="6"/>
      <c r="C4282" s="6" t="s">
        <v>4301</v>
      </c>
      <c r="D4282" s="6"/>
      <c r="E4282" s="6" t="s">
        <v>9</v>
      </c>
      <c r="F4282" s="7">
        <v>38657</v>
      </c>
      <c r="G4282" s="8">
        <v>1</v>
      </c>
      <c r="H4282" s="8">
        <v>1</v>
      </c>
      <c r="I4282" s="8">
        <v>0</v>
      </c>
      <c r="J4282" s="8">
        <v>1</v>
      </c>
      <c r="K4282" s="9">
        <v>85</v>
      </c>
      <c r="L4282" s="6" t="s">
        <v>51</v>
      </c>
    </row>
    <row r="4283" spans="1:12">
      <c r="A4283" s="6" t="s">
        <v>49</v>
      </c>
      <c r="B4283" s="6"/>
      <c r="C4283" s="6" t="s">
        <v>4302</v>
      </c>
      <c r="D4283" s="6"/>
      <c r="E4283" s="6" t="s">
        <v>9</v>
      </c>
      <c r="F4283" s="7">
        <v>38657</v>
      </c>
      <c r="G4283" s="8">
        <v>1</v>
      </c>
      <c r="H4283" s="8">
        <v>1</v>
      </c>
      <c r="I4283" s="8">
        <v>0</v>
      </c>
      <c r="J4283" s="8">
        <v>1</v>
      </c>
      <c r="K4283" s="9">
        <v>85</v>
      </c>
      <c r="L4283" s="6" t="s">
        <v>51</v>
      </c>
    </row>
    <row r="4284" spans="1:12">
      <c r="A4284" s="6" t="s">
        <v>49</v>
      </c>
      <c r="B4284" s="6"/>
      <c r="C4284" s="6" t="s">
        <v>4303</v>
      </c>
      <c r="D4284" s="6"/>
      <c r="E4284" s="6" t="s">
        <v>9</v>
      </c>
      <c r="F4284" s="7">
        <v>38657</v>
      </c>
      <c r="G4284" s="8">
        <v>1</v>
      </c>
      <c r="H4284" s="8">
        <v>1</v>
      </c>
      <c r="I4284" s="8">
        <v>0</v>
      </c>
      <c r="J4284" s="8">
        <v>1</v>
      </c>
      <c r="K4284" s="9">
        <v>85</v>
      </c>
      <c r="L4284" s="6" t="s">
        <v>51</v>
      </c>
    </row>
    <row r="4285" spans="1:12">
      <c r="A4285" s="6" t="s">
        <v>49</v>
      </c>
      <c r="B4285" s="6"/>
      <c r="C4285" s="6" t="s">
        <v>4304</v>
      </c>
      <c r="D4285" s="6"/>
      <c r="E4285" s="6" t="s">
        <v>9</v>
      </c>
      <c r="F4285" s="7">
        <v>38657</v>
      </c>
      <c r="G4285" s="8">
        <v>1</v>
      </c>
      <c r="H4285" s="8">
        <v>1</v>
      </c>
      <c r="I4285" s="8">
        <v>0</v>
      </c>
      <c r="J4285" s="8">
        <v>1</v>
      </c>
      <c r="K4285" s="9">
        <v>541</v>
      </c>
      <c r="L4285" s="6" t="s">
        <v>51</v>
      </c>
    </row>
    <row r="4286" spans="1:12">
      <c r="A4286" s="6" t="s">
        <v>49</v>
      </c>
      <c r="B4286" s="6"/>
      <c r="C4286" s="6" t="s">
        <v>4305</v>
      </c>
      <c r="D4286" s="6"/>
      <c r="E4286" s="6" t="s">
        <v>9</v>
      </c>
      <c r="F4286" s="7">
        <v>38657</v>
      </c>
      <c r="G4286" s="8">
        <v>1</v>
      </c>
      <c r="H4286" s="8">
        <v>1</v>
      </c>
      <c r="I4286" s="8">
        <v>0</v>
      </c>
      <c r="J4286" s="8">
        <v>1</v>
      </c>
      <c r="K4286" s="9">
        <v>338</v>
      </c>
      <c r="L4286" s="6" t="s">
        <v>51</v>
      </c>
    </row>
    <row r="4287" spans="1:12">
      <c r="A4287" s="6" t="s">
        <v>49</v>
      </c>
      <c r="B4287" s="6"/>
      <c r="C4287" s="6" t="s">
        <v>4306</v>
      </c>
      <c r="D4287" s="6"/>
      <c r="E4287" s="6" t="s">
        <v>9</v>
      </c>
      <c r="F4287" s="7">
        <v>38657</v>
      </c>
      <c r="G4287" s="8">
        <v>1</v>
      </c>
      <c r="H4287" s="8">
        <v>1</v>
      </c>
      <c r="I4287" s="8">
        <v>0</v>
      </c>
      <c r="J4287" s="8">
        <v>1</v>
      </c>
      <c r="K4287" s="9">
        <v>203</v>
      </c>
      <c r="L4287" s="6" t="s">
        <v>51</v>
      </c>
    </row>
    <row r="4288" spans="1:12">
      <c r="A4288" s="6" t="s">
        <v>49</v>
      </c>
      <c r="B4288" s="6"/>
      <c r="C4288" s="6" t="s">
        <v>4307</v>
      </c>
      <c r="D4288" s="6"/>
      <c r="E4288" s="6" t="s">
        <v>9</v>
      </c>
      <c r="F4288" s="7">
        <v>38657</v>
      </c>
      <c r="G4288" s="8">
        <v>1</v>
      </c>
      <c r="H4288" s="8">
        <v>1</v>
      </c>
      <c r="I4288" s="8">
        <v>0</v>
      </c>
      <c r="J4288" s="8">
        <v>1</v>
      </c>
      <c r="K4288" s="9">
        <v>68</v>
      </c>
      <c r="L4288" s="6" t="s">
        <v>51</v>
      </c>
    </row>
    <row r="4289" spans="1:12">
      <c r="A4289" s="6" t="s">
        <v>49</v>
      </c>
      <c r="B4289" s="6"/>
      <c r="C4289" s="6" t="s">
        <v>4308</v>
      </c>
      <c r="D4289" s="6"/>
      <c r="E4289" s="6" t="s">
        <v>9</v>
      </c>
      <c r="F4289" s="7">
        <v>38657</v>
      </c>
      <c r="G4289" s="8">
        <v>1</v>
      </c>
      <c r="H4289" s="8">
        <v>1</v>
      </c>
      <c r="I4289" s="8">
        <v>0</v>
      </c>
      <c r="J4289" s="8">
        <v>1</v>
      </c>
      <c r="K4289" s="9">
        <v>74</v>
      </c>
      <c r="L4289" s="6" t="s">
        <v>51</v>
      </c>
    </row>
    <row r="4290" spans="1:12">
      <c r="A4290" s="6" t="s">
        <v>49</v>
      </c>
      <c r="B4290" s="6"/>
      <c r="C4290" s="6" t="s">
        <v>4309</v>
      </c>
      <c r="D4290" s="6"/>
      <c r="E4290" s="6" t="s">
        <v>9</v>
      </c>
      <c r="F4290" s="7">
        <v>38657</v>
      </c>
      <c r="G4290" s="8">
        <v>1</v>
      </c>
      <c r="H4290" s="8">
        <v>1</v>
      </c>
      <c r="I4290" s="8">
        <v>0</v>
      </c>
      <c r="J4290" s="8">
        <v>1</v>
      </c>
      <c r="K4290" s="9">
        <v>364</v>
      </c>
      <c r="L4290" s="6" t="s">
        <v>51</v>
      </c>
    </row>
    <row r="4291" spans="1:12">
      <c r="A4291" s="6" t="s">
        <v>49</v>
      </c>
      <c r="B4291" s="6"/>
      <c r="C4291" s="6" t="s">
        <v>4310</v>
      </c>
      <c r="D4291" s="6"/>
      <c r="E4291" s="6" t="s">
        <v>9</v>
      </c>
      <c r="F4291" s="7">
        <v>38657</v>
      </c>
      <c r="G4291" s="8">
        <v>1</v>
      </c>
      <c r="H4291" s="8">
        <v>1</v>
      </c>
      <c r="I4291" s="8">
        <v>0</v>
      </c>
      <c r="J4291" s="8">
        <v>1</v>
      </c>
      <c r="K4291" s="9">
        <v>6.61</v>
      </c>
      <c r="L4291" s="6" t="s">
        <v>51</v>
      </c>
    </row>
    <row r="4292" spans="1:12">
      <c r="A4292" s="6" t="s">
        <v>49</v>
      </c>
      <c r="B4292" s="6"/>
      <c r="C4292" s="6" t="s">
        <v>4311</v>
      </c>
      <c r="D4292" s="6"/>
      <c r="E4292" s="6" t="s">
        <v>9</v>
      </c>
      <c r="F4292" s="7">
        <v>38657</v>
      </c>
      <c r="G4292" s="8">
        <v>1</v>
      </c>
      <c r="H4292" s="8">
        <v>1</v>
      </c>
      <c r="I4292" s="8">
        <v>0</v>
      </c>
      <c r="J4292" s="8">
        <v>1</v>
      </c>
      <c r="K4292" s="9">
        <v>218</v>
      </c>
      <c r="L4292" s="6" t="s">
        <v>51</v>
      </c>
    </row>
    <row r="4293" spans="1:12">
      <c r="A4293" s="6" t="s">
        <v>49</v>
      </c>
      <c r="B4293" s="6"/>
      <c r="C4293" s="6" t="s">
        <v>4312</v>
      </c>
      <c r="D4293" s="6"/>
      <c r="E4293" s="6" t="s">
        <v>9</v>
      </c>
      <c r="F4293" s="7">
        <v>38657</v>
      </c>
      <c r="G4293" s="8">
        <v>1</v>
      </c>
      <c r="H4293" s="8">
        <v>1</v>
      </c>
      <c r="I4293" s="8">
        <v>0</v>
      </c>
      <c r="J4293" s="8">
        <v>1</v>
      </c>
      <c r="K4293" s="9">
        <v>582</v>
      </c>
      <c r="L4293" s="6" t="s">
        <v>51</v>
      </c>
    </row>
    <row r="4294" spans="1:12">
      <c r="A4294" s="6" t="s">
        <v>49</v>
      </c>
      <c r="B4294" s="6"/>
      <c r="C4294" s="6" t="s">
        <v>4313</v>
      </c>
      <c r="D4294" s="6"/>
      <c r="E4294" s="6" t="s">
        <v>9</v>
      </c>
      <c r="F4294" s="7">
        <v>38657</v>
      </c>
      <c r="G4294" s="8">
        <v>1</v>
      </c>
      <c r="H4294" s="8">
        <v>1</v>
      </c>
      <c r="I4294" s="8">
        <v>0</v>
      </c>
      <c r="J4294" s="8">
        <v>1</v>
      </c>
      <c r="K4294" s="9">
        <v>582</v>
      </c>
      <c r="L4294" s="6" t="s">
        <v>51</v>
      </c>
    </row>
    <row r="4295" spans="1:12">
      <c r="A4295" s="6" t="s">
        <v>49</v>
      </c>
      <c r="B4295" s="6"/>
      <c r="C4295" s="6" t="s">
        <v>4314</v>
      </c>
      <c r="D4295" s="6"/>
      <c r="E4295" s="6" t="s">
        <v>9</v>
      </c>
      <c r="F4295" s="7">
        <v>38657</v>
      </c>
      <c r="G4295" s="8">
        <v>1</v>
      </c>
      <c r="H4295" s="8">
        <v>1</v>
      </c>
      <c r="I4295" s="8">
        <v>0</v>
      </c>
      <c r="J4295" s="8">
        <v>1</v>
      </c>
      <c r="K4295" s="9">
        <v>364</v>
      </c>
      <c r="L4295" s="6" t="s">
        <v>51</v>
      </c>
    </row>
    <row r="4296" spans="1:12">
      <c r="A4296" s="6" t="s">
        <v>49</v>
      </c>
      <c r="B4296" s="6"/>
      <c r="C4296" s="6" t="s">
        <v>4315</v>
      </c>
      <c r="D4296" s="6"/>
      <c r="E4296" s="6" t="s">
        <v>9</v>
      </c>
      <c r="F4296" s="7">
        <v>38657</v>
      </c>
      <c r="G4296" s="8">
        <v>1</v>
      </c>
      <c r="H4296" s="8">
        <v>1</v>
      </c>
      <c r="I4296" s="8">
        <v>0</v>
      </c>
      <c r="J4296" s="8">
        <v>1</v>
      </c>
      <c r="K4296" s="9">
        <v>218</v>
      </c>
      <c r="L4296" s="6" t="s">
        <v>51</v>
      </c>
    </row>
    <row r="4297" spans="1:12">
      <c r="A4297" s="6" t="s">
        <v>49</v>
      </c>
      <c r="B4297" s="6"/>
      <c r="C4297" s="6" t="s">
        <v>4316</v>
      </c>
      <c r="D4297" s="6"/>
      <c r="E4297" s="6" t="s">
        <v>9</v>
      </c>
      <c r="F4297" s="7">
        <v>38657</v>
      </c>
      <c r="G4297" s="8">
        <v>1</v>
      </c>
      <c r="H4297" s="8">
        <v>1</v>
      </c>
      <c r="I4297" s="8">
        <v>0</v>
      </c>
      <c r="J4297" s="8">
        <v>1</v>
      </c>
      <c r="K4297" s="9">
        <v>10</v>
      </c>
      <c r="L4297" s="6" t="s">
        <v>51</v>
      </c>
    </row>
    <row r="4298" spans="1:12">
      <c r="A4298" s="6" t="s">
        <v>49</v>
      </c>
      <c r="B4298" s="6"/>
      <c r="C4298" s="6" t="s">
        <v>4317</v>
      </c>
      <c r="D4298" s="6"/>
      <c r="E4298" s="6" t="s">
        <v>9</v>
      </c>
      <c r="F4298" s="7">
        <v>38657</v>
      </c>
      <c r="G4298" s="8">
        <v>1</v>
      </c>
      <c r="H4298" s="8">
        <v>1</v>
      </c>
      <c r="I4298" s="8">
        <v>0</v>
      </c>
      <c r="J4298" s="8">
        <v>1</v>
      </c>
      <c r="K4298" s="9">
        <v>17</v>
      </c>
      <c r="L4298" s="6" t="s">
        <v>51</v>
      </c>
    </row>
    <row r="4299" spans="1:12">
      <c r="A4299" s="6" t="s">
        <v>49</v>
      </c>
      <c r="B4299" s="6"/>
      <c r="C4299" s="6" t="s">
        <v>4318</v>
      </c>
      <c r="D4299" s="6"/>
      <c r="E4299" s="6" t="s">
        <v>9</v>
      </c>
      <c r="F4299" s="7">
        <v>38657</v>
      </c>
      <c r="G4299" s="8">
        <v>1</v>
      </c>
      <c r="H4299" s="8">
        <v>1</v>
      </c>
      <c r="I4299" s="8">
        <v>0</v>
      </c>
      <c r="J4299" s="8">
        <v>1</v>
      </c>
      <c r="K4299" s="9">
        <v>17</v>
      </c>
      <c r="L4299" s="6" t="s">
        <v>51</v>
      </c>
    </row>
    <row r="4300" spans="1:12">
      <c r="A4300" s="6" t="s">
        <v>49</v>
      </c>
      <c r="B4300" s="6"/>
      <c r="C4300" s="6" t="s">
        <v>4319</v>
      </c>
      <c r="D4300" s="6"/>
      <c r="E4300" s="6" t="s">
        <v>9</v>
      </c>
      <c r="F4300" s="7">
        <v>38657</v>
      </c>
      <c r="G4300" s="8">
        <v>1</v>
      </c>
      <c r="H4300" s="8">
        <v>1</v>
      </c>
      <c r="I4300" s="8">
        <v>0</v>
      </c>
      <c r="J4300" s="8">
        <v>1</v>
      </c>
      <c r="K4300" s="9">
        <v>74</v>
      </c>
      <c r="L4300" s="6" t="s">
        <v>51</v>
      </c>
    </row>
    <row r="4301" spans="1:12">
      <c r="A4301" s="6" t="s">
        <v>49</v>
      </c>
      <c r="B4301" s="6"/>
      <c r="C4301" s="6" t="s">
        <v>4320</v>
      </c>
      <c r="D4301" s="6"/>
      <c r="E4301" s="6" t="s">
        <v>9</v>
      </c>
      <c r="F4301" s="7">
        <v>38657</v>
      </c>
      <c r="G4301" s="8">
        <v>1</v>
      </c>
      <c r="H4301" s="8">
        <v>1</v>
      </c>
      <c r="I4301" s="8">
        <v>0</v>
      </c>
      <c r="J4301" s="8">
        <v>1</v>
      </c>
      <c r="K4301" s="9">
        <v>16</v>
      </c>
      <c r="L4301" s="6" t="s">
        <v>51</v>
      </c>
    </row>
    <row r="4302" spans="1:12">
      <c r="A4302" s="6" t="s">
        <v>49</v>
      </c>
      <c r="B4302" s="6"/>
      <c r="C4302" s="6" t="s">
        <v>4321</v>
      </c>
      <c r="D4302" s="6"/>
      <c r="E4302" s="6" t="s">
        <v>9</v>
      </c>
      <c r="F4302" s="7">
        <v>38657</v>
      </c>
      <c r="G4302" s="8">
        <v>1</v>
      </c>
      <c r="H4302" s="8">
        <v>1</v>
      </c>
      <c r="I4302" s="8">
        <v>0</v>
      </c>
      <c r="J4302" s="8">
        <v>1</v>
      </c>
      <c r="K4302" s="9">
        <v>2.31</v>
      </c>
      <c r="L4302" s="6" t="s">
        <v>51</v>
      </c>
    </row>
    <row r="4303" spans="1:12">
      <c r="A4303" s="6" t="s">
        <v>49</v>
      </c>
      <c r="B4303" s="6"/>
      <c r="C4303" s="6" t="s">
        <v>4322</v>
      </c>
      <c r="D4303" s="6"/>
      <c r="E4303" s="6" t="s">
        <v>9</v>
      </c>
      <c r="F4303" s="7">
        <v>38657</v>
      </c>
      <c r="G4303" s="8">
        <v>1</v>
      </c>
      <c r="H4303" s="8">
        <v>1</v>
      </c>
      <c r="I4303" s="8">
        <v>0</v>
      </c>
      <c r="J4303" s="8">
        <v>1</v>
      </c>
      <c r="K4303" s="9">
        <v>29</v>
      </c>
      <c r="L4303" s="6" t="s">
        <v>51</v>
      </c>
    </row>
    <row r="4304" spans="1:12">
      <c r="A4304" s="6" t="s">
        <v>49</v>
      </c>
      <c r="B4304" s="6"/>
      <c r="C4304" s="6" t="s">
        <v>4323</v>
      </c>
      <c r="D4304" s="6"/>
      <c r="E4304" s="6" t="s">
        <v>9</v>
      </c>
      <c r="F4304" s="7">
        <v>38657</v>
      </c>
      <c r="G4304" s="8">
        <v>1</v>
      </c>
      <c r="H4304" s="8">
        <v>1</v>
      </c>
      <c r="I4304" s="8">
        <v>0</v>
      </c>
      <c r="J4304" s="8">
        <v>1</v>
      </c>
      <c r="K4304" s="9">
        <v>29</v>
      </c>
      <c r="L4304" s="6" t="s">
        <v>51</v>
      </c>
    </row>
    <row r="4305" spans="1:12">
      <c r="A4305" s="6" t="s">
        <v>49</v>
      </c>
      <c r="B4305" s="6"/>
      <c r="C4305" s="6" t="s">
        <v>4324</v>
      </c>
      <c r="D4305" s="6"/>
      <c r="E4305" s="6" t="s">
        <v>9</v>
      </c>
      <c r="F4305" s="7">
        <v>38657</v>
      </c>
      <c r="G4305" s="8">
        <v>1</v>
      </c>
      <c r="H4305" s="8">
        <v>1</v>
      </c>
      <c r="I4305" s="8">
        <v>0</v>
      </c>
      <c r="J4305" s="8">
        <v>1</v>
      </c>
      <c r="K4305" s="9">
        <v>29</v>
      </c>
      <c r="L4305" s="6" t="s">
        <v>51</v>
      </c>
    </row>
    <row r="4306" spans="1:12">
      <c r="A4306" s="6" t="s">
        <v>49</v>
      </c>
      <c r="B4306" s="6"/>
      <c r="C4306" s="6" t="s">
        <v>4325</v>
      </c>
      <c r="D4306" s="6"/>
      <c r="E4306" s="6" t="s">
        <v>9</v>
      </c>
      <c r="F4306" s="7">
        <v>38657</v>
      </c>
      <c r="G4306" s="8">
        <v>1</v>
      </c>
      <c r="H4306" s="8">
        <v>1</v>
      </c>
      <c r="I4306" s="8">
        <v>0</v>
      </c>
      <c r="J4306" s="8">
        <v>1</v>
      </c>
      <c r="K4306" s="9">
        <v>18</v>
      </c>
      <c r="L4306" s="6" t="s">
        <v>51</v>
      </c>
    </row>
    <row r="4307" spans="1:12">
      <c r="A4307" s="6" t="s">
        <v>49</v>
      </c>
      <c r="B4307" s="6"/>
      <c r="C4307" s="6" t="s">
        <v>4326</v>
      </c>
      <c r="D4307" s="6"/>
      <c r="E4307" s="6" t="s">
        <v>9</v>
      </c>
      <c r="F4307" s="7">
        <v>38657</v>
      </c>
      <c r="G4307" s="8">
        <v>1</v>
      </c>
      <c r="H4307" s="8">
        <v>1</v>
      </c>
      <c r="I4307" s="8">
        <v>0</v>
      </c>
      <c r="J4307" s="8">
        <v>1</v>
      </c>
      <c r="K4307" s="9">
        <v>318</v>
      </c>
      <c r="L4307" s="6" t="s">
        <v>51</v>
      </c>
    </row>
    <row r="4308" spans="1:12">
      <c r="A4308" s="6" t="s">
        <v>49</v>
      </c>
      <c r="B4308" s="6"/>
      <c r="C4308" s="6" t="s">
        <v>4327</v>
      </c>
      <c r="D4308" s="6"/>
      <c r="E4308" s="6" t="s">
        <v>9</v>
      </c>
      <c r="F4308" s="7">
        <v>38657</v>
      </c>
      <c r="G4308" s="8">
        <v>1</v>
      </c>
      <c r="H4308" s="8">
        <v>1</v>
      </c>
      <c r="I4308" s="8">
        <v>0</v>
      </c>
      <c r="J4308" s="8">
        <v>1</v>
      </c>
      <c r="K4308" s="9">
        <v>190</v>
      </c>
      <c r="L4308" s="6" t="s">
        <v>51</v>
      </c>
    </row>
    <row r="4309" spans="1:12">
      <c r="A4309" s="6" t="s">
        <v>49</v>
      </c>
      <c r="B4309" s="6"/>
      <c r="C4309" s="6" t="s">
        <v>4328</v>
      </c>
      <c r="D4309" s="6"/>
      <c r="E4309" s="6" t="s">
        <v>9</v>
      </c>
      <c r="F4309" s="7">
        <v>38657</v>
      </c>
      <c r="G4309" s="8">
        <v>1</v>
      </c>
      <c r="H4309" s="8">
        <v>1</v>
      </c>
      <c r="I4309" s="8">
        <v>0</v>
      </c>
      <c r="J4309" s="8">
        <v>1</v>
      </c>
      <c r="K4309" s="9">
        <v>515</v>
      </c>
      <c r="L4309" s="6" t="s">
        <v>51</v>
      </c>
    </row>
    <row r="4310" spans="1:12">
      <c r="A4310" s="6" t="s">
        <v>49</v>
      </c>
      <c r="B4310" s="6"/>
      <c r="C4310" s="6" t="s">
        <v>4329</v>
      </c>
      <c r="D4310" s="6"/>
      <c r="E4310" s="6" t="s">
        <v>9</v>
      </c>
      <c r="F4310" s="7">
        <v>38657</v>
      </c>
      <c r="G4310" s="8">
        <v>1</v>
      </c>
      <c r="H4310" s="8">
        <v>1</v>
      </c>
      <c r="I4310" s="8">
        <v>0</v>
      </c>
      <c r="J4310" s="8">
        <v>1</v>
      </c>
      <c r="K4310" s="9">
        <v>560</v>
      </c>
      <c r="L4310" s="6" t="s">
        <v>51</v>
      </c>
    </row>
    <row r="4311" spans="1:12">
      <c r="A4311" s="6" t="s">
        <v>49</v>
      </c>
      <c r="B4311" s="6"/>
      <c r="C4311" s="6" t="s">
        <v>4330</v>
      </c>
      <c r="D4311" s="6"/>
      <c r="E4311" s="6" t="s">
        <v>9</v>
      </c>
      <c r="F4311" s="7">
        <v>38657</v>
      </c>
      <c r="G4311" s="8">
        <v>1</v>
      </c>
      <c r="H4311" s="8">
        <v>1</v>
      </c>
      <c r="I4311" s="8">
        <v>0</v>
      </c>
      <c r="J4311" s="8">
        <v>1</v>
      </c>
      <c r="K4311" s="9">
        <v>350</v>
      </c>
      <c r="L4311" s="6" t="s">
        <v>51</v>
      </c>
    </row>
    <row r="4312" spans="1:12">
      <c r="A4312" s="6" t="s">
        <v>49</v>
      </c>
      <c r="B4312" s="6"/>
      <c r="C4312" s="6" t="s">
        <v>4331</v>
      </c>
      <c r="D4312" s="6"/>
      <c r="E4312" s="6" t="s">
        <v>9</v>
      </c>
      <c r="F4312" s="7">
        <v>38657</v>
      </c>
      <c r="G4312" s="8">
        <v>1</v>
      </c>
      <c r="H4312" s="8">
        <v>1</v>
      </c>
      <c r="I4312" s="8">
        <v>0</v>
      </c>
      <c r="J4312" s="8">
        <v>1</v>
      </c>
      <c r="K4312" s="9">
        <v>210</v>
      </c>
      <c r="L4312" s="6" t="s">
        <v>51</v>
      </c>
    </row>
    <row r="4313" spans="1:12">
      <c r="A4313" s="6" t="s">
        <v>49</v>
      </c>
      <c r="B4313" s="6"/>
      <c r="C4313" s="6" t="s">
        <v>4332</v>
      </c>
      <c r="D4313" s="6"/>
      <c r="E4313" s="6" t="s">
        <v>9</v>
      </c>
      <c r="F4313" s="7">
        <v>38657</v>
      </c>
      <c r="G4313" s="8">
        <v>1</v>
      </c>
      <c r="H4313" s="8">
        <v>1</v>
      </c>
      <c r="I4313" s="8">
        <v>0</v>
      </c>
      <c r="J4313" s="8">
        <v>1</v>
      </c>
      <c r="K4313" s="9">
        <v>16</v>
      </c>
      <c r="L4313" s="6" t="s">
        <v>51</v>
      </c>
    </row>
    <row r="4314" spans="1:12">
      <c r="A4314" s="6" t="s">
        <v>49</v>
      </c>
      <c r="B4314" s="6"/>
      <c r="C4314" s="6" t="s">
        <v>4333</v>
      </c>
      <c r="D4314" s="6"/>
      <c r="E4314" s="6" t="s">
        <v>9</v>
      </c>
      <c r="F4314" s="7">
        <v>38657</v>
      </c>
      <c r="G4314" s="8">
        <v>1</v>
      </c>
      <c r="H4314" s="8">
        <v>1</v>
      </c>
      <c r="I4314" s="8">
        <v>0</v>
      </c>
      <c r="J4314" s="8">
        <v>1</v>
      </c>
      <c r="K4314" s="9">
        <v>462</v>
      </c>
      <c r="L4314" s="6" t="s">
        <v>51</v>
      </c>
    </row>
    <row r="4315" spans="1:12">
      <c r="A4315" s="6" t="s">
        <v>49</v>
      </c>
      <c r="B4315" s="6"/>
      <c r="C4315" s="6" t="s">
        <v>4334</v>
      </c>
      <c r="D4315" s="6"/>
      <c r="E4315" s="6" t="s">
        <v>9</v>
      </c>
      <c r="F4315" s="7">
        <v>38657</v>
      </c>
      <c r="G4315" s="8">
        <v>1</v>
      </c>
      <c r="H4315" s="8">
        <v>1</v>
      </c>
      <c r="I4315" s="8">
        <v>0</v>
      </c>
      <c r="J4315" s="8">
        <v>1</v>
      </c>
      <c r="K4315" s="9">
        <v>33</v>
      </c>
      <c r="L4315" s="6" t="s">
        <v>51</v>
      </c>
    </row>
    <row r="4316" spans="1:12">
      <c r="A4316" s="6" t="s">
        <v>49</v>
      </c>
      <c r="B4316" s="6"/>
      <c r="C4316" s="6" t="s">
        <v>4335</v>
      </c>
      <c r="D4316" s="6"/>
      <c r="E4316" s="6" t="s">
        <v>9</v>
      </c>
      <c r="F4316" s="7">
        <v>38657</v>
      </c>
      <c r="G4316" s="8">
        <v>1</v>
      </c>
      <c r="H4316" s="8">
        <v>1</v>
      </c>
      <c r="I4316" s="8">
        <v>0</v>
      </c>
      <c r="J4316" s="8">
        <v>1</v>
      </c>
      <c r="K4316" s="9">
        <v>445</v>
      </c>
      <c r="L4316" s="6" t="s">
        <v>51</v>
      </c>
    </row>
    <row r="4317" spans="1:12">
      <c r="A4317" s="6" t="s">
        <v>49</v>
      </c>
      <c r="B4317" s="6"/>
      <c r="C4317" s="6" t="s">
        <v>4336</v>
      </c>
      <c r="D4317" s="6"/>
      <c r="E4317" s="6" t="s">
        <v>9</v>
      </c>
      <c r="F4317" s="7">
        <v>38657</v>
      </c>
      <c r="G4317" s="8">
        <v>1</v>
      </c>
      <c r="H4317" s="8">
        <v>1</v>
      </c>
      <c r="I4317" s="8">
        <v>0</v>
      </c>
      <c r="J4317" s="8">
        <v>1</v>
      </c>
      <c r="K4317" s="9">
        <v>33</v>
      </c>
      <c r="L4317" s="6" t="s">
        <v>51</v>
      </c>
    </row>
    <row r="4318" spans="1:12">
      <c r="A4318" s="6" t="s">
        <v>49</v>
      </c>
      <c r="B4318" s="6"/>
      <c r="C4318" s="6" t="s">
        <v>4337</v>
      </c>
      <c r="D4318" s="6"/>
      <c r="E4318" s="6" t="s">
        <v>9</v>
      </c>
      <c r="F4318" s="7">
        <v>38657</v>
      </c>
      <c r="G4318" s="8">
        <v>1</v>
      </c>
      <c r="H4318" s="8">
        <v>1</v>
      </c>
      <c r="I4318" s="8">
        <v>0</v>
      </c>
      <c r="J4318" s="8">
        <v>1</v>
      </c>
      <c r="K4318" s="9">
        <v>33</v>
      </c>
      <c r="L4318" s="6" t="s">
        <v>51</v>
      </c>
    </row>
    <row r="4319" spans="1:12">
      <c r="A4319" s="6" t="s">
        <v>49</v>
      </c>
      <c r="B4319" s="6"/>
      <c r="C4319" s="6" t="s">
        <v>4338</v>
      </c>
      <c r="D4319" s="6"/>
      <c r="E4319" s="6" t="s">
        <v>9</v>
      </c>
      <c r="F4319" s="7">
        <v>38657</v>
      </c>
      <c r="G4319" s="8">
        <v>1</v>
      </c>
      <c r="H4319" s="8">
        <v>1</v>
      </c>
      <c r="I4319" s="8">
        <v>0</v>
      </c>
      <c r="J4319" s="8">
        <v>1</v>
      </c>
      <c r="K4319" s="9">
        <v>364</v>
      </c>
      <c r="L4319" s="6" t="s">
        <v>51</v>
      </c>
    </row>
    <row r="4320" spans="1:12">
      <c r="A4320" s="6" t="s">
        <v>49</v>
      </c>
      <c r="B4320" s="6"/>
      <c r="C4320" s="6" t="s">
        <v>4339</v>
      </c>
      <c r="D4320" s="6"/>
      <c r="E4320" s="6" t="s">
        <v>9</v>
      </c>
      <c r="F4320" s="7">
        <v>38657</v>
      </c>
      <c r="G4320" s="8">
        <v>1</v>
      </c>
      <c r="H4320" s="8">
        <v>1</v>
      </c>
      <c r="I4320" s="8">
        <v>0</v>
      </c>
      <c r="J4320" s="8">
        <v>1</v>
      </c>
      <c r="K4320" s="9">
        <v>218</v>
      </c>
      <c r="L4320" s="6" t="s">
        <v>51</v>
      </c>
    </row>
    <row r="4321" spans="1:12">
      <c r="A4321" s="6" t="s">
        <v>49</v>
      </c>
      <c r="B4321" s="6"/>
      <c r="C4321" s="6" t="s">
        <v>4340</v>
      </c>
      <c r="D4321" s="6"/>
      <c r="E4321" s="6" t="s">
        <v>9</v>
      </c>
      <c r="F4321" s="7">
        <v>38657</v>
      </c>
      <c r="G4321" s="8">
        <v>1</v>
      </c>
      <c r="H4321" s="8">
        <v>1</v>
      </c>
      <c r="I4321" s="8">
        <v>0</v>
      </c>
      <c r="J4321" s="8">
        <v>1</v>
      </c>
      <c r="K4321" s="9">
        <v>31</v>
      </c>
      <c r="L4321" s="6" t="s">
        <v>51</v>
      </c>
    </row>
    <row r="4322" spans="1:12">
      <c r="A4322" s="6" t="s">
        <v>49</v>
      </c>
      <c r="B4322" s="6"/>
      <c r="C4322" s="6" t="s">
        <v>4341</v>
      </c>
      <c r="D4322" s="6"/>
      <c r="E4322" s="6" t="s">
        <v>9</v>
      </c>
      <c r="F4322" s="7">
        <v>38657</v>
      </c>
      <c r="G4322" s="8">
        <v>1</v>
      </c>
      <c r="H4322" s="8">
        <v>1</v>
      </c>
      <c r="I4322" s="8">
        <v>0</v>
      </c>
      <c r="J4322" s="8">
        <v>1</v>
      </c>
      <c r="K4322" s="9">
        <v>582</v>
      </c>
      <c r="L4322" s="6" t="s">
        <v>51</v>
      </c>
    </row>
    <row r="4323" spans="1:12">
      <c r="A4323" s="6" t="s">
        <v>49</v>
      </c>
      <c r="B4323" s="6"/>
      <c r="C4323" s="6" t="s">
        <v>4342</v>
      </c>
      <c r="D4323" s="6"/>
      <c r="E4323" s="6" t="s">
        <v>9</v>
      </c>
      <c r="F4323" s="7">
        <v>38657</v>
      </c>
      <c r="G4323" s="8">
        <v>1</v>
      </c>
      <c r="H4323" s="8">
        <v>1</v>
      </c>
      <c r="I4323" s="8">
        <v>0</v>
      </c>
      <c r="J4323" s="8">
        <v>1</v>
      </c>
      <c r="K4323" s="9">
        <v>31</v>
      </c>
      <c r="L4323" s="6" t="s">
        <v>51</v>
      </c>
    </row>
    <row r="4324" spans="1:12">
      <c r="A4324" s="6" t="s">
        <v>49</v>
      </c>
      <c r="B4324" s="6"/>
      <c r="C4324" s="6" t="s">
        <v>4343</v>
      </c>
      <c r="D4324" s="6"/>
      <c r="E4324" s="6" t="s">
        <v>9</v>
      </c>
      <c r="F4324" s="7">
        <v>38657</v>
      </c>
      <c r="G4324" s="8">
        <v>1</v>
      </c>
      <c r="H4324" s="8">
        <v>1</v>
      </c>
      <c r="I4324" s="8">
        <v>0</v>
      </c>
      <c r="J4324" s="8">
        <v>1</v>
      </c>
      <c r="K4324" s="9">
        <v>28</v>
      </c>
      <c r="L4324" s="6" t="s">
        <v>51</v>
      </c>
    </row>
    <row r="4325" spans="1:12">
      <c r="A4325" s="6" t="s">
        <v>49</v>
      </c>
      <c r="B4325" s="6"/>
      <c r="C4325" s="6" t="s">
        <v>4344</v>
      </c>
      <c r="D4325" s="6"/>
      <c r="E4325" s="6" t="s">
        <v>9</v>
      </c>
      <c r="F4325" s="7">
        <v>38657</v>
      </c>
      <c r="G4325" s="8">
        <v>1</v>
      </c>
      <c r="H4325" s="8">
        <v>1</v>
      </c>
      <c r="I4325" s="8">
        <v>0</v>
      </c>
      <c r="J4325" s="8">
        <v>1</v>
      </c>
      <c r="K4325" s="9">
        <v>18</v>
      </c>
      <c r="L4325" s="6" t="s">
        <v>51</v>
      </c>
    </row>
    <row r="4326" spans="1:12">
      <c r="A4326" s="6" t="s">
        <v>49</v>
      </c>
      <c r="B4326" s="6"/>
      <c r="C4326" s="6" t="s">
        <v>4345</v>
      </c>
      <c r="D4326" s="6"/>
      <c r="E4326" s="6" t="s">
        <v>9</v>
      </c>
      <c r="F4326" s="7">
        <v>38657</v>
      </c>
      <c r="G4326" s="8">
        <v>1</v>
      </c>
      <c r="H4326" s="8">
        <v>1</v>
      </c>
      <c r="I4326" s="8">
        <v>0</v>
      </c>
      <c r="J4326" s="8">
        <v>1</v>
      </c>
      <c r="K4326" s="9">
        <v>33</v>
      </c>
      <c r="L4326" s="6" t="s">
        <v>51</v>
      </c>
    </row>
    <row r="4327" spans="1:12">
      <c r="A4327" s="6" t="s">
        <v>49</v>
      </c>
      <c r="B4327" s="6"/>
      <c r="C4327" s="6" t="s">
        <v>4346</v>
      </c>
      <c r="D4327" s="6"/>
      <c r="E4327" s="6" t="s">
        <v>9</v>
      </c>
      <c r="F4327" s="7">
        <v>38657</v>
      </c>
      <c r="G4327" s="8">
        <v>1</v>
      </c>
      <c r="H4327" s="8">
        <v>1</v>
      </c>
      <c r="I4327" s="8">
        <v>0</v>
      </c>
      <c r="J4327" s="8">
        <v>1</v>
      </c>
      <c r="K4327" s="9">
        <v>51</v>
      </c>
      <c r="L4327" s="6" t="s">
        <v>51</v>
      </c>
    </row>
    <row r="4328" spans="1:12">
      <c r="A4328" s="6" t="s">
        <v>49</v>
      </c>
      <c r="B4328" s="6"/>
      <c r="C4328" s="6" t="s">
        <v>4347</v>
      </c>
      <c r="D4328" s="6"/>
      <c r="E4328" s="6" t="s">
        <v>9</v>
      </c>
      <c r="F4328" s="7">
        <v>38657</v>
      </c>
      <c r="G4328" s="8">
        <v>1</v>
      </c>
      <c r="H4328" s="8">
        <v>1</v>
      </c>
      <c r="I4328" s="8">
        <v>0</v>
      </c>
      <c r="J4328" s="8">
        <v>1</v>
      </c>
      <c r="K4328" s="9">
        <v>33</v>
      </c>
      <c r="L4328" s="6" t="s">
        <v>51</v>
      </c>
    </row>
    <row r="4329" spans="1:12">
      <c r="A4329" s="6" t="s">
        <v>49</v>
      </c>
      <c r="B4329" s="6"/>
      <c r="C4329" s="6" t="s">
        <v>4348</v>
      </c>
      <c r="D4329" s="6"/>
      <c r="E4329" s="6" t="s">
        <v>9</v>
      </c>
      <c r="F4329" s="7">
        <v>38657</v>
      </c>
      <c r="G4329" s="8">
        <v>1</v>
      </c>
      <c r="H4329" s="8">
        <v>1</v>
      </c>
      <c r="I4329" s="8">
        <v>0</v>
      </c>
      <c r="J4329" s="8">
        <v>1</v>
      </c>
      <c r="K4329" s="9">
        <v>51</v>
      </c>
      <c r="L4329" s="6" t="s">
        <v>51</v>
      </c>
    </row>
    <row r="4330" spans="1:12">
      <c r="A4330" s="6" t="s">
        <v>49</v>
      </c>
      <c r="B4330" s="6"/>
      <c r="C4330" s="6" t="s">
        <v>4349</v>
      </c>
      <c r="D4330" s="6"/>
      <c r="E4330" s="6" t="s">
        <v>9</v>
      </c>
      <c r="F4330" s="7">
        <v>38657</v>
      </c>
      <c r="G4330" s="8">
        <v>1</v>
      </c>
      <c r="H4330" s="8">
        <v>1</v>
      </c>
      <c r="I4330" s="8">
        <v>0</v>
      </c>
      <c r="J4330" s="8">
        <v>1</v>
      </c>
      <c r="K4330" s="9">
        <v>33</v>
      </c>
      <c r="L4330" s="6" t="s">
        <v>51</v>
      </c>
    </row>
    <row r="4331" spans="1:12">
      <c r="A4331" s="6" t="s">
        <v>49</v>
      </c>
      <c r="B4331" s="6"/>
      <c r="C4331" s="6" t="s">
        <v>4350</v>
      </c>
      <c r="D4331" s="6"/>
      <c r="E4331" s="6" t="s">
        <v>9</v>
      </c>
      <c r="F4331" s="7">
        <v>38657</v>
      </c>
      <c r="G4331" s="8">
        <v>1</v>
      </c>
      <c r="H4331" s="8">
        <v>1</v>
      </c>
      <c r="I4331" s="8">
        <v>0</v>
      </c>
      <c r="J4331" s="8">
        <v>1</v>
      </c>
      <c r="K4331" s="9">
        <v>51</v>
      </c>
      <c r="L4331" s="6" t="s">
        <v>51</v>
      </c>
    </row>
    <row r="4332" spans="1:12">
      <c r="A4332" s="6" t="s">
        <v>49</v>
      </c>
      <c r="B4332" s="6"/>
      <c r="C4332" s="6" t="s">
        <v>4351</v>
      </c>
      <c r="D4332" s="6"/>
      <c r="E4332" s="6" t="s">
        <v>9</v>
      </c>
      <c r="F4332" s="7">
        <v>38657</v>
      </c>
      <c r="G4332" s="8">
        <v>1</v>
      </c>
      <c r="H4332" s="8">
        <v>1</v>
      </c>
      <c r="I4332" s="8">
        <v>0</v>
      </c>
      <c r="J4332" s="8">
        <v>1</v>
      </c>
      <c r="K4332" s="9">
        <v>584</v>
      </c>
      <c r="L4332" s="6" t="s">
        <v>51</v>
      </c>
    </row>
    <row r="4333" spans="1:12">
      <c r="A4333" s="6" t="s">
        <v>49</v>
      </c>
      <c r="B4333" s="6"/>
      <c r="C4333" s="6" t="s">
        <v>4352</v>
      </c>
      <c r="D4333" s="6"/>
      <c r="E4333" s="6" t="s">
        <v>9</v>
      </c>
      <c r="F4333" s="7">
        <v>38657</v>
      </c>
      <c r="G4333" s="8">
        <v>1</v>
      </c>
      <c r="H4333" s="8">
        <v>1</v>
      </c>
      <c r="I4333" s="8">
        <v>0</v>
      </c>
      <c r="J4333" s="8">
        <v>1</v>
      </c>
      <c r="K4333" s="9">
        <v>719</v>
      </c>
      <c r="L4333" s="6" t="s">
        <v>51</v>
      </c>
    </row>
    <row r="4334" spans="1:12">
      <c r="A4334" s="6" t="s">
        <v>49</v>
      </c>
      <c r="B4334" s="6"/>
      <c r="C4334" s="6" t="s">
        <v>4353</v>
      </c>
      <c r="D4334" s="6"/>
      <c r="E4334" s="6" t="s">
        <v>9</v>
      </c>
      <c r="F4334" s="7">
        <v>38657</v>
      </c>
      <c r="G4334" s="8">
        <v>1</v>
      </c>
      <c r="H4334" s="8">
        <v>1</v>
      </c>
      <c r="I4334" s="8">
        <v>0</v>
      </c>
      <c r="J4334" s="8">
        <v>1</v>
      </c>
      <c r="K4334" s="9">
        <v>365</v>
      </c>
      <c r="L4334" s="6" t="s">
        <v>51</v>
      </c>
    </row>
    <row r="4335" spans="1:12">
      <c r="A4335" s="6" t="s">
        <v>49</v>
      </c>
      <c r="B4335" s="6"/>
      <c r="C4335" s="6" t="s">
        <v>4354</v>
      </c>
      <c r="D4335" s="6"/>
      <c r="E4335" s="6" t="s">
        <v>9</v>
      </c>
      <c r="F4335" s="7">
        <v>38657</v>
      </c>
      <c r="G4335" s="8">
        <v>1</v>
      </c>
      <c r="H4335" s="8">
        <v>1</v>
      </c>
      <c r="I4335" s="8">
        <v>0</v>
      </c>
      <c r="J4335" s="8">
        <v>1</v>
      </c>
      <c r="K4335" s="9">
        <v>26</v>
      </c>
      <c r="L4335" s="6" t="s">
        <v>51</v>
      </c>
    </row>
    <row r="4336" spans="1:12">
      <c r="A4336" s="6" t="s">
        <v>49</v>
      </c>
      <c r="B4336" s="6"/>
      <c r="C4336" s="6" t="s">
        <v>4355</v>
      </c>
      <c r="D4336" s="6"/>
      <c r="E4336" s="6" t="s">
        <v>9</v>
      </c>
      <c r="F4336" s="7">
        <v>38657</v>
      </c>
      <c r="G4336" s="8">
        <v>1</v>
      </c>
      <c r="H4336" s="8">
        <v>1</v>
      </c>
      <c r="I4336" s="8">
        <v>0</v>
      </c>
      <c r="J4336" s="8">
        <v>1</v>
      </c>
      <c r="K4336" s="9">
        <v>219</v>
      </c>
      <c r="L4336" s="6" t="s">
        <v>51</v>
      </c>
    </row>
    <row r="4337" spans="1:12">
      <c r="A4337" s="6" t="s">
        <v>49</v>
      </c>
      <c r="B4337" s="6"/>
      <c r="C4337" s="6" t="s">
        <v>4356</v>
      </c>
      <c r="D4337" s="6"/>
      <c r="E4337" s="6" t="s">
        <v>9</v>
      </c>
      <c r="F4337" s="7">
        <v>38657</v>
      </c>
      <c r="G4337" s="8">
        <v>1</v>
      </c>
      <c r="H4337" s="8">
        <v>1</v>
      </c>
      <c r="I4337" s="8">
        <v>0</v>
      </c>
      <c r="J4337" s="8">
        <v>1</v>
      </c>
      <c r="K4337" s="9">
        <v>42</v>
      </c>
      <c r="L4337" s="6" t="s">
        <v>51</v>
      </c>
    </row>
    <row r="4338" spans="1:12">
      <c r="A4338" s="6" t="s">
        <v>49</v>
      </c>
      <c r="B4338" s="6"/>
      <c r="C4338" s="6" t="s">
        <v>4357</v>
      </c>
      <c r="D4338" s="6"/>
      <c r="E4338" s="6" t="s">
        <v>9</v>
      </c>
      <c r="F4338" s="7">
        <v>38657</v>
      </c>
      <c r="G4338" s="8">
        <v>1</v>
      </c>
      <c r="H4338" s="8">
        <v>1</v>
      </c>
      <c r="I4338" s="8">
        <v>0</v>
      </c>
      <c r="J4338" s="8">
        <v>1</v>
      </c>
      <c r="K4338" s="9">
        <v>437</v>
      </c>
      <c r="L4338" s="6" t="s">
        <v>51</v>
      </c>
    </row>
    <row r="4339" spans="1:12">
      <c r="A4339" s="6" t="s">
        <v>49</v>
      </c>
      <c r="B4339" s="6"/>
      <c r="C4339" s="6" t="s">
        <v>4358</v>
      </c>
      <c r="D4339" s="6"/>
      <c r="E4339" s="6" t="s">
        <v>9</v>
      </c>
      <c r="F4339" s="7">
        <v>38657</v>
      </c>
      <c r="G4339" s="8">
        <v>1</v>
      </c>
      <c r="H4339" s="8">
        <v>1</v>
      </c>
      <c r="I4339" s="8">
        <v>0</v>
      </c>
      <c r="J4339" s="8">
        <v>1</v>
      </c>
      <c r="K4339" s="9">
        <v>473</v>
      </c>
      <c r="L4339" s="6" t="s">
        <v>51</v>
      </c>
    </row>
    <row r="4340" spans="1:12">
      <c r="A4340" s="6" t="s">
        <v>49</v>
      </c>
      <c r="B4340" s="6"/>
      <c r="C4340" s="6" t="s">
        <v>4359</v>
      </c>
      <c r="D4340" s="6"/>
      <c r="E4340" s="6" t="s">
        <v>9</v>
      </c>
      <c r="F4340" s="7">
        <v>38657</v>
      </c>
      <c r="G4340" s="8">
        <v>1</v>
      </c>
      <c r="H4340" s="8">
        <v>1</v>
      </c>
      <c r="I4340" s="8">
        <v>0</v>
      </c>
      <c r="J4340" s="8">
        <v>1</v>
      </c>
      <c r="K4340" s="9">
        <v>364</v>
      </c>
      <c r="L4340" s="6" t="s">
        <v>51</v>
      </c>
    </row>
    <row r="4341" spans="1:12">
      <c r="A4341" s="6" t="s">
        <v>49</v>
      </c>
      <c r="B4341" s="6"/>
      <c r="C4341" s="6" t="s">
        <v>4360</v>
      </c>
      <c r="D4341" s="6"/>
      <c r="E4341" s="6" t="s">
        <v>9</v>
      </c>
      <c r="F4341" s="7">
        <v>38657</v>
      </c>
      <c r="G4341" s="8">
        <v>1</v>
      </c>
      <c r="H4341" s="8">
        <v>1</v>
      </c>
      <c r="I4341" s="8">
        <v>0</v>
      </c>
      <c r="J4341" s="8">
        <v>1</v>
      </c>
      <c r="K4341" s="9">
        <v>218</v>
      </c>
      <c r="L4341" s="6" t="s">
        <v>51</v>
      </c>
    </row>
    <row r="4342" spans="1:12">
      <c r="A4342" s="6" t="s">
        <v>49</v>
      </c>
      <c r="B4342" s="6"/>
      <c r="C4342" s="6" t="s">
        <v>4361</v>
      </c>
      <c r="D4342" s="6"/>
      <c r="E4342" s="6" t="s">
        <v>9</v>
      </c>
      <c r="F4342" s="7">
        <v>38657</v>
      </c>
      <c r="G4342" s="8">
        <v>1</v>
      </c>
      <c r="H4342" s="8">
        <v>1</v>
      </c>
      <c r="I4342" s="8">
        <v>0</v>
      </c>
      <c r="J4342" s="8">
        <v>1</v>
      </c>
      <c r="K4342" s="9">
        <v>582</v>
      </c>
      <c r="L4342" s="6" t="s">
        <v>51</v>
      </c>
    </row>
    <row r="4343" spans="1:12">
      <c r="A4343" s="6" t="s">
        <v>49</v>
      </c>
      <c r="B4343" s="6"/>
      <c r="C4343" s="6" t="s">
        <v>4362</v>
      </c>
      <c r="D4343" s="6"/>
      <c r="E4343" s="6" t="s">
        <v>9</v>
      </c>
      <c r="F4343" s="7">
        <v>38657</v>
      </c>
      <c r="G4343" s="8">
        <v>1</v>
      </c>
      <c r="H4343" s="8">
        <v>1</v>
      </c>
      <c r="I4343" s="8">
        <v>0</v>
      </c>
      <c r="J4343" s="8">
        <v>1</v>
      </c>
      <c r="K4343" s="9">
        <v>31</v>
      </c>
      <c r="L4343" s="6" t="s">
        <v>51</v>
      </c>
    </row>
    <row r="4344" spans="1:12">
      <c r="A4344" s="6" t="s">
        <v>49</v>
      </c>
      <c r="B4344" s="6"/>
      <c r="C4344" s="6" t="s">
        <v>4363</v>
      </c>
      <c r="D4344" s="6"/>
      <c r="E4344" s="6" t="s">
        <v>9</v>
      </c>
      <c r="F4344" s="7">
        <v>38657</v>
      </c>
      <c r="G4344" s="8">
        <v>1</v>
      </c>
      <c r="H4344" s="8">
        <v>1</v>
      </c>
      <c r="I4344" s="8">
        <v>0</v>
      </c>
      <c r="J4344" s="8">
        <v>1</v>
      </c>
      <c r="K4344" s="9">
        <v>27</v>
      </c>
      <c r="L4344" s="6" t="s">
        <v>51</v>
      </c>
    </row>
    <row r="4345" spans="1:12">
      <c r="A4345" s="6" t="s">
        <v>49</v>
      </c>
      <c r="B4345" s="6"/>
      <c r="C4345" s="6" t="s">
        <v>4364</v>
      </c>
      <c r="D4345" s="6"/>
      <c r="E4345" s="6" t="s">
        <v>9</v>
      </c>
      <c r="F4345" s="7">
        <v>38657</v>
      </c>
      <c r="G4345" s="8">
        <v>1</v>
      </c>
      <c r="H4345" s="8">
        <v>1</v>
      </c>
      <c r="I4345" s="8">
        <v>0</v>
      </c>
      <c r="J4345" s="8">
        <v>1</v>
      </c>
      <c r="K4345" s="9">
        <v>13</v>
      </c>
      <c r="L4345" s="6" t="s">
        <v>51</v>
      </c>
    </row>
    <row r="4346" spans="1:12">
      <c r="A4346" s="6" t="s">
        <v>49</v>
      </c>
      <c r="B4346" s="6"/>
      <c r="C4346" s="6" t="s">
        <v>4365</v>
      </c>
      <c r="D4346" s="6"/>
      <c r="E4346" s="6" t="s">
        <v>9</v>
      </c>
      <c r="F4346" s="7">
        <v>38657</v>
      </c>
      <c r="G4346" s="8">
        <v>1</v>
      </c>
      <c r="H4346" s="8">
        <v>1</v>
      </c>
      <c r="I4346" s="8">
        <v>0</v>
      </c>
      <c r="J4346" s="8">
        <v>1</v>
      </c>
      <c r="K4346" s="9">
        <v>89</v>
      </c>
      <c r="L4346" s="6" t="s">
        <v>51</v>
      </c>
    </row>
    <row r="4347" spans="1:12">
      <c r="A4347" s="6" t="s">
        <v>49</v>
      </c>
      <c r="B4347" s="6"/>
      <c r="C4347" s="6" t="s">
        <v>4366</v>
      </c>
      <c r="D4347" s="6"/>
      <c r="E4347" s="6" t="s">
        <v>9</v>
      </c>
      <c r="F4347" s="7">
        <v>38657</v>
      </c>
      <c r="G4347" s="8">
        <v>1</v>
      </c>
      <c r="H4347" s="8">
        <v>1</v>
      </c>
      <c r="I4347" s="8">
        <v>0</v>
      </c>
      <c r="J4347" s="8">
        <v>1</v>
      </c>
      <c r="K4347" s="9">
        <v>9.09</v>
      </c>
      <c r="L4347" s="6" t="s">
        <v>51</v>
      </c>
    </row>
    <row r="4348" spans="1:12">
      <c r="A4348" s="6" t="s">
        <v>49</v>
      </c>
      <c r="B4348" s="6"/>
      <c r="C4348" s="6" t="s">
        <v>4367</v>
      </c>
      <c r="D4348" s="6"/>
      <c r="E4348" s="6" t="s">
        <v>9</v>
      </c>
      <c r="F4348" s="7">
        <v>38657</v>
      </c>
      <c r="G4348" s="8">
        <v>1</v>
      </c>
      <c r="H4348" s="8">
        <v>1</v>
      </c>
      <c r="I4348" s="8">
        <v>0</v>
      </c>
      <c r="J4348" s="8">
        <v>1</v>
      </c>
      <c r="K4348" s="9">
        <v>13</v>
      </c>
      <c r="L4348" s="6" t="s">
        <v>51</v>
      </c>
    </row>
    <row r="4349" spans="1:12">
      <c r="A4349" s="6" t="s">
        <v>49</v>
      </c>
      <c r="B4349" s="6"/>
      <c r="C4349" s="6" t="s">
        <v>4368</v>
      </c>
      <c r="D4349" s="6"/>
      <c r="E4349" s="6" t="s">
        <v>9</v>
      </c>
      <c r="F4349" s="7">
        <v>38657</v>
      </c>
      <c r="G4349" s="8">
        <v>1</v>
      </c>
      <c r="H4349" s="8">
        <v>1</v>
      </c>
      <c r="I4349" s="8">
        <v>0</v>
      </c>
      <c r="J4349" s="8">
        <v>1</v>
      </c>
      <c r="K4349" s="9">
        <v>13</v>
      </c>
      <c r="L4349" s="6" t="s">
        <v>51</v>
      </c>
    </row>
    <row r="4350" spans="1:12">
      <c r="A4350" s="6" t="s">
        <v>49</v>
      </c>
      <c r="B4350" s="6"/>
      <c r="C4350" s="6" t="s">
        <v>4369</v>
      </c>
      <c r="D4350" s="6"/>
      <c r="E4350" s="6" t="s">
        <v>9</v>
      </c>
      <c r="F4350" s="7">
        <v>38657</v>
      </c>
      <c r="G4350" s="8">
        <v>1</v>
      </c>
      <c r="H4350" s="8">
        <v>1</v>
      </c>
      <c r="I4350" s="8">
        <v>0</v>
      </c>
      <c r="J4350" s="8">
        <v>1</v>
      </c>
      <c r="K4350" s="9">
        <v>423</v>
      </c>
      <c r="L4350" s="6" t="s">
        <v>51</v>
      </c>
    </row>
    <row r="4351" spans="1:12">
      <c r="A4351" s="6" t="s">
        <v>49</v>
      </c>
      <c r="B4351" s="6"/>
      <c r="C4351" s="6" t="s">
        <v>4370</v>
      </c>
      <c r="D4351" s="6"/>
      <c r="E4351" s="6" t="s">
        <v>9</v>
      </c>
      <c r="F4351" s="7">
        <v>38657</v>
      </c>
      <c r="G4351" s="8">
        <v>1</v>
      </c>
      <c r="H4351" s="8">
        <v>1</v>
      </c>
      <c r="I4351" s="8">
        <v>0</v>
      </c>
      <c r="J4351" s="8">
        <v>1</v>
      </c>
      <c r="K4351" s="9">
        <v>12</v>
      </c>
      <c r="L4351" s="6" t="s">
        <v>51</v>
      </c>
    </row>
    <row r="4352" spans="1:12">
      <c r="A4352" s="6" t="s">
        <v>49</v>
      </c>
      <c r="B4352" s="6"/>
      <c r="C4352" s="6" t="s">
        <v>4371</v>
      </c>
      <c r="D4352" s="6"/>
      <c r="E4352" s="6" t="s">
        <v>9</v>
      </c>
      <c r="F4352" s="7">
        <v>38657</v>
      </c>
      <c r="G4352" s="8">
        <v>1</v>
      </c>
      <c r="H4352" s="8">
        <v>1</v>
      </c>
      <c r="I4352" s="8">
        <v>0</v>
      </c>
      <c r="J4352" s="8">
        <v>1</v>
      </c>
      <c r="K4352" s="9">
        <v>436</v>
      </c>
      <c r="L4352" s="6" t="s">
        <v>51</v>
      </c>
    </row>
    <row r="4353" spans="1:12">
      <c r="A4353" s="6" t="s">
        <v>49</v>
      </c>
      <c r="B4353" s="6"/>
      <c r="C4353" s="6" t="s">
        <v>4372</v>
      </c>
      <c r="D4353" s="6"/>
      <c r="E4353" s="6" t="s">
        <v>9</v>
      </c>
      <c r="F4353" s="7">
        <v>38657</v>
      </c>
      <c r="G4353" s="8">
        <v>1</v>
      </c>
      <c r="H4353" s="8">
        <v>1</v>
      </c>
      <c r="I4353" s="8">
        <v>0</v>
      </c>
      <c r="J4353" s="8">
        <v>1</v>
      </c>
      <c r="K4353" s="9">
        <v>28</v>
      </c>
      <c r="L4353" s="6" t="s">
        <v>51</v>
      </c>
    </row>
    <row r="4354" spans="1:12">
      <c r="A4354" s="6" t="s">
        <v>49</v>
      </c>
      <c r="B4354" s="6"/>
      <c r="C4354" s="6" t="s">
        <v>4373</v>
      </c>
      <c r="D4354" s="6"/>
      <c r="E4354" s="6" t="s">
        <v>9</v>
      </c>
      <c r="F4354" s="7">
        <v>38657</v>
      </c>
      <c r="G4354" s="8">
        <v>1</v>
      </c>
      <c r="H4354" s="8">
        <v>1</v>
      </c>
      <c r="I4354" s="8">
        <v>0</v>
      </c>
      <c r="J4354" s="8">
        <v>1</v>
      </c>
      <c r="K4354" s="9">
        <v>365</v>
      </c>
      <c r="L4354" s="6" t="s">
        <v>51</v>
      </c>
    </row>
    <row r="4355" spans="1:12">
      <c r="A4355" s="6" t="s">
        <v>49</v>
      </c>
      <c r="B4355" s="6"/>
      <c r="C4355" s="6" t="s">
        <v>4374</v>
      </c>
      <c r="D4355" s="6"/>
      <c r="E4355" s="6" t="s">
        <v>9</v>
      </c>
      <c r="F4355" s="7">
        <v>38657</v>
      </c>
      <c r="G4355" s="8">
        <v>1</v>
      </c>
      <c r="H4355" s="8">
        <v>1</v>
      </c>
      <c r="I4355" s="8">
        <v>0</v>
      </c>
      <c r="J4355" s="8">
        <v>1</v>
      </c>
      <c r="K4355" s="9">
        <v>273</v>
      </c>
      <c r="L4355" s="6" t="s">
        <v>51</v>
      </c>
    </row>
    <row r="4356" spans="1:12">
      <c r="A4356" s="6" t="s">
        <v>49</v>
      </c>
      <c r="B4356" s="6"/>
      <c r="C4356" s="6" t="s">
        <v>4375</v>
      </c>
      <c r="D4356" s="6"/>
      <c r="E4356" s="6" t="s">
        <v>9</v>
      </c>
      <c r="F4356" s="7">
        <v>38657</v>
      </c>
      <c r="G4356" s="8">
        <v>1</v>
      </c>
      <c r="H4356" s="8">
        <v>1</v>
      </c>
      <c r="I4356" s="8">
        <v>0</v>
      </c>
      <c r="J4356" s="8">
        <v>1</v>
      </c>
      <c r="K4356" s="9">
        <v>163</v>
      </c>
      <c r="L4356" s="6" t="s">
        <v>51</v>
      </c>
    </row>
    <row r="4357" spans="1:12">
      <c r="A4357" s="6" t="s">
        <v>49</v>
      </c>
      <c r="B4357" s="6"/>
      <c r="C4357" s="6" t="s">
        <v>4376</v>
      </c>
      <c r="D4357" s="6"/>
      <c r="E4357" s="6" t="s">
        <v>9</v>
      </c>
      <c r="F4357" s="7">
        <v>38657</v>
      </c>
      <c r="G4357" s="8">
        <v>1</v>
      </c>
      <c r="H4357" s="8">
        <v>1</v>
      </c>
      <c r="I4357" s="8">
        <v>0</v>
      </c>
      <c r="J4357" s="8">
        <v>1</v>
      </c>
      <c r="K4357" s="9">
        <v>28</v>
      </c>
      <c r="L4357" s="6" t="s">
        <v>51</v>
      </c>
    </row>
    <row r="4358" spans="1:12">
      <c r="A4358" s="6" t="s">
        <v>49</v>
      </c>
      <c r="B4358" s="6"/>
      <c r="C4358" s="6" t="s">
        <v>4377</v>
      </c>
      <c r="D4358" s="6"/>
      <c r="E4358" s="6" t="s">
        <v>9</v>
      </c>
      <c r="F4358" s="7">
        <v>38657</v>
      </c>
      <c r="G4358" s="8">
        <v>1</v>
      </c>
      <c r="H4358" s="8">
        <v>1</v>
      </c>
      <c r="I4358" s="8">
        <v>0</v>
      </c>
      <c r="J4358" s="8">
        <v>1</v>
      </c>
      <c r="K4358" s="9">
        <v>339</v>
      </c>
      <c r="L4358" s="6" t="s">
        <v>51</v>
      </c>
    </row>
    <row r="4359" spans="1:12">
      <c r="A4359" s="6" t="s">
        <v>49</v>
      </c>
      <c r="B4359" s="6"/>
      <c r="C4359" s="6" t="s">
        <v>4378</v>
      </c>
      <c r="D4359" s="6"/>
      <c r="E4359" s="6" t="s">
        <v>9</v>
      </c>
      <c r="F4359" s="7">
        <v>38657</v>
      </c>
      <c r="G4359" s="8">
        <v>1</v>
      </c>
      <c r="H4359" s="8">
        <v>1</v>
      </c>
      <c r="I4359" s="8">
        <v>0</v>
      </c>
      <c r="J4359" s="8">
        <v>1</v>
      </c>
      <c r="K4359" s="9">
        <v>217</v>
      </c>
      <c r="L4359" s="6" t="s">
        <v>51</v>
      </c>
    </row>
    <row r="4360" spans="1:12">
      <c r="A4360" s="6" t="s">
        <v>49</v>
      </c>
      <c r="B4360" s="6"/>
      <c r="C4360" s="6" t="s">
        <v>4379</v>
      </c>
      <c r="D4360" s="6"/>
      <c r="E4360" s="6" t="s">
        <v>9</v>
      </c>
      <c r="F4360" s="7">
        <v>38657</v>
      </c>
      <c r="G4360" s="8">
        <v>1</v>
      </c>
      <c r="H4360" s="8">
        <v>1</v>
      </c>
      <c r="I4360" s="8">
        <v>0</v>
      </c>
      <c r="J4360" s="8">
        <v>1</v>
      </c>
      <c r="K4360" s="9">
        <v>262</v>
      </c>
      <c r="L4360" s="6" t="s">
        <v>51</v>
      </c>
    </row>
    <row r="4361" spans="1:12">
      <c r="A4361" s="6" t="s">
        <v>49</v>
      </c>
      <c r="B4361" s="6"/>
      <c r="C4361" s="6" t="s">
        <v>4380</v>
      </c>
      <c r="D4361" s="6"/>
      <c r="E4361" s="6" t="s">
        <v>9</v>
      </c>
      <c r="F4361" s="7">
        <v>38657</v>
      </c>
      <c r="G4361" s="8">
        <v>1</v>
      </c>
      <c r="H4361" s="8">
        <v>1</v>
      </c>
      <c r="I4361" s="8">
        <v>0</v>
      </c>
      <c r="J4361" s="8">
        <v>1</v>
      </c>
      <c r="K4361" s="9">
        <v>158</v>
      </c>
      <c r="L4361" s="6" t="s">
        <v>51</v>
      </c>
    </row>
    <row r="4362" spans="1:12">
      <c r="A4362" s="6" t="s">
        <v>49</v>
      </c>
      <c r="B4362" s="6"/>
      <c r="C4362" s="6" t="s">
        <v>4381</v>
      </c>
      <c r="D4362" s="6"/>
      <c r="E4362" s="6" t="s">
        <v>9</v>
      </c>
      <c r="F4362" s="7">
        <v>38657</v>
      </c>
      <c r="G4362" s="8">
        <v>1</v>
      </c>
      <c r="H4362" s="8">
        <v>1</v>
      </c>
      <c r="I4362" s="8">
        <v>0</v>
      </c>
      <c r="J4362" s="8">
        <v>1</v>
      </c>
      <c r="K4362" s="9">
        <v>12</v>
      </c>
      <c r="L4362" s="6" t="s">
        <v>51</v>
      </c>
    </row>
    <row r="4363" spans="1:12">
      <c r="A4363" s="6" t="s">
        <v>49</v>
      </c>
      <c r="B4363" s="6"/>
      <c r="C4363" s="6" t="s">
        <v>4382</v>
      </c>
      <c r="D4363" s="6"/>
      <c r="E4363" s="6" t="s">
        <v>9</v>
      </c>
      <c r="F4363" s="7">
        <v>38657</v>
      </c>
      <c r="G4363" s="8">
        <v>1</v>
      </c>
      <c r="H4363" s="8">
        <v>1</v>
      </c>
      <c r="I4363" s="8">
        <v>0</v>
      </c>
      <c r="J4363" s="8">
        <v>1</v>
      </c>
      <c r="K4363" s="9">
        <v>3.66</v>
      </c>
      <c r="L4363" s="6" t="s">
        <v>51</v>
      </c>
    </row>
    <row r="4364" spans="1:12">
      <c r="A4364" s="6" t="s">
        <v>49</v>
      </c>
      <c r="B4364" s="6"/>
      <c r="C4364" s="6" t="s">
        <v>4383</v>
      </c>
      <c r="D4364" s="6"/>
      <c r="E4364" s="6" t="s">
        <v>9</v>
      </c>
      <c r="F4364" s="7">
        <v>38657</v>
      </c>
      <c r="G4364" s="8">
        <v>1</v>
      </c>
      <c r="H4364" s="8">
        <v>1</v>
      </c>
      <c r="I4364" s="8">
        <v>0</v>
      </c>
      <c r="J4364" s="8">
        <v>1</v>
      </c>
      <c r="K4364" s="9">
        <v>18</v>
      </c>
      <c r="L4364" s="6" t="s">
        <v>51</v>
      </c>
    </row>
    <row r="4365" spans="1:12">
      <c r="A4365" s="6" t="s">
        <v>49</v>
      </c>
      <c r="B4365" s="6"/>
      <c r="C4365" s="6" t="s">
        <v>4384</v>
      </c>
      <c r="D4365" s="6"/>
      <c r="E4365" s="6" t="s">
        <v>9</v>
      </c>
      <c r="F4365" s="7">
        <v>38657</v>
      </c>
      <c r="G4365" s="8">
        <v>1</v>
      </c>
      <c r="H4365" s="8">
        <v>1</v>
      </c>
      <c r="I4365" s="8">
        <v>0</v>
      </c>
      <c r="J4365" s="8">
        <v>1</v>
      </c>
      <c r="K4365" s="9">
        <v>1.9</v>
      </c>
      <c r="L4365" s="6" t="s">
        <v>51</v>
      </c>
    </row>
    <row r="4366" spans="1:12">
      <c r="A4366" s="6" t="s">
        <v>49</v>
      </c>
      <c r="B4366" s="6"/>
      <c r="C4366" s="6" t="s">
        <v>4385</v>
      </c>
      <c r="D4366" s="6"/>
      <c r="E4366" s="6" t="s">
        <v>9</v>
      </c>
      <c r="F4366" s="7">
        <v>38657</v>
      </c>
      <c r="G4366" s="8">
        <v>1</v>
      </c>
      <c r="H4366" s="8">
        <v>1</v>
      </c>
      <c r="I4366" s="8">
        <v>0</v>
      </c>
      <c r="J4366" s="8">
        <v>1</v>
      </c>
      <c r="K4366" s="9">
        <v>339</v>
      </c>
      <c r="L4366" s="6" t="s">
        <v>51</v>
      </c>
    </row>
    <row r="4367" spans="1:12">
      <c r="A4367" s="6" t="s">
        <v>49</v>
      </c>
      <c r="B4367" s="6"/>
      <c r="C4367" s="6" t="s">
        <v>4386</v>
      </c>
      <c r="D4367" s="6"/>
      <c r="E4367" s="6" t="s">
        <v>9</v>
      </c>
      <c r="F4367" s="7">
        <v>38657</v>
      </c>
      <c r="G4367" s="8">
        <v>1</v>
      </c>
      <c r="H4367" s="8">
        <v>1</v>
      </c>
      <c r="I4367" s="8">
        <v>0</v>
      </c>
      <c r="J4367" s="8">
        <v>1</v>
      </c>
      <c r="K4367" s="9">
        <v>14</v>
      </c>
      <c r="L4367" s="6" t="s">
        <v>51</v>
      </c>
    </row>
    <row r="4368" spans="1:12">
      <c r="A4368" s="6" t="s">
        <v>49</v>
      </c>
      <c r="B4368" s="6"/>
      <c r="C4368" s="6" t="s">
        <v>4387</v>
      </c>
      <c r="D4368" s="6"/>
      <c r="E4368" s="6" t="s">
        <v>9</v>
      </c>
      <c r="F4368" s="7">
        <v>38657</v>
      </c>
      <c r="G4368" s="8">
        <v>1</v>
      </c>
      <c r="H4368" s="8">
        <v>1</v>
      </c>
      <c r="I4368" s="8">
        <v>0</v>
      </c>
      <c r="J4368" s="8">
        <v>1</v>
      </c>
      <c r="K4368" s="9">
        <v>14</v>
      </c>
      <c r="L4368" s="6" t="s">
        <v>51</v>
      </c>
    </row>
    <row r="4369" spans="1:12">
      <c r="A4369" s="6" t="s">
        <v>49</v>
      </c>
      <c r="B4369" s="6"/>
      <c r="C4369" s="6" t="s">
        <v>4388</v>
      </c>
      <c r="D4369" s="6"/>
      <c r="E4369" s="6" t="s">
        <v>9</v>
      </c>
      <c r="F4369" s="7">
        <v>38657</v>
      </c>
      <c r="G4369" s="8">
        <v>1</v>
      </c>
      <c r="H4369" s="8">
        <v>1</v>
      </c>
      <c r="I4369" s="8">
        <v>0</v>
      </c>
      <c r="J4369" s="8">
        <v>1</v>
      </c>
      <c r="K4369" s="9">
        <v>14</v>
      </c>
      <c r="L4369" s="6" t="s">
        <v>51</v>
      </c>
    </row>
    <row r="4370" spans="1:12">
      <c r="A4370" s="6" t="s">
        <v>49</v>
      </c>
      <c r="B4370" s="6"/>
      <c r="C4370" s="6" t="s">
        <v>4389</v>
      </c>
      <c r="D4370" s="6"/>
      <c r="E4370" s="6" t="s">
        <v>9</v>
      </c>
      <c r="F4370" s="7">
        <v>38657</v>
      </c>
      <c r="G4370" s="8">
        <v>1</v>
      </c>
      <c r="H4370" s="8">
        <v>1</v>
      </c>
      <c r="I4370" s="8">
        <v>0</v>
      </c>
      <c r="J4370" s="8">
        <v>1</v>
      </c>
      <c r="K4370" s="9">
        <v>135</v>
      </c>
      <c r="L4370" s="6" t="s">
        <v>51</v>
      </c>
    </row>
    <row r="4371" spans="1:12">
      <c r="A4371" s="6" t="s">
        <v>49</v>
      </c>
      <c r="B4371" s="6"/>
      <c r="C4371" s="6" t="s">
        <v>4390</v>
      </c>
      <c r="D4371" s="6"/>
      <c r="E4371" s="6" t="s">
        <v>9</v>
      </c>
      <c r="F4371" s="7">
        <v>38657</v>
      </c>
      <c r="G4371" s="8">
        <v>1</v>
      </c>
      <c r="H4371" s="8">
        <v>1</v>
      </c>
      <c r="I4371" s="8">
        <v>0</v>
      </c>
      <c r="J4371" s="8">
        <v>1</v>
      </c>
      <c r="K4371" s="9">
        <v>14</v>
      </c>
      <c r="L4371" s="6" t="s">
        <v>51</v>
      </c>
    </row>
    <row r="4372" spans="1:12">
      <c r="A4372" s="6" t="s">
        <v>49</v>
      </c>
      <c r="B4372" s="6"/>
      <c r="C4372" s="6" t="s">
        <v>4391</v>
      </c>
      <c r="D4372" s="6"/>
      <c r="E4372" s="6" t="s">
        <v>9</v>
      </c>
      <c r="F4372" s="7">
        <v>38657</v>
      </c>
      <c r="G4372" s="8">
        <v>1</v>
      </c>
      <c r="H4372" s="8">
        <v>1</v>
      </c>
      <c r="I4372" s="8">
        <v>0</v>
      </c>
      <c r="J4372" s="8">
        <v>1</v>
      </c>
      <c r="K4372" s="9">
        <v>14</v>
      </c>
      <c r="L4372" s="6" t="s">
        <v>51</v>
      </c>
    </row>
    <row r="4373" spans="1:12">
      <c r="A4373" s="6" t="s">
        <v>49</v>
      </c>
      <c r="B4373" s="6"/>
      <c r="C4373" s="6" t="s">
        <v>4392</v>
      </c>
      <c r="D4373" s="6"/>
      <c r="E4373" s="6" t="s">
        <v>9</v>
      </c>
      <c r="F4373" s="7">
        <v>38657</v>
      </c>
      <c r="G4373" s="8">
        <v>1</v>
      </c>
      <c r="H4373" s="8">
        <v>1</v>
      </c>
      <c r="I4373" s="8">
        <v>0</v>
      </c>
      <c r="J4373" s="8">
        <v>1</v>
      </c>
      <c r="K4373" s="9">
        <v>67</v>
      </c>
      <c r="L4373" s="6" t="s">
        <v>51</v>
      </c>
    </row>
    <row r="4374" spans="1:12">
      <c r="A4374" s="6" t="s">
        <v>49</v>
      </c>
      <c r="B4374" s="6"/>
      <c r="C4374" s="6" t="s">
        <v>4393</v>
      </c>
      <c r="D4374" s="6"/>
      <c r="E4374" s="6" t="s">
        <v>9</v>
      </c>
      <c r="F4374" s="7">
        <v>38657</v>
      </c>
      <c r="G4374" s="8">
        <v>1</v>
      </c>
      <c r="H4374" s="8">
        <v>1</v>
      </c>
      <c r="I4374" s="8">
        <v>0</v>
      </c>
      <c r="J4374" s="8">
        <v>1</v>
      </c>
      <c r="K4374" s="9">
        <v>14</v>
      </c>
      <c r="L4374" s="6" t="s">
        <v>51</v>
      </c>
    </row>
    <row r="4375" spans="1:12">
      <c r="A4375" s="6" t="s">
        <v>49</v>
      </c>
      <c r="B4375" s="6"/>
      <c r="C4375" s="6" t="s">
        <v>4394</v>
      </c>
      <c r="D4375" s="6"/>
      <c r="E4375" s="6" t="s">
        <v>9</v>
      </c>
      <c r="F4375" s="7">
        <v>38657</v>
      </c>
      <c r="G4375" s="8">
        <v>1</v>
      </c>
      <c r="H4375" s="8">
        <v>1</v>
      </c>
      <c r="I4375" s="8">
        <v>0</v>
      </c>
      <c r="J4375" s="8">
        <v>1</v>
      </c>
      <c r="K4375" s="9">
        <v>29</v>
      </c>
      <c r="L4375" s="6" t="s">
        <v>51</v>
      </c>
    </row>
    <row r="4376" spans="1:12">
      <c r="A4376" s="6" t="s">
        <v>49</v>
      </c>
      <c r="B4376" s="6"/>
      <c r="C4376" s="6" t="s">
        <v>4395</v>
      </c>
      <c r="D4376" s="6"/>
      <c r="E4376" s="6" t="s">
        <v>9</v>
      </c>
      <c r="F4376" s="7">
        <v>38657</v>
      </c>
      <c r="G4376" s="8">
        <v>1</v>
      </c>
      <c r="H4376" s="8">
        <v>1</v>
      </c>
      <c r="I4376" s="8">
        <v>0</v>
      </c>
      <c r="J4376" s="8">
        <v>1</v>
      </c>
      <c r="K4376" s="9">
        <v>12</v>
      </c>
      <c r="L4376" s="6" t="s">
        <v>51</v>
      </c>
    </row>
    <row r="4377" spans="1:12">
      <c r="A4377" s="6" t="s">
        <v>49</v>
      </c>
      <c r="B4377" s="6"/>
      <c r="C4377" s="6" t="s">
        <v>4396</v>
      </c>
      <c r="D4377" s="6"/>
      <c r="E4377" s="6" t="s">
        <v>9</v>
      </c>
      <c r="F4377" s="7">
        <v>38657</v>
      </c>
      <c r="G4377" s="8">
        <v>1</v>
      </c>
      <c r="H4377" s="8">
        <v>1</v>
      </c>
      <c r="I4377" s="8">
        <v>0</v>
      </c>
      <c r="J4377" s="8">
        <v>1</v>
      </c>
      <c r="K4377" s="9">
        <v>92</v>
      </c>
      <c r="L4377" s="6" t="s">
        <v>51</v>
      </c>
    </row>
    <row r="4378" spans="1:12">
      <c r="A4378" s="6" t="s">
        <v>49</v>
      </c>
      <c r="B4378" s="6"/>
      <c r="C4378" s="6" t="s">
        <v>4397</v>
      </c>
      <c r="D4378" s="6"/>
      <c r="E4378" s="6" t="s">
        <v>9</v>
      </c>
      <c r="F4378" s="7">
        <v>38657</v>
      </c>
      <c r="G4378" s="8">
        <v>1</v>
      </c>
      <c r="H4378" s="8">
        <v>1</v>
      </c>
      <c r="I4378" s="8">
        <v>0</v>
      </c>
      <c r="J4378" s="8">
        <v>1</v>
      </c>
      <c r="K4378" s="9">
        <v>14</v>
      </c>
      <c r="L4378" s="6" t="s">
        <v>51</v>
      </c>
    </row>
    <row r="4379" spans="1:12">
      <c r="A4379" s="6" t="s">
        <v>49</v>
      </c>
      <c r="B4379" s="6"/>
      <c r="C4379" s="6" t="s">
        <v>4398</v>
      </c>
      <c r="D4379" s="6"/>
      <c r="E4379" s="6" t="s">
        <v>9</v>
      </c>
      <c r="F4379" s="7">
        <v>38657</v>
      </c>
      <c r="G4379" s="8">
        <v>1</v>
      </c>
      <c r="H4379" s="8">
        <v>1</v>
      </c>
      <c r="I4379" s="8">
        <v>0</v>
      </c>
      <c r="J4379" s="8">
        <v>1</v>
      </c>
      <c r="K4379" s="9">
        <v>51</v>
      </c>
      <c r="L4379" s="6" t="s">
        <v>51</v>
      </c>
    </row>
    <row r="4380" spans="1:12">
      <c r="A4380" s="6" t="s">
        <v>49</v>
      </c>
      <c r="B4380" s="6"/>
      <c r="C4380" s="6" t="s">
        <v>4399</v>
      </c>
      <c r="D4380" s="6"/>
      <c r="E4380" s="6" t="s">
        <v>9</v>
      </c>
      <c r="F4380" s="7">
        <v>38657</v>
      </c>
      <c r="G4380" s="8">
        <v>1</v>
      </c>
      <c r="H4380" s="8">
        <v>1</v>
      </c>
      <c r="I4380" s="8">
        <v>0</v>
      </c>
      <c r="J4380" s="8">
        <v>1</v>
      </c>
      <c r="K4380" s="9">
        <v>450</v>
      </c>
      <c r="L4380" s="6" t="s">
        <v>51</v>
      </c>
    </row>
    <row r="4381" spans="1:12">
      <c r="A4381" s="6" t="s">
        <v>49</v>
      </c>
      <c r="B4381" s="6"/>
      <c r="C4381" s="6" t="s">
        <v>4400</v>
      </c>
      <c r="D4381" s="6"/>
      <c r="E4381" s="6" t="s">
        <v>9</v>
      </c>
      <c r="F4381" s="7">
        <v>38657</v>
      </c>
      <c r="G4381" s="8">
        <v>1</v>
      </c>
      <c r="H4381" s="8">
        <v>1</v>
      </c>
      <c r="I4381" s="8">
        <v>0</v>
      </c>
      <c r="J4381" s="8">
        <v>1</v>
      </c>
      <c r="K4381" s="9">
        <v>36</v>
      </c>
      <c r="L4381" s="6" t="s">
        <v>51</v>
      </c>
    </row>
    <row r="4382" spans="1:12">
      <c r="A4382" s="6" t="s">
        <v>49</v>
      </c>
      <c r="B4382" s="6"/>
      <c r="C4382" s="6" t="s">
        <v>4401</v>
      </c>
      <c r="D4382" s="6"/>
      <c r="E4382" s="6" t="s">
        <v>9</v>
      </c>
      <c r="F4382" s="7">
        <v>38657</v>
      </c>
      <c r="G4382" s="8">
        <v>1</v>
      </c>
      <c r="H4382" s="8">
        <v>1</v>
      </c>
      <c r="I4382" s="8">
        <v>0</v>
      </c>
      <c r="J4382" s="8">
        <v>1</v>
      </c>
      <c r="K4382" s="9">
        <v>459</v>
      </c>
      <c r="L4382" s="6" t="s">
        <v>51</v>
      </c>
    </row>
    <row r="4383" spans="1:12">
      <c r="A4383" s="6" t="s">
        <v>49</v>
      </c>
      <c r="B4383" s="6"/>
      <c r="C4383" s="6" t="s">
        <v>4402</v>
      </c>
      <c r="D4383" s="6"/>
      <c r="E4383" s="6" t="s">
        <v>9</v>
      </c>
      <c r="F4383" s="7">
        <v>38657</v>
      </c>
      <c r="G4383" s="8">
        <v>1</v>
      </c>
      <c r="H4383" s="8">
        <v>1</v>
      </c>
      <c r="I4383" s="8">
        <v>0</v>
      </c>
      <c r="J4383" s="8">
        <v>1</v>
      </c>
      <c r="K4383" s="9">
        <v>6.25</v>
      </c>
      <c r="L4383" s="6" t="s">
        <v>51</v>
      </c>
    </row>
    <row r="4384" spans="1:12">
      <c r="A4384" s="6" t="s">
        <v>49</v>
      </c>
      <c r="B4384" s="6"/>
      <c r="C4384" s="6" t="s">
        <v>4403</v>
      </c>
      <c r="D4384" s="6"/>
      <c r="E4384" s="6" t="s">
        <v>9</v>
      </c>
      <c r="F4384" s="7">
        <v>38657</v>
      </c>
      <c r="G4384" s="8">
        <v>1</v>
      </c>
      <c r="H4384" s="8">
        <v>1</v>
      </c>
      <c r="I4384" s="8">
        <v>0</v>
      </c>
      <c r="J4384" s="8">
        <v>1</v>
      </c>
      <c r="K4384" s="9">
        <v>7.48</v>
      </c>
      <c r="L4384" s="6" t="s">
        <v>51</v>
      </c>
    </row>
    <row r="4385" spans="1:12">
      <c r="A4385" s="6" t="s">
        <v>49</v>
      </c>
      <c r="B4385" s="6"/>
      <c r="C4385" s="6" t="s">
        <v>4404</v>
      </c>
      <c r="D4385" s="6"/>
      <c r="E4385" s="6" t="s">
        <v>9</v>
      </c>
      <c r="F4385" s="7">
        <v>38657</v>
      </c>
      <c r="G4385" s="8">
        <v>1</v>
      </c>
      <c r="H4385" s="8">
        <v>1</v>
      </c>
      <c r="I4385" s="8">
        <v>0</v>
      </c>
      <c r="J4385" s="8">
        <v>1</v>
      </c>
      <c r="K4385" s="9">
        <v>60</v>
      </c>
      <c r="L4385" s="6" t="s">
        <v>51</v>
      </c>
    </row>
    <row r="4386" spans="1:12">
      <c r="A4386" s="6" t="s">
        <v>49</v>
      </c>
      <c r="B4386" s="6"/>
      <c r="C4386" s="6" t="s">
        <v>4405</v>
      </c>
      <c r="D4386" s="6"/>
      <c r="E4386" s="6" t="s">
        <v>9</v>
      </c>
      <c r="F4386" s="7">
        <v>38657</v>
      </c>
      <c r="G4386" s="8">
        <v>1</v>
      </c>
      <c r="H4386" s="8">
        <v>1</v>
      </c>
      <c r="I4386" s="8">
        <v>0</v>
      </c>
      <c r="J4386" s="8">
        <v>1</v>
      </c>
      <c r="K4386" s="9">
        <v>145</v>
      </c>
      <c r="L4386" s="6" t="s">
        <v>51</v>
      </c>
    </row>
    <row r="4387" spans="1:12">
      <c r="A4387" s="6" t="s">
        <v>49</v>
      </c>
      <c r="B4387" s="6"/>
      <c r="C4387" s="6" t="s">
        <v>4406</v>
      </c>
      <c r="D4387" s="6"/>
      <c r="E4387" s="6" t="s">
        <v>9</v>
      </c>
      <c r="F4387" s="7">
        <v>38657</v>
      </c>
      <c r="G4387" s="8">
        <v>1</v>
      </c>
      <c r="H4387" s="8">
        <v>1</v>
      </c>
      <c r="I4387" s="8">
        <v>0</v>
      </c>
      <c r="J4387" s="8">
        <v>1</v>
      </c>
      <c r="K4387" s="9">
        <v>34</v>
      </c>
      <c r="L4387" s="6" t="s">
        <v>51</v>
      </c>
    </row>
    <row r="4388" spans="1:12">
      <c r="A4388" s="6" t="s">
        <v>49</v>
      </c>
      <c r="B4388" s="6"/>
      <c r="C4388" s="6" t="s">
        <v>4407</v>
      </c>
      <c r="D4388" s="6"/>
      <c r="E4388" s="6" t="s">
        <v>9</v>
      </c>
      <c r="F4388" s="7">
        <v>38657</v>
      </c>
      <c r="G4388" s="8">
        <v>1</v>
      </c>
      <c r="H4388" s="8">
        <v>1</v>
      </c>
      <c r="I4388" s="8">
        <v>0</v>
      </c>
      <c r="J4388" s="8">
        <v>1</v>
      </c>
      <c r="K4388" s="9">
        <v>10</v>
      </c>
      <c r="L4388" s="6" t="s">
        <v>51</v>
      </c>
    </row>
    <row r="4389" spans="1:12">
      <c r="A4389" s="6" t="s">
        <v>49</v>
      </c>
      <c r="B4389" s="6"/>
      <c r="C4389" s="6" t="s">
        <v>4408</v>
      </c>
      <c r="D4389" s="6"/>
      <c r="E4389" s="6" t="s">
        <v>9</v>
      </c>
      <c r="F4389" s="7">
        <v>38657</v>
      </c>
      <c r="G4389" s="8">
        <v>1</v>
      </c>
      <c r="H4389" s="8">
        <v>1</v>
      </c>
      <c r="I4389" s="8">
        <v>0</v>
      </c>
      <c r="J4389" s="8">
        <v>1</v>
      </c>
      <c r="K4389" s="9">
        <v>54</v>
      </c>
      <c r="L4389" s="6" t="s">
        <v>51</v>
      </c>
    </row>
    <row r="4390" spans="1:12">
      <c r="A4390" s="6" t="s">
        <v>49</v>
      </c>
      <c r="B4390" s="6"/>
      <c r="C4390" s="6" t="s">
        <v>4409</v>
      </c>
      <c r="D4390" s="6"/>
      <c r="E4390" s="6" t="s">
        <v>9</v>
      </c>
      <c r="F4390" s="7">
        <v>38657</v>
      </c>
      <c r="G4390" s="8">
        <v>1</v>
      </c>
      <c r="H4390" s="8">
        <v>1</v>
      </c>
      <c r="I4390" s="8">
        <v>0</v>
      </c>
      <c r="J4390" s="8">
        <v>1</v>
      </c>
      <c r="K4390" s="9">
        <v>18</v>
      </c>
      <c r="L4390" s="6" t="s">
        <v>51</v>
      </c>
    </row>
    <row r="4391" spans="1:12">
      <c r="A4391" s="6" t="s">
        <v>49</v>
      </c>
      <c r="B4391" s="6"/>
      <c r="C4391" s="6" t="s">
        <v>4410</v>
      </c>
      <c r="D4391" s="6"/>
      <c r="E4391" s="6" t="s">
        <v>9</v>
      </c>
      <c r="F4391" s="7">
        <v>38657</v>
      </c>
      <c r="G4391" s="8">
        <v>1</v>
      </c>
      <c r="H4391" s="8">
        <v>1</v>
      </c>
      <c r="I4391" s="8">
        <v>0</v>
      </c>
      <c r="J4391" s="8">
        <v>1</v>
      </c>
      <c r="K4391" s="9">
        <v>109</v>
      </c>
      <c r="L4391" s="6" t="s">
        <v>51</v>
      </c>
    </row>
    <row r="4392" spans="1:12">
      <c r="A4392" s="6" t="s">
        <v>49</v>
      </c>
      <c r="B4392" s="6"/>
      <c r="C4392" s="6" t="s">
        <v>4411</v>
      </c>
      <c r="D4392" s="6"/>
      <c r="E4392" s="6" t="s">
        <v>9</v>
      </c>
      <c r="F4392" s="7">
        <v>38657</v>
      </c>
      <c r="G4392" s="8">
        <v>1</v>
      </c>
      <c r="H4392" s="8">
        <v>1</v>
      </c>
      <c r="I4392" s="8">
        <v>0</v>
      </c>
      <c r="J4392" s="8">
        <v>1</v>
      </c>
      <c r="K4392" s="9">
        <v>59</v>
      </c>
      <c r="L4392" s="6" t="s">
        <v>51</v>
      </c>
    </row>
    <row r="4393" spans="1:12">
      <c r="A4393" s="6" t="s">
        <v>49</v>
      </c>
      <c r="B4393" s="6"/>
      <c r="C4393" s="6" t="s">
        <v>4412</v>
      </c>
      <c r="D4393" s="6"/>
      <c r="E4393" s="6" t="s">
        <v>9</v>
      </c>
      <c r="F4393" s="7">
        <v>38657</v>
      </c>
      <c r="G4393" s="8">
        <v>1</v>
      </c>
      <c r="H4393" s="8">
        <v>1</v>
      </c>
      <c r="I4393" s="8">
        <v>0</v>
      </c>
      <c r="J4393" s="8">
        <v>1</v>
      </c>
      <c r="K4393" s="9">
        <v>13</v>
      </c>
      <c r="L4393" s="6" t="s">
        <v>51</v>
      </c>
    </row>
    <row r="4394" spans="1:12">
      <c r="A4394" s="6" t="s">
        <v>49</v>
      </c>
      <c r="B4394" s="6"/>
      <c r="C4394" s="6" t="s">
        <v>4413</v>
      </c>
      <c r="D4394" s="6"/>
      <c r="E4394" s="6" t="s">
        <v>9</v>
      </c>
      <c r="F4394" s="7">
        <v>38657</v>
      </c>
      <c r="G4394" s="8">
        <v>1</v>
      </c>
      <c r="H4394" s="8">
        <v>1</v>
      </c>
      <c r="I4394" s="8">
        <v>0</v>
      </c>
      <c r="J4394" s="8">
        <v>1</v>
      </c>
      <c r="K4394" s="9">
        <v>109</v>
      </c>
      <c r="L4394" s="6" t="s">
        <v>51</v>
      </c>
    </row>
    <row r="4395" spans="1:12">
      <c r="A4395" s="6" t="s">
        <v>49</v>
      </c>
      <c r="B4395" s="6"/>
      <c r="C4395" s="6" t="s">
        <v>4414</v>
      </c>
      <c r="D4395" s="6"/>
      <c r="E4395" s="6" t="s">
        <v>9</v>
      </c>
      <c r="F4395" s="7">
        <v>38657</v>
      </c>
      <c r="G4395" s="8">
        <v>1</v>
      </c>
      <c r="H4395" s="8">
        <v>1</v>
      </c>
      <c r="I4395" s="8">
        <v>0</v>
      </c>
      <c r="J4395" s="8">
        <v>1</v>
      </c>
      <c r="K4395" s="9">
        <v>19</v>
      </c>
      <c r="L4395" s="6" t="s">
        <v>51</v>
      </c>
    </row>
    <row r="4396" spans="1:12">
      <c r="A4396" s="6" t="s">
        <v>49</v>
      </c>
      <c r="B4396" s="6"/>
      <c r="C4396" s="6" t="s">
        <v>4415</v>
      </c>
      <c r="D4396" s="6"/>
      <c r="E4396" s="6" t="s">
        <v>9</v>
      </c>
      <c r="F4396" s="7">
        <v>38657</v>
      </c>
      <c r="G4396" s="8">
        <v>1</v>
      </c>
      <c r="H4396" s="8">
        <v>1</v>
      </c>
      <c r="I4396" s="8">
        <v>0</v>
      </c>
      <c r="J4396" s="8">
        <v>1</v>
      </c>
      <c r="K4396" s="9">
        <v>109</v>
      </c>
      <c r="L4396" s="6" t="s">
        <v>51</v>
      </c>
    </row>
    <row r="4397" spans="1:12">
      <c r="A4397" s="6" t="s">
        <v>49</v>
      </c>
      <c r="B4397" s="6"/>
      <c r="C4397" s="6" t="s">
        <v>4416</v>
      </c>
      <c r="D4397" s="6"/>
      <c r="E4397" s="6" t="s">
        <v>9</v>
      </c>
      <c r="F4397" s="7">
        <v>38657</v>
      </c>
      <c r="G4397" s="8">
        <v>1</v>
      </c>
      <c r="H4397" s="8">
        <v>1</v>
      </c>
      <c r="I4397" s="8">
        <v>0</v>
      </c>
      <c r="J4397" s="8">
        <v>1</v>
      </c>
      <c r="K4397" s="9">
        <v>32</v>
      </c>
      <c r="L4397" s="6" t="s">
        <v>51</v>
      </c>
    </row>
    <row r="4398" spans="1:12">
      <c r="A4398" s="6" t="s">
        <v>49</v>
      </c>
      <c r="B4398" s="6"/>
      <c r="C4398" s="6" t="s">
        <v>4417</v>
      </c>
      <c r="D4398" s="6"/>
      <c r="E4398" s="6" t="s">
        <v>9</v>
      </c>
      <c r="F4398" s="7">
        <v>38657</v>
      </c>
      <c r="G4398" s="8">
        <v>1</v>
      </c>
      <c r="H4398" s="8">
        <v>1</v>
      </c>
      <c r="I4398" s="8">
        <v>0</v>
      </c>
      <c r="J4398" s="8">
        <v>1</v>
      </c>
      <c r="K4398" s="9">
        <v>376</v>
      </c>
      <c r="L4398" s="6" t="s">
        <v>51</v>
      </c>
    </row>
    <row r="4399" spans="1:12">
      <c r="A4399" s="6" t="s">
        <v>49</v>
      </c>
      <c r="B4399" s="6"/>
      <c r="C4399" s="6" t="s">
        <v>4418</v>
      </c>
      <c r="D4399" s="6"/>
      <c r="E4399" s="6" t="s">
        <v>9</v>
      </c>
      <c r="F4399" s="7">
        <v>38657</v>
      </c>
      <c r="G4399" s="8">
        <v>1</v>
      </c>
      <c r="H4399" s="8">
        <v>1</v>
      </c>
      <c r="I4399" s="8">
        <v>0</v>
      </c>
      <c r="J4399" s="8">
        <v>1</v>
      </c>
      <c r="K4399" s="9">
        <v>236</v>
      </c>
      <c r="L4399" s="6" t="s">
        <v>51</v>
      </c>
    </row>
    <row r="4400" spans="1:12">
      <c r="A4400" s="6" t="s">
        <v>49</v>
      </c>
      <c r="B4400" s="6"/>
      <c r="C4400" s="6" t="s">
        <v>4419</v>
      </c>
      <c r="D4400" s="6"/>
      <c r="E4400" s="6" t="s">
        <v>9</v>
      </c>
      <c r="F4400" s="7">
        <v>38657</v>
      </c>
      <c r="G4400" s="8">
        <v>1</v>
      </c>
      <c r="H4400" s="8">
        <v>1</v>
      </c>
      <c r="I4400" s="8">
        <v>0</v>
      </c>
      <c r="J4400" s="8">
        <v>1</v>
      </c>
      <c r="K4400" s="9">
        <v>113</v>
      </c>
      <c r="L4400" s="6" t="s">
        <v>51</v>
      </c>
    </row>
    <row r="4401" spans="1:12">
      <c r="A4401" s="6" t="s">
        <v>49</v>
      </c>
      <c r="B4401" s="6"/>
      <c r="C4401" s="6" t="s">
        <v>4420</v>
      </c>
      <c r="D4401" s="6"/>
      <c r="E4401" s="6" t="s">
        <v>9</v>
      </c>
      <c r="F4401" s="7">
        <v>38657</v>
      </c>
      <c r="G4401" s="8">
        <v>1</v>
      </c>
      <c r="H4401" s="8">
        <v>1</v>
      </c>
      <c r="I4401" s="8">
        <v>0</v>
      </c>
      <c r="J4401" s="8">
        <v>1</v>
      </c>
      <c r="K4401" s="9">
        <v>102</v>
      </c>
      <c r="L4401" s="6" t="s">
        <v>51</v>
      </c>
    </row>
    <row r="4402" spans="1:12">
      <c r="A4402" s="6" t="s">
        <v>49</v>
      </c>
      <c r="B4402" s="6"/>
      <c r="C4402" s="6" t="s">
        <v>4421</v>
      </c>
      <c r="D4402" s="6"/>
      <c r="E4402" s="6" t="s">
        <v>9</v>
      </c>
      <c r="F4402" s="7">
        <v>38657</v>
      </c>
      <c r="G4402" s="8">
        <v>1</v>
      </c>
      <c r="H4402" s="8">
        <v>1</v>
      </c>
      <c r="I4402" s="8">
        <v>0</v>
      </c>
      <c r="J4402" s="8">
        <v>1</v>
      </c>
      <c r="K4402" s="9">
        <v>562</v>
      </c>
      <c r="L4402" s="6" t="s">
        <v>51</v>
      </c>
    </row>
    <row r="4403" spans="1:12">
      <c r="A4403" s="6" t="s">
        <v>49</v>
      </c>
      <c r="B4403" s="6"/>
      <c r="C4403" s="6" t="s">
        <v>4422</v>
      </c>
      <c r="D4403" s="6"/>
      <c r="E4403" s="6" t="s">
        <v>9</v>
      </c>
      <c r="F4403" s="7">
        <v>38657</v>
      </c>
      <c r="G4403" s="8">
        <v>1</v>
      </c>
      <c r="H4403" s="8">
        <v>1</v>
      </c>
      <c r="I4403" s="8">
        <v>0</v>
      </c>
      <c r="J4403" s="8">
        <v>1</v>
      </c>
      <c r="K4403" s="9">
        <v>6.69</v>
      </c>
      <c r="L4403" s="6" t="s">
        <v>51</v>
      </c>
    </row>
    <row r="4404" spans="1:12">
      <c r="A4404" s="6" t="s">
        <v>49</v>
      </c>
      <c r="B4404" s="6"/>
      <c r="C4404" s="6" t="s">
        <v>4423</v>
      </c>
      <c r="D4404" s="6"/>
      <c r="E4404" s="6" t="s">
        <v>9</v>
      </c>
      <c r="F4404" s="7">
        <v>38657</v>
      </c>
      <c r="G4404" s="8">
        <v>1</v>
      </c>
      <c r="H4404" s="8">
        <v>1</v>
      </c>
      <c r="I4404" s="8">
        <v>0</v>
      </c>
      <c r="J4404" s="8">
        <v>1</v>
      </c>
      <c r="K4404" s="9">
        <v>418</v>
      </c>
      <c r="L4404" s="6" t="s">
        <v>51</v>
      </c>
    </row>
    <row r="4405" spans="1:12">
      <c r="A4405" s="6" t="s">
        <v>49</v>
      </c>
      <c r="B4405" s="6"/>
      <c r="C4405" s="6" t="s">
        <v>4424</v>
      </c>
      <c r="D4405" s="6"/>
      <c r="E4405" s="6" t="s">
        <v>9</v>
      </c>
      <c r="F4405" s="7">
        <v>38657</v>
      </c>
      <c r="G4405" s="8">
        <v>1</v>
      </c>
      <c r="H4405" s="8">
        <v>1</v>
      </c>
      <c r="I4405" s="8">
        <v>0</v>
      </c>
      <c r="J4405" s="8">
        <v>1</v>
      </c>
      <c r="K4405" s="9">
        <v>11</v>
      </c>
      <c r="L4405" s="6" t="s">
        <v>51</v>
      </c>
    </row>
    <row r="4406" spans="1:12">
      <c r="A4406" s="6" t="s">
        <v>49</v>
      </c>
      <c r="B4406" s="6"/>
      <c r="C4406" s="6" t="s">
        <v>4425</v>
      </c>
      <c r="D4406" s="6"/>
      <c r="E4406" s="6" t="s">
        <v>9</v>
      </c>
      <c r="F4406" s="7">
        <v>38657</v>
      </c>
      <c r="G4406" s="8">
        <v>1</v>
      </c>
      <c r="H4406" s="8">
        <v>1</v>
      </c>
      <c r="I4406" s="8">
        <v>0</v>
      </c>
      <c r="J4406" s="8">
        <v>1</v>
      </c>
      <c r="K4406" s="9">
        <v>11</v>
      </c>
      <c r="L4406" s="6" t="s">
        <v>51</v>
      </c>
    </row>
    <row r="4407" spans="1:12">
      <c r="A4407" s="6" t="s">
        <v>49</v>
      </c>
      <c r="B4407" s="6"/>
      <c r="C4407" s="6" t="s">
        <v>4426</v>
      </c>
      <c r="D4407" s="6"/>
      <c r="E4407" s="6" t="s">
        <v>9</v>
      </c>
      <c r="F4407" s="7">
        <v>38657</v>
      </c>
      <c r="G4407" s="8">
        <v>1</v>
      </c>
      <c r="H4407" s="8">
        <v>1</v>
      </c>
      <c r="I4407" s="8">
        <v>0</v>
      </c>
      <c r="J4407" s="8">
        <v>1</v>
      </c>
      <c r="K4407" s="9">
        <v>590</v>
      </c>
      <c r="L4407" s="6" t="s">
        <v>51</v>
      </c>
    </row>
    <row r="4408" spans="1:12">
      <c r="A4408" s="6" t="s">
        <v>49</v>
      </c>
      <c r="B4408" s="6"/>
      <c r="C4408" s="6" t="s">
        <v>4427</v>
      </c>
      <c r="D4408" s="6"/>
      <c r="E4408" s="6" t="s">
        <v>9</v>
      </c>
      <c r="F4408" s="7">
        <v>38657</v>
      </c>
      <c r="G4408" s="8">
        <v>1</v>
      </c>
      <c r="H4408" s="8">
        <v>1</v>
      </c>
      <c r="I4408" s="8">
        <v>0</v>
      </c>
      <c r="J4408" s="8">
        <v>1</v>
      </c>
      <c r="K4408" s="9">
        <v>120</v>
      </c>
      <c r="L4408" s="6" t="s">
        <v>51</v>
      </c>
    </row>
    <row r="4409" spans="1:12">
      <c r="A4409" s="6" t="s">
        <v>49</v>
      </c>
      <c r="B4409" s="6"/>
      <c r="C4409" s="6" t="s">
        <v>4428</v>
      </c>
      <c r="D4409" s="6"/>
      <c r="E4409" s="6" t="s">
        <v>9</v>
      </c>
      <c r="F4409" s="7">
        <v>38657</v>
      </c>
      <c r="G4409" s="8">
        <v>1</v>
      </c>
      <c r="H4409" s="8">
        <v>1</v>
      </c>
      <c r="I4409" s="8">
        <v>0</v>
      </c>
      <c r="J4409" s="8">
        <v>1</v>
      </c>
      <c r="K4409" s="9">
        <v>690</v>
      </c>
      <c r="L4409" s="6" t="s">
        <v>51</v>
      </c>
    </row>
    <row r="4410" spans="1:12">
      <c r="A4410" s="6" t="s">
        <v>49</v>
      </c>
      <c r="B4410" s="6"/>
      <c r="C4410" s="6" t="s">
        <v>4429</v>
      </c>
      <c r="D4410" s="6"/>
      <c r="E4410" s="6" t="s">
        <v>9</v>
      </c>
      <c r="F4410" s="7">
        <v>38657</v>
      </c>
      <c r="G4410" s="8">
        <v>1</v>
      </c>
      <c r="H4410" s="8">
        <v>1</v>
      </c>
      <c r="I4410" s="8">
        <v>0</v>
      </c>
      <c r="J4410" s="8">
        <v>1</v>
      </c>
      <c r="K4410" s="9">
        <v>120</v>
      </c>
      <c r="L4410" s="6" t="s">
        <v>51</v>
      </c>
    </row>
    <row r="4411" spans="1:12">
      <c r="A4411" s="6" t="s">
        <v>49</v>
      </c>
      <c r="B4411" s="6"/>
      <c r="C4411" s="6" t="s">
        <v>4430</v>
      </c>
      <c r="D4411" s="6"/>
      <c r="E4411" s="6" t="s">
        <v>9</v>
      </c>
      <c r="F4411" s="7">
        <v>38657</v>
      </c>
      <c r="G4411" s="8">
        <v>1</v>
      </c>
      <c r="H4411" s="8">
        <v>1</v>
      </c>
      <c r="I4411" s="8">
        <v>0</v>
      </c>
      <c r="J4411" s="8">
        <v>1</v>
      </c>
      <c r="K4411" s="9">
        <v>304</v>
      </c>
      <c r="L4411" s="6" t="s">
        <v>51</v>
      </c>
    </row>
    <row r="4412" spans="1:12">
      <c r="A4412" s="6" t="s">
        <v>49</v>
      </c>
      <c r="B4412" s="6"/>
      <c r="C4412" s="6" t="s">
        <v>4431</v>
      </c>
      <c r="D4412" s="6"/>
      <c r="E4412" s="6" t="s">
        <v>9</v>
      </c>
      <c r="F4412" s="7">
        <v>38657</v>
      </c>
      <c r="G4412" s="8">
        <v>1</v>
      </c>
      <c r="H4412" s="8">
        <v>1</v>
      </c>
      <c r="I4412" s="8">
        <v>0</v>
      </c>
      <c r="J4412" s="8">
        <v>1</v>
      </c>
      <c r="K4412" s="9">
        <v>603</v>
      </c>
      <c r="L4412" s="6" t="s">
        <v>51</v>
      </c>
    </row>
    <row r="4413" spans="1:12">
      <c r="A4413" s="6" t="s">
        <v>49</v>
      </c>
      <c r="B4413" s="6"/>
      <c r="C4413" s="6" t="s">
        <v>4432</v>
      </c>
      <c r="D4413" s="6"/>
      <c r="E4413" s="6" t="s">
        <v>9</v>
      </c>
      <c r="F4413" s="7">
        <v>38657</v>
      </c>
      <c r="G4413" s="8">
        <v>1</v>
      </c>
      <c r="H4413" s="8">
        <v>1</v>
      </c>
      <c r="I4413" s="8">
        <v>0</v>
      </c>
      <c r="J4413" s="8">
        <v>1</v>
      </c>
      <c r="K4413" s="9">
        <v>27</v>
      </c>
      <c r="L4413" s="6" t="s">
        <v>51</v>
      </c>
    </row>
    <row r="4414" spans="1:12">
      <c r="A4414" s="6" t="s">
        <v>49</v>
      </c>
      <c r="B4414" s="6"/>
      <c r="C4414" s="6" t="s">
        <v>4433</v>
      </c>
      <c r="D4414" s="6"/>
      <c r="E4414" s="6" t="s">
        <v>9</v>
      </c>
      <c r="F4414" s="7">
        <v>38657</v>
      </c>
      <c r="G4414" s="8">
        <v>1</v>
      </c>
      <c r="H4414" s="8">
        <v>1</v>
      </c>
      <c r="I4414" s="8">
        <v>0</v>
      </c>
      <c r="J4414" s="8">
        <v>1</v>
      </c>
      <c r="K4414" s="9">
        <v>51</v>
      </c>
      <c r="L4414" s="6" t="s">
        <v>51</v>
      </c>
    </row>
    <row r="4415" spans="1:12">
      <c r="A4415" s="6" t="s">
        <v>49</v>
      </c>
      <c r="B4415" s="6"/>
      <c r="C4415" s="6" t="s">
        <v>4434</v>
      </c>
      <c r="D4415" s="6"/>
      <c r="E4415" s="6" t="s">
        <v>9</v>
      </c>
      <c r="F4415" s="7">
        <v>38657</v>
      </c>
      <c r="G4415" s="8">
        <v>1</v>
      </c>
      <c r="H4415" s="8">
        <v>1</v>
      </c>
      <c r="I4415" s="8">
        <v>0</v>
      </c>
      <c r="J4415" s="8">
        <v>1</v>
      </c>
      <c r="K4415" s="9">
        <v>608</v>
      </c>
      <c r="L4415" s="6" t="s">
        <v>51</v>
      </c>
    </row>
    <row r="4416" spans="1:12">
      <c r="A4416" s="6" t="s">
        <v>49</v>
      </c>
      <c r="B4416" s="6"/>
      <c r="C4416" s="6" t="s">
        <v>4435</v>
      </c>
      <c r="D4416" s="6"/>
      <c r="E4416" s="6" t="s">
        <v>9</v>
      </c>
      <c r="F4416" s="7">
        <v>38657</v>
      </c>
      <c r="G4416" s="8">
        <v>1</v>
      </c>
      <c r="H4416" s="8">
        <v>1</v>
      </c>
      <c r="I4416" s="8">
        <v>0</v>
      </c>
      <c r="J4416" s="8">
        <v>1</v>
      </c>
      <c r="K4416" s="9">
        <v>539</v>
      </c>
      <c r="L4416" s="6" t="s">
        <v>51</v>
      </c>
    </row>
    <row r="4417" spans="1:12">
      <c r="A4417" s="6" t="s">
        <v>49</v>
      </c>
      <c r="B4417" s="6"/>
      <c r="C4417" s="6" t="s">
        <v>4436</v>
      </c>
      <c r="D4417" s="6"/>
      <c r="E4417" s="6" t="s">
        <v>9</v>
      </c>
      <c r="F4417" s="7">
        <v>39577</v>
      </c>
      <c r="G4417" s="8">
        <v>43765</v>
      </c>
      <c r="H4417" s="8">
        <v>43765</v>
      </c>
      <c r="I4417" s="8">
        <v>0</v>
      </c>
      <c r="J4417" s="8">
        <v>43765</v>
      </c>
      <c r="K4417" s="9">
        <v>11</v>
      </c>
      <c r="L4417" s="6" t="s">
        <v>51</v>
      </c>
    </row>
    <row r="4418" spans="1:12">
      <c r="A4418" s="6" t="s">
        <v>49</v>
      </c>
      <c r="B4418" s="6"/>
      <c r="C4418" s="6" t="s">
        <v>4437</v>
      </c>
      <c r="D4418" s="6"/>
      <c r="E4418" s="6" t="s">
        <v>9</v>
      </c>
      <c r="F4418" s="7">
        <v>38657</v>
      </c>
      <c r="G4418" s="8">
        <v>1</v>
      </c>
      <c r="H4418" s="8">
        <v>1</v>
      </c>
      <c r="I4418" s="8">
        <v>0</v>
      </c>
      <c r="J4418" s="8">
        <v>1</v>
      </c>
      <c r="K4418" s="9">
        <v>21</v>
      </c>
      <c r="L4418" s="6" t="s">
        <v>51</v>
      </c>
    </row>
    <row r="4419" spans="1:12">
      <c r="A4419" s="6" t="s">
        <v>49</v>
      </c>
      <c r="B4419" s="6"/>
      <c r="C4419" s="6" t="s">
        <v>4438</v>
      </c>
      <c r="D4419" s="6"/>
      <c r="E4419" s="6" t="s">
        <v>9</v>
      </c>
      <c r="F4419" s="7">
        <v>38657</v>
      </c>
      <c r="G4419" s="8">
        <v>1</v>
      </c>
      <c r="H4419" s="8">
        <v>1</v>
      </c>
      <c r="I4419" s="8">
        <v>0</v>
      </c>
      <c r="J4419" s="8">
        <v>1</v>
      </c>
      <c r="K4419" s="9">
        <v>392</v>
      </c>
      <c r="L4419" s="6" t="s">
        <v>51</v>
      </c>
    </row>
    <row r="4420" spans="1:12">
      <c r="A4420" s="6" t="s">
        <v>49</v>
      </c>
      <c r="B4420" s="6"/>
      <c r="C4420" s="6" t="s">
        <v>4439</v>
      </c>
      <c r="D4420" s="6"/>
      <c r="E4420" s="6" t="s">
        <v>9</v>
      </c>
      <c r="F4420" s="7">
        <v>38657</v>
      </c>
      <c r="G4420" s="8">
        <v>1</v>
      </c>
      <c r="H4420" s="8">
        <v>1</v>
      </c>
      <c r="I4420" s="8">
        <v>0</v>
      </c>
      <c r="J4420" s="8">
        <v>1</v>
      </c>
      <c r="K4420" s="9">
        <v>54</v>
      </c>
      <c r="L4420" s="6" t="s">
        <v>51</v>
      </c>
    </row>
    <row r="4421" spans="1:12">
      <c r="A4421" s="6" t="s">
        <v>49</v>
      </c>
      <c r="B4421" s="6"/>
      <c r="C4421" s="6" t="s">
        <v>4440</v>
      </c>
      <c r="D4421" s="6"/>
      <c r="E4421" s="6" t="s">
        <v>9</v>
      </c>
      <c r="F4421" s="7">
        <v>38657</v>
      </c>
      <c r="G4421" s="8">
        <v>1</v>
      </c>
      <c r="H4421" s="8">
        <v>1</v>
      </c>
      <c r="I4421" s="8">
        <v>0</v>
      </c>
      <c r="J4421" s="8">
        <v>1</v>
      </c>
      <c r="K4421" s="9">
        <v>99</v>
      </c>
      <c r="L4421" s="6" t="s">
        <v>51</v>
      </c>
    </row>
    <row r="4422" spans="1:12">
      <c r="A4422" s="6" t="s">
        <v>49</v>
      </c>
      <c r="B4422" s="6"/>
      <c r="C4422" s="6" t="s">
        <v>4441</v>
      </c>
      <c r="D4422" s="6"/>
      <c r="E4422" s="6" t="s">
        <v>9</v>
      </c>
      <c r="F4422" s="7">
        <v>38657</v>
      </c>
      <c r="G4422" s="8">
        <v>1</v>
      </c>
      <c r="H4422" s="8">
        <v>1</v>
      </c>
      <c r="I4422" s="8">
        <v>0</v>
      </c>
      <c r="J4422" s="8">
        <v>1</v>
      </c>
      <c r="K4422" s="9">
        <v>30</v>
      </c>
      <c r="L4422" s="6" t="s">
        <v>51</v>
      </c>
    </row>
    <row r="4423" spans="1:12">
      <c r="A4423" s="6" t="s">
        <v>49</v>
      </c>
      <c r="B4423" s="6"/>
      <c r="C4423" s="6" t="s">
        <v>4442</v>
      </c>
      <c r="D4423" s="6"/>
      <c r="E4423" s="6" t="s">
        <v>9</v>
      </c>
      <c r="F4423" s="7">
        <v>38657</v>
      </c>
      <c r="G4423" s="8">
        <v>1</v>
      </c>
      <c r="H4423" s="8">
        <v>1</v>
      </c>
      <c r="I4423" s="8">
        <v>0</v>
      </c>
      <c r="J4423" s="8">
        <v>1</v>
      </c>
      <c r="K4423" s="9">
        <v>76</v>
      </c>
      <c r="L4423" s="6" t="s">
        <v>51</v>
      </c>
    </row>
    <row r="4424" spans="1:12">
      <c r="A4424" s="6" t="s">
        <v>49</v>
      </c>
      <c r="B4424" s="6"/>
      <c r="C4424" s="6" t="s">
        <v>4443</v>
      </c>
      <c r="D4424" s="6"/>
      <c r="E4424" s="6" t="s">
        <v>9</v>
      </c>
      <c r="F4424" s="7">
        <v>38657</v>
      </c>
      <c r="G4424" s="8">
        <v>1</v>
      </c>
      <c r="H4424" s="8">
        <v>1</v>
      </c>
      <c r="I4424" s="8">
        <v>0</v>
      </c>
      <c r="J4424" s="8">
        <v>1</v>
      </c>
      <c r="K4424" s="9">
        <v>50</v>
      </c>
      <c r="L4424" s="6" t="s">
        <v>51</v>
      </c>
    </row>
    <row r="4425" spans="1:12">
      <c r="A4425" s="6" t="s">
        <v>49</v>
      </c>
      <c r="B4425" s="6"/>
      <c r="C4425" s="6" t="s">
        <v>4444</v>
      </c>
      <c r="D4425" s="6"/>
      <c r="E4425" s="6" t="s">
        <v>9</v>
      </c>
      <c r="F4425" s="7">
        <v>38657</v>
      </c>
      <c r="G4425" s="8">
        <v>1</v>
      </c>
      <c r="H4425" s="8">
        <v>1</v>
      </c>
      <c r="I4425" s="8">
        <v>0</v>
      </c>
      <c r="J4425" s="8">
        <v>1</v>
      </c>
      <c r="K4425" s="9">
        <v>94</v>
      </c>
      <c r="L4425" s="6" t="s">
        <v>51</v>
      </c>
    </row>
    <row r="4426" spans="1:12">
      <c r="A4426" s="6" t="s">
        <v>49</v>
      </c>
      <c r="B4426" s="6"/>
      <c r="C4426" s="6" t="s">
        <v>4445</v>
      </c>
      <c r="D4426" s="6"/>
      <c r="E4426" s="6" t="s">
        <v>9</v>
      </c>
      <c r="F4426" s="7">
        <v>38657</v>
      </c>
      <c r="G4426" s="8">
        <v>1</v>
      </c>
      <c r="H4426" s="8">
        <v>1</v>
      </c>
      <c r="I4426" s="8">
        <v>0</v>
      </c>
      <c r="J4426" s="8">
        <v>1</v>
      </c>
      <c r="K4426" s="9">
        <v>143</v>
      </c>
      <c r="L4426" s="6" t="s">
        <v>51</v>
      </c>
    </row>
    <row r="4427" spans="1:12">
      <c r="A4427" s="6" t="s">
        <v>49</v>
      </c>
      <c r="B4427" s="6"/>
      <c r="C4427" s="6" t="s">
        <v>4446</v>
      </c>
      <c r="D4427" s="6"/>
      <c r="E4427" s="6" t="s">
        <v>9</v>
      </c>
      <c r="F4427" s="7">
        <v>38657</v>
      </c>
      <c r="G4427" s="8">
        <v>1</v>
      </c>
      <c r="H4427" s="8">
        <v>1</v>
      </c>
      <c r="I4427" s="8">
        <v>0</v>
      </c>
      <c r="J4427" s="8">
        <v>1</v>
      </c>
      <c r="K4427" s="9">
        <v>646</v>
      </c>
      <c r="L4427" s="6" t="s">
        <v>51</v>
      </c>
    </row>
    <row r="4428" spans="1:12">
      <c r="A4428" s="6" t="s">
        <v>49</v>
      </c>
      <c r="B4428" s="6"/>
      <c r="C4428" s="6" t="s">
        <v>4447</v>
      </c>
      <c r="D4428" s="6"/>
      <c r="E4428" s="6" t="s">
        <v>9</v>
      </c>
      <c r="F4428" s="7">
        <v>38657</v>
      </c>
      <c r="G4428" s="8">
        <v>1</v>
      </c>
      <c r="H4428" s="8">
        <v>1</v>
      </c>
      <c r="I4428" s="8">
        <v>0</v>
      </c>
      <c r="J4428" s="8">
        <v>1</v>
      </c>
      <c r="K4428" s="9">
        <v>0.34</v>
      </c>
      <c r="L4428" s="6" t="s">
        <v>51</v>
      </c>
    </row>
    <row r="4429" spans="1:12">
      <c r="A4429" s="6" t="s">
        <v>49</v>
      </c>
      <c r="B4429" s="6"/>
      <c r="C4429" s="6" t="s">
        <v>4448</v>
      </c>
      <c r="D4429" s="6"/>
      <c r="E4429" s="6" t="s">
        <v>9</v>
      </c>
      <c r="F4429" s="7">
        <v>38657</v>
      </c>
      <c r="G4429" s="8">
        <v>1</v>
      </c>
      <c r="H4429" s="8">
        <v>1</v>
      </c>
      <c r="I4429" s="8">
        <v>0</v>
      </c>
      <c r="J4429" s="8">
        <v>1</v>
      </c>
      <c r="K4429" s="9">
        <v>197</v>
      </c>
      <c r="L4429" s="6" t="s">
        <v>51</v>
      </c>
    </row>
    <row r="4430" spans="1:12">
      <c r="A4430" s="6" t="s">
        <v>49</v>
      </c>
      <c r="B4430" s="6"/>
      <c r="C4430" s="6" t="s">
        <v>4449</v>
      </c>
      <c r="D4430" s="6"/>
      <c r="E4430" s="6" t="s">
        <v>9</v>
      </c>
      <c r="F4430" s="7">
        <v>38657</v>
      </c>
      <c r="G4430" s="8">
        <v>1</v>
      </c>
      <c r="H4430" s="8">
        <v>1</v>
      </c>
      <c r="I4430" s="8">
        <v>0</v>
      </c>
      <c r="J4430" s="8">
        <v>1</v>
      </c>
      <c r="K4430" s="9">
        <v>77</v>
      </c>
      <c r="L4430" s="6" t="s">
        <v>51</v>
      </c>
    </row>
    <row r="4431" spans="1:12">
      <c r="A4431" s="6" t="s">
        <v>49</v>
      </c>
      <c r="B4431" s="6"/>
      <c r="C4431" s="6" t="s">
        <v>4450</v>
      </c>
      <c r="D4431" s="6"/>
      <c r="E4431" s="6" t="s">
        <v>9</v>
      </c>
      <c r="F4431" s="7">
        <v>38657</v>
      </c>
      <c r="G4431" s="8">
        <v>1</v>
      </c>
      <c r="H4431" s="8">
        <v>1</v>
      </c>
      <c r="I4431" s="8">
        <v>0</v>
      </c>
      <c r="J4431" s="8">
        <v>1</v>
      </c>
      <c r="K4431" s="9">
        <v>161</v>
      </c>
      <c r="L4431" s="6" t="s">
        <v>51</v>
      </c>
    </row>
    <row r="4432" spans="1:12">
      <c r="A4432" s="6" t="s">
        <v>49</v>
      </c>
      <c r="B4432" s="6"/>
      <c r="C4432" s="6" t="s">
        <v>4451</v>
      </c>
      <c r="D4432" s="6"/>
      <c r="E4432" s="6" t="s">
        <v>9</v>
      </c>
      <c r="F4432" s="7">
        <v>38657</v>
      </c>
      <c r="G4432" s="8">
        <v>1</v>
      </c>
      <c r="H4432" s="8">
        <v>1</v>
      </c>
      <c r="I4432" s="8">
        <v>0</v>
      </c>
      <c r="J4432" s="8">
        <v>1</v>
      </c>
      <c r="K4432" s="9">
        <v>45</v>
      </c>
      <c r="L4432" s="6" t="s">
        <v>51</v>
      </c>
    </row>
    <row r="4433" spans="1:12">
      <c r="A4433" s="6" t="s">
        <v>49</v>
      </c>
      <c r="B4433" s="6"/>
      <c r="C4433" s="6" t="s">
        <v>4452</v>
      </c>
      <c r="D4433" s="6"/>
      <c r="E4433" s="6" t="s">
        <v>9</v>
      </c>
      <c r="F4433" s="7">
        <v>38657</v>
      </c>
      <c r="G4433" s="8">
        <v>1</v>
      </c>
      <c r="H4433" s="8">
        <v>1</v>
      </c>
      <c r="I4433" s="8">
        <v>0</v>
      </c>
      <c r="J4433" s="8">
        <v>1</v>
      </c>
      <c r="K4433" s="9">
        <v>319</v>
      </c>
      <c r="L4433" s="6" t="s">
        <v>51</v>
      </c>
    </row>
    <row r="4434" spans="1:12">
      <c r="A4434" s="6" t="s">
        <v>49</v>
      </c>
      <c r="B4434" s="6"/>
      <c r="C4434" s="6" t="s">
        <v>4453</v>
      </c>
      <c r="D4434" s="6"/>
      <c r="E4434" s="6" t="s">
        <v>9</v>
      </c>
      <c r="F4434" s="7">
        <v>38657</v>
      </c>
      <c r="G4434" s="8">
        <v>1</v>
      </c>
      <c r="H4434" s="8">
        <v>1</v>
      </c>
      <c r="I4434" s="8">
        <v>0</v>
      </c>
      <c r="J4434" s="8">
        <v>1</v>
      </c>
      <c r="K4434" s="9">
        <v>29</v>
      </c>
      <c r="L4434" s="6" t="s">
        <v>51</v>
      </c>
    </row>
    <row r="4435" spans="1:12">
      <c r="A4435" s="6" t="s">
        <v>49</v>
      </c>
      <c r="B4435" s="6"/>
      <c r="C4435" s="6" t="s">
        <v>4454</v>
      </c>
      <c r="D4435" s="6"/>
      <c r="E4435" s="6" t="s">
        <v>9</v>
      </c>
      <c r="F4435" s="7">
        <v>38657</v>
      </c>
      <c r="G4435" s="8">
        <v>1</v>
      </c>
      <c r="H4435" s="8">
        <v>1</v>
      </c>
      <c r="I4435" s="8">
        <v>0</v>
      </c>
      <c r="J4435" s="8">
        <v>1</v>
      </c>
      <c r="K4435" s="9">
        <v>148</v>
      </c>
      <c r="L4435" s="6" t="s">
        <v>51</v>
      </c>
    </row>
    <row r="4436" spans="1:12">
      <c r="A4436" s="6" t="s">
        <v>49</v>
      </c>
      <c r="B4436" s="6"/>
      <c r="C4436" s="6" t="s">
        <v>4455</v>
      </c>
      <c r="D4436" s="6"/>
      <c r="E4436" s="6" t="s">
        <v>9</v>
      </c>
      <c r="F4436" s="7">
        <v>38657</v>
      </c>
      <c r="G4436" s="8">
        <v>1</v>
      </c>
      <c r="H4436" s="8">
        <v>1</v>
      </c>
      <c r="I4436" s="8">
        <v>0</v>
      </c>
      <c r="J4436" s="8">
        <v>1</v>
      </c>
      <c r="K4436" s="9">
        <v>72</v>
      </c>
      <c r="L4436" s="6" t="s">
        <v>51</v>
      </c>
    </row>
    <row r="4437" spans="1:12">
      <c r="A4437" s="6" t="s">
        <v>49</v>
      </c>
      <c r="B4437" s="6"/>
      <c r="C4437" s="6" t="s">
        <v>4456</v>
      </c>
      <c r="D4437" s="6"/>
      <c r="E4437" s="6" t="s">
        <v>9</v>
      </c>
      <c r="F4437" s="7">
        <v>38657</v>
      </c>
      <c r="G4437" s="8">
        <v>1</v>
      </c>
      <c r="H4437" s="8">
        <v>1</v>
      </c>
      <c r="I4437" s="8">
        <v>0</v>
      </c>
      <c r="J4437" s="8">
        <v>1</v>
      </c>
      <c r="K4437" s="9">
        <v>54</v>
      </c>
      <c r="L4437" s="6" t="s">
        <v>51</v>
      </c>
    </row>
    <row r="4438" spans="1:12">
      <c r="A4438" s="6" t="s">
        <v>49</v>
      </c>
      <c r="B4438" s="6"/>
      <c r="C4438" s="6" t="s">
        <v>4457</v>
      </c>
      <c r="D4438" s="6"/>
      <c r="E4438" s="6" t="s">
        <v>9</v>
      </c>
      <c r="F4438" s="7">
        <v>38657</v>
      </c>
      <c r="G4438" s="8">
        <v>1</v>
      </c>
      <c r="H4438" s="8">
        <v>1</v>
      </c>
      <c r="I4438" s="8">
        <v>0</v>
      </c>
      <c r="J4438" s="8">
        <v>1</v>
      </c>
      <c r="K4438" s="9">
        <v>38</v>
      </c>
      <c r="L4438" s="6" t="s">
        <v>51</v>
      </c>
    </row>
    <row r="4439" spans="1:12">
      <c r="A4439" s="6" t="s">
        <v>49</v>
      </c>
      <c r="B4439" s="6"/>
      <c r="C4439" s="6" t="s">
        <v>4458</v>
      </c>
      <c r="D4439" s="6"/>
      <c r="E4439" s="6" t="s">
        <v>9</v>
      </c>
      <c r="F4439" s="7">
        <v>38657</v>
      </c>
      <c r="G4439" s="8">
        <v>1</v>
      </c>
      <c r="H4439" s="8">
        <v>1</v>
      </c>
      <c r="I4439" s="8">
        <v>0</v>
      </c>
      <c r="J4439" s="8">
        <v>1</v>
      </c>
      <c r="K4439" s="9">
        <v>54</v>
      </c>
      <c r="L4439" s="6" t="s">
        <v>51</v>
      </c>
    </row>
    <row r="4440" spans="1:12">
      <c r="A4440" s="6" t="s">
        <v>49</v>
      </c>
      <c r="B4440" s="6"/>
      <c r="C4440" s="6" t="s">
        <v>4459</v>
      </c>
      <c r="D4440" s="6"/>
      <c r="E4440" s="6" t="s">
        <v>9</v>
      </c>
      <c r="F4440" s="7">
        <v>38657</v>
      </c>
      <c r="G4440" s="8">
        <v>1</v>
      </c>
      <c r="H4440" s="8">
        <v>1</v>
      </c>
      <c r="I4440" s="8">
        <v>0</v>
      </c>
      <c r="J4440" s="8">
        <v>1</v>
      </c>
      <c r="K4440" s="9">
        <v>758</v>
      </c>
      <c r="L4440" s="6" t="s">
        <v>51</v>
      </c>
    </row>
    <row r="4441" spans="1:12">
      <c r="A4441" s="6" t="s">
        <v>49</v>
      </c>
      <c r="B4441" s="6"/>
      <c r="C4441" s="6" t="s">
        <v>4460</v>
      </c>
      <c r="D4441" s="6"/>
      <c r="E4441" s="6" t="s">
        <v>9</v>
      </c>
      <c r="F4441" s="7">
        <v>38657</v>
      </c>
      <c r="G4441" s="8">
        <v>1</v>
      </c>
      <c r="H4441" s="8">
        <v>1</v>
      </c>
      <c r="I4441" s="8">
        <v>0</v>
      </c>
      <c r="J4441" s="8">
        <v>1</v>
      </c>
      <c r="K4441" s="9">
        <v>137</v>
      </c>
      <c r="L4441" s="6" t="s">
        <v>51</v>
      </c>
    </row>
    <row r="4442" spans="1:12">
      <c r="A4442" s="6" t="s">
        <v>49</v>
      </c>
      <c r="B4442" s="6"/>
      <c r="C4442" s="6" t="s">
        <v>4461</v>
      </c>
      <c r="D4442" s="6"/>
      <c r="E4442" s="6" t="s">
        <v>9</v>
      </c>
      <c r="F4442" s="7">
        <v>38657</v>
      </c>
      <c r="G4442" s="8">
        <v>1</v>
      </c>
      <c r="H4442" s="8">
        <v>1</v>
      </c>
      <c r="I4442" s="8">
        <v>0</v>
      </c>
      <c r="J4442" s="8">
        <v>1</v>
      </c>
      <c r="K4442" s="9">
        <v>1.89</v>
      </c>
      <c r="L4442" s="6" t="s">
        <v>51</v>
      </c>
    </row>
    <row r="4443" spans="1:12">
      <c r="A4443" s="6" t="s">
        <v>49</v>
      </c>
      <c r="B4443" s="6"/>
      <c r="C4443" s="6" t="s">
        <v>4462</v>
      </c>
      <c r="D4443" s="6"/>
      <c r="E4443" s="6" t="s">
        <v>9</v>
      </c>
      <c r="F4443" s="7">
        <v>38657</v>
      </c>
      <c r="G4443" s="8">
        <v>1</v>
      </c>
      <c r="H4443" s="8">
        <v>1</v>
      </c>
      <c r="I4443" s="8">
        <v>0</v>
      </c>
      <c r="J4443" s="8">
        <v>1</v>
      </c>
      <c r="K4443" s="9">
        <v>2.14</v>
      </c>
      <c r="L4443" s="6" t="s">
        <v>51</v>
      </c>
    </row>
    <row r="4444" spans="1:12">
      <c r="A4444" s="6" t="s">
        <v>49</v>
      </c>
      <c r="B4444" s="6"/>
      <c r="C4444" s="6" t="s">
        <v>4463</v>
      </c>
      <c r="D4444" s="6"/>
      <c r="E4444" s="6" t="s">
        <v>9</v>
      </c>
      <c r="F4444" s="7">
        <v>38657</v>
      </c>
      <c r="G4444" s="8">
        <v>1</v>
      </c>
      <c r="H4444" s="8">
        <v>1</v>
      </c>
      <c r="I4444" s="8">
        <v>0</v>
      </c>
      <c r="J4444" s="8">
        <v>1</v>
      </c>
      <c r="K4444" s="9">
        <v>113</v>
      </c>
      <c r="L4444" s="6" t="s">
        <v>51</v>
      </c>
    </row>
    <row r="4445" spans="1:12">
      <c r="A4445" s="6" t="s">
        <v>49</v>
      </c>
      <c r="B4445" s="6"/>
      <c r="C4445" s="6" t="s">
        <v>4464</v>
      </c>
      <c r="D4445" s="6"/>
      <c r="E4445" s="6" t="s">
        <v>9</v>
      </c>
      <c r="F4445" s="7">
        <v>38657</v>
      </c>
      <c r="G4445" s="8">
        <v>1</v>
      </c>
      <c r="H4445" s="8">
        <v>1</v>
      </c>
      <c r="I4445" s="8">
        <v>0</v>
      </c>
      <c r="J4445" s="8">
        <v>1</v>
      </c>
      <c r="K4445" s="9">
        <v>6.76</v>
      </c>
      <c r="L4445" s="6" t="s">
        <v>51</v>
      </c>
    </row>
    <row r="4446" spans="1:12">
      <c r="A4446" s="6" t="s">
        <v>49</v>
      </c>
      <c r="B4446" s="6"/>
      <c r="C4446" s="6" t="s">
        <v>4465</v>
      </c>
      <c r="D4446" s="6"/>
      <c r="E4446" s="6" t="s">
        <v>9</v>
      </c>
      <c r="F4446" s="7">
        <v>38657</v>
      </c>
      <c r="G4446" s="8">
        <v>1</v>
      </c>
      <c r="H4446" s="8">
        <v>1</v>
      </c>
      <c r="I4446" s="8">
        <v>0</v>
      </c>
      <c r="J4446" s="8">
        <v>1</v>
      </c>
      <c r="K4446" s="9">
        <v>179</v>
      </c>
      <c r="L4446" s="6" t="s">
        <v>51</v>
      </c>
    </row>
    <row r="4447" spans="1:12">
      <c r="A4447" s="6" t="s">
        <v>49</v>
      </c>
      <c r="B4447" s="6"/>
      <c r="C4447" s="6" t="s">
        <v>4466</v>
      </c>
      <c r="D4447" s="6"/>
      <c r="E4447" s="6" t="s">
        <v>9</v>
      </c>
      <c r="F4447" s="7">
        <v>38657</v>
      </c>
      <c r="G4447" s="8">
        <v>1</v>
      </c>
      <c r="H4447" s="8">
        <v>1</v>
      </c>
      <c r="I4447" s="8">
        <v>0</v>
      </c>
      <c r="J4447" s="8">
        <v>1</v>
      </c>
      <c r="K4447" s="9">
        <v>9.91</v>
      </c>
      <c r="L4447" s="6" t="s">
        <v>51</v>
      </c>
    </row>
    <row r="4448" spans="1:12">
      <c r="A4448" s="6" t="s">
        <v>49</v>
      </c>
      <c r="B4448" s="6"/>
      <c r="C4448" s="6" t="s">
        <v>4467</v>
      </c>
      <c r="D4448" s="6"/>
      <c r="E4448" s="6" t="s">
        <v>9</v>
      </c>
      <c r="F4448" s="7">
        <v>38657</v>
      </c>
      <c r="G4448" s="8">
        <v>1</v>
      </c>
      <c r="H4448" s="8">
        <v>1</v>
      </c>
      <c r="I4448" s="8">
        <v>0</v>
      </c>
      <c r="J4448" s="8">
        <v>1</v>
      </c>
      <c r="K4448" s="9">
        <v>100</v>
      </c>
      <c r="L4448" s="6" t="s">
        <v>51</v>
      </c>
    </row>
    <row r="4449" spans="1:12">
      <c r="A4449" s="6" t="s">
        <v>49</v>
      </c>
      <c r="B4449" s="6"/>
      <c r="C4449" s="6" t="s">
        <v>4468</v>
      </c>
      <c r="D4449" s="6"/>
      <c r="E4449" s="6" t="s">
        <v>9</v>
      </c>
      <c r="F4449" s="7">
        <v>38657</v>
      </c>
      <c r="G4449" s="8">
        <v>1</v>
      </c>
      <c r="H4449" s="8">
        <v>1</v>
      </c>
      <c r="I4449" s="8">
        <v>0</v>
      </c>
      <c r="J4449" s="8">
        <v>1</v>
      </c>
      <c r="K4449" s="9">
        <v>34</v>
      </c>
      <c r="L4449" s="6" t="s">
        <v>51</v>
      </c>
    </row>
    <row r="4450" spans="1:12">
      <c r="A4450" s="6" t="s">
        <v>49</v>
      </c>
      <c r="B4450" s="6"/>
      <c r="C4450" s="6" t="s">
        <v>4469</v>
      </c>
      <c r="D4450" s="6"/>
      <c r="E4450" s="6" t="s">
        <v>9</v>
      </c>
      <c r="F4450" s="7">
        <v>38657</v>
      </c>
      <c r="G4450" s="8">
        <v>1</v>
      </c>
      <c r="H4450" s="8">
        <v>1</v>
      </c>
      <c r="I4450" s="8">
        <v>0</v>
      </c>
      <c r="J4450" s="8">
        <v>1</v>
      </c>
      <c r="K4450" s="9">
        <v>46</v>
      </c>
      <c r="L4450" s="6" t="s">
        <v>51</v>
      </c>
    </row>
    <row r="4451" spans="1:12">
      <c r="A4451" s="6" t="s">
        <v>49</v>
      </c>
      <c r="B4451" s="6"/>
      <c r="C4451" s="6" t="s">
        <v>4470</v>
      </c>
      <c r="D4451" s="6"/>
      <c r="E4451" s="6" t="s">
        <v>9</v>
      </c>
      <c r="F4451" s="7">
        <v>38657</v>
      </c>
      <c r="G4451" s="8">
        <v>1</v>
      </c>
      <c r="H4451" s="8">
        <v>1</v>
      </c>
      <c r="I4451" s="8">
        <v>0</v>
      </c>
      <c r="J4451" s="8">
        <v>1</v>
      </c>
      <c r="K4451" s="9">
        <v>115</v>
      </c>
      <c r="L4451" s="6" t="s">
        <v>51</v>
      </c>
    </row>
    <row r="4452" spans="1:12">
      <c r="A4452" s="6" t="s">
        <v>49</v>
      </c>
      <c r="B4452" s="6"/>
      <c r="C4452" s="6" t="s">
        <v>4471</v>
      </c>
      <c r="D4452" s="6"/>
      <c r="E4452" s="6" t="s">
        <v>9</v>
      </c>
      <c r="F4452" s="7">
        <v>38657</v>
      </c>
      <c r="G4452" s="8">
        <v>1</v>
      </c>
      <c r="H4452" s="8">
        <v>1</v>
      </c>
      <c r="I4452" s="8">
        <v>0</v>
      </c>
      <c r="J4452" s="8">
        <v>1</v>
      </c>
      <c r="K4452" s="9">
        <v>69</v>
      </c>
      <c r="L4452" s="6" t="s">
        <v>51</v>
      </c>
    </row>
    <row r="4453" spans="1:12">
      <c r="A4453" s="6" t="s">
        <v>49</v>
      </c>
      <c r="B4453" s="6"/>
      <c r="C4453" s="6" t="s">
        <v>4472</v>
      </c>
      <c r="D4453" s="6"/>
      <c r="E4453" s="6" t="s">
        <v>9</v>
      </c>
      <c r="F4453" s="7">
        <v>38657</v>
      </c>
      <c r="G4453" s="8">
        <v>1</v>
      </c>
      <c r="H4453" s="8">
        <v>1</v>
      </c>
      <c r="I4453" s="8">
        <v>0</v>
      </c>
      <c r="J4453" s="8">
        <v>1</v>
      </c>
      <c r="K4453" s="9">
        <v>22</v>
      </c>
      <c r="L4453" s="6" t="s">
        <v>51</v>
      </c>
    </row>
    <row r="4454" spans="1:12">
      <c r="A4454" s="6" t="s">
        <v>49</v>
      </c>
      <c r="B4454" s="6"/>
      <c r="C4454" s="6" t="s">
        <v>4473</v>
      </c>
      <c r="D4454" s="6"/>
      <c r="E4454" s="6" t="s">
        <v>9</v>
      </c>
      <c r="F4454" s="7">
        <v>38657</v>
      </c>
      <c r="G4454" s="8">
        <v>1</v>
      </c>
      <c r="H4454" s="8">
        <v>1</v>
      </c>
      <c r="I4454" s="8">
        <v>0</v>
      </c>
      <c r="J4454" s="8">
        <v>1</v>
      </c>
      <c r="K4454" s="9">
        <v>270</v>
      </c>
      <c r="L4454" s="6" t="s">
        <v>51</v>
      </c>
    </row>
    <row r="4455" spans="1:12">
      <c r="A4455" s="6" t="s">
        <v>49</v>
      </c>
      <c r="B4455" s="6"/>
      <c r="C4455" s="6" t="s">
        <v>4474</v>
      </c>
      <c r="D4455" s="6"/>
      <c r="E4455" s="6" t="s">
        <v>9</v>
      </c>
      <c r="F4455" s="7">
        <v>38657</v>
      </c>
      <c r="G4455" s="8">
        <v>1</v>
      </c>
      <c r="H4455" s="8">
        <v>1</v>
      </c>
      <c r="I4455" s="8">
        <v>0</v>
      </c>
      <c r="J4455" s="8">
        <v>1</v>
      </c>
      <c r="K4455" s="9">
        <v>507</v>
      </c>
      <c r="L4455" s="6" t="s">
        <v>51</v>
      </c>
    </row>
    <row r="4456" spans="1:12">
      <c r="A4456" s="6" t="s">
        <v>49</v>
      </c>
      <c r="B4456" s="6"/>
      <c r="C4456" s="6" t="s">
        <v>4475</v>
      </c>
      <c r="D4456" s="6"/>
      <c r="E4456" s="6" t="s">
        <v>9</v>
      </c>
      <c r="F4456" s="7">
        <v>38657</v>
      </c>
      <c r="G4456" s="8">
        <v>1</v>
      </c>
      <c r="H4456" s="8">
        <v>1</v>
      </c>
      <c r="I4456" s="8">
        <v>0</v>
      </c>
      <c r="J4456" s="8">
        <v>1</v>
      </c>
      <c r="K4456" s="9">
        <v>171</v>
      </c>
      <c r="L4456" s="6" t="s">
        <v>51</v>
      </c>
    </row>
    <row r="4457" spans="1:12">
      <c r="A4457" s="6" t="s">
        <v>49</v>
      </c>
      <c r="B4457" s="6"/>
      <c r="C4457" s="6" t="s">
        <v>4476</v>
      </c>
      <c r="D4457" s="6"/>
      <c r="E4457" s="6" t="s">
        <v>9</v>
      </c>
      <c r="F4457" s="7">
        <v>42095</v>
      </c>
      <c r="G4457" s="8">
        <v>51210</v>
      </c>
      <c r="H4457" s="8">
        <v>51210</v>
      </c>
      <c r="I4457" s="8">
        <v>0</v>
      </c>
      <c r="J4457" s="8">
        <v>51210</v>
      </c>
      <c r="K4457" s="9">
        <v>5.69</v>
      </c>
      <c r="L4457" s="6" t="s">
        <v>51</v>
      </c>
    </row>
    <row r="4458" spans="1:12">
      <c r="A4458" s="6" t="s">
        <v>49</v>
      </c>
      <c r="B4458" s="6"/>
      <c r="C4458" s="6" t="s">
        <v>4477</v>
      </c>
      <c r="D4458" s="6"/>
      <c r="E4458" s="6" t="s">
        <v>9</v>
      </c>
      <c r="F4458" s="7">
        <v>38657</v>
      </c>
      <c r="G4458" s="8">
        <v>1</v>
      </c>
      <c r="H4458" s="8">
        <v>1</v>
      </c>
      <c r="I4458" s="8">
        <v>0</v>
      </c>
      <c r="J4458" s="8">
        <v>1</v>
      </c>
      <c r="K4458" s="9">
        <v>7.86</v>
      </c>
      <c r="L4458" s="6" t="s">
        <v>51</v>
      </c>
    </row>
    <row r="4459" spans="1:12">
      <c r="A4459" s="6" t="s">
        <v>49</v>
      </c>
      <c r="B4459" s="6"/>
      <c r="C4459" s="6" t="s">
        <v>4478</v>
      </c>
      <c r="D4459" s="6"/>
      <c r="E4459" s="6" t="s">
        <v>9</v>
      </c>
      <c r="F4459" s="7">
        <v>38657</v>
      </c>
      <c r="G4459" s="8">
        <v>1</v>
      </c>
      <c r="H4459" s="8">
        <v>1</v>
      </c>
      <c r="I4459" s="8">
        <v>0</v>
      </c>
      <c r="J4459" s="8">
        <v>1</v>
      </c>
      <c r="K4459" s="9">
        <v>6.61</v>
      </c>
      <c r="L4459" s="6" t="s">
        <v>51</v>
      </c>
    </row>
    <row r="4460" spans="1:12">
      <c r="A4460" s="6" t="s">
        <v>49</v>
      </c>
      <c r="B4460" s="6"/>
      <c r="C4460" s="6" t="s">
        <v>4479</v>
      </c>
      <c r="D4460" s="6"/>
      <c r="E4460" s="6" t="s">
        <v>9</v>
      </c>
      <c r="F4460" s="7">
        <v>42095</v>
      </c>
      <c r="G4460" s="8">
        <v>1439040</v>
      </c>
      <c r="H4460" s="8">
        <v>1439040</v>
      </c>
      <c r="I4460" s="8">
        <v>0</v>
      </c>
      <c r="J4460" s="8">
        <v>1439040</v>
      </c>
      <c r="K4460" s="9">
        <v>179</v>
      </c>
      <c r="L4460" s="6" t="s">
        <v>51</v>
      </c>
    </row>
    <row r="4461" spans="1:12">
      <c r="A4461" s="6" t="s">
        <v>49</v>
      </c>
      <c r="B4461" s="6"/>
      <c r="C4461" s="6" t="s">
        <v>4480</v>
      </c>
      <c r="D4461" s="6"/>
      <c r="E4461" s="6" t="s">
        <v>9</v>
      </c>
      <c r="F4461" s="7"/>
      <c r="G4461" s="8">
        <v>1</v>
      </c>
      <c r="H4461" s="8">
        <v>1</v>
      </c>
      <c r="I4461" s="8">
        <v>0</v>
      </c>
      <c r="J4461" s="8">
        <v>1</v>
      </c>
      <c r="K4461" s="9">
        <v>173</v>
      </c>
      <c r="L4461" s="6" t="s">
        <v>51</v>
      </c>
    </row>
    <row r="4462" spans="1:12">
      <c r="A4462" s="6" t="s">
        <v>49</v>
      </c>
      <c r="B4462" s="6"/>
      <c r="C4462" s="6" t="s">
        <v>4481</v>
      </c>
      <c r="D4462" s="6"/>
      <c r="E4462" s="6" t="s">
        <v>9</v>
      </c>
      <c r="F4462" s="7">
        <v>41872</v>
      </c>
      <c r="G4462" s="8">
        <v>1</v>
      </c>
      <c r="H4462" s="8">
        <v>1</v>
      </c>
      <c r="I4462" s="8">
        <v>0</v>
      </c>
      <c r="J4462" s="8">
        <v>1</v>
      </c>
      <c r="K4462" s="9">
        <v>6.2</v>
      </c>
      <c r="L4462" s="6" t="s">
        <v>51</v>
      </c>
    </row>
    <row r="4463" spans="1:12">
      <c r="A4463" s="6" t="s">
        <v>49</v>
      </c>
      <c r="B4463" s="6"/>
      <c r="C4463" s="6" t="s">
        <v>4482</v>
      </c>
      <c r="D4463" s="6"/>
      <c r="E4463" s="6" t="s">
        <v>9</v>
      </c>
      <c r="F4463" s="7">
        <v>38657</v>
      </c>
      <c r="G4463" s="8">
        <v>1</v>
      </c>
      <c r="H4463" s="8">
        <v>1</v>
      </c>
      <c r="I4463" s="8">
        <v>0</v>
      </c>
      <c r="J4463" s="8">
        <v>1</v>
      </c>
      <c r="K4463" s="9">
        <v>288</v>
      </c>
      <c r="L4463" s="6" t="s">
        <v>51</v>
      </c>
    </row>
    <row r="4464" spans="1:12">
      <c r="A4464" s="6" t="s">
        <v>49</v>
      </c>
      <c r="B4464" s="6"/>
      <c r="C4464" s="6" t="s">
        <v>4483</v>
      </c>
      <c r="D4464" s="6"/>
      <c r="E4464" s="6" t="s">
        <v>9</v>
      </c>
      <c r="F4464" s="7">
        <v>38657</v>
      </c>
      <c r="G4464" s="8">
        <v>1</v>
      </c>
      <c r="H4464" s="8">
        <v>1</v>
      </c>
      <c r="I4464" s="8">
        <v>0</v>
      </c>
      <c r="J4464" s="8">
        <v>1</v>
      </c>
      <c r="K4464" s="9">
        <v>2.16</v>
      </c>
      <c r="L4464" s="6" t="s">
        <v>51</v>
      </c>
    </row>
    <row r="4465" spans="1:12">
      <c r="A4465" s="6" t="s">
        <v>49</v>
      </c>
      <c r="B4465" s="6"/>
      <c r="C4465" s="6" t="s">
        <v>4484</v>
      </c>
      <c r="D4465" s="6"/>
      <c r="E4465" s="6" t="s">
        <v>9</v>
      </c>
      <c r="F4465" s="7">
        <v>38657</v>
      </c>
      <c r="G4465" s="8">
        <v>1</v>
      </c>
      <c r="H4465" s="8">
        <v>1</v>
      </c>
      <c r="I4465" s="8">
        <v>0</v>
      </c>
      <c r="J4465" s="8">
        <v>1</v>
      </c>
      <c r="K4465" s="9">
        <v>1.1200000000000001</v>
      </c>
      <c r="L4465" s="6" t="s">
        <v>51</v>
      </c>
    </row>
    <row r="4466" spans="1:12">
      <c r="A4466" s="6" t="s">
        <v>49</v>
      </c>
      <c r="B4466" s="6"/>
      <c r="C4466" s="6" t="s">
        <v>4485</v>
      </c>
      <c r="D4466" s="6"/>
      <c r="E4466" s="6" t="s">
        <v>9</v>
      </c>
      <c r="F4466" s="7">
        <v>38657</v>
      </c>
      <c r="G4466" s="8">
        <v>1</v>
      </c>
      <c r="H4466" s="8">
        <v>1</v>
      </c>
      <c r="I4466" s="8">
        <v>0</v>
      </c>
      <c r="J4466" s="8">
        <v>1</v>
      </c>
      <c r="K4466" s="9">
        <v>109</v>
      </c>
      <c r="L4466" s="6" t="s">
        <v>51</v>
      </c>
    </row>
    <row r="4467" spans="1:12">
      <c r="A4467" s="6" t="s">
        <v>49</v>
      </c>
      <c r="B4467" s="6"/>
      <c r="C4467" s="6" t="s">
        <v>4486</v>
      </c>
      <c r="D4467" s="6"/>
      <c r="E4467" s="6" t="s">
        <v>9</v>
      </c>
      <c r="F4467" s="7">
        <v>40025</v>
      </c>
      <c r="G4467" s="8">
        <v>1</v>
      </c>
      <c r="H4467" s="8">
        <v>1</v>
      </c>
      <c r="I4467" s="8">
        <v>0</v>
      </c>
      <c r="J4467" s="8">
        <v>1</v>
      </c>
      <c r="K4467" s="9">
        <v>39</v>
      </c>
      <c r="L4467" s="6" t="s">
        <v>51</v>
      </c>
    </row>
    <row r="4468" spans="1:12">
      <c r="A4468" s="6" t="s">
        <v>49</v>
      </c>
      <c r="B4468" s="6"/>
      <c r="C4468" s="6" t="s">
        <v>4487</v>
      </c>
      <c r="D4468" s="6"/>
      <c r="E4468" s="6" t="s">
        <v>9</v>
      </c>
      <c r="F4468" s="7">
        <v>38657</v>
      </c>
      <c r="G4468" s="8">
        <v>1</v>
      </c>
      <c r="H4468" s="8">
        <v>1</v>
      </c>
      <c r="I4468" s="8">
        <v>0</v>
      </c>
      <c r="J4468" s="8">
        <v>1</v>
      </c>
      <c r="K4468" s="9">
        <v>74</v>
      </c>
      <c r="L4468" s="6" t="s">
        <v>51</v>
      </c>
    </row>
    <row r="4469" spans="1:12">
      <c r="A4469" s="6" t="s">
        <v>49</v>
      </c>
      <c r="B4469" s="6"/>
      <c r="C4469" s="6" t="s">
        <v>4488</v>
      </c>
      <c r="D4469" s="6"/>
      <c r="E4469" s="6" t="s">
        <v>9</v>
      </c>
      <c r="F4469" s="7">
        <v>38657</v>
      </c>
      <c r="G4469" s="8">
        <v>1</v>
      </c>
      <c r="H4469" s="8">
        <v>1</v>
      </c>
      <c r="I4469" s="8">
        <v>0</v>
      </c>
      <c r="J4469" s="8">
        <v>1</v>
      </c>
      <c r="K4469" s="9">
        <v>49</v>
      </c>
      <c r="L4469" s="6" t="s">
        <v>51</v>
      </c>
    </row>
    <row r="4470" spans="1:12">
      <c r="A4470" s="6" t="s">
        <v>49</v>
      </c>
      <c r="B4470" s="6"/>
      <c r="C4470" s="6" t="s">
        <v>4489</v>
      </c>
      <c r="D4470" s="6"/>
      <c r="E4470" s="6" t="s">
        <v>9</v>
      </c>
      <c r="F4470" s="7">
        <v>38657</v>
      </c>
      <c r="G4470" s="8">
        <v>1</v>
      </c>
      <c r="H4470" s="8">
        <v>1</v>
      </c>
      <c r="I4470" s="8">
        <v>0</v>
      </c>
      <c r="J4470" s="8">
        <v>1</v>
      </c>
      <c r="K4470" s="9">
        <v>3</v>
      </c>
      <c r="L4470" s="6" t="s">
        <v>51</v>
      </c>
    </row>
    <row r="4471" spans="1:12">
      <c r="A4471" s="6" t="s">
        <v>49</v>
      </c>
      <c r="B4471" s="6"/>
      <c r="C4471" s="6" t="s">
        <v>4490</v>
      </c>
      <c r="D4471" s="6"/>
      <c r="E4471" s="6" t="s">
        <v>9</v>
      </c>
      <c r="F4471" s="7">
        <v>38657</v>
      </c>
      <c r="G4471" s="8">
        <v>1</v>
      </c>
      <c r="H4471" s="8">
        <v>1</v>
      </c>
      <c r="I4471" s="8">
        <v>0</v>
      </c>
      <c r="J4471" s="8">
        <v>1</v>
      </c>
      <c r="K4471" s="9">
        <v>2.88</v>
      </c>
      <c r="L4471" s="6" t="s">
        <v>51</v>
      </c>
    </row>
    <row r="4472" spans="1:12">
      <c r="A4472" s="6" t="s">
        <v>49</v>
      </c>
      <c r="B4472" s="6"/>
      <c r="C4472" s="6" t="s">
        <v>4491</v>
      </c>
      <c r="D4472" s="6"/>
      <c r="E4472" s="6" t="s">
        <v>9</v>
      </c>
      <c r="F4472" s="7">
        <v>38657</v>
      </c>
      <c r="G4472" s="8">
        <v>1</v>
      </c>
      <c r="H4472" s="8">
        <v>1</v>
      </c>
      <c r="I4472" s="8">
        <v>0</v>
      </c>
      <c r="J4472" s="8">
        <v>1</v>
      </c>
      <c r="K4472" s="9">
        <v>4.62</v>
      </c>
      <c r="L4472" s="6" t="s">
        <v>51</v>
      </c>
    </row>
    <row r="4473" spans="1:12">
      <c r="A4473" s="6" t="s">
        <v>49</v>
      </c>
      <c r="B4473" s="6"/>
      <c r="C4473" s="6" t="s">
        <v>4492</v>
      </c>
      <c r="D4473" s="6"/>
      <c r="E4473" s="6" t="s">
        <v>9</v>
      </c>
      <c r="F4473" s="7">
        <v>38657</v>
      </c>
      <c r="G4473" s="8">
        <v>1</v>
      </c>
      <c r="H4473" s="8">
        <v>1</v>
      </c>
      <c r="I4473" s="8">
        <v>0</v>
      </c>
      <c r="J4473" s="8">
        <v>1</v>
      </c>
      <c r="K4473" s="9">
        <v>5.4</v>
      </c>
      <c r="L4473" s="6" t="s">
        <v>51</v>
      </c>
    </row>
    <row r="4474" spans="1:12">
      <c r="A4474" s="6" t="s">
        <v>49</v>
      </c>
      <c r="B4474" s="6"/>
      <c r="C4474" s="6" t="s">
        <v>4493</v>
      </c>
      <c r="D4474" s="6"/>
      <c r="E4474" s="6" t="s">
        <v>9</v>
      </c>
      <c r="F4474" s="7">
        <v>38657</v>
      </c>
      <c r="G4474" s="8">
        <v>1</v>
      </c>
      <c r="H4474" s="8">
        <v>1</v>
      </c>
      <c r="I4474" s="8">
        <v>0</v>
      </c>
      <c r="J4474" s="8">
        <v>1</v>
      </c>
      <c r="K4474" s="9">
        <v>478</v>
      </c>
      <c r="L4474" s="6" t="s">
        <v>51</v>
      </c>
    </row>
    <row r="4475" spans="1:12">
      <c r="A4475" s="6" t="s">
        <v>49</v>
      </c>
      <c r="B4475" s="6"/>
      <c r="C4475" s="6" t="s">
        <v>4494</v>
      </c>
      <c r="D4475" s="6"/>
      <c r="E4475" s="6" t="s">
        <v>9</v>
      </c>
      <c r="F4475" s="7">
        <v>38657</v>
      </c>
      <c r="G4475" s="8">
        <v>1</v>
      </c>
      <c r="H4475" s="8">
        <v>1</v>
      </c>
      <c r="I4475" s="8">
        <v>0</v>
      </c>
      <c r="J4475" s="8">
        <v>1</v>
      </c>
      <c r="K4475" s="9">
        <v>19.3</v>
      </c>
      <c r="L4475" s="6" t="s">
        <v>51</v>
      </c>
    </row>
    <row r="4476" spans="1:12">
      <c r="A4476" s="6" t="s">
        <v>49</v>
      </c>
      <c r="B4476" s="6"/>
      <c r="C4476" s="6" t="s">
        <v>4495</v>
      </c>
      <c r="D4476" s="6"/>
      <c r="E4476" s="6" t="s">
        <v>9</v>
      </c>
      <c r="F4476" s="7">
        <v>38657</v>
      </c>
      <c r="G4476" s="8">
        <v>1</v>
      </c>
      <c r="H4476" s="8">
        <v>1</v>
      </c>
      <c r="I4476" s="8">
        <v>0</v>
      </c>
      <c r="J4476" s="8">
        <v>1</v>
      </c>
      <c r="K4476" s="9">
        <v>21.99</v>
      </c>
      <c r="L4476" s="6" t="s">
        <v>51</v>
      </c>
    </row>
    <row r="4477" spans="1:12">
      <c r="A4477" s="6" t="s">
        <v>49</v>
      </c>
      <c r="B4477" s="6"/>
      <c r="C4477" s="6" t="s">
        <v>4496</v>
      </c>
      <c r="D4477" s="6"/>
      <c r="E4477" s="6" t="s">
        <v>9</v>
      </c>
      <c r="F4477" s="7">
        <v>38657</v>
      </c>
      <c r="G4477" s="8">
        <v>1</v>
      </c>
      <c r="H4477" s="8">
        <v>1</v>
      </c>
      <c r="I4477" s="8">
        <v>0</v>
      </c>
      <c r="J4477" s="8">
        <v>1</v>
      </c>
      <c r="K4477" s="9">
        <v>3.08</v>
      </c>
      <c r="L4477" s="6" t="s">
        <v>51</v>
      </c>
    </row>
    <row r="4478" spans="1:12">
      <c r="A4478" s="6" t="s">
        <v>49</v>
      </c>
      <c r="B4478" s="6"/>
      <c r="C4478" s="6" t="s">
        <v>4497</v>
      </c>
      <c r="D4478" s="6"/>
      <c r="E4478" s="6" t="s">
        <v>9</v>
      </c>
      <c r="F4478" s="7">
        <v>38657</v>
      </c>
      <c r="G4478" s="8">
        <v>1</v>
      </c>
      <c r="H4478" s="8">
        <v>1</v>
      </c>
      <c r="I4478" s="8">
        <v>0</v>
      </c>
      <c r="J4478" s="8">
        <v>1</v>
      </c>
      <c r="K4478" s="9">
        <v>77</v>
      </c>
      <c r="L4478" s="6" t="s">
        <v>51</v>
      </c>
    </row>
    <row r="4479" spans="1:12">
      <c r="A4479" s="6" t="s">
        <v>49</v>
      </c>
      <c r="B4479" s="6"/>
      <c r="C4479" s="6" t="s">
        <v>4498</v>
      </c>
      <c r="D4479" s="6"/>
      <c r="E4479" s="6" t="s">
        <v>9</v>
      </c>
      <c r="F4479" s="7">
        <v>38657</v>
      </c>
      <c r="G4479" s="8">
        <v>1</v>
      </c>
      <c r="H4479" s="8">
        <v>1</v>
      </c>
      <c r="I4479" s="8">
        <v>0</v>
      </c>
      <c r="J4479" s="8">
        <v>1</v>
      </c>
      <c r="K4479" s="9">
        <v>46</v>
      </c>
      <c r="L4479" s="6" t="s">
        <v>51</v>
      </c>
    </row>
    <row r="4480" spans="1:12">
      <c r="A4480" s="6" t="s">
        <v>49</v>
      </c>
      <c r="B4480" s="6"/>
      <c r="C4480" s="6" t="s">
        <v>4499</v>
      </c>
      <c r="D4480" s="6"/>
      <c r="E4480" s="6" t="s">
        <v>9</v>
      </c>
      <c r="F4480" s="7">
        <v>38657</v>
      </c>
      <c r="G4480" s="8">
        <v>1</v>
      </c>
      <c r="H4480" s="8">
        <v>1</v>
      </c>
      <c r="I4480" s="8">
        <v>0</v>
      </c>
      <c r="J4480" s="8">
        <v>1</v>
      </c>
      <c r="K4480" s="9">
        <v>247</v>
      </c>
      <c r="L4480" s="6" t="s">
        <v>51</v>
      </c>
    </row>
    <row r="4481" spans="1:12">
      <c r="A4481" s="6" t="s">
        <v>49</v>
      </c>
      <c r="B4481" s="6"/>
      <c r="C4481" s="6" t="s">
        <v>4500</v>
      </c>
      <c r="D4481" s="6"/>
      <c r="E4481" s="6" t="s">
        <v>9</v>
      </c>
      <c r="F4481" s="7">
        <v>38657</v>
      </c>
      <c r="G4481" s="8">
        <v>1</v>
      </c>
      <c r="H4481" s="8">
        <v>1</v>
      </c>
      <c r="I4481" s="8">
        <v>0</v>
      </c>
      <c r="J4481" s="8">
        <v>1</v>
      </c>
      <c r="K4481" s="9">
        <v>108</v>
      </c>
      <c r="L4481" s="6" t="s">
        <v>51</v>
      </c>
    </row>
    <row r="4482" spans="1:12">
      <c r="A4482" s="6" t="s">
        <v>49</v>
      </c>
      <c r="B4482" s="6"/>
      <c r="C4482" s="6" t="s">
        <v>4501</v>
      </c>
      <c r="D4482" s="6"/>
      <c r="E4482" s="6" t="s">
        <v>9</v>
      </c>
      <c r="F4482" s="7">
        <v>38657</v>
      </c>
      <c r="G4482" s="8">
        <v>1</v>
      </c>
      <c r="H4482" s="8">
        <v>1</v>
      </c>
      <c r="I4482" s="8">
        <v>0</v>
      </c>
      <c r="J4482" s="8">
        <v>1</v>
      </c>
      <c r="K4482" s="9">
        <v>4.17</v>
      </c>
      <c r="L4482" s="6" t="s">
        <v>51</v>
      </c>
    </row>
    <row r="4483" spans="1:12">
      <c r="A4483" s="6" t="s">
        <v>49</v>
      </c>
      <c r="B4483" s="6"/>
      <c r="C4483" s="6" t="s">
        <v>4502</v>
      </c>
      <c r="D4483" s="6"/>
      <c r="E4483" s="6" t="s">
        <v>9</v>
      </c>
      <c r="F4483" s="7">
        <v>38657</v>
      </c>
      <c r="G4483" s="8">
        <v>1</v>
      </c>
      <c r="H4483" s="8">
        <v>1</v>
      </c>
      <c r="I4483" s="8">
        <v>0</v>
      </c>
      <c r="J4483" s="8">
        <v>1</v>
      </c>
      <c r="K4483" s="9">
        <v>72</v>
      </c>
      <c r="L4483" s="6" t="s">
        <v>51</v>
      </c>
    </row>
    <row r="4484" spans="1:12">
      <c r="A4484" s="6" t="s">
        <v>49</v>
      </c>
      <c r="B4484" s="6"/>
      <c r="C4484" s="6" t="s">
        <v>4503</v>
      </c>
      <c r="D4484" s="6"/>
      <c r="E4484" s="6" t="s">
        <v>9</v>
      </c>
      <c r="F4484" s="7">
        <v>38657</v>
      </c>
      <c r="G4484" s="8">
        <v>1</v>
      </c>
      <c r="H4484" s="8">
        <v>1</v>
      </c>
      <c r="I4484" s="8">
        <v>0</v>
      </c>
      <c r="J4484" s="8">
        <v>1</v>
      </c>
      <c r="K4484" s="9">
        <v>8.0299999999999905</v>
      </c>
      <c r="L4484" s="6" t="s">
        <v>51</v>
      </c>
    </row>
    <row r="4485" spans="1:12">
      <c r="A4485" s="6" t="s">
        <v>49</v>
      </c>
      <c r="B4485" s="6"/>
      <c r="C4485" s="6" t="s">
        <v>4504</v>
      </c>
      <c r="D4485" s="6"/>
      <c r="E4485" s="6" t="s">
        <v>9</v>
      </c>
      <c r="F4485" s="7">
        <v>38657</v>
      </c>
      <c r="G4485" s="8">
        <v>1</v>
      </c>
      <c r="H4485" s="8">
        <v>1</v>
      </c>
      <c r="I4485" s="8">
        <v>0</v>
      </c>
      <c r="J4485" s="8">
        <v>1</v>
      </c>
      <c r="K4485" s="9">
        <v>5.57</v>
      </c>
      <c r="L4485" s="6" t="s">
        <v>51</v>
      </c>
    </row>
    <row r="4486" spans="1:12">
      <c r="A4486" s="6" t="s">
        <v>49</v>
      </c>
      <c r="B4486" s="6"/>
      <c r="C4486" s="6" t="s">
        <v>4505</v>
      </c>
      <c r="D4486" s="6"/>
      <c r="E4486" s="6" t="s">
        <v>9</v>
      </c>
      <c r="F4486" s="7">
        <v>38657</v>
      </c>
      <c r="G4486" s="8">
        <v>1</v>
      </c>
      <c r="H4486" s="8">
        <v>1</v>
      </c>
      <c r="I4486" s="8">
        <v>0</v>
      </c>
      <c r="J4486" s="8">
        <v>1</v>
      </c>
      <c r="K4486" s="9">
        <v>26.89</v>
      </c>
      <c r="L4486" s="6" t="s">
        <v>51</v>
      </c>
    </row>
    <row r="4487" spans="1:12">
      <c r="A4487" s="6" t="s">
        <v>49</v>
      </c>
      <c r="B4487" s="6"/>
      <c r="C4487" s="6" t="s">
        <v>4506</v>
      </c>
      <c r="D4487" s="6"/>
      <c r="E4487" s="6" t="s">
        <v>9</v>
      </c>
      <c r="F4487" s="7">
        <v>38657</v>
      </c>
      <c r="G4487" s="8">
        <v>1</v>
      </c>
      <c r="H4487" s="8">
        <v>1</v>
      </c>
      <c r="I4487" s="8">
        <v>0</v>
      </c>
      <c r="J4487" s="8">
        <v>1</v>
      </c>
      <c r="K4487" s="9">
        <v>1474</v>
      </c>
      <c r="L4487" s="6" t="s">
        <v>51</v>
      </c>
    </row>
    <row r="4488" spans="1:12">
      <c r="A4488" s="6" t="s">
        <v>49</v>
      </c>
      <c r="B4488" s="6"/>
      <c r="C4488" s="6" t="s">
        <v>4507</v>
      </c>
      <c r="D4488" s="6"/>
      <c r="E4488" s="6" t="s">
        <v>9</v>
      </c>
      <c r="F4488" s="7">
        <v>38657</v>
      </c>
      <c r="G4488" s="8">
        <v>1</v>
      </c>
      <c r="H4488" s="8">
        <v>1</v>
      </c>
      <c r="I4488" s="8">
        <v>0</v>
      </c>
      <c r="J4488" s="8">
        <v>1</v>
      </c>
      <c r="K4488" s="9">
        <v>99</v>
      </c>
      <c r="L4488" s="6" t="s">
        <v>51</v>
      </c>
    </row>
    <row r="4489" spans="1:12">
      <c r="A4489" s="6" t="s">
        <v>49</v>
      </c>
      <c r="B4489" s="6"/>
      <c r="C4489" s="6" t="s">
        <v>4508</v>
      </c>
      <c r="D4489" s="6"/>
      <c r="E4489" s="6" t="s">
        <v>9</v>
      </c>
      <c r="F4489" s="7">
        <v>38657</v>
      </c>
      <c r="G4489" s="8">
        <v>1</v>
      </c>
      <c r="H4489" s="8">
        <v>1</v>
      </c>
      <c r="I4489" s="8">
        <v>0</v>
      </c>
      <c r="J4489" s="8">
        <v>1</v>
      </c>
      <c r="K4489" s="9">
        <v>2.97</v>
      </c>
      <c r="L4489" s="6" t="s">
        <v>51</v>
      </c>
    </row>
    <row r="4490" spans="1:12">
      <c r="A4490" s="6" t="s">
        <v>49</v>
      </c>
      <c r="B4490" s="6"/>
      <c r="C4490" s="6" t="s">
        <v>4509</v>
      </c>
      <c r="D4490" s="6"/>
      <c r="E4490" s="6" t="s">
        <v>9</v>
      </c>
      <c r="F4490" s="7">
        <v>38657</v>
      </c>
      <c r="G4490" s="8">
        <v>1</v>
      </c>
      <c r="H4490" s="8">
        <v>1</v>
      </c>
      <c r="I4490" s="8">
        <v>0</v>
      </c>
      <c r="J4490" s="8">
        <v>1</v>
      </c>
      <c r="K4490" s="9">
        <v>27.61</v>
      </c>
      <c r="L4490" s="6" t="s">
        <v>51</v>
      </c>
    </row>
    <row r="4491" spans="1:12">
      <c r="A4491" s="6" t="s">
        <v>49</v>
      </c>
      <c r="B4491" s="6"/>
      <c r="C4491" s="6" t="s">
        <v>4510</v>
      </c>
      <c r="D4491" s="6"/>
      <c r="E4491" s="6" t="s">
        <v>9</v>
      </c>
      <c r="F4491" s="7">
        <v>38657</v>
      </c>
      <c r="G4491" s="8">
        <v>1</v>
      </c>
      <c r="H4491" s="8">
        <v>1</v>
      </c>
      <c r="I4491" s="8">
        <v>0</v>
      </c>
      <c r="J4491" s="8">
        <v>1</v>
      </c>
      <c r="K4491" s="9">
        <v>12.05</v>
      </c>
      <c r="L4491" s="6" t="s">
        <v>51</v>
      </c>
    </row>
    <row r="4492" spans="1:12">
      <c r="A4492" s="6" t="s">
        <v>49</v>
      </c>
      <c r="B4492" s="6"/>
      <c r="C4492" s="6" t="s">
        <v>4511</v>
      </c>
      <c r="D4492" s="6"/>
      <c r="E4492" s="6" t="s">
        <v>9</v>
      </c>
      <c r="F4492" s="7">
        <v>38657</v>
      </c>
      <c r="G4492" s="8">
        <v>1</v>
      </c>
      <c r="H4492" s="8">
        <v>1</v>
      </c>
      <c r="I4492" s="8">
        <v>0</v>
      </c>
      <c r="J4492" s="8">
        <v>1</v>
      </c>
      <c r="K4492" s="9">
        <v>41</v>
      </c>
      <c r="L4492" s="6" t="s">
        <v>51</v>
      </c>
    </row>
    <row r="4493" spans="1:12">
      <c r="A4493" s="6" t="s">
        <v>49</v>
      </c>
      <c r="B4493" s="6"/>
      <c r="C4493" s="6" t="s">
        <v>4512</v>
      </c>
      <c r="D4493" s="6"/>
      <c r="E4493" s="6" t="s">
        <v>9</v>
      </c>
      <c r="F4493" s="7">
        <v>38657</v>
      </c>
      <c r="G4493" s="8">
        <v>1</v>
      </c>
      <c r="H4493" s="8">
        <v>1</v>
      </c>
      <c r="I4493" s="8">
        <v>0</v>
      </c>
      <c r="J4493" s="8">
        <v>1</v>
      </c>
      <c r="K4493" s="9">
        <v>73</v>
      </c>
      <c r="L4493" s="6" t="s">
        <v>51</v>
      </c>
    </row>
    <row r="4494" spans="1:12">
      <c r="A4494" s="6" t="s">
        <v>49</v>
      </c>
      <c r="B4494" s="6"/>
      <c r="C4494" s="6" t="s">
        <v>4513</v>
      </c>
      <c r="D4494" s="6"/>
      <c r="E4494" s="6" t="s">
        <v>9</v>
      </c>
      <c r="F4494" s="7">
        <v>38657</v>
      </c>
      <c r="G4494" s="8">
        <v>1</v>
      </c>
      <c r="H4494" s="8">
        <v>1</v>
      </c>
      <c r="I4494" s="8">
        <v>0</v>
      </c>
      <c r="J4494" s="8">
        <v>1</v>
      </c>
      <c r="K4494" s="9">
        <v>51</v>
      </c>
      <c r="L4494" s="6" t="s">
        <v>51</v>
      </c>
    </row>
    <row r="4495" spans="1:12">
      <c r="A4495" s="6" t="s">
        <v>49</v>
      </c>
      <c r="B4495" s="6"/>
      <c r="C4495" s="6" t="s">
        <v>4514</v>
      </c>
      <c r="D4495" s="6"/>
      <c r="E4495" s="6" t="s">
        <v>9</v>
      </c>
      <c r="F4495" s="7">
        <v>38657</v>
      </c>
      <c r="G4495" s="8">
        <v>1</v>
      </c>
      <c r="H4495" s="8">
        <v>1</v>
      </c>
      <c r="I4495" s="8">
        <v>0</v>
      </c>
      <c r="J4495" s="8">
        <v>1</v>
      </c>
      <c r="K4495" s="9">
        <v>1.96</v>
      </c>
      <c r="L4495" s="6" t="s">
        <v>51</v>
      </c>
    </row>
    <row r="4496" spans="1:12">
      <c r="A4496" s="6" t="s">
        <v>49</v>
      </c>
      <c r="B4496" s="6"/>
      <c r="C4496" s="6" t="s">
        <v>4515</v>
      </c>
      <c r="D4496" s="6"/>
      <c r="E4496" s="6" t="s">
        <v>9</v>
      </c>
      <c r="F4496" s="7">
        <v>38657</v>
      </c>
      <c r="G4496" s="8">
        <v>1</v>
      </c>
      <c r="H4496" s="8">
        <v>1</v>
      </c>
      <c r="I4496" s="8">
        <v>0</v>
      </c>
      <c r="J4496" s="8">
        <v>1</v>
      </c>
      <c r="K4496" s="9">
        <v>1.52</v>
      </c>
      <c r="L4496" s="6" t="s">
        <v>51</v>
      </c>
    </row>
    <row r="4497" spans="1:12">
      <c r="A4497" s="6" t="s">
        <v>49</v>
      </c>
      <c r="B4497" s="6"/>
      <c r="C4497" s="6" t="s">
        <v>4516</v>
      </c>
      <c r="D4497" s="6"/>
      <c r="E4497" s="6" t="s">
        <v>9</v>
      </c>
      <c r="F4497" s="7">
        <v>38657</v>
      </c>
      <c r="G4497" s="8">
        <v>1</v>
      </c>
      <c r="H4497" s="8">
        <v>1</v>
      </c>
      <c r="I4497" s="8">
        <v>0</v>
      </c>
      <c r="J4497" s="8">
        <v>1</v>
      </c>
      <c r="K4497" s="9">
        <v>85</v>
      </c>
      <c r="L4497" s="6" t="s">
        <v>51</v>
      </c>
    </row>
    <row r="4498" spans="1:12">
      <c r="A4498" s="6" t="s">
        <v>49</v>
      </c>
      <c r="B4498" s="6"/>
      <c r="C4498" s="6" t="s">
        <v>4517</v>
      </c>
      <c r="D4498" s="6"/>
      <c r="E4498" s="6" t="s">
        <v>9</v>
      </c>
      <c r="F4498" s="7">
        <v>38657</v>
      </c>
      <c r="G4498" s="8">
        <v>1</v>
      </c>
      <c r="H4498" s="8">
        <v>1</v>
      </c>
      <c r="I4498" s="8">
        <v>0</v>
      </c>
      <c r="J4498" s="8">
        <v>1</v>
      </c>
      <c r="K4498" s="9">
        <v>762</v>
      </c>
      <c r="L4498" s="6" t="s">
        <v>51</v>
      </c>
    </row>
    <row r="4499" spans="1:12">
      <c r="A4499" s="6" t="s">
        <v>49</v>
      </c>
      <c r="B4499" s="6"/>
      <c r="C4499" s="6" t="s">
        <v>4518</v>
      </c>
      <c r="D4499" s="6"/>
      <c r="E4499" s="6" t="s">
        <v>9</v>
      </c>
      <c r="F4499" s="7">
        <v>38657</v>
      </c>
      <c r="G4499" s="8">
        <v>1</v>
      </c>
      <c r="H4499" s="8">
        <v>1</v>
      </c>
      <c r="I4499" s="8">
        <v>0</v>
      </c>
      <c r="J4499" s="8">
        <v>1</v>
      </c>
      <c r="K4499" s="9">
        <v>0.4</v>
      </c>
      <c r="L4499" s="6" t="s">
        <v>51</v>
      </c>
    </row>
    <row r="4500" spans="1:12">
      <c r="A4500" s="6" t="s">
        <v>49</v>
      </c>
      <c r="B4500" s="6"/>
      <c r="C4500" s="6" t="s">
        <v>4519</v>
      </c>
      <c r="D4500" s="6"/>
      <c r="E4500" s="6" t="s">
        <v>9</v>
      </c>
      <c r="F4500" s="7">
        <v>38657</v>
      </c>
      <c r="G4500" s="8">
        <v>1</v>
      </c>
      <c r="H4500" s="8">
        <v>1</v>
      </c>
      <c r="I4500" s="8">
        <v>0</v>
      </c>
      <c r="J4500" s="8">
        <v>1</v>
      </c>
      <c r="K4500" s="9">
        <v>6.25</v>
      </c>
      <c r="L4500" s="6" t="s">
        <v>51</v>
      </c>
    </row>
    <row r="4501" spans="1:12">
      <c r="A4501" s="6" t="s">
        <v>49</v>
      </c>
      <c r="B4501" s="6"/>
      <c r="C4501" s="6" t="s">
        <v>4520</v>
      </c>
      <c r="D4501" s="6"/>
      <c r="E4501" s="6" t="s">
        <v>9</v>
      </c>
      <c r="F4501" s="7">
        <v>38657</v>
      </c>
      <c r="G4501" s="8">
        <v>1</v>
      </c>
      <c r="H4501" s="8">
        <v>1</v>
      </c>
      <c r="I4501" s="8">
        <v>0</v>
      </c>
      <c r="J4501" s="8">
        <v>1</v>
      </c>
      <c r="K4501" s="9">
        <v>11</v>
      </c>
      <c r="L4501" s="6" t="s">
        <v>51</v>
      </c>
    </row>
    <row r="4502" spans="1:12">
      <c r="A4502" s="6" t="s">
        <v>49</v>
      </c>
      <c r="B4502" s="6"/>
      <c r="C4502" s="6" t="s">
        <v>4521</v>
      </c>
      <c r="D4502" s="6"/>
      <c r="E4502" s="6" t="s">
        <v>9</v>
      </c>
      <c r="F4502" s="7">
        <v>38657</v>
      </c>
      <c r="G4502" s="8">
        <v>1</v>
      </c>
      <c r="H4502" s="8">
        <v>1</v>
      </c>
      <c r="I4502" s="8">
        <v>0</v>
      </c>
      <c r="J4502" s="8">
        <v>1</v>
      </c>
      <c r="K4502" s="9">
        <v>350.02</v>
      </c>
      <c r="L4502" s="6" t="s">
        <v>51</v>
      </c>
    </row>
    <row r="4503" spans="1:12">
      <c r="A4503" s="6" t="s">
        <v>49</v>
      </c>
      <c r="B4503" s="6"/>
      <c r="C4503" s="6" t="s">
        <v>4522</v>
      </c>
      <c r="D4503" s="6"/>
      <c r="E4503" s="6" t="s">
        <v>9</v>
      </c>
      <c r="F4503" s="7">
        <v>38657</v>
      </c>
      <c r="G4503" s="8">
        <v>1</v>
      </c>
      <c r="H4503" s="8">
        <v>1</v>
      </c>
      <c r="I4503" s="8">
        <v>0</v>
      </c>
      <c r="J4503" s="8">
        <v>1</v>
      </c>
      <c r="K4503" s="9">
        <v>35</v>
      </c>
      <c r="L4503" s="6" t="s">
        <v>51</v>
      </c>
    </row>
    <row r="4504" spans="1:12">
      <c r="A4504" s="6" t="s">
        <v>49</v>
      </c>
      <c r="B4504" s="6"/>
      <c r="C4504" s="6" t="s">
        <v>4523</v>
      </c>
      <c r="D4504" s="6"/>
      <c r="E4504" s="6" t="s">
        <v>9</v>
      </c>
      <c r="F4504" s="7">
        <v>38657</v>
      </c>
      <c r="G4504" s="8">
        <v>1</v>
      </c>
      <c r="H4504" s="8">
        <v>1</v>
      </c>
      <c r="I4504" s="8">
        <v>0</v>
      </c>
      <c r="J4504" s="8">
        <v>1</v>
      </c>
      <c r="K4504" s="9">
        <v>94.63</v>
      </c>
      <c r="L4504" s="6" t="s">
        <v>51</v>
      </c>
    </row>
    <row r="4505" spans="1:12">
      <c r="A4505" s="6" t="s">
        <v>49</v>
      </c>
      <c r="B4505" s="6"/>
      <c r="C4505" s="6" t="s">
        <v>4524</v>
      </c>
      <c r="D4505" s="6"/>
      <c r="E4505" s="6" t="s">
        <v>9</v>
      </c>
      <c r="F4505" s="7">
        <v>38657</v>
      </c>
      <c r="G4505" s="8">
        <v>1</v>
      </c>
      <c r="H4505" s="8">
        <v>1</v>
      </c>
      <c r="I4505" s="8">
        <v>0</v>
      </c>
      <c r="J4505" s="8">
        <v>1</v>
      </c>
      <c r="K4505" s="9">
        <v>71</v>
      </c>
      <c r="L4505" s="6" t="s">
        <v>51</v>
      </c>
    </row>
    <row r="4506" spans="1:12">
      <c r="A4506" s="6" t="s">
        <v>49</v>
      </c>
      <c r="B4506" s="6"/>
      <c r="C4506" s="6" t="s">
        <v>4525</v>
      </c>
      <c r="D4506" s="6"/>
      <c r="E4506" s="6" t="s">
        <v>9</v>
      </c>
      <c r="F4506" s="7">
        <v>38657</v>
      </c>
      <c r="G4506" s="8">
        <v>1</v>
      </c>
      <c r="H4506" s="8">
        <v>1</v>
      </c>
      <c r="I4506" s="8">
        <v>0</v>
      </c>
      <c r="J4506" s="8">
        <v>1</v>
      </c>
      <c r="K4506" s="9">
        <v>7.5</v>
      </c>
      <c r="L4506" s="6" t="s">
        <v>51</v>
      </c>
    </row>
    <row r="4507" spans="1:12">
      <c r="A4507" s="6" t="s">
        <v>49</v>
      </c>
      <c r="B4507" s="6"/>
      <c r="C4507" s="6" t="s">
        <v>4526</v>
      </c>
      <c r="D4507" s="6"/>
      <c r="E4507" s="6" t="s">
        <v>9</v>
      </c>
      <c r="F4507" s="7">
        <v>38657</v>
      </c>
      <c r="G4507" s="8">
        <v>1</v>
      </c>
      <c r="H4507" s="8">
        <v>1</v>
      </c>
      <c r="I4507" s="8">
        <v>0</v>
      </c>
      <c r="J4507" s="8">
        <v>1</v>
      </c>
      <c r="K4507" s="9">
        <v>82</v>
      </c>
      <c r="L4507" s="6" t="s">
        <v>51</v>
      </c>
    </row>
    <row r="4508" spans="1:12">
      <c r="A4508" s="6" t="s">
        <v>49</v>
      </c>
      <c r="B4508" s="6"/>
      <c r="C4508" s="6" t="s">
        <v>4527</v>
      </c>
      <c r="D4508" s="6"/>
      <c r="E4508" s="6" t="s">
        <v>9</v>
      </c>
      <c r="F4508" s="7">
        <v>38657</v>
      </c>
      <c r="G4508" s="8">
        <v>1</v>
      </c>
      <c r="H4508" s="8">
        <v>1</v>
      </c>
      <c r="I4508" s="8">
        <v>0</v>
      </c>
      <c r="J4508" s="8">
        <v>1</v>
      </c>
      <c r="K4508" s="9">
        <v>82</v>
      </c>
      <c r="L4508" s="6" t="s">
        <v>51</v>
      </c>
    </row>
    <row r="4509" spans="1:12">
      <c r="A4509" s="6" t="s">
        <v>49</v>
      </c>
      <c r="B4509" s="6"/>
      <c r="C4509" s="6" t="s">
        <v>4528</v>
      </c>
      <c r="D4509" s="6"/>
      <c r="E4509" s="6" t="s">
        <v>9</v>
      </c>
      <c r="F4509" s="7">
        <v>38657</v>
      </c>
      <c r="G4509" s="8">
        <v>1</v>
      </c>
      <c r="H4509" s="8">
        <v>1</v>
      </c>
      <c r="I4509" s="8">
        <v>0</v>
      </c>
      <c r="J4509" s="8">
        <v>1</v>
      </c>
      <c r="K4509" s="9">
        <v>82</v>
      </c>
      <c r="L4509" s="6" t="s">
        <v>51</v>
      </c>
    </row>
    <row r="4510" spans="1:12">
      <c r="A4510" s="6" t="s">
        <v>49</v>
      </c>
      <c r="B4510" s="6"/>
      <c r="C4510" s="6" t="s">
        <v>4529</v>
      </c>
      <c r="D4510" s="6"/>
      <c r="E4510" s="6" t="s">
        <v>9</v>
      </c>
      <c r="F4510" s="7">
        <v>38657</v>
      </c>
      <c r="G4510" s="8">
        <v>1</v>
      </c>
      <c r="H4510" s="8">
        <v>1</v>
      </c>
      <c r="I4510" s="8">
        <v>0</v>
      </c>
      <c r="J4510" s="8">
        <v>1</v>
      </c>
      <c r="K4510" s="9">
        <v>234</v>
      </c>
      <c r="L4510" s="6" t="s">
        <v>51</v>
      </c>
    </row>
    <row r="4511" spans="1:12">
      <c r="A4511" s="6" t="s">
        <v>49</v>
      </c>
      <c r="B4511" s="6"/>
      <c r="C4511" s="6" t="s">
        <v>4530</v>
      </c>
      <c r="D4511" s="6"/>
      <c r="E4511" s="6" t="s">
        <v>9</v>
      </c>
      <c r="F4511" s="7">
        <v>38657</v>
      </c>
      <c r="G4511" s="8">
        <v>1</v>
      </c>
      <c r="H4511" s="8">
        <v>1</v>
      </c>
      <c r="I4511" s="8">
        <v>0</v>
      </c>
      <c r="J4511" s="8">
        <v>1</v>
      </c>
      <c r="K4511" s="9">
        <v>167</v>
      </c>
      <c r="L4511" s="6" t="s">
        <v>51</v>
      </c>
    </row>
    <row r="4512" spans="1:12">
      <c r="A4512" s="6" t="s">
        <v>49</v>
      </c>
      <c r="B4512" s="6"/>
      <c r="C4512" s="6" t="s">
        <v>4531</v>
      </c>
      <c r="D4512" s="6"/>
      <c r="E4512" s="6" t="s">
        <v>9</v>
      </c>
      <c r="F4512" s="7">
        <v>38657</v>
      </c>
      <c r="G4512" s="8">
        <v>1</v>
      </c>
      <c r="H4512" s="8">
        <v>1</v>
      </c>
      <c r="I4512" s="8">
        <v>0</v>
      </c>
      <c r="J4512" s="8">
        <v>1</v>
      </c>
      <c r="K4512" s="9">
        <v>62</v>
      </c>
      <c r="L4512" s="6" t="s">
        <v>51</v>
      </c>
    </row>
    <row r="4513" spans="1:12">
      <c r="A4513" s="6" t="s">
        <v>49</v>
      </c>
      <c r="B4513" s="6"/>
      <c r="C4513" s="6" t="s">
        <v>4532</v>
      </c>
      <c r="D4513" s="6"/>
      <c r="E4513" s="6" t="s">
        <v>9</v>
      </c>
      <c r="F4513" s="7">
        <v>38657</v>
      </c>
      <c r="G4513" s="8">
        <v>1</v>
      </c>
      <c r="H4513" s="8">
        <v>1</v>
      </c>
      <c r="I4513" s="8">
        <v>0</v>
      </c>
      <c r="J4513" s="8">
        <v>1</v>
      </c>
      <c r="K4513" s="9">
        <v>39</v>
      </c>
      <c r="L4513" s="6" t="s">
        <v>51</v>
      </c>
    </row>
    <row r="4514" spans="1:12">
      <c r="A4514" s="6" t="s">
        <v>49</v>
      </c>
      <c r="B4514" s="6"/>
      <c r="C4514" s="6" t="s">
        <v>4533</v>
      </c>
      <c r="D4514" s="6"/>
      <c r="E4514" s="6" t="s">
        <v>9</v>
      </c>
      <c r="F4514" s="7">
        <v>38657</v>
      </c>
      <c r="G4514" s="8">
        <v>1</v>
      </c>
      <c r="H4514" s="8">
        <v>1</v>
      </c>
      <c r="I4514" s="8">
        <v>0</v>
      </c>
      <c r="J4514" s="8">
        <v>1</v>
      </c>
      <c r="K4514" s="9">
        <v>45</v>
      </c>
      <c r="L4514" s="6" t="s">
        <v>51</v>
      </c>
    </row>
    <row r="4515" spans="1:12">
      <c r="A4515" s="6" t="s">
        <v>49</v>
      </c>
      <c r="B4515" s="6"/>
      <c r="C4515" s="6" t="s">
        <v>4534</v>
      </c>
      <c r="D4515" s="6"/>
      <c r="E4515" s="6" t="s">
        <v>9</v>
      </c>
      <c r="F4515" s="7">
        <v>38657</v>
      </c>
      <c r="G4515" s="8">
        <v>1</v>
      </c>
      <c r="H4515" s="8">
        <v>1</v>
      </c>
      <c r="I4515" s="8">
        <v>0</v>
      </c>
      <c r="J4515" s="8">
        <v>1</v>
      </c>
      <c r="K4515" s="9">
        <v>542</v>
      </c>
      <c r="L4515" s="6" t="s">
        <v>51</v>
      </c>
    </row>
    <row r="4516" spans="1:12">
      <c r="A4516" s="6" t="s">
        <v>49</v>
      </c>
      <c r="B4516" s="6"/>
      <c r="C4516" s="6" t="s">
        <v>4535</v>
      </c>
      <c r="D4516" s="6"/>
      <c r="E4516" s="6" t="s">
        <v>9</v>
      </c>
      <c r="F4516" s="7">
        <v>38657</v>
      </c>
      <c r="G4516" s="8">
        <v>1</v>
      </c>
      <c r="H4516" s="8">
        <v>1</v>
      </c>
      <c r="I4516" s="8">
        <v>0</v>
      </c>
      <c r="J4516" s="8">
        <v>1</v>
      </c>
      <c r="K4516" s="9">
        <v>81</v>
      </c>
      <c r="L4516" s="6" t="s">
        <v>51</v>
      </c>
    </row>
    <row r="4517" spans="1:12">
      <c r="A4517" s="6" t="s">
        <v>49</v>
      </c>
      <c r="B4517" s="6"/>
      <c r="C4517" s="6" t="s">
        <v>4536</v>
      </c>
      <c r="D4517" s="6"/>
      <c r="E4517" s="6" t="s">
        <v>9</v>
      </c>
      <c r="F4517" s="7">
        <v>38657</v>
      </c>
      <c r="G4517" s="8">
        <v>1</v>
      </c>
      <c r="H4517" s="8">
        <v>1</v>
      </c>
      <c r="I4517" s="8">
        <v>0</v>
      </c>
      <c r="J4517" s="8">
        <v>1</v>
      </c>
      <c r="K4517" s="9">
        <v>101</v>
      </c>
      <c r="L4517" s="6" t="s">
        <v>51</v>
      </c>
    </row>
    <row r="4518" spans="1:12">
      <c r="A4518" s="6" t="s">
        <v>49</v>
      </c>
      <c r="B4518" s="6"/>
      <c r="C4518" s="6" t="s">
        <v>4537</v>
      </c>
      <c r="D4518" s="6"/>
      <c r="E4518" s="6" t="s">
        <v>9</v>
      </c>
      <c r="F4518" s="7">
        <v>38657</v>
      </c>
      <c r="G4518" s="8">
        <v>1</v>
      </c>
      <c r="H4518" s="8">
        <v>1</v>
      </c>
      <c r="I4518" s="8">
        <v>0</v>
      </c>
      <c r="J4518" s="8">
        <v>1</v>
      </c>
      <c r="K4518" s="9">
        <v>431</v>
      </c>
      <c r="L4518" s="6" t="s">
        <v>51</v>
      </c>
    </row>
    <row r="4519" spans="1:12">
      <c r="A4519" s="6" t="s">
        <v>49</v>
      </c>
      <c r="B4519" s="6"/>
      <c r="C4519" s="6" t="s">
        <v>4538</v>
      </c>
      <c r="D4519" s="6"/>
      <c r="E4519" s="6" t="s">
        <v>9</v>
      </c>
      <c r="F4519" s="7">
        <v>38657</v>
      </c>
      <c r="G4519" s="8">
        <v>1</v>
      </c>
      <c r="H4519" s="8">
        <v>1</v>
      </c>
      <c r="I4519" s="8">
        <v>0</v>
      </c>
      <c r="J4519" s="8">
        <v>1</v>
      </c>
      <c r="K4519" s="9">
        <v>25</v>
      </c>
      <c r="L4519" s="6" t="s">
        <v>51</v>
      </c>
    </row>
    <row r="4520" spans="1:12">
      <c r="A4520" s="6" t="s">
        <v>49</v>
      </c>
      <c r="B4520" s="6"/>
      <c r="C4520" s="6" t="s">
        <v>4539</v>
      </c>
      <c r="D4520" s="6"/>
      <c r="E4520" s="6" t="s">
        <v>9</v>
      </c>
      <c r="F4520" s="7">
        <v>38657</v>
      </c>
      <c r="G4520" s="8">
        <v>1</v>
      </c>
      <c r="H4520" s="8">
        <v>1</v>
      </c>
      <c r="I4520" s="8">
        <v>0</v>
      </c>
      <c r="J4520" s="8">
        <v>1</v>
      </c>
      <c r="K4520" s="9">
        <v>1530</v>
      </c>
      <c r="L4520" s="6" t="s">
        <v>51</v>
      </c>
    </row>
    <row r="4521" spans="1:12">
      <c r="A4521" s="6" t="s">
        <v>49</v>
      </c>
      <c r="B4521" s="6"/>
      <c r="C4521" s="6" t="s">
        <v>4540</v>
      </c>
      <c r="D4521" s="6"/>
      <c r="E4521" s="6" t="s">
        <v>9</v>
      </c>
      <c r="F4521" s="7">
        <v>38657</v>
      </c>
      <c r="G4521" s="8">
        <v>1</v>
      </c>
      <c r="H4521" s="8">
        <v>1</v>
      </c>
      <c r="I4521" s="8">
        <v>0</v>
      </c>
      <c r="J4521" s="8">
        <v>1</v>
      </c>
      <c r="K4521" s="9">
        <v>154</v>
      </c>
      <c r="L4521" s="6" t="s">
        <v>51</v>
      </c>
    </row>
    <row r="4522" spans="1:12">
      <c r="A4522" s="6" t="s">
        <v>49</v>
      </c>
      <c r="B4522" s="6"/>
      <c r="C4522" s="6" t="s">
        <v>4541</v>
      </c>
      <c r="D4522" s="6"/>
      <c r="E4522" s="6" t="s">
        <v>9</v>
      </c>
      <c r="F4522" s="7">
        <v>38657</v>
      </c>
      <c r="G4522" s="8">
        <v>1</v>
      </c>
      <c r="H4522" s="8">
        <v>1</v>
      </c>
      <c r="I4522" s="8">
        <v>0</v>
      </c>
      <c r="J4522" s="8">
        <v>1</v>
      </c>
      <c r="K4522" s="9">
        <v>930</v>
      </c>
      <c r="L4522" s="6" t="s">
        <v>51</v>
      </c>
    </row>
    <row r="4523" spans="1:12">
      <c r="A4523" s="6" t="s">
        <v>49</v>
      </c>
      <c r="B4523" s="6"/>
      <c r="C4523" s="6" t="s">
        <v>4542</v>
      </c>
      <c r="D4523" s="6"/>
      <c r="E4523" s="6" t="s">
        <v>9</v>
      </c>
      <c r="F4523" s="7">
        <v>38657</v>
      </c>
      <c r="G4523" s="8">
        <v>1</v>
      </c>
      <c r="H4523" s="8">
        <v>1</v>
      </c>
      <c r="I4523" s="8">
        <v>0</v>
      </c>
      <c r="J4523" s="8">
        <v>1</v>
      </c>
      <c r="K4523" s="9">
        <v>123</v>
      </c>
      <c r="L4523" s="6" t="s">
        <v>51</v>
      </c>
    </row>
    <row r="4524" spans="1:12">
      <c r="A4524" s="6" t="s">
        <v>49</v>
      </c>
      <c r="B4524" s="6"/>
      <c r="C4524" s="6" t="s">
        <v>4543</v>
      </c>
      <c r="D4524" s="6"/>
      <c r="E4524" s="6" t="s">
        <v>9</v>
      </c>
      <c r="F4524" s="7">
        <v>38657</v>
      </c>
      <c r="G4524" s="8">
        <v>1</v>
      </c>
      <c r="H4524" s="8">
        <v>1</v>
      </c>
      <c r="I4524" s="8">
        <v>0</v>
      </c>
      <c r="J4524" s="8">
        <v>1</v>
      </c>
      <c r="K4524" s="9">
        <v>926</v>
      </c>
      <c r="L4524" s="6" t="s">
        <v>51</v>
      </c>
    </row>
    <row r="4525" spans="1:12">
      <c r="A4525" s="6" t="s">
        <v>49</v>
      </c>
      <c r="B4525" s="6"/>
      <c r="C4525" s="6" t="s">
        <v>4544</v>
      </c>
      <c r="D4525" s="6"/>
      <c r="E4525" s="6" t="s">
        <v>9</v>
      </c>
      <c r="F4525" s="7">
        <v>38657</v>
      </c>
      <c r="G4525" s="8">
        <v>1</v>
      </c>
      <c r="H4525" s="8">
        <v>1</v>
      </c>
      <c r="I4525" s="8">
        <v>0</v>
      </c>
      <c r="J4525" s="8">
        <v>1</v>
      </c>
      <c r="K4525" s="9">
        <v>8.56</v>
      </c>
      <c r="L4525" s="6" t="s">
        <v>51</v>
      </c>
    </row>
    <row r="4526" spans="1:12">
      <c r="A4526" s="6" t="s">
        <v>49</v>
      </c>
      <c r="B4526" s="6"/>
      <c r="C4526" s="6" t="s">
        <v>4545</v>
      </c>
      <c r="D4526" s="6"/>
      <c r="E4526" s="6" t="s">
        <v>9</v>
      </c>
      <c r="F4526" s="7">
        <v>38657</v>
      </c>
      <c r="G4526" s="8">
        <v>1</v>
      </c>
      <c r="H4526" s="8">
        <v>1</v>
      </c>
      <c r="I4526" s="8">
        <v>0</v>
      </c>
      <c r="J4526" s="8">
        <v>1</v>
      </c>
      <c r="K4526" s="9">
        <v>909</v>
      </c>
      <c r="L4526" s="6" t="s">
        <v>51</v>
      </c>
    </row>
    <row r="4527" spans="1:12">
      <c r="A4527" s="6" t="s">
        <v>49</v>
      </c>
      <c r="B4527" s="6"/>
      <c r="C4527" s="6" t="s">
        <v>4546</v>
      </c>
      <c r="D4527" s="6"/>
      <c r="E4527" s="6" t="s">
        <v>9</v>
      </c>
      <c r="F4527" s="7">
        <v>38657</v>
      </c>
      <c r="G4527" s="8">
        <v>1</v>
      </c>
      <c r="H4527" s="8">
        <v>1</v>
      </c>
      <c r="I4527" s="8">
        <v>0</v>
      </c>
      <c r="J4527" s="8">
        <v>1</v>
      </c>
      <c r="K4527" s="9">
        <v>608</v>
      </c>
      <c r="L4527" s="6" t="s">
        <v>51</v>
      </c>
    </row>
    <row r="4528" spans="1:12">
      <c r="A4528" s="6" t="s">
        <v>49</v>
      </c>
      <c r="B4528" s="6"/>
      <c r="C4528" s="6" t="s">
        <v>4547</v>
      </c>
      <c r="D4528" s="6"/>
      <c r="E4528" s="6" t="s">
        <v>9</v>
      </c>
      <c r="F4528" s="7">
        <v>38657</v>
      </c>
      <c r="G4528" s="8">
        <v>1</v>
      </c>
      <c r="H4528" s="8">
        <v>1</v>
      </c>
      <c r="I4528" s="8">
        <v>0</v>
      </c>
      <c r="J4528" s="8">
        <v>1</v>
      </c>
      <c r="K4528" s="9">
        <v>917</v>
      </c>
      <c r="L4528" s="6" t="s">
        <v>51</v>
      </c>
    </row>
    <row r="4529" spans="1:12">
      <c r="A4529" s="6" t="s">
        <v>49</v>
      </c>
      <c r="B4529" s="6"/>
      <c r="C4529" s="6" t="s">
        <v>4548</v>
      </c>
      <c r="D4529" s="6"/>
      <c r="E4529" s="6" t="s">
        <v>9</v>
      </c>
      <c r="F4529" s="7">
        <v>38657</v>
      </c>
      <c r="G4529" s="8">
        <v>1</v>
      </c>
      <c r="H4529" s="8">
        <v>1</v>
      </c>
      <c r="I4529" s="8">
        <v>0</v>
      </c>
      <c r="J4529" s="8">
        <v>1</v>
      </c>
      <c r="K4529" s="9">
        <v>1320</v>
      </c>
      <c r="L4529" s="6" t="s">
        <v>51</v>
      </c>
    </row>
    <row r="4530" spans="1:12">
      <c r="A4530" s="6" t="s">
        <v>49</v>
      </c>
      <c r="B4530" s="6"/>
      <c r="C4530" s="6" t="s">
        <v>4549</v>
      </c>
      <c r="D4530" s="6"/>
      <c r="E4530" s="6" t="s">
        <v>9</v>
      </c>
      <c r="F4530" s="7">
        <v>38657</v>
      </c>
      <c r="G4530" s="8">
        <v>1</v>
      </c>
      <c r="H4530" s="8">
        <v>1</v>
      </c>
      <c r="I4530" s="8">
        <v>0</v>
      </c>
      <c r="J4530" s="8">
        <v>1</v>
      </c>
      <c r="K4530" s="9">
        <v>1247</v>
      </c>
      <c r="L4530" s="6" t="s">
        <v>51</v>
      </c>
    </row>
    <row r="4531" spans="1:12">
      <c r="A4531" s="6" t="s">
        <v>49</v>
      </c>
      <c r="B4531" s="6"/>
      <c r="C4531" s="6" t="s">
        <v>4550</v>
      </c>
      <c r="D4531" s="6"/>
      <c r="E4531" s="6" t="s">
        <v>9</v>
      </c>
      <c r="F4531" s="7">
        <v>38657</v>
      </c>
      <c r="G4531" s="8">
        <v>1</v>
      </c>
      <c r="H4531" s="8">
        <v>1</v>
      </c>
      <c r="I4531" s="8">
        <v>0</v>
      </c>
      <c r="J4531" s="8">
        <v>1</v>
      </c>
      <c r="K4531" s="9">
        <v>697</v>
      </c>
      <c r="L4531" s="6" t="s">
        <v>51</v>
      </c>
    </row>
    <row r="4532" spans="1:12">
      <c r="A4532" s="6" t="s">
        <v>49</v>
      </c>
      <c r="B4532" s="6"/>
      <c r="C4532" s="6" t="s">
        <v>4551</v>
      </c>
      <c r="D4532" s="6"/>
      <c r="E4532" s="6" t="s">
        <v>9</v>
      </c>
      <c r="F4532" s="7">
        <v>38657</v>
      </c>
      <c r="G4532" s="8">
        <v>1</v>
      </c>
      <c r="H4532" s="8">
        <v>1</v>
      </c>
      <c r="I4532" s="8">
        <v>0</v>
      </c>
      <c r="J4532" s="8">
        <v>1</v>
      </c>
      <c r="K4532" s="9">
        <v>32</v>
      </c>
      <c r="L4532" s="6" t="s">
        <v>51</v>
      </c>
    </row>
    <row r="4533" spans="1:12">
      <c r="A4533" s="6" t="s">
        <v>49</v>
      </c>
      <c r="B4533" s="6"/>
      <c r="C4533" s="6" t="s">
        <v>4552</v>
      </c>
      <c r="D4533" s="6"/>
      <c r="E4533" s="6" t="s">
        <v>9</v>
      </c>
      <c r="F4533" s="7">
        <v>38657</v>
      </c>
      <c r="G4533" s="8">
        <v>1</v>
      </c>
      <c r="H4533" s="8">
        <v>1</v>
      </c>
      <c r="I4533" s="8">
        <v>0</v>
      </c>
      <c r="J4533" s="8">
        <v>1</v>
      </c>
      <c r="K4533" s="9">
        <v>578</v>
      </c>
      <c r="L4533" s="6" t="s">
        <v>51</v>
      </c>
    </row>
    <row r="4534" spans="1:12">
      <c r="A4534" s="6" t="s">
        <v>49</v>
      </c>
      <c r="B4534" s="6"/>
      <c r="C4534" s="6" t="s">
        <v>4553</v>
      </c>
      <c r="D4534" s="6"/>
      <c r="E4534" s="6" t="s">
        <v>9</v>
      </c>
      <c r="F4534" s="7">
        <v>38657</v>
      </c>
      <c r="G4534" s="8">
        <v>1</v>
      </c>
      <c r="H4534" s="8">
        <v>1</v>
      </c>
      <c r="I4534" s="8">
        <v>0</v>
      </c>
      <c r="J4534" s="8">
        <v>1</v>
      </c>
      <c r="K4534" s="9">
        <v>119</v>
      </c>
      <c r="L4534" s="6" t="s">
        <v>51</v>
      </c>
    </row>
    <row r="4535" spans="1:12">
      <c r="A4535" s="6" t="s">
        <v>49</v>
      </c>
      <c r="B4535" s="6"/>
      <c r="C4535" s="6" t="s">
        <v>4554</v>
      </c>
      <c r="D4535" s="6"/>
      <c r="E4535" s="6" t="s">
        <v>9</v>
      </c>
      <c r="F4535" s="7">
        <v>38657</v>
      </c>
      <c r="G4535" s="8">
        <v>1</v>
      </c>
      <c r="H4535" s="8">
        <v>1</v>
      </c>
      <c r="I4535" s="8">
        <v>0</v>
      </c>
      <c r="J4535" s="8">
        <v>1</v>
      </c>
      <c r="K4535" s="9">
        <v>3.08</v>
      </c>
      <c r="L4535" s="6" t="s">
        <v>51</v>
      </c>
    </row>
    <row r="4536" spans="1:12">
      <c r="A4536" s="6" t="s">
        <v>49</v>
      </c>
      <c r="B4536" s="6"/>
      <c r="C4536" s="6" t="s">
        <v>4555</v>
      </c>
      <c r="D4536" s="6"/>
      <c r="E4536" s="6" t="s">
        <v>9</v>
      </c>
      <c r="F4536" s="7">
        <v>38657</v>
      </c>
      <c r="G4536" s="8">
        <v>1</v>
      </c>
      <c r="H4536" s="8">
        <v>1</v>
      </c>
      <c r="I4536" s="8">
        <v>0</v>
      </c>
      <c r="J4536" s="8">
        <v>1</v>
      </c>
      <c r="K4536" s="9">
        <v>88</v>
      </c>
      <c r="L4536" s="6" t="s">
        <v>51</v>
      </c>
    </row>
    <row r="4537" spans="1:12">
      <c r="A4537" s="6" t="s">
        <v>49</v>
      </c>
      <c r="B4537" s="6"/>
      <c r="C4537" s="6" t="s">
        <v>4556</v>
      </c>
      <c r="D4537" s="6"/>
      <c r="E4537" s="6" t="s">
        <v>9</v>
      </c>
      <c r="F4537" s="7">
        <v>38657</v>
      </c>
      <c r="G4537" s="8">
        <v>1</v>
      </c>
      <c r="H4537" s="8">
        <v>1</v>
      </c>
      <c r="I4537" s="8">
        <v>0</v>
      </c>
      <c r="J4537" s="8">
        <v>1</v>
      </c>
      <c r="K4537" s="9">
        <v>369</v>
      </c>
      <c r="L4537" s="6" t="s">
        <v>51</v>
      </c>
    </row>
    <row r="4538" spans="1:12">
      <c r="A4538" s="6" t="s">
        <v>49</v>
      </c>
      <c r="B4538" s="6"/>
      <c r="C4538" s="6" t="s">
        <v>4557</v>
      </c>
      <c r="D4538" s="6"/>
      <c r="E4538" s="6" t="s">
        <v>9</v>
      </c>
      <c r="F4538" s="7">
        <v>38657</v>
      </c>
      <c r="G4538" s="8">
        <v>1</v>
      </c>
      <c r="H4538" s="8">
        <v>1</v>
      </c>
      <c r="I4538" s="8">
        <v>0</v>
      </c>
      <c r="J4538" s="8">
        <v>1</v>
      </c>
      <c r="K4538" s="9">
        <v>17</v>
      </c>
      <c r="L4538" s="6" t="s">
        <v>51</v>
      </c>
    </row>
    <row r="4539" spans="1:12">
      <c r="A4539" s="6" t="s">
        <v>49</v>
      </c>
      <c r="B4539" s="6"/>
      <c r="C4539" s="6" t="s">
        <v>4558</v>
      </c>
      <c r="D4539" s="6"/>
      <c r="E4539" s="6" t="s">
        <v>9</v>
      </c>
      <c r="F4539" s="7">
        <v>38657</v>
      </c>
      <c r="G4539" s="8">
        <v>1</v>
      </c>
      <c r="H4539" s="8">
        <v>1</v>
      </c>
      <c r="I4539" s="8">
        <v>0</v>
      </c>
      <c r="J4539" s="8">
        <v>1</v>
      </c>
      <c r="K4539" s="9">
        <v>8.1</v>
      </c>
      <c r="L4539" s="6" t="s">
        <v>51</v>
      </c>
    </row>
    <row r="4540" spans="1:12">
      <c r="A4540" s="6" t="s">
        <v>49</v>
      </c>
      <c r="B4540" s="6"/>
      <c r="C4540" s="6" t="s">
        <v>4559</v>
      </c>
      <c r="D4540" s="6"/>
      <c r="E4540" s="6" t="s">
        <v>9</v>
      </c>
      <c r="F4540" s="7">
        <v>38657</v>
      </c>
      <c r="G4540" s="8">
        <v>1</v>
      </c>
      <c r="H4540" s="8">
        <v>1</v>
      </c>
      <c r="I4540" s="8">
        <v>0</v>
      </c>
      <c r="J4540" s="8">
        <v>1</v>
      </c>
      <c r="K4540" s="9">
        <v>53</v>
      </c>
      <c r="L4540" s="6" t="s">
        <v>51</v>
      </c>
    </row>
    <row r="4541" spans="1:12">
      <c r="A4541" s="6" t="s">
        <v>49</v>
      </c>
      <c r="B4541" s="6"/>
      <c r="C4541" s="6" t="s">
        <v>4560</v>
      </c>
      <c r="D4541" s="6"/>
      <c r="E4541" s="6" t="s">
        <v>9</v>
      </c>
      <c r="F4541" s="7">
        <v>38657</v>
      </c>
      <c r="G4541" s="8">
        <v>1</v>
      </c>
      <c r="H4541" s="8">
        <v>1</v>
      </c>
      <c r="I4541" s="8">
        <v>0</v>
      </c>
      <c r="J4541" s="8">
        <v>1</v>
      </c>
      <c r="K4541" s="9">
        <v>36</v>
      </c>
      <c r="L4541" s="6" t="s">
        <v>51</v>
      </c>
    </row>
    <row r="4542" spans="1:12">
      <c r="A4542" s="6" t="s">
        <v>49</v>
      </c>
      <c r="B4542" s="6"/>
      <c r="C4542" s="6" t="s">
        <v>4561</v>
      </c>
      <c r="D4542" s="6"/>
      <c r="E4542" s="6" t="s">
        <v>9</v>
      </c>
      <c r="F4542" s="7">
        <v>38657</v>
      </c>
      <c r="G4542" s="8">
        <v>812774</v>
      </c>
      <c r="H4542" s="8">
        <v>812774</v>
      </c>
      <c r="I4542" s="8">
        <v>0</v>
      </c>
      <c r="J4542" s="8">
        <v>812774</v>
      </c>
      <c r="K4542" s="9">
        <v>22</v>
      </c>
      <c r="L4542" s="6" t="s">
        <v>51</v>
      </c>
    </row>
    <row r="4543" spans="1:12">
      <c r="A4543" s="6" t="s">
        <v>49</v>
      </c>
      <c r="B4543" s="6"/>
      <c r="C4543" s="6" t="s">
        <v>4562</v>
      </c>
      <c r="D4543" s="6"/>
      <c r="E4543" s="6" t="s">
        <v>9</v>
      </c>
      <c r="F4543" s="7">
        <v>38657</v>
      </c>
      <c r="G4543" s="8">
        <v>107877</v>
      </c>
      <c r="H4543" s="8">
        <v>107877</v>
      </c>
      <c r="I4543" s="8">
        <v>0</v>
      </c>
      <c r="J4543" s="8">
        <v>107877</v>
      </c>
      <c r="K4543" s="9">
        <v>2.92</v>
      </c>
      <c r="L4543" s="6" t="s">
        <v>51</v>
      </c>
    </row>
    <row r="4544" spans="1:12">
      <c r="A4544" s="6" t="s">
        <v>49</v>
      </c>
      <c r="B4544" s="6"/>
      <c r="C4544" s="6" t="s">
        <v>4563</v>
      </c>
      <c r="D4544" s="6"/>
      <c r="E4544" s="6" t="s">
        <v>9</v>
      </c>
      <c r="F4544" s="7">
        <v>38657</v>
      </c>
      <c r="G4544" s="8">
        <v>1</v>
      </c>
      <c r="H4544" s="8">
        <v>1</v>
      </c>
      <c r="I4544" s="8">
        <v>0</v>
      </c>
      <c r="J4544" s="8">
        <v>1</v>
      </c>
      <c r="K4544" s="9">
        <v>72</v>
      </c>
      <c r="L4544" s="6" t="s">
        <v>51</v>
      </c>
    </row>
    <row r="4545" spans="1:12">
      <c r="A4545" s="6" t="s">
        <v>49</v>
      </c>
      <c r="B4545" s="6"/>
      <c r="C4545" s="6" t="s">
        <v>4564</v>
      </c>
      <c r="D4545" s="6"/>
      <c r="E4545" s="6" t="s">
        <v>9</v>
      </c>
      <c r="F4545" s="7">
        <v>38657</v>
      </c>
      <c r="G4545" s="8">
        <v>1</v>
      </c>
      <c r="H4545" s="8">
        <v>1</v>
      </c>
      <c r="I4545" s="8">
        <v>0</v>
      </c>
      <c r="J4545" s="8">
        <v>1</v>
      </c>
      <c r="K4545" s="9">
        <v>111</v>
      </c>
      <c r="L4545" s="6" t="s">
        <v>51</v>
      </c>
    </row>
    <row r="4546" spans="1:12">
      <c r="A4546" s="6" t="s">
        <v>49</v>
      </c>
      <c r="B4546" s="6"/>
      <c r="C4546" s="6" t="s">
        <v>4565</v>
      </c>
      <c r="D4546" s="6"/>
      <c r="E4546" s="6" t="s">
        <v>9</v>
      </c>
      <c r="F4546" s="7">
        <v>38657</v>
      </c>
      <c r="G4546" s="8">
        <v>1</v>
      </c>
      <c r="H4546" s="8">
        <v>1</v>
      </c>
      <c r="I4546" s="8">
        <v>0</v>
      </c>
      <c r="J4546" s="8">
        <v>1</v>
      </c>
      <c r="K4546" s="9">
        <v>3.45</v>
      </c>
      <c r="L4546" s="6" t="s">
        <v>51</v>
      </c>
    </row>
    <row r="4547" spans="1:12">
      <c r="A4547" s="6" t="s">
        <v>49</v>
      </c>
      <c r="B4547" s="6"/>
      <c r="C4547" s="6" t="s">
        <v>4566</v>
      </c>
      <c r="D4547" s="6"/>
      <c r="E4547" s="6" t="s">
        <v>9</v>
      </c>
      <c r="F4547" s="7">
        <v>38657</v>
      </c>
      <c r="G4547" s="8">
        <v>1</v>
      </c>
      <c r="H4547" s="8">
        <v>1</v>
      </c>
      <c r="I4547" s="8">
        <v>0</v>
      </c>
      <c r="J4547" s="8">
        <v>1</v>
      </c>
      <c r="K4547" s="9">
        <v>176</v>
      </c>
      <c r="L4547" s="6" t="s">
        <v>51</v>
      </c>
    </row>
    <row r="4548" spans="1:12">
      <c r="A4548" s="6" t="s">
        <v>49</v>
      </c>
      <c r="B4548" s="6"/>
      <c r="C4548" s="6" t="s">
        <v>4567</v>
      </c>
      <c r="D4548" s="6"/>
      <c r="E4548" s="6" t="s">
        <v>9</v>
      </c>
      <c r="F4548" s="7">
        <v>38657</v>
      </c>
      <c r="G4548" s="8">
        <v>1</v>
      </c>
      <c r="H4548" s="8">
        <v>1</v>
      </c>
      <c r="I4548" s="8">
        <v>0</v>
      </c>
      <c r="J4548" s="8">
        <v>1</v>
      </c>
      <c r="K4548" s="9">
        <v>50</v>
      </c>
      <c r="L4548" s="6" t="s">
        <v>51</v>
      </c>
    </row>
    <row r="4549" spans="1:12">
      <c r="A4549" s="6" t="s">
        <v>49</v>
      </c>
      <c r="B4549" s="6"/>
      <c r="C4549" s="6" t="s">
        <v>4568</v>
      </c>
      <c r="D4549" s="6"/>
      <c r="E4549" s="6" t="s">
        <v>9</v>
      </c>
      <c r="F4549" s="7">
        <v>38657</v>
      </c>
      <c r="G4549" s="8">
        <v>1</v>
      </c>
      <c r="H4549" s="8">
        <v>1</v>
      </c>
      <c r="I4549" s="8">
        <v>0</v>
      </c>
      <c r="J4549" s="8">
        <v>1</v>
      </c>
      <c r="K4549" s="9">
        <v>34</v>
      </c>
      <c r="L4549" s="6" t="s">
        <v>51</v>
      </c>
    </row>
    <row r="4550" spans="1:12">
      <c r="A4550" s="6" t="s">
        <v>49</v>
      </c>
      <c r="B4550" s="6"/>
      <c r="C4550" s="6" t="s">
        <v>4569</v>
      </c>
      <c r="D4550" s="6"/>
      <c r="E4550" s="6" t="s">
        <v>9</v>
      </c>
      <c r="F4550" s="7">
        <v>38657</v>
      </c>
      <c r="G4550" s="8">
        <v>1</v>
      </c>
      <c r="H4550" s="8">
        <v>1</v>
      </c>
      <c r="I4550" s="8">
        <v>0</v>
      </c>
      <c r="J4550" s="8">
        <v>1</v>
      </c>
      <c r="K4550" s="9">
        <v>55</v>
      </c>
      <c r="L4550" s="6" t="s">
        <v>51</v>
      </c>
    </row>
    <row r="4551" spans="1:12">
      <c r="A4551" s="6" t="s">
        <v>49</v>
      </c>
      <c r="B4551" s="6"/>
      <c r="C4551" s="6" t="s">
        <v>4570</v>
      </c>
      <c r="D4551" s="6"/>
      <c r="E4551" s="6" t="s">
        <v>9</v>
      </c>
      <c r="F4551" s="7">
        <v>38657</v>
      </c>
      <c r="G4551" s="8">
        <v>1</v>
      </c>
      <c r="H4551" s="8">
        <v>1</v>
      </c>
      <c r="I4551" s="8">
        <v>0</v>
      </c>
      <c r="J4551" s="8">
        <v>1</v>
      </c>
      <c r="K4551" s="9">
        <v>2.84</v>
      </c>
      <c r="L4551" s="6" t="s">
        <v>51</v>
      </c>
    </row>
    <row r="4552" spans="1:12">
      <c r="A4552" s="6" t="s">
        <v>49</v>
      </c>
      <c r="B4552" s="6"/>
      <c r="C4552" s="6" t="s">
        <v>4571</v>
      </c>
      <c r="D4552" s="6"/>
      <c r="E4552" s="6" t="s">
        <v>9</v>
      </c>
      <c r="F4552" s="7">
        <v>38657</v>
      </c>
      <c r="G4552" s="8">
        <v>1</v>
      </c>
      <c r="H4552" s="8">
        <v>1</v>
      </c>
      <c r="I4552" s="8">
        <v>0</v>
      </c>
      <c r="J4552" s="8">
        <v>1</v>
      </c>
      <c r="K4552" s="9">
        <v>101</v>
      </c>
      <c r="L4552" s="6" t="s">
        <v>51</v>
      </c>
    </row>
    <row r="4553" spans="1:12">
      <c r="A4553" s="6" t="s">
        <v>49</v>
      </c>
      <c r="B4553" s="6"/>
      <c r="C4553" s="6" t="s">
        <v>4572</v>
      </c>
      <c r="D4553" s="6"/>
      <c r="E4553" s="6" t="s">
        <v>9</v>
      </c>
      <c r="F4553" s="7">
        <v>38657</v>
      </c>
      <c r="G4553" s="8">
        <v>3103319</v>
      </c>
      <c r="H4553" s="8">
        <v>3103319</v>
      </c>
      <c r="I4553" s="8">
        <v>0</v>
      </c>
      <c r="J4553" s="8">
        <v>3103319</v>
      </c>
      <c r="K4553" s="9">
        <v>84</v>
      </c>
      <c r="L4553" s="6" t="s">
        <v>51</v>
      </c>
    </row>
    <row r="4554" spans="1:12">
      <c r="A4554" s="6" t="s">
        <v>49</v>
      </c>
      <c r="B4554" s="6"/>
      <c r="C4554" s="6" t="s">
        <v>4573</v>
      </c>
      <c r="D4554" s="6"/>
      <c r="E4554" s="6" t="s">
        <v>9</v>
      </c>
      <c r="F4554" s="7">
        <v>38657</v>
      </c>
      <c r="G4554" s="8">
        <v>1847214</v>
      </c>
      <c r="H4554" s="8">
        <v>1847214</v>
      </c>
      <c r="I4554" s="8">
        <v>0</v>
      </c>
      <c r="J4554" s="8">
        <v>1847214</v>
      </c>
      <c r="K4554" s="9">
        <v>50</v>
      </c>
      <c r="L4554" s="6" t="s">
        <v>51</v>
      </c>
    </row>
    <row r="4555" spans="1:12">
      <c r="A4555" s="6" t="s">
        <v>49</v>
      </c>
      <c r="B4555" s="6"/>
      <c r="C4555" s="6" t="s">
        <v>4574</v>
      </c>
      <c r="D4555" s="6"/>
      <c r="E4555" s="6" t="s">
        <v>9</v>
      </c>
      <c r="F4555" s="7">
        <v>38657</v>
      </c>
      <c r="G4555" s="8">
        <v>1</v>
      </c>
      <c r="H4555" s="8">
        <v>1</v>
      </c>
      <c r="I4555" s="8">
        <v>0</v>
      </c>
      <c r="J4555" s="8">
        <v>1</v>
      </c>
      <c r="K4555" s="9">
        <v>10</v>
      </c>
      <c r="L4555" s="6" t="s">
        <v>51</v>
      </c>
    </row>
    <row r="4556" spans="1:12">
      <c r="A4556" s="6" t="s">
        <v>49</v>
      </c>
      <c r="B4556" s="6"/>
      <c r="C4556" s="6" t="s">
        <v>4575</v>
      </c>
      <c r="D4556" s="6"/>
      <c r="E4556" s="6" t="s">
        <v>9</v>
      </c>
      <c r="F4556" s="7">
        <v>38657</v>
      </c>
      <c r="G4556" s="8">
        <v>1</v>
      </c>
      <c r="H4556" s="8">
        <v>1</v>
      </c>
      <c r="I4556" s="8">
        <v>0</v>
      </c>
      <c r="J4556" s="8">
        <v>1</v>
      </c>
      <c r="K4556" s="9">
        <v>14</v>
      </c>
      <c r="L4556" s="6" t="s">
        <v>51</v>
      </c>
    </row>
    <row r="4557" spans="1:12">
      <c r="A4557" s="6" t="s">
        <v>49</v>
      </c>
      <c r="B4557" s="6"/>
      <c r="C4557" s="6" t="s">
        <v>4576</v>
      </c>
      <c r="D4557" s="6"/>
      <c r="E4557" s="6" t="s">
        <v>9</v>
      </c>
      <c r="F4557" s="7">
        <v>38657</v>
      </c>
      <c r="G4557" s="8">
        <v>1</v>
      </c>
      <c r="H4557" s="8">
        <v>1</v>
      </c>
      <c r="I4557" s="8">
        <v>0</v>
      </c>
      <c r="J4557" s="8">
        <v>1</v>
      </c>
      <c r="K4557" s="9">
        <v>7.39</v>
      </c>
      <c r="L4557" s="6" t="s">
        <v>51</v>
      </c>
    </row>
    <row r="4558" spans="1:12">
      <c r="A4558" s="6" t="s">
        <v>49</v>
      </c>
      <c r="B4558" s="6"/>
      <c r="C4558" s="6" t="s">
        <v>4577</v>
      </c>
      <c r="D4558" s="6"/>
      <c r="E4558" s="6" t="s">
        <v>9</v>
      </c>
      <c r="F4558" s="7">
        <v>38657</v>
      </c>
      <c r="G4558" s="8">
        <v>1</v>
      </c>
      <c r="H4558" s="8">
        <v>1</v>
      </c>
      <c r="I4558" s="8">
        <v>0</v>
      </c>
      <c r="J4558" s="8">
        <v>1</v>
      </c>
      <c r="K4558" s="9">
        <v>53</v>
      </c>
      <c r="L4558" s="6" t="s">
        <v>51</v>
      </c>
    </row>
    <row r="4559" spans="1:12">
      <c r="A4559" s="6" t="s">
        <v>49</v>
      </c>
      <c r="B4559" s="6"/>
      <c r="C4559" s="6" t="s">
        <v>4578</v>
      </c>
      <c r="D4559" s="6"/>
      <c r="E4559" s="6" t="s">
        <v>9</v>
      </c>
      <c r="F4559" s="7">
        <v>38657</v>
      </c>
      <c r="G4559" s="8">
        <v>1</v>
      </c>
      <c r="H4559" s="8">
        <v>1</v>
      </c>
      <c r="I4559" s="8">
        <v>0</v>
      </c>
      <c r="J4559" s="8">
        <v>1</v>
      </c>
      <c r="K4559" s="9">
        <v>11</v>
      </c>
      <c r="L4559" s="6" t="s">
        <v>51</v>
      </c>
    </row>
    <row r="4560" spans="1:12">
      <c r="A4560" s="6" t="s">
        <v>49</v>
      </c>
      <c r="B4560" s="6"/>
      <c r="C4560" s="6" t="s">
        <v>4579</v>
      </c>
      <c r="D4560" s="6"/>
      <c r="E4560" s="6" t="s">
        <v>9</v>
      </c>
      <c r="F4560" s="7">
        <v>38657</v>
      </c>
      <c r="G4560" s="8">
        <v>1</v>
      </c>
      <c r="H4560" s="8">
        <v>1</v>
      </c>
      <c r="I4560" s="8">
        <v>0</v>
      </c>
      <c r="J4560" s="8">
        <v>1</v>
      </c>
      <c r="K4560" s="9">
        <v>5.91</v>
      </c>
      <c r="L4560" s="6" t="s">
        <v>51</v>
      </c>
    </row>
    <row r="4561" spans="1:12">
      <c r="A4561" s="6" t="s">
        <v>49</v>
      </c>
      <c r="B4561" s="6"/>
      <c r="C4561" s="6" t="s">
        <v>4580</v>
      </c>
      <c r="D4561" s="6"/>
      <c r="E4561" s="6" t="s">
        <v>9</v>
      </c>
      <c r="F4561" s="7">
        <v>38657</v>
      </c>
      <c r="G4561" s="8">
        <v>1</v>
      </c>
      <c r="H4561" s="8">
        <v>1</v>
      </c>
      <c r="I4561" s="8">
        <v>0</v>
      </c>
      <c r="J4561" s="8">
        <v>1</v>
      </c>
      <c r="K4561" s="9">
        <v>3.01</v>
      </c>
      <c r="L4561" s="6" t="s">
        <v>51</v>
      </c>
    </row>
    <row r="4562" spans="1:12">
      <c r="A4562" s="6" t="s">
        <v>49</v>
      </c>
      <c r="B4562" s="6"/>
      <c r="C4562" s="6" t="s">
        <v>4581</v>
      </c>
      <c r="D4562" s="6"/>
      <c r="E4562" s="6" t="s">
        <v>9</v>
      </c>
      <c r="F4562" s="7">
        <v>38657</v>
      </c>
      <c r="G4562" s="8">
        <v>1</v>
      </c>
      <c r="H4562" s="8">
        <v>1</v>
      </c>
      <c r="I4562" s="8">
        <v>0</v>
      </c>
      <c r="J4562" s="8">
        <v>1</v>
      </c>
      <c r="K4562" s="9">
        <v>22</v>
      </c>
      <c r="L4562" s="6" t="s">
        <v>51</v>
      </c>
    </row>
    <row r="4563" spans="1:12">
      <c r="A4563" s="6" t="s">
        <v>49</v>
      </c>
      <c r="B4563" s="6"/>
      <c r="C4563" s="6" t="s">
        <v>4582</v>
      </c>
      <c r="D4563" s="6"/>
      <c r="E4563" s="6" t="s">
        <v>9</v>
      </c>
      <c r="F4563" s="7">
        <v>38657</v>
      </c>
      <c r="G4563" s="8">
        <v>1</v>
      </c>
      <c r="H4563" s="8">
        <v>1</v>
      </c>
      <c r="I4563" s="8">
        <v>0</v>
      </c>
      <c r="J4563" s="8">
        <v>1</v>
      </c>
      <c r="K4563" s="9">
        <v>65</v>
      </c>
      <c r="L4563" s="6" t="s">
        <v>51</v>
      </c>
    </row>
    <row r="4564" spans="1:12">
      <c r="A4564" s="6" t="s">
        <v>49</v>
      </c>
      <c r="B4564" s="6"/>
      <c r="C4564" s="6" t="s">
        <v>4583</v>
      </c>
      <c r="D4564" s="6"/>
      <c r="E4564" s="6" t="s">
        <v>9</v>
      </c>
      <c r="F4564" s="7">
        <v>38657</v>
      </c>
      <c r="G4564" s="8">
        <v>1</v>
      </c>
      <c r="H4564" s="8">
        <v>1</v>
      </c>
      <c r="I4564" s="8">
        <v>0</v>
      </c>
      <c r="J4564" s="8">
        <v>1</v>
      </c>
      <c r="K4564" s="9">
        <v>84</v>
      </c>
      <c r="L4564" s="6" t="s">
        <v>51</v>
      </c>
    </row>
    <row r="4565" spans="1:12">
      <c r="A4565" s="6" t="s">
        <v>49</v>
      </c>
      <c r="B4565" s="6"/>
      <c r="C4565" s="6" t="s">
        <v>4584</v>
      </c>
      <c r="D4565" s="6"/>
      <c r="E4565" s="6" t="s">
        <v>9</v>
      </c>
      <c r="F4565" s="7">
        <v>38657</v>
      </c>
      <c r="G4565" s="8">
        <v>1</v>
      </c>
      <c r="H4565" s="8">
        <v>1</v>
      </c>
      <c r="I4565" s="8">
        <v>0</v>
      </c>
      <c r="J4565" s="8">
        <v>1</v>
      </c>
      <c r="K4565" s="9">
        <v>17</v>
      </c>
      <c r="L4565" s="6" t="s">
        <v>51</v>
      </c>
    </row>
    <row r="4566" spans="1:12">
      <c r="A4566" s="6" t="s">
        <v>49</v>
      </c>
      <c r="B4566" s="6"/>
      <c r="C4566" s="6" t="s">
        <v>4585</v>
      </c>
      <c r="D4566" s="6"/>
      <c r="E4566" s="6" t="s">
        <v>9</v>
      </c>
      <c r="F4566" s="7">
        <v>38657</v>
      </c>
      <c r="G4566" s="8">
        <v>1</v>
      </c>
      <c r="H4566" s="8">
        <v>1</v>
      </c>
      <c r="I4566" s="8">
        <v>0</v>
      </c>
      <c r="J4566" s="8">
        <v>1</v>
      </c>
      <c r="K4566" s="9">
        <v>21</v>
      </c>
      <c r="L4566" s="6" t="s">
        <v>51</v>
      </c>
    </row>
    <row r="4567" spans="1:12">
      <c r="A4567" s="6" t="s">
        <v>49</v>
      </c>
      <c r="B4567" s="6"/>
      <c r="C4567" s="6" t="s">
        <v>4586</v>
      </c>
      <c r="D4567" s="6"/>
      <c r="E4567" s="6" t="s">
        <v>9</v>
      </c>
      <c r="F4567" s="7">
        <v>38657</v>
      </c>
      <c r="G4567" s="8">
        <v>1</v>
      </c>
      <c r="H4567" s="8">
        <v>1</v>
      </c>
      <c r="I4567" s="8">
        <v>0</v>
      </c>
      <c r="J4567" s="8">
        <v>1</v>
      </c>
      <c r="K4567" s="9">
        <v>44</v>
      </c>
      <c r="L4567" s="6" t="s">
        <v>51</v>
      </c>
    </row>
    <row r="4568" spans="1:12">
      <c r="A4568" s="6" t="s">
        <v>49</v>
      </c>
      <c r="B4568" s="6"/>
      <c r="C4568" s="6" t="s">
        <v>4587</v>
      </c>
      <c r="D4568" s="6"/>
      <c r="E4568" s="6" t="s">
        <v>9</v>
      </c>
      <c r="F4568" s="7">
        <v>38657</v>
      </c>
      <c r="G4568" s="8">
        <v>1</v>
      </c>
      <c r="H4568" s="8">
        <v>1</v>
      </c>
      <c r="I4568" s="8">
        <v>0</v>
      </c>
      <c r="J4568" s="8">
        <v>1</v>
      </c>
      <c r="K4568" s="9">
        <v>6.71</v>
      </c>
      <c r="L4568" s="6" t="s">
        <v>51</v>
      </c>
    </row>
    <row r="4569" spans="1:12">
      <c r="A4569" s="6" t="s">
        <v>49</v>
      </c>
      <c r="B4569" s="6"/>
      <c r="C4569" s="6" t="s">
        <v>4588</v>
      </c>
      <c r="D4569" s="6"/>
      <c r="E4569" s="6" t="s">
        <v>9</v>
      </c>
      <c r="F4569" s="7">
        <v>38657</v>
      </c>
      <c r="G4569" s="8">
        <v>1</v>
      </c>
      <c r="H4569" s="8">
        <v>1</v>
      </c>
      <c r="I4569" s="8">
        <v>0</v>
      </c>
      <c r="J4569" s="8">
        <v>1</v>
      </c>
      <c r="K4569" s="9">
        <v>3.57</v>
      </c>
      <c r="L4569" s="6" t="s">
        <v>51</v>
      </c>
    </row>
    <row r="4570" spans="1:12">
      <c r="A4570" s="6" t="s">
        <v>49</v>
      </c>
      <c r="B4570" s="6"/>
      <c r="C4570" s="6" t="s">
        <v>4589</v>
      </c>
      <c r="D4570" s="6"/>
      <c r="E4570" s="6" t="s">
        <v>9</v>
      </c>
      <c r="F4570" s="7">
        <v>38657</v>
      </c>
      <c r="G4570" s="8">
        <v>1</v>
      </c>
      <c r="H4570" s="8">
        <v>1</v>
      </c>
      <c r="I4570" s="8">
        <v>0</v>
      </c>
      <c r="J4570" s="8">
        <v>1</v>
      </c>
      <c r="K4570" s="9">
        <v>117</v>
      </c>
      <c r="L4570" s="6" t="s">
        <v>51</v>
      </c>
    </row>
    <row r="4571" spans="1:12">
      <c r="A4571" s="6" t="s">
        <v>49</v>
      </c>
      <c r="B4571" s="6"/>
      <c r="C4571" s="6" t="s">
        <v>4590</v>
      </c>
      <c r="D4571" s="6"/>
      <c r="E4571" s="6" t="s">
        <v>9</v>
      </c>
      <c r="F4571" s="7">
        <v>38657</v>
      </c>
      <c r="G4571" s="8">
        <v>1</v>
      </c>
      <c r="H4571" s="8">
        <v>1</v>
      </c>
      <c r="I4571" s="8">
        <v>0</v>
      </c>
      <c r="J4571" s="8">
        <v>1</v>
      </c>
      <c r="K4571" s="9">
        <v>44</v>
      </c>
      <c r="L4571" s="6" t="s">
        <v>51</v>
      </c>
    </row>
    <row r="4572" spans="1:12">
      <c r="A4572" s="6" t="s">
        <v>49</v>
      </c>
      <c r="B4572" s="6"/>
      <c r="C4572" s="6" t="s">
        <v>4591</v>
      </c>
      <c r="D4572" s="6"/>
      <c r="E4572" s="6" t="s">
        <v>9</v>
      </c>
      <c r="F4572" s="7">
        <v>38657</v>
      </c>
      <c r="G4572" s="8">
        <v>1</v>
      </c>
      <c r="H4572" s="8">
        <v>1</v>
      </c>
      <c r="I4572" s="8">
        <v>0</v>
      </c>
      <c r="J4572" s="8">
        <v>1</v>
      </c>
      <c r="K4572" s="9">
        <v>44</v>
      </c>
      <c r="L4572" s="6" t="s">
        <v>51</v>
      </c>
    </row>
    <row r="4573" spans="1:12">
      <c r="A4573" s="6" t="s">
        <v>49</v>
      </c>
      <c r="B4573" s="6"/>
      <c r="C4573" s="6" t="s">
        <v>4592</v>
      </c>
      <c r="D4573" s="6"/>
      <c r="E4573" s="6" t="s">
        <v>9</v>
      </c>
      <c r="F4573" s="7">
        <v>38657</v>
      </c>
      <c r="G4573" s="8">
        <v>1</v>
      </c>
      <c r="H4573" s="8">
        <v>1</v>
      </c>
      <c r="I4573" s="8">
        <v>0</v>
      </c>
      <c r="J4573" s="8">
        <v>1</v>
      </c>
      <c r="K4573" s="9">
        <v>44</v>
      </c>
      <c r="L4573" s="6" t="s">
        <v>51</v>
      </c>
    </row>
    <row r="4574" spans="1:12">
      <c r="A4574" s="6" t="s">
        <v>49</v>
      </c>
      <c r="B4574" s="6"/>
      <c r="C4574" s="6" t="s">
        <v>4593</v>
      </c>
      <c r="D4574" s="6"/>
      <c r="E4574" s="6" t="s">
        <v>9</v>
      </c>
      <c r="F4574" s="7">
        <v>38657</v>
      </c>
      <c r="G4574" s="8">
        <v>1</v>
      </c>
      <c r="H4574" s="8">
        <v>1</v>
      </c>
      <c r="I4574" s="8">
        <v>0</v>
      </c>
      <c r="J4574" s="8">
        <v>1</v>
      </c>
      <c r="K4574" s="9">
        <v>1.1000000000000001</v>
      </c>
      <c r="L4574" s="6" t="s">
        <v>51</v>
      </c>
    </row>
    <row r="4575" spans="1:12">
      <c r="A4575" s="6" t="s">
        <v>49</v>
      </c>
      <c r="B4575" s="6"/>
      <c r="C4575" s="6" t="s">
        <v>4594</v>
      </c>
      <c r="D4575" s="6"/>
      <c r="E4575" s="6" t="s">
        <v>9</v>
      </c>
      <c r="F4575" s="7">
        <v>38657</v>
      </c>
      <c r="G4575" s="8">
        <v>1</v>
      </c>
      <c r="H4575" s="8">
        <v>1</v>
      </c>
      <c r="I4575" s="8">
        <v>0</v>
      </c>
      <c r="J4575" s="8">
        <v>1</v>
      </c>
      <c r="K4575" s="9">
        <v>2.23</v>
      </c>
      <c r="L4575" s="6" t="s">
        <v>51</v>
      </c>
    </row>
    <row r="4576" spans="1:12">
      <c r="A4576" s="6" t="s">
        <v>49</v>
      </c>
      <c r="B4576" s="6"/>
      <c r="C4576" s="6" t="s">
        <v>4595</v>
      </c>
      <c r="D4576" s="6"/>
      <c r="E4576" s="6" t="s">
        <v>9</v>
      </c>
      <c r="F4576" s="7">
        <v>38657</v>
      </c>
      <c r="G4576" s="8">
        <v>1</v>
      </c>
      <c r="H4576" s="8">
        <v>1</v>
      </c>
      <c r="I4576" s="8">
        <v>0</v>
      </c>
      <c r="J4576" s="8">
        <v>1</v>
      </c>
      <c r="K4576" s="9">
        <v>29</v>
      </c>
      <c r="L4576" s="6" t="s">
        <v>51</v>
      </c>
    </row>
    <row r="4577" spans="1:12">
      <c r="A4577" s="6" t="s">
        <v>49</v>
      </c>
      <c r="B4577" s="6"/>
      <c r="C4577" s="6" t="s">
        <v>4596</v>
      </c>
      <c r="D4577" s="6"/>
      <c r="E4577" s="6" t="s">
        <v>9</v>
      </c>
      <c r="F4577" s="7">
        <v>38657</v>
      </c>
      <c r="G4577" s="8">
        <v>1</v>
      </c>
      <c r="H4577" s="8">
        <v>1</v>
      </c>
      <c r="I4577" s="8">
        <v>0</v>
      </c>
      <c r="J4577" s="8">
        <v>1</v>
      </c>
      <c r="K4577" s="9">
        <v>82</v>
      </c>
      <c r="L4577" s="6" t="s">
        <v>51</v>
      </c>
    </row>
    <row r="4578" spans="1:12">
      <c r="A4578" s="6" t="s">
        <v>49</v>
      </c>
      <c r="B4578" s="6"/>
      <c r="C4578" s="6" t="s">
        <v>4597</v>
      </c>
      <c r="D4578" s="6"/>
      <c r="E4578" s="6" t="s">
        <v>9</v>
      </c>
      <c r="F4578" s="7">
        <v>38657</v>
      </c>
      <c r="G4578" s="8">
        <v>1</v>
      </c>
      <c r="H4578" s="8">
        <v>1</v>
      </c>
      <c r="I4578" s="8">
        <v>0</v>
      </c>
      <c r="J4578" s="8">
        <v>1</v>
      </c>
      <c r="K4578" s="9">
        <v>16</v>
      </c>
      <c r="L4578" s="6" t="s">
        <v>51</v>
      </c>
    </row>
    <row r="4579" spans="1:12">
      <c r="A4579" s="6" t="s">
        <v>49</v>
      </c>
      <c r="B4579" s="6"/>
      <c r="C4579" s="6" t="s">
        <v>4598</v>
      </c>
      <c r="D4579" s="6"/>
      <c r="E4579" s="6" t="s">
        <v>9</v>
      </c>
      <c r="F4579" s="7">
        <v>38657</v>
      </c>
      <c r="G4579" s="8">
        <v>1</v>
      </c>
      <c r="H4579" s="8">
        <v>1</v>
      </c>
      <c r="I4579" s="8">
        <v>0</v>
      </c>
      <c r="J4579" s="8">
        <v>1</v>
      </c>
      <c r="K4579" s="9">
        <v>49</v>
      </c>
      <c r="L4579" s="6" t="s">
        <v>51</v>
      </c>
    </row>
    <row r="4580" spans="1:12">
      <c r="A4580" s="6" t="s">
        <v>49</v>
      </c>
      <c r="B4580" s="6"/>
      <c r="C4580" s="6" t="s">
        <v>4599</v>
      </c>
      <c r="D4580" s="6"/>
      <c r="E4580" s="6" t="s">
        <v>9</v>
      </c>
      <c r="F4580" s="7">
        <v>38657</v>
      </c>
      <c r="G4580" s="8">
        <v>1</v>
      </c>
      <c r="H4580" s="8">
        <v>1</v>
      </c>
      <c r="I4580" s="8">
        <v>0</v>
      </c>
      <c r="J4580" s="8">
        <v>1</v>
      </c>
      <c r="K4580" s="9">
        <v>16</v>
      </c>
      <c r="L4580" s="6" t="s">
        <v>51</v>
      </c>
    </row>
    <row r="4581" spans="1:12">
      <c r="A4581" s="6" t="s">
        <v>49</v>
      </c>
      <c r="B4581" s="6"/>
      <c r="C4581" s="6" t="s">
        <v>4600</v>
      </c>
      <c r="D4581" s="6"/>
      <c r="E4581" s="6" t="s">
        <v>9</v>
      </c>
      <c r="F4581" s="7">
        <v>38657</v>
      </c>
      <c r="G4581" s="8">
        <v>1</v>
      </c>
      <c r="H4581" s="8">
        <v>1</v>
      </c>
      <c r="I4581" s="8">
        <v>0</v>
      </c>
      <c r="J4581" s="8">
        <v>1</v>
      </c>
      <c r="K4581" s="9">
        <v>109</v>
      </c>
      <c r="L4581" s="6" t="s">
        <v>51</v>
      </c>
    </row>
    <row r="4582" spans="1:12">
      <c r="A4582" s="6" t="s">
        <v>49</v>
      </c>
      <c r="B4582" s="6"/>
      <c r="C4582" s="6" t="s">
        <v>4601</v>
      </c>
      <c r="D4582" s="6"/>
      <c r="E4582" s="6" t="s">
        <v>9</v>
      </c>
      <c r="F4582" s="7">
        <v>38657</v>
      </c>
      <c r="G4582" s="8">
        <v>1</v>
      </c>
      <c r="H4582" s="8">
        <v>1</v>
      </c>
      <c r="I4582" s="8">
        <v>0</v>
      </c>
      <c r="J4582" s="8">
        <v>1</v>
      </c>
      <c r="K4582" s="9">
        <v>49</v>
      </c>
      <c r="L4582" s="6" t="s">
        <v>51</v>
      </c>
    </row>
    <row r="4583" spans="1:12">
      <c r="A4583" s="6" t="s">
        <v>49</v>
      </c>
      <c r="B4583" s="6"/>
      <c r="C4583" s="6" t="s">
        <v>4602</v>
      </c>
      <c r="D4583" s="6"/>
      <c r="E4583" s="6" t="s">
        <v>9</v>
      </c>
      <c r="F4583" s="7">
        <v>38657</v>
      </c>
      <c r="G4583" s="8">
        <v>1</v>
      </c>
      <c r="H4583" s="8">
        <v>1</v>
      </c>
      <c r="I4583" s="8">
        <v>0</v>
      </c>
      <c r="J4583" s="8">
        <v>1</v>
      </c>
      <c r="K4583" s="9">
        <v>9.91</v>
      </c>
      <c r="L4583" s="6" t="s">
        <v>51</v>
      </c>
    </row>
    <row r="4584" spans="1:12">
      <c r="A4584" s="6" t="s">
        <v>49</v>
      </c>
      <c r="B4584" s="6"/>
      <c r="C4584" s="6" t="s">
        <v>4603</v>
      </c>
      <c r="D4584" s="6"/>
      <c r="E4584" s="6" t="s">
        <v>9</v>
      </c>
      <c r="F4584" s="7">
        <v>38657</v>
      </c>
      <c r="G4584" s="8">
        <v>1</v>
      </c>
      <c r="H4584" s="8">
        <v>1</v>
      </c>
      <c r="I4584" s="8">
        <v>0</v>
      </c>
      <c r="J4584" s="8">
        <v>1</v>
      </c>
      <c r="K4584" s="9">
        <v>33</v>
      </c>
      <c r="L4584" s="6" t="s">
        <v>51</v>
      </c>
    </row>
    <row r="4585" spans="1:12">
      <c r="A4585" s="6" t="s">
        <v>49</v>
      </c>
      <c r="B4585" s="6"/>
      <c r="C4585" s="6" t="s">
        <v>4604</v>
      </c>
      <c r="D4585" s="6"/>
      <c r="E4585" s="6" t="s">
        <v>9</v>
      </c>
      <c r="F4585" s="7">
        <v>38657</v>
      </c>
      <c r="G4585" s="8">
        <v>1</v>
      </c>
      <c r="H4585" s="8">
        <v>1</v>
      </c>
      <c r="I4585" s="8">
        <v>0</v>
      </c>
      <c r="J4585" s="8">
        <v>1</v>
      </c>
      <c r="K4585" s="9">
        <v>16</v>
      </c>
      <c r="L4585" s="6" t="s">
        <v>51</v>
      </c>
    </row>
    <row r="4586" spans="1:12">
      <c r="A4586" s="6" t="s">
        <v>49</v>
      </c>
      <c r="B4586" s="6"/>
      <c r="C4586" s="6" t="s">
        <v>4605</v>
      </c>
      <c r="D4586" s="6"/>
      <c r="E4586" s="6" t="s">
        <v>9</v>
      </c>
      <c r="F4586" s="7">
        <v>38657</v>
      </c>
      <c r="G4586" s="8">
        <v>1</v>
      </c>
      <c r="H4586" s="8">
        <v>1</v>
      </c>
      <c r="I4586" s="8">
        <v>0</v>
      </c>
      <c r="J4586" s="8">
        <v>1</v>
      </c>
      <c r="K4586" s="9">
        <v>29</v>
      </c>
      <c r="L4586" s="6" t="s">
        <v>51</v>
      </c>
    </row>
    <row r="4587" spans="1:12">
      <c r="A4587" s="6" t="s">
        <v>49</v>
      </c>
      <c r="B4587" s="6"/>
      <c r="C4587" s="6" t="s">
        <v>4606</v>
      </c>
      <c r="D4587" s="6"/>
      <c r="E4587" s="6" t="s">
        <v>9</v>
      </c>
      <c r="F4587" s="7">
        <v>38657</v>
      </c>
      <c r="G4587" s="8">
        <v>50659</v>
      </c>
      <c r="H4587" s="8">
        <v>50659</v>
      </c>
      <c r="I4587" s="8">
        <v>0</v>
      </c>
      <c r="J4587" s="8">
        <v>50659</v>
      </c>
      <c r="K4587" s="9">
        <v>9.91</v>
      </c>
      <c r="L4587" s="6" t="s">
        <v>23</v>
      </c>
    </row>
    <row r="4588" spans="1:12">
      <c r="A4588" s="6" t="s">
        <v>49</v>
      </c>
      <c r="B4588" s="6"/>
      <c r="C4588" s="6" t="s">
        <v>4607</v>
      </c>
      <c r="D4588" s="6"/>
      <c r="E4588" s="6" t="s">
        <v>9</v>
      </c>
      <c r="F4588" s="7">
        <v>38657</v>
      </c>
      <c r="G4588" s="8">
        <v>1</v>
      </c>
      <c r="H4588" s="8">
        <v>1</v>
      </c>
      <c r="I4588" s="8">
        <v>0</v>
      </c>
      <c r="J4588" s="8">
        <v>1</v>
      </c>
      <c r="K4588" s="9">
        <v>41</v>
      </c>
      <c r="L4588" s="6" t="s">
        <v>51</v>
      </c>
    </row>
    <row r="4589" spans="1:12">
      <c r="A4589" s="6" t="s">
        <v>49</v>
      </c>
      <c r="B4589" s="6"/>
      <c r="C4589" s="6" t="s">
        <v>4608</v>
      </c>
      <c r="D4589" s="6"/>
      <c r="E4589" s="6" t="s">
        <v>9</v>
      </c>
      <c r="F4589" s="7">
        <v>38657</v>
      </c>
      <c r="G4589" s="8">
        <v>1</v>
      </c>
      <c r="H4589" s="8">
        <v>1</v>
      </c>
      <c r="I4589" s="8">
        <v>0</v>
      </c>
      <c r="J4589" s="8">
        <v>1</v>
      </c>
      <c r="K4589" s="9">
        <v>36</v>
      </c>
      <c r="L4589" s="6" t="s">
        <v>51</v>
      </c>
    </row>
    <row r="4590" spans="1:12">
      <c r="A4590" s="6" t="s">
        <v>49</v>
      </c>
      <c r="B4590" s="6"/>
      <c r="C4590" s="6" t="s">
        <v>4609</v>
      </c>
      <c r="D4590" s="6"/>
      <c r="E4590" s="6" t="s">
        <v>9</v>
      </c>
      <c r="F4590" s="7">
        <v>38657</v>
      </c>
      <c r="G4590" s="8">
        <v>1</v>
      </c>
      <c r="H4590" s="8">
        <v>1</v>
      </c>
      <c r="I4590" s="8">
        <v>0</v>
      </c>
      <c r="J4590" s="8">
        <v>1</v>
      </c>
      <c r="K4590" s="9">
        <v>2</v>
      </c>
      <c r="L4590" s="6" t="s">
        <v>51</v>
      </c>
    </row>
    <row r="4591" spans="1:12">
      <c r="A4591" s="6" t="s">
        <v>49</v>
      </c>
      <c r="B4591" s="6"/>
      <c r="C4591" s="6" t="s">
        <v>4610</v>
      </c>
      <c r="D4591" s="6"/>
      <c r="E4591" s="6" t="s">
        <v>9</v>
      </c>
      <c r="F4591" s="7">
        <v>38657</v>
      </c>
      <c r="G4591" s="8">
        <v>1</v>
      </c>
      <c r="H4591" s="8">
        <v>1</v>
      </c>
      <c r="I4591" s="8">
        <v>0</v>
      </c>
      <c r="J4591" s="8">
        <v>1</v>
      </c>
      <c r="K4591" s="9">
        <v>2.08</v>
      </c>
      <c r="L4591" s="6" t="s">
        <v>51</v>
      </c>
    </row>
    <row r="4592" spans="1:12">
      <c r="A4592" s="6" t="s">
        <v>49</v>
      </c>
      <c r="B4592" s="6"/>
      <c r="C4592" s="6" t="s">
        <v>4611</v>
      </c>
      <c r="D4592" s="6"/>
      <c r="E4592" s="6" t="s">
        <v>9</v>
      </c>
      <c r="F4592" s="7">
        <v>38657</v>
      </c>
      <c r="G4592" s="8">
        <v>1</v>
      </c>
      <c r="H4592" s="8">
        <v>1</v>
      </c>
      <c r="I4592" s="8">
        <v>0</v>
      </c>
      <c r="J4592" s="8">
        <v>1</v>
      </c>
      <c r="K4592" s="9">
        <v>93</v>
      </c>
      <c r="L4592" s="6" t="s">
        <v>51</v>
      </c>
    </row>
    <row r="4593" spans="1:12">
      <c r="A4593" s="6" t="s">
        <v>49</v>
      </c>
      <c r="B4593" s="6"/>
      <c r="C4593" s="6" t="s">
        <v>4612</v>
      </c>
      <c r="D4593" s="6"/>
      <c r="E4593" s="6" t="s">
        <v>9</v>
      </c>
      <c r="F4593" s="7">
        <v>38657</v>
      </c>
      <c r="G4593" s="8">
        <v>1</v>
      </c>
      <c r="H4593" s="8">
        <v>1</v>
      </c>
      <c r="I4593" s="8">
        <v>0</v>
      </c>
      <c r="J4593" s="8">
        <v>1</v>
      </c>
      <c r="K4593" s="9">
        <v>759</v>
      </c>
      <c r="L4593" s="6" t="s">
        <v>51</v>
      </c>
    </row>
    <row r="4594" spans="1:12">
      <c r="A4594" s="6" t="s">
        <v>49</v>
      </c>
      <c r="B4594" s="6"/>
      <c r="C4594" s="6" t="s">
        <v>4613</v>
      </c>
      <c r="D4594" s="6"/>
      <c r="E4594" s="6" t="s">
        <v>9</v>
      </c>
      <c r="F4594" s="7">
        <v>38657</v>
      </c>
      <c r="G4594" s="8">
        <v>1</v>
      </c>
      <c r="H4594" s="8">
        <v>1</v>
      </c>
      <c r="I4594" s="8">
        <v>0</v>
      </c>
      <c r="J4594" s="8">
        <v>1</v>
      </c>
      <c r="K4594" s="9">
        <v>340</v>
      </c>
      <c r="L4594" s="6" t="s">
        <v>51</v>
      </c>
    </row>
    <row r="4595" spans="1:12">
      <c r="A4595" s="6" t="s">
        <v>49</v>
      </c>
      <c r="B4595" s="6"/>
      <c r="C4595" s="6" t="s">
        <v>4614</v>
      </c>
      <c r="D4595" s="6"/>
      <c r="E4595" s="6" t="s">
        <v>9</v>
      </c>
      <c r="F4595" s="7">
        <v>38657</v>
      </c>
      <c r="G4595" s="8">
        <v>1</v>
      </c>
      <c r="H4595" s="8">
        <v>1</v>
      </c>
      <c r="I4595" s="8">
        <v>0</v>
      </c>
      <c r="J4595" s="8">
        <v>1</v>
      </c>
      <c r="K4595" s="9">
        <v>90.24</v>
      </c>
      <c r="L4595" s="6" t="s">
        <v>51</v>
      </c>
    </row>
    <row r="4596" spans="1:12">
      <c r="A4596" s="6" t="s">
        <v>49</v>
      </c>
      <c r="B4596" s="6"/>
      <c r="C4596" s="6" t="s">
        <v>4615</v>
      </c>
      <c r="D4596" s="6"/>
      <c r="E4596" s="6" t="s">
        <v>9</v>
      </c>
      <c r="F4596" s="7"/>
      <c r="G4596" s="8">
        <v>1</v>
      </c>
      <c r="H4596" s="8">
        <v>1</v>
      </c>
      <c r="I4596" s="8">
        <v>0</v>
      </c>
      <c r="J4596" s="8">
        <v>1</v>
      </c>
      <c r="K4596" s="9">
        <v>278</v>
      </c>
      <c r="L4596" s="6" t="s">
        <v>51</v>
      </c>
    </row>
    <row r="4597" spans="1:12">
      <c r="A4597" s="6" t="s">
        <v>49</v>
      </c>
      <c r="B4597" s="6"/>
      <c r="C4597" s="6" t="s">
        <v>4616</v>
      </c>
      <c r="D4597" s="6"/>
      <c r="E4597" s="6" t="s">
        <v>9</v>
      </c>
      <c r="F4597" s="7">
        <v>39569</v>
      </c>
      <c r="G4597" s="8">
        <v>1</v>
      </c>
      <c r="H4597" s="8">
        <v>1</v>
      </c>
      <c r="I4597" s="8">
        <v>0</v>
      </c>
      <c r="J4597" s="8">
        <v>1</v>
      </c>
      <c r="K4597" s="9">
        <v>2.93</v>
      </c>
      <c r="L4597" s="6" t="s">
        <v>51</v>
      </c>
    </row>
    <row r="4598" spans="1:12">
      <c r="A4598" s="6" t="s">
        <v>49</v>
      </c>
      <c r="B4598" s="6"/>
      <c r="C4598" s="6" t="s">
        <v>4617</v>
      </c>
      <c r="D4598" s="6"/>
      <c r="E4598" s="6" t="s">
        <v>9</v>
      </c>
      <c r="F4598" s="7">
        <v>38657</v>
      </c>
      <c r="G4598" s="8">
        <v>1</v>
      </c>
      <c r="H4598" s="8">
        <v>1</v>
      </c>
      <c r="I4598" s="8">
        <v>0</v>
      </c>
      <c r="J4598" s="8">
        <v>1</v>
      </c>
      <c r="K4598" s="9">
        <v>2.35</v>
      </c>
      <c r="L4598" s="6" t="s">
        <v>51</v>
      </c>
    </row>
    <row r="4599" spans="1:12">
      <c r="A4599" s="6" t="s">
        <v>49</v>
      </c>
      <c r="B4599" s="6"/>
      <c r="C4599" s="6" t="s">
        <v>4618</v>
      </c>
      <c r="D4599" s="6"/>
      <c r="E4599" s="6" t="s">
        <v>9</v>
      </c>
      <c r="F4599" s="7">
        <v>38657</v>
      </c>
      <c r="G4599" s="8">
        <v>1</v>
      </c>
      <c r="H4599" s="8">
        <v>1</v>
      </c>
      <c r="I4599" s="8">
        <v>0</v>
      </c>
      <c r="J4599" s="8">
        <v>1</v>
      </c>
      <c r="K4599" s="9">
        <v>20</v>
      </c>
      <c r="L4599" s="6" t="s">
        <v>51</v>
      </c>
    </row>
    <row r="4600" spans="1:12">
      <c r="A4600" s="6" t="s">
        <v>49</v>
      </c>
      <c r="B4600" s="6"/>
      <c r="C4600" s="6" t="s">
        <v>4619</v>
      </c>
      <c r="D4600" s="6"/>
      <c r="E4600" s="6" t="s">
        <v>9</v>
      </c>
      <c r="F4600" s="7">
        <v>38657</v>
      </c>
      <c r="G4600" s="8">
        <v>1</v>
      </c>
      <c r="H4600" s="8">
        <v>1</v>
      </c>
      <c r="I4600" s="8">
        <v>0</v>
      </c>
      <c r="J4600" s="8">
        <v>1</v>
      </c>
      <c r="K4600" s="9">
        <v>970</v>
      </c>
      <c r="L4600" s="6" t="s">
        <v>51</v>
      </c>
    </row>
    <row r="4601" spans="1:12">
      <c r="A4601" s="6" t="s">
        <v>49</v>
      </c>
      <c r="B4601" s="6"/>
      <c r="C4601" s="6" t="s">
        <v>4620</v>
      </c>
      <c r="D4601" s="6"/>
      <c r="E4601" s="6" t="s">
        <v>9</v>
      </c>
      <c r="F4601" s="7">
        <v>38657</v>
      </c>
      <c r="G4601" s="8">
        <v>1</v>
      </c>
      <c r="H4601" s="8">
        <v>1</v>
      </c>
      <c r="I4601" s="8">
        <v>0</v>
      </c>
      <c r="J4601" s="8">
        <v>1</v>
      </c>
      <c r="K4601" s="9">
        <v>534</v>
      </c>
      <c r="L4601" s="6" t="s">
        <v>51</v>
      </c>
    </row>
    <row r="4602" spans="1:12">
      <c r="A4602" s="6" t="s">
        <v>49</v>
      </c>
      <c r="B4602" s="6"/>
      <c r="C4602" s="6" t="s">
        <v>4621</v>
      </c>
      <c r="D4602" s="6"/>
      <c r="E4602" s="6" t="s">
        <v>9</v>
      </c>
      <c r="F4602" s="7">
        <v>38657</v>
      </c>
      <c r="G4602" s="8">
        <v>1</v>
      </c>
      <c r="H4602" s="8">
        <v>1</v>
      </c>
      <c r="I4602" s="8">
        <v>0</v>
      </c>
      <c r="J4602" s="8">
        <v>1</v>
      </c>
      <c r="K4602" s="9">
        <v>8.19</v>
      </c>
      <c r="L4602" s="6" t="s">
        <v>51</v>
      </c>
    </row>
    <row r="4603" spans="1:12">
      <c r="A4603" s="6" t="s">
        <v>49</v>
      </c>
      <c r="B4603" s="6"/>
      <c r="C4603" s="6" t="s">
        <v>4622</v>
      </c>
      <c r="D4603" s="6"/>
      <c r="E4603" s="6" t="s">
        <v>9</v>
      </c>
      <c r="F4603" s="7">
        <v>38657</v>
      </c>
      <c r="G4603" s="8">
        <v>1</v>
      </c>
      <c r="H4603" s="8">
        <v>1</v>
      </c>
      <c r="I4603" s="8">
        <v>0</v>
      </c>
      <c r="J4603" s="8">
        <v>1</v>
      </c>
      <c r="K4603" s="9">
        <v>5.75</v>
      </c>
      <c r="L4603" s="6" t="s">
        <v>51</v>
      </c>
    </row>
    <row r="4604" spans="1:12">
      <c r="A4604" s="6" t="s">
        <v>49</v>
      </c>
      <c r="B4604" s="6"/>
      <c r="C4604" s="6" t="s">
        <v>4623</v>
      </c>
      <c r="D4604" s="6"/>
      <c r="E4604" s="6" t="s">
        <v>9</v>
      </c>
      <c r="F4604" s="7">
        <v>38657</v>
      </c>
      <c r="G4604" s="8">
        <v>1</v>
      </c>
      <c r="H4604" s="8">
        <v>1</v>
      </c>
      <c r="I4604" s="8">
        <v>0</v>
      </c>
      <c r="J4604" s="8">
        <v>1</v>
      </c>
      <c r="K4604" s="9">
        <v>103</v>
      </c>
      <c r="L4604" s="6" t="s">
        <v>51</v>
      </c>
    </row>
    <row r="4605" spans="1:12">
      <c r="A4605" s="6" t="s">
        <v>49</v>
      </c>
      <c r="B4605" s="6"/>
      <c r="C4605" s="6" t="s">
        <v>4624</v>
      </c>
      <c r="D4605" s="6"/>
      <c r="E4605" s="6" t="s">
        <v>9</v>
      </c>
      <c r="F4605" s="7">
        <v>38657</v>
      </c>
      <c r="G4605" s="8">
        <v>1</v>
      </c>
      <c r="H4605" s="8">
        <v>1</v>
      </c>
      <c r="I4605" s="8">
        <v>0</v>
      </c>
      <c r="J4605" s="8">
        <v>1</v>
      </c>
      <c r="K4605" s="9">
        <v>65</v>
      </c>
      <c r="L4605" s="6" t="s">
        <v>51</v>
      </c>
    </row>
    <row r="4606" spans="1:12">
      <c r="A4606" s="6" t="s">
        <v>49</v>
      </c>
      <c r="B4606" s="6"/>
      <c r="C4606" s="6" t="s">
        <v>4625</v>
      </c>
      <c r="D4606" s="6"/>
      <c r="E4606" s="6" t="s">
        <v>9</v>
      </c>
      <c r="F4606" s="7">
        <v>38657</v>
      </c>
      <c r="G4606" s="8">
        <v>1</v>
      </c>
      <c r="H4606" s="8">
        <v>1</v>
      </c>
      <c r="I4606" s="8">
        <v>0</v>
      </c>
      <c r="J4606" s="8">
        <v>1</v>
      </c>
      <c r="K4606" s="9">
        <v>42</v>
      </c>
      <c r="L4606" s="6" t="s">
        <v>51</v>
      </c>
    </row>
    <row r="4607" spans="1:12">
      <c r="A4607" s="6" t="s">
        <v>49</v>
      </c>
      <c r="B4607" s="6"/>
      <c r="C4607" s="6" t="s">
        <v>4626</v>
      </c>
      <c r="D4607" s="6"/>
      <c r="E4607" s="6" t="s">
        <v>9</v>
      </c>
      <c r="F4607" s="7">
        <v>38657</v>
      </c>
      <c r="G4607" s="8">
        <v>1</v>
      </c>
      <c r="H4607" s="8">
        <v>1</v>
      </c>
      <c r="I4607" s="8">
        <v>0</v>
      </c>
      <c r="J4607" s="8">
        <v>1</v>
      </c>
      <c r="K4607" s="9">
        <v>12</v>
      </c>
      <c r="L4607" s="6" t="s">
        <v>51</v>
      </c>
    </row>
    <row r="4608" spans="1:12">
      <c r="A4608" s="6" t="s">
        <v>49</v>
      </c>
      <c r="B4608" s="6"/>
      <c r="C4608" s="6" t="s">
        <v>4627</v>
      </c>
      <c r="D4608" s="6"/>
      <c r="E4608" s="6" t="s">
        <v>9</v>
      </c>
      <c r="F4608" s="7">
        <v>38657</v>
      </c>
      <c r="G4608" s="8">
        <v>1</v>
      </c>
      <c r="H4608" s="8">
        <v>1</v>
      </c>
      <c r="I4608" s="8">
        <v>0</v>
      </c>
      <c r="J4608" s="8">
        <v>1</v>
      </c>
      <c r="K4608" s="9">
        <v>60</v>
      </c>
      <c r="L4608" s="6" t="s">
        <v>51</v>
      </c>
    </row>
    <row r="4609" spans="1:12">
      <c r="A4609" s="6" t="s">
        <v>49</v>
      </c>
      <c r="B4609" s="6"/>
      <c r="C4609" s="6" t="s">
        <v>4628</v>
      </c>
      <c r="D4609" s="6"/>
      <c r="E4609" s="6" t="s">
        <v>9</v>
      </c>
      <c r="F4609" s="7">
        <v>38657</v>
      </c>
      <c r="G4609" s="8">
        <v>1</v>
      </c>
      <c r="H4609" s="8">
        <v>1</v>
      </c>
      <c r="I4609" s="8">
        <v>0</v>
      </c>
      <c r="J4609" s="8">
        <v>1</v>
      </c>
      <c r="K4609" s="9">
        <v>12.5</v>
      </c>
      <c r="L4609" s="6" t="s">
        <v>51</v>
      </c>
    </row>
    <row r="4610" spans="1:12">
      <c r="A4610" s="6" t="s">
        <v>49</v>
      </c>
      <c r="B4610" s="6"/>
      <c r="C4610" s="6" t="s">
        <v>4629</v>
      </c>
      <c r="D4610" s="6"/>
      <c r="E4610" s="6" t="s">
        <v>9</v>
      </c>
      <c r="F4610" s="7">
        <v>38657</v>
      </c>
      <c r="G4610" s="8">
        <v>1</v>
      </c>
      <c r="H4610" s="8">
        <v>1</v>
      </c>
      <c r="I4610" s="8">
        <v>0</v>
      </c>
      <c r="J4610" s="8">
        <v>1</v>
      </c>
      <c r="K4610" s="9">
        <v>84</v>
      </c>
      <c r="L4610" s="6" t="s">
        <v>51</v>
      </c>
    </row>
    <row r="4611" spans="1:12">
      <c r="A4611" s="6" t="s">
        <v>49</v>
      </c>
      <c r="B4611" s="6"/>
      <c r="C4611" s="6" t="s">
        <v>4630</v>
      </c>
      <c r="D4611" s="6"/>
      <c r="E4611" s="6" t="s">
        <v>9</v>
      </c>
      <c r="F4611" s="7">
        <v>38657</v>
      </c>
      <c r="G4611" s="8">
        <v>1</v>
      </c>
      <c r="H4611" s="8">
        <v>1</v>
      </c>
      <c r="I4611" s="8">
        <v>0</v>
      </c>
      <c r="J4611" s="8">
        <v>1</v>
      </c>
      <c r="K4611" s="9">
        <v>1.64</v>
      </c>
      <c r="L4611" s="6" t="s">
        <v>51</v>
      </c>
    </row>
    <row r="4612" spans="1:12">
      <c r="A4612" s="6" t="s">
        <v>49</v>
      </c>
      <c r="B4612" s="6"/>
      <c r="C4612" s="6" t="s">
        <v>4631</v>
      </c>
      <c r="D4612" s="6"/>
      <c r="E4612" s="6" t="s">
        <v>9</v>
      </c>
      <c r="F4612" s="7">
        <v>38657</v>
      </c>
      <c r="G4612" s="8">
        <v>1</v>
      </c>
      <c r="H4612" s="8">
        <v>1</v>
      </c>
      <c r="I4612" s="8">
        <v>0</v>
      </c>
      <c r="J4612" s="8">
        <v>1</v>
      </c>
      <c r="K4612" s="9">
        <v>7.6</v>
      </c>
      <c r="L4612" s="6" t="s">
        <v>51</v>
      </c>
    </row>
    <row r="4613" spans="1:12">
      <c r="A4613" s="6" t="s">
        <v>49</v>
      </c>
      <c r="B4613" s="6"/>
      <c r="C4613" s="6" t="s">
        <v>4632</v>
      </c>
      <c r="D4613" s="6"/>
      <c r="E4613" s="6" t="s">
        <v>9</v>
      </c>
      <c r="F4613" s="7">
        <v>38657</v>
      </c>
      <c r="G4613" s="8">
        <v>1</v>
      </c>
      <c r="H4613" s="8">
        <v>1</v>
      </c>
      <c r="I4613" s="8">
        <v>0</v>
      </c>
      <c r="J4613" s="8">
        <v>1</v>
      </c>
      <c r="K4613" s="9">
        <v>4.4000000000000004</v>
      </c>
      <c r="L4613" s="6" t="s">
        <v>51</v>
      </c>
    </row>
    <row r="4614" spans="1:12">
      <c r="A4614" s="6" t="s">
        <v>49</v>
      </c>
      <c r="B4614" s="6"/>
      <c r="C4614" s="6" t="s">
        <v>4633</v>
      </c>
      <c r="D4614" s="6"/>
      <c r="E4614" s="6" t="s">
        <v>9</v>
      </c>
      <c r="F4614" s="7">
        <v>38657</v>
      </c>
      <c r="G4614" s="8">
        <v>1</v>
      </c>
      <c r="H4614" s="8">
        <v>1</v>
      </c>
      <c r="I4614" s="8">
        <v>0</v>
      </c>
      <c r="J4614" s="8">
        <v>1</v>
      </c>
      <c r="K4614" s="9">
        <v>23</v>
      </c>
      <c r="L4614" s="6" t="s">
        <v>51</v>
      </c>
    </row>
    <row r="4615" spans="1:12">
      <c r="A4615" s="6" t="s">
        <v>49</v>
      </c>
      <c r="B4615" s="6"/>
      <c r="C4615" s="6" t="s">
        <v>4634</v>
      </c>
      <c r="D4615" s="6"/>
      <c r="E4615" s="6" t="s">
        <v>9</v>
      </c>
      <c r="F4615" s="7">
        <v>38657</v>
      </c>
      <c r="G4615" s="8">
        <v>1</v>
      </c>
      <c r="H4615" s="8">
        <v>1</v>
      </c>
      <c r="I4615" s="8">
        <v>0</v>
      </c>
      <c r="J4615" s="8">
        <v>1</v>
      </c>
      <c r="K4615" s="9">
        <v>2.25</v>
      </c>
      <c r="L4615" s="6" t="s">
        <v>51</v>
      </c>
    </row>
    <row r="4616" spans="1:12">
      <c r="A4616" s="6" t="s">
        <v>49</v>
      </c>
      <c r="B4616" s="6"/>
      <c r="C4616" s="6" t="s">
        <v>4635</v>
      </c>
      <c r="D4616" s="6"/>
      <c r="E4616" s="6" t="s">
        <v>9</v>
      </c>
      <c r="F4616" s="7">
        <v>38657</v>
      </c>
      <c r="G4616" s="8">
        <v>1</v>
      </c>
      <c r="H4616" s="8">
        <v>1</v>
      </c>
      <c r="I4616" s="8">
        <v>0</v>
      </c>
      <c r="J4616" s="8">
        <v>1</v>
      </c>
      <c r="K4616" s="9">
        <v>6</v>
      </c>
      <c r="L4616" s="6" t="s">
        <v>51</v>
      </c>
    </row>
    <row r="4617" spans="1:12">
      <c r="A4617" s="6" t="s">
        <v>49</v>
      </c>
      <c r="B4617" s="6"/>
      <c r="C4617" s="6" t="s">
        <v>4636</v>
      </c>
      <c r="D4617" s="6"/>
      <c r="E4617" s="6" t="s">
        <v>9</v>
      </c>
      <c r="F4617" s="7">
        <v>38657</v>
      </c>
      <c r="G4617" s="8">
        <v>1</v>
      </c>
      <c r="H4617" s="8">
        <v>1</v>
      </c>
      <c r="I4617" s="8">
        <v>0</v>
      </c>
      <c r="J4617" s="8">
        <v>1</v>
      </c>
      <c r="K4617" s="9">
        <v>272</v>
      </c>
      <c r="L4617" s="6" t="s">
        <v>51</v>
      </c>
    </row>
    <row r="4618" spans="1:12">
      <c r="A4618" s="6" t="s">
        <v>49</v>
      </c>
      <c r="B4618" s="6"/>
      <c r="C4618" s="6" t="s">
        <v>4637</v>
      </c>
      <c r="D4618" s="6"/>
      <c r="E4618" s="6" t="s">
        <v>9</v>
      </c>
      <c r="F4618" s="7">
        <v>38657</v>
      </c>
      <c r="G4618" s="8">
        <v>1</v>
      </c>
      <c r="H4618" s="8">
        <v>1</v>
      </c>
      <c r="I4618" s="8">
        <v>0</v>
      </c>
      <c r="J4618" s="8">
        <v>1</v>
      </c>
      <c r="K4618" s="9">
        <v>92</v>
      </c>
      <c r="L4618" s="6" t="s">
        <v>51</v>
      </c>
    </row>
    <row r="4619" spans="1:12">
      <c r="A4619" s="6" t="s">
        <v>49</v>
      </c>
      <c r="B4619" s="6"/>
      <c r="C4619" s="6" t="s">
        <v>4638</v>
      </c>
      <c r="D4619" s="6"/>
      <c r="E4619" s="6" t="s">
        <v>9</v>
      </c>
      <c r="F4619" s="7">
        <v>38657</v>
      </c>
      <c r="G4619" s="8">
        <v>1</v>
      </c>
      <c r="H4619" s="8">
        <v>1</v>
      </c>
      <c r="I4619" s="8">
        <v>0</v>
      </c>
      <c r="J4619" s="8">
        <v>1</v>
      </c>
      <c r="K4619" s="9">
        <v>137</v>
      </c>
      <c r="L4619" s="6" t="s">
        <v>51</v>
      </c>
    </row>
    <row r="4620" spans="1:12">
      <c r="A4620" s="6" t="s">
        <v>49</v>
      </c>
      <c r="B4620" s="6"/>
      <c r="C4620" s="6" t="s">
        <v>4639</v>
      </c>
      <c r="D4620" s="6"/>
      <c r="E4620" s="6" t="s">
        <v>9</v>
      </c>
      <c r="F4620" s="7">
        <v>38657</v>
      </c>
      <c r="G4620" s="8">
        <v>1</v>
      </c>
      <c r="H4620" s="8">
        <v>1</v>
      </c>
      <c r="I4620" s="8">
        <v>0</v>
      </c>
      <c r="J4620" s="8">
        <v>1</v>
      </c>
      <c r="K4620" s="9">
        <v>345</v>
      </c>
      <c r="L4620" s="6" t="s">
        <v>51</v>
      </c>
    </row>
    <row r="4621" spans="1:12">
      <c r="A4621" s="6" t="s">
        <v>49</v>
      </c>
      <c r="B4621" s="6"/>
      <c r="C4621" s="6" t="s">
        <v>4640</v>
      </c>
      <c r="D4621" s="6"/>
      <c r="E4621" s="6" t="s">
        <v>9</v>
      </c>
      <c r="F4621" s="7">
        <v>38657</v>
      </c>
      <c r="G4621" s="8">
        <v>1</v>
      </c>
      <c r="H4621" s="8">
        <v>1</v>
      </c>
      <c r="I4621" s="8">
        <v>0</v>
      </c>
      <c r="J4621" s="8">
        <v>1</v>
      </c>
      <c r="K4621" s="9">
        <v>229</v>
      </c>
      <c r="L4621" s="6" t="s">
        <v>51</v>
      </c>
    </row>
    <row r="4622" spans="1:12">
      <c r="A4622" s="6" t="s">
        <v>49</v>
      </c>
      <c r="B4622" s="6"/>
      <c r="C4622" s="6" t="s">
        <v>4641</v>
      </c>
      <c r="D4622" s="6"/>
      <c r="E4622" s="6" t="s">
        <v>9</v>
      </c>
      <c r="F4622" s="7">
        <v>38657</v>
      </c>
      <c r="G4622" s="8">
        <v>1</v>
      </c>
      <c r="H4622" s="8">
        <v>1</v>
      </c>
      <c r="I4622" s="8">
        <v>0</v>
      </c>
      <c r="J4622" s="8">
        <v>1</v>
      </c>
      <c r="K4622" s="9">
        <v>220</v>
      </c>
      <c r="L4622" s="6" t="s">
        <v>51</v>
      </c>
    </row>
    <row r="4623" spans="1:12">
      <c r="A4623" s="6" t="s">
        <v>49</v>
      </c>
      <c r="B4623" s="6"/>
      <c r="C4623" s="6" t="s">
        <v>4642</v>
      </c>
      <c r="D4623" s="6"/>
      <c r="E4623" s="6" t="s">
        <v>9</v>
      </c>
      <c r="F4623" s="7">
        <v>38657</v>
      </c>
      <c r="G4623" s="8">
        <v>1</v>
      </c>
      <c r="H4623" s="8">
        <v>1</v>
      </c>
      <c r="I4623" s="8">
        <v>0</v>
      </c>
      <c r="J4623" s="8">
        <v>1</v>
      </c>
      <c r="K4623" s="9">
        <v>282</v>
      </c>
      <c r="L4623" s="6" t="s">
        <v>51</v>
      </c>
    </row>
    <row r="4624" spans="1:12">
      <c r="A4624" s="6" t="s">
        <v>49</v>
      </c>
      <c r="B4624" s="6"/>
      <c r="C4624" s="6" t="s">
        <v>4643</v>
      </c>
      <c r="D4624" s="6"/>
      <c r="E4624" s="6" t="s">
        <v>9</v>
      </c>
      <c r="F4624" s="7">
        <v>38657</v>
      </c>
      <c r="G4624" s="8">
        <v>1</v>
      </c>
      <c r="H4624" s="8">
        <v>1</v>
      </c>
      <c r="I4624" s="8">
        <v>0</v>
      </c>
      <c r="J4624" s="8">
        <v>1</v>
      </c>
      <c r="K4624" s="9">
        <v>305</v>
      </c>
      <c r="L4624" s="6" t="s">
        <v>51</v>
      </c>
    </row>
    <row r="4625" spans="1:12">
      <c r="A4625" s="6" t="s">
        <v>49</v>
      </c>
      <c r="B4625" s="6"/>
      <c r="C4625" s="6" t="s">
        <v>4644</v>
      </c>
      <c r="D4625" s="6"/>
      <c r="E4625" s="6" t="s">
        <v>9</v>
      </c>
      <c r="F4625" s="7">
        <v>38657</v>
      </c>
      <c r="G4625" s="8">
        <v>1</v>
      </c>
      <c r="H4625" s="8">
        <v>1</v>
      </c>
      <c r="I4625" s="8">
        <v>0</v>
      </c>
      <c r="J4625" s="8">
        <v>1</v>
      </c>
      <c r="K4625" s="9">
        <v>231</v>
      </c>
      <c r="L4625" s="6" t="s">
        <v>51</v>
      </c>
    </row>
    <row r="4626" spans="1:12">
      <c r="A4626" s="6" t="s">
        <v>49</v>
      </c>
      <c r="B4626" s="6"/>
      <c r="C4626" s="6" t="s">
        <v>4645</v>
      </c>
      <c r="D4626" s="6"/>
      <c r="E4626" s="6" t="s">
        <v>9</v>
      </c>
      <c r="F4626" s="7">
        <v>38657</v>
      </c>
      <c r="G4626" s="8">
        <v>1</v>
      </c>
      <c r="H4626" s="8">
        <v>1</v>
      </c>
      <c r="I4626" s="8">
        <v>0</v>
      </c>
      <c r="J4626" s="8">
        <v>1</v>
      </c>
      <c r="K4626" s="9">
        <v>46</v>
      </c>
      <c r="L4626" s="6" t="s">
        <v>51</v>
      </c>
    </row>
    <row r="4627" spans="1:12">
      <c r="A4627" s="6" t="s">
        <v>49</v>
      </c>
      <c r="B4627" s="6"/>
      <c r="C4627" s="6" t="s">
        <v>4646</v>
      </c>
      <c r="D4627" s="6"/>
      <c r="E4627" s="6" t="s">
        <v>9</v>
      </c>
      <c r="F4627" s="7">
        <v>38657</v>
      </c>
      <c r="G4627" s="8">
        <v>1</v>
      </c>
      <c r="H4627" s="8">
        <v>1</v>
      </c>
      <c r="I4627" s="8">
        <v>0</v>
      </c>
      <c r="J4627" s="8">
        <v>1</v>
      </c>
      <c r="K4627" s="9">
        <v>143</v>
      </c>
      <c r="L4627" s="6" t="s">
        <v>51</v>
      </c>
    </row>
    <row r="4628" spans="1:12">
      <c r="A4628" s="6" t="s">
        <v>49</v>
      </c>
      <c r="B4628" s="6"/>
      <c r="C4628" s="6" t="s">
        <v>4647</v>
      </c>
      <c r="D4628" s="6"/>
      <c r="E4628" s="6" t="s">
        <v>9</v>
      </c>
      <c r="F4628" s="7">
        <v>38657</v>
      </c>
      <c r="G4628" s="8">
        <v>1</v>
      </c>
      <c r="H4628" s="8">
        <v>1</v>
      </c>
      <c r="I4628" s="8">
        <v>0</v>
      </c>
      <c r="J4628" s="8">
        <v>1</v>
      </c>
      <c r="K4628" s="9">
        <v>13</v>
      </c>
      <c r="L4628" s="6" t="s">
        <v>51</v>
      </c>
    </row>
    <row r="4629" spans="1:12">
      <c r="A4629" s="6" t="s">
        <v>49</v>
      </c>
      <c r="B4629" s="6"/>
      <c r="C4629" s="6" t="s">
        <v>4648</v>
      </c>
      <c r="D4629" s="6"/>
      <c r="E4629" s="6" t="s">
        <v>9</v>
      </c>
      <c r="F4629" s="7">
        <v>38657</v>
      </c>
      <c r="G4629" s="8">
        <v>1</v>
      </c>
      <c r="H4629" s="8">
        <v>1</v>
      </c>
      <c r="I4629" s="8">
        <v>0</v>
      </c>
      <c r="J4629" s="8">
        <v>1</v>
      </c>
      <c r="K4629" s="9">
        <v>79</v>
      </c>
      <c r="L4629" s="6" t="s">
        <v>51</v>
      </c>
    </row>
    <row r="4630" spans="1:12">
      <c r="A4630" s="6" t="s">
        <v>49</v>
      </c>
      <c r="B4630" s="6"/>
      <c r="C4630" s="6" t="s">
        <v>4649</v>
      </c>
      <c r="D4630" s="6"/>
      <c r="E4630" s="6" t="s">
        <v>9</v>
      </c>
      <c r="F4630" s="7">
        <v>38657</v>
      </c>
      <c r="G4630" s="8">
        <v>1</v>
      </c>
      <c r="H4630" s="8">
        <v>1</v>
      </c>
      <c r="I4630" s="8">
        <v>0</v>
      </c>
      <c r="J4630" s="8">
        <v>1</v>
      </c>
      <c r="K4630" s="9">
        <v>53</v>
      </c>
      <c r="L4630" s="6" t="s">
        <v>51</v>
      </c>
    </row>
    <row r="4631" spans="1:12">
      <c r="A4631" s="6" t="s">
        <v>49</v>
      </c>
      <c r="B4631" s="6"/>
      <c r="C4631" s="6" t="s">
        <v>4650</v>
      </c>
      <c r="D4631" s="6"/>
      <c r="E4631" s="6" t="s">
        <v>9</v>
      </c>
      <c r="F4631" s="7">
        <v>38657</v>
      </c>
      <c r="G4631" s="8">
        <v>1</v>
      </c>
      <c r="H4631" s="8">
        <v>1</v>
      </c>
      <c r="I4631" s="8">
        <v>0</v>
      </c>
      <c r="J4631" s="8">
        <v>1</v>
      </c>
      <c r="K4631" s="9">
        <v>129</v>
      </c>
      <c r="L4631" s="6" t="s">
        <v>51</v>
      </c>
    </row>
    <row r="4632" spans="1:12">
      <c r="A4632" s="6" t="s">
        <v>49</v>
      </c>
      <c r="B4632" s="6"/>
      <c r="C4632" s="6" t="s">
        <v>4651</v>
      </c>
      <c r="D4632" s="6"/>
      <c r="E4632" s="6" t="s">
        <v>9</v>
      </c>
      <c r="F4632" s="7">
        <v>38657</v>
      </c>
      <c r="G4632" s="8">
        <v>1</v>
      </c>
      <c r="H4632" s="8">
        <v>1</v>
      </c>
      <c r="I4632" s="8">
        <v>0</v>
      </c>
      <c r="J4632" s="8">
        <v>1</v>
      </c>
      <c r="K4632" s="9">
        <v>184</v>
      </c>
      <c r="L4632" s="6" t="s">
        <v>51</v>
      </c>
    </row>
    <row r="4633" spans="1:12">
      <c r="A4633" s="6" t="s">
        <v>49</v>
      </c>
      <c r="B4633" s="6"/>
      <c r="C4633" s="6" t="s">
        <v>4652</v>
      </c>
      <c r="D4633" s="6"/>
      <c r="E4633" s="6" t="s">
        <v>9</v>
      </c>
      <c r="F4633" s="7">
        <v>38657</v>
      </c>
      <c r="G4633" s="8">
        <v>1</v>
      </c>
      <c r="H4633" s="8">
        <v>1</v>
      </c>
      <c r="I4633" s="8">
        <v>0</v>
      </c>
      <c r="J4633" s="8">
        <v>1</v>
      </c>
      <c r="K4633" s="9">
        <v>237</v>
      </c>
      <c r="L4633" s="6" t="s">
        <v>51</v>
      </c>
    </row>
    <row r="4634" spans="1:12">
      <c r="A4634" s="6" t="s">
        <v>49</v>
      </c>
      <c r="B4634" s="6"/>
      <c r="C4634" s="6" t="s">
        <v>4653</v>
      </c>
      <c r="D4634" s="6"/>
      <c r="E4634" s="6" t="s">
        <v>9</v>
      </c>
      <c r="F4634" s="7">
        <v>38657</v>
      </c>
      <c r="G4634" s="8">
        <v>1</v>
      </c>
      <c r="H4634" s="8">
        <v>1</v>
      </c>
      <c r="I4634" s="8">
        <v>0</v>
      </c>
      <c r="J4634" s="8">
        <v>1</v>
      </c>
      <c r="K4634" s="9">
        <v>136</v>
      </c>
      <c r="L4634" s="6" t="s">
        <v>51</v>
      </c>
    </row>
    <row r="4635" spans="1:12">
      <c r="A4635" s="6" t="s">
        <v>49</v>
      </c>
      <c r="B4635" s="6"/>
      <c r="C4635" s="6" t="s">
        <v>4654</v>
      </c>
      <c r="D4635" s="6"/>
      <c r="E4635" s="6" t="s">
        <v>9</v>
      </c>
      <c r="F4635" s="7">
        <v>38657</v>
      </c>
      <c r="G4635" s="8">
        <v>1</v>
      </c>
      <c r="H4635" s="8">
        <v>1</v>
      </c>
      <c r="I4635" s="8">
        <v>0</v>
      </c>
      <c r="J4635" s="8">
        <v>1</v>
      </c>
      <c r="K4635" s="9">
        <v>12</v>
      </c>
      <c r="L4635" s="6" t="s">
        <v>51</v>
      </c>
    </row>
    <row r="4636" spans="1:12">
      <c r="A4636" s="6" t="s">
        <v>49</v>
      </c>
      <c r="B4636" s="6"/>
      <c r="C4636" s="6" t="s">
        <v>4655</v>
      </c>
      <c r="D4636" s="6"/>
      <c r="E4636" s="6" t="s">
        <v>9</v>
      </c>
      <c r="F4636" s="7">
        <v>38657</v>
      </c>
      <c r="G4636" s="8">
        <v>1</v>
      </c>
      <c r="H4636" s="8">
        <v>1</v>
      </c>
      <c r="I4636" s="8">
        <v>0</v>
      </c>
      <c r="J4636" s="8">
        <v>1</v>
      </c>
      <c r="K4636" s="9">
        <v>233</v>
      </c>
      <c r="L4636" s="6" t="s">
        <v>51</v>
      </c>
    </row>
    <row r="4637" spans="1:12">
      <c r="A4637" s="6" t="s">
        <v>49</v>
      </c>
      <c r="B4637" s="6"/>
      <c r="C4637" s="6" t="s">
        <v>4656</v>
      </c>
      <c r="D4637" s="6"/>
      <c r="E4637" s="6" t="s">
        <v>9</v>
      </c>
      <c r="F4637" s="7">
        <v>38657</v>
      </c>
      <c r="G4637" s="8">
        <v>1</v>
      </c>
      <c r="H4637" s="8">
        <v>1</v>
      </c>
      <c r="I4637" s="8">
        <v>0</v>
      </c>
      <c r="J4637" s="8">
        <v>1</v>
      </c>
      <c r="K4637" s="9">
        <v>145</v>
      </c>
      <c r="L4637" s="6" t="s">
        <v>51</v>
      </c>
    </row>
    <row r="4638" spans="1:12">
      <c r="A4638" s="6" t="s">
        <v>49</v>
      </c>
      <c r="B4638" s="6"/>
      <c r="C4638" s="6" t="s">
        <v>4657</v>
      </c>
      <c r="D4638" s="6"/>
      <c r="E4638" s="6" t="s">
        <v>9</v>
      </c>
      <c r="F4638" s="7">
        <v>38657</v>
      </c>
      <c r="G4638" s="8">
        <v>1</v>
      </c>
      <c r="H4638" s="8">
        <v>1</v>
      </c>
      <c r="I4638" s="8">
        <v>0</v>
      </c>
      <c r="J4638" s="8">
        <v>1</v>
      </c>
      <c r="K4638" s="9">
        <v>373</v>
      </c>
      <c r="L4638" s="6" t="s">
        <v>51</v>
      </c>
    </row>
    <row r="4639" spans="1:12">
      <c r="A4639" s="6" t="s">
        <v>49</v>
      </c>
      <c r="B4639" s="6"/>
      <c r="C4639" s="6" t="s">
        <v>4658</v>
      </c>
      <c r="D4639" s="6"/>
      <c r="E4639" s="6" t="s">
        <v>9</v>
      </c>
      <c r="F4639" s="7">
        <v>38657</v>
      </c>
      <c r="G4639" s="8">
        <v>1</v>
      </c>
      <c r="H4639" s="8">
        <v>1</v>
      </c>
      <c r="I4639" s="8">
        <v>0</v>
      </c>
      <c r="J4639" s="8">
        <v>1</v>
      </c>
      <c r="K4639" s="9">
        <v>5.4</v>
      </c>
      <c r="L4639" s="6" t="s">
        <v>51</v>
      </c>
    </row>
    <row r="4640" spans="1:12">
      <c r="A4640" s="6" t="s">
        <v>49</v>
      </c>
      <c r="B4640" s="6"/>
      <c r="C4640" s="6" t="s">
        <v>4659</v>
      </c>
      <c r="D4640" s="6"/>
      <c r="E4640" s="6" t="s">
        <v>9</v>
      </c>
      <c r="F4640" s="7">
        <v>38657</v>
      </c>
      <c r="G4640" s="8">
        <v>1</v>
      </c>
      <c r="H4640" s="8">
        <v>1</v>
      </c>
      <c r="I4640" s="8">
        <v>0</v>
      </c>
      <c r="J4640" s="8">
        <v>1</v>
      </c>
      <c r="K4640" s="9">
        <v>35</v>
      </c>
      <c r="L4640" s="6" t="s">
        <v>51</v>
      </c>
    </row>
    <row r="4641" spans="1:12">
      <c r="A4641" s="6" t="s">
        <v>49</v>
      </c>
      <c r="B4641" s="6"/>
      <c r="C4641" s="6" t="s">
        <v>4660</v>
      </c>
      <c r="D4641" s="6"/>
      <c r="E4641" s="6" t="s">
        <v>9</v>
      </c>
      <c r="F4641" s="7">
        <v>38657</v>
      </c>
      <c r="G4641" s="8">
        <v>1</v>
      </c>
      <c r="H4641" s="8">
        <v>1</v>
      </c>
      <c r="I4641" s="8">
        <v>0</v>
      </c>
      <c r="J4641" s="8">
        <v>1</v>
      </c>
      <c r="K4641" s="9">
        <v>458</v>
      </c>
      <c r="L4641" s="6" t="s">
        <v>51</v>
      </c>
    </row>
    <row r="4642" spans="1:12">
      <c r="A4642" s="6" t="s">
        <v>49</v>
      </c>
      <c r="B4642" s="6"/>
      <c r="C4642" s="6" t="s">
        <v>4661</v>
      </c>
      <c r="D4642" s="6"/>
      <c r="E4642" s="6" t="s">
        <v>9</v>
      </c>
      <c r="F4642" s="7">
        <v>38657</v>
      </c>
      <c r="G4642" s="8">
        <v>1</v>
      </c>
      <c r="H4642" s="8">
        <v>1</v>
      </c>
      <c r="I4642" s="8">
        <v>0</v>
      </c>
      <c r="J4642" s="8">
        <v>1</v>
      </c>
      <c r="K4642" s="9">
        <v>235</v>
      </c>
      <c r="L4642" s="6" t="s">
        <v>51</v>
      </c>
    </row>
    <row r="4643" spans="1:12">
      <c r="A4643" s="6" t="s">
        <v>49</v>
      </c>
      <c r="B4643" s="6"/>
      <c r="C4643" s="6" t="s">
        <v>4662</v>
      </c>
      <c r="D4643" s="6"/>
      <c r="E4643" s="6" t="s">
        <v>9</v>
      </c>
      <c r="F4643" s="7">
        <v>38657</v>
      </c>
      <c r="G4643" s="8">
        <v>1</v>
      </c>
      <c r="H4643" s="8">
        <v>1</v>
      </c>
      <c r="I4643" s="8">
        <v>0</v>
      </c>
      <c r="J4643" s="8">
        <v>1</v>
      </c>
      <c r="K4643" s="9">
        <v>100</v>
      </c>
      <c r="L4643" s="6" t="s">
        <v>51</v>
      </c>
    </row>
    <row r="4644" spans="1:12">
      <c r="A4644" s="6" t="s">
        <v>49</v>
      </c>
      <c r="B4644" s="6"/>
      <c r="C4644" s="6" t="s">
        <v>4663</v>
      </c>
      <c r="D4644" s="6"/>
      <c r="E4644" s="6" t="s">
        <v>9</v>
      </c>
      <c r="F4644" s="7">
        <v>38657</v>
      </c>
      <c r="G4644" s="8">
        <v>1</v>
      </c>
      <c r="H4644" s="8">
        <v>1</v>
      </c>
      <c r="I4644" s="8">
        <v>0</v>
      </c>
      <c r="J4644" s="8">
        <v>1</v>
      </c>
      <c r="K4644" s="9">
        <v>90</v>
      </c>
      <c r="L4644" s="6" t="s">
        <v>51</v>
      </c>
    </row>
    <row r="4645" spans="1:12">
      <c r="A4645" s="6" t="s">
        <v>49</v>
      </c>
      <c r="B4645" s="6"/>
      <c r="C4645" s="6" t="s">
        <v>4664</v>
      </c>
      <c r="D4645" s="6"/>
      <c r="E4645" s="6" t="s">
        <v>9</v>
      </c>
      <c r="F4645" s="7">
        <v>38657</v>
      </c>
      <c r="G4645" s="8">
        <v>1</v>
      </c>
      <c r="H4645" s="8">
        <v>1</v>
      </c>
      <c r="I4645" s="8">
        <v>0</v>
      </c>
      <c r="J4645" s="8">
        <v>1</v>
      </c>
      <c r="K4645" s="9">
        <v>589</v>
      </c>
      <c r="L4645" s="6" t="s">
        <v>51</v>
      </c>
    </row>
    <row r="4646" spans="1:12">
      <c r="A4646" s="6" t="s">
        <v>49</v>
      </c>
      <c r="B4646" s="6"/>
      <c r="C4646" s="6" t="s">
        <v>4665</v>
      </c>
      <c r="D4646" s="6"/>
      <c r="E4646" s="6" t="s">
        <v>9</v>
      </c>
      <c r="F4646" s="7">
        <v>38657</v>
      </c>
      <c r="G4646" s="8">
        <v>1</v>
      </c>
      <c r="H4646" s="8">
        <v>1</v>
      </c>
      <c r="I4646" s="8">
        <v>0</v>
      </c>
      <c r="J4646" s="8">
        <v>1</v>
      </c>
      <c r="K4646" s="9">
        <v>69</v>
      </c>
      <c r="L4646" s="6" t="s">
        <v>51</v>
      </c>
    </row>
    <row r="4647" spans="1:12">
      <c r="A4647" s="6" t="s">
        <v>49</v>
      </c>
      <c r="B4647" s="6"/>
      <c r="C4647" s="6" t="s">
        <v>4666</v>
      </c>
      <c r="D4647" s="6"/>
      <c r="E4647" s="6" t="s">
        <v>9</v>
      </c>
      <c r="F4647" s="7">
        <v>38657</v>
      </c>
      <c r="G4647" s="8">
        <v>1</v>
      </c>
      <c r="H4647" s="8">
        <v>1</v>
      </c>
      <c r="I4647" s="8">
        <v>0</v>
      </c>
      <c r="J4647" s="8">
        <v>1</v>
      </c>
      <c r="K4647" s="9">
        <v>31</v>
      </c>
      <c r="L4647" s="6" t="s">
        <v>51</v>
      </c>
    </row>
    <row r="4648" spans="1:12">
      <c r="A4648" s="6" t="s">
        <v>49</v>
      </c>
      <c r="B4648" s="6"/>
      <c r="C4648" s="6" t="s">
        <v>4667</v>
      </c>
      <c r="D4648" s="6"/>
      <c r="E4648" s="6" t="s">
        <v>9</v>
      </c>
      <c r="F4648" s="7">
        <v>38657</v>
      </c>
      <c r="G4648" s="8">
        <v>1</v>
      </c>
      <c r="H4648" s="8">
        <v>1</v>
      </c>
      <c r="I4648" s="8">
        <v>0</v>
      </c>
      <c r="J4648" s="8">
        <v>1</v>
      </c>
      <c r="K4648" s="9">
        <v>284</v>
      </c>
      <c r="L4648" s="6" t="s">
        <v>51</v>
      </c>
    </row>
    <row r="4649" spans="1:12">
      <c r="A4649" s="6" t="s">
        <v>49</v>
      </c>
      <c r="B4649" s="6"/>
      <c r="C4649" s="6" t="s">
        <v>4668</v>
      </c>
      <c r="D4649" s="6"/>
      <c r="E4649" s="6" t="s">
        <v>9</v>
      </c>
      <c r="F4649" s="7">
        <v>38657</v>
      </c>
      <c r="G4649" s="8">
        <v>1</v>
      </c>
      <c r="H4649" s="8">
        <v>1</v>
      </c>
      <c r="I4649" s="8">
        <v>0</v>
      </c>
      <c r="J4649" s="8">
        <v>1</v>
      </c>
      <c r="K4649" s="9">
        <v>310</v>
      </c>
      <c r="L4649" s="6" t="s">
        <v>51</v>
      </c>
    </row>
    <row r="4650" spans="1:12">
      <c r="A4650" s="6" t="s">
        <v>49</v>
      </c>
      <c r="B4650" s="6"/>
      <c r="C4650" s="6" t="s">
        <v>4669</v>
      </c>
      <c r="D4650" s="6"/>
      <c r="E4650" s="6" t="s">
        <v>9</v>
      </c>
      <c r="F4650" s="7">
        <v>38657</v>
      </c>
      <c r="G4650" s="8">
        <v>1</v>
      </c>
      <c r="H4650" s="8">
        <v>1</v>
      </c>
      <c r="I4650" s="8">
        <v>0</v>
      </c>
      <c r="J4650" s="8">
        <v>1</v>
      </c>
      <c r="K4650" s="9">
        <v>284</v>
      </c>
      <c r="L4650" s="6" t="s">
        <v>51</v>
      </c>
    </row>
    <row r="4651" spans="1:12">
      <c r="A4651" s="6" t="s">
        <v>49</v>
      </c>
      <c r="B4651" s="6"/>
      <c r="C4651" s="6" t="s">
        <v>4670</v>
      </c>
      <c r="D4651" s="6"/>
      <c r="E4651" s="6" t="s">
        <v>9</v>
      </c>
      <c r="F4651" s="7">
        <v>38657</v>
      </c>
      <c r="G4651" s="8">
        <v>1</v>
      </c>
      <c r="H4651" s="8">
        <v>1</v>
      </c>
      <c r="I4651" s="8">
        <v>0</v>
      </c>
      <c r="J4651" s="8">
        <v>1</v>
      </c>
      <c r="K4651" s="9">
        <v>285</v>
      </c>
      <c r="L4651" s="6" t="s">
        <v>51</v>
      </c>
    </row>
    <row r="4652" spans="1:12">
      <c r="A4652" s="6" t="s">
        <v>49</v>
      </c>
      <c r="B4652" s="6"/>
      <c r="C4652" s="6" t="s">
        <v>4671</v>
      </c>
      <c r="D4652" s="6"/>
      <c r="E4652" s="6" t="s">
        <v>9</v>
      </c>
      <c r="F4652" s="7">
        <v>38657</v>
      </c>
      <c r="G4652" s="8">
        <v>1</v>
      </c>
      <c r="H4652" s="8">
        <v>1</v>
      </c>
      <c r="I4652" s="8">
        <v>0</v>
      </c>
      <c r="J4652" s="8">
        <v>1</v>
      </c>
      <c r="K4652" s="9">
        <v>282</v>
      </c>
      <c r="L4652" s="6" t="s">
        <v>51</v>
      </c>
    </row>
    <row r="4653" spans="1:12">
      <c r="A4653" s="6" t="s">
        <v>49</v>
      </c>
      <c r="B4653" s="6"/>
      <c r="C4653" s="6" t="s">
        <v>4672</v>
      </c>
      <c r="D4653" s="6"/>
      <c r="E4653" s="6" t="s">
        <v>9</v>
      </c>
      <c r="F4653" s="7">
        <v>38657</v>
      </c>
      <c r="G4653" s="8">
        <v>1</v>
      </c>
      <c r="H4653" s="8">
        <v>1</v>
      </c>
      <c r="I4653" s="8">
        <v>0</v>
      </c>
      <c r="J4653" s="8">
        <v>1</v>
      </c>
      <c r="K4653" s="9">
        <v>48</v>
      </c>
      <c r="L4653" s="6" t="s">
        <v>51</v>
      </c>
    </row>
    <row r="4654" spans="1:12">
      <c r="A4654" s="6" t="s">
        <v>49</v>
      </c>
      <c r="B4654" s="6"/>
      <c r="C4654" s="6" t="s">
        <v>4673</v>
      </c>
      <c r="D4654" s="6"/>
      <c r="E4654" s="6" t="s">
        <v>9</v>
      </c>
      <c r="F4654" s="7">
        <v>38657</v>
      </c>
      <c r="G4654" s="8">
        <v>1</v>
      </c>
      <c r="H4654" s="8">
        <v>1</v>
      </c>
      <c r="I4654" s="8">
        <v>0</v>
      </c>
      <c r="J4654" s="8">
        <v>1</v>
      </c>
      <c r="K4654" s="9">
        <v>106</v>
      </c>
      <c r="L4654" s="6" t="s">
        <v>51</v>
      </c>
    </row>
    <row r="4655" spans="1:12">
      <c r="A4655" s="6" t="s">
        <v>49</v>
      </c>
      <c r="B4655" s="6"/>
      <c r="C4655" s="6" t="s">
        <v>4674</v>
      </c>
      <c r="D4655" s="6"/>
      <c r="E4655" s="6" t="s">
        <v>9</v>
      </c>
      <c r="F4655" s="7">
        <v>38657</v>
      </c>
      <c r="G4655" s="8">
        <v>1</v>
      </c>
      <c r="H4655" s="8">
        <v>1</v>
      </c>
      <c r="I4655" s="8">
        <v>0</v>
      </c>
      <c r="J4655" s="8">
        <v>1</v>
      </c>
      <c r="K4655" s="9">
        <v>171</v>
      </c>
      <c r="L4655" s="6" t="s">
        <v>51</v>
      </c>
    </row>
    <row r="4656" spans="1:12">
      <c r="A4656" s="6" t="s">
        <v>49</v>
      </c>
      <c r="B4656" s="6"/>
      <c r="C4656" s="6" t="s">
        <v>4675</v>
      </c>
      <c r="D4656" s="6"/>
      <c r="E4656" s="6" t="s">
        <v>9</v>
      </c>
      <c r="F4656" s="7">
        <v>38657</v>
      </c>
      <c r="G4656" s="8">
        <v>1</v>
      </c>
      <c r="H4656" s="8">
        <v>1</v>
      </c>
      <c r="I4656" s="8">
        <v>0</v>
      </c>
      <c r="J4656" s="8">
        <v>1</v>
      </c>
      <c r="K4656" s="9">
        <v>572</v>
      </c>
      <c r="L4656" s="6" t="s">
        <v>51</v>
      </c>
    </row>
    <row r="4657" spans="1:12">
      <c r="A4657" s="6" t="s">
        <v>49</v>
      </c>
      <c r="B4657" s="6"/>
      <c r="C4657" s="6" t="s">
        <v>4676</v>
      </c>
      <c r="D4657" s="6"/>
      <c r="E4657" s="6" t="s">
        <v>9</v>
      </c>
      <c r="F4657" s="7">
        <v>38657</v>
      </c>
      <c r="G4657" s="8">
        <v>1</v>
      </c>
      <c r="H4657" s="8">
        <v>1</v>
      </c>
      <c r="I4657" s="8">
        <v>0</v>
      </c>
      <c r="J4657" s="8">
        <v>1</v>
      </c>
      <c r="K4657" s="9">
        <v>583</v>
      </c>
      <c r="L4657" s="6" t="s">
        <v>51</v>
      </c>
    </row>
    <row r="4658" spans="1:12">
      <c r="A4658" s="6" t="s">
        <v>49</v>
      </c>
      <c r="B4658" s="6"/>
      <c r="C4658" s="6" t="s">
        <v>4677</v>
      </c>
      <c r="D4658" s="6"/>
      <c r="E4658" s="6" t="s">
        <v>9</v>
      </c>
      <c r="F4658" s="7">
        <v>38657</v>
      </c>
      <c r="G4658" s="8">
        <v>1</v>
      </c>
      <c r="H4658" s="8">
        <v>1</v>
      </c>
      <c r="I4658" s="8">
        <v>0</v>
      </c>
      <c r="J4658" s="8">
        <v>1</v>
      </c>
      <c r="K4658" s="9">
        <v>36</v>
      </c>
      <c r="L4658" s="6" t="s">
        <v>51</v>
      </c>
    </row>
    <row r="4659" spans="1:12">
      <c r="A4659" s="6" t="s">
        <v>49</v>
      </c>
      <c r="B4659" s="6"/>
      <c r="C4659" s="6" t="s">
        <v>4678</v>
      </c>
      <c r="D4659" s="6"/>
      <c r="E4659" s="6" t="s">
        <v>9</v>
      </c>
      <c r="F4659" s="7">
        <v>38657</v>
      </c>
      <c r="G4659" s="8">
        <v>1</v>
      </c>
      <c r="H4659" s="8">
        <v>1</v>
      </c>
      <c r="I4659" s="8">
        <v>0</v>
      </c>
      <c r="J4659" s="8">
        <v>1</v>
      </c>
      <c r="K4659" s="9">
        <v>169</v>
      </c>
      <c r="L4659" s="6" t="s">
        <v>51</v>
      </c>
    </row>
    <row r="4660" spans="1:12">
      <c r="A4660" s="6" t="s">
        <v>49</v>
      </c>
      <c r="B4660" s="6"/>
      <c r="C4660" s="6" t="s">
        <v>4679</v>
      </c>
      <c r="D4660" s="6"/>
      <c r="E4660" s="6" t="s">
        <v>9</v>
      </c>
      <c r="F4660" s="7">
        <v>38657</v>
      </c>
      <c r="G4660" s="8">
        <v>1</v>
      </c>
      <c r="H4660" s="8">
        <v>1</v>
      </c>
      <c r="I4660" s="8">
        <v>0</v>
      </c>
      <c r="J4660" s="8">
        <v>1</v>
      </c>
      <c r="K4660" s="9">
        <v>77</v>
      </c>
      <c r="L4660" s="6" t="s">
        <v>51</v>
      </c>
    </row>
    <row r="4661" spans="1:12">
      <c r="A4661" s="6" t="s">
        <v>49</v>
      </c>
      <c r="B4661" s="6"/>
      <c r="C4661" s="6" t="s">
        <v>4680</v>
      </c>
      <c r="D4661" s="6"/>
      <c r="E4661" s="6" t="s">
        <v>9</v>
      </c>
      <c r="F4661" s="7">
        <v>38657</v>
      </c>
      <c r="G4661" s="8">
        <v>1</v>
      </c>
      <c r="H4661" s="8">
        <v>1</v>
      </c>
      <c r="I4661" s="8">
        <v>0</v>
      </c>
      <c r="J4661" s="8">
        <v>1</v>
      </c>
      <c r="K4661" s="9">
        <v>93</v>
      </c>
      <c r="L4661" s="6" t="s">
        <v>51</v>
      </c>
    </row>
    <row r="4662" spans="1:12">
      <c r="A4662" s="6" t="s">
        <v>49</v>
      </c>
      <c r="B4662" s="6"/>
      <c r="C4662" s="6" t="s">
        <v>4681</v>
      </c>
      <c r="D4662" s="6"/>
      <c r="E4662" s="6" t="s">
        <v>9</v>
      </c>
      <c r="F4662" s="7">
        <v>38657</v>
      </c>
      <c r="G4662" s="8">
        <v>1</v>
      </c>
      <c r="H4662" s="8">
        <v>1</v>
      </c>
      <c r="I4662" s="8">
        <v>0</v>
      </c>
      <c r="J4662" s="8">
        <v>1</v>
      </c>
      <c r="K4662" s="9">
        <v>148</v>
      </c>
      <c r="L4662" s="6" t="s">
        <v>51</v>
      </c>
    </row>
    <row r="4663" spans="1:12">
      <c r="A4663" s="6" t="s">
        <v>49</v>
      </c>
      <c r="B4663" s="6"/>
      <c r="C4663" s="6" t="s">
        <v>4682</v>
      </c>
      <c r="D4663" s="6"/>
      <c r="E4663" s="6" t="s">
        <v>9</v>
      </c>
      <c r="F4663" s="7">
        <v>38657</v>
      </c>
      <c r="G4663" s="8">
        <v>1</v>
      </c>
      <c r="H4663" s="8">
        <v>1</v>
      </c>
      <c r="I4663" s="8">
        <v>0</v>
      </c>
      <c r="J4663" s="8">
        <v>1</v>
      </c>
      <c r="K4663" s="9">
        <v>22</v>
      </c>
      <c r="L4663" s="6" t="s">
        <v>51</v>
      </c>
    </row>
    <row r="4664" spans="1:12">
      <c r="A4664" s="6" t="s">
        <v>49</v>
      </c>
      <c r="B4664" s="6"/>
      <c r="C4664" s="6" t="s">
        <v>4683</v>
      </c>
      <c r="D4664" s="6"/>
      <c r="E4664" s="6" t="s">
        <v>9</v>
      </c>
      <c r="F4664" s="7">
        <v>38657</v>
      </c>
      <c r="G4664" s="8">
        <v>1</v>
      </c>
      <c r="H4664" s="8">
        <v>1</v>
      </c>
      <c r="I4664" s="8">
        <v>0</v>
      </c>
      <c r="J4664" s="8">
        <v>1</v>
      </c>
      <c r="K4664" s="9">
        <v>176</v>
      </c>
      <c r="L4664" s="6" t="s">
        <v>51</v>
      </c>
    </row>
    <row r="4665" spans="1:12">
      <c r="A4665" s="6" t="s">
        <v>49</v>
      </c>
      <c r="B4665" s="6"/>
      <c r="C4665" s="6" t="s">
        <v>4684</v>
      </c>
      <c r="D4665" s="6"/>
      <c r="E4665" s="6" t="s">
        <v>9</v>
      </c>
      <c r="F4665" s="7">
        <v>38657</v>
      </c>
      <c r="G4665" s="8">
        <v>1</v>
      </c>
      <c r="H4665" s="8">
        <v>1</v>
      </c>
      <c r="I4665" s="8">
        <v>0</v>
      </c>
      <c r="J4665" s="8">
        <v>1</v>
      </c>
      <c r="K4665" s="9">
        <v>196</v>
      </c>
      <c r="L4665" s="6" t="s">
        <v>51</v>
      </c>
    </row>
    <row r="4666" spans="1:12">
      <c r="A4666" s="6" t="s">
        <v>49</v>
      </c>
      <c r="B4666" s="6"/>
      <c r="C4666" s="6" t="s">
        <v>4685</v>
      </c>
      <c r="D4666" s="6"/>
      <c r="E4666" s="6" t="s">
        <v>9</v>
      </c>
      <c r="F4666" s="7">
        <v>38657</v>
      </c>
      <c r="G4666" s="8">
        <v>1</v>
      </c>
      <c r="H4666" s="8">
        <v>1</v>
      </c>
      <c r="I4666" s="8">
        <v>0</v>
      </c>
      <c r="J4666" s="8">
        <v>1</v>
      </c>
      <c r="K4666" s="9">
        <v>231</v>
      </c>
      <c r="L4666" s="6" t="s">
        <v>51</v>
      </c>
    </row>
    <row r="4667" spans="1:12">
      <c r="A4667" s="6" t="s">
        <v>49</v>
      </c>
      <c r="B4667" s="6"/>
      <c r="C4667" s="6" t="s">
        <v>4686</v>
      </c>
      <c r="D4667" s="6"/>
      <c r="E4667" s="6" t="s">
        <v>9</v>
      </c>
      <c r="F4667" s="7">
        <v>38657</v>
      </c>
      <c r="G4667" s="8">
        <v>1</v>
      </c>
      <c r="H4667" s="8">
        <v>1</v>
      </c>
      <c r="I4667" s="8">
        <v>0</v>
      </c>
      <c r="J4667" s="8">
        <v>1</v>
      </c>
      <c r="K4667" s="9">
        <v>288</v>
      </c>
      <c r="L4667" s="6" t="s">
        <v>51</v>
      </c>
    </row>
    <row r="4668" spans="1:12">
      <c r="A4668" s="6" t="s">
        <v>49</v>
      </c>
      <c r="B4668" s="6"/>
      <c r="C4668" s="6" t="s">
        <v>4687</v>
      </c>
      <c r="D4668" s="6"/>
      <c r="E4668" s="6" t="s">
        <v>9</v>
      </c>
      <c r="F4668" s="7">
        <v>38657</v>
      </c>
      <c r="G4668" s="8">
        <v>1</v>
      </c>
      <c r="H4668" s="8">
        <v>1</v>
      </c>
      <c r="I4668" s="8">
        <v>0</v>
      </c>
      <c r="J4668" s="8">
        <v>1</v>
      </c>
      <c r="K4668" s="9">
        <v>276</v>
      </c>
      <c r="L4668" s="6" t="s">
        <v>51</v>
      </c>
    </row>
    <row r="4669" spans="1:12">
      <c r="A4669" s="6" t="s">
        <v>49</v>
      </c>
      <c r="B4669" s="6"/>
      <c r="C4669" s="6" t="s">
        <v>4688</v>
      </c>
      <c r="D4669" s="6"/>
      <c r="E4669" s="6" t="s">
        <v>9</v>
      </c>
      <c r="F4669" s="7">
        <v>38657</v>
      </c>
      <c r="G4669" s="8">
        <v>1</v>
      </c>
      <c r="H4669" s="8">
        <v>1</v>
      </c>
      <c r="I4669" s="8">
        <v>0</v>
      </c>
      <c r="J4669" s="8">
        <v>1</v>
      </c>
      <c r="K4669" s="9">
        <v>37</v>
      </c>
      <c r="L4669" s="6" t="s">
        <v>51</v>
      </c>
    </row>
    <row r="4670" spans="1:12">
      <c r="A4670" s="6" t="s">
        <v>49</v>
      </c>
      <c r="B4670" s="6"/>
      <c r="C4670" s="6" t="s">
        <v>4689</v>
      </c>
      <c r="D4670" s="6"/>
      <c r="E4670" s="6" t="s">
        <v>9</v>
      </c>
      <c r="F4670" s="7">
        <v>38657</v>
      </c>
      <c r="G4670" s="8">
        <v>1</v>
      </c>
      <c r="H4670" s="8">
        <v>1</v>
      </c>
      <c r="I4670" s="8">
        <v>0</v>
      </c>
      <c r="J4670" s="8">
        <v>1</v>
      </c>
      <c r="K4670" s="9">
        <v>4.21</v>
      </c>
      <c r="L4670" s="6" t="s">
        <v>51</v>
      </c>
    </row>
    <row r="4671" spans="1:12">
      <c r="A4671" s="6" t="s">
        <v>49</v>
      </c>
      <c r="B4671" s="6"/>
      <c r="C4671" s="6" t="s">
        <v>4690</v>
      </c>
      <c r="D4671" s="6"/>
      <c r="E4671" s="6" t="s">
        <v>9</v>
      </c>
      <c r="F4671" s="7">
        <v>38657</v>
      </c>
      <c r="G4671" s="8">
        <v>1</v>
      </c>
      <c r="H4671" s="8">
        <v>1</v>
      </c>
      <c r="I4671" s="8">
        <v>0</v>
      </c>
      <c r="J4671" s="8">
        <v>1</v>
      </c>
      <c r="K4671" s="9">
        <v>277</v>
      </c>
      <c r="L4671" s="6" t="s">
        <v>51</v>
      </c>
    </row>
    <row r="4672" spans="1:12">
      <c r="A4672" s="6" t="s">
        <v>49</v>
      </c>
      <c r="B4672" s="6"/>
      <c r="C4672" s="6" t="s">
        <v>4691</v>
      </c>
      <c r="D4672" s="6"/>
      <c r="E4672" s="6" t="s">
        <v>9</v>
      </c>
      <c r="F4672" s="7">
        <v>38657</v>
      </c>
      <c r="G4672" s="8">
        <v>1</v>
      </c>
      <c r="H4672" s="8">
        <v>1</v>
      </c>
      <c r="I4672" s="8">
        <v>0</v>
      </c>
      <c r="J4672" s="8">
        <v>1</v>
      </c>
      <c r="K4672" s="9">
        <v>3.39</v>
      </c>
      <c r="L4672" s="6" t="s">
        <v>51</v>
      </c>
    </row>
    <row r="4673" spans="1:12">
      <c r="A4673" s="6" t="s">
        <v>49</v>
      </c>
      <c r="B4673" s="6"/>
      <c r="C4673" s="6" t="s">
        <v>4692</v>
      </c>
      <c r="D4673" s="6"/>
      <c r="E4673" s="6" t="s">
        <v>9</v>
      </c>
      <c r="F4673" s="7">
        <v>38657</v>
      </c>
      <c r="G4673" s="8">
        <v>1</v>
      </c>
      <c r="H4673" s="8">
        <v>1</v>
      </c>
      <c r="I4673" s="8">
        <v>0</v>
      </c>
      <c r="J4673" s="8">
        <v>1</v>
      </c>
      <c r="K4673" s="9">
        <v>313</v>
      </c>
      <c r="L4673" s="6" t="s">
        <v>51</v>
      </c>
    </row>
    <row r="4674" spans="1:12">
      <c r="A4674" s="6" t="s">
        <v>49</v>
      </c>
      <c r="B4674" s="6"/>
      <c r="C4674" s="6" t="s">
        <v>4693</v>
      </c>
      <c r="D4674" s="6"/>
      <c r="E4674" s="6" t="s">
        <v>9</v>
      </c>
      <c r="F4674" s="7">
        <v>38657</v>
      </c>
      <c r="G4674" s="8">
        <v>1</v>
      </c>
      <c r="H4674" s="8">
        <v>1</v>
      </c>
      <c r="I4674" s="8">
        <v>0</v>
      </c>
      <c r="J4674" s="8">
        <v>1</v>
      </c>
      <c r="K4674" s="9">
        <v>665</v>
      </c>
      <c r="L4674" s="6" t="s">
        <v>51</v>
      </c>
    </row>
    <row r="4675" spans="1:12">
      <c r="A4675" s="6" t="s">
        <v>49</v>
      </c>
      <c r="B4675" s="6"/>
      <c r="C4675" s="6" t="s">
        <v>4694</v>
      </c>
      <c r="D4675" s="6"/>
      <c r="E4675" s="6" t="s">
        <v>9</v>
      </c>
      <c r="F4675" s="7">
        <v>38657</v>
      </c>
      <c r="G4675" s="8">
        <v>1</v>
      </c>
      <c r="H4675" s="8">
        <v>1</v>
      </c>
      <c r="I4675" s="8">
        <v>0</v>
      </c>
      <c r="J4675" s="8">
        <v>1</v>
      </c>
      <c r="K4675" s="9">
        <v>648</v>
      </c>
      <c r="L4675" s="6" t="s">
        <v>51</v>
      </c>
    </row>
    <row r="4676" spans="1:12">
      <c r="A4676" s="6" t="s">
        <v>49</v>
      </c>
      <c r="B4676" s="6"/>
      <c r="C4676" s="6" t="s">
        <v>4695</v>
      </c>
      <c r="D4676" s="6"/>
      <c r="E4676" s="6" t="s">
        <v>9</v>
      </c>
      <c r="F4676" s="7">
        <v>38657</v>
      </c>
      <c r="G4676" s="8">
        <v>1</v>
      </c>
      <c r="H4676" s="8">
        <v>1</v>
      </c>
      <c r="I4676" s="8">
        <v>0</v>
      </c>
      <c r="J4676" s="8">
        <v>1</v>
      </c>
      <c r="K4676" s="9">
        <v>533</v>
      </c>
      <c r="L4676" s="6" t="s">
        <v>51</v>
      </c>
    </row>
    <row r="4677" spans="1:12">
      <c r="A4677" s="6" t="s">
        <v>49</v>
      </c>
      <c r="B4677" s="6"/>
      <c r="C4677" s="6" t="s">
        <v>4696</v>
      </c>
      <c r="D4677" s="6"/>
      <c r="E4677" s="6" t="s">
        <v>9</v>
      </c>
      <c r="F4677" s="7">
        <v>38657</v>
      </c>
      <c r="G4677" s="8">
        <v>1</v>
      </c>
      <c r="H4677" s="8">
        <v>1</v>
      </c>
      <c r="I4677" s="8">
        <v>0</v>
      </c>
      <c r="J4677" s="8">
        <v>1</v>
      </c>
      <c r="K4677" s="9">
        <v>3317</v>
      </c>
      <c r="L4677" s="6" t="s">
        <v>51</v>
      </c>
    </row>
    <row r="4678" spans="1:12">
      <c r="A4678" s="6" t="s">
        <v>49</v>
      </c>
      <c r="B4678" s="6"/>
      <c r="C4678" s="6" t="s">
        <v>4697</v>
      </c>
      <c r="D4678" s="6"/>
      <c r="E4678" s="6" t="s">
        <v>9</v>
      </c>
      <c r="F4678" s="7">
        <v>38657</v>
      </c>
      <c r="G4678" s="8">
        <v>1</v>
      </c>
      <c r="H4678" s="8">
        <v>1</v>
      </c>
      <c r="I4678" s="8">
        <v>0</v>
      </c>
      <c r="J4678" s="8">
        <v>1</v>
      </c>
      <c r="K4678" s="9">
        <v>51.31</v>
      </c>
      <c r="L4678" s="6" t="s">
        <v>51</v>
      </c>
    </row>
    <row r="4679" spans="1:12">
      <c r="A4679" s="6" t="s">
        <v>49</v>
      </c>
      <c r="B4679" s="6"/>
      <c r="C4679" s="6" t="s">
        <v>4698</v>
      </c>
      <c r="D4679" s="6"/>
      <c r="E4679" s="6" t="s">
        <v>9</v>
      </c>
      <c r="F4679" s="7">
        <v>38657</v>
      </c>
      <c r="G4679" s="8">
        <v>1</v>
      </c>
      <c r="H4679" s="8">
        <v>1</v>
      </c>
      <c r="I4679" s="8">
        <v>0</v>
      </c>
      <c r="J4679" s="8">
        <v>1</v>
      </c>
      <c r="K4679" s="9">
        <v>50.81</v>
      </c>
      <c r="L4679" s="6" t="s">
        <v>51</v>
      </c>
    </row>
    <row r="4680" spans="1:12">
      <c r="A4680" s="6" t="s">
        <v>49</v>
      </c>
      <c r="B4680" s="6"/>
      <c r="C4680" s="6" t="s">
        <v>4699</v>
      </c>
      <c r="D4680" s="6"/>
      <c r="E4680" s="6" t="s">
        <v>9</v>
      </c>
      <c r="F4680" s="7">
        <v>38657</v>
      </c>
      <c r="G4680" s="8">
        <v>1</v>
      </c>
      <c r="H4680" s="8">
        <v>1</v>
      </c>
      <c r="I4680" s="8">
        <v>0</v>
      </c>
      <c r="J4680" s="8">
        <v>1</v>
      </c>
      <c r="K4680" s="9">
        <v>3.7</v>
      </c>
      <c r="L4680" s="6" t="s">
        <v>51</v>
      </c>
    </row>
    <row r="4681" spans="1:12">
      <c r="A4681" s="6" t="s">
        <v>49</v>
      </c>
      <c r="B4681" s="6"/>
      <c r="C4681" s="6" t="s">
        <v>4700</v>
      </c>
      <c r="D4681" s="6"/>
      <c r="E4681" s="6" t="s">
        <v>9</v>
      </c>
      <c r="F4681" s="7">
        <v>38657</v>
      </c>
      <c r="G4681" s="8">
        <v>1</v>
      </c>
      <c r="H4681" s="8">
        <v>1</v>
      </c>
      <c r="I4681" s="8">
        <v>0</v>
      </c>
      <c r="J4681" s="8">
        <v>1</v>
      </c>
      <c r="K4681" s="9">
        <v>10</v>
      </c>
      <c r="L4681" s="6" t="s">
        <v>51</v>
      </c>
    </row>
    <row r="4682" spans="1:12">
      <c r="A4682" s="6" t="s">
        <v>49</v>
      </c>
      <c r="B4682" s="6"/>
      <c r="C4682" s="6" t="s">
        <v>4701</v>
      </c>
      <c r="D4682" s="6"/>
      <c r="E4682" s="6" t="s">
        <v>9</v>
      </c>
      <c r="F4682" s="7">
        <v>38657</v>
      </c>
      <c r="G4682" s="8">
        <v>1</v>
      </c>
      <c r="H4682" s="8">
        <v>1</v>
      </c>
      <c r="I4682" s="8">
        <v>0</v>
      </c>
      <c r="J4682" s="8">
        <v>1</v>
      </c>
      <c r="K4682" s="9">
        <v>498</v>
      </c>
      <c r="L4682" s="6" t="s">
        <v>51</v>
      </c>
    </row>
    <row r="4683" spans="1:12">
      <c r="A4683" s="6" t="s">
        <v>49</v>
      </c>
      <c r="B4683" s="6"/>
      <c r="C4683" s="6" t="s">
        <v>4702</v>
      </c>
      <c r="D4683" s="6"/>
      <c r="E4683" s="6" t="s">
        <v>9</v>
      </c>
      <c r="F4683" s="7">
        <v>38657</v>
      </c>
      <c r="G4683" s="8">
        <v>1</v>
      </c>
      <c r="H4683" s="8">
        <v>1</v>
      </c>
      <c r="I4683" s="8">
        <v>0</v>
      </c>
      <c r="J4683" s="8">
        <v>1</v>
      </c>
      <c r="K4683" s="9">
        <v>426</v>
      </c>
      <c r="L4683" s="6" t="s">
        <v>51</v>
      </c>
    </row>
    <row r="4684" spans="1:12">
      <c r="A4684" s="6" t="s">
        <v>49</v>
      </c>
      <c r="B4684" s="6"/>
      <c r="C4684" s="6" t="s">
        <v>4703</v>
      </c>
      <c r="D4684" s="6"/>
      <c r="E4684" s="6" t="s">
        <v>9</v>
      </c>
      <c r="F4684" s="7">
        <v>38657</v>
      </c>
      <c r="G4684" s="8">
        <v>1</v>
      </c>
      <c r="H4684" s="8">
        <v>1</v>
      </c>
      <c r="I4684" s="8">
        <v>0</v>
      </c>
      <c r="J4684" s="8">
        <v>1</v>
      </c>
      <c r="K4684" s="9">
        <v>286</v>
      </c>
      <c r="L4684" s="6" t="s">
        <v>51</v>
      </c>
    </row>
    <row r="4685" spans="1:12">
      <c r="A4685" s="6" t="s">
        <v>49</v>
      </c>
      <c r="B4685" s="6"/>
      <c r="C4685" s="6" t="s">
        <v>4704</v>
      </c>
      <c r="D4685" s="6"/>
      <c r="E4685" s="6" t="s">
        <v>9</v>
      </c>
      <c r="F4685" s="7">
        <v>38657</v>
      </c>
      <c r="G4685" s="8">
        <v>1</v>
      </c>
      <c r="H4685" s="8">
        <v>1</v>
      </c>
      <c r="I4685" s="8">
        <v>0</v>
      </c>
      <c r="J4685" s="8">
        <v>1</v>
      </c>
      <c r="K4685" s="9">
        <v>161</v>
      </c>
      <c r="L4685" s="6" t="s">
        <v>51</v>
      </c>
    </row>
    <row r="4686" spans="1:12">
      <c r="A4686" s="6" t="s">
        <v>49</v>
      </c>
      <c r="B4686" s="6"/>
      <c r="C4686" s="6" t="s">
        <v>4705</v>
      </c>
      <c r="D4686" s="6"/>
      <c r="E4686" s="6" t="s">
        <v>9</v>
      </c>
      <c r="F4686" s="7">
        <v>38657</v>
      </c>
      <c r="G4686" s="8">
        <v>1</v>
      </c>
      <c r="H4686" s="8">
        <v>1</v>
      </c>
      <c r="I4686" s="8">
        <v>0</v>
      </c>
      <c r="J4686" s="8">
        <v>1</v>
      </c>
      <c r="K4686" s="9">
        <v>65</v>
      </c>
      <c r="L4686" s="6" t="s">
        <v>51</v>
      </c>
    </row>
    <row r="4687" spans="1:12">
      <c r="A4687" s="6" t="s">
        <v>49</v>
      </c>
      <c r="B4687" s="6"/>
      <c r="C4687" s="6" t="s">
        <v>4706</v>
      </c>
      <c r="D4687" s="6"/>
      <c r="E4687" s="6" t="s">
        <v>9</v>
      </c>
      <c r="F4687" s="7">
        <v>38657</v>
      </c>
      <c r="G4687" s="8">
        <v>1</v>
      </c>
      <c r="H4687" s="8">
        <v>1</v>
      </c>
      <c r="I4687" s="8">
        <v>0</v>
      </c>
      <c r="J4687" s="8">
        <v>1</v>
      </c>
      <c r="K4687" s="9">
        <v>189</v>
      </c>
      <c r="L4687" s="6" t="s">
        <v>51</v>
      </c>
    </row>
    <row r="4688" spans="1:12">
      <c r="A4688" s="6" t="s">
        <v>49</v>
      </c>
      <c r="B4688" s="6"/>
      <c r="C4688" s="6" t="s">
        <v>4707</v>
      </c>
      <c r="D4688" s="6"/>
      <c r="E4688" s="6" t="s">
        <v>9</v>
      </c>
      <c r="F4688" s="7">
        <v>38657</v>
      </c>
      <c r="G4688" s="8">
        <v>1</v>
      </c>
      <c r="H4688" s="8">
        <v>1</v>
      </c>
      <c r="I4688" s="8">
        <v>0</v>
      </c>
      <c r="J4688" s="8">
        <v>1</v>
      </c>
      <c r="K4688" s="9">
        <v>172</v>
      </c>
      <c r="L4688" s="6" t="s">
        <v>51</v>
      </c>
    </row>
    <row r="4689" spans="1:12">
      <c r="A4689" s="6" t="s">
        <v>49</v>
      </c>
      <c r="B4689" s="6"/>
      <c r="C4689" s="6" t="s">
        <v>4708</v>
      </c>
      <c r="D4689" s="6"/>
      <c r="E4689" s="6" t="s">
        <v>9</v>
      </c>
      <c r="F4689" s="7">
        <v>38657</v>
      </c>
      <c r="G4689" s="8">
        <v>1</v>
      </c>
      <c r="H4689" s="8">
        <v>1</v>
      </c>
      <c r="I4689" s="8">
        <v>0</v>
      </c>
      <c r="J4689" s="8">
        <v>1</v>
      </c>
      <c r="K4689" s="9">
        <v>170</v>
      </c>
      <c r="L4689" s="6" t="s">
        <v>51</v>
      </c>
    </row>
    <row r="4690" spans="1:12">
      <c r="A4690" s="6" t="s">
        <v>49</v>
      </c>
      <c r="B4690" s="6"/>
      <c r="C4690" s="6" t="s">
        <v>4709</v>
      </c>
      <c r="D4690" s="6"/>
      <c r="E4690" s="6" t="s">
        <v>9</v>
      </c>
      <c r="F4690" s="7">
        <v>38657</v>
      </c>
      <c r="G4690" s="8">
        <v>1</v>
      </c>
      <c r="H4690" s="8">
        <v>1</v>
      </c>
      <c r="I4690" s="8">
        <v>0</v>
      </c>
      <c r="J4690" s="8">
        <v>1</v>
      </c>
      <c r="K4690" s="9">
        <v>170</v>
      </c>
      <c r="L4690" s="6" t="s">
        <v>51</v>
      </c>
    </row>
    <row r="4691" spans="1:12">
      <c r="A4691" s="6" t="s">
        <v>49</v>
      </c>
      <c r="B4691" s="6"/>
      <c r="C4691" s="6" t="s">
        <v>4710</v>
      </c>
      <c r="D4691" s="6"/>
      <c r="E4691" s="6" t="s">
        <v>9</v>
      </c>
      <c r="F4691" s="7">
        <v>38657</v>
      </c>
      <c r="G4691" s="8">
        <v>1</v>
      </c>
      <c r="H4691" s="8">
        <v>1</v>
      </c>
      <c r="I4691" s="8">
        <v>0</v>
      </c>
      <c r="J4691" s="8">
        <v>1</v>
      </c>
      <c r="K4691" s="9">
        <v>169</v>
      </c>
      <c r="L4691" s="6" t="s">
        <v>51</v>
      </c>
    </row>
    <row r="4692" spans="1:12">
      <c r="A4692" s="6" t="s">
        <v>49</v>
      </c>
      <c r="B4692" s="6"/>
      <c r="C4692" s="6" t="s">
        <v>4711</v>
      </c>
      <c r="D4692" s="6"/>
      <c r="E4692" s="6" t="s">
        <v>9</v>
      </c>
      <c r="F4692" s="7">
        <v>38657</v>
      </c>
      <c r="G4692" s="8">
        <v>1</v>
      </c>
      <c r="H4692" s="8">
        <v>1</v>
      </c>
      <c r="I4692" s="8">
        <v>0</v>
      </c>
      <c r="J4692" s="8">
        <v>1</v>
      </c>
      <c r="K4692" s="9">
        <v>34</v>
      </c>
      <c r="L4692" s="6" t="s">
        <v>51</v>
      </c>
    </row>
    <row r="4693" spans="1:12">
      <c r="A4693" s="6" t="s">
        <v>49</v>
      </c>
      <c r="B4693" s="6"/>
      <c r="C4693" s="6" t="s">
        <v>4712</v>
      </c>
      <c r="D4693" s="6"/>
      <c r="E4693" s="6" t="s">
        <v>9</v>
      </c>
      <c r="F4693" s="7">
        <v>38657</v>
      </c>
      <c r="G4693" s="8">
        <v>1</v>
      </c>
      <c r="H4693" s="8">
        <v>1</v>
      </c>
      <c r="I4693" s="8">
        <v>0</v>
      </c>
      <c r="J4693" s="8">
        <v>1</v>
      </c>
      <c r="K4693" s="9">
        <v>83</v>
      </c>
      <c r="L4693" s="6" t="s">
        <v>51</v>
      </c>
    </row>
    <row r="4694" spans="1:12">
      <c r="A4694" s="6" t="s">
        <v>49</v>
      </c>
      <c r="B4694" s="6"/>
      <c r="C4694" s="6" t="s">
        <v>4713</v>
      </c>
      <c r="D4694" s="6"/>
      <c r="E4694" s="6" t="s">
        <v>9</v>
      </c>
      <c r="F4694" s="7">
        <v>38657</v>
      </c>
      <c r="G4694" s="8">
        <v>1</v>
      </c>
      <c r="H4694" s="8">
        <v>1</v>
      </c>
      <c r="I4694" s="8">
        <v>0</v>
      </c>
      <c r="J4694" s="8">
        <v>1</v>
      </c>
      <c r="K4694" s="9">
        <v>88</v>
      </c>
      <c r="L4694" s="6" t="s">
        <v>51</v>
      </c>
    </row>
    <row r="4695" spans="1:12">
      <c r="A4695" s="6" t="s">
        <v>49</v>
      </c>
      <c r="B4695" s="6"/>
      <c r="C4695" s="6" t="s">
        <v>4714</v>
      </c>
      <c r="D4695" s="6"/>
      <c r="E4695" s="6" t="s">
        <v>9</v>
      </c>
      <c r="F4695" s="7">
        <v>38657</v>
      </c>
      <c r="G4695" s="8">
        <v>1</v>
      </c>
      <c r="H4695" s="8">
        <v>1</v>
      </c>
      <c r="I4695" s="8">
        <v>0</v>
      </c>
      <c r="J4695" s="8">
        <v>1</v>
      </c>
      <c r="K4695" s="9">
        <v>5.32</v>
      </c>
      <c r="L4695" s="6" t="s">
        <v>51</v>
      </c>
    </row>
    <row r="4696" spans="1:12">
      <c r="A4696" s="6" t="s">
        <v>49</v>
      </c>
      <c r="B4696" s="6"/>
      <c r="C4696" s="6" t="s">
        <v>4715</v>
      </c>
      <c r="D4696" s="6"/>
      <c r="E4696" s="6" t="s">
        <v>9</v>
      </c>
      <c r="F4696" s="7">
        <v>38657</v>
      </c>
      <c r="G4696" s="8">
        <v>1</v>
      </c>
      <c r="H4696" s="8">
        <v>1</v>
      </c>
      <c r="I4696" s="8">
        <v>0</v>
      </c>
      <c r="J4696" s="8">
        <v>1</v>
      </c>
      <c r="K4696" s="9">
        <v>1.1000000000000001</v>
      </c>
      <c r="L4696" s="6" t="s">
        <v>51</v>
      </c>
    </row>
    <row r="4697" spans="1:12">
      <c r="A4697" s="6" t="s">
        <v>49</v>
      </c>
      <c r="B4697" s="6"/>
      <c r="C4697" s="6" t="s">
        <v>4716</v>
      </c>
      <c r="D4697" s="6"/>
      <c r="E4697" s="6" t="s">
        <v>9</v>
      </c>
      <c r="F4697" s="7">
        <v>38657</v>
      </c>
      <c r="G4697" s="8">
        <v>1</v>
      </c>
      <c r="H4697" s="8">
        <v>1</v>
      </c>
      <c r="I4697" s="8">
        <v>0</v>
      </c>
      <c r="J4697" s="8">
        <v>1</v>
      </c>
      <c r="K4697" s="9">
        <v>182</v>
      </c>
      <c r="L4697" s="6" t="s">
        <v>51</v>
      </c>
    </row>
    <row r="4698" spans="1:12">
      <c r="A4698" s="6" t="s">
        <v>49</v>
      </c>
      <c r="B4698" s="6"/>
      <c r="C4698" s="6" t="s">
        <v>4717</v>
      </c>
      <c r="D4698" s="6"/>
      <c r="E4698" s="6" t="s">
        <v>9</v>
      </c>
      <c r="F4698" s="7">
        <v>38657</v>
      </c>
      <c r="G4698" s="8">
        <v>1</v>
      </c>
      <c r="H4698" s="8">
        <v>1</v>
      </c>
      <c r="I4698" s="8">
        <v>0</v>
      </c>
      <c r="J4698" s="8">
        <v>1</v>
      </c>
      <c r="K4698" s="9">
        <v>4.3099999999999898</v>
      </c>
      <c r="L4698" s="6" t="s">
        <v>51</v>
      </c>
    </row>
    <row r="4699" spans="1:12">
      <c r="A4699" s="6" t="s">
        <v>49</v>
      </c>
      <c r="B4699" s="6"/>
      <c r="C4699" s="6" t="s">
        <v>4718</v>
      </c>
      <c r="D4699" s="6"/>
      <c r="E4699" s="6" t="s">
        <v>9</v>
      </c>
      <c r="F4699" s="7">
        <v>38657</v>
      </c>
      <c r="G4699" s="8">
        <v>1</v>
      </c>
      <c r="H4699" s="8">
        <v>1</v>
      </c>
      <c r="I4699" s="8">
        <v>0</v>
      </c>
      <c r="J4699" s="8">
        <v>1</v>
      </c>
      <c r="K4699" s="9">
        <v>6.5</v>
      </c>
      <c r="L4699" s="6" t="s">
        <v>51</v>
      </c>
    </row>
    <row r="4700" spans="1:12">
      <c r="A4700" s="6" t="s">
        <v>49</v>
      </c>
      <c r="B4700" s="6"/>
      <c r="C4700" s="6" t="s">
        <v>4719</v>
      </c>
      <c r="D4700" s="6"/>
      <c r="E4700" s="6" t="s">
        <v>9</v>
      </c>
      <c r="F4700" s="7">
        <v>38657</v>
      </c>
      <c r="G4700" s="8">
        <v>1</v>
      </c>
      <c r="H4700" s="8">
        <v>1</v>
      </c>
      <c r="I4700" s="8">
        <v>0</v>
      </c>
      <c r="J4700" s="8">
        <v>1</v>
      </c>
      <c r="K4700" s="9">
        <v>5.66</v>
      </c>
      <c r="L4700" s="6" t="s">
        <v>51</v>
      </c>
    </row>
    <row r="4701" spans="1:12">
      <c r="A4701" s="6" t="s">
        <v>49</v>
      </c>
      <c r="B4701" s="6"/>
      <c r="C4701" s="6" t="s">
        <v>4720</v>
      </c>
      <c r="D4701" s="6"/>
      <c r="E4701" s="6" t="s">
        <v>9</v>
      </c>
      <c r="F4701" s="7">
        <v>38657</v>
      </c>
      <c r="G4701" s="8">
        <v>1</v>
      </c>
      <c r="H4701" s="8">
        <v>1</v>
      </c>
      <c r="I4701" s="8">
        <v>0</v>
      </c>
      <c r="J4701" s="8">
        <v>1</v>
      </c>
      <c r="K4701" s="9">
        <v>5.05</v>
      </c>
      <c r="L4701" s="6" t="s">
        <v>51</v>
      </c>
    </row>
    <row r="4702" spans="1:12">
      <c r="A4702" s="6" t="s">
        <v>49</v>
      </c>
      <c r="B4702" s="6"/>
      <c r="C4702" s="6" t="s">
        <v>4721</v>
      </c>
      <c r="D4702" s="6"/>
      <c r="E4702" s="6" t="s">
        <v>9</v>
      </c>
      <c r="F4702" s="7">
        <v>38657</v>
      </c>
      <c r="G4702" s="8">
        <v>1</v>
      </c>
      <c r="H4702" s="8">
        <v>1</v>
      </c>
      <c r="I4702" s="8">
        <v>0</v>
      </c>
      <c r="J4702" s="8">
        <v>1</v>
      </c>
      <c r="K4702" s="9">
        <v>376</v>
      </c>
      <c r="L4702" s="6" t="s">
        <v>51</v>
      </c>
    </row>
    <row r="4703" spans="1:12">
      <c r="A4703" s="6" t="s">
        <v>49</v>
      </c>
      <c r="B4703" s="6"/>
      <c r="C4703" s="6" t="s">
        <v>4722</v>
      </c>
      <c r="D4703" s="6"/>
      <c r="E4703" s="6" t="s">
        <v>9</v>
      </c>
      <c r="F4703" s="7">
        <v>38657</v>
      </c>
      <c r="G4703" s="8">
        <v>1</v>
      </c>
      <c r="H4703" s="8">
        <v>1</v>
      </c>
      <c r="I4703" s="8">
        <v>0</v>
      </c>
      <c r="J4703" s="8">
        <v>1</v>
      </c>
      <c r="K4703" s="9">
        <v>35</v>
      </c>
      <c r="L4703" s="6" t="s">
        <v>51</v>
      </c>
    </row>
    <row r="4704" spans="1:12">
      <c r="A4704" s="6" t="s">
        <v>49</v>
      </c>
      <c r="B4704" s="6"/>
      <c r="C4704" s="6" t="s">
        <v>4723</v>
      </c>
      <c r="D4704" s="6"/>
      <c r="E4704" s="6" t="s">
        <v>9</v>
      </c>
      <c r="F4704" s="7">
        <v>40067</v>
      </c>
      <c r="G4704" s="8">
        <v>1</v>
      </c>
      <c r="H4704" s="8">
        <v>1</v>
      </c>
      <c r="I4704" s="8">
        <v>0</v>
      </c>
      <c r="J4704" s="8">
        <v>1</v>
      </c>
      <c r="K4704" s="9">
        <v>12</v>
      </c>
      <c r="L4704" s="6" t="s">
        <v>51</v>
      </c>
    </row>
    <row r="4705" spans="1:12">
      <c r="A4705" s="6" t="s">
        <v>49</v>
      </c>
      <c r="B4705" s="6"/>
      <c r="C4705" s="6" t="s">
        <v>4724</v>
      </c>
      <c r="D4705" s="6"/>
      <c r="E4705" s="6" t="s">
        <v>9</v>
      </c>
      <c r="F4705" s="7">
        <v>38657</v>
      </c>
      <c r="G4705" s="8">
        <v>1</v>
      </c>
      <c r="H4705" s="8">
        <v>1</v>
      </c>
      <c r="I4705" s="8">
        <v>0</v>
      </c>
      <c r="J4705" s="8">
        <v>1</v>
      </c>
      <c r="K4705" s="9">
        <v>119</v>
      </c>
      <c r="L4705" s="6" t="s">
        <v>51</v>
      </c>
    </row>
    <row r="4706" spans="1:12">
      <c r="A4706" s="6" t="s">
        <v>49</v>
      </c>
      <c r="B4706" s="6"/>
      <c r="C4706" s="6" t="s">
        <v>4725</v>
      </c>
      <c r="D4706" s="6"/>
      <c r="E4706" s="6" t="s">
        <v>9</v>
      </c>
      <c r="F4706" s="7">
        <v>38657</v>
      </c>
      <c r="G4706" s="8">
        <v>1</v>
      </c>
      <c r="H4706" s="8">
        <v>1</v>
      </c>
      <c r="I4706" s="8">
        <v>0</v>
      </c>
      <c r="J4706" s="8">
        <v>1</v>
      </c>
      <c r="K4706" s="9">
        <v>57</v>
      </c>
      <c r="L4706" s="6" t="s">
        <v>51</v>
      </c>
    </row>
    <row r="4707" spans="1:12">
      <c r="A4707" s="6" t="s">
        <v>49</v>
      </c>
      <c r="B4707" s="6"/>
      <c r="C4707" s="6" t="s">
        <v>4726</v>
      </c>
      <c r="D4707" s="6"/>
      <c r="E4707" s="6" t="s">
        <v>9</v>
      </c>
      <c r="F4707" s="7">
        <v>38657</v>
      </c>
      <c r="G4707" s="8">
        <v>1</v>
      </c>
      <c r="H4707" s="8">
        <v>1</v>
      </c>
      <c r="I4707" s="8">
        <v>0</v>
      </c>
      <c r="J4707" s="8">
        <v>1</v>
      </c>
      <c r="K4707" s="9">
        <v>336</v>
      </c>
      <c r="L4707" s="6" t="s">
        <v>51</v>
      </c>
    </row>
    <row r="4708" spans="1:12">
      <c r="A4708" s="6" t="s">
        <v>49</v>
      </c>
      <c r="B4708" s="6"/>
      <c r="C4708" s="6" t="s">
        <v>4727</v>
      </c>
      <c r="D4708" s="6"/>
      <c r="E4708" s="6" t="s">
        <v>9</v>
      </c>
      <c r="F4708" s="7">
        <v>38657</v>
      </c>
      <c r="G4708" s="8">
        <v>1</v>
      </c>
      <c r="H4708" s="8">
        <v>1</v>
      </c>
      <c r="I4708" s="8">
        <v>0</v>
      </c>
      <c r="J4708" s="8">
        <v>1</v>
      </c>
      <c r="K4708" s="9">
        <v>71</v>
      </c>
      <c r="L4708" s="6" t="s">
        <v>51</v>
      </c>
    </row>
    <row r="4709" spans="1:12">
      <c r="A4709" s="6" t="s">
        <v>49</v>
      </c>
      <c r="B4709" s="6"/>
      <c r="C4709" s="6" t="s">
        <v>4728</v>
      </c>
      <c r="D4709" s="6"/>
      <c r="E4709" s="6" t="s">
        <v>9</v>
      </c>
      <c r="F4709" s="7">
        <v>38657</v>
      </c>
      <c r="G4709" s="8">
        <v>1</v>
      </c>
      <c r="H4709" s="8">
        <v>1</v>
      </c>
      <c r="I4709" s="8">
        <v>0</v>
      </c>
      <c r="J4709" s="8">
        <v>1</v>
      </c>
      <c r="K4709" s="9">
        <v>36</v>
      </c>
      <c r="L4709" s="6" t="s">
        <v>51</v>
      </c>
    </row>
    <row r="4710" spans="1:12">
      <c r="A4710" s="6" t="s">
        <v>49</v>
      </c>
      <c r="B4710" s="6"/>
      <c r="C4710" s="6" t="s">
        <v>4729</v>
      </c>
      <c r="D4710" s="6"/>
      <c r="E4710" s="6" t="s">
        <v>9</v>
      </c>
      <c r="F4710" s="7">
        <v>38657</v>
      </c>
      <c r="G4710" s="8">
        <v>1</v>
      </c>
      <c r="H4710" s="8">
        <v>1</v>
      </c>
      <c r="I4710" s="8">
        <v>0</v>
      </c>
      <c r="J4710" s="8">
        <v>1</v>
      </c>
      <c r="K4710" s="9">
        <v>38</v>
      </c>
      <c r="L4710" s="6" t="s">
        <v>51</v>
      </c>
    </row>
    <row r="4711" spans="1:12">
      <c r="A4711" s="6" t="s">
        <v>49</v>
      </c>
      <c r="B4711" s="6"/>
      <c r="C4711" s="6" t="s">
        <v>4730</v>
      </c>
      <c r="D4711" s="6"/>
      <c r="E4711" s="6" t="s">
        <v>9</v>
      </c>
      <c r="F4711" s="7">
        <v>38657</v>
      </c>
      <c r="G4711" s="8">
        <v>1</v>
      </c>
      <c r="H4711" s="8">
        <v>1</v>
      </c>
      <c r="I4711" s="8">
        <v>0</v>
      </c>
      <c r="J4711" s="8">
        <v>1</v>
      </c>
      <c r="K4711" s="9">
        <v>36</v>
      </c>
      <c r="L4711" s="6" t="s">
        <v>51</v>
      </c>
    </row>
    <row r="4712" spans="1:12">
      <c r="A4712" s="6" t="s">
        <v>49</v>
      </c>
      <c r="B4712" s="6"/>
      <c r="C4712" s="6" t="s">
        <v>4731</v>
      </c>
      <c r="D4712" s="6"/>
      <c r="E4712" s="6" t="s">
        <v>9</v>
      </c>
      <c r="F4712" s="7">
        <v>38657</v>
      </c>
      <c r="G4712" s="8">
        <v>1</v>
      </c>
      <c r="H4712" s="8">
        <v>1</v>
      </c>
      <c r="I4712" s="8">
        <v>0</v>
      </c>
      <c r="J4712" s="8">
        <v>1</v>
      </c>
      <c r="K4712" s="9">
        <v>2.8</v>
      </c>
      <c r="L4712" s="6" t="s">
        <v>51</v>
      </c>
    </row>
    <row r="4713" spans="1:12">
      <c r="A4713" s="6" t="s">
        <v>49</v>
      </c>
      <c r="B4713" s="6"/>
      <c r="C4713" s="6" t="s">
        <v>4732</v>
      </c>
      <c r="D4713" s="6"/>
      <c r="E4713" s="6" t="s">
        <v>9</v>
      </c>
      <c r="F4713" s="7">
        <v>38657</v>
      </c>
      <c r="G4713" s="8">
        <v>1</v>
      </c>
      <c r="H4713" s="8">
        <v>1</v>
      </c>
      <c r="I4713" s="8">
        <v>0</v>
      </c>
      <c r="J4713" s="8">
        <v>1</v>
      </c>
      <c r="K4713" s="9">
        <v>76</v>
      </c>
      <c r="L4713" s="6" t="s">
        <v>51</v>
      </c>
    </row>
    <row r="4714" spans="1:12">
      <c r="A4714" s="6" t="s">
        <v>49</v>
      </c>
      <c r="B4714" s="6"/>
      <c r="C4714" s="6" t="s">
        <v>4733</v>
      </c>
      <c r="D4714" s="6"/>
      <c r="E4714" s="6" t="s">
        <v>9</v>
      </c>
      <c r="F4714" s="7">
        <v>38657</v>
      </c>
      <c r="G4714" s="8">
        <v>1</v>
      </c>
      <c r="H4714" s="8">
        <v>1</v>
      </c>
      <c r="I4714" s="8">
        <v>0</v>
      </c>
      <c r="J4714" s="8">
        <v>1</v>
      </c>
      <c r="K4714" s="9">
        <v>35</v>
      </c>
      <c r="L4714" s="6" t="s">
        <v>51</v>
      </c>
    </row>
    <row r="4715" spans="1:12">
      <c r="A4715" s="6" t="s">
        <v>49</v>
      </c>
      <c r="B4715" s="6"/>
      <c r="C4715" s="6" t="s">
        <v>4734</v>
      </c>
      <c r="D4715" s="6"/>
      <c r="E4715" s="6" t="s">
        <v>9</v>
      </c>
      <c r="F4715" s="7">
        <v>38657</v>
      </c>
      <c r="G4715" s="8">
        <v>1</v>
      </c>
      <c r="H4715" s="8">
        <v>1</v>
      </c>
      <c r="I4715" s="8">
        <v>0</v>
      </c>
      <c r="J4715" s="8">
        <v>1</v>
      </c>
      <c r="K4715" s="9">
        <v>37</v>
      </c>
      <c r="L4715" s="6" t="s">
        <v>51</v>
      </c>
    </row>
    <row r="4716" spans="1:12">
      <c r="A4716" s="6" t="s">
        <v>49</v>
      </c>
      <c r="B4716" s="6"/>
      <c r="C4716" s="6" t="s">
        <v>4735</v>
      </c>
      <c r="D4716" s="6"/>
      <c r="E4716" s="6" t="s">
        <v>9</v>
      </c>
      <c r="F4716" s="7">
        <v>38657</v>
      </c>
      <c r="G4716" s="8">
        <v>1</v>
      </c>
      <c r="H4716" s="8">
        <v>1</v>
      </c>
      <c r="I4716" s="8">
        <v>0</v>
      </c>
      <c r="J4716" s="8">
        <v>1</v>
      </c>
      <c r="K4716" s="9">
        <v>47</v>
      </c>
      <c r="L4716" s="6" t="s">
        <v>51</v>
      </c>
    </row>
    <row r="4717" spans="1:12">
      <c r="A4717" s="6" t="s">
        <v>49</v>
      </c>
      <c r="B4717" s="6"/>
      <c r="C4717" s="6" t="s">
        <v>4736</v>
      </c>
      <c r="D4717" s="6"/>
      <c r="E4717" s="6" t="s">
        <v>9</v>
      </c>
      <c r="F4717" s="7">
        <v>38657</v>
      </c>
      <c r="G4717" s="8">
        <v>1</v>
      </c>
      <c r="H4717" s="8">
        <v>1</v>
      </c>
      <c r="I4717" s="8">
        <v>0</v>
      </c>
      <c r="J4717" s="8">
        <v>1</v>
      </c>
      <c r="K4717" s="9">
        <v>2.4700000000000002</v>
      </c>
      <c r="L4717" s="6" t="s">
        <v>51</v>
      </c>
    </row>
    <row r="4718" spans="1:12">
      <c r="A4718" s="6" t="s">
        <v>49</v>
      </c>
      <c r="B4718" s="6"/>
      <c r="C4718" s="6" t="s">
        <v>4737</v>
      </c>
      <c r="D4718" s="6"/>
      <c r="E4718" s="6" t="s">
        <v>9</v>
      </c>
      <c r="F4718" s="7">
        <v>38657</v>
      </c>
      <c r="G4718" s="8">
        <v>1</v>
      </c>
      <c r="H4718" s="8">
        <v>1</v>
      </c>
      <c r="I4718" s="8">
        <v>0</v>
      </c>
      <c r="J4718" s="8">
        <v>1</v>
      </c>
      <c r="K4718" s="9">
        <v>70</v>
      </c>
      <c r="L4718" s="6" t="s">
        <v>51</v>
      </c>
    </row>
    <row r="4719" spans="1:12">
      <c r="A4719" s="6" t="s">
        <v>49</v>
      </c>
      <c r="B4719" s="6"/>
      <c r="C4719" s="6" t="s">
        <v>4738</v>
      </c>
      <c r="D4719" s="6"/>
      <c r="E4719" s="6" t="s">
        <v>9</v>
      </c>
      <c r="F4719" s="7">
        <v>38657</v>
      </c>
      <c r="G4719" s="8">
        <v>1</v>
      </c>
      <c r="H4719" s="8">
        <v>1</v>
      </c>
      <c r="I4719" s="8">
        <v>0</v>
      </c>
      <c r="J4719" s="8">
        <v>1</v>
      </c>
      <c r="K4719" s="9">
        <v>127</v>
      </c>
      <c r="L4719" s="6" t="s">
        <v>51</v>
      </c>
    </row>
    <row r="4720" spans="1:12">
      <c r="A4720" s="6" t="s">
        <v>49</v>
      </c>
      <c r="B4720" s="6"/>
      <c r="C4720" s="6" t="s">
        <v>4739</v>
      </c>
      <c r="D4720" s="6"/>
      <c r="E4720" s="6" t="s">
        <v>9</v>
      </c>
      <c r="F4720" s="7">
        <v>38657</v>
      </c>
      <c r="G4720" s="8">
        <v>1</v>
      </c>
      <c r="H4720" s="8">
        <v>1</v>
      </c>
      <c r="I4720" s="8">
        <v>0</v>
      </c>
      <c r="J4720" s="8">
        <v>1</v>
      </c>
      <c r="K4720" s="9">
        <v>132</v>
      </c>
      <c r="L4720" s="6" t="s">
        <v>51</v>
      </c>
    </row>
    <row r="4721" spans="1:12">
      <c r="A4721" s="6" t="s">
        <v>49</v>
      </c>
      <c r="B4721" s="6"/>
      <c r="C4721" s="6" t="s">
        <v>4740</v>
      </c>
      <c r="D4721" s="6"/>
      <c r="E4721" s="6" t="s">
        <v>9</v>
      </c>
      <c r="F4721" s="7">
        <v>38657</v>
      </c>
      <c r="G4721" s="8">
        <v>1</v>
      </c>
      <c r="H4721" s="8">
        <v>1</v>
      </c>
      <c r="I4721" s="8">
        <v>0</v>
      </c>
      <c r="J4721" s="8">
        <v>1</v>
      </c>
      <c r="K4721" s="9">
        <v>116</v>
      </c>
      <c r="L4721" s="6" t="s">
        <v>51</v>
      </c>
    </row>
    <row r="4722" spans="1:12">
      <c r="A4722" s="6" t="s">
        <v>49</v>
      </c>
      <c r="B4722" s="6"/>
      <c r="C4722" s="6" t="s">
        <v>4741</v>
      </c>
      <c r="D4722" s="6"/>
      <c r="E4722" s="6" t="s">
        <v>9</v>
      </c>
      <c r="F4722" s="7">
        <v>38657</v>
      </c>
      <c r="G4722" s="8">
        <v>1</v>
      </c>
      <c r="H4722" s="8">
        <v>1</v>
      </c>
      <c r="I4722" s="8">
        <v>0</v>
      </c>
      <c r="J4722" s="8">
        <v>1</v>
      </c>
      <c r="K4722" s="9">
        <v>103</v>
      </c>
      <c r="L4722" s="6" t="s">
        <v>51</v>
      </c>
    </row>
    <row r="4723" spans="1:12">
      <c r="A4723" s="6" t="s">
        <v>49</v>
      </c>
      <c r="B4723" s="6"/>
      <c r="C4723" s="6" t="s">
        <v>4742</v>
      </c>
      <c r="D4723" s="6"/>
      <c r="E4723" s="6" t="s">
        <v>9</v>
      </c>
      <c r="F4723" s="7">
        <v>38657</v>
      </c>
      <c r="G4723" s="8">
        <v>1</v>
      </c>
      <c r="H4723" s="8">
        <v>1</v>
      </c>
      <c r="I4723" s="8">
        <v>0</v>
      </c>
      <c r="J4723" s="8">
        <v>1</v>
      </c>
      <c r="K4723" s="9">
        <v>95</v>
      </c>
      <c r="L4723" s="6" t="s">
        <v>51</v>
      </c>
    </row>
    <row r="4724" spans="1:12">
      <c r="A4724" s="6" t="s">
        <v>49</v>
      </c>
      <c r="B4724" s="6"/>
      <c r="C4724" s="6" t="s">
        <v>4743</v>
      </c>
      <c r="D4724" s="6"/>
      <c r="E4724" s="6" t="s">
        <v>9</v>
      </c>
      <c r="F4724" s="7">
        <v>38657</v>
      </c>
      <c r="G4724" s="8">
        <v>1</v>
      </c>
      <c r="H4724" s="8">
        <v>1</v>
      </c>
      <c r="I4724" s="8">
        <v>0</v>
      </c>
      <c r="J4724" s="8">
        <v>1</v>
      </c>
      <c r="K4724" s="9">
        <v>234</v>
      </c>
      <c r="L4724" s="6" t="s">
        <v>51</v>
      </c>
    </row>
    <row r="4725" spans="1:12">
      <c r="A4725" s="6" t="s">
        <v>49</v>
      </c>
      <c r="B4725" s="6"/>
      <c r="C4725" s="6" t="s">
        <v>4744</v>
      </c>
      <c r="D4725" s="6"/>
      <c r="E4725" s="6" t="s">
        <v>9</v>
      </c>
      <c r="F4725" s="7">
        <v>38657</v>
      </c>
      <c r="G4725" s="8">
        <v>1</v>
      </c>
      <c r="H4725" s="8">
        <v>1</v>
      </c>
      <c r="I4725" s="8">
        <v>0</v>
      </c>
      <c r="J4725" s="8">
        <v>1</v>
      </c>
      <c r="K4725" s="9">
        <v>35</v>
      </c>
      <c r="L4725" s="6" t="s">
        <v>51</v>
      </c>
    </row>
    <row r="4726" spans="1:12">
      <c r="A4726" s="6" t="s">
        <v>49</v>
      </c>
      <c r="B4726" s="6"/>
      <c r="C4726" s="6" t="s">
        <v>4745</v>
      </c>
      <c r="D4726" s="6"/>
      <c r="E4726" s="6" t="s">
        <v>9</v>
      </c>
      <c r="F4726" s="7">
        <v>38657</v>
      </c>
      <c r="G4726" s="8">
        <v>1</v>
      </c>
      <c r="H4726" s="8">
        <v>1</v>
      </c>
      <c r="I4726" s="8">
        <v>0</v>
      </c>
      <c r="J4726" s="8">
        <v>1</v>
      </c>
      <c r="K4726" s="9">
        <v>232</v>
      </c>
      <c r="L4726" s="6" t="s">
        <v>51</v>
      </c>
    </row>
    <row r="4727" spans="1:12">
      <c r="A4727" s="6" t="s">
        <v>49</v>
      </c>
      <c r="B4727" s="6"/>
      <c r="C4727" s="6" t="s">
        <v>4746</v>
      </c>
      <c r="D4727" s="6"/>
      <c r="E4727" s="6" t="s">
        <v>9</v>
      </c>
      <c r="F4727" s="7">
        <v>38657</v>
      </c>
      <c r="G4727" s="8">
        <v>1</v>
      </c>
      <c r="H4727" s="8">
        <v>1</v>
      </c>
      <c r="I4727" s="8">
        <v>0</v>
      </c>
      <c r="J4727" s="8">
        <v>1</v>
      </c>
      <c r="K4727" s="9">
        <v>233</v>
      </c>
      <c r="L4727" s="6" t="s">
        <v>51</v>
      </c>
    </row>
    <row r="4728" spans="1:12">
      <c r="A4728" s="6" t="s">
        <v>49</v>
      </c>
      <c r="B4728" s="6"/>
      <c r="C4728" s="6" t="s">
        <v>4747</v>
      </c>
      <c r="D4728" s="6"/>
      <c r="E4728" s="6" t="s">
        <v>9</v>
      </c>
      <c r="F4728" s="7">
        <v>38657</v>
      </c>
      <c r="G4728" s="8">
        <v>1</v>
      </c>
      <c r="H4728" s="8">
        <v>1</v>
      </c>
      <c r="I4728" s="8">
        <v>0</v>
      </c>
      <c r="J4728" s="8">
        <v>1</v>
      </c>
      <c r="K4728" s="9">
        <v>6.35</v>
      </c>
      <c r="L4728" s="6" t="s">
        <v>51</v>
      </c>
    </row>
    <row r="4729" spans="1:12">
      <c r="A4729" s="6" t="s">
        <v>49</v>
      </c>
      <c r="B4729" s="6"/>
      <c r="C4729" s="6" t="s">
        <v>4748</v>
      </c>
      <c r="D4729" s="6"/>
      <c r="E4729" s="6" t="s">
        <v>9</v>
      </c>
      <c r="F4729" s="7">
        <v>38657</v>
      </c>
      <c r="G4729" s="8">
        <v>1</v>
      </c>
      <c r="H4729" s="8">
        <v>1</v>
      </c>
      <c r="I4729" s="8">
        <v>0</v>
      </c>
      <c r="J4729" s="8">
        <v>1</v>
      </c>
      <c r="K4729" s="9">
        <v>337</v>
      </c>
      <c r="L4729" s="6" t="s">
        <v>51</v>
      </c>
    </row>
    <row r="4730" spans="1:12">
      <c r="A4730" s="6" t="s">
        <v>49</v>
      </c>
      <c r="B4730" s="6"/>
      <c r="C4730" s="6" t="s">
        <v>4749</v>
      </c>
      <c r="D4730" s="6"/>
      <c r="E4730" s="6" t="s">
        <v>9</v>
      </c>
      <c r="F4730" s="7">
        <v>38657</v>
      </c>
      <c r="G4730" s="8">
        <v>1</v>
      </c>
      <c r="H4730" s="8">
        <v>1</v>
      </c>
      <c r="I4730" s="8">
        <v>0</v>
      </c>
      <c r="J4730" s="8">
        <v>1</v>
      </c>
      <c r="K4730" s="9">
        <v>398</v>
      </c>
      <c r="L4730" s="6" t="s">
        <v>51</v>
      </c>
    </row>
    <row r="4731" spans="1:12">
      <c r="A4731" s="6" t="s">
        <v>49</v>
      </c>
      <c r="B4731" s="6"/>
      <c r="C4731" s="6" t="s">
        <v>4750</v>
      </c>
      <c r="D4731" s="6"/>
      <c r="E4731" s="6" t="s">
        <v>9</v>
      </c>
      <c r="F4731" s="7">
        <v>38657</v>
      </c>
      <c r="G4731" s="8">
        <v>1</v>
      </c>
      <c r="H4731" s="8">
        <v>1</v>
      </c>
      <c r="I4731" s="8">
        <v>0</v>
      </c>
      <c r="J4731" s="8">
        <v>1</v>
      </c>
      <c r="K4731" s="9">
        <v>518</v>
      </c>
      <c r="L4731" s="6" t="s">
        <v>51</v>
      </c>
    </row>
    <row r="4732" spans="1:12">
      <c r="A4732" s="6" t="s">
        <v>49</v>
      </c>
      <c r="B4732" s="6"/>
      <c r="C4732" s="6" t="s">
        <v>4751</v>
      </c>
      <c r="D4732" s="6"/>
      <c r="E4732" s="6" t="s">
        <v>9</v>
      </c>
      <c r="F4732" s="7">
        <v>38657</v>
      </c>
      <c r="G4732" s="8">
        <v>1</v>
      </c>
      <c r="H4732" s="8">
        <v>1</v>
      </c>
      <c r="I4732" s="8">
        <v>0</v>
      </c>
      <c r="J4732" s="8">
        <v>1</v>
      </c>
      <c r="K4732" s="9">
        <v>71</v>
      </c>
      <c r="L4732" s="6" t="s">
        <v>51</v>
      </c>
    </row>
    <row r="4733" spans="1:12">
      <c r="A4733" s="6" t="s">
        <v>49</v>
      </c>
      <c r="B4733" s="6"/>
      <c r="C4733" s="6" t="s">
        <v>4752</v>
      </c>
      <c r="D4733" s="6"/>
      <c r="E4733" s="6" t="s">
        <v>9</v>
      </c>
      <c r="F4733" s="7">
        <v>38657</v>
      </c>
      <c r="G4733" s="8">
        <v>1</v>
      </c>
      <c r="H4733" s="8">
        <v>1</v>
      </c>
      <c r="I4733" s="8">
        <v>0</v>
      </c>
      <c r="J4733" s="8">
        <v>1</v>
      </c>
      <c r="K4733" s="9">
        <v>82</v>
      </c>
      <c r="L4733" s="6" t="s">
        <v>51</v>
      </c>
    </row>
    <row r="4734" spans="1:12">
      <c r="A4734" s="6" t="s">
        <v>49</v>
      </c>
      <c r="B4734" s="6"/>
      <c r="C4734" s="6" t="s">
        <v>4753</v>
      </c>
      <c r="D4734" s="6"/>
      <c r="E4734" s="6" t="s">
        <v>9</v>
      </c>
      <c r="F4734" s="7">
        <v>38657</v>
      </c>
      <c r="G4734" s="8">
        <v>1</v>
      </c>
      <c r="H4734" s="8">
        <v>1</v>
      </c>
      <c r="I4734" s="8">
        <v>0</v>
      </c>
      <c r="J4734" s="8">
        <v>1</v>
      </c>
      <c r="K4734" s="9">
        <v>0.42</v>
      </c>
      <c r="L4734" s="6" t="s">
        <v>51</v>
      </c>
    </row>
    <row r="4735" spans="1:12">
      <c r="A4735" s="6" t="s">
        <v>49</v>
      </c>
      <c r="B4735" s="6"/>
      <c r="C4735" s="6" t="s">
        <v>4754</v>
      </c>
      <c r="D4735" s="6"/>
      <c r="E4735" s="6" t="s">
        <v>9</v>
      </c>
      <c r="F4735" s="7">
        <v>38657</v>
      </c>
      <c r="G4735" s="8">
        <v>1</v>
      </c>
      <c r="H4735" s="8">
        <v>1</v>
      </c>
      <c r="I4735" s="8">
        <v>0</v>
      </c>
      <c r="J4735" s="8">
        <v>1</v>
      </c>
      <c r="K4735" s="9">
        <v>186</v>
      </c>
      <c r="L4735" s="6" t="s">
        <v>51</v>
      </c>
    </row>
    <row r="4736" spans="1:12">
      <c r="A4736" s="6" t="s">
        <v>49</v>
      </c>
      <c r="B4736" s="6"/>
      <c r="C4736" s="6" t="s">
        <v>4755</v>
      </c>
      <c r="D4736" s="6"/>
      <c r="E4736" s="6" t="s">
        <v>9</v>
      </c>
      <c r="F4736" s="7">
        <v>38657</v>
      </c>
      <c r="G4736" s="8">
        <v>1</v>
      </c>
      <c r="H4736" s="8">
        <v>1</v>
      </c>
      <c r="I4736" s="8">
        <v>0</v>
      </c>
      <c r="J4736" s="8">
        <v>1</v>
      </c>
      <c r="K4736" s="9">
        <v>35</v>
      </c>
      <c r="L4736" s="6" t="s">
        <v>51</v>
      </c>
    </row>
    <row r="4737" spans="1:12">
      <c r="A4737" s="6" t="s">
        <v>49</v>
      </c>
      <c r="B4737" s="6"/>
      <c r="C4737" s="6" t="s">
        <v>4756</v>
      </c>
      <c r="D4737" s="6"/>
      <c r="E4737" s="6" t="s">
        <v>9</v>
      </c>
      <c r="F4737" s="7">
        <v>38657</v>
      </c>
      <c r="G4737" s="8">
        <v>1</v>
      </c>
      <c r="H4737" s="8">
        <v>1</v>
      </c>
      <c r="I4737" s="8">
        <v>0</v>
      </c>
      <c r="J4737" s="8">
        <v>1</v>
      </c>
      <c r="K4737" s="9">
        <v>463</v>
      </c>
      <c r="L4737" s="6" t="s">
        <v>51</v>
      </c>
    </row>
    <row r="4738" spans="1:12">
      <c r="A4738" s="6" t="s">
        <v>49</v>
      </c>
      <c r="B4738" s="6"/>
      <c r="C4738" s="6" t="s">
        <v>4757</v>
      </c>
      <c r="D4738" s="6"/>
      <c r="E4738" s="6" t="s">
        <v>9</v>
      </c>
      <c r="F4738" s="7">
        <v>38657</v>
      </c>
      <c r="G4738" s="8">
        <v>1</v>
      </c>
      <c r="H4738" s="8">
        <v>1</v>
      </c>
      <c r="I4738" s="8">
        <v>0</v>
      </c>
      <c r="J4738" s="8">
        <v>1</v>
      </c>
      <c r="K4738" s="9">
        <v>505</v>
      </c>
      <c r="L4738" s="6" t="s">
        <v>51</v>
      </c>
    </row>
    <row r="4739" spans="1:12">
      <c r="A4739" s="6" t="s">
        <v>49</v>
      </c>
      <c r="B4739" s="6"/>
      <c r="C4739" s="6" t="s">
        <v>4758</v>
      </c>
      <c r="D4739" s="6"/>
      <c r="E4739" s="6" t="s">
        <v>9</v>
      </c>
      <c r="F4739" s="7">
        <v>38657</v>
      </c>
      <c r="G4739" s="8">
        <v>1</v>
      </c>
      <c r="H4739" s="8">
        <v>1</v>
      </c>
      <c r="I4739" s="8">
        <v>0</v>
      </c>
      <c r="J4739" s="8">
        <v>1</v>
      </c>
      <c r="K4739" s="9">
        <v>87</v>
      </c>
      <c r="L4739" s="6" t="s">
        <v>51</v>
      </c>
    </row>
    <row r="4740" spans="1:12">
      <c r="A4740" s="6" t="s">
        <v>49</v>
      </c>
      <c r="B4740" s="6"/>
      <c r="C4740" s="6" t="s">
        <v>4759</v>
      </c>
      <c r="D4740" s="6"/>
      <c r="E4740" s="6" t="s">
        <v>9</v>
      </c>
      <c r="F4740" s="7">
        <v>38657</v>
      </c>
      <c r="G4740" s="8">
        <v>1</v>
      </c>
      <c r="H4740" s="8">
        <v>1</v>
      </c>
      <c r="I4740" s="8">
        <v>0</v>
      </c>
      <c r="J4740" s="8">
        <v>1</v>
      </c>
      <c r="K4740" s="9">
        <v>150</v>
      </c>
      <c r="L4740" s="6" t="s">
        <v>51</v>
      </c>
    </row>
    <row r="4741" spans="1:12">
      <c r="A4741" s="6" t="s">
        <v>49</v>
      </c>
      <c r="B4741" s="6"/>
      <c r="C4741" s="6" t="s">
        <v>4760</v>
      </c>
      <c r="D4741" s="6"/>
      <c r="E4741" s="6" t="s">
        <v>9</v>
      </c>
      <c r="F4741" s="7">
        <v>38657</v>
      </c>
      <c r="G4741" s="8">
        <v>1</v>
      </c>
      <c r="H4741" s="8">
        <v>1</v>
      </c>
      <c r="I4741" s="8">
        <v>0</v>
      </c>
      <c r="J4741" s="8">
        <v>1</v>
      </c>
      <c r="K4741" s="9">
        <v>6.85</v>
      </c>
      <c r="L4741" s="6" t="s">
        <v>51</v>
      </c>
    </row>
    <row r="4742" spans="1:12">
      <c r="A4742" s="6" t="s">
        <v>49</v>
      </c>
      <c r="B4742" s="6"/>
      <c r="C4742" s="6" t="s">
        <v>4761</v>
      </c>
      <c r="D4742" s="6"/>
      <c r="E4742" s="6" t="s">
        <v>9</v>
      </c>
      <c r="F4742" s="7">
        <v>38657</v>
      </c>
      <c r="G4742" s="8">
        <v>1</v>
      </c>
      <c r="H4742" s="8">
        <v>1</v>
      </c>
      <c r="I4742" s="8">
        <v>0</v>
      </c>
      <c r="J4742" s="8">
        <v>1</v>
      </c>
      <c r="K4742" s="9">
        <v>235</v>
      </c>
      <c r="L4742" s="6" t="s">
        <v>51</v>
      </c>
    </row>
    <row r="4743" spans="1:12">
      <c r="A4743" s="6" t="s">
        <v>49</v>
      </c>
      <c r="B4743" s="6"/>
      <c r="C4743" s="6" t="s">
        <v>4762</v>
      </c>
      <c r="D4743" s="6"/>
      <c r="E4743" s="6" t="s">
        <v>9</v>
      </c>
      <c r="F4743" s="7">
        <v>38657</v>
      </c>
      <c r="G4743" s="8">
        <v>1</v>
      </c>
      <c r="H4743" s="8">
        <v>1</v>
      </c>
      <c r="I4743" s="8">
        <v>0</v>
      </c>
      <c r="J4743" s="8">
        <v>1</v>
      </c>
      <c r="K4743" s="9">
        <v>8.4700000000000006</v>
      </c>
      <c r="L4743" s="6" t="s">
        <v>51</v>
      </c>
    </row>
    <row r="4744" spans="1:12">
      <c r="A4744" s="6" t="s">
        <v>49</v>
      </c>
      <c r="B4744" s="6"/>
      <c r="C4744" s="6" t="s">
        <v>4763</v>
      </c>
      <c r="D4744" s="6"/>
      <c r="E4744" s="6" t="s">
        <v>9</v>
      </c>
      <c r="F4744" s="7">
        <v>38657</v>
      </c>
      <c r="G4744" s="8">
        <v>1</v>
      </c>
      <c r="H4744" s="8">
        <v>1</v>
      </c>
      <c r="I4744" s="8">
        <v>0</v>
      </c>
      <c r="J4744" s="8">
        <v>1</v>
      </c>
      <c r="K4744" s="9">
        <v>198</v>
      </c>
      <c r="L4744" s="6" t="s">
        <v>51</v>
      </c>
    </row>
    <row r="4745" spans="1:12">
      <c r="A4745" s="6" t="s">
        <v>49</v>
      </c>
      <c r="B4745" s="6"/>
      <c r="C4745" s="6" t="s">
        <v>4764</v>
      </c>
      <c r="D4745" s="6"/>
      <c r="E4745" s="6" t="s">
        <v>9</v>
      </c>
      <c r="F4745" s="7">
        <v>38657</v>
      </c>
      <c r="G4745" s="8">
        <v>1</v>
      </c>
      <c r="H4745" s="8">
        <v>1</v>
      </c>
      <c r="I4745" s="8">
        <v>0</v>
      </c>
      <c r="J4745" s="8">
        <v>1</v>
      </c>
      <c r="K4745" s="9">
        <v>118</v>
      </c>
      <c r="L4745" s="6" t="s">
        <v>51</v>
      </c>
    </row>
    <row r="4746" spans="1:12">
      <c r="A4746" s="6" t="s">
        <v>49</v>
      </c>
      <c r="B4746" s="6"/>
      <c r="C4746" s="6" t="s">
        <v>4765</v>
      </c>
      <c r="D4746" s="6"/>
      <c r="E4746" s="6" t="s">
        <v>9</v>
      </c>
      <c r="F4746" s="7">
        <v>38657</v>
      </c>
      <c r="G4746" s="8">
        <v>1</v>
      </c>
      <c r="H4746" s="8">
        <v>1</v>
      </c>
      <c r="I4746" s="8">
        <v>0</v>
      </c>
      <c r="J4746" s="8">
        <v>1</v>
      </c>
      <c r="K4746" s="9">
        <v>10</v>
      </c>
      <c r="L4746" s="6" t="s">
        <v>51</v>
      </c>
    </row>
    <row r="4747" spans="1:12">
      <c r="A4747" s="6" t="s">
        <v>49</v>
      </c>
      <c r="B4747" s="6"/>
      <c r="C4747" s="6" t="s">
        <v>4766</v>
      </c>
      <c r="D4747" s="6"/>
      <c r="E4747" s="6" t="s">
        <v>9</v>
      </c>
      <c r="F4747" s="7">
        <v>38657</v>
      </c>
      <c r="G4747" s="8">
        <v>1</v>
      </c>
      <c r="H4747" s="8">
        <v>1</v>
      </c>
      <c r="I4747" s="8">
        <v>0</v>
      </c>
      <c r="J4747" s="8">
        <v>1</v>
      </c>
      <c r="K4747" s="9">
        <v>1.53</v>
      </c>
      <c r="L4747" s="6" t="s">
        <v>51</v>
      </c>
    </row>
    <row r="4748" spans="1:12">
      <c r="A4748" s="6" t="s">
        <v>49</v>
      </c>
      <c r="B4748" s="6"/>
      <c r="C4748" s="6" t="s">
        <v>4767</v>
      </c>
      <c r="D4748" s="6"/>
      <c r="E4748" s="6" t="s">
        <v>9</v>
      </c>
      <c r="F4748" s="7">
        <v>38657</v>
      </c>
      <c r="G4748" s="8">
        <v>1</v>
      </c>
      <c r="H4748" s="8">
        <v>1</v>
      </c>
      <c r="I4748" s="8">
        <v>0</v>
      </c>
      <c r="J4748" s="8">
        <v>1</v>
      </c>
      <c r="K4748" s="9">
        <v>3.8</v>
      </c>
      <c r="L4748" s="6" t="s">
        <v>51</v>
      </c>
    </row>
    <row r="4749" spans="1:12">
      <c r="A4749" s="6" t="s">
        <v>49</v>
      </c>
      <c r="B4749" s="6"/>
      <c r="C4749" s="6" t="s">
        <v>4768</v>
      </c>
      <c r="D4749" s="6"/>
      <c r="E4749" s="6" t="s">
        <v>9</v>
      </c>
      <c r="F4749" s="7">
        <v>38657</v>
      </c>
      <c r="G4749" s="8">
        <v>1</v>
      </c>
      <c r="H4749" s="8">
        <v>1</v>
      </c>
      <c r="I4749" s="8">
        <v>0</v>
      </c>
      <c r="J4749" s="8">
        <v>1</v>
      </c>
      <c r="K4749" s="9">
        <v>195</v>
      </c>
      <c r="L4749" s="6" t="s">
        <v>51</v>
      </c>
    </row>
    <row r="4750" spans="1:12">
      <c r="A4750" s="6" t="s">
        <v>49</v>
      </c>
      <c r="B4750" s="6"/>
      <c r="C4750" s="6" t="s">
        <v>4769</v>
      </c>
      <c r="D4750" s="6"/>
      <c r="E4750" s="6" t="s">
        <v>9</v>
      </c>
      <c r="F4750" s="7">
        <v>38657</v>
      </c>
      <c r="G4750" s="8">
        <v>1</v>
      </c>
      <c r="H4750" s="8">
        <v>1</v>
      </c>
      <c r="I4750" s="8">
        <v>0</v>
      </c>
      <c r="J4750" s="8">
        <v>1</v>
      </c>
      <c r="K4750" s="9">
        <v>5.86</v>
      </c>
      <c r="L4750" s="6" t="s">
        <v>51</v>
      </c>
    </row>
    <row r="4751" spans="1:12">
      <c r="A4751" s="6" t="s">
        <v>49</v>
      </c>
      <c r="B4751" s="6"/>
      <c r="C4751" s="6" t="s">
        <v>4770</v>
      </c>
      <c r="D4751" s="6"/>
      <c r="E4751" s="6" t="s">
        <v>9</v>
      </c>
      <c r="F4751" s="7">
        <v>38657</v>
      </c>
      <c r="G4751" s="8">
        <v>1</v>
      </c>
      <c r="H4751" s="8">
        <v>1</v>
      </c>
      <c r="I4751" s="8">
        <v>0</v>
      </c>
      <c r="J4751" s="8">
        <v>1</v>
      </c>
      <c r="K4751" s="9">
        <v>33</v>
      </c>
      <c r="L4751" s="6" t="s">
        <v>51</v>
      </c>
    </row>
    <row r="4752" spans="1:12">
      <c r="A4752" s="6" t="s">
        <v>49</v>
      </c>
      <c r="B4752" s="6"/>
      <c r="C4752" s="6" t="s">
        <v>4771</v>
      </c>
      <c r="D4752" s="6"/>
      <c r="E4752" s="6" t="s">
        <v>9</v>
      </c>
      <c r="F4752" s="7">
        <v>38657</v>
      </c>
      <c r="G4752" s="8">
        <v>1</v>
      </c>
      <c r="H4752" s="8">
        <v>1</v>
      </c>
      <c r="I4752" s="8">
        <v>0</v>
      </c>
      <c r="J4752" s="8">
        <v>1</v>
      </c>
      <c r="K4752" s="9">
        <v>116</v>
      </c>
      <c r="L4752" s="6" t="s">
        <v>51</v>
      </c>
    </row>
    <row r="4753" spans="1:12">
      <c r="A4753" s="6" t="s">
        <v>49</v>
      </c>
      <c r="B4753" s="6"/>
      <c r="C4753" s="6" t="s">
        <v>4772</v>
      </c>
      <c r="D4753" s="6"/>
      <c r="E4753" s="6" t="s">
        <v>9</v>
      </c>
      <c r="F4753" s="7"/>
      <c r="G4753" s="8">
        <v>222</v>
      </c>
      <c r="H4753" s="8">
        <v>222</v>
      </c>
      <c r="I4753" s="8">
        <v>0</v>
      </c>
      <c r="J4753" s="8">
        <v>222</v>
      </c>
      <c r="K4753" s="9">
        <v>1.95</v>
      </c>
      <c r="L4753" s="6" t="s">
        <v>4773</v>
      </c>
    </row>
    <row r="4754" spans="1:12">
      <c r="A4754" s="6" t="s">
        <v>49</v>
      </c>
      <c r="B4754" s="6"/>
      <c r="C4754" s="6" t="s">
        <v>4774</v>
      </c>
      <c r="D4754" s="6"/>
      <c r="E4754" s="6" t="s">
        <v>9</v>
      </c>
      <c r="F4754" s="7">
        <v>38657</v>
      </c>
      <c r="G4754" s="8">
        <v>1</v>
      </c>
      <c r="H4754" s="8">
        <v>1</v>
      </c>
      <c r="I4754" s="8">
        <v>0</v>
      </c>
      <c r="J4754" s="8">
        <v>1</v>
      </c>
      <c r="K4754" s="9">
        <v>238</v>
      </c>
      <c r="L4754" s="6" t="s">
        <v>51</v>
      </c>
    </row>
    <row r="4755" spans="1:12">
      <c r="A4755" s="6" t="s">
        <v>49</v>
      </c>
      <c r="B4755" s="6"/>
      <c r="C4755" s="6" t="s">
        <v>4775</v>
      </c>
      <c r="D4755" s="6"/>
      <c r="E4755" s="6" t="s">
        <v>9</v>
      </c>
      <c r="F4755" s="7">
        <v>41221</v>
      </c>
      <c r="G4755" s="8">
        <v>1</v>
      </c>
      <c r="H4755" s="8">
        <v>1</v>
      </c>
      <c r="I4755" s="8">
        <v>0</v>
      </c>
      <c r="J4755" s="8">
        <v>1</v>
      </c>
      <c r="K4755" s="9">
        <v>54</v>
      </c>
      <c r="L4755" s="6" t="s">
        <v>51</v>
      </c>
    </row>
    <row r="4756" spans="1:12">
      <c r="A4756" s="6" t="s">
        <v>49</v>
      </c>
      <c r="B4756" s="6"/>
      <c r="C4756" s="6" t="s">
        <v>4776</v>
      </c>
      <c r="D4756" s="6"/>
      <c r="E4756" s="6" t="s">
        <v>9</v>
      </c>
      <c r="F4756" s="7">
        <v>38657</v>
      </c>
      <c r="G4756" s="8">
        <v>1</v>
      </c>
      <c r="H4756" s="8">
        <v>1</v>
      </c>
      <c r="I4756" s="8">
        <v>0</v>
      </c>
      <c r="J4756" s="8">
        <v>1</v>
      </c>
      <c r="K4756" s="9">
        <v>25</v>
      </c>
      <c r="L4756" s="6" t="s">
        <v>51</v>
      </c>
    </row>
    <row r="4757" spans="1:12">
      <c r="A4757" s="6" t="s">
        <v>49</v>
      </c>
      <c r="B4757" s="6"/>
      <c r="C4757" s="6" t="s">
        <v>4777</v>
      </c>
      <c r="D4757" s="6"/>
      <c r="E4757" s="6" t="s">
        <v>9</v>
      </c>
      <c r="F4757" s="7">
        <v>38657</v>
      </c>
      <c r="G4757" s="8">
        <v>1</v>
      </c>
      <c r="H4757" s="8">
        <v>1</v>
      </c>
      <c r="I4757" s="8">
        <v>0</v>
      </c>
      <c r="J4757" s="8">
        <v>1</v>
      </c>
      <c r="K4757" s="9">
        <v>20</v>
      </c>
      <c r="L4757" s="6" t="s">
        <v>51</v>
      </c>
    </row>
    <row r="4758" spans="1:12">
      <c r="A4758" s="6" t="s">
        <v>49</v>
      </c>
      <c r="B4758" s="6"/>
      <c r="C4758" s="6" t="s">
        <v>4778</v>
      </c>
      <c r="D4758" s="6"/>
      <c r="E4758" s="6" t="s">
        <v>9</v>
      </c>
      <c r="F4758" s="7">
        <v>38657</v>
      </c>
      <c r="G4758" s="8">
        <v>1</v>
      </c>
      <c r="H4758" s="8">
        <v>1</v>
      </c>
      <c r="I4758" s="8">
        <v>0</v>
      </c>
      <c r="J4758" s="8">
        <v>1</v>
      </c>
      <c r="K4758" s="9">
        <v>37</v>
      </c>
      <c r="L4758" s="6" t="s">
        <v>51</v>
      </c>
    </row>
    <row r="4759" spans="1:12">
      <c r="A4759" s="6" t="s">
        <v>49</v>
      </c>
      <c r="B4759" s="6"/>
      <c r="C4759" s="6" t="s">
        <v>4779</v>
      </c>
      <c r="D4759" s="6"/>
      <c r="E4759" s="6" t="s">
        <v>9</v>
      </c>
      <c r="F4759" s="7">
        <v>38657</v>
      </c>
      <c r="G4759" s="8">
        <v>1</v>
      </c>
      <c r="H4759" s="8">
        <v>1</v>
      </c>
      <c r="I4759" s="8">
        <v>0</v>
      </c>
      <c r="J4759" s="8">
        <v>1</v>
      </c>
      <c r="K4759" s="9">
        <v>724</v>
      </c>
      <c r="L4759" s="6" t="s">
        <v>51</v>
      </c>
    </row>
    <row r="4760" spans="1:12">
      <c r="A4760" s="6" t="s">
        <v>49</v>
      </c>
      <c r="B4760" s="6"/>
      <c r="C4760" s="6" t="s">
        <v>4780</v>
      </c>
      <c r="D4760" s="6"/>
      <c r="E4760" s="6" t="s">
        <v>9</v>
      </c>
      <c r="F4760" s="7">
        <v>38657</v>
      </c>
      <c r="G4760" s="8">
        <v>1</v>
      </c>
      <c r="H4760" s="8">
        <v>1</v>
      </c>
      <c r="I4760" s="8">
        <v>0</v>
      </c>
      <c r="J4760" s="8">
        <v>1</v>
      </c>
      <c r="K4760" s="9">
        <v>720</v>
      </c>
      <c r="L4760" s="6" t="s">
        <v>51</v>
      </c>
    </row>
    <row r="4761" spans="1:12">
      <c r="A4761" s="6" t="s">
        <v>49</v>
      </c>
      <c r="B4761" s="6"/>
      <c r="C4761" s="6" t="s">
        <v>4781</v>
      </c>
      <c r="D4761" s="6"/>
      <c r="E4761" s="6" t="s">
        <v>9</v>
      </c>
      <c r="F4761" s="7">
        <v>38657</v>
      </c>
      <c r="G4761" s="8">
        <v>24474</v>
      </c>
      <c r="H4761" s="8">
        <v>24474</v>
      </c>
      <c r="I4761" s="8">
        <v>0</v>
      </c>
      <c r="J4761" s="8">
        <v>24474</v>
      </c>
      <c r="K4761" s="9">
        <v>2.25</v>
      </c>
      <c r="L4761" s="6" t="s">
        <v>51</v>
      </c>
    </row>
    <row r="4762" spans="1:12">
      <c r="A4762" s="6" t="s">
        <v>49</v>
      </c>
      <c r="B4762" s="6"/>
      <c r="C4762" s="6" t="s">
        <v>4782</v>
      </c>
      <c r="D4762" s="6"/>
      <c r="E4762" s="6" t="s">
        <v>9</v>
      </c>
      <c r="F4762" s="7">
        <v>38657</v>
      </c>
      <c r="G4762" s="8">
        <v>1</v>
      </c>
      <c r="H4762" s="8">
        <v>1</v>
      </c>
      <c r="I4762" s="8">
        <v>0</v>
      </c>
      <c r="J4762" s="8">
        <v>1</v>
      </c>
      <c r="K4762" s="9">
        <v>158</v>
      </c>
      <c r="L4762" s="6" t="s">
        <v>51</v>
      </c>
    </row>
    <row r="4763" spans="1:12">
      <c r="A4763" s="6" t="s">
        <v>49</v>
      </c>
      <c r="B4763" s="6"/>
      <c r="C4763" s="6" t="s">
        <v>4783</v>
      </c>
      <c r="D4763" s="6"/>
      <c r="E4763" s="6" t="s">
        <v>9</v>
      </c>
      <c r="F4763" s="7">
        <v>38657</v>
      </c>
      <c r="G4763" s="8">
        <v>32306</v>
      </c>
      <c r="H4763" s="8">
        <v>32306</v>
      </c>
      <c r="I4763" s="8">
        <v>0</v>
      </c>
      <c r="J4763" s="8">
        <v>32306</v>
      </c>
      <c r="K4763" s="9">
        <v>2.97</v>
      </c>
      <c r="L4763" s="6" t="s">
        <v>51</v>
      </c>
    </row>
    <row r="4764" spans="1:12">
      <c r="A4764" s="6" t="s">
        <v>49</v>
      </c>
      <c r="B4764" s="6"/>
      <c r="C4764" s="6" t="s">
        <v>4784</v>
      </c>
      <c r="D4764" s="6"/>
      <c r="E4764" s="6" t="s">
        <v>9</v>
      </c>
      <c r="F4764" s="7">
        <v>38657</v>
      </c>
      <c r="G4764" s="8">
        <v>1</v>
      </c>
      <c r="H4764" s="8">
        <v>1</v>
      </c>
      <c r="I4764" s="8">
        <v>0</v>
      </c>
      <c r="J4764" s="8">
        <v>1</v>
      </c>
      <c r="K4764" s="9">
        <v>588</v>
      </c>
      <c r="L4764" s="6" t="s">
        <v>51</v>
      </c>
    </row>
    <row r="4765" spans="1:12">
      <c r="A4765" s="6" t="s">
        <v>49</v>
      </c>
      <c r="B4765" s="6"/>
      <c r="C4765" s="6" t="s">
        <v>4785</v>
      </c>
      <c r="D4765" s="6"/>
      <c r="E4765" s="6" t="s">
        <v>9</v>
      </c>
      <c r="F4765" s="7">
        <v>38657</v>
      </c>
      <c r="G4765" s="8">
        <v>1</v>
      </c>
      <c r="H4765" s="8">
        <v>1</v>
      </c>
      <c r="I4765" s="8">
        <v>0</v>
      </c>
      <c r="J4765" s="8">
        <v>1</v>
      </c>
      <c r="K4765" s="9">
        <v>340</v>
      </c>
      <c r="L4765" s="6" t="s">
        <v>51</v>
      </c>
    </row>
    <row r="4766" spans="1:12">
      <c r="A4766" s="6" t="s">
        <v>49</v>
      </c>
      <c r="B4766" s="6"/>
      <c r="C4766" s="6" t="s">
        <v>4786</v>
      </c>
      <c r="D4766" s="6"/>
      <c r="E4766" s="6" t="s">
        <v>9</v>
      </c>
      <c r="F4766" s="7">
        <v>38657</v>
      </c>
      <c r="G4766" s="8">
        <v>1</v>
      </c>
      <c r="H4766" s="8">
        <v>1</v>
      </c>
      <c r="I4766" s="8">
        <v>0</v>
      </c>
      <c r="J4766" s="8">
        <v>1</v>
      </c>
      <c r="K4766" s="9">
        <v>23</v>
      </c>
      <c r="L4766" s="6" t="s">
        <v>51</v>
      </c>
    </row>
    <row r="4767" spans="1:12">
      <c r="A4767" s="6" t="s">
        <v>49</v>
      </c>
      <c r="B4767" s="6"/>
      <c r="C4767" s="6" t="s">
        <v>4787</v>
      </c>
      <c r="D4767" s="6"/>
      <c r="E4767" s="6" t="s">
        <v>9</v>
      </c>
      <c r="F4767" s="7">
        <v>38657</v>
      </c>
      <c r="G4767" s="8">
        <v>1</v>
      </c>
      <c r="H4767" s="8">
        <v>1</v>
      </c>
      <c r="I4767" s="8">
        <v>0</v>
      </c>
      <c r="J4767" s="8">
        <v>1</v>
      </c>
      <c r="K4767" s="9">
        <v>225</v>
      </c>
      <c r="L4767" s="6" t="s">
        <v>51</v>
      </c>
    </row>
    <row r="4768" spans="1:12">
      <c r="A4768" s="6" t="s">
        <v>49</v>
      </c>
      <c r="B4768" s="6"/>
      <c r="C4768" s="6" t="s">
        <v>4788</v>
      </c>
      <c r="D4768" s="6"/>
      <c r="E4768" s="6" t="s">
        <v>9</v>
      </c>
      <c r="F4768" s="7">
        <v>38657</v>
      </c>
      <c r="G4768" s="8">
        <v>1</v>
      </c>
      <c r="H4768" s="8">
        <v>1</v>
      </c>
      <c r="I4768" s="8">
        <v>0</v>
      </c>
      <c r="J4768" s="8">
        <v>1</v>
      </c>
      <c r="K4768" s="9">
        <v>40</v>
      </c>
      <c r="L4768" s="6" t="s">
        <v>51</v>
      </c>
    </row>
    <row r="4769" spans="1:12">
      <c r="A4769" s="6" t="s">
        <v>49</v>
      </c>
      <c r="B4769" s="6"/>
      <c r="C4769" s="6" t="s">
        <v>4789</v>
      </c>
      <c r="D4769" s="6"/>
      <c r="E4769" s="6" t="s">
        <v>9</v>
      </c>
      <c r="F4769" s="7">
        <v>38657</v>
      </c>
      <c r="G4769" s="8">
        <v>1</v>
      </c>
      <c r="H4769" s="8">
        <v>1</v>
      </c>
      <c r="I4769" s="8">
        <v>0</v>
      </c>
      <c r="J4769" s="8">
        <v>1</v>
      </c>
      <c r="K4769" s="9">
        <v>44</v>
      </c>
      <c r="L4769" s="6" t="s">
        <v>51</v>
      </c>
    </row>
    <row r="4770" spans="1:12">
      <c r="A4770" s="6" t="s">
        <v>49</v>
      </c>
      <c r="B4770" s="6"/>
      <c r="C4770" s="6" t="s">
        <v>4790</v>
      </c>
      <c r="D4770" s="6"/>
      <c r="E4770" s="6" t="s">
        <v>9</v>
      </c>
      <c r="F4770" s="7">
        <v>38657</v>
      </c>
      <c r="G4770" s="8">
        <v>1</v>
      </c>
      <c r="H4770" s="8">
        <v>1</v>
      </c>
      <c r="I4770" s="8">
        <v>0</v>
      </c>
      <c r="J4770" s="8">
        <v>1</v>
      </c>
      <c r="K4770" s="9">
        <v>283</v>
      </c>
      <c r="L4770" s="6" t="s">
        <v>51</v>
      </c>
    </row>
    <row r="4771" spans="1:12">
      <c r="A4771" s="6" t="s">
        <v>49</v>
      </c>
      <c r="B4771" s="6"/>
      <c r="C4771" s="6" t="s">
        <v>4791</v>
      </c>
      <c r="D4771" s="6"/>
      <c r="E4771" s="6" t="s">
        <v>9</v>
      </c>
      <c r="F4771" s="7">
        <v>38657</v>
      </c>
      <c r="G4771" s="8">
        <v>1</v>
      </c>
      <c r="H4771" s="8">
        <v>1</v>
      </c>
      <c r="I4771" s="8">
        <v>0</v>
      </c>
      <c r="J4771" s="8">
        <v>1</v>
      </c>
      <c r="K4771" s="9">
        <v>283</v>
      </c>
      <c r="L4771" s="6" t="s">
        <v>51</v>
      </c>
    </row>
    <row r="4772" spans="1:12">
      <c r="A4772" s="6" t="s">
        <v>49</v>
      </c>
      <c r="B4772" s="6"/>
      <c r="C4772" s="6" t="s">
        <v>4792</v>
      </c>
      <c r="D4772" s="6"/>
      <c r="E4772" s="6" t="s">
        <v>9</v>
      </c>
      <c r="F4772" s="7">
        <v>38657</v>
      </c>
      <c r="G4772" s="8">
        <v>1</v>
      </c>
      <c r="H4772" s="8">
        <v>1</v>
      </c>
      <c r="I4772" s="8">
        <v>0</v>
      </c>
      <c r="J4772" s="8">
        <v>1</v>
      </c>
      <c r="K4772" s="9">
        <v>283</v>
      </c>
      <c r="L4772" s="6" t="s">
        <v>51</v>
      </c>
    </row>
    <row r="4773" spans="1:12">
      <c r="A4773" s="6" t="s">
        <v>49</v>
      </c>
      <c r="B4773" s="6"/>
      <c r="C4773" s="6" t="s">
        <v>4793</v>
      </c>
      <c r="D4773" s="6"/>
      <c r="E4773" s="6" t="s">
        <v>9</v>
      </c>
      <c r="F4773" s="7">
        <v>38657</v>
      </c>
      <c r="G4773" s="8">
        <v>1</v>
      </c>
      <c r="H4773" s="8">
        <v>1</v>
      </c>
      <c r="I4773" s="8">
        <v>0</v>
      </c>
      <c r="J4773" s="8">
        <v>1</v>
      </c>
      <c r="K4773" s="9">
        <v>284</v>
      </c>
      <c r="L4773" s="6" t="s">
        <v>51</v>
      </c>
    </row>
    <row r="4774" spans="1:12">
      <c r="A4774" s="6" t="s">
        <v>49</v>
      </c>
      <c r="B4774" s="6"/>
      <c r="C4774" s="6" t="s">
        <v>4794</v>
      </c>
      <c r="D4774" s="6"/>
      <c r="E4774" s="6" t="s">
        <v>9</v>
      </c>
      <c r="F4774" s="7">
        <v>38657</v>
      </c>
      <c r="G4774" s="8">
        <v>1</v>
      </c>
      <c r="H4774" s="8">
        <v>1</v>
      </c>
      <c r="I4774" s="8">
        <v>0</v>
      </c>
      <c r="J4774" s="8">
        <v>1</v>
      </c>
      <c r="K4774" s="9">
        <v>188</v>
      </c>
      <c r="L4774" s="6" t="s">
        <v>51</v>
      </c>
    </row>
    <row r="4775" spans="1:12">
      <c r="A4775" s="6" t="s">
        <v>49</v>
      </c>
      <c r="B4775" s="6"/>
      <c r="C4775" s="6" t="s">
        <v>4795</v>
      </c>
      <c r="D4775" s="6"/>
      <c r="E4775" s="6" t="s">
        <v>9</v>
      </c>
      <c r="F4775" s="7">
        <v>38657</v>
      </c>
      <c r="G4775" s="8">
        <v>1</v>
      </c>
      <c r="H4775" s="8">
        <v>1</v>
      </c>
      <c r="I4775" s="8">
        <v>0</v>
      </c>
      <c r="J4775" s="8">
        <v>1</v>
      </c>
      <c r="K4775" s="9">
        <v>283</v>
      </c>
      <c r="L4775" s="6" t="s">
        <v>51</v>
      </c>
    </row>
    <row r="4776" spans="1:12">
      <c r="A4776" s="6" t="s">
        <v>49</v>
      </c>
      <c r="B4776" s="6"/>
      <c r="C4776" s="6" t="s">
        <v>4796</v>
      </c>
      <c r="D4776" s="6"/>
      <c r="E4776" s="6" t="s">
        <v>9</v>
      </c>
      <c r="F4776" s="7">
        <v>38657</v>
      </c>
      <c r="G4776" s="8">
        <v>1</v>
      </c>
      <c r="H4776" s="8">
        <v>1</v>
      </c>
      <c r="I4776" s="8">
        <v>0</v>
      </c>
      <c r="J4776" s="8">
        <v>1</v>
      </c>
      <c r="K4776" s="9">
        <v>289</v>
      </c>
      <c r="L4776" s="6" t="s">
        <v>51</v>
      </c>
    </row>
    <row r="4777" spans="1:12">
      <c r="A4777" s="6" t="s">
        <v>49</v>
      </c>
      <c r="B4777" s="6"/>
      <c r="C4777" s="6" t="s">
        <v>4797</v>
      </c>
      <c r="D4777" s="6"/>
      <c r="E4777" s="6" t="s">
        <v>9</v>
      </c>
      <c r="F4777" s="7">
        <v>38657</v>
      </c>
      <c r="G4777" s="8">
        <v>1</v>
      </c>
      <c r="H4777" s="8">
        <v>1</v>
      </c>
      <c r="I4777" s="8">
        <v>0</v>
      </c>
      <c r="J4777" s="8">
        <v>1</v>
      </c>
      <c r="K4777" s="9">
        <v>128</v>
      </c>
      <c r="L4777" s="6" t="s">
        <v>51</v>
      </c>
    </row>
    <row r="4778" spans="1:12">
      <c r="A4778" s="6" t="s">
        <v>49</v>
      </c>
      <c r="B4778" s="6"/>
      <c r="C4778" s="6" t="s">
        <v>4798</v>
      </c>
      <c r="D4778" s="6"/>
      <c r="E4778" s="6" t="s">
        <v>9</v>
      </c>
      <c r="F4778" s="7">
        <v>38657</v>
      </c>
      <c r="G4778" s="8">
        <v>1</v>
      </c>
      <c r="H4778" s="8">
        <v>1</v>
      </c>
      <c r="I4778" s="8">
        <v>0</v>
      </c>
      <c r="J4778" s="8">
        <v>1</v>
      </c>
      <c r="K4778" s="9">
        <v>47</v>
      </c>
      <c r="L4778" s="6" t="s">
        <v>51</v>
      </c>
    </row>
    <row r="4779" spans="1:12">
      <c r="A4779" s="6" t="s">
        <v>49</v>
      </c>
      <c r="B4779" s="6"/>
      <c r="C4779" s="6" t="s">
        <v>4799</v>
      </c>
      <c r="D4779" s="6"/>
      <c r="E4779" s="6" t="s">
        <v>9</v>
      </c>
      <c r="F4779" s="7">
        <v>38657</v>
      </c>
      <c r="G4779" s="8">
        <v>1</v>
      </c>
      <c r="H4779" s="8">
        <v>1</v>
      </c>
      <c r="I4779" s="8">
        <v>0</v>
      </c>
      <c r="J4779" s="8">
        <v>1</v>
      </c>
      <c r="K4779" s="9">
        <v>48</v>
      </c>
      <c r="L4779" s="6" t="s">
        <v>51</v>
      </c>
    </row>
    <row r="4780" spans="1:12">
      <c r="A4780" s="6" t="s">
        <v>49</v>
      </c>
      <c r="B4780" s="6"/>
      <c r="C4780" s="6" t="s">
        <v>4800</v>
      </c>
      <c r="D4780" s="6"/>
      <c r="E4780" s="6" t="s">
        <v>9</v>
      </c>
      <c r="F4780" s="7">
        <v>38657</v>
      </c>
      <c r="G4780" s="8">
        <v>1</v>
      </c>
      <c r="H4780" s="8">
        <v>1</v>
      </c>
      <c r="I4780" s="8">
        <v>0</v>
      </c>
      <c r="J4780" s="8">
        <v>1</v>
      </c>
      <c r="K4780" s="9">
        <v>59</v>
      </c>
      <c r="L4780" s="6" t="s">
        <v>51</v>
      </c>
    </row>
    <row r="4781" spans="1:12">
      <c r="A4781" s="6" t="s">
        <v>49</v>
      </c>
      <c r="B4781" s="6"/>
      <c r="C4781" s="6" t="s">
        <v>4801</v>
      </c>
      <c r="D4781" s="6"/>
      <c r="E4781" s="6" t="s">
        <v>9</v>
      </c>
      <c r="F4781" s="7">
        <v>38657</v>
      </c>
      <c r="G4781" s="8">
        <v>1</v>
      </c>
      <c r="H4781" s="8">
        <v>1</v>
      </c>
      <c r="I4781" s="8">
        <v>0</v>
      </c>
      <c r="J4781" s="8">
        <v>1</v>
      </c>
      <c r="K4781" s="9">
        <v>51</v>
      </c>
      <c r="L4781" s="6" t="s">
        <v>51</v>
      </c>
    </row>
    <row r="4782" spans="1:12">
      <c r="A4782" s="6" t="s">
        <v>49</v>
      </c>
      <c r="B4782" s="6"/>
      <c r="C4782" s="6" t="s">
        <v>4802</v>
      </c>
      <c r="D4782" s="6"/>
      <c r="E4782" s="6" t="s">
        <v>9</v>
      </c>
      <c r="F4782" s="7">
        <v>38657</v>
      </c>
      <c r="G4782" s="8">
        <v>1</v>
      </c>
      <c r="H4782" s="8">
        <v>1</v>
      </c>
      <c r="I4782" s="8">
        <v>0</v>
      </c>
      <c r="J4782" s="8">
        <v>1</v>
      </c>
      <c r="K4782" s="9">
        <v>1.18</v>
      </c>
      <c r="L4782" s="6" t="s">
        <v>51</v>
      </c>
    </row>
    <row r="4783" spans="1:12">
      <c r="A4783" s="6" t="s">
        <v>49</v>
      </c>
      <c r="B4783" s="6"/>
      <c r="C4783" s="6" t="s">
        <v>4803</v>
      </c>
      <c r="D4783" s="6"/>
      <c r="E4783" s="6" t="s">
        <v>9</v>
      </c>
      <c r="F4783" s="7">
        <v>38657</v>
      </c>
      <c r="G4783" s="8">
        <v>1</v>
      </c>
      <c r="H4783" s="8">
        <v>1</v>
      </c>
      <c r="I4783" s="8">
        <v>0</v>
      </c>
      <c r="J4783" s="8">
        <v>1</v>
      </c>
      <c r="K4783" s="9">
        <v>35</v>
      </c>
      <c r="L4783" s="6" t="s">
        <v>51</v>
      </c>
    </row>
    <row r="4784" spans="1:12">
      <c r="A4784" s="6" t="s">
        <v>49</v>
      </c>
      <c r="B4784" s="6"/>
      <c r="C4784" s="6" t="s">
        <v>4804</v>
      </c>
      <c r="D4784" s="6"/>
      <c r="E4784" s="6" t="s">
        <v>9</v>
      </c>
      <c r="F4784" s="7">
        <v>38657</v>
      </c>
      <c r="G4784" s="8">
        <v>1</v>
      </c>
      <c r="H4784" s="8">
        <v>1</v>
      </c>
      <c r="I4784" s="8">
        <v>0</v>
      </c>
      <c r="J4784" s="8">
        <v>1</v>
      </c>
      <c r="K4784" s="9">
        <v>138</v>
      </c>
      <c r="L4784" s="6" t="s">
        <v>51</v>
      </c>
    </row>
    <row r="4785" spans="1:12">
      <c r="A4785" s="6" t="s">
        <v>49</v>
      </c>
      <c r="B4785" s="6"/>
      <c r="C4785" s="6" t="s">
        <v>4805</v>
      </c>
      <c r="D4785" s="6"/>
      <c r="E4785" s="6" t="s">
        <v>9</v>
      </c>
      <c r="F4785" s="7">
        <v>38657</v>
      </c>
      <c r="G4785" s="8">
        <v>1</v>
      </c>
      <c r="H4785" s="8">
        <v>1</v>
      </c>
      <c r="I4785" s="8">
        <v>0</v>
      </c>
      <c r="J4785" s="8">
        <v>1</v>
      </c>
      <c r="K4785" s="9">
        <v>8.5500000000000007</v>
      </c>
      <c r="L4785" s="6" t="s">
        <v>51</v>
      </c>
    </row>
    <row r="4786" spans="1:12">
      <c r="A4786" s="6" t="s">
        <v>49</v>
      </c>
      <c r="B4786" s="6"/>
      <c r="C4786" s="6" t="s">
        <v>4806</v>
      </c>
      <c r="D4786" s="6"/>
      <c r="E4786" s="6" t="s">
        <v>9</v>
      </c>
      <c r="F4786" s="7">
        <v>38657</v>
      </c>
      <c r="G4786" s="8">
        <v>1</v>
      </c>
      <c r="H4786" s="8">
        <v>1</v>
      </c>
      <c r="I4786" s="8">
        <v>0</v>
      </c>
      <c r="J4786" s="8">
        <v>1</v>
      </c>
      <c r="K4786" s="9">
        <v>174</v>
      </c>
      <c r="L4786" s="6" t="s">
        <v>51</v>
      </c>
    </row>
    <row r="4787" spans="1:12">
      <c r="A4787" s="6" t="s">
        <v>49</v>
      </c>
      <c r="B4787" s="6"/>
      <c r="C4787" s="6" t="s">
        <v>4807</v>
      </c>
      <c r="D4787" s="6"/>
      <c r="E4787" s="6" t="s">
        <v>9</v>
      </c>
      <c r="F4787" s="7">
        <v>38657</v>
      </c>
      <c r="G4787" s="8">
        <v>1</v>
      </c>
      <c r="H4787" s="8">
        <v>1</v>
      </c>
      <c r="I4787" s="8">
        <v>0</v>
      </c>
      <c r="J4787" s="8">
        <v>1</v>
      </c>
      <c r="K4787" s="9">
        <v>4.96</v>
      </c>
      <c r="L4787" s="6" t="s">
        <v>51</v>
      </c>
    </row>
    <row r="4788" spans="1:12">
      <c r="A4788" s="6" t="s">
        <v>49</v>
      </c>
      <c r="B4788" s="6"/>
      <c r="C4788" s="6" t="s">
        <v>4808</v>
      </c>
      <c r="D4788" s="6"/>
      <c r="E4788" s="6" t="s">
        <v>9</v>
      </c>
      <c r="F4788" s="7">
        <v>38657</v>
      </c>
      <c r="G4788" s="8">
        <v>1</v>
      </c>
      <c r="H4788" s="8">
        <v>1</v>
      </c>
      <c r="I4788" s="8">
        <v>0</v>
      </c>
      <c r="J4788" s="8">
        <v>1</v>
      </c>
      <c r="K4788" s="9">
        <v>88</v>
      </c>
      <c r="L4788" s="6" t="s">
        <v>51</v>
      </c>
    </row>
    <row r="4789" spans="1:12">
      <c r="A4789" s="6" t="s">
        <v>49</v>
      </c>
      <c r="B4789" s="6"/>
      <c r="C4789" s="6" t="s">
        <v>4809</v>
      </c>
      <c r="D4789" s="6"/>
      <c r="E4789" s="6" t="s">
        <v>9</v>
      </c>
      <c r="F4789" s="7">
        <v>38657</v>
      </c>
      <c r="G4789" s="8">
        <v>1</v>
      </c>
      <c r="H4789" s="8">
        <v>1</v>
      </c>
      <c r="I4789" s="8">
        <v>0</v>
      </c>
      <c r="J4789" s="8">
        <v>1</v>
      </c>
      <c r="K4789" s="9">
        <v>1.02</v>
      </c>
      <c r="L4789" s="6" t="s">
        <v>51</v>
      </c>
    </row>
    <row r="4790" spans="1:12">
      <c r="A4790" s="6" t="s">
        <v>49</v>
      </c>
      <c r="B4790" s="6"/>
      <c r="C4790" s="6" t="s">
        <v>4810</v>
      </c>
      <c r="D4790" s="6"/>
      <c r="E4790" s="6" t="s">
        <v>9</v>
      </c>
      <c r="F4790" s="7">
        <v>38657</v>
      </c>
      <c r="G4790" s="8">
        <v>1</v>
      </c>
      <c r="H4790" s="8">
        <v>1</v>
      </c>
      <c r="I4790" s="8">
        <v>0</v>
      </c>
      <c r="J4790" s="8">
        <v>1</v>
      </c>
      <c r="K4790" s="9">
        <v>144</v>
      </c>
      <c r="L4790" s="6" t="s">
        <v>51</v>
      </c>
    </row>
    <row r="4791" spans="1:12">
      <c r="A4791" s="6" t="s">
        <v>49</v>
      </c>
      <c r="B4791" s="6"/>
      <c r="C4791" s="6" t="s">
        <v>4811</v>
      </c>
      <c r="D4791" s="6"/>
      <c r="E4791" s="6" t="s">
        <v>9</v>
      </c>
      <c r="F4791" s="7">
        <v>38657</v>
      </c>
      <c r="G4791" s="8">
        <v>1</v>
      </c>
      <c r="H4791" s="8">
        <v>1</v>
      </c>
      <c r="I4791" s="8">
        <v>0</v>
      </c>
      <c r="J4791" s="8">
        <v>1</v>
      </c>
      <c r="K4791" s="9">
        <v>0.12</v>
      </c>
      <c r="L4791" s="6" t="s">
        <v>51</v>
      </c>
    </row>
    <row r="4792" spans="1:12">
      <c r="A4792" s="6" t="s">
        <v>49</v>
      </c>
      <c r="B4792" s="6"/>
      <c r="C4792" s="6" t="s">
        <v>4812</v>
      </c>
      <c r="D4792" s="6"/>
      <c r="E4792" s="6" t="s">
        <v>9</v>
      </c>
      <c r="F4792" s="7">
        <v>38657</v>
      </c>
      <c r="G4792" s="8">
        <v>1</v>
      </c>
      <c r="H4792" s="8">
        <v>1</v>
      </c>
      <c r="I4792" s="8">
        <v>0</v>
      </c>
      <c r="J4792" s="8">
        <v>1</v>
      </c>
      <c r="K4792" s="9">
        <v>73</v>
      </c>
      <c r="L4792" s="6" t="s">
        <v>51</v>
      </c>
    </row>
    <row r="4793" spans="1:12">
      <c r="A4793" s="6" t="s">
        <v>49</v>
      </c>
      <c r="B4793" s="6"/>
      <c r="C4793" s="6" t="s">
        <v>4813</v>
      </c>
      <c r="D4793" s="6"/>
      <c r="E4793" s="6" t="s">
        <v>9</v>
      </c>
      <c r="F4793" s="7">
        <v>38657</v>
      </c>
      <c r="G4793" s="8">
        <v>1</v>
      </c>
      <c r="H4793" s="8">
        <v>1</v>
      </c>
      <c r="I4793" s="8">
        <v>0</v>
      </c>
      <c r="J4793" s="8">
        <v>1</v>
      </c>
      <c r="K4793" s="9">
        <v>6.38</v>
      </c>
      <c r="L4793" s="6" t="s">
        <v>51</v>
      </c>
    </row>
    <row r="4794" spans="1:12">
      <c r="A4794" s="6" t="s">
        <v>49</v>
      </c>
      <c r="B4794" s="6"/>
      <c r="C4794" s="6" t="s">
        <v>4814</v>
      </c>
      <c r="D4794" s="6"/>
      <c r="E4794" s="6" t="s">
        <v>9</v>
      </c>
      <c r="F4794" s="7">
        <v>38657</v>
      </c>
      <c r="G4794" s="8">
        <v>1</v>
      </c>
      <c r="H4794" s="8">
        <v>1</v>
      </c>
      <c r="I4794" s="8">
        <v>0</v>
      </c>
      <c r="J4794" s="8">
        <v>1</v>
      </c>
      <c r="K4794" s="9">
        <v>11</v>
      </c>
      <c r="L4794" s="6" t="s">
        <v>51</v>
      </c>
    </row>
    <row r="4795" spans="1:12">
      <c r="A4795" s="6" t="s">
        <v>49</v>
      </c>
      <c r="B4795" s="6"/>
      <c r="C4795" s="6" t="s">
        <v>4815</v>
      </c>
      <c r="D4795" s="6"/>
      <c r="E4795" s="6" t="s">
        <v>9</v>
      </c>
      <c r="F4795" s="7">
        <v>38657</v>
      </c>
      <c r="G4795" s="8">
        <v>1</v>
      </c>
      <c r="H4795" s="8">
        <v>1</v>
      </c>
      <c r="I4795" s="8">
        <v>0</v>
      </c>
      <c r="J4795" s="8">
        <v>1</v>
      </c>
      <c r="K4795" s="9">
        <v>188</v>
      </c>
      <c r="L4795" s="6" t="s">
        <v>51</v>
      </c>
    </row>
    <row r="4796" spans="1:12">
      <c r="A4796" s="6" t="s">
        <v>49</v>
      </c>
      <c r="B4796" s="6"/>
      <c r="C4796" s="6" t="s">
        <v>4816</v>
      </c>
      <c r="D4796" s="6"/>
      <c r="E4796" s="6" t="s">
        <v>9</v>
      </c>
      <c r="F4796" s="7">
        <v>38657</v>
      </c>
      <c r="G4796" s="8">
        <v>1</v>
      </c>
      <c r="H4796" s="8">
        <v>1</v>
      </c>
      <c r="I4796" s="8">
        <v>0</v>
      </c>
      <c r="J4796" s="8">
        <v>1</v>
      </c>
      <c r="K4796" s="9">
        <v>41</v>
      </c>
      <c r="L4796" s="6" t="s">
        <v>51</v>
      </c>
    </row>
    <row r="4797" spans="1:12">
      <c r="A4797" s="6" t="s">
        <v>49</v>
      </c>
      <c r="B4797" s="6"/>
      <c r="C4797" s="6" t="s">
        <v>4817</v>
      </c>
      <c r="D4797" s="6"/>
      <c r="E4797" s="6" t="s">
        <v>9</v>
      </c>
      <c r="F4797" s="7">
        <v>38657</v>
      </c>
      <c r="G4797" s="8">
        <v>1</v>
      </c>
      <c r="H4797" s="8">
        <v>1</v>
      </c>
      <c r="I4797" s="8">
        <v>0</v>
      </c>
      <c r="J4797" s="8">
        <v>1</v>
      </c>
      <c r="K4797" s="9">
        <v>256</v>
      </c>
      <c r="L4797" s="6" t="s">
        <v>51</v>
      </c>
    </row>
    <row r="4798" spans="1:12">
      <c r="A4798" s="6" t="s">
        <v>49</v>
      </c>
      <c r="B4798" s="6"/>
      <c r="C4798" s="6" t="s">
        <v>4818</v>
      </c>
      <c r="D4798" s="6"/>
      <c r="E4798" s="6" t="s">
        <v>9</v>
      </c>
      <c r="F4798" s="7">
        <v>38657</v>
      </c>
      <c r="G4798" s="8">
        <v>1</v>
      </c>
      <c r="H4798" s="8">
        <v>1</v>
      </c>
      <c r="I4798" s="8">
        <v>0</v>
      </c>
      <c r="J4798" s="8">
        <v>1</v>
      </c>
      <c r="K4798" s="9">
        <v>57</v>
      </c>
      <c r="L4798" s="6" t="s">
        <v>51</v>
      </c>
    </row>
    <row r="4799" spans="1:12">
      <c r="A4799" s="6" t="s">
        <v>49</v>
      </c>
      <c r="B4799" s="6"/>
      <c r="C4799" s="6" t="s">
        <v>4819</v>
      </c>
      <c r="D4799" s="6"/>
      <c r="E4799" s="6" t="s">
        <v>9</v>
      </c>
      <c r="F4799" s="7">
        <v>38657</v>
      </c>
      <c r="G4799" s="8">
        <v>1</v>
      </c>
      <c r="H4799" s="8">
        <v>1</v>
      </c>
      <c r="I4799" s="8">
        <v>0</v>
      </c>
      <c r="J4799" s="8">
        <v>1</v>
      </c>
      <c r="K4799" s="9">
        <v>189</v>
      </c>
      <c r="L4799" s="6" t="s">
        <v>51</v>
      </c>
    </row>
    <row r="4800" spans="1:12">
      <c r="A4800" s="6" t="s">
        <v>49</v>
      </c>
      <c r="B4800" s="6"/>
      <c r="C4800" s="6" t="s">
        <v>4820</v>
      </c>
      <c r="D4800" s="6"/>
      <c r="E4800" s="6" t="s">
        <v>9</v>
      </c>
      <c r="F4800" s="7">
        <v>38657</v>
      </c>
      <c r="G4800" s="8">
        <v>1</v>
      </c>
      <c r="H4800" s="8">
        <v>1</v>
      </c>
      <c r="I4800" s="8">
        <v>0</v>
      </c>
      <c r="J4800" s="8">
        <v>1</v>
      </c>
      <c r="K4800" s="9">
        <v>57</v>
      </c>
      <c r="L4800" s="6" t="s">
        <v>51</v>
      </c>
    </row>
    <row r="4801" spans="1:12">
      <c r="A4801" s="6" t="s">
        <v>49</v>
      </c>
      <c r="B4801" s="6"/>
      <c r="C4801" s="6" t="s">
        <v>4821</v>
      </c>
      <c r="D4801" s="6"/>
      <c r="E4801" s="6" t="s">
        <v>9</v>
      </c>
      <c r="F4801" s="7">
        <v>38657</v>
      </c>
      <c r="G4801" s="8">
        <v>1</v>
      </c>
      <c r="H4801" s="8">
        <v>1</v>
      </c>
      <c r="I4801" s="8">
        <v>0</v>
      </c>
      <c r="J4801" s="8">
        <v>1</v>
      </c>
      <c r="K4801" s="9">
        <v>84</v>
      </c>
      <c r="L4801" s="6" t="s">
        <v>51</v>
      </c>
    </row>
    <row r="4802" spans="1:12">
      <c r="A4802" s="6" t="s">
        <v>49</v>
      </c>
      <c r="B4802" s="6"/>
      <c r="C4802" s="6" t="s">
        <v>4822</v>
      </c>
      <c r="D4802" s="6"/>
      <c r="E4802" s="6" t="s">
        <v>9</v>
      </c>
      <c r="F4802" s="7">
        <v>38657</v>
      </c>
      <c r="G4802" s="8">
        <v>1</v>
      </c>
      <c r="H4802" s="8">
        <v>1</v>
      </c>
      <c r="I4802" s="8">
        <v>0</v>
      </c>
      <c r="J4802" s="8">
        <v>1</v>
      </c>
      <c r="K4802" s="9">
        <v>57</v>
      </c>
      <c r="L4802" s="6" t="s">
        <v>51</v>
      </c>
    </row>
    <row r="4803" spans="1:12">
      <c r="A4803" s="6" t="s">
        <v>49</v>
      </c>
      <c r="B4803" s="6"/>
      <c r="C4803" s="6" t="s">
        <v>4823</v>
      </c>
      <c r="D4803" s="6"/>
      <c r="E4803" s="6" t="s">
        <v>9</v>
      </c>
      <c r="F4803" s="7">
        <v>38657</v>
      </c>
      <c r="G4803" s="8">
        <v>1</v>
      </c>
      <c r="H4803" s="8">
        <v>1</v>
      </c>
      <c r="I4803" s="8">
        <v>0</v>
      </c>
      <c r="J4803" s="8">
        <v>1</v>
      </c>
      <c r="K4803" s="9">
        <v>239</v>
      </c>
      <c r="L4803" s="6" t="s">
        <v>51</v>
      </c>
    </row>
    <row r="4804" spans="1:12">
      <c r="A4804" s="6" t="s">
        <v>49</v>
      </c>
      <c r="B4804" s="6"/>
      <c r="C4804" s="6" t="s">
        <v>4824</v>
      </c>
      <c r="D4804" s="6"/>
      <c r="E4804" s="6" t="s">
        <v>9</v>
      </c>
      <c r="F4804" s="7">
        <v>38657</v>
      </c>
      <c r="G4804" s="8">
        <v>1</v>
      </c>
      <c r="H4804" s="8">
        <v>1</v>
      </c>
      <c r="I4804" s="8">
        <v>0</v>
      </c>
      <c r="J4804" s="8">
        <v>1</v>
      </c>
      <c r="K4804" s="9">
        <v>1.28</v>
      </c>
      <c r="L4804" s="6" t="s">
        <v>51</v>
      </c>
    </row>
    <row r="4805" spans="1:12">
      <c r="A4805" s="6" t="s">
        <v>49</v>
      </c>
      <c r="B4805" s="6"/>
      <c r="C4805" s="6" t="s">
        <v>4825</v>
      </c>
      <c r="D4805" s="6"/>
      <c r="E4805" s="6" t="s">
        <v>9</v>
      </c>
      <c r="F4805" s="7">
        <v>38657</v>
      </c>
      <c r="G4805" s="8">
        <v>1</v>
      </c>
      <c r="H4805" s="8">
        <v>1</v>
      </c>
      <c r="I4805" s="8">
        <v>0</v>
      </c>
      <c r="J4805" s="8">
        <v>1</v>
      </c>
      <c r="K4805" s="9">
        <v>5.52</v>
      </c>
      <c r="L4805" s="6" t="s">
        <v>51</v>
      </c>
    </row>
    <row r="4806" spans="1:12">
      <c r="A4806" s="6" t="s">
        <v>49</v>
      </c>
      <c r="B4806" s="6"/>
      <c r="C4806" s="6" t="s">
        <v>4826</v>
      </c>
      <c r="D4806" s="6"/>
      <c r="E4806" s="6" t="s">
        <v>9</v>
      </c>
      <c r="F4806" s="7">
        <v>38657</v>
      </c>
      <c r="G4806" s="8">
        <v>1</v>
      </c>
      <c r="H4806" s="8">
        <v>1</v>
      </c>
      <c r="I4806" s="8">
        <v>0</v>
      </c>
      <c r="J4806" s="8">
        <v>1</v>
      </c>
      <c r="K4806" s="9">
        <v>34</v>
      </c>
      <c r="L4806" s="6" t="s">
        <v>51</v>
      </c>
    </row>
    <row r="4807" spans="1:12">
      <c r="A4807" s="6" t="s">
        <v>49</v>
      </c>
      <c r="B4807" s="6"/>
      <c r="C4807" s="6" t="s">
        <v>4827</v>
      </c>
      <c r="D4807" s="6"/>
      <c r="E4807" s="6" t="s">
        <v>9</v>
      </c>
      <c r="F4807" s="7">
        <v>38657</v>
      </c>
      <c r="G4807" s="8">
        <v>1</v>
      </c>
      <c r="H4807" s="8">
        <v>1</v>
      </c>
      <c r="I4807" s="8">
        <v>0</v>
      </c>
      <c r="J4807" s="8">
        <v>1</v>
      </c>
      <c r="K4807" s="9">
        <v>825.71</v>
      </c>
      <c r="L4807" s="6" t="s">
        <v>51</v>
      </c>
    </row>
    <row r="4808" spans="1:12">
      <c r="A4808" s="6" t="s">
        <v>49</v>
      </c>
      <c r="B4808" s="6"/>
      <c r="C4808" s="6" t="s">
        <v>4828</v>
      </c>
      <c r="D4808" s="6"/>
      <c r="E4808" s="6" t="s">
        <v>9</v>
      </c>
      <c r="F4808" s="7">
        <v>40431</v>
      </c>
      <c r="G4808" s="8">
        <v>1</v>
      </c>
      <c r="H4808" s="8">
        <v>1</v>
      </c>
      <c r="I4808" s="8">
        <v>0</v>
      </c>
      <c r="J4808" s="8">
        <v>1</v>
      </c>
      <c r="K4808" s="9">
        <v>9.57</v>
      </c>
      <c r="L4808" s="6" t="s">
        <v>51</v>
      </c>
    </row>
    <row r="4809" spans="1:12">
      <c r="A4809" s="6" t="s">
        <v>49</v>
      </c>
      <c r="B4809" s="6"/>
      <c r="C4809" s="6" t="s">
        <v>4829</v>
      </c>
      <c r="D4809" s="6"/>
      <c r="E4809" s="6" t="s">
        <v>9</v>
      </c>
      <c r="F4809" s="7">
        <v>38657</v>
      </c>
      <c r="G4809" s="8">
        <v>1</v>
      </c>
      <c r="H4809" s="8">
        <v>1</v>
      </c>
      <c r="I4809" s="8">
        <v>0</v>
      </c>
      <c r="J4809" s="8">
        <v>1</v>
      </c>
      <c r="K4809" s="9">
        <v>59</v>
      </c>
      <c r="L4809" s="6" t="s">
        <v>51</v>
      </c>
    </row>
    <row r="4810" spans="1:12">
      <c r="A4810" s="6" t="s">
        <v>49</v>
      </c>
      <c r="B4810" s="6"/>
      <c r="C4810" s="6" t="s">
        <v>4830</v>
      </c>
      <c r="D4810" s="6"/>
      <c r="E4810" s="6" t="s">
        <v>9</v>
      </c>
      <c r="F4810" s="7">
        <v>38657</v>
      </c>
      <c r="G4810" s="8">
        <v>1</v>
      </c>
      <c r="H4810" s="8">
        <v>1</v>
      </c>
      <c r="I4810" s="8">
        <v>0</v>
      </c>
      <c r="J4810" s="8">
        <v>1</v>
      </c>
      <c r="K4810" s="9">
        <v>6.37</v>
      </c>
      <c r="L4810" s="6" t="s">
        <v>51</v>
      </c>
    </row>
    <row r="4811" spans="1:12">
      <c r="A4811" s="6" t="s">
        <v>49</v>
      </c>
      <c r="B4811" s="6"/>
      <c r="C4811" s="6" t="s">
        <v>4831</v>
      </c>
      <c r="D4811" s="6"/>
      <c r="E4811" s="6" t="s">
        <v>9</v>
      </c>
      <c r="F4811" s="7">
        <v>38657</v>
      </c>
      <c r="G4811" s="8">
        <v>1</v>
      </c>
      <c r="H4811" s="8">
        <v>1</v>
      </c>
      <c r="I4811" s="8">
        <v>0</v>
      </c>
      <c r="J4811" s="8">
        <v>1</v>
      </c>
      <c r="K4811" s="9">
        <v>42</v>
      </c>
      <c r="L4811" s="6" t="s">
        <v>51</v>
      </c>
    </row>
    <row r="4812" spans="1:12">
      <c r="A4812" s="6" t="s">
        <v>49</v>
      </c>
      <c r="B4812" s="6"/>
      <c r="C4812" s="6" t="s">
        <v>4832</v>
      </c>
      <c r="D4812" s="6"/>
      <c r="E4812" s="6" t="s">
        <v>9</v>
      </c>
      <c r="F4812" s="7">
        <v>38657</v>
      </c>
      <c r="G4812" s="8">
        <v>1</v>
      </c>
      <c r="H4812" s="8">
        <v>1</v>
      </c>
      <c r="I4812" s="8">
        <v>0</v>
      </c>
      <c r="J4812" s="8">
        <v>1</v>
      </c>
      <c r="K4812" s="9">
        <v>59</v>
      </c>
      <c r="L4812" s="6" t="s">
        <v>51</v>
      </c>
    </row>
    <row r="4813" spans="1:12">
      <c r="A4813" s="6" t="s">
        <v>49</v>
      </c>
      <c r="B4813" s="6"/>
      <c r="C4813" s="6" t="s">
        <v>4833</v>
      </c>
      <c r="D4813" s="6"/>
      <c r="E4813" s="6" t="s">
        <v>9</v>
      </c>
      <c r="F4813" s="7">
        <v>38657</v>
      </c>
      <c r="G4813" s="8">
        <v>1</v>
      </c>
      <c r="H4813" s="8">
        <v>1</v>
      </c>
      <c r="I4813" s="8">
        <v>0</v>
      </c>
      <c r="J4813" s="8">
        <v>1</v>
      </c>
      <c r="K4813" s="9">
        <v>25</v>
      </c>
      <c r="L4813" s="6" t="s">
        <v>51</v>
      </c>
    </row>
    <row r="4814" spans="1:12">
      <c r="A4814" s="6" t="s">
        <v>49</v>
      </c>
      <c r="B4814" s="6"/>
      <c r="C4814" s="6" t="s">
        <v>4834</v>
      </c>
      <c r="D4814" s="6"/>
      <c r="E4814" s="6" t="s">
        <v>9</v>
      </c>
      <c r="F4814" s="7">
        <v>38657</v>
      </c>
      <c r="G4814" s="8">
        <v>1</v>
      </c>
      <c r="H4814" s="8">
        <v>1</v>
      </c>
      <c r="I4814" s="8">
        <v>0</v>
      </c>
      <c r="J4814" s="8">
        <v>1</v>
      </c>
      <c r="K4814" s="9">
        <v>251</v>
      </c>
      <c r="L4814" s="6" t="s">
        <v>51</v>
      </c>
    </row>
    <row r="4815" spans="1:12">
      <c r="A4815" s="6" t="s">
        <v>49</v>
      </c>
      <c r="B4815" s="6"/>
      <c r="C4815" s="6" t="s">
        <v>4835</v>
      </c>
      <c r="D4815" s="6"/>
      <c r="E4815" s="6" t="s">
        <v>9</v>
      </c>
      <c r="F4815" s="7">
        <v>38657</v>
      </c>
      <c r="G4815" s="8">
        <v>1</v>
      </c>
      <c r="H4815" s="8">
        <v>1</v>
      </c>
      <c r="I4815" s="8">
        <v>0</v>
      </c>
      <c r="J4815" s="8">
        <v>1</v>
      </c>
      <c r="K4815" s="9">
        <v>257</v>
      </c>
      <c r="L4815" s="6" t="s">
        <v>51</v>
      </c>
    </row>
    <row r="4816" spans="1:12">
      <c r="A4816" s="6" t="s">
        <v>49</v>
      </c>
      <c r="B4816" s="6"/>
      <c r="C4816" s="6" t="s">
        <v>4836</v>
      </c>
      <c r="D4816" s="6"/>
      <c r="E4816" s="6" t="s">
        <v>9</v>
      </c>
      <c r="F4816" s="7">
        <v>38657</v>
      </c>
      <c r="G4816" s="8">
        <v>1</v>
      </c>
      <c r="H4816" s="8">
        <v>1</v>
      </c>
      <c r="I4816" s="8">
        <v>0</v>
      </c>
      <c r="J4816" s="8">
        <v>1</v>
      </c>
      <c r="K4816" s="9">
        <v>53</v>
      </c>
      <c r="L4816" s="6" t="s">
        <v>51</v>
      </c>
    </row>
    <row r="4817" spans="1:12">
      <c r="A4817" s="6" t="s">
        <v>49</v>
      </c>
      <c r="B4817" s="6"/>
      <c r="C4817" s="6" t="s">
        <v>4837</v>
      </c>
      <c r="D4817" s="6"/>
      <c r="E4817" s="6" t="s">
        <v>9</v>
      </c>
      <c r="F4817" s="7">
        <v>38657</v>
      </c>
      <c r="G4817" s="8">
        <v>1</v>
      </c>
      <c r="H4817" s="8">
        <v>1</v>
      </c>
      <c r="I4817" s="8">
        <v>0</v>
      </c>
      <c r="J4817" s="8">
        <v>1</v>
      </c>
      <c r="K4817" s="9">
        <v>8.34</v>
      </c>
      <c r="L4817" s="6" t="s">
        <v>51</v>
      </c>
    </row>
    <row r="4818" spans="1:12">
      <c r="A4818" s="6" t="s">
        <v>49</v>
      </c>
      <c r="B4818" s="6"/>
      <c r="C4818" s="6" t="s">
        <v>4838</v>
      </c>
      <c r="D4818" s="6"/>
      <c r="E4818" s="6" t="s">
        <v>9</v>
      </c>
      <c r="F4818" s="7">
        <v>38657</v>
      </c>
      <c r="G4818" s="8">
        <v>1</v>
      </c>
      <c r="H4818" s="8">
        <v>1</v>
      </c>
      <c r="I4818" s="8">
        <v>0</v>
      </c>
      <c r="J4818" s="8">
        <v>1</v>
      </c>
      <c r="K4818" s="9">
        <v>250</v>
      </c>
      <c r="L4818" s="6" t="s">
        <v>51</v>
      </c>
    </row>
    <row r="4819" spans="1:12">
      <c r="A4819" s="6" t="s">
        <v>49</v>
      </c>
      <c r="B4819" s="6"/>
      <c r="C4819" s="6" t="s">
        <v>4839</v>
      </c>
      <c r="D4819" s="6"/>
      <c r="E4819" s="6" t="s">
        <v>9</v>
      </c>
      <c r="F4819" s="7">
        <v>38657</v>
      </c>
      <c r="G4819" s="8">
        <v>1</v>
      </c>
      <c r="H4819" s="8">
        <v>1</v>
      </c>
      <c r="I4819" s="8">
        <v>0</v>
      </c>
      <c r="J4819" s="8">
        <v>1</v>
      </c>
      <c r="K4819" s="9">
        <v>53</v>
      </c>
      <c r="L4819" s="6" t="s">
        <v>51</v>
      </c>
    </row>
    <row r="4820" spans="1:12">
      <c r="A4820" s="6" t="s">
        <v>49</v>
      </c>
      <c r="B4820" s="6"/>
      <c r="C4820" s="6" t="s">
        <v>4840</v>
      </c>
      <c r="D4820" s="6"/>
      <c r="E4820" s="6" t="s">
        <v>9</v>
      </c>
      <c r="F4820" s="7">
        <v>38657</v>
      </c>
      <c r="G4820" s="8">
        <v>1</v>
      </c>
      <c r="H4820" s="8">
        <v>1</v>
      </c>
      <c r="I4820" s="8">
        <v>0</v>
      </c>
      <c r="J4820" s="8">
        <v>1</v>
      </c>
      <c r="K4820" s="9">
        <v>21</v>
      </c>
      <c r="L4820" s="6" t="s">
        <v>51</v>
      </c>
    </row>
    <row r="4821" spans="1:12">
      <c r="A4821" s="6" t="s">
        <v>49</v>
      </c>
      <c r="B4821" s="6"/>
      <c r="C4821" s="6" t="s">
        <v>4841</v>
      </c>
      <c r="D4821" s="6"/>
      <c r="E4821" s="6" t="s">
        <v>9</v>
      </c>
      <c r="F4821" s="7">
        <v>38657</v>
      </c>
      <c r="G4821" s="8">
        <v>1</v>
      </c>
      <c r="H4821" s="8">
        <v>1</v>
      </c>
      <c r="I4821" s="8">
        <v>0</v>
      </c>
      <c r="J4821" s="8">
        <v>1</v>
      </c>
      <c r="K4821" s="9">
        <v>1.18</v>
      </c>
      <c r="L4821" s="6" t="s">
        <v>51</v>
      </c>
    </row>
    <row r="4822" spans="1:12">
      <c r="A4822" s="6" t="s">
        <v>49</v>
      </c>
      <c r="B4822" s="6"/>
      <c r="C4822" s="6" t="s">
        <v>4842</v>
      </c>
      <c r="D4822" s="6"/>
      <c r="E4822" s="6" t="s">
        <v>9</v>
      </c>
      <c r="F4822" s="7">
        <v>38657</v>
      </c>
      <c r="G4822" s="8">
        <v>1</v>
      </c>
      <c r="H4822" s="8">
        <v>1</v>
      </c>
      <c r="I4822" s="8">
        <v>0</v>
      </c>
      <c r="J4822" s="8">
        <v>1</v>
      </c>
      <c r="K4822" s="9">
        <v>2.25999999999999</v>
      </c>
      <c r="L4822" s="6" t="s">
        <v>51</v>
      </c>
    </row>
    <row r="4823" spans="1:12">
      <c r="A4823" s="6" t="s">
        <v>49</v>
      </c>
      <c r="B4823" s="6"/>
      <c r="C4823" s="6" t="s">
        <v>4843</v>
      </c>
      <c r="D4823" s="6"/>
      <c r="E4823" s="6" t="s">
        <v>9</v>
      </c>
      <c r="F4823" s="7">
        <v>38657</v>
      </c>
      <c r="G4823" s="8">
        <v>1</v>
      </c>
      <c r="H4823" s="8">
        <v>1</v>
      </c>
      <c r="I4823" s="8">
        <v>0</v>
      </c>
      <c r="J4823" s="8">
        <v>1</v>
      </c>
      <c r="K4823" s="9">
        <v>2.85</v>
      </c>
      <c r="L4823" s="6" t="s">
        <v>51</v>
      </c>
    </row>
    <row r="4824" spans="1:12">
      <c r="A4824" s="6" t="s">
        <v>49</v>
      </c>
      <c r="B4824" s="6"/>
      <c r="C4824" s="6" t="s">
        <v>4844</v>
      </c>
      <c r="D4824" s="6"/>
      <c r="E4824" s="6" t="s">
        <v>9</v>
      </c>
      <c r="F4824" s="7">
        <v>38657</v>
      </c>
      <c r="G4824" s="8">
        <v>1</v>
      </c>
      <c r="H4824" s="8">
        <v>1</v>
      </c>
      <c r="I4824" s="8">
        <v>0</v>
      </c>
      <c r="J4824" s="8">
        <v>1</v>
      </c>
      <c r="K4824" s="9">
        <v>6.72</v>
      </c>
      <c r="L4824" s="6" t="s">
        <v>51</v>
      </c>
    </row>
    <row r="4825" spans="1:12">
      <c r="A4825" s="6" t="s">
        <v>49</v>
      </c>
      <c r="B4825" s="6"/>
      <c r="C4825" s="6" t="s">
        <v>4845</v>
      </c>
      <c r="D4825" s="6"/>
      <c r="E4825" s="6" t="s">
        <v>9</v>
      </c>
      <c r="F4825" s="7">
        <v>38657</v>
      </c>
      <c r="G4825" s="8">
        <v>1</v>
      </c>
      <c r="H4825" s="8">
        <v>1</v>
      </c>
      <c r="I4825" s="8">
        <v>0</v>
      </c>
      <c r="J4825" s="8">
        <v>1</v>
      </c>
      <c r="K4825" s="9">
        <v>0.74</v>
      </c>
      <c r="L4825" s="6" t="s">
        <v>51</v>
      </c>
    </row>
    <row r="4826" spans="1:12">
      <c r="A4826" s="6" t="s">
        <v>49</v>
      </c>
      <c r="B4826" s="6"/>
      <c r="C4826" s="6" t="s">
        <v>4846</v>
      </c>
      <c r="D4826" s="6"/>
      <c r="E4826" s="6" t="s">
        <v>9</v>
      </c>
      <c r="F4826" s="7">
        <v>38657</v>
      </c>
      <c r="G4826" s="8">
        <v>1</v>
      </c>
      <c r="H4826" s="8">
        <v>1</v>
      </c>
      <c r="I4826" s="8">
        <v>0</v>
      </c>
      <c r="J4826" s="8">
        <v>1</v>
      </c>
      <c r="K4826" s="9">
        <v>33</v>
      </c>
      <c r="L4826" s="6" t="s">
        <v>51</v>
      </c>
    </row>
    <row r="4827" spans="1:12">
      <c r="A4827" s="6" t="s">
        <v>49</v>
      </c>
      <c r="B4827" s="6"/>
      <c r="C4827" s="6" t="s">
        <v>4847</v>
      </c>
      <c r="D4827" s="6"/>
      <c r="E4827" s="6" t="s">
        <v>9</v>
      </c>
      <c r="F4827" s="7">
        <v>38657</v>
      </c>
      <c r="G4827" s="8">
        <v>1</v>
      </c>
      <c r="H4827" s="8">
        <v>1</v>
      </c>
      <c r="I4827" s="8">
        <v>0</v>
      </c>
      <c r="J4827" s="8">
        <v>1</v>
      </c>
      <c r="K4827" s="9">
        <v>1.99</v>
      </c>
      <c r="L4827" s="6" t="s">
        <v>51</v>
      </c>
    </row>
    <row r="4828" spans="1:12">
      <c r="A4828" s="6" t="s">
        <v>49</v>
      </c>
      <c r="B4828" s="6"/>
      <c r="C4828" s="6" t="s">
        <v>4848</v>
      </c>
      <c r="D4828" s="6"/>
      <c r="E4828" s="6" t="s">
        <v>9</v>
      </c>
      <c r="F4828" s="7">
        <v>38657</v>
      </c>
      <c r="G4828" s="8">
        <v>1</v>
      </c>
      <c r="H4828" s="8">
        <v>1</v>
      </c>
      <c r="I4828" s="8">
        <v>0</v>
      </c>
      <c r="J4828" s="8">
        <v>1</v>
      </c>
      <c r="K4828" s="9">
        <v>150</v>
      </c>
      <c r="L4828" s="6" t="s">
        <v>51</v>
      </c>
    </row>
    <row r="4829" spans="1:12">
      <c r="A4829" s="6" t="s">
        <v>49</v>
      </c>
      <c r="B4829" s="6"/>
      <c r="C4829" s="6" t="s">
        <v>4849</v>
      </c>
      <c r="D4829" s="6"/>
      <c r="E4829" s="6" t="s">
        <v>9</v>
      </c>
      <c r="F4829" s="7">
        <v>38657</v>
      </c>
      <c r="G4829" s="8">
        <v>1</v>
      </c>
      <c r="H4829" s="8">
        <v>1</v>
      </c>
      <c r="I4829" s="8">
        <v>0</v>
      </c>
      <c r="J4829" s="8">
        <v>1</v>
      </c>
      <c r="K4829" s="9">
        <v>32</v>
      </c>
      <c r="L4829" s="6" t="s">
        <v>51</v>
      </c>
    </row>
    <row r="4830" spans="1:12">
      <c r="A4830" s="6" t="s">
        <v>49</v>
      </c>
      <c r="B4830" s="6"/>
      <c r="C4830" s="6" t="s">
        <v>4850</v>
      </c>
      <c r="D4830" s="6"/>
      <c r="E4830" s="6" t="s">
        <v>9</v>
      </c>
      <c r="F4830" s="7">
        <v>38657</v>
      </c>
      <c r="G4830" s="8">
        <v>1</v>
      </c>
      <c r="H4830" s="8">
        <v>1</v>
      </c>
      <c r="I4830" s="8">
        <v>0</v>
      </c>
      <c r="J4830" s="8">
        <v>1</v>
      </c>
      <c r="K4830" s="9">
        <v>100</v>
      </c>
      <c r="L4830" s="6" t="s">
        <v>51</v>
      </c>
    </row>
    <row r="4831" spans="1:12">
      <c r="A4831" s="6" t="s">
        <v>49</v>
      </c>
      <c r="B4831" s="6"/>
      <c r="C4831" s="6" t="s">
        <v>4851</v>
      </c>
      <c r="D4831" s="6"/>
      <c r="E4831" s="6" t="s">
        <v>9</v>
      </c>
      <c r="F4831" s="7">
        <v>38657</v>
      </c>
      <c r="G4831" s="8">
        <v>1</v>
      </c>
      <c r="H4831" s="8">
        <v>1</v>
      </c>
      <c r="I4831" s="8">
        <v>0</v>
      </c>
      <c r="J4831" s="8">
        <v>1</v>
      </c>
      <c r="K4831" s="9">
        <v>7.56</v>
      </c>
      <c r="L4831" s="6" t="s">
        <v>51</v>
      </c>
    </row>
    <row r="4832" spans="1:12">
      <c r="A4832" s="6" t="s">
        <v>49</v>
      </c>
      <c r="B4832" s="6"/>
      <c r="C4832" s="6" t="s">
        <v>4852</v>
      </c>
      <c r="D4832" s="6"/>
      <c r="E4832" s="6" t="s">
        <v>9</v>
      </c>
      <c r="F4832" s="7">
        <v>38657</v>
      </c>
      <c r="G4832" s="8">
        <v>1</v>
      </c>
      <c r="H4832" s="8">
        <v>1</v>
      </c>
      <c r="I4832" s="8">
        <v>0</v>
      </c>
      <c r="J4832" s="8">
        <v>1</v>
      </c>
      <c r="K4832" s="9">
        <v>105</v>
      </c>
      <c r="L4832" s="6" t="s">
        <v>51</v>
      </c>
    </row>
    <row r="4833" spans="1:12">
      <c r="A4833" s="6" t="s">
        <v>49</v>
      </c>
      <c r="B4833" s="6"/>
      <c r="C4833" s="6" t="s">
        <v>4853</v>
      </c>
      <c r="D4833" s="6"/>
      <c r="E4833" s="6" t="s">
        <v>9</v>
      </c>
      <c r="F4833" s="7">
        <v>38657</v>
      </c>
      <c r="G4833" s="8">
        <v>1</v>
      </c>
      <c r="H4833" s="8">
        <v>1</v>
      </c>
      <c r="I4833" s="8">
        <v>0</v>
      </c>
      <c r="J4833" s="8">
        <v>1</v>
      </c>
      <c r="K4833" s="9">
        <v>86</v>
      </c>
      <c r="L4833" s="6" t="s">
        <v>51</v>
      </c>
    </row>
    <row r="4834" spans="1:12">
      <c r="A4834" s="6" t="s">
        <v>49</v>
      </c>
      <c r="B4834" s="6"/>
      <c r="C4834" s="6" t="s">
        <v>4854</v>
      </c>
      <c r="D4834" s="6"/>
      <c r="E4834" s="6" t="s">
        <v>9</v>
      </c>
      <c r="F4834" s="7">
        <v>38657</v>
      </c>
      <c r="G4834" s="8">
        <v>1</v>
      </c>
      <c r="H4834" s="8">
        <v>1</v>
      </c>
      <c r="I4834" s="8">
        <v>0</v>
      </c>
      <c r="J4834" s="8">
        <v>1</v>
      </c>
      <c r="K4834" s="9">
        <v>19</v>
      </c>
      <c r="L4834" s="6" t="s">
        <v>51</v>
      </c>
    </row>
    <row r="4835" spans="1:12">
      <c r="A4835" s="6" t="s">
        <v>49</v>
      </c>
      <c r="B4835" s="6"/>
      <c r="C4835" s="6" t="s">
        <v>4855</v>
      </c>
      <c r="D4835" s="6"/>
      <c r="E4835" s="6" t="s">
        <v>9</v>
      </c>
      <c r="F4835" s="7">
        <v>38657</v>
      </c>
      <c r="G4835" s="8">
        <v>1</v>
      </c>
      <c r="H4835" s="8">
        <v>1</v>
      </c>
      <c r="I4835" s="8">
        <v>0</v>
      </c>
      <c r="J4835" s="8">
        <v>1</v>
      </c>
      <c r="K4835" s="9">
        <v>63</v>
      </c>
      <c r="L4835" s="6" t="s">
        <v>51</v>
      </c>
    </row>
    <row r="4836" spans="1:12">
      <c r="A4836" s="6" t="s">
        <v>49</v>
      </c>
      <c r="B4836" s="6"/>
      <c r="C4836" s="6" t="s">
        <v>4856</v>
      </c>
      <c r="D4836" s="6"/>
      <c r="E4836" s="6" t="s">
        <v>9</v>
      </c>
      <c r="F4836" s="7">
        <v>40200</v>
      </c>
      <c r="G4836" s="8">
        <v>1</v>
      </c>
      <c r="H4836" s="8">
        <v>1</v>
      </c>
      <c r="I4836" s="8">
        <v>0</v>
      </c>
      <c r="J4836" s="8">
        <v>1</v>
      </c>
      <c r="K4836" s="9">
        <v>118</v>
      </c>
      <c r="L4836" s="6" t="s">
        <v>51</v>
      </c>
    </row>
    <row r="4837" spans="1:12">
      <c r="A4837" s="6" t="s">
        <v>49</v>
      </c>
      <c r="B4837" s="6"/>
      <c r="C4837" s="6" t="s">
        <v>4857</v>
      </c>
      <c r="D4837" s="6"/>
      <c r="E4837" s="6" t="s">
        <v>9</v>
      </c>
      <c r="F4837" s="7">
        <v>38657</v>
      </c>
      <c r="G4837" s="8">
        <v>1</v>
      </c>
      <c r="H4837" s="8">
        <v>1</v>
      </c>
      <c r="I4837" s="8">
        <v>0</v>
      </c>
      <c r="J4837" s="8">
        <v>1</v>
      </c>
      <c r="K4837" s="9">
        <v>3.3</v>
      </c>
      <c r="L4837" s="6" t="s">
        <v>51</v>
      </c>
    </row>
    <row r="4838" spans="1:12">
      <c r="A4838" s="6" t="s">
        <v>49</v>
      </c>
      <c r="B4838" s="6"/>
      <c r="C4838" s="6" t="s">
        <v>4858</v>
      </c>
      <c r="D4838" s="6"/>
      <c r="E4838" s="6" t="s">
        <v>9</v>
      </c>
      <c r="F4838" s="7">
        <v>38657</v>
      </c>
      <c r="G4838" s="8">
        <v>1</v>
      </c>
      <c r="H4838" s="8">
        <v>1</v>
      </c>
      <c r="I4838" s="8">
        <v>0</v>
      </c>
      <c r="J4838" s="8">
        <v>1</v>
      </c>
      <c r="K4838" s="9">
        <v>211</v>
      </c>
      <c r="L4838" s="6" t="s">
        <v>51</v>
      </c>
    </row>
    <row r="4839" spans="1:12">
      <c r="A4839" s="6" t="s">
        <v>49</v>
      </c>
      <c r="B4839" s="6"/>
      <c r="C4839" s="6" t="s">
        <v>4859</v>
      </c>
      <c r="D4839" s="6"/>
      <c r="E4839" s="6" t="s">
        <v>9</v>
      </c>
      <c r="F4839" s="7">
        <v>38657</v>
      </c>
      <c r="G4839" s="8">
        <v>1</v>
      </c>
      <c r="H4839" s="8">
        <v>1</v>
      </c>
      <c r="I4839" s="8">
        <v>0</v>
      </c>
      <c r="J4839" s="8">
        <v>1</v>
      </c>
      <c r="K4839" s="9">
        <v>73</v>
      </c>
      <c r="L4839" s="6" t="s">
        <v>51</v>
      </c>
    </row>
    <row r="4840" spans="1:12">
      <c r="A4840" s="6" t="s">
        <v>49</v>
      </c>
      <c r="B4840" s="6"/>
      <c r="C4840" s="6" t="s">
        <v>4860</v>
      </c>
      <c r="D4840" s="6"/>
      <c r="E4840" s="6" t="s">
        <v>9</v>
      </c>
      <c r="F4840" s="7">
        <v>38657</v>
      </c>
      <c r="G4840" s="8">
        <v>1</v>
      </c>
      <c r="H4840" s="8">
        <v>1</v>
      </c>
      <c r="I4840" s="8">
        <v>0</v>
      </c>
      <c r="J4840" s="8">
        <v>1</v>
      </c>
      <c r="K4840" s="9">
        <v>65</v>
      </c>
      <c r="L4840" s="6" t="s">
        <v>51</v>
      </c>
    </row>
    <row r="4841" spans="1:12">
      <c r="A4841" s="6" t="s">
        <v>49</v>
      </c>
      <c r="B4841" s="6"/>
      <c r="C4841" s="6" t="s">
        <v>4861</v>
      </c>
      <c r="D4841" s="6"/>
      <c r="E4841" s="6" t="s">
        <v>9</v>
      </c>
      <c r="F4841" s="7">
        <v>38657</v>
      </c>
      <c r="G4841" s="8">
        <v>1</v>
      </c>
      <c r="H4841" s="8">
        <v>1</v>
      </c>
      <c r="I4841" s="8">
        <v>0</v>
      </c>
      <c r="J4841" s="8">
        <v>1</v>
      </c>
      <c r="K4841" s="9">
        <v>290</v>
      </c>
      <c r="L4841" s="6" t="s">
        <v>51</v>
      </c>
    </row>
    <row r="4842" spans="1:12">
      <c r="A4842" s="6" t="s">
        <v>49</v>
      </c>
      <c r="B4842" s="6"/>
      <c r="C4842" s="6" t="s">
        <v>4862</v>
      </c>
      <c r="D4842" s="6"/>
      <c r="E4842" s="6" t="s">
        <v>9</v>
      </c>
      <c r="F4842" s="7">
        <v>38657</v>
      </c>
      <c r="G4842" s="8">
        <v>1</v>
      </c>
      <c r="H4842" s="8">
        <v>1</v>
      </c>
      <c r="I4842" s="8">
        <v>0</v>
      </c>
      <c r="J4842" s="8">
        <v>1</v>
      </c>
      <c r="K4842" s="9">
        <v>284</v>
      </c>
      <c r="L4842" s="6" t="s">
        <v>51</v>
      </c>
    </row>
    <row r="4843" spans="1:12">
      <c r="A4843" s="6" t="s">
        <v>49</v>
      </c>
      <c r="B4843" s="6"/>
      <c r="C4843" s="6" t="s">
        <v>4863</v>
      </c>
      <c r="D4843" s="6"/>
      <c r="E4843" s="6" t="s">
        <v>9</v>
      </c>
      <c r="F4843" s="7">
        <v>38657</v>
      </c>
      <c r="G4843" s="8">
        <v>1</v>
      </c>
      <c r="H4843" s="8">
        <v>1</v>
      </c>
      <c r="I4843" s="8">
        <v>0</v>
      </c>
      <c r="J4843" s="8">
        <v>1</v>
      </c>
      <c r="K4843" s="9">
        <v>284</v>
      </c>
      <c r="L4843" s="6" t="s">
        <v>51</v>
      </c>
    </row>
    <row r="4844" spans="1:12">
      <c r="A4844" s="6" t="s">
        <v>49</v>
      </c>
      <c r="B4844" s="6"/>
      <c r="C4844" s="6" t="s">
        <v>4864</v>
      </c>
      <c r="D4844" s="6"/>
      <c r="E4844" s="6" t="s">
        <v>9</v>
      </c>
      <c r="F4844" s="7">
        <v>40200</v>
      </c>
      <c r="G4844" s="8">
        <v>1</v>
      </c>
      <c r="H4844" s="8">
        <v>1</v>
      </c>
      <c r="I4844" s="8">
        <v>0</v>
      </c>
      <c r="J4844" s="8">
        <v>1</v>
      </c>
      <c r="K4844" s="9">
        <v>114</v>
      </c>
      <c r="L4844" s="6" t="s">
        <v>51</v>
      </c>
    </row>
    <row r="4845" spans="1:12">
      <c r="A4845" s="6" t="s">
        <v>49</v>
      </c>
      <c r="B4845" s="6"/>
      <c r="C4845" s="6" t="s">
        <v>4865</v>
      </c>
      <c r="D4845" s="6"/>
      <c r="E4845" s="6" t="s">
        <v>9</v>
      </c>
      <c r="F4845" s="7">
        <v>38657</v>
      </c>
      <c r="G4845" s="8">
        <v>1</v>
      </c>
      <c r="H4845" s="8">
        <v>1</v>
      </c>
      <c r="I4845" s="8">
        <v>0</v>
      </c>
      <c r="J4845" s="8">
        <v>1</v>
      </c>
      <c r="K4845" s="9">
        <v>284</v>
      </c>
      <c r="L4845" s="6" t="s">
        <v>51</v>
      </c>
    </row>
    <row r="4846" spans="1:12">
      <c r="A4846" s="6" t="s">
        <v>49</v>
      </c>
      <c r="B4846" s="6"/>
      <c r="C4846" s="6" t="s">
        <v>4866</v>
      </c>
      <c r="D4846" s="6"/>
      <c r="E4846" s="6" t="s">
        <v>9</v>
      </c>
      <c r="F4846" s="7">
        <v>38657</v>
      </c>
      <c r="G4846" s="8">
        <v>1</v>
      </c>
      <c r="H4846" s="8">
        <v>1</v>
      </c>
      <c r="I4846" s="8">
        <v>0</v>
      </c>
      <c r="J4846" s="8">
        <v>1</v>
      </c>
      <c r="K4846" s="9">
        <v>284</v>
      </c>
      <c r="L4846" s="6" t="s">
        <v>51</v>
      </c>
    </row>
    <row r="4847" spans="1:12">
      <c r="A4847" s="6" t="s">
        <v>49</v>
      </c>
      <c r="B4847" s="6"/>
      <c r="C4847" s="6" t="s">
        <v>4867</v>
      </c>
      <c r="D4847" s="6"/>
      <c r="E4847" s="6" t="s">
        <v>9</v>
      </c>
      <c r="F4847" s="7">
        <v>38657</v>
      </c>
      <c r="G4847" s="8">
        <v>1</v>
      </c>
      <c r="H4847" s="8">
        <v>1</v>
      </c>
      <c r="I4847" s="8">
        <v>0</v>
      </c>
      <c r="J4847" s="8">
        <v>1</v>
      </c>
      <c r="K4847" s="9">
        <v>284</v>
      </c>
      <c r="L4847" s="6" t="s">
        <v>51</v>
      </c>
    </row>
    <row r="4848" spans="1:12">
      <c r="A4848" s="6" t="s">
        <v>49</v>
      </c>
      <c r="B4848" s="6"/>
      <c r="C4848" s="6" t="s">
        <v>4868</v>
      </c>
      <c r="D4848" s="6"/>
      <c r="E4848" s="6" t="s">
        <v>9</v>
      </c>
      <c r="F4848" s="7">
        <v>38657</v>
      </c>
      <c r="G4848" s="8">
        <v>1</v>
      </c>
      <c r="H4848" s="8">
        <v>1</v>
      </c>
      <c r="I4848" s="8">
        <v>0</v>
      </c>
      <c r="J4848" s="8">
        <v>1</v>
      </c>
      <c r="K4848" s="9">
        <v>204</v>
      </c>
      <c r="L4848" s="6" t="s">
        <v>51</v>
      </c>
    </row>
    <row r="4849" spans="1:12">
      <c r="A4849" s="6" t="s">
        <v>49</v>
      </c>
      <c r="B4849" s="6"/>
      <c r="C4849" s="6" t="s">
        <v>4869</v>
      </c>
      <c r="D4849" s="6"/>
      <c r="E4849" s="6" t="s">
        <v>9</v>
      </c>
      <c r="F4849" s="7">
        <v>38657</v>
      </c>
      <c r="G4849" s="8">
        <v>1</v>
      </c>
      <c r="H4849" s="8">
        <v>1</v>
      </c>
      <c r="I4849" s="8">
        <v>0</v>
      </c>
      <c r="J4849" s="8">
        <v>1</v>
      </c>
      <c r="K4849" s="9">
        <v>341</v>
      </c>
      <c r="L4849" s="6" t="s">
        <v>51</v>
      </c>
    </row>
    <row r="4850" spans="1:12">
      <c r="A4850" s="6" t="s">
        <v>49</v>
      </c>
      <c r="B4850" s="6"/>
      <c r="C4850" s="6" t="s">
        <v>4870</v>
      </c>
      <c r="D4850" s="6"/>
      <c r="E4850" s="6" t="s">
        <v>9</v>
      </c>
      <c r="F4850" s="7">
        <v>38657</v>
      </c>
      <c r="G4850" s="8">
        <v>1</v>
      </c>
      <c r="H4850" s="8">
        <v>1</v>
      </c>
      <c r="I4850" s="8">
        <v>0</v>
      </c>
      <c r="J4850" s="8">
        <v>1</v>
      </c>
      <c r="K4850" s="9">
        <v>11</v>
      </c>
      <c r="L4850" s="6" t="s">
        <v>51</v>
      </c>
    </row>
    <row r="4851" spans="1:12">
      <c r="A4851" s="6" t="s">
        <v>49</v>
      </c>
      <c r="B4851" s="6"/>
      <c r="C4851" s="6" t="s">
        <v>4871</v>
      </c>
      <c r="D4851" s="6"/>
      <c r="E4851" s="6" t="s">
        <v>9</v>
      </c>
      <c r="F4851" s="7">
        <v>38657</v>
      </c>
      <c r="G4851" s="8">
        <v>1</v>
      </c>
      <c r="H4851" s="8">
        <v>1</v>
      </c>
      <c r="I4851" s="8">
        <v>0</v>
      </c>
      <c r="J4851" s="8">
        <v>1</v>
      </c>
      <c r="K4851" s="9">
        <v>0.18</v>
      </c>
      <c r="L4851" s="6" t="s">
        <v>51</v>
      </c>
    </row>
    <row r="4852" spans="1:12">
      <c r="A4852" s="6" t="s">
        <v>49</v>
      </c>
      <c r="B4852" s="6"/>
      <c r="C4852" s="6" t="s">
        <v>4872</v>
      </c>
      <c r="D4852" s="6"/>
      <c r="E4852" s="6" t="s">
        <v>9</v>
      </c>
      <c r="F4852" s="7">
        <v>38657</v>
      </c>
      <c r="G4852" s="8">
        <v>1</v>
      </c>
      <c r="H4852" s="8">
        <v>1</v>
      </c>
      <c r="I4852" s="8">
        <v>0</v>
      </c>
      <c r="J4852" s="8">
        <v>1</v>
      </c>
      <c r="K4852" s="9">
        <v>2.08</v>
      </c>
      <c r="L4852" s="6" t="s">
        <v>51</v>
      </c>
    </row>
    <row r="4853" spans="1:12">
      <c r="A4853" s="6" t="s">
        <v>49</v>
      </c>
      <c r="B4853" s="6"/>
      <c r="C4853" s="6" t="s">
        <v>4873</v>
      </c>
      <c r="D4853" s="6"/>
      <c r="E4853" s="6" t="s">
        <v>9</v>
      </c>
      <c r="F4853" s="7">
        <v>38657</v>
      </c>
      <c r="G4853" s="8">
        <v>1</v>
      </c>
      <c r="H4853" s="8">
        <v>1</v>
      </c>
      <c r="I4853" s="8">
        <v>0</v>
      </c>
      <c r="J4853" s="8">
        <v>1</v>
      </c>
      <c r="K4853" s="9">
        <v>894</v>
      </c>
      <c r="L4853" s="6" t="s">
        <v>51</v>
      </c>
    </row>
    <row r="4854" spans="1:12">
      <c r="A4854" s="6" t="s">
        <v>49</v>
      </c>
      <c r="B4854" s="6"/>
      <c r="C4854" s="6" t="s">
        <v>4874</v>
      </c>
      <c r="D4854" s="6"/>
      <c r="E4854" s="6" t="s">
        <v>9</v>
      </c>
      <c r="F4854" s="7">
        <v>38657</v>
      </c>
      <c r="G4854" s="8">
        <v>1</v>
      </c>
      <c r="H4854" s="8">
        <v>1</v>
      </c>
      <c r="I4854" s="8">
        <v>0</v>
      </c>
      <c r="J4854" s="8">
        <v>1</v>
      </c>
      <c r="K4854" s="9">
        <v>62</v>
      </c>
      <c r="L4854" s="6" t="s">
        <v>51</v>
      </c>
    </row>
    <row r="4855" spans="1:12">
      <c r="A4855" s="6" t="s">
        <v>49</v>
      </c>
      <c r="B4855" s="6"/>
      <c r="C4855" s="6" t="s">
        <v>4875</v>
      </c>
      <c r="D4855" s="6"/>
      <c r="E4855" s="6" t="s">
        <v>9</v>
      </c>
      <c r="F4855" s="7">
        <v>38657</v>
      </c>
      <c r="G4855" s="8">
        <v>1</v>
      </c>
      <c r="H4855" s="8">
        <v>1</v>
      </c>
      <c r="I4855" s="8">
        <v>0</v>
      </c>
      <c r="J4855" s="8">
        <v>1</v>
      </c>
      <c r="K4855" s="9">
        <v>796</v>
      </c>
      <c r="L4855" s="6" t="s">
        <v>51</v>
      </c>
    </row>
    <row r="4856" spans="1:12">
      <c r="A4856" s="6" t="s">
        <v>49</v>
      </c>
      <c r="B4856" s="6"/>
      <c r="C4856" s="6" t="s">
        <v>4876</v>
      </c>
      <c r="D4856" s="6"/>
      <c r="E4856" s="6" t="s">
        <v>9</v>
      </c>
      <c r="F4856" s="7">
        <v>38657</v>
      </c>
      <c r="G4856" s="8">
        <v>1</v>
      </c>
      <c r="H4856" s="8">
        <v>1</v>
      </c>
      <c r="I4856" s="8">
        <v>0</v>
      </c>
      <c r="J4856" s="8">
        <v>1</v>
      </c>
      <c r="K4856" s="9">
        <v>4.3899999999999899</v>
      </c>
      <c r="L4856" s="6" t="s">
        <v>51</v>
      </c>
    </row>
    <row r="4857" spans="1:12">
      <c r="A4857" s="6" t="s">
        <v>49</v>
      </c>
      <c r="B4857" s="6"/>
      <c r="C4857" s="6" t="s">
        <v>4877</v>
      </c>
      <c r="D4857" s="6"/>
      <c r="E4857" s="6" t="s">
        <v>9</v>
      </c>
      <c r="F4857" s="7">
        <v>38657</v>
      </c>
      <c r="G4857" s="8">
        <v>1</v>
      </c>
      <c r="H4857" s="8">
        <v>1</v>
      </c>
      <c r="I4857" s="8">
        <v>0</v>
      </c>
      <c r="J4857" s="8">
        <v>1</v>
      </c>
      <c r="K4857" s="9">
        <v>56</v>
      </c>
      <c r="L4857" s="6" t="s">
        <v>51</v>
      </c>
    </row>
    <row r="4858" spans="1:12">
      <c r="A4858" s="6" t="s">
        <v>49</v>
      </c>
      <c r="B4858" s="6"/>
      <c r="C4858" s="6" t="s">
        <v>4878</v>
      </c>
      <c r="D4858" s="6"/>
      <c r="E4858" s="6" t="s">
        <v>9</v>
      </c>
      <c r="F4858" s="7">
        <v>38657</v>
      </c>
      <c r="G4858" s="8">
        <v>1</v>
      </c>
      <c r="H4858" s="8">
        <v>1</v>
      </c>
      <c r="I4858" s="8">
        <v>0</v>
      </c>
      <c r="J4858" s="8">
        <v>1</v>
      </c>
      <c r="K4858" s="9">
        <v>80</v>
      </c>
      <c r="L4858" s="6" t="s">
        <v>51</v>
      </c>
    </row>
    <row r="4859" spans="1:12">
      <c r="A4859" s="6" t="s">
        <v>49</v>
      </c>
      <c r="B4859" s="6"/>
      <c r="C4859" s="6" t="s">
        <v>4879</v>
      </c>
      <c r="D4859" s="6"/>
      <c r="E4859" s="6" t="s">
        <v>9</v>
      </c>
      <c r="F4859" s="7">
        <v>38657</v>
      </c>
      <c r="G4859" s="8">
        <v>1</v>
      </c>
      <c r="H4859" s="8">
        <v>1</v>
      </c>
      <c r="I4859" s="8">
        <v>0</v>
      </c>
      <c r="J4859" s="8">
        <v>1</v>
      </c>
      <c r="K4859" s="9">
        <v>122</v>
      </c>
      <c r="L4859" s="6" t="s">
        <v>51</v>
      </c>
    </row>
    <row r="4860" spans="1:12">
      <c r="A4860" s="6" t="s">
        <v>49</v>
      </c>
      <c r="B4860" s="6"/>
      <c r="C4860" s="6" t="s">
        <v>4880</v>
      </c>
      <c r="D4860" s="6"/>
      <c r="E4860" s="6" t="s">
        <v>9</v>
      </c>
      <c r="F4860" s="7">
        <v>38657</v>
      </c>
      <c r="G4860" s="8">
        <v>1</v>
      </c>
      <c r="H4860" s="8">
        <v>1</v>
      </c>
      <c r="I4860" s="8">
        <v>0</v>
      </c>
      <c r="J4860" s="8">
        <v>1</v>
      </c>
      <c r="K4860" s="9">
        <v>212</v>
      </c>
      <c r="L4860" s="6" t="s">
        <v>51</v>
      </c>
    </row>
    <row r="4861" spans="1:12">
      <c r="A4861" s="6" t="s">
        <v>49</v>
      </c>
      <c r="B4861" s="6"/>
      <c r="C4861" s="6" t="s">
        <v>4881</v>
      </c>
      <c r="D4861" s="6"/>
      <c r="E4861" s="6" t="s">
        <v>9</v>
      </c>
      <c r="F4861" s="7">
        <v>38657</v>
      </c>
      <c r="G4861" s="8">
        <v>1</v>
      </c>
      <c r="H4861" s="8">
        <v>1</v>
      </c>
      <c r="I4861" s="8">
        <v>0</v>
      </c>
      <c r="J4861" s="8">
        <v>1</v>
      </c>
      <c r="K4861" s="9">
        <v>52</v>
      </c>
      <c r="L4861" s="6" t="s">
        <v>51</v>
      </c>
    </row>
    <row r="4862" spans="1:12">
      <c r="A4862" s="6" t="s">
        <v>49</v>
      </c>
      <c r="B4862" s="6"/>
      <c r="C4862" s="6" t="s">
        <v>4882</v>
      </c>
      <c r="D4862" s="6"/>
      <c r="E4862" s="6" t="s">
        <v>9</v>
      </c>
      <c r="F4862" s="7">
        <v>38657</v>
      </c>
      <c r="G4862" s="8">
        <v>1</v>
      </c>
      <c r="H4862" s="8">
        <v>1</v>
      </c>
      <c r="I4862" s="8">
        <v>0</v>
      </c>
      <c r="J4862" s="8">
        <v>1</v>
      </c>
      <c r="K4862" s="9">
        <v>31</v>
      </c>
      <c r="L4862" s="6" t="s">
        <v>51</v>
      </c>
    </row>
    <row r="4863" spans="1:12">
      <c r="A4863" s="6" t="s">
        <v>49</v>
      </c>
      <c r="B4863" s="6"/>
      <c r="C4863" s="6" t="s">
        <v>4883</v>
      </c>
      <c r="D4863" s="6"/>
      <c r="E4863" s="6" t="s">
        <v>9</v>
      </c>
      <c r="F4863" s="7">
        <v>38657</v>
      </c>
      <c r="G4863" s="8">
        <v>1</v>
      </c>
      <c r="H4863" s="8">
        <v>1</v>
      </c>
      <c r="I4863" s="8">
        <v>0</v>
      </c>
      <c r="J4863" s="8">
        <v>1</v>
      </c>
      <c r="K4863" s="9">
        <v>1.69</v>
      </c>
      <c r="L4863" s="6" t="s">
        <v>51</v>
      </c>
    </row>
    <row r="4864" spans="1:12">
      <c r="A4864" s="6" t="s">
        <v>49</v>
      </c>
      <c r="B4864" s="6"/>
      <c r="C4864" s="6" t="s">
        <v>4884</v>
      </c>
      <c r="D4864" s="6"/>
      <c r="E4864" s="6" t="s">
        <v>9</v>
      </c>
      <c r="F4864" s="7">
        <v>38657</v>
      </c>
      <c r="G4864" s="8">
        <v>1</v>
      </c>
      <c r="H4864" s="8">
        <v>1</v>
      </c>
      <c r="I4864" s="8">
        <v>0</v>
      </c>
      <c r="J4864" s="8">
        <v>1</v>
      </c>
      <c r="K4864" s="9">
        <v>0.4</v>
      </c>
      <c r="L4864" s="6" t="s">
        <v>51</v>
      </c>
    </row>
    <row r="4865" spans="1:12">
      <c r="A4865" s="6" t="s">
        <v>49</v>
      </c>
      <c r="B4865" s="6"/>
      <c r="C4865" s="6" t="s">
        <v>4885</v>
      </c>
      <c r="D4865" s="6"/>
      <c r="E4865" s="6" t="s">
        <v>9</v>
      </c>
      <c r="F4865" s="7">
        <v>38657</v>
      </c>
      <c r="G4865" s="8">
        <v>1</v>
      </c>
      <c r="H4865" s="8">
        <v>1</v>
      </c>
      <c r="I4865" s="8">
        <v>0</v>
      </c>
      <c r="J4865" s="8">
        <v>1</v>
      </c>
      <c r="K4865" s="9">
        <v>0.4</v>
      </c>
      <c r="L4865" s="6" t="s">
        <v>51</v>
      </c>
    </row>
    <row r="4866" spans="1:12">
      <c r="A4866" s="6" t="s">
        <v>49</v>
      </c>
      <c r="B4866" s="6"/>
      <c r="C4866" s="6" t="s">
        <v>4886</v>
      </c>
      <c r="D4866" s="6"/>
      <c r="E4866" s="6" t="s">
        <v>9</v>
      </c>
      <c r="F4866" s="7">
        <v>38657</v>
      </c>
      <c r="G4866" s="8">
        <v>1</v>
      </c>
      <c r="H4866" s="8">
        <v>1</v>
      </c>
      <c r="I4866" s="8">
        <v>0</v>
      </c>
      <c r="J4866" s="8">
        <v>1</v>
      </c>
      <c r="K4866" s="9">
        <v>0.4</v>
      </c>
      <c r="L4866" s="6" t="s">
        <v>51</v>
      </c>
    </row>
    <row r="4867" spans="1:12">
      <c r="A4867" s="6" t="s">
        <v>49</v>
      </c>
      <c r="B4867" s="6"/>
      <c r="C4867" s="6" t="s">
        <v>4887</v>
      </c>
      <c r="D4867" s="6"/>
      <c r="E4867" s="6" t="s">
        <v>9</v>
      </c>
      <c r="F4867" s="7">
        <v>38657</v>
      </c>
      <c r="G4867" s="8">
        <v>1</v>
      </c>
      <c r="H4867" s="8">
        <v>1</v>
      </c>
      <c r="I4867" s="8">
        <v>0</v>
      </c>
      <c r="J4867" s="8">
        <v>1</v>
      </c>
      <c r="K4867" s="9">
        <v>94</v>
      </c>
      <c r="L4867" s="6" t="s">
        <v>51</v>
      </c>
    </row>
    <row r="4868" spans="1:12">
      <c r="A4868" s="6" t="s">
        <v>49</v>
      </c>
      <c r="B4868" s="6"/>
      <c r="C4868" s="6" t="s">
        <v>4888</v>
      </c>
      <c r="D4868" s="6"/>
      <c r="E4868" s="6" t="s">
        <v>9</v>
      </c>
      <c r="F4868" s="7">
        <v>38657</v>
      </c>
      <c r="G4868" s="8">
        <v>1</v>
      </c>
      <c r="H4868" s="8">
        <v>1</v>
      </c>
      <c r="I4868" s="8">
        <v>0</v>
      </c>
      <c r="J4868" s="8">
        <v>1</v>
      </c>
      <c r="K4868" s="9">
        <v>4.66</v>
      </c>
      <c r="L4868" s="6" t="s">
        <v>51</v>
      </c>
    </row>
    <row r="4869" spans="1:12">
      <c r="A4869" s="6" t="s">
        <v>49</v>
      </c>
      <c r="B4869" s="6"/>
      <c r="C4869" s="6" t="s">
        <v>4889</v>
      </c>
      <c r="D4869" s="6"/>
      <c r="E4869" s="6" t="s">
        <v>9</v>
      </c>
      <c r="F4869" s="7">
        <v>38657</v>
      </c>
      <c r="G4869" s="8">
        <v>1</v>
      </c>
      <c r="H4869" s="8">
        <v>1</v>
      </c>
      <c r="I4869" s="8">
        <v>0</v>
      </c>
      <c r="J4869" s="8">
        <v>1</v>
      </c>
      <c r="K4869" s="9">
        <v>79</v>
      </c>
      <c r="L4869" s="6" t="s">
        <v>51</v>
      </c>
    </row>
    <row r="4870" spans="1:12">
      <c r="A4870" s="6" t="s">
        <v>49</v>
      </c>
      <c r="B4870" s="6"/>
      <c r="C4870" s="6" t="s">
        <v>4890</v>
      </c>
      <c r="D4870" s="6"/>
      <c r="E4870" s="6" t="s">
        <v>9</v>
      </c>
      <c r="F4870" s="7">
        <v>38657</v>
      </c>
      <c r="G4870" s="8">
        <v>1</v>
      </c>
      <c r="H4870" s="8">
        <v>1</v>
      </c>
      <c r="I4870" s="8">
        <v>0</v>
      </c>
      <c r="J4870" s="8">
        <v>1</v>
      </c>
      <c r="K4870" s="9">
        <v>122</v>
      </c>
      <c r="L4870" s="6" t="s">
        <v>51</v>
      </c>
    </row>
    <row r="4871" spans="1:12">
      <c r="A4871" s="6" t="s">
        <v>49</v>
      </c>
      <c r="B4871" s="6"/>
      <c r="C4871" s="6" t="s">
        <v>4891</v>
      </c>
      <c r="D4871" s="6"/>
      <c r="E4871" s="6" t="s">
        <v>9</v>
      </c>
      <c r="F4871" s="7">
        <v>38657</v>
      </c>
      <c r="G4871" s="8">
        <v>1</v>
      </c>
      <c r="H4871" s="8">
        <v>1</v>
      </c>
      <c r="I4871" s="8">
        <v>0</v>
      </c>
      <c r="J4871" s="8">
        <v>1</v>
      </c>
      <c r="K4871" s="9">
        <v>26</v>
      </c>
      <c r="L4871" s="6" t="s">
        <v>51</v>
      </c>
    </row>
    <row r="4872" spans="1:12">
      <c r="A4872" s="6" t="s">
        <v>49</v>
      </c>
      <c r="B4872" s="6"/>
      <c r="C4872" s="6" t="s">
        <v>4892</v>
      </c>
      <c r="D4872" s="6"/>
      <c r="E4872" s="6" t="s">
        <v>9</v>
      </c>
      <c r="F4872" s="7">
        <v>38657</v>
      </c>
      <c r="G4872" s="8">
        <v>1</v>
      </c>
      <c r="H4872" s="8">
        <v>1</v>
      </c>
      <c r="I4872" s="8">
        <v>0</v>
      </c>
      <c r="J4872" s="8">
        <v>1</v>
      </c>
      <c r="K4872" s="9">
        <v>6.61</v>
      </c>
      <c r="L4872" s="6" t="s">
        <v>51</v>
      </c>
    </row>
    <row r="4873" spans="1:12">
      <c r="A4873" s="6" t="s">
        <v>49</v>
      </c>
      <c r="B4873" s="6"/>
      <c r="C4873" s="6" t="s">
        <v>4893</v>
      </c>
      <c r="D4873" s="6"/>
      <c r="E4873" s="6" t="s">
        <v>9</v>
      </c>
      <c r="F4873" s="7">
        <v>38657</v>
      </c>
      <c r="G4873" s="8">
        <v>1</v>
      </c>
      <c r="H4873" s="8">
        <v>1</v>
      </c>
      <c r="I4873" s="8">
        <v>0</v>
      </c>
      <c r="J4873" s="8">
        <v>1</v>
      </c>
      <c r="K4873" s="9">
        <v>198</v>
      </c>
      <c r="L4873" s="6" t="s">
        <v>51</v>
      </c>
    </row>
    <row r="4874" spans="1:12">
      <c r="A4874" s="6" t="s">
        <v>49</v>
      </c>
      <c r="B4874" s="6"/>
      <c r="C4874" s="6" t="s">
        <v>4894</v>
      </c>
      <c r="D4874" s="6"/>
      <c r="E4874" s="6" t="s">
        <v>9</v>
      </c>
      <c r="F4874" s="7">
        <v>38657</v>
      </c>
      <c r="G4874" s="8">
        <v>1</v>
      </c>
      <c r="H4874" s="8">
        <v>1</v>
      </c>
      <c r="I4874" s="8">
        <v>0</v>
      </c>
      <c r="J4874" s="8">
        <v>1</v>
      </c>
      <c r="K4874" s="9">
        <v>221</v>
      </c>
      <c r="L4874" s="6" t="s">
        <v>51</v>
      </c>
    </row>
    <row r="4875" spans="1:12">
      <c r="A4875" s="6" t="s">
        <v>49</v>
      </c>
      <c r="B4875" s="6"/>
      <c r="C4875" s="6" t="s">
        <v>4895</v>
      </c>
      <c r="D4875" s="6"/>
      <c r="E4875" s="6" t="s">
        <v>9</v>
      </c>
      <c r="F4875" s="7">
        <v>38657</v>
      </c>
      <c r="G4875" s="8">
        <v>1</v>
      </c>
      <c r="H4875" s="8">
        <v>1</v>
      </c>
      <c r="I4875" s="8">
        <v>0</v>
      </c>
      <c r="J4875" s="8">
        <v>1</v>
      </c>
      <c r="K4875" s="9">
        <v>1.17</v>
      </c>
      <c r="L4875" s="6" t="s">
        <v>51</v>
      </c>
    </row>
    <row r="4876" spans="1:12">
      <c r="A4876" s="6" t="s">
        <v>49</v>
      </c>
      <c r="B4876" s="6"/>
      <c r="C4876" s="6" t="s">
        <v>4896</v>
      </c>
      <c r="D4876" s="6"/>
      <c r="E4876" s="6" t="s">
        <v>9</v>
      </c>
      <c r="F4876" s="7">
        <v>38657</v>
      </c>
      <c r="G4876" s="8">
        <v>1</v>
      </c>
      <c r="H4876" s="8">
        <v>1</v>
      </c>
      <c r="I4876" s="8">
        <v>0</v>
      </c>
      <c r="J4876" s="8">
        <v>1</v>
      </c>
      <c r="K4876" s="9">
        <v>363</v>
      </c>
      <c r="L4876" s="6" t="s">
        <v>51</v>
      </c>
    </row>
    <row r="4877" spans="1:12">
      <c r="A4877" s="6" t="s">
        <v>49</v>
      </c>
      <c r="B4877" s="6"/>
      <c r="C4877" s="6" t="s">
        <v>4897</v>
      </c>
      <c r="D4877" s="6"/>
      <c r="E4877" s="6" t="s">
        <v>9</v>
      </c>
      <c r="F4877" s="7">
        <v>38657</v>
      </c>
      <c r="G4877" s="8">
        <v>1</v>
      </c>
      <c r="H4877" s="8">
        <v>1</v>
      </c>
      <c r="I4877" s="8">
        <v>0</v>
      </c>
      <c r="J4877" s="8">
        <v>1</v>
      </c>
      <c r="K4877" s="9">
        <v>3.14</v>
      </c>
      <c r="L4877" s="6" t="s">
        <v>51</v>
      </c>
    </row>
    <row r="4878" spans="1:12">
      <c r="A4878" s="6" t="s">
        <v>49</v>
      </c>
      <c r="B4878" s="6"/>
      <c r="C4878" s="6" t="s">
        <v>4898</v>
      </c>
      <c r="D4878" s="6"/>
      <c r="E4878" s="6" t="s">
        <v>9</v>
      </c>
      <c r="F4878" s="7">
        <v>38657</v>
      </c>
      <c r="G4878" s="8">
        <v>1</v>
      </c>
      <c r="H4878" s="8">
        <v>1</v>
      </c>
      <c r="I4878" s="8">
        <v>0</v>
      </c>
      <c r="J4878" s="8">
        <v>1</v>
      </c>
      <c r="K4878" s="9">
        <v>3.9</v>
      </c>
      <c r="L4878" s="6" t="s">
        <v>51</v>
      </c>
    </row>
    <row r="4879" spans="1:12">
      <c r="A4879" s="6" t="s">
        <v>49</v>
      </c>
      <c r="B4879" s="6"/>
      <c r="C4879" s="6" t="s">
        <v>4899</v>
      </c>
      <c r="D4879" s="6"/>
      <c r="E4879" s="6" t="s">
        <v>9</v>
      </c>
      <c r="F4879" s="7">
        <v>38657</v>
      </c>
      <c r="G4879" s="8">
        <v>1</v>
      </c>
      <c r="H4879" s="8">
        <v>1</v>
      </c>
      <c r="I4879" s="8">
        <v>0</v>
      </c>
      <c r="J4879" s="8">
        <v>1</v>
      </c>
      <c r="K4879" s="9">
        <v>108</v>
      </c>
      <c r="L4879" s="6" t="s">
        <v>51</v>
      </c>
    </row>
    <row r="4880" spans="1:12">
      <c r="A4880" s="6" t="s">
        <v>49</v>
      </c>
      <c r="B4880" s="6"/>
      <c r="C4880" s="6" t="s">
        <v>4900</v>
      </c>
      <c r="D4880" s="6"/>
      <c r="E4880" s="6" t="s">
        <v>9</v>
      </c>
      <c r="F4880" s="7">
        <v>38657</v>
      </c>
      <c r="G4880" s="8">
        <v>1</v>
      </c>
      <c r="H4880" s="8">
        <v>1</v>
      </c>
      <c r="I4880" s="8">
        <v>0</v>
      </c>
      <c r="J4880" s="8">
        <v>1</v>
      </c>
      <c r="K4880" s="9">
        <v>0.46</v>
      </c>
      <c r="L4880" s="6" t="s">
        <v>51</v>
      </c>
    </row>
    <row r="4881" spans="1:12">
      <c r="A4881" s="6" t="s">
        <v>49</v>
      </c>
      <c r="B4881" s="6"/>
      <c r="C4881" s="6" t="s">
        <v>4901</v>
      </c>
      <c r="D4881" s="6"/>
      <c r="E4881" s="6" t="s">
        <v>9</v>
      </c>
      <c r="F4881" s="7">
        <v>38657</v>
      </c>
      <c r="G4881" s="8">
        <v>1</v>
      </c>
      <c r="H4881" s="8">
        <v>1</v>
      </c>
      <c r="I4881" s="8">
        <v>0</v>
      </c>
      <c r="J4881" s="8">
        <v>1</v>
      </c>
      <c r="K4881" s="9">
        <v>5.22</v>
      </c>
      <c r="L4881" s="6" t="s">
        <v>51</v>
      </c>
    </row>
    <row r="4882" spans="1:12">
      <c r="A4882" s="6" t="s">
        <v>49</v>
      </c>
      <c r="B4882" s="6"/>
      <c r="C4882" s="6" t="s">
        <v>4902</v>
      </c>
      <c r="D4882" s="6"/>
      <c r="E4882" s="6" t="s">
        <v>9</v>
      </c>
      <c r="F4882" s="7">
        <v>38657</v>
      </c>
      <c r="G4882" s="8">
        <v>1</v>
      </c>
      <c r="H4882" s="8">
        <v>1</v>
      </c>
      <c r="I4882" s="8">
        <v>0</v>
      </c>
      <c r="J4882" s="8">
        <v>1</v>
      </c>
      <c r="K4882" s="9">
        <v>285</v>
      </c>
      <c r="L4882" s="6" t="s">
        <v>51</v>
      </c>
    </row>
    <row r="4883" spans="1:12">
      <c r="A4883" s="6" t="s">
        <v>49</v>
      </c>
      <c r="B4883" s="6"/>
      <c r="C4883" s="6" t="s">
        <v>4903</v>
      </c>
      <c r="D4883" s="6"/>
      <c r="E4883" s="6" t="s">
        <v>9</v>
      </c>
      <c r="F4883" s="7">
        <v>38657</v>
      </c>
      <c r="G4883" s="8">
        <v>1</v>
      </c>
      <c r="H4883" s="8">
        <v>1</v>
      </c>
      <c r="I4883" s="8">
        <v>0</v>
      </c>
      <c r="J4883" s="8">
        <v>1</v>
      </c>
      <c r="K4883" s="9">
        <v>6.61</v>
      </c>
      <c r="L4883" s="6" t="s">
        <v>51</v>
      </c>
    </row>
    <row r="4884" spans="1:12">
      <c r="A4884" s="6" t="s">
        <v>49</v>
      </c>
      <c r="B4884" s="6"/>
      <c r="C4884" s="6" t="s">
        <v>4904</v>
      </c>
      <c r="D4884" s="6"/>
      <c r="E4884" s="6" t="s">
        <v>9</v>
      </c>
      <c r="F4884" s="7">
        <v>38657</v>
      </c>
      <c r="G4884" s="8">
        <v>1</v>
      </c>
      <c r="H4884" s="8">
        <v>1</v>
      </c>
      <c r="I4884" s="8">
        <v>0</v>
      </c>
      <c r="J4884" s="8">
        <v>1</v>
      </c>
      <c r="K4884" s="9">
        <v>472</v>
      </c>
      <c r="L4884" s="6" t="s">
        <v>51</v>
      </c>
    </row>
    <row r="4885" spans="1:12">
      <c r="A4885" s="6" t="s">
        <v>49</v>
      </c>
      <c r="B4885" s="6"/>
      <c r="C4885" s="6" t="s">
        <v>4905</v>
      </c>
      <c r="D4885" s="6"/>
      <c r="E4885" s="6" t="s">
        <v>9</v>
      </c>
      <c r="F4885" s="7">
        <v>38657</v>
      </c>
      <c r="G4885" s="8">
        <v>1</v>
      </c>
      <c r="H4885" s="8">
        <v>1</v>
      </c>
      <c r="I4885" s="8">
        <v>0</v>
      </c>
      <c r="J4885" s="8">
        <v>1</v>
      </c>
      <c r="K4885" s="9">
        <v>3.6</v>
      </c>
      <c r="L4885" s="6" t="s">
        <v>51</v>
      </c>
    </row>
    <row r="4886" spans="1:12">
      <c r="A4886" s="6" t="s">
        <v>49</v>
      </c>
      <c r="B4886" s="6"/>
      <c r="C4886" s="6" t="s">
        <v>4906</v>
      </c>
      <c r="D4886" s="6"/>
      <c r="E4886" s="6" t="s">
        <v>9</v>
      </c>
      <c r="F4886" s="7">
        <v>38657</v>
      </c>
      <c r="G4886" s="8">
        <v>1</v>
      </c>
      <c r="H4886" s="8">
        <v>1</v>
      </c>
      <c r="I4886" s="8">
        <v>0</v>
      </c>
      <c r="J4886" s="8">
        <v>1</v>
      </c>
      <c r="K4886" s="9">
        <v>148</v>
      </c>
      <c r="L4886" s="6" t="s">
        <v>51</v>
      </c>
    </row>
    <row r="4887" spans="1:12">
      <c r="A4887" s="6" t="s">
        <v>49</v>
      </c>
      <c r="B4887" s="6"/>
      <c r="C4887" s="6" t="s">
        <v>4907</v>
      </c>
      <c r="D4887" s="6"/>
      <c r="E4887" s="6" t="s">
        <v>9</v>
      </c>
      <c r="F4887" s="7">
        <v>38657</v>
      </c>
      <c r="G4887" s="8">
        <v>1</v>
      </c>
      <c r="H4887" s="8">
        <v>1</v>
      </c>
      <c r="I4887" s="8">
        <v>0</v>
      </c>
      <c r="J4887" s="8">
        <v>1</v>
      </c>
      <c r="K4887" s="9">
        <v>43</v>
      </c>
      <c r="L4887" s="6" t="s">
        <v>51</v>
      </c>
    </row>
    <row r="4888" spans="1:12">
      <c r="A4888" s="6" t="s">
        <v>49</v>
      </c>
      <c r="B4888" s="6"/>
      <c r="C4888" s="6" t="s">
        <v>4908</v>
      </c>
      <c r="D4888" s="6"/>
      <c r="E4888" s="6" t="s">
        <v>9</v>
      </c>
      <c r="F4888" s="7">
        <v>38657</v>
      </c>
      <c r="G4888" s="8">
        <v>1</v>
      </c>
      <c r="H4888" s="8">
        <v>1</v>
      </c>
      <c r="I4888" s="8">
        <v>0</v>
      </c>
      <c r="J4888" s="8">
        <v>1</v>
      </c>
      <c r="K4888" s="9">
        <v>82</v>
      </c>
      <c r="L4888" s="6" t="s">
        <v>51</v>
      </c>
    </row>
    <row r="4889" spans="1:12">
      <c r="A4889" s="6" t="s">
        <v>49</v>
      </c>
      <c r="B4889" s="6"/>
      <c r="C4889" s="6" t="s">
        <v>4909</v>
      </c>
      <c r="D4889" s="6"/>
      <c r="E4889" s="6" t="s">
        <v>9</v>
      </c>
      <c r="F4889" s="7">
        <v>38657</v>
      </c>
      <c r="G4889" s="8">
        <v>1</v>
      </c>
      <c r="H4889" s="8">
        <v>1</v>
      </c>
      <c r="I4889" s="8">
        <v>0</v>
      </c>
      <c r="J4889" s="8">
        <v>1</v>
      </c>
      <c r="K4889" s="9">
        <v>3.38</v>
      </c>
      <c r="L4889" s="6" t="s">
        <v>51</v>
      </c>
    </row>
    <row r="4890" spans="1:12">
      <c r="A4890" s="6" t="s">
        <v>49</v>
      </c>
      <c r="B4890" s="6"/>
      <c r="C4890" s="6" t="s">
        <v>4910</v>
      </c>
      <c r="D4890" s="6"/>
      <c r="E4890" s="6" t="s">
        <v>9</v>
      </c>
      <c r="F4890" s="7">
        <v>38657</v>
      </c>
      <c r="G4890" s="8">
        <v>1</v>
      </c>
      <c r="H4890" s="8">
        <v>1</v>
      </c>
      <c r="I4890" s="8">
        <v>0</v>
      </c>
      <c r="J4890" s="8">
        <v>1</v>
      </c>
      <c r="K4890" s="9">
        <v>99</v>
      </c>
      <c r="L4890" s="6" t="s">
        <v>51</v>
      </c>
    </row>
    <row r="4891" spans="1:12">
      <c r="A4891" s="6" t="s">
        <v>49</v>
      </c>
      <c r="B4891" s="6"/>
      <c r="C4891" s="6" t="s">
        <v>4911</v>
      </c>
      <c r="D4891" s="6"/>
      <c r="E4891" s="6" t="s">
        <v>9</v>
      </c>
      <c r="F4891" s="7">
        <v>38657</v>
      </c>
      <c r="G4891" s="8">
        <v>1</v>
      </c>
      <c r="H4891" s="8">
        <v>1</v>
      </c>
      <c r="I4891" s="8">
        <v>0</v>
      </c>
      <c r="J4891" s="8">
        <v>1</v>
      </c>
      <c r="K4891" s="9">
        <v>619</v>
      </c>
      <c r="L4891" s="6" t="s">
        <v>51</v>
      </c>
    </row>
    <row r="4892" spans="1:12">
      <c r="A4892" s="6" t="s">
        <v>49</v>
      </c>
      <c r="B4892" s="6"/>
      <c r="C4892" s="6" t="s">
        <v>4912</v>
      </c>
      <c r="D4892" s="6"/>
      <c r="E4892" s="6" t="s">
        <v>9</v>
      </c>
      <c r="F4892" s="7">
        <v>38657</v>
      </c>
      <c r="G4892" s="8">
        <v>1</v>
      </c>
      <c r="H4892" s="8">
        <v>1</v>
      </c>
      <c r="I4892" s="8">
        <v>0</v>
      </c>
      <c r="J4892" s="8">
        <v>1</v>
      </c>
      <c r="K4892" s="9">
        <v>229</v>
      </c>
      <c r="L4892" s="6" t="s">
        <v>51</v>
      </c>
    </row>
    <row r="4893" spans="1:12">
      <c r="A4893" s="6" t="s">
        <v>49</v>
      </c>
      <c r="B4893" s="6"/>
      <c r="C4893" s="6" t="s">
        <v>4913</v>
      </c>
      <c r="D4893" s="6"/>
      <c r="E4893" s="6" t="s">
        <v>9</v>
      </c>
      <c r="F4893" s="7">
        <v>38657</v>
      </c>
      <c r="G4893" s="8">
        <v>1</v>
      </c>
      <c r="H4893" s="8">
        <v>1</v>
      </c>
      <c r="I4893" s="8">
        <v>0</v>
      </c>
      <c r="J4893" s="8">
        <v>1</v>
      </c>
      <c r="K4893" s="9">
        <v>307</v>
      </c>
      <c r="L4893" s="6" t="s">
        <v>51</v>
      </c>
    </row>
    <row r="4894" spans="1:12">
      <c r="A4894" s="6" t="s">
        <v>49</v>
      </c>
      <c r="B4894" s="6"/>
      <c r="C4894" s="6" t="s">
        <v>4914</v>
      </c>
      <c r="D4894" s="6"/>
      <c r="E4894" s="6" t="s">
        <v>9</v>
      </c>
      <c r="F4894" s="7">
        <v>38657</v>
      </c>
      <c r="G4894" s="8">
        <v>1</v>
      </c>
      <c r="H4894" s="8">
        <v>1</v>
      </c>
      <c r="I4894" s="8">
        <v>0</v>
      </c>
      <c r="J4894" s="8">
        <v>1</v>
      </c>
      <c r="K4894" s="9">
        <v>3.3</v>
      </c>
      <c r="L4894" s="6" t="s">
        <v>51</v>
      </c>
    </row>
    <row r="4895" spans="1:12">
      <c r="A4895" s="6" t="s">
        <v>49</v>
      </c>
      <c r="B4895" s="6"/>
      <c r="C4895" s="6" t="s">
        <v>4915</v>
      </c>
      <c r="D4895" s="6"/>
      <c r="E4895" s="6" t="s">
        <v>9</v>
      </c>
      <c r="F4895" s="7">
        <v>38657</v>
      </c>
      <c r="G4895" s="8">
        <v>1</v>
      </c>
      <c r="H4895" s="8">
        <v>1</v>
      </c>
      <c r="I4895" s="8">
        <v>0</v>
      </c>
      <c r="J4895" s="8">
        <v>1</v>
      </c>
      <c r="K4895" s="9">
        <v>70</v>
      </c>
      <c r="L4895" s="6" t="s">
        <v>51</v>
      </c>
    </row>
    <row r="4896" spans="1:12">
      <c r="A4896" s="6" t="s">
        <v>49</v>
      </c>
      <c r="B4896" s="6"/>
      <c r="C4896" s="6" t="s">
        <v>4916</v>
      </c>
      <c r="D4896" s="6"/>
      <c r="E4896" s="6" t="s">
        <v>9</v>
      </c>
      <c r="F4896" s="7">
        <v>38657</v>
      </c>
      <c r="G4896" s="8">
        <v>1</v>
      </c>
      <c r="H4896" s="8">
        <v>1</v>
      </c>
      <c r="I4896" s="8">
        <v>0</v>
      </c>
      <c r="J4896" s="8">
        <v>1</v>
      </c>
      <c r="K4896" s="9">
        <v>71</v>
      </c>
      <c r="L4896" s="6" t="s">
        <v>51</v>
      </c>
    </row>
    <row r="4897" spans="1:12">
      <c r="A4897" s="6" t="s">
        <v>49</v>
      </c>
      <c r="B4897" s="6"/>
      <c r="C4897" s="6" t="s">
        <v>4917</v>
      </c>
      <c r="D4897" s="6"/>
      <c r="E4897" s="6" t="s">
        <v>9</v>
      </c>
      <c r="F4897" s="7">
        <v>38657</v>
      </c>
      <c r="G4897" s="8">
        <v>1</v>
      </c>
      <c r="H4897" s="8">
        <v>1</v>
      </c>
      <c r="I4897" s="8">
        <v>0</v>
      </c>
      <c r="J4897" s="8">
        <v>1</v>
      </c>
      <c r="K4897" s="9">
        <v>71</v>
      </c>
      <c r="L4897" s="6" t="s">
        <v>51</v>
      </c>
    </row>
    <row r="4898" spans="1:12">
      <c r="A4898" s="6" t="s">
        <v>49</v>
      </c>
      <c r="B4898" s="6"/>
      <c r="C4898" s="6" t="s">
        <v>4918</v>
      </c>
      <c r="D4898" s="6"/>
      <c r="E4898" s="6" t="s">
        <v>9</v>
      </c>
      <c r="F4898" s="7">
        <v>38657</v>
      </c>
      <c r="G4898" s="8">
        <v>1</v>
      </c>
      <c r="H4898" s="8">
        <v>1</v>
      </c>
      <c r="I4898" s="8">
        <v>0</v>
      </c>
      <c r="J4898" s="8">
        <v>1</v>
      </c>
      <c r="K4898" s="9">
        <v>63</v>
      </c>
      <c r="L4898" s="6" t="s">
        <v>51</v>
      </c>
    </row>
    <row r="4899" spans="1:12">
      <c r="A4899" s="6" t="s">
        <v>49</v>
      </c>
      <c r="B4899" s="6"/>
      <c r="C4899" s="6" t="s">
        <v>4919</v>
      </c>
      <c r="D4899" s="6"/>
      <c r="E4899" s="6" t="s">
        <v>9</v>
      </c>
      <c r="F4899" s="7">
        <v>38657</v>
      </c>
      <c r="G4899" s="8">
        <v>1</v>
      </c>
      <c r="H4899" s="8">
        <v>1</v>
      </c>
      <c r="I4899" s="8">
        <v>0</v>
      </c>
      <c r="J4899" s="8">
        <v>1</v>
      </c>
      <c r="K4899" s="9">
        <v>50</v>
      </c>
      <c r="L4899" s="6" t="s">
        <v>51</v>
      </c>
    </row>
    <row r="4900" spans="1:12">
      <c r="A4900" s="6" t="s">
        <v>49</v>
      </c>
      <c r="B4900" s="6"/>
      <c r="C4900" s="6" t="s">
        <v>4920</v>
      </c>
      <c r="D4900" s="6"/>
      <c r="E4900" s="6" t="s">
        <v>9</v>
      </c>
      <c r="F4900" s="7">
        <v>38657</v>
      </c>
      <c r="G4900" s="8">
        <v>1</v>
      </c>
      <c r="H4900" s="8">
        <v>1</v>
      </c>
      <c r="I4900" s="8">
        <v>0</v>
      </c>
      <c r="J4900" s="8">
        <v>1</v>
      </c>
      <c r="K4900" s="9">
        <v>551</v>
      </c>
      <c r="L4900" s="6" t="s">
        <v>51</v>
      </c>
    </row>
    <row r="4901" spans="1:12">
      <c r="A4901" s="6" t="s">
        <v>49</v>
      </c>
      <c r="B4901" s="6"/>
      <c r="C4901" s="6" t="s">
        <v>4921</v>
      </c>
      <c r="D4901" s="6"/>
      <c r="E4901" s="6" t="s">
        <v>9</v>
      </c>
      <c r="F4901" s="7">
        <v>38657</v>
      </c>
      <c r="G4901" s="8">
        <v>1</v>
      </c>
      <c r="H4901" s="8">
        <v>1</v>
      </c>
      <c r="I4901" s="8">
        <v>0</v>
      </c>
      <c r="J4901" s="8">
        <v>1</v>
      </c>
      <c r="K4901" s="9">
        <v>567</v>
      </c>
      <c r="L4901" s="6" t="s">
        <v>51</v>
      </c>
    </row>
    <row r="4902" spans="1:12">
      <c r="A4902" s="6" t="s">
        <v>49</v>
      </c>
      <c r="B4902" s="6"/>
      <c r="C4902" s="6" t="s">
        <v>4922</v>
      </c>
      <c r="D4902" s="6"/>
      <c r="E4902" s="6" t="s">
        <v>9</v>
      </c>
      <c r="F4902" s="7">
        <v>38657</v>
      </c>
      <c r="G4902" s="8">
        <v>1</v>
      </c>
      <c r="H4902" s="8">
        <v>1</v>
      </c>
      <c r="I4902" s="8">
        <v>0</v>
      </c>
      <c r="J4902" s="8">
        <v>1</v>
      </c>
      <c r="K4902" s="9">
        <v>695</v>
      </c>
      <c r="L4902" s="6" t="s">
        <v>51</v>
      </c>
    </row>
    <row r="4903" spans="1:12">
      <c r="A4903" s="6" t="s">
        <v>49</v>
      </c>
      <c r="B4903" s="6"/>
      <c r="C4903" s="6" t="s">
        <v>4923</v>
      </c>
      <c r="D4903" s="6"/>
      <c r="E4903" s="6" t="s">
        <v>9</v>
      </c>
      <c r="F4903" s="7">
        <v>38657</v>
      </c>
      <c r="G4903" s="8">
        <v>1</v>
      </c>
      <c r="H4903" s="8">
        <v>1</v>
      </c>
      <c r="I4903" s="8">
        <v>0</v>
      </c>
      <c r="J4903" s="8">
        <v>1</v>
      </c>
      <c r="K4903" s="9">
        <v>26</v>
      </c>
      <c r="L4903" s="6" t="s">
        <v>51</v>
      </c>
    </row>
    <row r="4904" spans="1:12">
      <c r="A4904" s="6" t="s">
        <v>49</v>
      </c>
      <c r="B4904" s="6"/>
      <c r="C4904" s="6" t="s">
        <v>4924</v>
      </c>
      <c r="D4904" s="6"/>
      <c r="E4904" s="6" t="s">
        <v>9</v>
      </c>
      <c r="F4904" s="7">
        <v>38657</v>
      </c>
      <c r="G4904" s="8">
        <v>1</v>
      </c>
      <c r="H4904" s="8">
        <v>1</v>
      </c>
      <c r="I4904" s="8">
        <v>0</v>
      </c>
      <c r="J4904" s="8">
        <v>1</v>
      </c>
      <c r="K4904" s="9">
        <v>27</v>
      </c>
      <c r="L4904" s="6" t="s">
        <v>51</v>
      </c>
    </row>
    <row r="4905" spans="1:12">
      <c r="A4905" s="6" t="s">
        <v>49</v>
      </c>
      <c r="B4905" s="6"/>
      <c r="C4905" s="6" t="s">
        <v>4925</v>
      </c>
      <c r="D4905" s="6"/>
      <c r="E4905" s="6" t="s">
        <v>9</v>
      </c>
      <c r="F4905" s="7">
        <v>38657</v>
      </c>
      <c r="G4905" s="8">
        <v>1</v>
      </c>
      <c r="H4905" s="8">
        <v>1</v>
      </c>
      <c r="I4905" s="8">
        <v>0</v>
      </c>
      <c r="J4905" s="8">
        <v>1</v>
      </c>
      <c r="K4905" s="9">
        <v>29</v>
      </c>
      <c r="L4905" s="6" t="s">
        <v>51</v>
      </c>
    </row>
    <row r="4906" spans="1:12">
      <c r="A4906" s="6" t="s">
        <v>49</v>
      </c>
      <c r="B4906" s="6"/>
      <c r="C4906" s="6" t="s">
        <v>4926</v>
      </c>
      <c r="D4906" s="6"/>
      <c r="E4906" s="6" t="s">
        <v>9</v>
      </c>
      <c r="F4906" s="7">
        <v>38657</v>
      </c>
      <c r="G4906" s="8">
        <v>1</v>
      </c>
      <c r="H4906" s="8">
        <v>1</v>
      </c>
      <c r="I4906" s="8">
        <v>0</v>
      </c>
      <c r="J4906" s="8">
        <v>1</v>
      </c>
      <c r="K4906" s="9">
        <v>52</v>
      </c>
      <c r="L4906" s="6" t="s">
        <v>51</v>
      </c>
    </row>
    <row r="4907" spans="1:12">
      <c r="A4907" s="6" t="s">
        <v>49</v>
      </c>
      <c r="B4907" s="6"/>
      <c r="C4907" s="6" t="s">
        <v>4927</v>
      </c>
      <c r="D4907" s="6"/>
      <c r="E4907" s="6" t="s">
        <v>9</v>
      </c>
      <c r="F4907" s="7">
        <v>38657</v>
      </c>
      <c r="G4907" s="8">
        <v>1</v>
      </c>
      <c r="H4907" s="8">
        <v>1</v>
      </c>
      <c r="I4907" s="8">
        <v>0</v>
      </c>
      <c r="J4907" s="8">
        <v>1</v>
      </c>
      <c r="K4907" s="9">
        <v>760</v>
      </c>
      <c r="L4907" s="6" t="s">
        <v>51</v>
      </c>
    </row>
    <row r="4908" spans="1:12">
      <c r="A4908" s="6" t="s">
        <v>49</v>
      </c>
      <c r="B4908" s="6"/>
      <c r="C4908" s="6" t="s">
        <v>4928</v>
      </c>
      <c r="D4908" s="6"/>
      <c r="E4908" s="6" t="s">
        <v>9</v>
      </c>
      <c r="F4908" s="7">
        <v>38657</v>
      </c>
      <c r="G4908" s="8">
        <v>1</v>
      </c>
      <c r="H4908" s="8">
        <v>1</v>
      </c>
      <c r="I4908" s="8">
        <v>0</v>
      </c>
      <c r="J4908" s="8">
        <v>1</v>
      </c>
      <c r="K4908" s="9">
        <v>143</v>
      </c>
      <c r="L4908" s="6" t="s">
        <v>51</v>
      </c>
    </row>
    <row r="4909" spans="1:12">
      <c r="A4909" s="6" t="s">
        <v>49</v>
      </c>
      <c r="B4909" s="6"/>
      <c r="C4909" s="6" t="s">
        <v>4929</v>
      </c>
      <c r="D4909" s="6"/>
      <c r="E4909" s="6" t="s">
        <v>9</v>
      </c>
      <c r="F4909" s="7">
        <v>38657</v>
      </c>
      <c r="G4909" s="8">
        <v>1</v>
      </c>
      <c r="H4909" s="8">
        <v>1</v>
      </c>
      <c r="I4909" s="8">
        <v>0</v>
      </c>
      <c r="J4909" s="8">
        <v>1</v>
      </c>
      <c r="K4909" s="9">
        <v>1192</v>
      </c>
      <c r="L4909" s="6" t="s">
        <v>51</v>
      </c>
    </row>
    <row r="4910" spans="1:12">
      <c r="A4910" s="6" t="s">
        <v>49</v>
      </c>
      <c r="B4910" s="6"/>
      <c r="C4910" s="6" t="s">
        <v>4930</v>
      </c>
      <c r="D4910" s="6"/>
      <c r="E4910" s="6" t="s">
        <v>9</v>
      </c>
      <c r="F4910" s="7">
        <v>38657</v>
      </c>
      <c r="G4910" s="8">
        <v>1</v>
      </c>
      <c r="H4910" s="8">
        <v>1</v>
      </c>
      <c r="I4910" s="8">
        <v>0</v>
      </c>
      <c r="J4910" s="8">
        <v>1</v>
      </c>
      <c r="K4910" s="9">
        <v>1092</v>
      </c>
      <c r="L4910" s="6" t="s">
        <v>51</v>
      </c>
    </row>
    <row r="4911" spans="1:12">
      <c r="A4911" s="6" t="s">
        <v>49</v>
      </c>
      <c r="B4911" s="6"/>
      <c r="C4911" s="6" t="s">
        <v>4931</v>
      </c>
      <c r="D4911" s="6"/>
      <c r="E4911" s="6" t="s">
        <v>9</v>
      </c>
      <c r="F4911" s="7">
        <v>38657</v>
      </c>
      <c r="G4911" s="8">
        <v>1</v>
      </c>
      <c r="H4911" s="8">
        <v>1</v>
      </c>
      <c r="I4911" s="8">
        <v>0</v>
      </c>
      <c r="J4911" s="8">
        <v>1</v>
      </c>
      <c r="K4911" s="9">
        <v>1435</v>
      </c>
      <c r="L4911" s="6" t="s">
        <v>51</v>
      </c>
    </row>
    <row r="4912" spans="1:12">
      <c r="A4912" s="6" t="s">
        <v>49</v>
      </c>
      <c r="B4912" s="6"/>
      <c r="C4912" s="6" t="s">
        <v>4932</v>
      </c>
      <c r="D4912" s="6"/>
      <c r="E4912" s="6" t="s">
        <v>9</v>
      </c>
      <c r="F4912" s="7">
        <v>38657</v>
      </c>
      <c r="G4912" s="8">
        <v>1</v>
      </c>
      <c r="H4912" s="8">
        <v>1</v>
      </c>
      <c r="I4912" s="8">
        <v>0</v>
      </c>
      <c r="J4912" s="8">
        <v>1</v>
      </c>
      <c r="K4912" s="9">
        <v>729.93</v>
      </c>
      <c r="L4912" s="6" t="s">
        <v>51</v>
      </c>
    </row>
    <row r="4913" spans="1:12">
      <c r="A4913" s="6" t="s">
        <v>49</v>
      </c>
      <c r="B4913" s="6"/>
      <c r="C4913" s="6" t="s">
        <v>4933</v>
      </c>
      <c r="D4913" s="6"/>
      <c r="E4913" s="6" t="s">
        <v>9</v>
      </c>
      <c r="F4913" s="7">
        <v>38657</v>
      </c>
      <c r="G4913" s="8">
        <v>1</v>
      </c>
      <c r="H4913" s="8">
        <v>1</v>
      </c>
      <c r="I4913" s="8">
        <v>0</v>
      </c>
      <c r="J4913" s="8">
        <v>1</v>
      </c>
      <c r="K4913" s="9">
        <v>379</v>
      </c>
      <c r="L4913" s="6" t="s">
        <v>51</v>
      </c>
    </row>
    <row r="4914" spans="1:12">
      <c r="A4914" s="6" t="s">
        <v>49</v>
      </c>
      <c r="B4914" s="6"/>
      <c r="C4914" s="6" t="s">
        <v>4934</v>
      </c>
      <c r="D4914" s="6"/>
      <c r="E4914" s="6" t="s">
        <v>9</v>
      </c>
      <c r="F4914" s="7">
        <v>38657</v>
      </c>
      <c r="G4914" s="8">
        <v>1</v>
      </c>
      <c r="H4914" s="8">
        <v>1</v>
      </c>
      <c r="I4914" s="8">
        <v>0</v>
      </c>
      <c r="J4914" s="8">
        <v>1</v>
      </c>
      <c r="K4914" s="9">
        <v>12.27</v>
      </c>
      <c r="L4914" s="6" t="s">
        <v>51</v>
      </c>
    </row>
    <row r="4915" spans="1:12">
      <c r="A4915" s="6" t="s">
        <v>49</v>
      </c>
      <c r="B4915" s="6"/>
      <c r="C4915" s="6" t="s">
        <v>4935</v>
      </c>
      <c r="D4915" s="6"/>
      <c r="E4915" s="6" t="s">
        <v>9</v>
      </c>
      <c r="F4915" s="7">
        <v>38657</v>
      </c>
      <c r="G4915" s="8">
        <v>1</v>
      </c>
      <c r="H4915" s="8">
        <v>1</v>
      </c>
      <c r="I4915" s="8">
        <v>0</v>
      </c>
      <c r="J4915" s="8">
        <v>1</v>
      </c>
      <c r="K4915" s="9">
        <v>868</v>
      </c>
      <c r="L4915" s="6" t="s">
        <v>51</v>
      </c>
    </row>
    <row r="4916" spans="1:12">
      <c r="A4916" s="6" t="s">
        <v>49</v>
      </c>
      <c r="B4916" s="6"/>
      <c r="C4916" s="6" t="s">
        <v>4936</v>
      </c>
      <c r="D4916" s="6"/>
      <c r="E4916" s="6" t="s">
        <v>9</v>
      </c>
      <c r="F4916" s="7">
        <v>38657</v>
      </c>
      <c r="G4916" s="8">
        <v>1</v>
      </c>
      <c r="H4916" s="8">
        <v>1</v>
      </c>
      <c r="I4916" s="8">
        <v>0</v>
      </c>
      <c r="J4916" s="8">
        <v>1</v>
      </c>
      <c r="K4916" s="9">
        <v>22</v>
      </c>
      <c r="L4916" s="6" t="s">
        <v>51</v>
      </c>
    </row>
    <row r="4917" spans="1:12">
      <c r="A4917" s="6" t="s">
        <v>49</v>
      </c>
      <c r="B4917" s="6"/>
      <c r="C4917" s="6" t="s">
        <v>4937</v>
      </c>
      <c r="D4917" s="6"/>
      <c r="E4917" s="6" t="s">
        <v>9</v>
      </c>
      <c r="F4917" s="7">
        <v>38657</v>
      </c>
      <c r="G4917" s="8">
        <v>1</v>
      </c>
      <c r="H4917" s="8">
        <v>1</v>
      </c>
      <c r="I4917" s="8">
        <v>0</v>
      </c>
      <c r="J4917" s="8">
        <v>1</v>
      </c>
      <c r="K4917" s="9">
        <v>449</v>
      </c>
      <c r="L4917" s="6" t="s">
        <v>51</v>
      </c>
    </row>
    <row r="4918" spans="1:12">
      <c r="A4918" s="6" t="s">
        <v>49</v>
      </c>
      <c r="B4918" s="6"/>
      <c r="C4918" s="6" t="s">
        <v>4938</v>
      </c>
      <c r="D4918" s="6"/>
      <c r="E4918" s="6" t="s">
        <v>9</v>
      </c>
      <c r="F4918" s="7">
        <v>38657</v>
      </c>
      <c r="G4918" s="8">
        <v>1</v>
      </c>
      <c r="H4918" s="8">
        <v>1</v>
      </c>
      <c r="I4918" s="8">
        <v>0</v>
      </c>
      <c r="J4918" s="8">
        <v>1</v>
      </c>
      <c r="K4918" s="9">
        <v>1.1000000000000001</v>
      </c>
      <c r="L4918" s="6" t="s">
        <v>51</v>
      </c>
    </row>
    <row r="4919" spans="1:12">
      <c r="A4919" s="6" t="s">
        <v>49</v>
      </c>
      <c r="B4919" s="6"/>
      <c r="C4919" s="6" t="s">
        <v>4939</v>
      </c>
      <c r="D4919" s="6"/>
      <c r="E4919" s="6" t="s">
        <v>9</v>
      </c>
      <c r="F4919" s="7">
        <v>38657</v>
      </c>
      <c r="G4919" s="8">
        <v>1</v>
      </c>
      <c r="H4919" s="8">
        <v>1</v>
      </c>
      <c r="I4919" s="8">
        <v>0</v>
      </c>
      <c r="J4919" s="8">
        <v>1</v>
      </c>
      <c r="K4919" s="9">
        <v>67</v>
      </c>
      <c r="L4919" s="6" t="s">
        <v>51</v>
      </c>
    </row>
    <row r="4920" spans="1:12">
      <c r="A4920" s="6" t="s">
        <v>49</v>
      </c>
      <c r="B4920" s="6"/>
      <c r="C4920" s="6" t="s">
        <v>4940</v>
      </c>
      <c r="D4920" s="6"/>
      <c r="E4920" s="6" t="s">
        <v>9</v>
      </c>
      <c r="F4920" s="7">
        <v>38657</v>
      </c>
      <c r="G4920" s="8">
        <v>1</v>
      </c>
      <c r="H4920" s="8">
        <v>1</v>
      </c>
      <c r="I4920" s="8">
        <v>0</v>
      </c>
      <c r="J4920" s="8">
        <v>1</v>
      </c>
      <c r="K4920" s="9">
        <v>743.85</v>
      </c>
      <c r="L4920" s="6" t="s">
        <v>51</v>
      </c>
    </row>
    <row r="4921" spans="1:12">
      <c r="A4921" s="6" t="s">
        <v>49</v>
      </c>
      <c r="B4921" s="6"/>
      <c r="C4921" s="6" t="s">
        <v>4941</v>
      </c>
      <c r="D4921" s="6"/>
      <c r="E4921" s="6" t="s">
        <v>9</v>
      </c>
      <c r="F4921" s="7">
        <v>38657</v>
      </c>
      <c r="G4921" s="8">
        <v>1</v>
      </c>
      <c r="H4921" s="8">
        <v>1</v>
      </c>
      <c r="I4921" s="8">
        <v>0</v>
      </c>
      <c r="J4921" s="8">
        <v>1</v>
      </c>
      <c r="K4921" s="9">
        <v>339</v>
      </c>
      <c r="L4921" s="6" t="s">
        <v>51</v>
      </c>
    </row>
    <row r="4922" spans="1:12">
      <c r="A4922" s="6" t="s">
        <v>49</v>
      </c>
      <c r="B4922" s="6"/>
      <c r="C4922" s="6" t="s">
        <v>4942</v>
      </c>
      <c r="D4922" s="6"/>
      <c r="E4922" s="6" t="s">
        <v>9</v>
      </c>
      <c r="F4922" s="7">
        <v>38657</v>
      </c>
      <c r="G4922" s="8">
        <v>1</v>
      </c>
      <c r="H4922" s="8">
        <v>1</v>
      </c>
      <c r="I4922" s="8">
        <v>0</v>
      </c>
      <c r="J4922" s="8">
        <v>1</v>
      </c>
      <c r="K4922" s="9">
        <v>390</v>
      </c>
      <c r="L4922" s="6" t="s">
        <v>51</v>
      </c>
    </row>
    <row r="4923" spans="1:12">
      <c r="A4923" s="6" t="s">
        <v>49</v>
      </c>
      <c r="B4923" s="6"/>
      <c r="C4923" s="6" t="s">
        <v>4943</v>
      </c>
      <c r="D4923" s="6"/>
      <c r="E4923" s="6" t="s">
        <v>9</v>
      </c>
      <c r="F4923" s="7">
        <v>38657</v>
      </c>
      <c r="G4923" s="8">
        <v>1</v>
      </c>
      <c r="H4923" s="8">
        <v>1</v>
      </c>
      <c r="I4923" s="8">
        <v>0</v>
      </c>
      <c r="J4923" s="8">
        <v>1</v>
      </c>
      <c r="K4923" s="9">
        <v>175.68</v>
      </c>
      <c r="L4923" s="6" t="s">
        <v>51</v>
      </c>
    </row>
    <row r="4924" spans="1:12">
      <c r="A4924" s="6" t="s">
        <v>49</v>
      </c>
      <c r="B4924" s="6"/>
      <c r="C4924" s="6" t="s">
        <v>4944</v>
      </c>
      <c r="D4924" s="6"/>
      <c r="E4924" s="6" t="s">
        <v>9</v>
      </c>
      <c r="F4924" s="7">
        <v>38657</v>
      </c>
      <c r="G4924" s="8">
        <v>1</v>
      </c>
      <c r="H4924" s="8">
        <v>1</v>
      </c>
      <c r="I4924" s="8">
        <v>0</v>
      </c>
      <c r="J4924" s="8">
        <v>1</v>
      </c>
      <c r="K4924" s="9">
        <v>107.74</v>
      </c>
      <c r="L4924" s="6" t="s">
        <v>51</v>
      </c>
    </row>
    <row r="4925" spans="1:12">
      <c r="A4925" s="6" t="s">
        <v>49</v>
      </c>
      <c r="B4925" s="6"/>
      <c r="C4925" s="6" t="s">
        <v>4945</v>
      </c>
      <c r="D4925" s="6"/>
      <c r="E4925" s="6" t="s">
        <v>9</v>
      </c>
      <c r="F4925" s="7">
        <v>38657</v>
      </c>
      <c r="G4925" s="8">
        <v>1</v>
      </c>
      <c r="H4925" s="8">
        <v>1</v>
      </c>
      <c r="I4925" s="8">
        <v>0</v>
      </c>
      <c r="J4925" s="8">
        <v>1</v>
      </c>
      <c r="K4925" s="9">
        <v>363.61</v>
      </c>
      <c r="L4925" s="6" t="s">
        <v>51</v>
      </c>
    </row>
    <row r="4926" spans="1:12">
      <c r="A4926" s="6" t="s">
        <v>49</v>
      </c>
      <c r="B4926" s="6"/>
      <c r="C4926" s="6" t="s">
        <v>4946</v>
      </c>
      <c r="D4926" s="6"/>
      <c r="E4926" s="6" t="s">
        <v>9</v>
      </c>
      <c r="F4926" s="7">
        <v>38657</v>
      </c>
      <c r="G4926" s="8">
        <v>1</v>
      </c>
      <c r="H4926" s="8">
        <v>1</v>
      </c>
      <c r="I4926" s="8">
        <v>0</v>
      </c>
      <c r="J4926" s="8">
        <v>1</v>
      </c>
      <c r="K4926" s="9">
        <v>478.82</v>
      </c>
      <c r="L4926" s="6" t="s">
        <v>51</v>
      </c>
    </row>
    <row r="4927" spans="1:12">
      <c r="A4927" s="6" t="s">
        <v>49</v>
      </c>
      <c r="B4927" s="6"/>
      <c r="C4927" s="6" t="s">
        <v>4947</v>
      </c>
      <c r="D4927" s="6"/>
      <c r="E4927" s="6" t="s">
        <v>9</v>
      </c>
      <c r="F4927" s="7">
        <v>38657</v>
      </c>
      <c r="G4927" s="8">
        <v>1</v>
      </c>
      <c r="H4927" s="8">
        <v>1</v>
      </c>
      <c r="I4927" s="8">
        <v>0</v>
      </c>
      <c r="J4927" s="8">
        <v>1</v>
      </c>
      <c r="K4927" s="9">
        <v>96</v>
      </c>
      <c r="L4927" s="6" t="s">
        <v>51</v>
      </c>
    </row>
    <row r="4928" spans="1:12">
      <c r="A4928" s="6" t="s">
        <v>49</v>
      </c>
      <c r="B4928" s="6"/>
      <c r="C4928" s="6" t="s">
        <v>4948</v>
      </c>
      <c r="D4928" s="6"/>
      <c r="E4928" s="6" t="s">
        <v>9</v>
      </c>
      <c r="F4928" s="7">
        <v>38657</v>
      </c>
      <c r="G4928" s="8">
        <v>1</v>
      </c>
      <c r="H4928" s="8">
        <v>1</v>
      </c>
      <c r="I4928" s="8">
        <v>0</v>
      </c>
      <c r="J4928" s="8">
        <v>1</v>
      </c>
      <c r="K4928" s="9">
        <v>79</v>
      </c>
      <c r="L4928" s="6" t="s">
        <v>51</v>
      </c>
    </row>
    <row r="4929" spans="1:12">
      <c r="A4929" s="6" t="s">
        <v>49</v>
      </c>
      <c r="B4929" s="6"/>
      <c r="C4929" s="6" t="s">
        <v>4949</v>
      </c>
      <c r="D4929" s="6"/>
      <c r="E4929" s="6" t="s">
        <v>9</v>
      </c>
      <c r="F4929" s="7">
        <v>38657</v>
      </c>
      <c r="G4929" s="8">
        <v>1</v>
      </c>
      <c r="H4929" s="8">
        <v>1</v>
      </c>
      <c r="I4929" s="8">
        <v>0</v>
      </c>
      <c r="J4929" s="8">
        <v>1</v>
      </c>
      <c r="K4929" s="9">
        <v>39</v>
      </c>
      <c r="L4929" s="6" t="s">
        <v>51</v>
      </c>
    </row>
    <row r="4930" spans="1:12">
      <c r="A4930" s="6" t="s">
        <v>49</v>
      </c>
      <c r="B4930" s="6"/>
      <c r="C4930" s="6" t="s">
        <v>4950</v>
      </c>
      <c r="D4930" s="6"/>
      <c r="E4930" s="6" t="s">
        <v>9</v>
      </c>
      <c r="F4930" s="7">
        <v>38657</v>
      </c>
      <c r="G4930" s="8">
        <v>1</v>
      </c>
      <c r="H4930" s="8">
        <v>1</v>
      </c>
      <c r="I4930" s="8">
        <v>0</v>
      </c>
      <c r="J4930" s="8">
        <v>1</v>
      </c>
      <c r="K4930" s="9">
        <v>80</v>
      </c>
      <c r="L4930" s="6" t="s">
        <v>51</v>
      </c>
    </row>
    <row r="4931" spans="1:12">
      <c r="A4931" s="6" t="s">
        <v>49</v>
      </c>
      <c r="B4931" s="6"/>
      <c r="C4931" s="6" t="s">
        <v>4951</v>
      </c>
      <c r="D4931" s="6"/>
      <c r="E4931" s="6" t="s">
        <v>9</v>
      </c>
      <c r="F4931" s="7">
        <v>38657</v>
      </c>
      <c r="G4931" s="8">
        <v>1</v>
      </c>
      <c r="H4931" s="8">
        <v>1</v>
      </c>
      <c r="I4931" s="8">
        <v>0</v>
      </c>
      <c r="J4931" s="8">
        <v>1</v>
      </c>
      <c r="K4931" s="9">
        <v>33</v>
      </c>
      <c r="L4931" s="6" t="s">
        <v>51</v>
      </c>
    </row>
    <row r="4932" spans="1:12">
      <c r="A4932" s="6" t="s">
        <v>49</v>
      </c>
      <c r="B4932" s="6"/>
      <c r="C4932" s="6" t="s">
        <v>4952</v>
      </c>
      <c r="D4932" s="6"/>
      <c r="E4932" s="6" t="s">
        <v>9</v>
      </c>
      <c r="F4932" s="7">
        <v>38657</v>
      </c>
      <c r="G4932" s="8">
        <v>1</v>
      </c>
      <c r="H4932" s="8">
        <v>1</v>
      </c>
      <c r="I4932" s="8">
        <v>0</v>
      </c>
      <c r="J4932" s="8">
        <v>1</v>
      </c>
      <c r="K4932" s="9">
        <v>33</v>
      </c>
      <c r="L4932" s="6" t="s">
        <v>51</v>
      </c>
    </row>
    <row r="4933" spans="1:12">
      <c r="A4933" s="6" t="s">
        <v>49</v>
      </c>
      <c r="B4933" s="6"/>
      <c r="C4933" s="6" t="s">
        <v>4953</v>
      </c>
      <c r="D4933" s="6"/>
      <c r="E4933" s="6" t="s">
        <v>9</v>
      </c>
      <c r="F4933" s="7">
        <v>38657</v>
      </c>
      <c r="G4933" s="8">
        <v>1</v>
      </c>
      <c r="H4933" s="8">
        <v>1</v>
      </c>
      <c r="I4933" s="8">
        <v>0</v>
      </c>
      <c r="J4933" s="8">
        <v>1</v>
      </c>
      <c r="K4933" s="9">
        <v>33</v>
      </c>
      <c r="L4933" s="6" t="s">
        <v>51</v>
      </c>
    </row>
    <row r="4934" spans="1:12">
      <c r="A4934" s="6" t="s">
        <v>49</v>
      </c>
      <c r="B4934" s="6"/>
      <c r="C4934" s="6" t="s">
        <v>4954</v>
      </c>
      <c r="D4934" s="6"/>
      <c r="E4934" s="6" t="s">
        <v>9</v>
      </c>
      <c r="F4934" s="7">
        <v>38657</v>
      </c>
      <c r="G4934" s="8">
        <v>1</v>
      </c>
      <c r="H4934" s="8">
        <v>1</v>
      </c>
      <c r="I4934" s="8">
        <v>0</v>
      </c>
      <c r="J4934" s="8">
        <v>1</v>
      </c>
      <c r="K4934" s="9">
        <v>48</v>
      </c>
      <c r="L4934" s="6" t="s">
        <v>51</v>
      </c>
    </row>
    <row r="4935" spans="1:12">
      <c r="A4935" s="6" t="s">
        <v>49</v>
      </c>
      <c r="B4935" s="6"/>
      <c r="C4935" s="6" t="s">
        <v>4955</v>
      </c>
      <c r="D4935" s="6"/>
      <c r="E4935" s="6" t="s">
        <v>9</v>
      </c>
      <c r="F4935" s="7">
        <v>38657</v>
      </c>
      <c r="G4935" s="8">
        <v>1</v>
      </c>
      <c r="H4935" s="8">
        <v>1</v>
      </c>
      <c r="I4935" s="8">
        <v>0</v>
      </c>
      <c r="J4935" s="8">
        <v>1</v>
      </c>
      <c r="K4935" s="9">
        <v>183</v>
      </c>
      <c r="L4935" s="6" t="s">
        <v>51</v>
      </c>
    </row>
    <row r="4936" spans="1:12">
      <c r="A4936" s="6" t="s">
        <v>49</v>
      </c>
      <c r="B4936" s="6"/>
      <c r="C4936" s="6" t="s">
        <v>4956</v>
      </c>
      <c r="D4936" s="6"/>
      <c r="E4936" s="6" t="s">
        <v>9</v>
      </c>
      <c r="F4936" s="7">
        <v>38657</v>
      </c>
      <c r="G4936" s="8">
        <v>1</v>
      </c>
      <c r="H4936" s="8">
        <v>1</v>
      </c>
      <c r="I4936" s="8">
        <v>0</v>
      </c>
      <c r="J4936" s="8">
        <v>1</v>
      </c>
      <c r="K4936" s="9">
        <v>26</v>
      </c>
      <c r="L4936" s="6" t="s">
        <v>51</v>
      </c>
    </row>
    <row r="4937" spans="1:12">
      <c r="A4937" s="6" t="s">
        <v>49</v>
      </c>
      <c r="B4937" s="6"/>
      <c r="C4937" s="6" t="s">
        <v>4957</v>
      </c>
      <c r="D4937" s="6"/>
      <c r="E4937" s="6" t="s">
        <v>9</v>
      </c>
      <c r="F4937" s="7">
        <v>38657</v>
      </c>
      <c r="G4937" s="8">
        <v>1</v>
      </c>
      <c r="H4937" s="8">
        <v>1</v>
      </c>
      <c r="I4937" s="8">
        <v>0</v>
      </c>
      <c r="J4937" s="8">
        <v>1</v>
      </c>
      <c r="K4937" s="9">
        <v>180</v>
      </c>
      <c r="L4937" s="6" t="s">
        <v>51</v>
      </c>
    </row>
    <row r="4938" spans="1:12">
      <c r="A4938" s="6" t="s">
        <v>49</v>
      </c>
      <c r="B4938" s="6"/>
      <c r="C4938" s="6" t="s">
        <v>4958</v>
      </c>
      <c r="D4938" s="6"/>
      <c r="E4938" s="6" t="s">
        <v>9</v>
      </c>
      <c r="F4938" s="7">
        <v>38657</v>
      </c>
      <c r="G4938" s="8">
        <v>1</v>
      </c>
      <c r="H4938" s="8">
        <v>1</v>
      </c>
      <c r="I4938" s="8">
        <v>0</v>
      </c>
      <c r="J4938" s="8">
        <v>1</v>
      </c>
      <c r="K4938" s="9">
        <v>482</v>
      </c>
      <c r="L4938" s="6" t="s">
        <v>51</v>
      </c>
    </row>
    <row r="4939" spans="1:12">
      <c r="A4939" s="6" t="s">
        <v>49</v>
      </c>
      <c r="B4939" s="6"/>
      <c r="C4939" s="6" t="s">
        <v>4959</v>
      </c>
      <c r="D4939" s="6"/>
      <c r="E4939" s="6" t="s">
        <v>9</v>
      </c>
      <c r="F4939" s="7">
        <v>38657</v>
      </c>
      <c r="G4939" s="8">
        <v>1</v>
      </c>
      <c r="H4939" s="8">
        <v>1</v>
      </c>
      <c r="I4939" s="8">
        <v>0</v>
      </c>
      <c r="J4939" s="8">
        <v>1</v>
      </c>
      <c r="K4939" s="9">
        <v>262</v>
      </c>
      <c r="L4939" s="6" t="s">
        <v>51</v>
      </c>
    </row>
    <row r="4940" spans="1:12">
      <c r="A4940" s="6" t="s">
        <v>49</v>
      </c>
      <c r="B4940" s="6"/>
      <c r="C4940" s="6" t="s">
        <v>4960</v>
      </c>
      <c r="D4940" s="6"/>
      <c r="E4940" s="6" t="s">
        <v>9</v>
      </c>
      <c r="F4940" s="7">
        <v>38657</v>
      </c>
      <c r="G4940" s="8">
        <v>1</v>
      </c>
      <c r="H4940" s="8">
        <v>1</v>
      </c>
      <c r="I4940" s="8">
        <v>0</v>
      </c>
      <c r="J4940" s="8">
        <v>1</v>
      </c>
      <c r="K4940" s="9">
        <v>269</v>
      </c>
      <c r="L4940" s="6" t="s">
        <v>51</v>
      </c>
    </row>
    <row r="4941" spans="1:12">
      <c r="A4941" s="6" t="s">
        <v>49</v>
      </c>
      <c r="B4941" s="6"/>
      <c r="C4941" s="6" t="s">
        <v>4961</v>
      </c>
      <c r="D4941" s="6"/>
      <c r="E4941" s="6" t="s">
        <v>9</v>
      </c>
      <c r="F4941" s="7">
        <v>38657</v>
      </c>
      <c r="G4941" s="8">
        <v>1</v>
      </c>
      <c r="H4941" s="8">
        <v>1</v>
      </c>
      <c r="I4941" s="8">
        <v>0</v>
      </c>
      <c r="J4941" s="8">
        <v>1</v>
      </c>
      <c r="K4941" s="9">
        <v>295</v>
      </c>
      <c r="L4941" s="6" t="s">
        <v>51</v>
      </c>
    </row>
    <row r="4942" spans="1:12">
      <c r="A4942" s="6" t="s">
        <v>49</v>
      </c>
      <c r="B4942" s="6"/>
      <c r="C4942" s="6" t="s">
        <v>4962</v>
      </c>
      <c r="D4942" s="6"/>
      <c r="E4942" s="6" t="s">
        <v>9</v>
      </c>
      <c r="F4942" s="7">
        <v>38657</v>
      </c>
      <c r="G4942" s="8">
        <v>1</v>
      </c>
      <c r="H4942" s="8">
        <v>1</v>
      </c>
      <c r="I4942" s="8">
        <v>0</v>
      </c>
      <c r="J4942" s="8">
        <v>1</v>
      </c>
      <c r="K4942" s="9">
        <v>324</v>
      </c>
      <c r="L4942" s="6" t="s">
        <v>51</v>
      </c>
    </row>
    <row r="4943" spans="1:12">
      <c r="A4943" s="6" t="s">
        <v>49</v>
      </c>
      <c r="B4943" s="6"/>
      <c r="C4943" s="6" t="s">
        <v>4963</v>
      </c>
      <c r="D4943" s="6"/>
      <c r="E4943" s="6" t="s">
        <v>9</v>
      </c>
      <c r="F4943" s="7">
        <v>38657</v>
      </c>
      <c r="G4943" s="8">
        <v>1</v>
      </c>
      <c r="H4943" s="8">
        <v>1</v>
      </c>
      <c r="I4943" s="8">
        <v>0</v>
      </c>
      <c r="J4943" s="8">
        <v>1</v>
      </c>
      <c r="K4943" s="9">
        <v>324</v>
      </c>
      <c r="L4943" s="6" t="s">
        <v>51</v>
      </c>
    </row>
    <row r="4944" spans="1:12">
      <c r="A4944" s="6" t="s">
        <v>49</v>
      </c>
      <c r="B4944" s="6"/>
      <c r="C4944" s="6" t="s">
        <v>4964</v>
      </c>
      <c r="D4944" s="6"/>
      <c r="E4944" s="6" t="s">
        <v>9</v>
      </c>
      <c r="F4944" s="7">
        <v>38657</v>
      </c>
      <c r="G4944" s="8">
        <v>1</v>
      </c>
      <c r="H4944" s="8">
        <v>1</v>
      </c>
      <c r="I4944" s="8">
        <v>0</v>
      </c>
      <c r="J4944" s="8">
        <v>1</v>
      </c>
      <c r="K4944" s="9">
        <v>324</v>
      </c>
      <c r="L4944" s="6" t="s">
        <v>51</v>
      </c>
    </row>
    <row r="4945" spans="1:12">
      <c r="A4945" s="6" t="s">
        <v>49</v>
      </c>
      <c r="B4945" s="6"/>
      <c r="C4945" s="6" t="s">
        <v>4965</v>
      </c>
      <c r="D4945" s="6"/>
      <c r="E4945" s="6" t="s">
        <v>9</v>
      </c>
      <c r="F4945" s="7">
        <v>38657</v>
      </c>
      <c r="G4945" s="8">
        <v>1</v>
      </c>
      <c r="H4945" s="8">
        <v>1</v>
      </c>
      <c r="I4945" s="8">
        <v>0</v>
      </c>
      <c r="J4945" s="8">
        <v>1</v>
      </c>
      <c r="K4945" s="9">
        <v>42</v>
      </c>
      <c r="L4945" s="6" t="s">
        <v>51</v>
      </c>
    </row>
    <row r="4946" spans="1:12">
      <c r="A4946" s="6" t="s">
        <v>49</v>
      </c>
      <c r="B4946" s="6"/>
      <c r="C4946" s="6" t="s">
        <v>4966</v>
      </c>
      <c r="D4946" s="6"/>
      <c r="E4946" s="6" t="s">
        <v>9</v>
      </c>
      <c r="F4946" s="7">
        <v>38657</v>
      </c>
      <c r="G4946" s="8">
        <v>1</v>
      </c>
      <c r="H4946" s="8">
        <v>1</v>
      </c>
      <c r="I4946" s="8">
        <v>0</v>
      </c>
      <c r="J4946" s="8">
        <v>1</v>
      </c>
      <c r="K4946" s="9">
        <v>90</v>
      </c>
      <c r="L4946" s="6" t="s">
        <v>51</v>
      </c>
    </row>
    <row r="4947" spans="1:12">
      <c r="A4947" s="6" t="s">
        <v>49</v>
      </c>
      <c r="B4947" s="6"/>
      <c r="C4947" s="6" t="s">
        <v>4967</v>
      </c>
      <c r="D4947" s="6"/>
      <c r="E4947" s="6" t="s">
        <v>9</v>
      </c>
      <c r="F4947" s="7">
        <v>38657</v>
      </c>
      <c r="G4947" s="8">
        <v>1</v>
      </c>
      <c r="H4947" s="8">
        <v>1</v>
      </c>
      <c r="I4947" s="8">
        <v>0</v>
      </c>
      <c r="J4947" s="8">
        <v>1</v>
      </c>
      <c r="K4947" s="9">
        <v>79</v>
      </c>
      <c r="L4947" s="6" t="s">
        <v>51</v>
      </c>
    </row>
    <row r="4948" spans="1:12">
      <c r="A4948" s="6" t="s">
        <v>49</v>
      </c>
      <c r="B4948" s="6"/>
      <c r="C4948" s="6" t="s">
        <v>4968</v>
      </c>
      <c r="D4948" s="6"/>
      <c r="E4948" s="6" t="s">
        <v>9</v>
      </c>
      <c r="F4948" s="7">
        <v>38657</v>
      </c>
      <c r="G4948" s="8">
        <v>1</v>
      </c>
      <c r="H4948" s="8">
        <v>1</v>
      </c>
      <c r="I4948" s="8">
        <v>0</v>
      </c>
      <c r="J4948" s="8">
        <v>1</v>
      </c>
      <c r="K4948" s="9">
        <v>109</v>
      </c>
      <c r="L4948" s="6" t="s">
        <v>51</v>
      </c>
    </row>
    <row r="4949" spans="1:12">
      <c r="A4949" s="6" t="s">
        <v>49</v>
      </c>
      <c r="B4949" s="6"/>
      <c r="C4949" s="6" t="s">
        <v>4969</v>
      </c>
      <c r="D4949" s="6"/>
      <c r="E4949" s="6" t="s">
        <v>9</v>
      </c>
      <c r="F4949" s="7">
        <v>38657</v>
      </c>
      <c r="G4949" s="8">
        <v>1</v>
      </c>
      <c r="H4949" s="8">
        <v>1</v>
      </c>
      <c r="I4949" s="8">
        <v>0</v>
      </c>
      <c r="J4949" s="8">
        <v>1</v>
      </c>
      <c r="K4949" s="9">
        <v>298.52</v>
      </c>
      <c r="L4949" s="6" t="s">
        <v>51</v>
      </c>
    </row>
    <row r="4950" spans="1:12">
      <c r="A4950" s="6" t="s">
        <v>49</v>
      </c>
      <c r="B4950" s="6"/>
      <c r="C4950" s="6" t="s">
        <v>4970</v>
      </c>
      <c r="D4950" s="6"/>
      <c r="E4950" s="6" t="s">
        <v>9</v>
      </c>
      <c r="F4950" s="7">
        <v>38657</v>
      </c>
      <c r="G4950" s="8">
        <v>1</v>
      </c>
      <c r="H4950" s="8">
        <v>1</v>
      </c>
      <c r="I4950" s="8">
        <v>0</v>
      </c>
      <c r="J4950" s="8">
        <v>1</v>
      </c>
      <c r="K4950" s="9">
        <v>73</v>
      </c>
      <c r="L4950" s="6" t="s">
        <v>51</v>
      </c>
    </row>
    <row r="4951" spans="1:12">
      <c r="A4951" s="6" t="s">
        <v>49</v>
      </c>
      <c r="B4951" s="6"/>
      <c r="C4951" s="6" t="s">
        <v>4971</v>
      </c>
      <c r="D4951" s="6"/>
      <c r="E4951" s="6" t="s">
        <v>9</v>
      </c>
      <c r="F4951" s="7">
        <v>38657</v>
      </c>
      <c r="G4951" s="8">
        <v>1</v>
      </c>
      <c r="H4951" s="8">
        <v>1</v>
      </c>
      <c r="I4951" s="8">
        <v>0</v>
      </c>
      <c r="J4951" s="8">
        <v>1</v>
      </c>
      <c r="K4951" s="9">
        <v>241</v>
      </c>
      <c r="L4951" s="6" t="s">
        <v>51</v>
      </c>
    </row>
    <row r="4952" spans="1:12">
      <c r="A4952" s="6" t="s">
        <v>49</v>
      </c>
      <c r="B4952" s="6"/>
      <c r="C4952" s="6" t="s">
        <v>4972</v>
      </c>
      <c r="D4952" s="6"/>
      <c r="E4952" s="6" t="s">
        <v>9</v>
      </c>
      <c r="F4952" s="7">
        <v>38657</v>
      </c>
      <c r="G4952" s="8">
        <v>1</v>
      </c>
      <c r="H4952" s="8">
        <v>1</v>
      </c>
      <c r="I4952" s="8">
        <v>0</v>
      </c>
      <c r="J4952" s="8">
        <v>1</v>
      </c>
      <c r="K4952" s="9">
        <v>39</v>
      </c>
      <c r="L4952" s="6" t="s">
        <v>51</v>
      </c>
    </row>
    <row r="4953" spans="1:12">
      <c r="A4953" s="6" t="s">
        <v>49</v>
      </c>
      <c r="B4953" s="6"/>
      <c r="C4953" s="6" t="s">
        <v>4973</v>
      </c>
      <c r="D4953" s="6"/>
      <c r="E4953" s="6" t="s">
        <v>9</v>
      </c>
      <c r="F4953" s="7">
        <v>38657</v>
      </c>
      <c r="G4953" s="8">
        <v>1</v>
      </c>
      <c r="H4953" s="8">
        <v>1</v>
      </c>
      <c r="I4953" s="8">
        <v>0</v>
      </c>
      <c r="J4953" s="8">
        <v>1</v>
      </c>
      <c r="K4953" s="9">
        <v>175</v>
      </c>
      <c r="L4953" s="6" t="s">
        <v>51</v>
      </c>
    </row>
    <row r="4954" spans="1:12">
      <c r="A4954" s="6" t="s">
        <v>49</v>
      </c>
      <c r="B4954" s="6"/>
      <c r="C4954" s="6" t="s">
        <v>4974</v>
      </c>
      <c r="D4954" s="6"/>
      <c r="E4954" s="6" t="s">
        <v>9</v>
      </c>
      <c r="F4954" s="7">
        <v>38657</v>
      </c>
      <c r="G4954" s="8">
        <v>1</v>
      </c>
      <c r="H4954" s="8">
        <v>1</v>
      </c>
      <c r="I4954" s="8">
        <v>0</v>
      </c>
      <c r="J4954" s="8">
        <v>1</v>
      </c>
      <c r="K4954" s="9">
        <v>338</v>
      </c>
      <c r="L4954" s="6" t="s">
        <v>51</v>
      </c>
    </row>
    <row r="4955" spans="1:12">
      <c r="A4955" s="6" t="s">
        <v>49</v>
      </c>
      <c r="B4955" s="6"/>
      <c r="C4955" s="6" t="s">
        <v>4975</v>
      </c>
      <c r="D4955" s="6"/>
      <c r="E4955" s="6" t="s">
        <v>9</v>
      </c>
      <c r="F4955" s="7">
        <v>38657</v>
      </c>
      <c r="G4955" s="8">
        <v>1</v>
      </c>
      <c r="H4955" s="8">
        <v>1</v>
      </c>
      <c r="I4955" s="8">
        <v>0</v>
      </c>
      <c r="J4955" s="8">
        <v>1</v>
      </c>
      <c r="K4955" s="9">
        <v>20</v>
      </c>
      <c r="L4955" s="6" t="s">
        <v>51</v>
      </c>
    </row>
    <row r="4956" spans="1:12">
      <c r="A4956" s="6" t="s">
        <v>49</v>
      </c>
      <c r="B4956" s="6"/>
      <c r="C4956" s="6" t="s">
        <v>4976</v>
      </c>
      <c r="D4956" s="6"/>
      <c r="E4956" s="6" t="s">
        <v>9</v>
      </c>
      <c r="F4956" s="7">
        <v>38657</v>
      </c>
      <c r="G4956" s="8">
        <v>1</v>
      </c>
      <c r="H4956" s="8">
        <v>1</v>
      </c>
      <c r="I4956" s="8">
        <v>0</v>
      </c>
      <c r="J4956" s="8">
        <v>1</v>
      </c>
      <c r="K4956" s="9">
        <v>248</v>
      </c>
      <c r="L4956" s="6" t="s">
        <v>51</v>
      </c>
    </row>
    <row r="4957" spans="1:12">
      <c r="A4957" s="6" t="s">
        <v>49</v>
      </c>
      <c r="B4957" s="6"/>
      <c r="C4957" s="6" t="s">
        <v>4977</v>
      </c>
      <c r="D4957" s="6"/>
      <c r="E4957" s="6" t="s">
        <v>9</v>
      </c>
      <c r="F4957" s="7">
        <v>38657</v>
      </c>
      <c r="G4957" s="8">
        <v>1</v>
      </c>
      <c r="H4957" s="8">
        <v>1</v>
      </c>
      <c r="I4957" s="8">
        <v>0</v>
      </c>
      <c r="J4957" s="8">
        <v>1</v>
      </c>
      <c r="K4957" s="9">
        <v>20</v>
      </c>
      <c r="L4957" s="6" t="s">
        <v>51</v>
      </c>
    </row>
    <row r="4958" spans="1:12">
      <c r="A4958" s="6" t="s">
        <v>49</v>
      </c>
      <c r="B4958" s="6"/>
      <c r="C4958" s="6" t="s">
        <v>4978</v>
      </c>
      <c r="D4958" s="6"/>
      <c r="E4958" s="6" t="s">
        <v>9</v>
      </c>
      <c r="F4958" s="7">
        <v>38657</v>
      </c>
      <c r="G4958" s="8">
        <v>1</v>
      </c>
      <c r="H4958" s="8">
        <v>1</v>
      </c>
      <c r="I4958" s="8">
        <v>0</v>
      </c>
      <c r="J4958" s="8">
        <v>1</v>
      </c>
      <c r="K4958" s="9">
        <v>100</v>
      </c>
      <c r="L4958" s="6" t="s">
        <v>51</v>
      </c>
    </row>
    <row r="4959" spans="1:12">
      <c r="A4959" s="6" t="s">
        <v>49</v>
      </c>
      <c r="B4959" s="6"/>
      <c r="C4959" s="6" t="s">
        <v>4979</v>
      </c>
      <c r="D4959" s="6"/>
      <c r="E4959" s="6" t="s">
        <v>9</v>
      </c>
      <c r="F4959" s="7">
        <v>38657</v>
      </c>
      <c r="G4959" s="8">
        <v>1</v>
      </c>
      <c r="H4959" s="8">
        <v>1</v>
      </c>
      <c r="I4959" s="8">
        <v>0</v>
      </c>
      <c r="J4959" s="8">
        <v>1</v>
      </c>
      <c r="K4959" s="9">
        <v>448</v>
      </c>
      <c r="L4959" s="6" t="s">
        <v>51</v>
      </c>
    </row>
    <row r="4960" spans="1:12">
      <c r="A4960" s="6" t="s">
        <v>49</v>
      </c>
      <c r="B4960" s="6"/>
      <c r="C4960" s="6" t="s">
        <v>4980</v>
      </c>
      <c r="D4960" s="6"/>
      <c r="E4960" s="6" t="s">
        <v>9</v>
      </c>
      <c r="F4960" s="7">
        <v>38657</v>
      </c>
      <c r="G4960" s="8">
        <v>1</v>
      </c>
      <c r="H4960" s="8">
        <v>1</v>
      </c>
      <c r="I4960" s="8">
        <v>0</v>
      </c>
      <c r="J4960" s="8">
        <v>1</v>
      </c>
      <c r="K4960" s="9">
        <v>8.36</v>
      </c>
      <c r="L4960" s="6" t="s">
        <v>51</v>
      </c>
    </row>
    <row r="4961" spans="1:12">
      <c r="A4961" s="6" t="s">
        <v>49</v>
      </c>
      <c r="B4961" s="6"/>
      <c r="C4961" s="6" t="s">
        <v>4981</v>
      </c>
      <c r="D4961" s="6"/>
      <c r="E4961" s="6" t="s">
        <v>9</v>
      </c>
      <c r="F4961" s="7">
        <v>38657</v>
      </c>
      <c r="G4961" s="8">
        <v>1</v>
      </c>
      <c r="H4961" s="8">
        <v>1</v>
      </c>
      <c r="I4961" s="8">
        <v>0</v>
      </c>
      <c r="J4961" s="8">
        <v>1</v>
      </c>
      <c r="K4961" s="9">
        <v>167.75</v>
      </c>
      <c r="L4961" s="6" t="s">
        <v>51</v>
      </c>
    </row>
    <row r="4962" spans="1:12">
      <c r="A4962" s="6" t="s">
        <v>49</v>
      </c>
      <c r="B4962" s="6"/>
      <c r="C4962" s="6" t="s">
        <v>4982</v>
      </c>
      <c r="D4962" s="6"/>
      <c r="E4962" s="6" t="s">
        <v>9</v>
      </c>
      <c r="F4962" s="7">
        <v>38657</v>
      </c>
      <c r="G4962" s="8">
        <v>1</v>
      </c>
      <c r="H4962" s="8">
        <v>1</v>
      </c>
      <c r="I4962" s="8">
        <v>0</v>
      </c>
      <c r="J4962" s="8">
        <v>1</v>
      </c>
      <c r="K4962" s="9">
        <v>13</v>
      </c>
      <c r="L4962" s="6" t="s">
        <v>51</v>
      </c>
    </row>
    <row r="4963" spans="1:12">
      <c r="A4963" s="6" t="s">
        <v>49</v>
      </c>
      <c r="B4963" s="6"/>
      <c r="C4963" s="6" t="s">
        <v>4983</v>
      </c>
      <c r="D4963" s="6"/>
      <c r="E4963" s="6" t="s">
        <v>9</v>
      </c>
      <c r="F4963" s="7">
        <v>38657</v>
      </c>
      <c r="G4963" s="8">
        <v>1</v>
      </c>
      <c r="H4963" s="8">
        <v>1</v>
      </c>
      <c r="I4963" s="8">
        <v>0</v>
      </c>
      <c r="J4963" s="8">
        <v>1</v>
      </c>
      <c r="K4963" s="9">
        <v>478</v>
      </c>
      <c r="L4963" s="6" t="s">
        <v>51</v>
      </c>
    </row>
    <row r="4964" spans="1:12">
      <c r="A4964" s="6" t="s">
        <v>49</v>
      </c>
      <c r="B4964" s="6"/>
      <c r="C4964" s="6" t="s">
        <v>4984</v>
      </c>
      <c r="D4964" s="6"/>
      <c r="E4964" s="6" t="s">
        <v>9</v>
      </c>
      <c r="F4964" s="7">
        <v>38657</v>
      </c>
      <c r="G4964" s="8">
        <v>1</v>
      </c>
      <c r="H4964" s="8">
        <v>1</v>
      </c>
      <c r="I4964" s="8">
        <v>0</v>
      </c>
      <c r="J4964" s="8">
        <v>1</v>
      </c>
      <c r="K4964" s="9">
        <v>241</v>
      </c>
      <c r="L4964" s="6" t="s">
        <v>51</v>
      </c>
    </row>
    <row r="4965" spans="1:12">
      <c r="A4965" s="6" t="s">
        <v>49</v>
      </c>
      <c r="B4965" s="6"/>
      <c r="C4965" s="6" t="s">
        <v>4985</v>
      </c>
      <c r="D4965" s="6"/>
      <c r="E4965" s="6" t="s">
        <v>9</v>
      </c>
      <c r="F4965" s="7">
        <v>38657</v>
      </c>
      <c r="G4965" s="8">
        <v>1</v>
      </c>
      <c r="H4965" s="8">
        <v>1</v>
      </c>
      <c r="I4965" s="8">
        <v>0</v>
      </c>
      <c r="J4965" s="8">
        <v>1</v>
      </c>
      <c r="K4965" s="9">
        <v>7.37</v>
      </c>
      <c r="L4965" s="6" t="s">
        <v>51</v>
      </c>
    </row>
    <row r="4966" spans="1:12">
      <c r="A4966" s="6" t="s">
        <v>49</v>
      </c>
      <c r="B4966" s="6"/>
      <c r="C4966" s="6" t="s">
        <v>4986</v>
      </c>
      <c r="D4966" s="6"/>
      <c r="E4966" s="6" t="s">
        <v>9</v>
      </c>
      <c r="F4966" s="7">
        <v>38657</v>
      </c>
      <c r="G4966" s="8">
        <v>1</v>
      </c>
      <c r="H4966" s="8">
        <v>1</v>
      </c>
      <c r="I4966" s="8">
        <v>0</v>
      </c>
      <c r="J4966" s="8">
        <v>1</v>
      </c>
      <c r="K4966" s="9">
        <v>463</v>
      </c>
      <c r="L4966" s="6" t="s">
        <v>51</v>
      </c>
    </row>
    <row r="4967" spans="1:12">
      <c r="A4967" s="6" t="s">
        <v>49</v>
      </c>
      <c r="B4967" s="6"/>
      <c r="C4967" s="6" t="s">
        <v>4987</v>
      </c>
      <c r="D4967" s="6"/>
      <c r="E4967" s="6" t="s">
        <v>9</v>
      </c>
      <c r="F4967" s="7">
        <v>38657</v>
      </c>
      <c r="G4967" s="8">
        <v>1</v>
      </c>
      <c r="H4967" s="8">
        <v>1</v>
      </c>
      <c r="I4967" s="8">
        <v>0</v>
      </c>
      <c r="J4967" s="8">
        <v>1</v>
      </c>
      <c r="K4967" s="9">
        <v>1.63</v>
      </c>
      <c r="L4967" s="6" t="s">
        <v>51</v>
      </c>
    </row>
    <row r="4968" spans="1:12">
      <c r="A4968" s="6" t="s">
        <v>49</v>
      </c>
      <c r="B4968" s="6"/>
      <c r="C4968" s="6" t="s">
        <v>4988</v>
      </c>
      <c r="D4968" s="6"/>
      <c r="E4968" s="6" t="s">
        <v>9</v>
      </c>
      <c r="F4968" s="7">
        <v>38657</v>
      </c>
      <c r="G4968" s="8">
        <v>1</v>
      </c>
      <c r="H4968" s="8">
        <v>1</v>
      </c>
      <c r="I4968" s="8">
        <v>0</v>
      </c>
      <c r="J4968" s="8">
        <v>1</v>
      </c>
      <c r="K4968" s="9">
        <v>6.24</v>
      </c>
      <c r="L4968" s="6" t="s">
        <v>51</v>
      </c>
    </row>
    <row r="4969" spans="1:12">
      <c r="A4969" s="6" t="s">
        <v>49</v>
      </c>
      <c r="B4969" s="6"/>
      <c r="C4969" s="6" t="s">
        <v>4989</v>
      </c>
      <c r="D4969" s="6"/>
      <c r="E4969" s="6" t="s">
        <v>9</v>
      </c>
      <c r="F4969" s="7">
        <v>38657</v>
      </c>
      <c r="G4969" s="8">
        <v>1</v>
      </c>
      <c r="H4969" s="8">
        <v>1</v>
      </c>
      <c r="I4969" s="8">
        <v>0</v>
      </c>
      <c r="J4969" s="8">
        <v>1</v>
      </c>
      <c r="K4969" s="9">
        <v>83</v>
      </c>
      <c r="L4969" s="6" t="s">
        <v>51</v>
      </c>
    </row>
    <row r="4970" spans="1:12">
      <c r="A4970" s="6" t="s">
        <v>49</v>
      </c>
      <c r="B4970" s="6"/>
      <c r="C4970" s="6" t="s">
        <v>4990</v>
      </c>
      <c r="D4970" s="6"/>
      <c r="E4970" s="6" t="s">
        <v>9</v>
      </c>
      <c r="F4970" s="7">
        <v>38657</v>
      </c>
      <c r="G4970" s="8">
        <v>1</v>
      </c>
      <c r="H4970" s="8">
        <v>1</v>
      </c>
      <c r="I4970" s="8">
        <v>0</v>
      </c>
      <c r="J4970" s="8">
        <v>1</v>
      </c>
      <c r="K4970" s="9">
        <v>81</v>
      </c>
      <c r="L4970" s="6" t="s">
        <v>51</v>
      </c>
    </row>
    <row r="4971" spans="1:12">
      <c r="A4971" s="6" t="s">
        <v>49</v>
      </c>
      <c r="B4971" s="6"/>
      <c r="C4971" s="6" t="s">
        <v>4991</v>
      </c>
      <c r="D4971" s="6"/>
      <c r="E4971" s="6" t="s">
        <v>9</v>
      </c>
      <c r="F4971" s="7">
        <v>38657</v>
      </c>
      <c r="G4971" s="8">
        <v>1</v>
      </c>
      <c r="H4971" s="8">
        <v>1</v>
      </c>
      <c r="I4971" s="8">
        <v>0</v>
      </c>
      <c r="J4971" s="8">
        <v>1</v>
      </c>
      <c r="K4971" s="9">
        <v>81</v>
      </c>
      <c r="L4971" s="6" t="s">
        <v>51</v>
      </c>
    </row>
    <row r="4972" spans="1:12">
      <c r="A4972" s="6" t="s">
        <v>49</v>
      </c>
      <c r="B4972" s="6"/>
      <c r="C4972" s="6" t="s">
        <v>4992</v>
      </c>
      <c r="D4972" s="6"/>
      <c r="E4972" s="6" t="s">
        <v>9</v>
      </c>
      <c r="F4972" s="7">
        <v>38657</v>
      </c>
      <c r="G4972" s="8">
        <v>1</v>
      </c>
      <c r="H4972" s="8">
        <v>1</v>
      </c>
      <c r="I4972" s="8">
        <v>0</v>
      </c>
      <c r="J4972" s="8">
        <v>1</v>
      </c>
      <c r="K4972" s="9">
        <v>393</v>
      </c>
      <c r="L4972" s="6" t="s">
        <v>51</v>
      </c>
    </row>
    <row r="4973" spans="1:12">
      <c r="A4973" s="6" t="s">
        <v>49</v>
      </c>
      <c r="B4973" s="6"/>
      <c r="C4973" s="6" t="s">
        <v>4993</v>
      </c>
      <c r="D4973" s="6"/>
      <c r="E4973" s="6" t="s">
        <v>9</v>
      </c>
      <c r="F4973" s="7">
        <v>38657</v>
      </c>
      <c r="G4973" s="8">
        <v>1</v>
      </c>
      <c r="H4973" s="8">
        <v>1</v>
      </c>
      <c r="I4973" s="8">
        <v>0</v>
      </c>
      <c r="J4973" s="8">
        <v>1</v>
      </c>
      <c r="K4973" s="9">
        <v>81</v>
      </c>
      <c r="L4973" s="6" t="s">
        <v>51</v>
      </c>
    </row>
    <row r="4974" spans="1:12">
      <c r="A4974" s="6" t="s">
        <v>49</v>
      </c>
      <c r="B4974" s="6"/>
      <c r="C4974" s="6" t="s">
        <v>4994</v>
      </c>
      <c r="D4974" s="6"/>
      <c r="E4974" s="6" t="s">
        <v>9</v>
      </c>
      <c r="F4974" s="7">
        <v>38657</v>
      </c>
      <c r="G4974" s="8">
        <v>1</v>
      </c>
      <c r="H4974" s="8">
        <v>1</v>
      </c>
      <c r="I4974" s="8">
        <v>0</v>
      </c>
      <c r="J4974" s="8">
        <v>1</v>
      </c>
      <c r="K4974" s="9">
        <v>81</v>
      </c>
      <c r="L4974" s="6" t="s">
        <v>51</v>
      </c>
    </row>
    <row r="4975" spans="1:12">
      <c r="A4975" s="6" t="s">
        <v>49</v>
      </c>
      <c r="B4975" s="6"/>
      <c r="C4975" s="6" t="s">
        <v>4995</v>
      </c>
      <c r="D4975" s="6"/>
      <c r="E4975" s="6" t="s">
        <v>9</v>
      </c>
      <c r="F4975" s="7">
        <v>38657</v>
      </c>
      <c r="G4975" s="8">
        <v>1</v>
      </c>
      <c r="H4975" s="8">
        <v>1</v>
      </c>
      <c r="I4975" s="8">
        <v>0</v>
      </c>
      <c r="J4975" s="8">
        <v>1</v>
      </c>
      <c r="K4975" s="9">
        <v>81</v>
      </c>
      <c r="L4975" s="6" t="s">
        <v>51</v>
      </c>
    </row>
    <row r="4976" spans="1:12">
      <c r="A4976" s="6" t="s">
        <v>49</v>
      </c>
      <c r="B4976" s="6"/>
      <c r="C4976" s="6" t="s">
        <v>4996</v>
      </c>
      <c r="D4976" s="6"/>
      <c r="E4976" s="6" t="s">
        <v>9</v>
      </c>
      <c r="F4976" s="7">
        <v>38657</v>
      </c>
      <c r="G4976" s="8">
        <v>1</v>
      </c>
      <c r="H4976" s="8">
        <v>1</v>
      </c>
      <c r="I4976" s="8">
        <v>0</v>
      </c>
      <c r="J4976" s="8">
        <v>1</v>
      </c>
      <c r="K4976" s="9">
        <v>81</v>
      </c>
      <c r="L4976" s="6" t="s">
        <v>51</v>
      </c>
    </row>
    <row r="4977" spans="1:12">
      <c r="A4977" s="6" t="s">
        <v>49</v>
      </c>
      <c r="B4977" s="6"/>
      <c r="C4977" s="6" t="s">
        <v>4997</v>
      </c>
      <c r="D4977" s="6"/>
      <c r="E4977" s="6" t="s">
        <v>9</v>
      </c>
      <c r="F4977" s="7">
        <v>38657</v>
      </c>
      <c r="G4977" s="8">
        <v>1</v>
      </c>
      <c r="H4977" s="8">
        <v>1</v>
      </c>
      <c r="I4977" s="8">
        <v>0</v>
      </c>
      <c r="J4977" s="8">
        <v>1</v>
      </c>
      <c r="K4977" s="9">
        <v>81</v>
      </c>
      <c r="L4977" s="6" t="s">
        <v>51</v>
      </c>
    </row>
    <row r="4978" spans="1:12">
      <c r="A4978" s="6" t="s">
        <v>49</v>
      </c>
      <c r="B4978" s="6"/>
      <c r="C4978" s="6" t="s">
        <v>4998</v>
      </c>
      <c r="D4978" s="6"/>
      <c r="E4978" s="6" t="s">
        <v>9</v>
      </c>
      <c r="F4978" s="7">
        <v>38657</v>
      </c>
      <c r="G4978" s="8">
        <v>1</v>
      </c>
      <c r="H4978" s="8">
        <v>1</v>
      </c>
      <c r="I4978" s="8">
        <v>0</v>
      </c>
      <c r="J4978" s="8">
        <v>1</v>
      </c>
      <c r="K4978" s="9">
        <v>81</v>
      </c>
      <c r="L4978" s="6" t="s">
        <v>51</v>
      </c>
    </row>
    <row r="4979" spans="1:12">
      <c r="A4979" s="6" t="s">
        <v>49</v>
      </c>
      <c r="B4979" s="6"/>
      <c r="C4979" s="6" t="s">
        <v>4999</v>
      </c>
      <c r="D4979" s="6"/>
      <c r="E4979" s="6" t="s">
        <v>9</v>
      </c>
      <c r="F4979" s="7">
        <v>38657</v>
      </c>
      <c r="G4979" s="8">
        <v>1</v>
      </c>
      <c r="H4979" s="8">
        <v>1</v>
      </c>
      <c r="I4979" s="8">
        <v>0</v>
      </c>
      <c r="J4979" s="8">
        <v>1</v>
      </c>
      <c r="K4979" s="9">
        <v>81</v>
      </c>
      <c r="L4979" s="6" t="s">
        <v>51</v>
      </c>
    </row>
    <row r="4980" spans="1:12">
      <c r="A4980" s="6" t="s">
        <v>49</v>
      </c>
      <c r="B4980" s="6"/>
      <c r="C4980" s="6" t="s">
        <v>5000</v>
      </c>
      <c r="D4980" s="6"/>
      <c r="E4980" s="6" t="s">
        <v>9</v>
      </c>
      <c r="F4980" s="7">
        <v>38657</v>
      </c>
      <c r="G4980" s="8">
        <v>1</v>
      </c>
      <c r="H4980" s="8">
        <v>1</v>
      </c>
      <c r="I4980" s="8">
        <v>0</v>
      </c>
      <c r="J4980" s="8">
        <v>1</v>
      </c>
      <c r="K4980" s="9">
        <v>81</v>
      </c>
      <c r="L4980" s="6" t="s">
        <v>51</v>
      </c>
    </row>
    <row r="4981" spans="1:12">
      <c r="A4981" s="6" t="s">
        <v>49</v>
      </c>
      <c r="B4981" s="6"/>
      <c r="C4981" s="6" t="s">
        <v>5001</v>
      </c>
      <c r="D4981" s="6"/>
      <c r="E4981" s="6" t="s">
        <v>9</v>
      </c>
      <c r="F4981" s="7">
        <v>38657</v>
      </c>
      <c r="G4981" s="8">
        <v>1</v>
      </c>
      <c r="H4981" s="8">
        <v>1</v>
      </c>
      <c r="I4981" s="8">
        <v>0</v>
      </c>
      <c r="J4981" s="8">
        <v>1</v>
      </c>
      <c r="K4981" s="9">
        <v>13</v>
      </c>
      <c r="L4981" s="6" t="s">
        <v>51</v>
      </c>
    </row>
    <row r="4982" spans="1:12">
      <c r="A4982" s="6" t="s">
        <v>49</v>
      </c>
      <c r="B4982" s="6"/>
      <c r="C4982" s="6" t="s">
        <v>5002</v>
      </c>
      <c r="D4982" s="6"/>
      <c r="E4982" s="6" t="s">
        <v>9</v>
      </c>
      <c r="F4982" s="7">
        <v>38657</v>
      </c>
      <c r="G4982" s="8">
        <v>1</v>
      </c>
      <c r="H4982" s="8">
        <v>1</v>
      </c>
      <c r="I4982" s="8">
        <v>0</v>
      </c>
      <c r="J4982" s="8">
        <v>1</v>
      </c>
      <c r="K4982" s="9">
        <v>40</v>
      </c>
      <c r="L4982" s="6" t="s">
        <v>51</v>
      </c>
    </row>
    <row r="4983" spans="1:12">
      <c r="A4983" s="6" t="s">
        <v>49</v>
      </c>
      <c r="B4983" s="6"/>
      <c r="C4983" s="6" t="s">
        <v>5003</v>
      </c>
      <c r="D4983" s="6"/>
      <c r="E4983" s="6" t="s">
        <v>9</v>
      </c>
      <c r="F4983" s="7">
        <v>38657</v>
      </c>
      <c r="G4983" s="8">
        <v>1</v>
      </c>
      <c r="H4983" s="8">
        <v>1</v>
      </c>
      <c r="I4983" s="8">
        <v>0</v>
      </c>
      <c r="J4983" s="8">
        <v>1</v>
      </c>
      <c r="K4983" s="9">
        <v>12.24</v>
      </c>
      <c r="L4983" s="6" t="s">
        <v>51</v>
      </c>
    </row>
    <row r="4984" spans="1:12">
      <c r="A4984" s="6" t="s">
        <v>49</v>
      </c>
      <c r="B4984" s="6"/>
      <c r="C4984" s="6" t="s">
        <v>5004</v>
      </c>
      <c r="D4984" s="6"/>
      <c r="E4984" s="6" t="s">
        <v>9</v>
      </c>
      <c r="F4984" s="7">
        <v>38657</v>
      </c>
      <c r="G4984" s="8">
        <v>1</v>
      </c>
      <c r="H4984" s="8">
        <v>1</v>
      </c>
      <c r="I4984" s="8">
        <v>0</v>
      </c>
      <c r="J4984" s="8">
        <v>1</v>
      </c>
      <c r="K4984" s="9">
        <v>18</v>
      </c>
      <c r="L4984" s="6" t="s">
        <v>51</v>
      </c>
    </row>
    <row r="4985" spans="1:12">
      <c r="A4985" s="6" t="s">
        <v>49</v>
      </c>
      <c r="B4985" s="6"/>
      <c r="C4985" s="6" t="s">
        <v>5005</v>
      </c>
      <c r="D4985" s="6"/>
      <c r="E4985" s="6" t="s">
        <v>9</v>
      </c>
      <c r="F4985" s="7">
        <v>38657</v>
      </c>
      <c r="G4985" s="8">
        <v>1</v>
      </c>
      <c r="H4985" s="8">
        <v>1</v>
      </c>
      <c r="I4985" s="8">
        <v>0</v>
      </c>
      <c r="J4985" s="8">
        <v>1</v>
      </c>
      <c r="K4985" s="9">
        <v>8.57</v>
      </c>
      <c r="L4985" s="6" t="s">
        <v>51</v>
      </c>
    </row>
    <row r="4986" spans="1:12">
      <c r="A4986" s="6" t="s">
        <v>49</v>
      </c>
      <c r="B4986" s="6"/>
      <c r="C4986" s="6" t="s">
        <v>5006</v>
      </c>
      <c r="D4986" s="6"/>
      <c r="E4986" s="6" t="s">
        <v>9</v>
      </c>
      <c r="F4986" s="7">
        <v>38657</v>
      </c>
      <c r="G4986" s="8">
        <v>1</v>
      </c>
      <c r="H4986" s="8">
        <v>1</v>
      </c>
      <c r="I4986" s="8">
        <v>0</v>
      </c>
      <c r="J4986" s="8">
        <v>1</v>
      </c>
      <c r="K4986" s="9">
        <v>40</v>
      </c>
      <c r="L4986" s="6" t="s">
        <v>51</v>
      </c>
    </row>
    <row r="4987" spans="1:12">
      <c r="A4987" s="6" t="s">
        <v>49</v>
      </c>
      <c r="B4987" s="6"/>
      <c r="C4987" s="6" t="s">
        <v>5007</v>
      </c>
      <c r="D4987" s="6"/>
      <c r="E4987" s="6" t="s">
        <v>9</v>
      </c>
      <c r="F4987" s="7">
        <v>38657</v>
      </c>
      <c r="G4987" s="8">
        <v>1</v>
      </c>
      <c r="H4987" s="8">
        <v>1</v>
      </c>
      <c r="I4987" s="8">
        <v>0</v>
      </c>
      <c r="J4987" s="8">
        <v>1</v>
      </c>
      <c r="K4987" s="9">
        <v>34</v>
      </c>
      <c r="L4987" s="6" t="s">
        <v>51</v>
      </c>
    </row>
    <row r="4988" spans="1:12">
      <c r="A4988" s="6" t="s">
        <v>49</v>
      </c>
      <c r="B4988" s="6"/>
      <c r="C4988" s="6" t="s">
        <v>5008</v>
      </c>
      <c r="D4988" s="6"/>
      <c r="E4988" s="6" t="s">
        <v>9</v>
      </c>
      <c r="F4988" s="7">
        <v>38657</v>
      </c>
      <c r="G4988" s="8">
        <v>1</v>
      </c>
      <c r="H4988" s="8">
        <v>1</v>
      </c>
      <c r="I4988" s="8">
        <v>0</v>
      </c>
      <c r="J4988" s="8">
        <v>1</v>
      </c>
      <c r="K4988" s="9">
        <v>19</v>
      </c>
      <c r="L4988" s="6" t="s">
        <v>51</v>
      </c>
    </row>
    <row r="4989" spans="1:12">
      <c r="A4989" s="6" t="s">
        <v>49</v>
      </c>
      <c r="B4989" s="6"/>
      <c r="C4989" s="6" t="s">
        <v>5009</v>
      </c>
      <c r="D4989" s="6"/>
      <c r="E4989" s="6" t="s">
        <v>9</v>
      </c>
      <c r="F4989" s="7">
        <v>38657</v>
      </c>
      <c r="G4989" s="8">
        <v>1</v>
      </c>
      <c r="H4989" s="8">
        <v>1</v>
      </c>
      <c r="I4989" s="8">
        <v>0</v>
      </c>
      <c r="J4989" s="8">
        <v>1</v>
      </c>
      <c r="K4989" s="9">
        <v>40</v>
      </c>
      <c r="L4989" s="6" t="s">
        <v>51</v>
      </c>
    </row>
    <row r="4990" spans="1:12">
      <c r="A4990" s="6" t="s">
        <v>49</v>
      </c>
      <c r="B4990" s="6"/>
      <c r="C4990" s="6" t="s">
        <v>5010</v>
      </c>
      <c r="D4990" s="6"/>
      <c r="E4990" s="6" t="s">
        <v>9</v>
      </c>
      <c r="F4990" s="7">
        <v>38657</v>
      </c>
      <c r="G4990" s="8">
        <v>1</v>
      </c>
      <c r="H4990" s="8">
        <v>1</v>
      </c>
      <c r="I4990" s="8">
        <v>0</v>
      </c>
      <c r="J4990" s="8">
        <v>1</v>
      </c>
      <c r="K4990" s="9">
        <v>71</v>
      </c>
      <c r="L4990" s="6" t="s">
        <v>51</v>
      </c>
    </row>
    <row r="4991" spans="1:12">
      <c r="A4991" s="6" t="s">
        <v>49</v>
      </c>
      <c r="B4991" s="6"/>
      <c r="C4991" s="6" t="s">
        <v>5011</v>
      </c>
      <c r="D4991" s="6"/>
      <c r="E4991" s="6" t="s">
        <v>9</v>
      </c>
      <c r="F4991" s="7">
        <v>38657</v>
      </c>
      <c r="G4991" s="8">
        <v>1</v>
      </c>
      <c r="H4991" s="8">
        <v>1</v>
      </c>
      <c r="I4991" s="8">
        <v>0</v>
      </c>
      <c r="J4991" s="8">
        <v>1</v>
      </c>
      <c r="K4991" s="9">
        <v>20</v>
      </c>
      <c r="L4991" s="6" t="s">
        <v>51</v>
      </c>
    </row>
    <row r="4992" spans="1:12">
      <c r="A4992" s="6" t="s">
        <v>49</v>
      </c>
      <c r="B4992" s="6"/>
      <c r="C4992" s="6" t="s">
        <v>5012</v>
      </c>
      <c r="D4992" s="6"/>
      <c r="E4992" s="6" t="s">
        <v>9</v>
      </c>
      <c r="F4992" s="7">
        <v>38657</v>
      </c>
      <c r="G4992" s="8">
        <v>1</v>
      </c>
      <c r="H4992" s="8">
        <v>1</v>
      </c>
      <c r="I4992" s="8">
        <v>0</v>
      </c>
      <c r="J4992" s="8">
        <v>1</v>
      </c>
      <c r="K4992" s="9">
        <v>40</v>
      </c>
      <c r="L4992" s="6" t="s">
        <v>51</v>
      </c>
    </row>
    <row r="4993" spans="1:12">
      <c r="A4993" s="6" t="s">
        <v>49</v>
      </c>
      <c r="B4993" s="6"/>
      <c r="C4993" s="6" t="s">
        <v>5013</v>
      </c>
      <c r="D4993" s="6"/>
      <c r="E4993" s="6" t="s">
        <v>9</v>
      </c>
      <c r="F4993" s="7">
        <v>38657</v>
      </c>
      <c r="G4993" s="8">
        <v>1</v>
      </c>
      <c r="H4993" s="8">
        <v>1</v>
      </c>
      <c r="I4993" s="8">
        <v>0</v>
      </c>
      <c r="J4993" s="8">
        <v>1</v>
      </c>
      <c r="K4993" s="9">
        <v>138</v>
      </c>
      <c r="L4993" s="6" t="s">
        <v>51</v>
      </c>
    </row>
    <row r="4994" spans="1:12">
      <c r="A4994" s="6" t="s">
        <v>49</v>
      </c>
      <c r="B4994" s="6"/>
      <c r="C4994" s="6" t="s">
        <v>5014</v>
      </c>
      <c r="D4994" s="6"/>
      <c r="E4994" s="6" t="s">
        <v>9</v>
      </c>
      <c r="F4994" s="7">
        <v>38657</v>
      </c>
      <c r="G4994" s="8">
        <v>1</v>
      </c>
      <c r="H4994" s="8">
        <v>1</v>
      </c>
      <c r="I4994" s="8">
        <v>0</v>
      </c>
      <c r="J4994" s="8">
        <v>1</v>
      </c>
      <c r="K4994" s="9">
        <v>58.03</v>
      </c>
      <c r="L4994" s="6" t="s">
        <v>51</v>
      </c>
    </row>
    <row r="4995" spans="1:12">
      <c r="A4995" s="6" t="s">
        <v>49</v>
      </c>
      <c r="B4995" s="6"/>
      <c r="C4995" s="6" t="s">
        <v>5015</v>
      </c>
      <c r="D4995" s="6"/>
      <c r="E4995" s="6" t="s">
        <v>9</v>
      </c>
      <c r="F4995" s="7">
        <v>38657</v>
      </c>
      <c r="G4995" s="8">
        <v>1</v>
      </c>
      <c r="H4995" s="8">
        <v>1</v>
      </c>
      <c r="I4995" s="8">
        <v>0</v>
      </c>
      <c r="J4995" s="8">
        <v>1</v>
      </c>
      <c r="K4995" s="9">
        <v>7.19</v>
      </c>
      <c r="L4995" s="6" t="s">
        <v>51</v>
      </c>
    </row>
    <row r="4996" spans="1:12">
      <c r="A4996" s="6" t="s">
        <v>49</v>
      </c>
      <c r="B4996" s="6"/>
      <c r="C4996" s="6" t="s">
        <v>5016</v>
      </c>
      <c r="D4996" s="6"/>
      <c r="E4996" s="6" t="s">
        <v>9</v>
      </c>
      <c r="F4996" s="7">
        <v>38657</v>
      </c>
      <c r="G4996" s="8">
        <v>1</v>
      </c>
      <c r="H4996" s="8">
        <v>1</v>
      </c>
      <c r="I4996" s="8">
        <v>0</v>
      </c>
      <c r="J4996" s="8">
        <v>1</v>
      </c>
      <c r="K4996" s="9">
        <v>81</v>
      </c>
      <c r="L4996" s="6" t="s">
        <v>51</v>
      </c>
    </row>
    <row r="4997" spans="1:12">
      <c r="A4997" s="6" t="s">
        <v>49</v>
      </c>
      <c r="B4997" s="6"/>
      <c r="C4997" s="6" t="s">
        <v>5017</v>
      </c>
      <c r="D4997" s="6"/>
      <c r="E4997" s="6" t="s">
        <v>9</v>
      </c>
      <c r="F4997" s="7">
        <v>38657</v>
      </c>
      <c r="G4997" s="8">
        <v>1</v>
      </c>
      <c r="H4997" s="8">
        <v>1</v>
      </c>
      <c r="I4997" s="8">
        <v>0</v>
      </c>
      <c r="J4997" s="8">
        <v>1</v>
      </c>
      <c r="K4997" s="9">
        <v>323</v>
      </c>
      <c r="L4997" s="6" t="s">
        <v>51</v>
      </c>
    </row>
    <row r="4998" spans="1:12">
      <c r="A4998" s="6" t="s">
        <v>49</v>
      </c>
      <c r="B4998" s="6"/>
      <c r="C4998" s="6" t="s">
        <v>5018</v>
      </c>
      <c r="D4998" s="6"/>
      <c r="E4998" s="6" t="s">
        <v>9</v>
      </c>
      <c r="F4998" s="7">
        <v>38657</v>
      </c>
      <c r="G4998" s="8">
        <v>1</v>
      </c>
      <c r="H4998" s="8">
        <v>1</v>
      </c>
      <c r="I4998" s="8">
        <v>0</v>
      </c>
      <c r="J4998" s="8">
        <v>1</v>
      </c>
      <c r="K4998" s="9">
        <v>34</v>
      </c>
      <c r="L4998" s="6" t="s">
        <v>51</v>
      </c>
    </row>
    <row r="4999" spans="1:12">
      <c r="A4999" s="6" t="s">
        <v>49</v>
      </c>
      <c r="B4999" s="6"/>
      <c r="C4999" s="6" t="s">
        <v>5019</v>
      </c>
      <c r="D4999" s="6"/>
      <c r="E4999" s="6" t="s">
        <v>9</v>
      </c>
      <c r="F4999" s="7">
        <v>38657</v>
      </c>
      <c r="G4999" s="8">
        <v>1</v>
      </c>
      <c r="H4999" s="8">
        <v>1</v>
      </c>
      <c r="I4999" s="8">
        <v>0</v>
      </c>
      <c r="J4999" s="8">
        <v>1</v>
      </c>
      <c r="K4999" s="9">
        <v>41</v>
      </c>
      <c r="L4999" s="6" t="s">
        <v>51</v>
      </c>
    </row>
    <row r="5000" spans="1:12">
      <c r="A5000" s="6" t="s">
        <v>49</v>
      </c>
      <c r="B5000" s="6"/>
      <c r="C5000" s="6" t="s">
        <v>5020</v>
      </c>
      <c r="D5000" s="6"/>
      <c r="E5000" s="6" t="s">
        <v>9</v>
      </c>
      <c r="F5000" s="7">
        <v>38657</v>
      </c>
      <c r="G5000" s="8">
        <v>1</v>
      </c>
      <c r="H5000" s="8">
        <v>1</v>
      </c>
      <c r="I5000" s="8">
        <v>0</v>
      </c>
      <c r="J5000" s="8">
        <v>1</v>
      </c>
      <c r="K5000" s="9">
        <v>225</v>
      </c>
      <c r="L5000" s="6" t="s">
        <v>51</v>
      </c>
    </row>
    <row r="5001" spans="1:12">
      <c r="A5001" s="6" t="s">
        <v>49</v>
      </c>
      <c r="B5001" s="6"/>
      <c r="C5001" s="6" t="s">
        <v>5021</v>
      </c>
      <c r="D5001" s="6"/>
      <c r="E5001" s="6" t="s">
        <v>9</v>
      </c>
      <c r="F5001" s="7">
        <v>38657</v>
      </c>
      <c r="G5001" s="8">
        <v>1</v>
      </c>
      <c r="H5001" s="8">
        <v>1</v>
      </c>
      <c r="I5001" s="8">
        <v>0</v>
      </c>
      <c r="J5001" s="8">
        <v>1</v>
      </c>
      <c r="K5001" s="9">
        <v>61</v>
      </c>
      <c r="L5001" s="6" t="s">
        <v>51</v>
      </c>
    </row>
    <row r="5002" spans="1:12">
      <c r="A5002" s="6" t="s">
        <v>49</v>
      </c>
      <c r="B5002" s="6"/>
      <c r="C5002" s="6" t="s">
        <v>5022</v>
      </c>
      <c r="D5002" s="6"/>
      <c r="E5002" s="6" t="s">
        <v>9</v>
      </c>
      <c r="F5002" s="7">
        <v>38657</v>
      </c>
      <c r="G5002" s="8">
        <v>1</v>
      </c>
      <c r="H5002" s="8">
        <v>1</v>
      </c>
      <c r="I5002" s="8">
        <v>0</v>
      </c>
      <c r="J5002" s="8">
        <v>1</v>
      </c>
      <c r="K5002" s="9">
        <v>26</v>
      </c>
      <c r="L5002" s="6" t="s">
        <v>51</v>
      </c>
    </row>
    <row r="5003" spans="1:12">
      <c r="A5003" s="6" t="s">
        <v>49</v>
      </c>
      <c r="B5003" s="6"/>
      <c r="C5003" s="6" t="s">
        <v>5023</v>
      </c>
      <c r="D5003" s="6"/>
      <c r="E5003" s="6" t="s">
        <v>9</v>
      </c>
      <c r="F5003" s="7">
        <v>38657</v>
      </c>
      <c r="G5003" s="8">
        <v>1</v>
      </c>
      <c r="H5003" s="8">
        <v>1</v>
      </c>
      <c r="I5003" s="8">
        <v>0</v>
      </c>
      <c r="J5003" s="8">
        <v>1</v>
      </c>
      <c r="K5003" s="9">
        <v>48</v>
      </c>
      <c r="L5003" s="6" t="s">
        <v>51</v>
      </c>
    </row>
    <row r="5004" spans="1:12">
      <c r="A5004" s="6" t="s">
        <v>49</v>
      </c>
      <c r="B5004" s="6"/>
      <c r="C5004" s="6" t="s">
        <v>5024</v>
      </c>
      <c r="D5004" s="6"/>
      <c r="E5004" s="6" t="s">
        <v>9</v>
      </c>
      <c r="F5004" s="7">
        <v>38657</v>
      </c>
      <c r="G5004" s="8">
        <v>1</v>
      </c>
      <c r="H5004" s="8">
        <v>1</v>
      </c>
      <c r="I5004" s="8">
        <v>0</v>
      </c>
      <c r="J5004" s="8">
        <v>1</v>
      </c>
      <c r="K5004" s="9">
        <v>66</v>
      </c>
      <c r="L5004" s="6" t="s">
        <v>51</v>
      </c>
    </row>
    <row r="5005" spans="1:12">
      <c r="A5005" s="6" t="s">
        <v>49</v>
      </c>
      <c r="B5005" s="6"/>
      <c r="C5005" s="6" t="s">
        <v>5025</v>
      </c>
      <c r="D5005" s="6"/>
      <c r="E5005" s="6" t="s">
        <v>9</v>
      </c>
      <c r="F5005" s="7">
        <v>38657</v>
      </c>
      <c r="G5005" s="8">
        <v>1</v>
      </c>
      <c r="H5005" s="8">
        <v>1</v>
      </c>
      <c r="I5005" s="8">
        <v>0</v>
      </c>
      <c r="J5005" s="8">
        <v>1</v>
      </c>
      <c r="K5005" s="9">
        <v>1.89</v>
      </c>
      <c r="L5005" s="6" t="s">
        <v>51</v>
      </c>
    </row>
    <row r="5006" spans="1:12">
      <c r="A5006" s="6" t="s">
        <v>49</v>
      </c>
      <c r="B5006" s="6"/>
      <c r="C5006" s="6" t="s">
        <v>5026</v>
      </c>
      <c r="D5006" s="6"/>
      <c r="E5006" s="6" t="s">
        <v>9</v>
      </c>
      <c r="F5006" s="7">
        <v>38657</v>
      </c>
      <c r="G5006" s="8">
        <v>1</v>
      </c>
      <c r="H5006" s="8">
        <v>1</v>
      </c>
      <c r="I5006" s="8">
        <v>0</v>
      </c>
      <c r="J5006" s="8">
        <v>1</v>
      </c>
      <c r="K5006" s="9">
        <v>54</v>
      </c>
      <c r="L5006" s="6" t="s">
        <v>51</v>
      </c>
    </row>
    <row r="5007" spans="1:12">
      <c r="A5007" s="6" t="s">
        <v>49</v>
      </c>
      <c r="B5007" s="6"/>
      <c r="C5007" s="6" t="s">
        <v>5027</v>
      </c>
      <c r="D5007" s="6"/>
      <c r="E5007" s="6" t="s">
        <v>9</v>
      </c>
      <c r="F5007" s="7">
        <v>38657</v>
      </c>
      <c r="G5007" s="8">
        <v>1</v>
      </c>
      <c r="H5007" s="8">
        <v>1</v>
      </c>
      <c r="I5007" s="8">
        <v>0</v>
      </c>
      <c r="J5007" s="8">
        <v>1</v>
      </c>
      <c r="K5007" s="9">
        <v>37</v>
      </c>
      <c r="L5007" s="6" t="s">
        <v>51</v>
      </c>
    </row>
    <row r="5008" spans="1:12">
      <c r="A5008" s="6" t="s">
        <v>49</v>
      </c>
      <c r="B5008" s="6"/>
      <c r="C5008" s="6" t="s">
        <v>5028</v>
      </c>
      <c r="D5008" s="6"/>
      <c r="E5008" s="6" t="s">
        <v>9</v>
      </c>
      <c r="F5008" s="7">
        <v>38657</v>
      </c>
      <c r="G5008" s="8">
        <v>1</v>
      </c>
      <c r="H5008" s="8">
        <v>1</v>
      </c>
      <c r="I5008" s="8">
        <v>0</v>
      </c>
      <c r="J5008" s="8">
        <v>1</v>
      </c>
      <c r="K5008" s="9">
        <v>242</v>
      </c>
      <c r="L5008" s="6" t="s">
        <v>51</v>
      </c>
    </row>
    <row r="5009" spans="1:12">
      <c r="A5009" s="6" t="s">
        <v>49</v>
      </c>
      <c r="B5009" s="6"/>
      <c r="C5009" s="6" t="s">
        <v>5029</v>
      </c>
      <c r="D5009" s="6"/>
      <c r="E5009" s="6" t="s">
        <v>9</v>
      </c>
      <c r="F5009" s="7">
        <v>38657</v>
      </c>
      <c r="G5009" s="8">
        <v>1</v>
      </c>
      <c r="H5009" s="8">
        <v>1</v>
      </c>
      <c r="I5009" s="8">
        <v>0</v>
      </c>
      <c r="J5009" s="8">
        <v>1</v>
      </c>
      <c r="K5009" s="9">
        <v>24</v>
      </c>
      <c r="L5009" s="6" t="s">
        <v>51</v>
      </c>
    </row>
    <row r="5010" spans="1:12">
      <c r="A5010" s="6" t="s">
        <v>49</v>
      </c>
      <c r="B5010" s="6"/>
      <c r="C5010" s="6" t="s">
        <v>5030</v>
      </c>
      <c r="D5010" s="6"/>
      <c r="E5010" s="6" t="s">
        <v>9</v>
      </c>
      <c r="F5010" s="7">
        <v>38657</v>
      </c>
      <c r="G5010" s="8">
        <v>1</v>
      </c>
      <c r="H5010" s="8">
        <v>1</v>
      </c>
      <c r="I5010" s="8">
        <v>0</v>
      </c>
      <c r="J5010" s="8">
        <v>1</v>
      </c>
      <c r="K5010" s="9">
        <v>137</v>
      </c>
      <c r="L5010" s="6" t="s">
        <v>51</v>
      </c>
    </row>
    <row r="5011" spans="1:12">
      <c r="A5011" s="6" t="s">
        <v>49</v>
      </c>
      <c r="B5011" s="6"/>
      <c r="C5011" s="6" t="s">
        <v>5031</v>
      </c>
      <c r="D5011" s="6"/>
      <c r="E5011" s="6" t="s">
        <v>9</v>
      </c>
      <c r="F5011" s="7">
        <v>38657</v>
      </c>
      <c r="G5011" s="8">
        <v>1</v>
      </c>
      <c r="H5011" s="8">
        <v>1</v>
      </c>
      <c r="I5011" s="8">
        <v>0</v>
      </c>
      <c r="J5011" s="8">
        <v>1</v>
      </c>
      <c r="K5011" s="9">
        <v>81</v>
      </c>
      <c r="L5011" s="6" t="s">
        <v>51</v>
      </c>
    </row>
    <row r="5012" spans="1:12">
      <c r="A5012" s="6" t="s">
        <v>49</v>
      </c>
      <c r="B5012" s="6"/>
      <c r="C5012" s="6" t="s">
        <v>5032</v>
      </c>
      <c r="D5012" s="6"/>
      <c r="E5012" s="6" t="s">
        <v>9</v>
      </c>
      <c r="F5012" s="7">
        <v>38657</v>
      </c>
      <c r="G5012" s="8">
        <v>1</v>
      </c>
      <c r="H5012" s="8">
        <v>1</v>
      </c>
      <c r="I5012" s="8">
        <v>0</v>
      </c>
      <c r="J5012" s="8">
        <v>1</v>
      </c>
      <c r="K5012" s="9">
        <v>81</v>
      </c>
      <c r="L5012" s="6" t="s">
        <v>51</v>
      </c>
    </row>
    <row r="5013" spans="1:12">
      <c r="A5013" s="6" t="s">
        <v>49</v>
      </c>
      <c r="B5013" s="6"/>
      <c r="C5013" s="6" t="s">
        <v>5033</v>
      </c>
      <c r="D5013" s="6"/>
      <c r="E5013" s="6" t="s">
        <v>9</v>
      </c>
      <c r="F5013" s="7">
        <v>38657</v>
      </c>
      <c r="G5013" s="8">
        <v>1</v>
      </c>
      <c r="H5013" s="8">
        <v>1</v>
      </c>
      <c r="I5013" s="8">
        <v>0</v>
      </c>
      <c r="J5013" s="8">
        <v>1</v>
      </c>
      <c r="K5013" s="9">
        <v>81</v>
      </c>
      <c r="L5013" s="6" t="s">
        <v>51</v>
      </c>
    </row>
    <row r="5014" spans="1:12">
      <c r="A5014" s="6" t="s">
        <v>49</v>
      </c>
      <c r="B5014" s="6"/>
      <c r="C5014" s="6" t="s">
        <v>5034</v>
      </c>
      <c r="D5014" s="6"/>
      <c r="E5014" s="6" t="s">
        <v>9</v>
      </c>
      <c r="F5014" s="7">
        <v>38657</v>
      </c>
      <c r="G5014" s="8">
        <v>1</v>
      </c>
      <c r="H5014" s="8">
        <v>1</v>
      </c>
      <c r="I5014" s="8">
        <v>0</v>
      </c>
      <c r="J5014" s="8">
        <v>1</v>
      </c>
      <c r="K5014" s="9">
        <v>81</v>
      </c>
      <c r="L5014" s="6" t="s">
        <v>51</v>
      </c>
    </row>
    <row r="5015" spans="1:12">
      <c r="A5015" s="6" t="s">
        <v>49</v>
      </c>
      <c r="B5015" s="6"/>
      <c r="C5015" s="6" t="s">
        <v>5035</v>
      </c>
      <c r="D5015" s="6"/>
      <c r="E5015" s="6" t="s">
        <v>9</v>
      </c>
      <c r="F5015" s="7">
        <v>38657</v>
      </c>
      <c r="G5015" s="8">
        <v>1</v>
      </c>
      <c r="H5015" s="8">
        <v>1</v>
      </c>
      <c r="I5015" s="8">
        <v>0</v>
      </c>
      <c r="J5015" s="8">
        <v>1</v>
      </c>
      <c r="K5015" s="9">
        <v>43</v>
      </c>
      <c r="L5015" s="6" t="s">
        <v>51</v>
      </c>
    </row>
    <row r="5016" spans="1:12">
      <c r="A5016" s="6" t="s">
        <v>49</v>
      </c>
      <c r="B5016" s="6"/>
      <c r="C5016" s="6" t="s">
        <v>5036</v>
      </c>
      <c r="D5016" s="6"/>
      <c r="E5016" s="6" t="s">
        <v>9</v>
      </c>
      <c r="F5016" s="7">
        <v>38657</v>
      </c>
      <c r="G5016" s="8">
        <v>1</v>
      </c>
      <c r="H5016" s="8">
        <v>1</v>
      </c>
      <c r="I5016" s="8">
        <v>0</v>
      </c>
      <c r="J5016" s="8">
        <v>1</v>
      </c>
      <c r="K5016" s="9">
        <v>10.38</v>
      </c>
      <c r="L5016" s="6" t="s">
        <v>51</v>
      </c>
    </row>
    <row r="5017" spans="1:12">
      <c r="A5017" s="6" t="s">
        <v>49</v>
      </c>
      <c r="B5017" s="6"/>
      <c r="C5017" s="6" t="s">
        <v>5037</v>
      </c>
      <c r="D5017" s="6"/>
      <c r="E5017" s="6" t="s">
        <v>9</v>
      </c>
      <c r="F5017" s="7">
        <v>38657</v>
      </c>
      <c r="G5017" s="8">
        <v>1</v>
      </c>
      <c r="H5017" s="8">
        <v>1</v>
      </c>
      <c r="I5017" s="8">
        <v>0</v>
      </c>
      <c r="J5017" s="8">
        <v>1</v>
      </c>
      <c r="K5017" s="9">
        <v>26</v>
      </c>
      <c r="L5017" s="6" t="s">
        <v>51</v>
      </c>
    </row>
    <row r="5018" spans="1:12">
      <c r="A5018" s="6" t="s">
        <v>49</v>
      </c>
      <c r="B5018" s="6"/>
      <c r="C5018" s="6" t="s">
        <v>5038</v>
      </c>
      <c r="D5018" s="6"/>
      <c r="E5018" s="6" t="s">
        <v>9</v>
      </c>
      <c r="F5018" s="7">
        <v>38657</v>
      </c>
      <c r="G5018" s="8">
        <v>1</v>
      </c>
      <c r="H5018" s="8">
        <v>1</v>
      </c>
      <c r="I5018" s="8">
        <v>0</v>
      </c>
      <c r="J5018" s="8">
        <v>1</v>
      </c>
      <c r="K5018" s="9">
        <v>11</v>
      </c>
      <c r="L5018" s="6" t="s">
        <v>51</v>
      </c>
    </row>
    <row r="5019" spans="1:12">
      <c r="A5019" s="6" t="s">
        <v>49</v>
      </c>
      <c r="B5019" s="6"/>
      <c r="C5019" s="6" t="s">
        <v>5039</v>
      </c>
      <c r="D5019" s="6"/>
      <c r="E5019" s="6" t="s">
        <v>9</v>
      </c>
      <c r="F5019" s="7">
        <v>38657</v>
      </c>
      <c r="G5019" s="8">
        <v>1</v>
      </c>
      <c r="H5019" s="8">
        <v>1</v>
      </c>
      <c r="I5019" s="8">
        <v>0</v>
      </c>
      <c r="J5019" s="8">
        <v>1</v>
      </c>
      <c r="K5019" s="9">
        <v>81</v>
      </c>
      <c r="L5019" s="6" t="s">
        <v>51</v>
      </c>
    </row>
    <row r="5020" spans="1:12">
      <c r="A5020" s="6" t="s">
        <v>49</v>
      </c>
      <c r="B5020" s="6"/>
      <c r="C5020" s="6" t="s">
        <v>5040</v>
      </c>
      <c r="D5020" s="6"/>
      <c r="E5020" s="6" t="s">
        <v>9</v>
      </c>
      <c r="F5020" s="7">
        <v>38657</v>
      </c>
      <c r="G5020" s="8">
        <v>1</v>
      </c>
      <c r="H5020" s="8">
        <v>1</v>
      </c>
      <c r="I5020" s="8">
        <v>0</v>
      </c>
      <c r="J5020" s="8">
        <v>1</v>
      </c>
      <c r="K5020" s="9">
        <v>81</v>
      </c>
      <c r="L5020" s="6" t="s">
        <v>51</v>
      </c>
    </row>
    <row r="5021" spans="1:12">
      <c r="A5021" s="6" t="s">
        <v>49</v>
      </c>
      <c r="B5021" s="6"/>
      <c r="C5021" s="6" t="s">
        <v>5041</v>
      </c>
      <c r="D5021" s="6"/>
      <c r="E5021" s="6" t="s">
        <v>9</v>
      </c>
      <c r="F5021" s="7">
        <v>38657</v>
      </c>
      <c r="G5021" s="8">
        <v>1</v>
      </c>
      <c r="H5021" s="8">
        <v>1</v>
      </c>
      <c r="I5021" s="8">
        <v>0</v>
      </c>
      <c r="J5021" s="8">
        <v>1</v>
      </c>
      <c r="K5021" s="9">
        <v>100</v>
      </c>
      <c r="L5021" s="6" t="s">
        <v>51</v>
      </c>
    </row>
    <row r="5022" spans="1:12">
      <c r="A5022" s="6" t="s">
        <v>49</v>
      </c>
      <c r="B5022" s="6"/>
      <c r="C5022" s="6" t="s">
        <v>5042</v>
      </c>
      <c r="D5022" s="6"/>
      <c r="E5022" s="6" t="s">
        <v>9</v>
      </c>
      <c r="F5022" s="7">
        <v>38657</v>
      </c>
      <c r="G5022" s="8">
        <v>1</v>
      </c>
      <c r="H5022" s="8">
        <v>1</v>
      </c>
      <c r="I5022" s="8">
        <v>0</v>
      </c>
      <c r="J5022" s="8">
        <v>1</v>
      </c>
      <c r="K5022" s="9">
        <v>81</v>
      </c>
      <c r="L5022" s="6" t="s">
        <v>51</v>
      </c>
    </row>
    <row r="5023" spans="1:12">
      <c r="A5023" s="6" t="s">
        <v>49</v>
      </c>
      <c r="B5023" s="6"/>
      <c r="C5023" s="6" t="s">
        <v>5043</v>
      </c>
      <c r="D5023" s="6"/>
      <c r="E5023" s="6" t="s">
        <v>9</v>
      </c>
      <c r="F5023" s="7">
        <v>38657</v>
      </c>
      <c r="G5023" s="8">
        <v>1</v>
      </c>
      <c r="H5023" s="8">
        <v>1</v>
      </c>
      <c r="I5023" s="8">
        <v>0</v>
      </c>
      <c r="J5023" s="8">
        <v>1</v>
      </c>
      <c r="K5023" s="9">
        <v>3.42</v>
      </c>
      <c r="L5023" s="6" t="s">
        <v>51</v>
      </c>
    </row>
    <row r="5024" spans="1:12">
      <c r="A5024" s="6" t="s">
        <v>49</v>
      </c>
      <c r="B5024" s="6"/>
      <c r="C5024" s="6" t="s">
        <v>5044</v>
      </c>
      <c r="D5024" s="6"/>
      <c r="E5024" s="6" t="s">
        <v>9</v>
      </c>
      <c r="F5024" s="7">
        <v>38657</v>
      </c>
      <c r="G5024" s="8">
        <v>1</v>
      </c>
      <c r="H5024" s="8">
        <v>1</v>
      </c>
      <c r="I5024" s="8">
        <v>0</v>
      </c>
      <c r="J5024" s="8">
        <v>1</v>
      </c>
      <c r="K5024" s="9">
        <v>634</v>
      </c>
      <c r="L5024" s="6" t="s">
        <v>51</v>
      </c>
    </row>
    <row r="5025" spans="1:12">
      <c r="A5025" s="6" t="s">
        <v>49</v>
      </c>
      <c r="B5025" s="6"/>
      <c r="C5025" s="6" t="s">
        <v>5045</v>
      </c>
      <c r="D5025" s="6"/>
      <c r="E5025" s="6" t="s">
        <v>9</v>
      </c>
      <c r="F5025" s="7">
        <v>38657</v>
      </c>
      <c r="G5025" s="8">
        <v>1</v>
      </c>
      <c r="H5025" s="8">
        <v>1</v>
      </c>
      <c r="I5025" s="8">
        <v>0</v>
      </c>
      <c r="J5025" s="8">
        <v>1</v>
      </c>
      <c r="K5025" s="9">
        <v>72</v>
      </c>
      <c r="L5025" s="6" t="s">
        <v>51</v>
      </c>
    </row>
    <row r="5026" spans="1:12">
      <c r="A5026" s="6" t="s">
        <v>49</v>
      </c>
      <c r="B5026" s="6"/>
      <c r="C5026" s="6" t="s">
        <v>5046</v>
      </c>
      <c r="D5026" s="6"/>
      <c r="E5026" s="6" t="s">
        <v>9</v>
      </c>
      <c r="F5026" s="7">
        <v>38657</v>
      </c>
      <c r="G5026" s="8">
        <v>1</v>
      </c>
      <c r="H5026" s="8">
        <v>1</v>
      </c>
      <c r="I5026" s="8">
        <v>0</v>
      </c>
      <c r="J5026" s="8">
        <v>1</v>
      </c>
      <c r="K5026" s="9">
        <v>62</v>
      </c>
      <c r="L5026" s="6" t="s">
        <v>51</v>
      </c>
    </row>
    <row r="5027" spans="1:12">
      <c r="A5027" s="6" t="s">
        <v>49</v>
      </c>
      <c r="B5027" s="6"/>
      <c r="C5027" s="6" t="s">
        <v>5047</v>
      </c>
      <c r="D5027" s="6"/>
      <c r="E5027" s="6" t="s">
        <v>9</v>
      </c>
      <c r="F5027" s="7">
        <v>38657</v>
      </c>
      <c r="G5027" s="8">
        <v>1</v>
      </c>
      <c r="H5027" s="8">
        <v>1</v>
      </c>
      <c r="I5027" s="8">
        <v>0</v>
      </c>
      <c r="J5027" s="8">
        <v>1</v>
      </c>
      <c r="K5027" s="9">
        <v>135.54</v>
      </c>
      <c r="L5027" s="6" t="s">
        <v>51</v>
      </c>
    </row>
    <row r="5028" spans="1:12">
      <c r="A5028" s="6" t="s">
        <v>49</v>
      </c>
      <c r="B5028" s="6"/>
      <c r="C5028" s="6" t="s">
        <v>5048</v>
      </c>
      <c r="D5028" s="6"/>
      <c r="E5028" s="6" t="s">
        <v>9</v>
      </c>
      <c r="F5028" s="7">
        <v>38657</v>
      </c>
      <c r="G5028" s="8">
        <v>1</v>
      </c>
      <c r="H5028" s="8">
        <v>1</v>
      </c>
      <c r="I5028" s="8">
        <v>0</v>
      </c>
      <c r="J5028" s="8">
        <v>1</v>
      </c>
      <c r="K5028" s="9">
        <v>224</v>
      </c>
      <c r="L5028" s="6" t="s">
        <v>51</v>
      </c>
    </row>
    <row r="5029" spans="1:12">
      <c r="A5029" s="6" t="s">
        <v>49</v>
      </c>
      <c r="B5029" s="6"/>
      <c r="C5029" s="6" t="s">
        <v>5049</v>
      </c>
      <c r="D5029" s="6"/>
      <c r="E5029" s="6" t="s">
        <v>9</v>
      </c>
      <c r="F5029" s="7">
        <v>38657</v>
      </c>
      <c r="G5029" s="8">
        <v>1</v>
      </c>
      <c r="H5029" s="8">
        <v>1</v>
      </c>
      <c r="I5029" s="8">
        <v>0</v>
      </c>
      <c r="J5029" s="8">
        <v>1</v>
      </c>
      <c r="K5029" s="9">
        <v>93</v>
      </c>
      <c r="L5029" s="6" t="s">
        <v>51</v>
      </c>
    </row>
    <row r="5030" spans="1:12">
      <c r="A5030" s="6" t="s">
        <v>49</v>
      </c>
      <c r="B5030" s="6"/>
      <c r="C5030" s="6" t="s">
        <v>5050</v>
      </c>
      <c r="D5030" s="6"/>
      <c r="E5030" s="6" t="s">
        <v>9</v>
      </c>
      <c r="F5030" s="7">
        <v>38657</v>
      </c>
      <c r="G5030" s="8">
        <v>1</v>
      </c>
      <c r="H5030" s="8">
        <v>1</v>
      </c>
      <c r="I5030" s="8">
        <v>0</v>
      </c>
      <c r="J5030" s="8">
        <v>1</v>
      </c>
      <c r="K5030" s="9">
        <v>82</v>
      </c>
      <c r="L5030" s="6" t="s">
        <v>51</v>
      </c>
    </row>
    <row r="5031" spans="1:12">
      <c r="A5031" s="6" t="s">
        <v>49</v>
      </c>
      <c r="B5031" s="6"/>
      <c r="C5031" s="6" t="s">
        <v>5051</v>
      </c>
      <c r="D5031" s="6"/>
      <c r="E5031" s="6" t="s">
        <v>9</v>
      </c>
      <c r="F5031" s="7">
        <v>38657</v>
      </c>
      <c r="G5031" s="8">
        <v>1</v>
      </c>
      <c r="H5031" s="8">
        <v>1</v>
      </c>
      <c r="I5031" s="8">
        <v>0</v>
      </c>
      <c r="J5031" s="8">
        <v>1</v>
      </c>
      <c r="K5031" s="9">
        <v>71</v>
      </c>
      <c r="L5031" s="6" t="s">
        <v>51</v>
      </c>
    </row>
    <row r="5032" spans="1:12">
      <c r="A5032" s="6" t="s">
        <v>49</v>
      </c>
      <c r="B5032" s="6"/>
      <c r="C5032" s="6" t="s">
        <v>5052</v>
      </c>
      <c r="D5032" s="6"/>
      <c r="E5032" s="6" t="s">
        <v>9</v>
      </c>
      <c r="F5032" s="7">
        <v>38657</v>
      </c>
      <c r="G5032" s="8">
        <v>1</v>
      </c>
      <c r="H5032" s="8">
        <v>1</v>
      </c>
      <c r="I5032" s="8">
        <v>0</v>
      </c>
      <c r="J5032" s="8">
        <v>1</v>
      </c>
      <c r="K5032" s="9">
        <v>603</v>
      </c>
      <c r="L5032" s="6" t="s">
        <v>51</v>
      </c>
    </row>
    <row r="5033" spans="1:12">
      <c r="A5033" s="6" t="s">
        <v>49</v>
      </c>
      <c r="B5033" s="6"/>
      <c r="C5033" s="6" t="s">
        <v>5053</v>
      </c>
      <c r="D5033" s="6"/>
      <c r="E5033" s="6" t="s">
        <v>9</v>
      </c>
      <c r="F5033" s="7">
        <v>38657</v>
      </c>
      <c r="G5033" s="8">
        <v>1</v>
      </c>
      <c r="H5033" s="8">
        <v>1</v>
      </c>
      <c r="I5033" s="8">
        <v>0</v>
      </c>
      <c r="J5033" s="8">
        <v>1</v>
      </c>
      <c r="K5033" s="9">
        <v>912</v>
      </c>
      <c r="L5033" s="6" t="s">
        <v>51</v>
      </c>
    </row>
    <row r="5034" spans="1:12">
      <c r="A5034" s="6" t="s">
        <v>49</v>
      </c>
      <c r="B5034" s="6"/>
      <c r="C5034" s="6" t="s">
        <v>5054</v>
      </c>
      <c r="D5034" s="6"/>
      <c r="E5034" s="6" t="s">
        <v>9</v>
      </c>
      <c r="F5034" s="7">
        <v>38657</v>
      </c>
      <c r="G5034" s="8">
        <v>1</v>
      </c>
      <c r="H5034" s="8">
        <v>1</v>
      </c>
      <c r="I5034" s="8">
        <v>0</v>
      </c>
      <c r="J5034" s="8">
        <v>1</v>
      </c>
      <c r="K5034" s="9">
        <v>13</v>
      </c>
      <c r="L5034" s="6" t="s">
        <v>51</v>
      </c>
    </row>
    <row r="5035" spans="1:12">
      <c r="A5035" s="6" t="s">
        <v>49</v>
      </c>
      <c r="B5035" s="6"/>
      <c r="C5035" s="6" t="s">
        <v>5055</v>
      </c>
      <c r="D5035" s="6"/>
      <c r="E5035" s="6" t="s">
        <v>9</v>
      </c>
      <c r="F5035" s="7">
        <v>38657</v>
      </c>
      <c r="G5035" s="8">
        <v>1</v>
      </c>
      <c r="H5035" s="8">
        <v>1</v>
      </c>
      <c r="I5035" s="8">
        <v>0</v>
      </c>
      <c r="J5035" s="8">
        <v>1</v>
      </c>
      <c r="K5035" s="9">
        <v>70</v>
      </c>
      <c r="L5035" s="6" t="s">
        <v>51</v>
      </c>
    </row>
    <row r="5036" spans="1:12">
      <c r="A5036" s="6" t="s">
        <v>49</v>
      </c>
      <c r="B5036" s="6"/>
      <c r="C5036" s="6" t="s">
        <v>5056</v>
      </c>
      <c r="D5036" s="6"/>
      <c r="E5036" s="6" t="s">
        <v>9</v>
      </c>
      <c r="F5036" s="7">
        <v>38657</v>
      </c>
      <c r="G5036" s="8">
        <v>1</v>
      </c>
      <c r="H5036" s="8">
        <v>1</v>
      </c>
      <c r="I5036" s="8">
        <v>0</v>
      </c>
      <c r="J5036" s="8">
        <v>1</v>
      </c>
      <c r="K5036" s="9">
        <v>9.6</v>
      </c>
      <c r="L5036" s="6" t="s">
        <v>51</v>
      </c>
    </row>
    <row r="5037" spans="1:12">
      <c r="A5037" s="6" t="s">
        <v>49</v>
      </c>
      <c r="B5037" s="6"/>
      <c r="C5037" s="6" t="s">
        <v>5057</v>
      </c>
      <c r="D5037" s="6"/>
      <c r="E5037" s="6" t="s">
        <v>9</v>
      </c>
      <c r="F5037" s="7">
        <v>38657</v>
      </c>
      <c r="G5037" s="8">
        <v>1</v>
      </c>
      <c r="H5037" s="8">
        <v>1</v>
      </c>
      <c r="I5037" s="8">
        <v>0</v>
      </c>
      <c r="J5037" s="8">
        <v>1</v>
      </c>
      <c r="K5037" s="9">
        <v>144</v>
      </c>
      <c r="L5037" s="6" t="s">
        <v>51</v>
      </c>
    </row>
    <row r="5038" spans="1:12">
      <c r="A5038" s="6" t="s">
        <v>49</v>
      </c>
      <c r="B5038" s="6"/>
      <c r="C5038" s="6" t="s">
        <v>5058</v>
      </c>
      <c r="D5038" s="6"/>
      <c r="E5038" s="6" t="s">
        <v>9</v>
      </c>
      <c r="F5038" s="7">
        <v>38657</v>
      </c>
      <c r="G5038" s="8">
        <v>1</v>
      </c>
      <c r="H5038" s="8">
        <v>1</v>
      </c>
      <c r="I5038" s="8">
        <v>0</v>
      </c>
      <c r="J5038" s="8">
        <v>1</v>
      </c>
      <c r="K5038" s="9">
        <v>172.89</v>
      </c>
      <c r="L5038" s="6" t="s">
        <v>51</v>
      </c>
    </row>
    <row r="5039" spans="1:12">
      <c r="A5039" s="6" t="s">
        <v>49</v>
      </c>
      <c r="B5039" s="6"/>
      <c r="C5039" s="6" t="s">
        <v>5059</v>
      </c>
      <c r="D5039" s="6"/>
      <c r="E5039" s="6" t="s">
        <v>9</v>
      </c>
      <c r="F5039" s="7">
        <v>38657</v>
      </c>
      <c r="G5039" s="8">
        <v>1</v>
      </c>
      <c r="H5039" s="8">
        <v>1</v>
      </c>
      <c r="I5039" s="8">
        <v>0</v>
      </c>
      <c r="J5039" s="8">
        <v>1</v>
      </c>
      <c r="K5039" s="9">
        <v>6.24</v>
      </c>
      <c r="L5039" s="6" t="s">
        <v>51</v>
      </c>
    </row>
    <row r="5040" spans="1:12">
      <c r="A5040" s="6" t="s">
        <v>49</v>
      </c>
      <c r="B5040" s="6"/>
      <c r="C5040" s="6" t="s">
        <v>5060</v>
      </c>
      <c r="D5040" s="6"/>
      <c r="E5040" s="6" t="s">
        <v>9</v>
      </c>
      <c r="F5040" s="7">
        <v>38657</v>
      </c>
      <c r="G5040" s="8">
        <v>1</v>
      </c>
      <c r="H5040" s="8">
        <v>1</v>
      </c>
      <c r="I5040" s="8">
        <v>0</v>
      </c>
      <c r="J5040" s="8">
        <v>1</v>
      </c>
      <c r="K5040" s="9">
        <v>2.2000000000000002</v>
      </c>
      <c r="L5040" s="6" t="s">
        <v>51</v>
      </c>
    </row>
    <row r="5041" spans="1:12">
      <c r="A5041" s="6" t="s">
        <v>49</v>
      </c>
      <c r="B5041" s="6"/>
      <c r="C5041" s="6" t="s">
        <v>5061</v>
      </c>
      <c r="D5041" s="6"/>
      <c r="E5041" s="6" t="s">
        <v>9</v>
      </c>
      <c r="F5041" s="7">
        <v>38657</v>
      </c>
      <c r="G5041" s="8">
        <v>1</v>
      </c>
      <c r="H5041" s="8">
        <v>1</v>
      </c>
      <c r="I5041" s="8">
        <v>0</v>
      </c>
      <c r="J5041" s="8">
        <v>1</v>
      </c>
      <c r="K5041" s="9">
        <v>0.95</v>
      </c>
      <c r="L5041" s="6" t="s">
        <v>51</v>
      </c>
    </row>
    <row r="5042" spans="1:12">
      <c r="A5042" s="6" t="s">
        <v>49</v>
      </c>
      <c r="B5042" s="6"/>
      <c r="C5042" s="6" t="s">
        <v>5062</v>
      </c>
      <c r="D5042" s="6"/>
      <c r="E5042" s="6" t="s">
        <v>9</v>
      </c>
      <c r="F5042" s="7">
        <v>38657</v>
      </c>
      <c r="G5042" s="8">
        <v>1</v>
      </c>
      <c r="H5042" s="8">
        <v>1</v>
      </c>
      <c r="I5042" s="8">
        <v>0</v>
      </c>
      <c r="J5042" s="8">
        <v>1</v>
      </c>
      <c r="K5042" s="9">
        <v>191</v>
      </c>
      <c r="L5042" s="6" t="s">
        <v>51</v>
      </c>
    </row>
    <row r="5043" spans="1:12">
      <c r="A5043" s="6" t="s">
        <v>49</v>
      </c>
      <c r="B5043" s="6"/>
      <c r="C5043" s="6" t="s">
        <v>5063</v>
      </c>
      <c r="D5043" s="6"/>
      <c r="E5043" s="6" t="s">
        <v>9</v>
      </c>
      <c r="F5043" s="7">
        <v>38657</v>
      </c>
      <c r="G5043" s="8">
        <v>1</v>
      </c>
      <c r="H5043" s="8">
        <v>1</v>
      </c>
      <c r="I5043" s="8">
        <v>0</v>
      </c>
      <c r="J5043" s="8">
        <v>1</v>
      </c>
      <c r="K5043" s="9">
        <v>4.99</v>
      </c>
      <c r="L5043" s="6" t="s">
        <v>51</v>
      </c>
    </row>
    <row r="5044" spans="1:12">
      <c r="A5044" s="6" t="s">
        <v>49</v>
      </c>
      <c r="B5044" s="6"/>
      <c r="C5044" s="6" t="s">
        <v>5064</v>
      </c>
      <c r="D5044" s="6"/>
      <c r="E5044" s="6" t="s">
        <v>9</v>
      </c>
      <c r="F5044" s="7">
        <v>38657</v>
      </c>
      <c r="G5044" s="8">
        <v>1</v>
      </c>
      <c r="H5044" s="8">
        <v>1</v>
      </c>
      <c r="I5044" s="8">
        <v>0</v>
      </c>
      <c r="J5044" s="8">
        <v>1</v>
      </c>
      <c r="K5044" s="9">
        <v>33</v>
      </c>
      <c r="L5044" s="6" t="s">
        <v>51</v>
      </c>
    </row>
    <row r="5045" spans="1:12">
      <c r="A5045" s="6" t="s">
        <v>49</v>
      </c>
      <c r="B5045" s="6"/>
      <c r="C5045" s="6" t="s">
        <v>5065</v>
      </c>
      <c r="D5045" s="6"/>
      <c r="E5045" s="6" t="s">
        <v>9</v>
      </c>
      <c r="F5045" s="7">
        <v>38657</v>
      </c>
      <c r="G5045" s="8">
        <v>1</v>
      </c>
      <c r="H5045" s="8">
        <v>1</v>
      </c>
      <c r="I5045" s="8">
        <v>0</v>
      </c>
      <c r="J5045" s="8">
        <v>1</v>
      </c>
      <c r="K5045" s="9">
        <v>8.74</v>
      </c>
      <c r="L5045" s="6" t="s">
        <v>51</v>
      </c>
    </row>
    <row r="5046" spans="1:12">
      <c r="A5046" s="6" t="s">
        <v>49</v>
      </c>
      <c r="B5046" s="6"/>
      <c r="C5046" s="6" t="s">
        <v>5066</v>
      </c>
      <c r="D5046" s="6"/>
      <c r="E5046" s="6" t="s">
        <v>9</v>
      </c>
      <c r="F5046" s="7">
        <v>38657</v>
      </c>
      <c r="G5046" s="8">
        <v>1</v>
      </c>
      <c r="H5046" s="8">
        <v>1</v>
      </c>
      <c r="I5046" s="8">
        <v>0</v>
      </c>
      <c r="J5046" s="8">
        <v>1</v>
      </c>
      <c r="K5046" s="9">
        <v>2.72</v>
      </c>
      <c r="L5046" s="6" t="s">
        <v>51</v>
      </c>
    </row>
    <row r="5047" spans="1:12">
      <c r="A5047" s="6" t="s">
        <v>49</v>
      </c>
      <c r="B5047" s="6"/>
      <c r="C5047" s="6" t="s">
        <v>5067</v>
      </c>
      <c r="D5047" s="6"/>
      <c r="E5047" s="6" t="s">
        <v>9</v>
      </c>
      <c r="F5047" s="7">
        <v>38657</v>
      </c>
      <c r="G5047" s="8">
        <v>1</v>
      </c>
      <c r="H5047" s="8">
        <v>1</v>
      </c>
      <c r="I5047" s="8">
        <v>0</v>
      </c>
      <c r="J5047" s="8">
        <v>1</v>
      </c>
      <c r="K5047" s="9">
        <v>56</v>
      </c>
      <c r="L5047" s="6" t="s">
        <v>51</v>
      </c>
    </row>
    <row r="5048" spans="1:12">
      <c r="A5048" s="6" t="s">
        <v>49</v>
      </c>
      <c r="B5048" s="6"/>
      <c r="C5048" s="6" t="s">
        <v>5068</v>
      </c>
      <c r="D5048" s="6"/>
      <c r="E5048" s="6" t="s">
        <v>9</v>
      </c>
      <c r="F5048" s="7">
        <v>38657</v>
      </c>
      <c r="G5048" s="8">
        <v>1</v>
      </c>
      <c r="H5048" s="8">
        <v>1</v>
      </c>
      <c r="I5048" s="8">
        <v>0</v>
      </c>
      <c r="J5048" s="8">
        <v>1</v>
      </c>
      <c r="K5048" s="9">
        <v>22</v>
      </c>
      <c r="L5048" s="6" t="s">
        <v>51</v>
      </c>
    </row>
    <row r="5049" spans="1:12">
      <c r="A5049" s="6" t="s">
        <v>49</v>
      </c>
      <c r="B5049" s="6"/>
      <c r="C5049" s="6" t="s">
        <v>5069</v>
      </c>
      <c r="D5049" s="6"/>
      <c r="E5049" s="6" t="s">
        <v>9</v>
      </c>
      <c r="F5049" s="7">
        <v>38657</v>
      </c>
      <c r="G5049" s="8">
        <v>1</v>
      </c>
      <c r="H5049" s="8">
        <v>1</v>
      </c>
      <c r="I5049" s="8">
        <v>0</v>
      </c>
      <c r="J5049" s="8">
        <v>1</v>
      </c>
      <c r="K5049" s="9">
        <v>2.11</v>
      </c>
      <c r="L5049" s="6" t="s">
        <v>51</v>
      </c>
    </row>
    <row r="5050" spans="1:12">
      <c r="A5050" s="6" t="s">
        <v>49</v>
      </c>
      <c r="B5050" s="6"/>
      <c r="C5050" s="6" t="s">
        <v>5070</v>
      </c>
      <c r="D5050" s="6"/>
      <c r="E5050" s="6" t="s">
        <v>9</v>
      </c>
      <c r="F5050" s="7">
        <v>38657</v>
      </c>
      <c r="G5050" s="8">
        <v>1</v>
      </c>
      <c r="H5050" s="8">
        <v>1</v>
      </c>
      <c r="I5050" s="8">
        <v>0</v>
      </c>
      <c r="J5050" s="8">
        <v>1</v>
      </c>
      <c r="K5050" s="9">
        <v>16</v>
      </c>
      <c r="L5050" s="6" t="s">
        <v>51</v>
      </c>
    </row>
    <row r="5051" spans="1:12">
      <c r="A5051" s="6" t="s">
        <v>49</v>
      </c>
      <c r="B5051" s="6"/>
      <c r="C5051" s="6" t="s">
        <v>5071</v>
      </c>
      <c r="D5051" s="6"/>
      <c r="E5051" s="6" t="s">
        <v>9</v>
      </c>
      <c r="F5051" s="7">
        <v>38657</v>
      </c>
      <c r="G5051" s="8">
        <v>1</v>
      </c>
      <c r="H5051" s="8">
        <v>1</v>
      </c>
      <c r="I5051" s="8">
        <v>0</v>
      </c>
      <c r="J5051" s="8">
        <v>1</v>
      </c>
      <c r="K5051" s="9">
        <v>209</v>
      </c>
      <c r="L5051" s="6" t="s">
        <v>51</v>
      </c>
    </row>
    <row r="5052" spans="1:12">
      <c r="A5052" s="6" t="s">
        <v>49</v>
      </c>
      <c r="B5052" s="6"/>
      <c r="C5052" s="6" t="s">
        <v>5072</v>
      </c>
      <c r="D5052" s="6"/>
      <c r="E5052" s="6" t="s">
        <v>9</v>
      </c>
      <c r="F5052" s="7">
        <v>38657</v>
      </c>
      <c r="G5052" s="8">
        <v>1</v>
      </c>
      <c r="H5052" s="8">
        <v>1</v>
      </c>
      <c r="I5052" s="8">
        <v>0</v>
      </c>
      <c r="J5052" s="8">
        <v>1</v>
      </c>
      <c r="K5052" s="9">
        <v>238</v>
      </c>
      <c r="L5052" s="6" t="s">
        <v>51</v>
      </c>
    </row>
    <row r="5053" spans="1:12">
      <c r="A5053" s="6" t="s">
        <v>49</v>
      </c>
      <c r="B5053" s="6"/>
      <c r="C5053" s="6" t="s">
        <v>5073</v>
      </c>
      <c r="D5053" s="6"/>
      <c r="E5053" s="6" t="s">
        <v>9</v>
      </c>
      <c r="F5053" s="7">
        <v>38657</v>
      </c>
      <c r="G5053" s="8">
        <v>1</v>
      </c>
      <c r="H5053" s="8">
        <v>1</v>
      </c>
      <c r="I5053" s="8">
        <v>0</v>
      </c>
      <c r="J5053" s="8">
        <v>1</v>
      </c>
      <c r="K5053" s="9">
        <v>146</v>
      </c>
      <c r="L5053" s="6" t="s">
        <v>51</v>
      </c>
    </row>
    <row r="5054" spans="1:12">
      <c r="A5054" s="6" t="s">
        <v>49</v>
      </c>
      <c r="B5054" s="6"/>
      <c r="C5054" s="6" t="s">
        <v>5074</v>
      </c>
      <c r="D5054" s="6"/>
      <c r="E5054" s="6" t="s">
        <v>9</v>
      </c>
      <c r="F5054" s="7">
        <v>38657</v>
      </c>
      <c r="G5054" s="8">
        <v>1</v>
      </c>
      <c r="H5054" s="8">
        <v>1</v>
      </c>
      <c r="I5054" s="8">
        <v>0</v>
      </c>
      <c r="J5054" s="8">
        <v>1</v>
      </c>
      <c r="K5054" s="9">
        <v>146</v>
      </c>
      <c r="L5054" s="6" t="s">
        <v>51</v>
      </c>
    </row>
    <row r="5055" spans="1:12">
      <c r="A5055" s="6" t="s">
        <v>49</v>
      </c>
      <c r="B5055" s="6"/>
      <c r="C5055" s="6" t="s">
        <v>5075</v>
      </c>
      <c r="D5055" s="6"/>
      <c r="E5055" s="6" t="s">
        <v>9</v>
      </c>
      <c r="F5055" s="7">
        <v>38657</v>
      </c>
      <c r="G5055" s="8">
        <v>1</v>
      </c>
      <c r="H5055" s="8">
        <v>1</v>
      </c>
      <c r="I5055" s="8">
        <v>0</v>
      </c>
      <c r="J5055" s="8">
        <v>1</v>
      </c>
      <c r="K5055" s="9">
        <v>127</v>
      </c>
      <c r="L5055" s="6" t="s">
        <v>51</v>
      </c>
    </row>
    <row r="5056" spans="1:12">
      <c r="A5056" s="6" t="s">
        <v>49</v>
      </c>
      <c r="B5056" s="6"/>
      <c r="C5056" s="6" t="s">
        <v>5076</v>
      </c>
      <c r="D5056" s="6"/>
      <c r="E5056" s="6" t="s">
        <v>9</v>
      </c>
      <c r="F5056" s="7">
        <v>38657</v>
      </c>
      <c r="G5056" s="8">
        <v>1</v>
      </c>
      <c r="H5056" s="8">
        <v>1</v>
      </c>
      <c r="I5056" s="8">
        <v>0</v>
      </c>
      <c r="J5056" s="8">
        <v>1</v>
      </c>
      <c r="K5056" s="9">
        <v>187</v>
      </c>
      <c r="L5056" s="6" t="s">
        <v>51</v>
      </c>
    </row>
    <row r="5057" spans="1:12">
      <c r="A5057" s="6" t="s">
        <v>49</v>
      </c>
      <c r="B5057" s="6"/>
      <c r="C5057" s="6" t="s">
        <v>5077</v>
      </c>
      <c r="D5057" s="6"/>
      <c r="E5057" s="6" t="s">
        <v>9</v>
      </c>
      <c r="F5057" s="7">
        <v>38657</v>
      </c>
      <c r="G5057" s="8">
        <v>1</v>
      </c>
      <c r="H5057" s="8">
        <v>1</v>
      </c>
      <c r="I5057" s="8">
        <v>0</v>
      </c>
      <c r="J5057" s="8">
        <v>1</v>
      </c>
      <c r="K5057" s="9">
        <v>318</v>
      </c>
      <c r="L5057" s="6" t="s">
        <v>51</v>
      </c>
    </row>
    <row r="5058" spans="1:12">
      <c r="A5058" s="6" t="s">
        <v>49</v>
      </c>
      <c r="B5058" s="6"/>
      <c r="C5058" s="6" t="s">
        <v>5078</v>
      </c>
      <c r="D5058" s="6"/>
      <c r="E5058" s="6" t="s">
        <v>9</v>
      </c>
      <c r="F5058" s="7">
        <v>38657</v>
      </c>
      <c r="G5058" s="8">
        <v>1</v>
      </c>
      <c r="H5058" s="8">
        <v>1</v>
      </c>
      <c r="I5058" s="8">
        <v>0</v>
      </c>
      <c r="J5058" s="8">
        <v>1</v>
      </c>
      <c r="K5058" s="9">
        <v>16</v>
      </c>
      <c r="L5058" s="6" t="s">
        <v>51</v>
      </c>
    </row>
    <row r="5059" spans="1:12">
      <c r="A5059" s="6" t="s">
        <v>49</v>
      </c>
      <c r="B5059" s="6"/>
      <c r="C5059" s="6" t="s">
        <v>5079</v>
      </c>
      <c r="D5059" s="6"/>
      <c r="E5059" s="6" t="s">
        <v>9</v>
      </c>
      <c r="F5059" s="7">
        <v>38657</v>
      </c>
      <c r="G5059" s="8">
        <v>1</v>
      </c>
      <c r="H5059" s="8">
        <v>1</v>
      </c>
      <c r="I5059" s="8">
        <v>0</v>
      </c>
      <c r="J5059" s="8">
        <v>1</v>
      </c>
      <c r="K5059" s="9">
        <v>152</v>
      </c>
      <c r="L5059" s="6" t="s">
        <v>51</v>
      </c>
    </row>
    <row r="5060" spans="1:12">
      <c r="A5060" s="6" t="s">
        <v>49</v>
      </c>
      <c r="B5060" s="6"/>
      <c r="C5060" s="6" t="s">
        <v>5080</v>
      </c>
      <c r="D5060" s="6"/>
      <c r="E5060" s="6" t="s">
        <v>9</v>
      </c>
      <c r="F5060" s="7">
        <v>38657</v>
      </c>
      <c r="G5060" s="8">
        <v>1</v>
      </c>
      <c r="H5060" s="8">
        <v>1</v>
      </c>
      <c r="I5060" s="8">
        <v>0</v>
      </c>
      <c r="J5060" s="8">
        <v>1</v>
      </c>
      <c r="K5060" s="9">
        <v>21.71</v>
      </c>
      <c r="L5060" s="6" t="s">
        <v>51</v>
      </c>
    </row>
    <row r="5061" spans="1:12">
      <c r="A5061" s="6" t="s">
        <v>49</v>
      </c>
      <c r="B5061" s="6"/>
      <c r="C5061" s="6" t="s">
        <v>5081</v>
      </c>
      <c r="D5061" s="6"/>
      <c r="E5061" s="6" t="s">
        <v>9</v>
      </c>
      <c r="F5061" s="7">
        <v>38657</v>
      </c>
      <c r="G5061" s="8">
        <v>1</v>
      </c>
      <c r="H5061" s="8">
        <v>1</v>
      </c>
      <c r="I5061" s="8">
        <v>0</v>
      </c>
      <c r="J5061" s="8">
        <v>1</v>
      </c>
      <c r="K5061" s="9">
        <v>171</v>
      </c>
      <c r="L5061" s="6" t="s">
        <v>51</v>
      </c>
    </row>
    <row r="5062" spans="1:12">
      <c r="A5062" s="6" t="s">
        <v>49</v>
      </c>
      <c r="B5062" s="6"/>
      <c r="C5062" s="6" t="s">
        <v>5082</v>
      </c>
      <c r="D5062" s="6"/>
      <c r="E5062" s="6" t="s">
        <v>9</v>
      </c>
      <c r="F5062" s="7">
        <v>38657</v>
      </c>
      <c r="G5062" s="8">
        <v>1</v>
      </c>
      <c r="H5062" s="8">
        <v>1</v>
      </c>
      <c r="I5062" s="8">
        <v>0</v>
      </c>
      <c r="J5062" s="8">
        <v>1</v>
      </c>
      <c r="K5062" s="9">
        <v>139</v>
      </c>
      <c r="L5062" s="6" t="s">
        <v>51</v>
      </c>
    </row>
    <row r="5063" spans="1:12">
      <c r="A5063" s="6" t="s">
        <v>49</v>
      </c>
      <c r="B5063" s="6"/>
      <c r="C5063" s="6" t="s">
        <v>5083</v>
      </c>
      <c r="D5063" s="6"/>
      <c r="E5063" s="6" t="s">
        <v>9</v>
      </c>
      <c r="F5063" s="7">
        <v>38657</v>
      </c>
      <c r="G5063" s="8">
        <v>1</v>
      </c>
      <c r="H5063" s="8">
        <v>1</v>
      </c>
      <c r="I5063" s="8">
        <v>0</v>
      </c>
      <c r="J5063" s="8">
        <v>1</v>
      </c>
      <c r="K5063" s="9">
        <v>245</v>
      </c>
      <c r="L5063" s="6" t="s">
        <v>51</v>
      </c>
    </row>
    <row r="5064" spans="1:12">
      <c r="A5064" s="6" t="s">
        <v>49</v>
      </c>
      <c r="B5064" s="6"/>
      <c r="C5064" s="6" t="s">
        <v>5084</v>
      </c>
      <c r="D5064" s="6"/>
      <c r="E5064" s="6" t="s">
        <v>9</v>
      </c>
      <c r="F5064" s="7">
        <v>38657</v>
      </c>
      <c r="G5064" s="8">
        <v>1</v>
      </c>
      <c r="H5064" s="8">
        <v>1</v>
      </c>
      <c r="I5064" s="8">
        <v>0</v>
      </c>
      <c r="J5064" s="8">
        <v>1</v>
      </c>
      <c r="K5064" s="9">
        <v>99</v>
      </c>
      <c r="L5064" s="6" t="s">
        <v>51</v>
      </c>
    </row>
    <row r="5065" spans="1:12">
      <c r="A5065" s="6" t="s">
        <v>49</v>
      </c>
      <c r="B5065" s="6"/>
      <c r="C5065" s="6" t="s">
        <v>5085</v>
      </c>
      <c r="D5065" s="6"/>
      <c r="E5065" s="6" t="s">
        <v>9</v>
      </c>
      <c r="F5065" s="7">
        <v>38657</v>
      </c>
      <c r="G5065" s="8">
        <v>1</v>
      </c>
      <c r="H5065" s="8">
        <v>1</v>
      </c>
      <c r="I5065" s="8">
        <v>0</v>
      </c>
      <c r="J5065" s="8">
        <v>1</v>
      </c>
      <c r="K5065" s="9">
        <v>4.25</v>
      </c>
      <c r="L5065" s="6" t="s">
        <v>51</v>
      </c>
    </row>
    <row r="5066" spans="1:12">
      <c r="A5066" s="6" t="s">
        <v>49</v>
      </c>
      <c r="B5066" s="6"/>
      <c r="C5066" s="6" t="s">
        <v>5086</v>
      </c>
      <c r="D5066" s="6"/>
      <c r="E5066" s="6" t="s">
        <v>9</v>
      </c>
      <c r="F5066" s="7">
        <v>38657</v>
      </c>
      <c r="G5066" s="8">
        <v>1</v>
      </c>
      <c r="H5066" s="8">
        <v>1</v>
      </c>
      <c r="I5066" s="8">
        <v>0</v>
      </c>
      <c r="J5066" s="8">
        <v>1</v>
      </c>
      <c r="K5066" s="9">
        <v>0.32</v>
      </c>
      <c r="L5066" s="6" t="s">
        <v>51</v>
      </c>
    </row>
    <row r="5067" spans="1:12">
      <c r="A5067" s="6" t="s">
        <v>49</v>
      </c>
      <c r="B5067" s="6"/>
      <c r="C5067" s="6" t="s">
        <v>5087</v>
      </c>
      <c r="D5067" s="6"/>
      <c r="E5067" s="6" t="s">
        <v>9</v>
      </c>
      <c r="F5067" s="7">
        <v>38657</v>
      </c>
      <c r="G5067" s="8">
        <v>1</v>
      </c>
      <c r="H5067" s="8">
        <v>1</v>
      </c>
      <c r="I5067" s="8">
        <v>0</v>
      </c>
      <c r="J5067" s="8">
        <v>1</v>
      </c>
      <c r="K5067" s="9">
        <v>3.2</v>
      </c>
      <c r="L5067" s="6" t="s">
        <v>51</v>
      </c>
    </row>
    <row r="5068" spans="1:12">
      <c r="A5068" s="6" t="s">
        <v>49</v>
      </c>
      <c r="B5068" s="6"/>
      <c r="C5068" s="6" t="s">
        <v>5088</v>
      </c>
      <c r="D5068" s="6"/>
      <c r="E5068" s="6" t="s">
        <v>9</v>
      </c>
      <c r="F5068" s="7">
        <v>38657</v>
      </c>
      <c r="G5068" s="8">
        <v>1</v>
      </c>
      <c r="H5068" s="8">
        <v>1</v>
      </c>
      <c r="I5068" s="8">
        <v>0</v>
      </c>
      <c r="J5068" s="8">
        <v>1</v>
      </c>
      <c r="K5068" s="9">
        <v>416</v>
      </c>
      <c r="L5068" s="6" t="s">
        <v>51</v>
      </c>
    </row>
    <row r="5069" spans="1:12">
      <c r="A5069" s="6" t="s">
        <v>49</v>
      </c>
      <c r="B5069" s="6"/>
      <c r="C5069" s="6" t="s">
        <v>5089</v>
      </c>
      <c r="D5069" s="6"/>
      <c r="E5069" s="6" t="s">
        <v>9</v>
      </c>
      <c r="F5069" s="7">
        <v>38657</v>
      </c>
      <c r="G5069" s="8">
        <v>1</v>
      </c>
      <c r="H5069" s="8">
        <v>1</v>
      </c>
      <c r="I5069" s="8">
        <v>0</v>
      </c>
      <c r="J5069" s="8">
        <v>1</v>
      </c>
      <c r="K5069" s="9">
        <v>10</v>
      </c>
      <c r="L5069" s="6" t="s">
        <v>51</v>
      </c>
    </row>
    <row r="5070" spans="1:12">
      <c r="A5070" s="6" t="s">
        <v>49</v>
      </c>
      <c r="B5070" s="6"/>
      <c r="C5070" s="6" t="s">
        <v>5090</v>
      </c>
      <c r="D5070" s="6"/>
      <c r="E5070" s="6" t="s">
        <v>9</v>
      </c>
      <c r="F5070" s="7">
        <v>39716</v>
      </c>
      <c r="G5070" s="8">
        <v>1</v>
      </c>
      <c r="H5070" s="8">
        <v>1</v>
      </c>
      <c r="I5070" s="8">
        <v>0</v>
      </c>
      <c r="J5070" s="8">
        <v>1</v>
      </c>
      <c r="K5070" s="9">
        <v>9</v>
      </c>
      <c r="L5070" s="6" t="s">
        <v>51</v>
      </c>
    </row>
    <row r="5071" spans="1:12">
      <c r="A5071" s="6" t="s">
        <v>49</v>
      </c>
      <c r="B5071" s="6"/>
      <c r="C5071" s="6" t="s">
        <v>5091</v>
      </c>
      <c r="D5071" s="6"/>
      <c r="E5071" s="6" t="s">
        <v>9</v>
      </c>
      <c r="F5071" s="7">
        <v>38657</v>
      </c>
      <c r="G5071" s="8">
        <v>1</v>
      </c>
      <c r="H5071" s="8">
        <v>1</v>
      </c>
      <c r="I5071" s="8">
        <v>0</v>
      </c>
      <c r="J5071" s="8">
        <v>1</v>
      </c>
      <c r="K5071" s="9">
        <v>12</v>
      </c>
      <c r="L5071" s="6" t="s">
        <v>51</v>
      </c>
    </row>
    <row r="5072" spans="1:12">
      <c r="A5072" s="6" t="s">
        <v>49</v>
      </c>
      <c r="B5072" s="6"/>
      <c r="C5072" s="6" t="s">
        <v>5092</v>
      </c>
      <c r="D5072" s="6"/>
      <c r="E5072" s="6" t="s">
        <v>9</v>
      </c>
      <c r="F5072" s="7">
        <v>38657</v>
      </c>
      <c r="G5072" s="8">
        <v>1</v>
      </c>
      <c r="H5072" s="8">
        <v>1</v>
      </c>
      <c r="I5072" s="8">
        <v>0</v>
      </c>
      <c r="J5072" s="8">
        <v>1</v>
      </c>
      <c r="K5072" s="9">
        <v>3.63</v>
      </c>
      <c r="L5072" s="6" t="s">
        <v>51</v>
      </c>
    </row>
    <row r="5073" spans="1:12">
      <c r="A5073" s="6" t="s">
        <v>49</v>
      </c>
      <c r="B5073" s="6"/>
      <c r="C5073" s="6" t="s">
        <v>5093</v>
      </c>
      <c r="D5073" s="6"/>
      <c r="E5073" s="6" t="s">
        <v>9</v>
      </c>
      <c r="F5073" s="7">
        <v>38657</v>
      </c>
      <c r="G5073" s="8">
        <v>1</v>
      </c>
      <c r="H5073" s="8">
        <v>1</v>
      </c>
      <c r="I5073" s="8">
        <v>0</v>
      </c>
      <c r="J5073" s="8">
        <v>1</v>
      </c>
      <c r="K5073" s="9">
        <v>269</v>
      </c>
      <c r="L5073" s="6" t="s">
        <v>51</v>
      </c>
    </row>
    <row r="5074" spans="1:12">
      <c r="A5074" s="6" t="s">
        <v>49</v>
      </c>
      <c r="B5074" s="6"/>
      <c r="C5074" s="6" t="s">
        <v>5094</v>
      </c>
      <c r="D5074" s="6"/>
      <c r="E5074" s="6" t="s">
        <v>9</v>
      </c>
      <c r="F5074" s="7">
        <v>38657</v>
      </c>
      <c r="G5074" s="8">
        <v>1</v>
      </c>
      <c r="H5074" s="8">
        <v>1</v>
      </c>
      <c r="I5074" s="8">
        <v>0</v>
      </c>
      <c r="J5074" s="8">
        <v>1</v>
      </c>
      <c r="K5074" s="9">
        <v>56</v>
      </c>
      <c r="L5074" s="6" t="s">
        <v>51</v>
      </c>
    </row>
    <row r="5075" spans="1:12">
      <c r="A5075" s="6" t="s">
        <v>49</v>
      </c>
      <c r="B5075" s="6"/>
      <c r="C5075" s="6" t="s">
        <v>5095</v>
      </c>
      <c r="D5075" s="6"/>
      <c r="E5075" s="6" t="s">
        <v>9</v>
      </c>
      <c r="F5075" s="7">
        <v>38657</v>
      </c>
      <c r="G5075" s="8">
        <v>1</v>
      </c>
      <c r="H5075" s="8">
        <v>1</v>
      </c>
      <c r="I5075" s="8">
        <v>0</v>
      </c>
      <c r="J5075" s="8">
        <v>1</v>
      </c>
      <c r="K5075" s="9">
        <v>67</v>
      </c>
      <c r="L5075" s="6" t="s">
        <v>51</v>
      </c>
    </row>
    <row r="5076" spans="1:12">
      <c r="A5076" s="6" t="s">
        <v>49</v>
      </c>
      <c r="B5076" s="6"/>
      <c r="C5076" s="6" t="s">
        <v>5096</v>
      </c>
      <c r="D5076" s="6"/>
      <c r="E5076" s="6" t="s">
        <v>9</v>
      </c>
      <c r="F5076" s="7">
        <v>38657</v>
      </c>
      <c r="G5076" s="8">
        <v>1</v>
      </c>
      <c r="H5076" s="8">
        <v>1</v>
      </c>
      <c r="I5076" s="8">
        <v>0</v>
      </c>
      <c r="J5076" s="8">
        <v>1</v>
      </c>
      <c r="K5076" s="9">
        <v>86</v>
      </c>
      <c r="L5076" s="6" t="s">
        <v>51</v>
      </c>
    </row>
    <row r="5077" spans="1:12">
      <c r="A5077" s="6" t="s">
        <v>49</v>
      </c>
      <c r="B5077" s="6"/>
      <c r="C5077" s="6" t="s">
        <v>5097</v>
      </c>
      <c r="D5077" s="6"/>
      <c r="E5077" s="6" t="s">
        <v>9</v>
      </c>
      <c r="F5077" s="7">
        <v>38657</v>
      </c>
      <c r="G5077" s="8">
        <v>1</v>
      </c>
      <c r="H5077" s="8">
        <v>1</v>
      </c>
      <c r="I5077" s="8">
        <v>0</v>
      </c>
      <c r="J5077" s="8">
        <v>1</v>
      </c>
      <c r="K5077" s="9">
        <v>8.65</v>
      </c>
      <c r="L5077" s="6" t="s">
        <v>51</v>
      </c>
    </row>
    <row r="5078" spans="1:12">
      <c r="A5078" s="6" t="s">
        <v>49</v>
      </c>
      <c r="B5078" s="6"/>
      <c r="C5078" s="6" t="s">
        <v>5098</v>
      </c>
      <c r="D5078" s="6"/>
      <c r="E5078" s="6" t="s">
        <v>9</v>
      </c>
      <c r="F5078" s="7">
        <v>38657</v>
      </c>
      <c r="G5078" s="8">
        <v>1</v>
      </c>
      <c r="H5078" s="8">
        <v>1</v>
      </c>
      <c r="I5078" s="8">
        <v>0</v>
      </c>
      <c r="J5078" s="8">
        <v>1</v>
      </c>
      <c r="K5078" s="9">
        <v>229</v>
      </c>
      <c r="L5078" s="6" t="s">
        <v>51</v>
      </c>
    </row>
    <row r="5079" spans="1:12">
      <c r="A5079" s="6" t="s">
        <v>49</v>
      </c>
      <c r="B5079" s="6"/>
      <c r="C5079" s="6" t="s">
        <v>5099</v>
      </c>
      <c r="D5079" s="6"/>
      <c r="E5079" s="6" t="s">
        <v>9</v>
      </c>
      <c r="F5079" s="7">
        <v>38657</v>
      </c>
      <c r="G5079" s="8">
        <v>1</v>
      </c>
      <c r="H5079" s="8">
        <v>1</v>
      </c>
      <c r="I5079" s="8">
        <v>0</v>
      </c>
      <c r="J5079" s="8">
        <v>1</v>
      </c>
      <c r="K5079" s="9">
        <v>81</v>
      </c>
      <c r="L5079" s="6" t="s">
        <v>51</v>
      </c>
    </row>
    <row r="5080" spans="1:12">
      <c r="A5080" s="6" t="s">
        <v>49</v>
      </c>
      <c r="B5080" s="6"/>
      <c r="C5080" s="6" t="s">
        <v>5100</v>
      </c>
      <c r="D5080" s="6"/>
      <c r="E5080" s="6" t="s">
        <v>9</v>
      </c>
      <c r="F5080" s="7">
        <v>38657</v>
      </c>
      <c r="G5080" s="8">
        <v>2747268</v>
      </c>
      <c r="H5080" s="8">
        <v>2747268</v>
      </c>
      <c r="I5080" s="8">
        <v>0</v>
      </c>
      <c r="J5080" s="8">
        <v>2747268</v>
      </c>
      <c r="K5080" s="9">
        <v>39.19</v>
      </c>
      <c r="L5080" s="6" t="s">
        <v>51</v>
      </c>
    </row>
    <row r="5081" spans="1:12">
      <c r="A5081" s="6" t="s">
        <v>49</v>
      </c>
      <c r="B5081" s="6"/>
      <c r="C5081" s="6" t="s">
        <v>5101</v>
      </c>
      <c r="D5081" s="6"/>
      <c r="E5081" s="6" t="s">
        <v>9</v>
      </c>
      <c r="F5081" s="7">
        <v>38657</v>
      </c>
      <c r="G5081" s="8">
        <v>1</v>
      </c>
      <c r="H5081" s="8">
        <v>1</v>
      </c>
      <c r="I5081" s="8">
        <v>0</v>
      </c>
      <c r="J5081" s="8">
        <v>1</v>
      </c>
      <c r="K5081" s="9">
        <v>235</v>
      </c>
      <c r="L5081" s="6" t="s">
        <v>51</v>
      </c>
    </row>
    <row r="5082" spans="1:12">
      <c r="A5082" s="6" t="s">
        <v>49</v>
      </c>
      <c r="B5082" s="6"/>
      <c r="C5082" s="6" t="s">
        <v>5102</v>
      </c>
      <c r="D5082" s="6"/>
      <c r="E5082" s="6" t="s">
        <v>9</v>
      </c>
      <c r="F5082" s="7">
        <v>38657</v>
      </c>
      <c r="G5082" s="8">
        <v>1969144</v>
      </c>
      <c r="H5082" s="8">
        <v>1969144</v>
      </c>
      <c r="I5082" s="8">
        <v>0</v>
      </c>
      <c r="J5082" s="8">
        <v>1969144</v>
      </c>
      <c r="K5082" s="9">
        <v>28.09</v>
      </c>
      <c r="L5082" s="6" t="s">
        <v>51</v>
      </c>
    </row>
    <row r="5083" spans="1:12">
      <c r="A5083" s="6" t="s">
        <v>49</v>
      </c>
      <c r="B5083" s="6"/>
      <c r="C5083" s="6" t="s">
        <v>5103</v>
      </c>
      <c r="D5083" s="6"/>
      <c r="E5083" s="6" t="s">
        <v>9</v>
      </c>
      <c r="F5083" s="7"/>
      <c r="G5083" s="8">
        <v>1</v>
      </c>
      <c r="H5083" s="8">
        <v>1</v>
      </c>
      <c r="I5083" s="8">
        <v>0</v>
      </c>
      <c r="J5083" s="8">
        <v>1</v>
      </c>
      <c r="K5083" s="9">
        <v>123</v>
      </c>
      <c r="L5083" s="6" t="s">
        <v>51</v>
      </c>
    </row>
    <row r="5084" spans="1:12">
      <c r="A5084" s="6" t="s">
        <v>49</v>
      </c>
      <c r="B5084" s="6"/>
      <c r="C5084" s="6" t="s">
        <v>5104</v>
      </c>
      <c r="D5084" s="6"/>
      <c r="E5084" s="6" t="s">
        <v>9</v>
      </c>
      <c r="F5084" s="7">
        <v>38657</v>
      </c>
      <c r="G5084" s="8">
        <v>1</v>
      </c>
      <c r="H5084" s="8">
        <v>1</v>
      </c>
      <c r="I5084" s="8">
        <v>0</v>
      </c>
      <c r="J5084" s="8">
        <v>1</v>
      </c>
      <c r="K5084" s="9">
        <v>81</v>
      </c>
      <c r="L5084" s="6" t="s">
        <v>51</v>
      </c>
    </row>
    <row r="5085" spans="1:12">
      <c r="A5085" s="6" t="s">
        <v>49</v>
      </c>
      <c r="B5085" s="6"/>
      <c r="C5085" s="6" t="s">
        <v>5105</v>
      </c>
      <c r="D5085" s="6"/>
      <c r="E5085" s="6" t="s">
        <v>9</v>
      </c>
      <c r="F5085" s="7">
        <v>38657</v>
      </c>
      <c r="G5085" s="8">
        <v>595861</v>
      </c>
      <c r="H5085" s="8">
        <v>595861</v>
      </c>
      <c r="I5085" s="8">
        <v>0</v>
      </c>
      <c r="J5085" s="8">
        <v>595861</v>
      </c>
      <c r="K5085" s="9">
        <v>8.5</v>
      </c>
      <c r="L5085" s="6" t="s">
        <v>51</v>
      </c>
    </row>
    <row r="5086" spans="1:12">
      <c r="A5086" s="6" t="s">
        <v>49</v>
      </c>
      <c r="B5086" s="6"/>
      <c r="C5086" s="6" t="s">
        <v>5106</v>
      </c>
      <c r="D5086" s="6"/>
      <c r="E5086" s="6" t="s">
        <v>9</v>
      </c>
      <c r="F5086" s="7">
        <v>38657</v>
      </c>
      <c r="G5086" s="8">
        <v>1</v>
      </c>
      <c r="H5086" s="8">
        <v>1</v>
      </c>
      <c r="I5086" s="8">
        <v>0</v>
      </c>
      <c r="J5086" s="8">
        <v>1</v>
      </c>
      <c r="K5086" s="9">
        <v>21</v>
      </c>
      <c r="L5086" s="6" t="s">
        <v>51</v>
      </c>
    </row>
    <row r="5087" spans="1:12">
      <c r="A5087" s="6" t="s">
        <v>49</v>
      </c>
      <c r="B5087" s="6"/>
      <c r="C5087" s="6" t="s">
        <v>5107</v>
      </c>
      <c r="D5087" s="6"/>
      <c r="E5087" s="6" t="s">
        <v>9</v>
      </c>
      <c r="F5087" s="7">
        <v>38657</v>
      </c>
      <c r="G5087" s="8">
        <v>1</v>
      </c>
      <c r="H5087" s="8">
        <v>1</v>
      </c>
      <c r="I5087" s="8">
        <v>0</v>
      </c>
      <c r="J5087" s="8">
        <v>1</v>
      </c>
      <c r="K5087" s="9">
        <v>50</v>
      </c>
      <c r="L5087" s="6" t="s">
        <v>51</v>
      </c>
    </row>
    <row r="5088" spans="1:12">
      <c r="A5088" s="6" t="s">
        <v>49</v>
      </c>
      <c r="B5088" s="6"/>
      <c r="C5088" s="6" t="s">
        <v>5108</v>
      </c>
      <c r="D5088" s="6"/>
      <c r="E5088" s="6" t="s">
        <v>9</v>
      </c>
      <c r="F5088" s="7">
        <v>38657</v>
      </c>
      <c r="G5088" s="8">
        <v>1</v>
      </c>
      <c r="H5088" s="8">
        <v>1</v>
      </c>
      <c r="I5088" s="8">
        <v>0</v>
      </c>
      <c r="J5088" s="8">
        <v>1</v>
      </c>
      <c r="K5088" s="9">
        <v>616</v>
      </c>
      <c r="L5088" s="6" t="s">
        <v>51</v>
      </c>
    </row>
    <row r="5089" spans="1:12">
      <c r="A5089" s="6" t="s">
        <v>49</v>
      </c>
      <c r="B5089" s="6"/>
      <c r="C5089" s="6" t="s">
        <v>5109</v>
      </c>
      <c r="D5089" s="6"/>
      <c r="E5089" s="6" t="s">
        <v>9</v>
      </c>
      <c r="F5089" s="7">
        <v>38657</v>
      </c>
      <c r="G5089" s="8">
        <v>1</v>
      </c>
      <c r="H5089" s="8">
        <v>1</v>
      </c>
      <c r="I5089" s="8">
        <v>0</v>
      </c>
      <c r="J5089" s="8">
        <v>1</v>
      </c>
      <c r="K5089" s="9">
        <v>104</v>
      </c>
      <c r="L5089" s="6" t="s">
        <v>51</v>
      </c>
    </row>
    <row r="5090" spans="1:12">
      <c r="A5090" s="6" t="s">
        <v>49</v>
      </c>
      <c r="B5090" s="6"/>
      <c r="C5090" s="6" t="s">
        <v>5110</v>
      </c>
      <c r="D5090" s="6"/>
      <c r="E5090" s="6" t="s">
        <v>9</v>
      </c>
      <c r="F5090" s="7">
        <v>38657</v>
      </c>
      <c r="G5090" s="8">
        <v>1</v>
      </c>
      <c r="H5090" s="8">
        <v>1</v>
      </c>
      <c r="I5090" s="8">
        <v>0</v>
      </c>
      <c r="J5090" s="8">
        <v>1</v>
      </c>
      <c r="K5090" s="9">
        <v>2.3199999999999901</v>
      </c>
      <c r="L5090" s="6" t="s">
        <v>51</v>
      </c>
    </row>
    <row r="5091" spans="1:12">
      <c r="A5091" s="6" t="s">
        <v>49</v>
      </c>
      <c r="B5091" s="6"/>
      <c r="C5091" s="6" t="s">
        <v>5111</v>
      </c>
      <c r="D5091" s="6"/>
      <c r="E5091" s="6" t="s">
        <v>9</v>
      </c>
      <c r="F5091" s="7">
        <v>38657</v>
      </c>
      <c r="G5091" s="8">
        <v>1</v>
      </c>
      <c r="H5091" s="8">
        <v>1</v>
      </c>
      <c r="I5091" s="8">
        <v>0</v>
      </c>
      <c r="J5091" s="8">
        <v>1</v>
      </c>
      <c r="K5091" s="9">
        <v>129</v>
      </c>
      <c r="L5091" s="6" t="s">
        <v>51</v>
      </c>
    </row>
    <row r="5092" spans="1:12">
      <c r="A5092" s="6" t="s">
        <v>49</v>
      </c>
      <c r="B5092" s="6"/>
      <c r="C5092" s="6" t="s">
        <v>5112</v>
      </c>
      <c r="D5092" s="6"/>
      <c r="E5092" s="6" t="s">
        <v>9</v>
      </c>
      <c r="F5092" s="7">
        <v>38657</v>
      </c>
      <c r="G5092" s="8">
        <v>1</v>
      </c>
      <c r="H5092" s="8">
        <v>1</v>
      </c>
      <c r="I5092" s="8">
        <v>0</v>
      </c>
      <c r="J5092" s="8">
        <v>1</v>
      </c>
      <c r="K5092" s="9">
        <v>159</v>
      </c>
      <c r="L5092" s="6" t="s">
        <v>51</v>
      </c>
    </row>
    <row r="5093" spans="1:12">
      <c r="A5093" s="6" t="s">
        <v>49</v>
      </c>
      <c r="B5093" s="6"/>
      <c r="C5093" s="6" t="s">
        <v>5113</v>
      </c>
      <c r="D5093" s="6"/>
      <c r="E5093" s="6" t="s">
        <v>9</v>
      </c>
      <c r="F5093" s="7">
        <v>38657</v>
      </c>
      <c r="G5093" s="8">
        <v>1</v>
      </c>
      <c r="H5093" s="8">
        <v>1</v>
      </c>
      <c r="I5093" s="8">
        <v>0</v>
      </c>
      <c r="J5093" s="8">
        <v>1</v>
      </c>
      <c r="K5093" s="9">
        <v>145</v>
      </c>
      <c r="L5093" s="6" t="s">
        <v>51</v>
      </c>
    </row>
    <row r="5094" spans="1:12">
      <c r="A5094" s="6" t="s">
        <v>49</v>
      </c>
      <c r="B5094" s="6"/>
      <c r="C5094" s="6" t="s">
        <v>5114</v>
      </c>
      <c r="D5094" s="6"/>
      <c r="E5094" s="6" t="s">
        <v>9</v>
      </c>
      <c r="F5094" s="7">
        <v>38657</v>
      </c>
      <c r="G5094" s="8">
        <v>1</v>
      </c>
      <c r="H5094" s="8">
        <v>1</v>
      </c>
      <c r="I5094" s="8">
        <v>0</v>
      </c>
      <c r="J5094" s="8">
        <v>1</v>
      </c>
      <c r="K5094" s="9">
        <v>16.52</v>
      </c>
      <c r="L5094" s="6" t="s">
        <v>51</v>
      </c>
    </row>
    <row r="5095" spans="1:12">
      <c r="A5095" s="6" t="s">
        <v>49</v>
      </c>
      <c r="B5095" s="6"/>
      <c r="C5095" s="6" t="s">
        <v>5115</v>
      </c>
      <c r="D5095" s="6"/>
      <c r="E5095" s="6" t="s">
        <v>9</v>
      </c>
      <c r="F5095" s="7">
        <v>38657</v>
      </c>
      <c r="G5095" s="8">
        <v>1</v>
      </c>
      <c r="H5095" s="8">
        <v>1</v>
      </c>
      <c r="I5095" s="8">
        <v>0</v>
      </c>
      <c r="J5095" s="8">
        <v>1</v>
      </c>
      <c r="K5095" s="9">
        <v>9</v>
      </c>
      <c r="L5095" s="6" t="s">
        <v>51</v>
      </c>
    </row>
    <row r="5096" spans="1:12">
      <c r="A5096" s="6" t="s">
        <v>49</v>
      </c>
      <c r="B5096" s="6"/>
      <c r="C5096" s="6" t="s">
        <v>5116</v>
      </c>
      <c r="D5096" s="6"/>
      <c r="E5096" s="6" t="s">
        <v>9</v>
      </c>
      <c r="F5096" s="7">
        <v>38657</v>
      </c>
      <c r="G5096" s="8">
        <v>1</v>
      </c>
      <c r="H5096" s="8">
        <v>1</v>
      </c>
      <c r="I5096" s="8">
        <v>0</v>
      </c>
      <c r="J5096" s="8">
        <v>1</v>
      </c>
      <c r="K5096" s="9">
        <v>276</v>
      </c>
      <c r="L5096" s="6" t="s">
        <v>51</v>
      </c>
    </row>
    <row r="5097" spans="1:12">
      <c r="A5097" s="6" t="s">
        <v>49</v>
      </c>
      <c r="B5097" s="6"/>
      <c r="C5097" s="6" t="s">
        <v>5117</v>
      </c>
      <c r="D5097" s="6"/>
      <c r="E5097" s="6" t="s">
        <v>9</v>
      </c>
      <c r="F5097" s="7">
        <v>38657</v>
      </c>
      <c r="G5097" s="8">
        <v>1</v>
      </c>
      <c r="H5097" s="8">
        <v>1</v>
      </c>
      <c r="I5097" s="8">
        <v>0</v>
      </c>
      <c r="J5097" s="8">
        <v>1</v>
      </c>
      <c r="K5097" s="9">
        <v>46</v>
      </c>
      <c r="L5097" s="6" t="s">
        <v>51</v>
      </c>
    </row>
    <row r="5098" spans="1:12">
      <c r="A5098" s="6" t="s">
        <v>49</v>
      </c>
      <c r="B5098" s="6"/>
      <c r="C5098" s="6" t="s">
        <v>5118</v>
      </c>
      <c r="D5098" s="6"/>
      <c r="E5098" s="6" t="s">
        <v>9</v>
      </c>
      <c r="F5098" s="7">
        <v>38657</v>
      </c>
      <c r="G5098" s="8">
        <v>1</v>
      </c>
      <c r="H5098" s="8">
        <v>1</v>
      </c>
      <c r="I5098" s="8">
        <v>0</v>
      </c>
      <c r="J5098" s="8">
        <v>1</v>
      </c>
      <c r="K5098" s="9">
        <v>0.26</v>
      </c>
      <c r="L5098" s="6" t="s">
        <v>51</v>
      </c>
    </row>
    <row r="5099" spans="1:12">
      <c r="A5099" s="6" t="s">
        <v>49</v>
      </c>
      <c r="B5099" s="6"/>
      <c r="C5099" s="6" t="s">
        <v>5119</v>
      </c>
      <c r="D5099" s="6"/>
      <c r="E5099" s="6" t="s">
        <v>9</v>
      </c>
      <c r="F5099" s="7">
        <v>38657</v>
      </c>
      <c r="G5099" s="8">
        <v>1</v>
      </c>
      <c r="H5099" s="8">
        <v>1</v>
      </c>
      <c r="I5099" s="8">
        <v>0</v>
      </c>
      <c r="J5099" s="8">
        <v>1</v>
      </c>
      <c r="K5099" s="9">
        <v>21</v>
      </c>
      <c r="L5099" s="6" t="s">
        <v>51</v>
      </c>
    </row>
    <row r="5100" spans="1:12">
      <c r="A5100" s="6" t="s">
        <v>49</v>
      </c>
      <c r="B5100" s="6"/>
      <c r="C5100" s="6" t="s">
        <v>5120</v>
      </c>
      <c r="D5100" s="6"/>
      <c r="E5100" s="6" t="s">
        <v>9</v>
      </c>
      <c r="F5100" s="7">
        <v>38657</v>
      </c>
      <c r="G5100" s="8">
        <v>1</v>
      </c>
      <c r="H5100" s="8">
        <v>1</v>
      </c>
      <c r="I5100" s="8">
        <v>0</v>
      </c>
      <c r="J5100" s="8">
        <v>1</v>
      </c>
      <c r="K5100" s="9">
        <v>213</v>
      </c>
      <c r="L5100" s="6" t="s">
        <v>51</v>
      </c>
    </row>
    <row r="5101" spans="1:12">
      <c r="A5101" s="6" t="s">
        <v>49</v>
      </c>
      <c r="B5101" s="6"/>
      <c r="C5101" s="6" t="s">
        <v>5121</v>
      </c>
      <c r="D5101" s="6"/>
      <c r="E5101" s="6" t="s">
        <v>9</v>
      </c>
      <c r="F5101" s="7">
        <v>38657</v>
      </c>
      <c r="G5101" s="8">
        <v>1</v>
      </c>
      <c r="H5101" s="8">
        <v>1</v>
      </c>
      <c r="I5101" s="8">
        <v>0</v>
      </c>
      <c r="J5101" s="8">
        <v>1</v>
      </c>
      <c r="K5101" s="9">
        <v>169</v>
      </c>
      <c r="L5101" s="6" t="s">
        <v>51</v>
      </c>
    </row>
    <row r="5102" spans="1:12">
      <c r="A5102" s="6" t="s">
        <v>49</v>
      </c>
      <c r="B5102" s="6"/>
      <c r="C5102" s="6" t="s">
        <v>5122</v>
      </c>
      <c r="D5102" s="6"/>
      <c r="E5102" s="6" t="s">
        <v>9</v>
      </c>
      <c r="F5102" s="7">
        <v>38657</v>
      </c>
      <c r="G5102" s="8">
        <v>1</v>
      </c>
      <c r="H5102" s="8">
        <v>1</v>
      </c>
      <c r="I5102" s="8">
        <v>0</v>
      </c>
      <c r="J5102" s="8">
        <v>1</v>
      </c>
      <c r="K5102" s="9">
        <v>24.32</v>
      </c>
      <c r="L5102" s="6" t="s">
        <v>51</v>
      </c>
    </row>
    <row r="5103" spans="1:12">
      <c r="A5103" s="6" t="s">
        <v>49</v>
      </c>
      <c r="B5103" s="6"/>
      <c r="C5103" s="6" t="s">
        <v>5123</v>
      </c>
      <c r="D5103" s="6"/>
      <c r="E5103" s="6" t="s">
        <v>9</v>
      </c>
      <c r="F5103" s="7">
        <v>38657</v>
      </c>
      <c r="G5103" s="8">
        <v>1</v>
      </c>
      <c r="H5103" s="8">
        <v>1</v>
      </c>
      <c r="I5103" s="8">
        <v>0</v>
      </c>
      <c r="J5103" s="8">
        <v>1</v>
      </c>
      <c r="K5103" s="9">
        <v>3.9</v>
      </c>
      <c r="L5103" s="6" t="s">
        <v>51</v>
      </c>
    </row>
    <row r="5104" spans="1:12">
      <c r="A5104" s="6" t="s">
        <v>49</v>
      </c>
      <c r="B5104" s="6"/>
      <c r="C5104" s="6" t="s">
        <v>5124</v>
      </c>
      <c r="D5104" s="6"/>
      <c r="E5104" s="6" t="s">
        <v>9</v>
      </c>
      <c r="F5104" s="7">
        <v>38657</v>
      </c>
      <c r="G5104" s="8">
        <v>1</v>
      </c>
      <c r="H5104" s="8">
        <v>1</v>
      </c>
      <c r="I5104" s="8">
        <v>0</v>
      </c>
      <c r="J5104" s="8">
        <v>1</v>
      </c>
      <c r="K5104" s="9">
        <v>13</v>
      </c>
      <c r="L5104" s="6" t="s">
        <v>51</v>
      </c>
    </row>
    <row r="5105" spans="1:12">
      <c r="A5105" s="6" t="s">
        <v>49</v>
      </c>
      <c r="B5105" s="6"/>
      <c r="C5105" s="6" t="s">
        <v>5125</v>
      </c>
      <c r="D5105" s="6"/>
      <c r="E5105" s="6" t="s">
        <v>9</v>
      </c>
      <c r="F5105" s="7">
        <v>38657</v>
      </c>
      <c r="G5105" s="8">
        <v>1</v>
      </c>
      <c r="H5105" s="8">
        <v>1</v>
      </c>
      <c r="I5105" s="8">
        <v>0</v>
      </c>
      <c r="J5105" s="8">
        <v>1</v>
      </c>
      <c r="K5105" s="9">
        <v>46</v>
      </c>
      <c r="L5105" s="6" t="s">
        <v>51</v>
      </c>
    </row>
    <row r="5106" spans="1:12">
      <c r="A5106" s="6" t="s">
        <v>49</v>
      </c>
      <c r="B5106" s="6"/>
      <c r="C5106" s="6" t="s">
        <v>5126</v>
      </c>
      <c r="D5106" s="6"/>
      <c r="E5106" s="6" t="s">
        <v>9</v>
      </c>
      <c r="F5106" s="7">
        <v>38657</v>
      </c>
      <c r="G5106" s="8">
        <v>1</v>
      </c>
      <c r="H5106" s="8">
        <v>1</v>
      </c>
      <c r="I5106" s="8">
        <v>0</v>
      </c>
      <c r="J5106" s="8">
        <v>1</v>
      </c>
      <c r="K5106" s="9">
        <v>132</v>
      </c>
      <c r="L5106" s="6" t="s">
        <v>51</v>
      </c>
    </row>
    <row r="5107" spans="1:12">
      <c r="A5107" s="6" t="s">
        <v>49</v>
      </c>
      <c r="B5107" s="6"/>
      <c r="C5107" s="6" t="s">
        <v>5127</v>
      </c>
      <c r="D5107" s="6"/>
      <c r="E5107" s="6" t="s">
        <v>9</v>
      </c>
      <c r="F5107" s="7"/>
      <c r="G5107" s="8">
        <v>1</v>
      </c>
      <c r="H5107" s="8">
        <v>1</v>
      </c>
      <c r="I5107" s="8">
        <v>0</v>
      </c>
      <c r="J5107" s="8">
        <v>1</v>
      </c>
      <c r="K5107" s="9">
        <v>3.91</v>
      </c>
      <c r="L5107" s="6" t="s">
        <v>51</v>
      </c>
    </row>
    <row r="5108" spans="1:12">
      <c r="A5108" s="6" t="s">
        <v>49</v>
      </c>
      <c r="B5108" s="6"/>
      <c r="C5108" s="6" t="s">
        <v>5128</v>
      </c>
      <c r="D5108" s="6"/>
      <c r="E5108" s="6" t="s">
        <v>9</v>
      </c>
      <c r="F5108" s="7">
        <v>38657</v>
      </c>
      <c r="G5108" s="8">
        <v>1</v>
      </c>
      <c r="H5108" s="8">
        <v>1</v>
      </c>
      <c r="I5108" s="8">
        <v>0</v>
      </c>
      <c r="J5108" s="8">
        <v>1</v>
      </c>
      <c r="K5108" s="9">
        <v>33</v>
      </c>
      <c r="L5108" s="6" t="s">
        <v>51</v>
      </c>
    </row>
    <row r="5109" spans="1:12">
      <c r="A5109" s="6" t="s">
        <v>49</v>
      </c>
      <c r="B5109" s="6"/>
      <c r="C5109" s="6" t="s">
        <v>5129</v>
      </c>
      <c r="D5109" s="6"/>
      <c r="E5109" s="6" t="s">
        <v>9</v>
      </c>
      <c r="F5109" s="7">
        <v>38657</v>
      </c>
      <c r="G5109" s="8">
        <v>1</v>
      </c>
      <c r="H5109" s="8">
        <v>1</v>
      </c>
      <c r="I5109" s="8">
        <v>0</v>
      </c>
      <c r="J5109" s="8">
        <v>1</v>
      </c>
      <c r="K5109" s="9">
        <v>9.09</v>
      </c>
      <c r="L5109" s="6" t="s">
        <v>51</v>
      </c>
    </row>
    <row r="5110" spans="1:12">
      <c r="A5110" s="6" t="s">
        <v>49</v>
      </c>
      <c r="B5110" s="6"/>
      <c r="C5110" s="6" t="s">
        <v>5130</v>
      </c>
      <c r="D5110" s="6"/>
      <c r="E5110" s="6" t="s">
        <v>9</v>
      </c>
      <c r="F5110" s="7">
        <v>41977</v>
      </c>
      <c r="G5110" s="8">
        <v>1</v>
      </c>
      <c r="H5110" s="8">
        <v>1</v>
      </c>
      <c r="I5110" s="8">
        <v>0</v>
      </c>
      <c r="J5110" s="8">
        <v>1</v>
      </c>
      <c r="K5110" s="9">
        <v>2.85</v>
      </c>
      <c r="L5110" s="6" t="s">
        <v>51</v>
      </c>
    </row>
    <row r="5111" spans="1:12">
      <c r="A5111" s="6" t="s">
        <v>49</v>
      </c>
      <c r="B5111" s="6"/>
      <c r="C5111" s="6" t="s">
        <v>5131</v>
      </c>
      <c r="D5111" s="6"/>
      <c r="E5111" s="6" t="s">
        <v>9</v>
      </c>
      <c r="F5111" s="7">
        <v>38657</v>
      </c>
      <c r="G5111" s="8">
        <v>1</v>
      </c>
      <c r="H5111" s="8">
        <v>1</v>
      </c>
      <c r="I5111" s="8">
        <v>0</v>
      </c>
      <c r="J5111" s="8">
        <v>1</v>
      </c>
      <c r="K5111" s="9">
        <v>289</v>
      </c>
      <c r="L5111" s="6" t="s">
        <v>51</v>
      </c>
    </row>
    <row r="5112" spans="1:12">
      <c r="A5112" s="6" t="s">
        <v>49</v>
      </c>
      <c r="B5112" s="6"/>
      <c r="C5112" s="6" t="s">
        <v>5132</v>
      </c>
      <c r="D5112" s="6"/>
      <c r="E5112" s="6" t="s">
        <v>9</v>
      </c>
      <c r="F5112" s="7">
        <v>38657</v>
      </c>
      <c r="G5112" s="8">
        <v>1</v>
      </c>
      <c r="H5112" s="8">
        <v>1</v>
      </c>
      <c r="I5112" s="8">
        <v>0</v>
      </c>
      <c r="J5112" s="8">
        <v>1</v>
      </c>
      <c r="K5112" s="9">
        <v>6.26</v>
      </c>
      <c r="L5112" s="6" t="s">
        <v>51</v>
      </c>
    </row>
    <row r="5113" spans="1:12">
      <c r="A5113" s="6" t="s">
        <v>49</v>
      </c>
      <c r="B5113" s="6"/>
      <c r="C5113" s="6" t="s">
        <v>5133</v>
      </c>
      <c r="D5113" s="6"/>
      <c r="E5113" s="6" t="s">
        <v>9</v>
      </c>
      <c r="F5113" s="7">
        <v>38657</v>
      </c>
      <c r="G5113" s="8">
        <v>1</v>
      </c>
      <c r="H5113" s="8">
        <v>1</v>
      </c>
      <c r="I5113" s="8">
        <v>0</v>
      </c>
      <c r="J5113" s="8">
        <v>1</v>
      </c>
      <c r="K5113" s="9">
        <v>5.2</v>
      </c>
      <c r="L5113" s="6" t="s">
        <v>51</v>
      </c>
    </row>
    <row r="5114" spans="1:12">
      <c r="A5114" s="6" t="s">
        <v>49</v>
      </c>
      <c r="B5114" s="6"/>
      <c r="C5114" s="6" t="s">
        <v>5134</v>
      </c>
      <c r="D5114" s="6"/>
      <c r="E5114" s="6" t="s">
        <v>9</v>
      </c>
      <c r="F5114" s="7">
        <v>38657</v>
      </c>
      <c r="G5114" s="8">
        <v>1</v>
      </c>
      <c r="H5114" s="8">
        <v>1</v>
      </c>
      <c r="I5114" s="8">
        <v>0</v>
      </c>
      <c r="J5114" s="8">
        <v>1</v>
      </c>
      <c r="K5114" s="9">
        <v>5.77</v>
      </c>
      <c r="L5114" s="6" t="s">
        <v>51</v>
      </c>
    </row>
    <row r="5115" spans="1:12">
      <c r="A5115" s="6" t="s">
        <v>49</v>
      </c>
      <c r="B5115" s="6"/>
      <c r="C5115" s="6" t="s">
        <v>5135</v>
      </c>
      <c r="D5115" s="6"/>
      <c r="E5115" s="6" t="s">
        <v>9</v>
      </c>
      <c r="F5115" s="7">
        <v>38657</v>
      </c>
      <c r="G5115" s="8">
        <v>1</v>
      </c>
      <c r="H5115" s="8">
        <v>1</v>
      </c>
      <c r="I5115" s="8">
        <v>0</v>
      </c>
      <c r="J5115" s="8">
        <v>1</v>
      </c>
      <c r="K5115" s="9">
        <v>3.3</v>
      </c>
      <c r="L5115" s="6" t="s">
        <v>51</v>
      </c>
    </row>
    <row r="5116" spans="1:12">
      <c r="A5116" s="6" t="s">
        <v>49</v>
      </c>
      <c r="B5116" s="6"/>
      <c r="C5116" s="6" t="s">
        <v>5136</v>
      </c>
      <c r="D5116" s="6"/>
      <c r="E5116" s="6" t="s">
        <v>9</v>
      </c>
      <c r="F5116" s="7">
        <v>38657</v>
      </c>
      <c r="G5116" s="8">
        <v>1</v>
      </c>
      <c r="H5116" s="8">
        <v>1</v>
      </c>
      <c r="I5116" s="8">
        <v>0</v>
      </c>
      <c r="J5116" s="8">
        <v>1</v>
      </c>
      <c r="K5116" s="9">
        <v>39</v>
      </c>
      <c r="L5116" s="6" t="s">
        <v>51</v>
      </c>
    </row>
    <row r="5117" spans="1:12">
      <c r="A5117" s="6" t="s">
        <v>49</v>
      </c>
      <c r="B5117" s="6"/>
      <c r="C5117" s="6" t="s">
        <v>5137</v>
      </c>
      <c r="D5117" s="6"/>
      <c r="E5117" s="6" t="s">
        <v>9</v>
      </c>
      <c r="F5117" s="7">
        <v>38657</v>
      </c>
      <c r="G5117" s="8">
        <v>1</v>
      </c>
      <c r="H5117" s="8">
        <v>1</v>
      </c>
      <c r="I5117" s="8">
        <v>0</v>
      </c>
      <c r="J5117" s="8">
        <v>1</v>
      </c>
      <c r="K5117" s="9">
        <v>8.52</v>
      </c>
      <c r="L5117" s="6" t="s">
        <v>51</v>
      </c>
    </row>
    <row r="5118" spans="1:12">
      <c r="A5118" s="6" t="s">
        <v>49</v>
      </c>
      <c r="B5118" s="6"/>
      <c r="C5118" s="6" t="s">
        <v>5138</v>
      </c>
      <c r="D5118" s="6"/>
      <c r="E5118" s="6" t="s">
        <v>9</v>
      </c>
      <c r="F5118" s="7">
        <v>38657</v>
      </c>
      <c r="G5118" s="8">
        <v>1</v>
      </c>
      <c r="H5118" s="8">
        <v>1</v>
      </c>
      <c r="I5118" s="8">
        <v>0</v>
      </c>
      <c r="J5118" s="8">
        <v>1</v>
      </c>
      <c r="K5118" s="9">
        <v>6.61</v>
      </c>
      <c r="L5118" s="6" t="s">
        <v>51</v>
      </c>
    </row>
    <row r="5119" spans="1:12">
      <c r="A5119" s="6" t="s">
        <v>49</v>
      </c>
      <c r="B5119" s="6"/>
      <c r="C5119" s="6" t="s">
        <v>5139</v>
      </c>
      <c r="D5119" s="6"/>
      <c r="E5119" s="6" t="s">
        <v>9</v>
      </c>
      <c r="F5119" s="7">
        <v>38657</v>
      </c>
      <c r="G5119" s="8">
        <v>1</v>
      </c>
      <c r="H5119" s="8">
        <v>1</v>
      </c>
      <c r="I5119" s="8">
        <v>0</v>
      </c>
      <c r="J5119" s="8">
        <v>1</v>
      </c>
      <c r="K5119" s="9">
        <v>17</v>
      </c>
      <c r="L5119" s="6" t="s">
        <v>51</v>
      </c>
    </row>
    <row r="5120" spans="1:12">
      <c r="A5120" s="6" t="s">
        <v>49</v>
      </c>
      <c r="B5120" s="6"/>
      <c r="C5120" s="6" t="s">
        <v>5140</v>
      </c>
      <c r="D5120" s="6"/>
      <c r="E5120" s="6" t="s">
        <v>9</v>
      </c>
      <c r="F5120" s="7">
        <v>38657</v>
      </c>
      <c r="G5120" s="8">
        <v>1</v>
      </c>
      <c r="H5120" s="8">
        <v>1</v>
      </c>
      <c r="I5120" s="8">
        <v>0</v>
      </c>
      <c r="J5120" s="8">
        <v>1</v>
      </c>
      <c r="K5120" s="9">
        <v>37</v>
      </c>
      <c r="L5120" s="6" t="s">
        <v>51</v>
      </c>
    </row>
    <row r="5121" spans="1:12">
      <c r="A5121" s="6" t="s">
        <v>49</v>
      </c>
      <c r="B5121" s="6"/>
      <c r="C5121" s="6" t="s">
        <v>5141</v>
      </c>
      <c r="D5121" s="6"/>
      <c r="E5121" s="6" t="s">
        <v>9</v>
      </c>
      <c r="F5121" s="7">
        <v>38657</v>
      </c>
      <c r="G5121" s="8">
        <v>1</v>
      </c>
      <c r="H5121" s="8">
        <v>1</v>
      </c>
      <c r="I5121" s="8">
        <v>0</v>
      </c>
      <c r="J5121" s="8">
        <v>1</v>
      </c>
      <c r="K5121" s="9">
        <v>11</v>
      </c>
      <c r="L5121" s="6" t="s">
        <v>51</v>
      </c>
    </row>
    <row r="5122" spans="1:12">
      <c r="A5122" s="6" t="s">
        <v>49</v>
      </c>
      <c r="B5122" s="6"/>
      <c r="C5122" s="6" t="s">
        <v>5142</v>
      </c>
      <c r="D5122" s="6"/>
      <c r="E5122" s="6" t="s">
        <v>9</v>
      </c>
      <c r="F5122" s="7">
        <v>38657</v>
      </c>
      <c r="G5122" s="8">
        <v>1</v>
      </c>
      <c r="H5122" s="8">
        <v>1</v>
      </c>
      <c r="I5122" s="8">
        <v>0</v>
      </c>
      <c r="J5122" s="8">
        <v>1</v>
      </c>
      <c r="K5122" s="9">
        <v>2.36</v>
      </c>
      <c r="L5122" s="6" t="s">
        <v>51</v>
      </c>
    </row>
    <row r="5123" spans="1:12">
      <c r="A5123" s="6" t="s">
        <v>49</v>
      </c>
      <c r="B5123" s="6"/>
      <c r="C5123" s="6" t="s">
        <v>5143</v>
      </c>
      <c r="D5123" s="6"/>
      <c r="E5123" s="6" t="s">
        <v>9</v>
      </c>
      <c r="F5123" s="7">
        <v>38657</v>
      </c>
      <c r="G5123" s="8">
        <v>1</v>
      </c>
      <c r="H5123" s="8">
        <v>1</v>
      </c>
      <c r="I5123" s="8">
        <v>0</v>
      </c>
      <c r="J5123" s="8">
        <v>1</v>
      </c>
      <c r="K5123" s="9">
        <v>9.4499999999999904</v>
      </c>
      <c r="L5123" s="6" t="s">
        <v>51</v>
      </c>
    </row>
    <row r="5124" spans="1:12">
      <c r="A5124" s="6" t="s">
        <v>49</v>
      </c>
      <c r="B5124" s="6"/>
      <c r="C5124" s="6" t="s">
        <v>5144</v>
      </c>
      <c r="D5124" s="6"/>
      <c r="E5124" s="6" t="s">
        <v>9</v>
      </c>
      <c r="F5124" s="7">
        <v>38657</v>
      </c>
      <c r="G5124" s="8">
        <v>1</v>
      </c>
      <c r="H5124" s="8">
        <v>1</v>
      </c>
      <c r="I5124" s="8">
        <v>0</v>
      </c>
      <c r="J5124" s="8">
        <v>1</v>
      </c>
      <c r="K5124" s="9">
        <v>201</v>
      </c>
      <c r="L5124" s="6" t="s">
        <v>51</v>
      </c>
    </row>
    <row r="5125" spans="1:12">
      <c r="A5125" s="6" t="s">
        <v>49</v>
      </c>
      <c r="B5125" s="6"/>
      <c r="C5125" s="6" t="s">
        <v>5145</v>
      </c>
      <c r="D5125" s="6"/>
      <c r="E5125" s="6" t="s">
        <v>9</v>
      </c>
      <c r="F5125" s="7">
        <v>29148</v>
      </c>
      <c r="G5125" s="8">
        <v>1</v>
      </c>
      <c r="H5125" s="8">
        <v>1</v>
      </c>
      <c r="I5125" s="8">
        <v>0</v>
      </c>
      <c r="J5125" s="8">
        <v>1</v>
      </c>
      <c r="K5125" s="9">
        <v>1.85</v>
      </c>
      <c r="L5125" s="6" t="s">
        <v>51</v>
      </c>
    </row>
    <row r="5126" spans="1:12">
      <c r="A5126" s="6" t="s">
        <v>49</v>
      </c>
      <c r="B5126" s="6"/>
      <c r="C5126" s="6" t="s">
        <v>5146</v>
      </c>
      <c r="D5126" s="6"/>
      <c r="E5126" s="6" t="s">
        <v>9</v>
      </c>
      <c r="F5126" s="7">
        <v>29148</v>
      </c>
      <c r="G5126" s="8">
        <v>1</v>
      </c>
      <c r="H5126" s="8">
        <v>1</v>
      </c>
      <c r="I5126" s="8">
        <v>0</v>
      </c>
      <c r="J5126" s="8">
        <v>1</v>
      </c>
      <c r="K5126" s="9">
        <v>0.57999999999999896</v>
      </c>
      <c r="L5126" s="6" t="s">
        <v>51</v>
      </c>
    </row>
    <row r="5127" spans="1:12">
      <c r="A5127" s="6" t="s">
        <v>49</v>
      </c>
      <c r="B5127" s="6"/>
      <c r="C5127" s="6" t="s">
        <v>5147</v>
      </c>
      <c r="D5127" s="6"/>
      <c r="E5127" s="6" t="s">
        <v>9</v>
      </c>
      <c r="F5127" s="7">
        <v>38657</v>
      </c>
      <c r="G5127" s="8">
        <v>1</v>
      </c>
      <c r="H5127" s="8">
        <v>1</v>
      </c>
      <c r="I5127" s="8">
        <v>0</v>
      </c>
      <c r="J5127" s="8">
        <v>1</v>
      </c>
      <c r="K5127" s="9">
        <v>11.02</v>
      </c>
      <c r="L5127" s="6" t="s">
        <v>51</v>
      </c>
    </row>
    <row r="5128" spans="1:12">
      <c r="A5128" s="6" t="s">
        <v>49</v>
      </c>
      <c r="B5128" s="6"/>
      <c r="C5128" s="6" t="s">
        <v>5148</v>
      </c>
      <c r="D5128" s="6"/>
      <c r="E5128" s="6" t="s">
        <v>9</v>
      </c>
      <c r="F5128" s="7">
        <v>29148</v>
      </c>
      <c r="G5128" s="8">
        <v>1</v>
      </c>
      <c r="H5128" s="8">
        <v>1</v>
      </c>
      <c r="I5128" s="8">
        <v>0</v>
      </c>
      <c r="J5128" s="8">
        <v>1</v>
      </c>
      <c r="K5128" s="9">
        <v>0.76</v>
      </c>
      <c r="L5128" s="6" t="s">
        <v>51</v>
      </c>
    </row>
    <row r="5129" spans="1:12">
      <c r="A5129" s="6" t="s">
        <v>49</v>
      </c>
      <c r="B5129" s="6"/>
      <c r="C5129" s="6" t="s">
        <v>5149</v>
      </c>
      <c r="D5129" s="6"/>
      <c r="E5129" s="6" t="s">
        <v>9</v>
      </c>
      <c r="F5129" s="7"/>
      <c r="G5129" s="8">
        <v>1</v>
      </c>
      <c r="H5129" s="8">
        <v>1</v>
      </c>
      <c r="I5129" s="8">
        <v>0</v>
      </c>
      <c r="J5129" s="8">
        <v>1</v>
      </c>
      <c r="K5129" s="9">
        <v>164</v>
      </c>
      <c r="L5129" s="6" t="s">
        <v>51</v>
      </c>
    </row>
    <row r="5130" spans="1:12">
      <c r="A5130" s="6" t="s">
        <v>49</v>
      </c>
      <c r="B5130" s="6"/>
      <c r="C5130" s="6" t="s">
        <v>5150</v>
      </c>
      <c r="D5130" s="6"/>
      <c r="E5130" s="6" t="s">
        <v>9</v>
      </c>
      <c r="F5130" s="7"/>
      <c r="G5130" s="8">
        <v>1</v>
      </c>
      <c r="H5130" s="8">
        <v>1</v>
      </c>
      <c r="I5130" s="8">
        <v>0</v>
      </c>
      <c r="J5130" s="8">
        <v>1</v>
      </c>
      <c r="K5130" s="9">
        <v>42</v>
      </c>
      <c r="L5130" s="6" t="s">
        <v>51</v>
      </c>
    </row>
    <row r="5131" spans="1:12">
      <c r="A5131" s="6" t="s">
        <v>49</v>
      </c>
      <c r="B5131" s="6"/>
      <c r="C5131" s="6" t="s">
        <v>5151</v>
      </c>
      <c r="D5131" s="6"/>
      <c r="E5131" s="6" t="s">
        <v>9</v>
      </c>
      <c r="F5131" s="7"/>
      <c r="G5131" s="8">
        <v>1</v>
      </c>
      <c r="H5131" s="8">
        <v>1</v>
      </c>
      <c r="I5131" s="8">
        <v>0</v>
      </c>
      <c r="J5131" s="8">
        <v>1</v>
      </c>
      <c r="K5131" s="9">
        <v>114</v>
      </c>
      <c r="L5131" s="6" t="s">
        <v>51</v>
      </c>
    </row>
    <row r="5132" spans="1:12">
      <c r="A5132" s="6" t="s">
        <v>49</v>
      </c>
      <c r="B5132" s="6"/>
      <c r="C5132" s="6" t="s">
        <v>5152</v>
      </c>
      <c r="D5132" s="6"/>
      <c r="E5132" s="6" t="s">
        <v>9</v>
      </c>
      <c r="F5132" s="7"/>
      <c r="G5132" s="8">
        <v>1</v>
      </c>
      <c r="H5132" s="8">
        <v>1</v>
      </c>
      <c r="I5132" s="8">
        <v>0</v>
      </c>
      <c r="J5132" s="8">
        <v>1</v>
      </c>
      <c r="K5132" s="9">
        <v>25</v>
      </c>
      <c r="L5132" s="6" t="s">
        <v>51</v>
      </c>
    </row>
    <row r="5133" spans="1:12">
      <c r="A5133" s="6" t="s">
        <v>49</v>
      </c>
      <c r="B5133" s="6"/>
      <c r="C5133" s="6" t="s">
        <v>5153</v>
      </c>
      <c r="D5133" s="6"/>
      <c r="E5133" s="6" t="s">
        <v>9</v>
      </c>
      <c r="F5133" s="7"/>
      <c r="G5133" s="8">
        <v>1</v>
      </c>
      <c r="H5133" s="8">
        <v>1</v>
      </c>
      <c r="I5133" s="8">
        <v>0</v>
      </c>
      <c r="J5133" s="8">
        <v>1</v>
      </c>
      <c r="K5133" s="9">
        <v>125</v>
      </c>
      <c r="L5133" s="6" t="s">
        <v>51</v>
      </c>
    </row>
    <row r="5134" spans="1:12">
      <c r="A5134" s="6" t="s">
        <v>49</v>
      </c>
      <c r="B5134" s="6"/>
      <c r="C5134" s="6" t="s">
        <v>5154</v>
      </c>
      <c r="D5134" s="6"/>
      <c r="E5134" s="6" t="s">
        <v>9</v>
      </c>
      <c r="F5134" s="7"/>
      <c r="G5134" s="8">
        <v>1</v>
      </c>
      <c r="H5134" s="8">
        <v>1</v>
      </c>
      <c r="I5134" s="8">
        <v>0</v>
      </c>
      <c r="J5134" s="8">
        <v>1</v>
      </c>
      <c r="K5134" s="9">
        <v>324</v>
      </c>
      <c r="L5134" s="6" t="s">
        <v>51</v>
      </c>
    </row>
    <row r="5135" spans="1:12">
      <c r="A5135" s="6" t="s">
        <v>49</v>
      </c>
      <c r="B5135" s="6"/>
      <c r="C5135" s="6" t="s">
        <v>5155</v>
      </c>
      <c r="D5135" s="6"/>
      <c r="E5135" s="6" t="s">
        <v>9</v>
      </c>
      <c r="F5135" s="7">
        <v>38657</v>
      </c>
      <c r="G5135" s="8">
        <v>1</v>
      </c>
      <c r="H5135" s="8">
        <v>1</v>
      </c>
      <c r="I5135" s="8">
        <v>0</v>
      </c>
      <c r="J5135" s="8">
        <v>1</v>
      </c>
      <c r="K5135" s="9">
        <v>58</v>
      </c>
      <c r="L5135" s="6" t="s">
        <v>51</v>
      </c>
    </row>
    <row r="5136" spans="1:12">
      <c r="A5136" s="6" t="s">
        <v>49</v>
      </c>
      <c r="B5136" s="6"/>
      <c r="C5136" s="6" t="s">
        <v>5156</v>
      </c>
      <c r="D5136" s="6"/>
      <c r="E5136" s="6" t="s">
        <v>9</v>
      </c>
      <c r="F5136" s="7">
        <v>39779</v>
      </c>
      <c r="G5136" s="8">
        <v>912329</v>
      </c>
      <c r="H5136" s="8">
        <v>912329</v>
      </c>
      <c r="I5136" s="8">
        <v>0</v>
      </c>
      <c r="J5136" s="8">
        <v>912329</v>
      </c>
      <c r="K5136" s="9">
        <v>224</v>
      </c>
      <c r="L5136" s="6" t="s">
        <v>51</v>
      </c>
    </row>
    <row r="5137" spans="1:12">
      <c r="A5137" s="6" t="s">
        <v>49</v>
      </c>
      <c r="B5137" s="6"/>
      <c r="C5137" s="6" t="s">
        <v>5157</v>
      </c>
      <c r="D5137" s="6"/>
      <c r="E5137" s="6" t="s">
        <v>9</v>
      </c>
      <c r="F5137" s="7">
        <v>40283</v>
      </c>
      <c r="G5137" s="8">
        <v>1</v>
      </c>
      <c r="H5137" s="8">
        <v>1</v>
      </c>
      <c r="I5137" s="8">
        <v>0</v>
      </c>
      <c r="J5137" s="8">
        <v>1</v>
      </c>
      <c r="K5137" s="9">
        <v>22</v>
      </c>
      <c r="L5137" s="6" t="s">
        <v>51</v>
      </c>
    </row>
    <row r="5138" spans="1:12">
      <c r="A5138" s="6" t="s">
        <v>49</v>
      </c>
      <c r="B5138" s="6"/>
      <c r="C5138" s="6" t="s">
        <v>5158</v>
      </c>
      <c r="D5138" s="6"/>
      <c r="E5138" s="6" t="s">
        <v>9</v>
      </c>
      <c r="F5138" s="7">
        <v>38657</v>
      </c>
      <c r="G5138" s="8">
        <v>1</v>
      </c>
      <c r="H5138" s="8">
        <v>1</v>
      </c>
      <c r="I5138" s="8">
        <v>0</v>
      </c>
      <c r="J5138" s="8">
        <v>1</v>
      </c>
      <c r="K5138" s="9">
        <v>97.5</v>
      </c>
      <c r="L5138" s="6" t="s">
        <v>51</v>
      </c>
    </row>
    <row r="5139" spans="1:12">
      <c r="A5139" s="6" t="s">
        <v>49</v>
      </c>
      <c r="B5139" s="6"/>
      <c r="C5139" s="6" t="s">
        <v>5159</v>
      </c>
      <c r="D5139" s="6"/>
      <c r="E5139" s="6" t="s">
        <v>9</v>
      </c>
      <c r="F5139" s="7">
        <v>38657</v>
      </c>
      <c r="G5139" s="8">
        <v>1</v>
      </c>
      <c r="H5139" s="8">
        <v>1</v>
      </c>
      <c r="I5139" s="8">
        <v>0</v>
      </c>
      <c r="J5139" s="8">
        <v>1</v>
      </c>
      <c r="K5139" s="9">
        <v>115</v>
      </c>
      <c r="L5139" s="6" t="s">
        <v>51</v>
      </c>
    </row>
    <row r="5140" spans="1:12">
      <c r="A5140" s="6" t="s">
        <v>49</v>
      </c>
      <c r="B5140" s="6"/>
      <c r="C5140" s="6" t="s">
        <v>5160</v>
      </c>
      <c r="D5140" s="6"/>
      <c r="E5140" s="6" t="s">
        <v>9</v>
      </c>
      <c r="F5140" s="7">
        <v>38657</v>
      </c>
      <c r="G5140" s="8">
        <v>1</v>
      </c>
      <c r="H5140" s="8">
        <v>1</v>
      </c>
      <c r="I5140" s="8">
        <v>0</v>
      </c>
      <c r="J5140" s="8">
        <v>1</v>
      </c>
      <c r="K5140" s="9">
        <v>19</v>
      </c>
      <c r="L5140" s="6" t="s">
        <v>51</v>
      </c>
    </row>
    <row r="5141" spans="1:12">
      <c r="A5141" s="6" t="s">
        <v>49</v>
      </c>
      <c r="B5141" s="6"/>
      <c r="C5141" s="6" t="s">
        <v>5161</v>
      </c>
      <c r="D5141" s="6"/>
      <c r="E5141" s="6" t="s">
        <v>9</v>
      </c>
      <c r="F5141" s="7">
        <v>38657</v>
      </c>
      <c r="G5141" s="8">
        <v>1</v>
      </c>
      <c r="H5141" s="8">
        <v>1</v>
      </c>
      <c r="I5141" s="8">
        <v>0</v>
      </c>
      <c r="J5141" s="8">
        <v>1</v>
      </c>
      <c r="K5141" s="9">
        <v>32</v>
      </c>
      <c r="L5141" s="6" t="s">
        <v>51</v>
      </c>
    </row>
    <row r="5142" spans="1:12">
      <c r="A5142" s="6" t="s">
        <v>49</v>
      </c>
      <c r="B5142" s="6"/>
      <c r="C5142" s="6" t="s">
        <v>5162</v>
      </c>
      <c r="D5142" s="6"/>
      <c r="E5142" s="6" t="s">
        <v>9</v>
      </c>
      <c r="F5142" s="7">
        <v>38657</v>
      </c>
      <c r="G5142" s="8">
        <v>1</v>
      </c>
      <c r="H5142" s="8">
        <v>1</v>
      </c>
      <c r="I5142" s="8">
        <v>0</v>
      </c>
      <c r="J5142" s="8">
        <v>1</v>
      </c>
      <c r="K5142" s="9">
        <v>6.62</v>
      </c>
      <c r="L5142" s="6" t="s">
        <v>51</v>
      </c>
    </row>
    <row r="5143" spans="1:12">
      <c r="A5143" s="6" t="s">
        <v>49</v>
      </c>
      <c r="B5143" s="6"/>
      <c r="C5143" s="6" t="s">
        <v>5163</v>
      </c>
      <c r="D5143" s="6"/>
      <c r="E5143" s="6" t="s">
        <v>9</v>
      </c>
      <c r="F5143" s="7">
        <v>38657</v>
      </c>
      <c r="G5143" s="8">
        <v>1</v>
      </c>
      <c r="H5143" s="8">
        <v>1</v>
      </c>
      <c r="I5143" s="8">
        <v>0</v>
      </c>
      <c r="J5143" s="8">
        <v>1</v>
      </c>
      <c r="K5143" s="9">
        <v>11</v>
      </c>
      <c r="L5143" s="6" t="s">
        <v>51</v>
      </c>
    </row>
    <row r="5144" spans="1:12">
      <c r="A5144" s="6" t="s">
        <v>49</v>
      </c>
      <c r="B5144" s="6"/>
      <c r="C5144" s="6" t="s">
        <v>5164</v>
      </c>
      <c r="D5144" s="6"/>
      <c r="E5144" s="6" t="s">
        <v>9</v>
      </c>
      <c r="F5144" s="7">
        <v>38657</v>
      </c>
      <c r="G5144" s="8">
        <v>1</v>
      </c>
      <c r="H5144" s="8">
        <v>1</v>
      </c>
      <c r="I5144" s="8">
        <v>0</v>
      </c>
      <c r="J5144" s="8">
        <v>1</v>
      </c>
      <c r="K5144" s="9">
        <v>7.93</v>
      </c>
      <c r="L5144" s="6" t="s">
        <v>51</v>
      </c>
    </row>
    <row r="5145" spans="1:12">
      <c r="A5145" s="6" t="s">
        <v>49</v>
      </c>
      <c r="B5145" s="6"/>
      <c r="C5145" s="6" t="s">
        <v>5165</v>
      </c>
      <c r="D5145" s="6"/>
      <c r="E5145" s="6" t="s">
        <v>9</v>
      </c>
      <c r="F5145" s="7">
        <v>38657</v>
      </c>
      <c r="G5145" s="8">
        <v>1</v>
      </c>
      <c r="H5145" s="8">
        <v>1</v>
      </c>
      <c r="I5145" s="8">
        <v>0</v>
      </c>
      <c r="J5145" s="8">
        <v>1</v>
      </c>
      <c r="K5145" s="9">
        <v>8.43</v>
      </c>
      <c r="L5145" s="6" t="s">
        <v>51</v>
      </c>
    </row>
    <row r="5146" spans="1:12">
      <c r="A5146" s="6" t="s">
        <v>49</v>
      </c>
      <c r="B5146" s="6"/>
      <c r="C5146" s="6" t="s">
        <v>5166</v>
      </c>
      <c r="D5146" s="6"/>
      <c r="E5146" s="6" t="s">
        <v>9</v>
      </c>
      <c r="F5146" s="7">
        <v>38657</v>
      </c>
      <c r="G5146" s="8">
        <v>1</v>
      </c>
      <c r="H5146" s="8">
        <v>1</v>
      </c>
      <c r="I5146" s="8">
        <v>0</v>
      </c>
      <c r="J5146" s="8">
        <v>1</v>
      </c>
      <c r="K5146" s="9">
        <v>28</v>
      </c>
      <c r="L5146" s="6" t="s">
        <v>51</v>
      </c>
    </row>
    <row r="5147" spans="1:12">
      <c r="A5147" s="6" t="s">
        <v>49</v>
      </c>
      <c r="B5147" s="6"/>
      <c r="C5147" s="6" t="s">
        <v>5167</v>
      </c>
      <c r="D5147" s="6"/>
      <c r="E5147" s="6" t="s">
        <v>9</v>
      </c>
      <c r="F5147" s="7">
        <v>38657</v>
      </c>
      <c r="G5147" s="8">
        <v>1</v>
      </c>
      <c r="H5147" s="8">
        <v>1</v>
      </c>
      <c r="I5147" s="8">
        <v>0</v>
      </c>
      <c r="J5147" s="8">
        <v>1</v>
      </c>
      <c r="K5147" s="9">
        <v>675</v>
      </c>
      <c r="L5147" s="6" t="s">
        <v>51</v>
      </c>
    </row>
    <row r="5148" spans="1:12">
      <c r="A5148" s="6" t="s">
        <v>49</v>
      </c>
      <c r="B5148" s="6"/>
      <c r="C5148" s="6" t="s">
        <v>5168</v>
      </c>
      <c r="D5148" s="6"/>
      <c r="E5148" s="6" t="s">
        <v>9</v>
      </c>
      <c r="F5148" s="7">
        <v>38657</v>
      </c>
      <c r="G5148" s="8">
        <v>1</v>
      </c>
      <c r="H5148" s="8">
        <v>1</v>
      </c>
      <c r="I5148" s="8">
        <v>0</v>
      </c>
      <c r="J5148" s="8">
        <v>1</v>
      </c>
      <c r="K5148" s="9">
        <v>96</v>
      </c>
      <c r="L5148" s="6" t="s">
        <v>51</v>
      </c>
    </row>
    <row r="5149" spans="1:12">
      <c r="A5149" s="6" t="s">
        <v>49</v>
      </c>
      <c r="B5149" s="6"/>
      <c r="C5149" s="6" t="s">
        <v>5169</v>
      </c>
      <c r="D5149" s="6"/>
      <c r="E5149" s="6" t="s">
        <v>9</v>
      </c>
      <c r="F5149" s="7">
        <v>38657</v>
      </c>
      <c r="G5149" s="8">
        <v>1</v>
      </c>
      <c r="H5149" s="8">
        <v>1</v>
      </c>
      <c r="I5149" s="8">
        <v>0</v>
      </c>
      <c r="J5149" s="8">
        <v>1</v>
      </c>
      <c r="K5149" s="9">
        <v>306.60000000000002</v>
      </c>
      <c r="L5149" s="6" t="s">
        <v>51</v>
      </c>
    </row>
    <row r="5150" spans="1:12">
      <c r="A5150" s="6" t="s">
        <v>49</v>
      </c>
      <c r="B5150" s="6"/>
      <c r="C5150" s="6" t="s">
        <v>5170</v>
      </c>
      <c r="D5150" s="6"/>
      <c r="E5150" s="6" t="s">
        <v>9</v>
      </c>
      <c r="F5150" s="7">
        <v>38657</v>
      </c>
      <c r="G5150" s="8">
        <v>1</v>
      </c>
      <c r="H5150" s="8">
        <v>1</v>
      </c>
      <c r="I5150" s="8">
        <v>0</v>
      </c>
      <c r="J5150" s="8">
        <v>1</v>
      </c>
      <c r="K5150" s="9">
        <v>107</v>
      </c>
      <c r="L5150" s="6" t="s">
        <v>51</v>
      </c>
    </row>
    <row r="5151" spans="1:12">
      <c r="A5151" s="6" t="s">
        <v>49</v>
      </c>
      <c r="B5151" s="6"/>
      <c r="C5151" s="6" t="s">
        <v>5171</v>
      </c>
      <c r="D5151" s="6"/>
      <c r="E5151" s="6" t="s">
        <v>9</v>
      </c>
      <c r="F5151" s="7">
        <v>38657</v>
      </c>
      <c r="G5151" s="8">
        <v>1</v>
      </c>
      <c r="H5151" s="8">
        <v>1</v>
      </c>
      <c r="I5151" s="8">
        <v>0</v>
      </c>
      <c r="J5151" s="8">
        <v>1</v>
      </c>
      <c r="K5151" s="9">
        <v>131</v>
      </c>
      <c r="L5151" s="6" t="s">
        <v>51</v>
      </c>
    </row>
    <row r="5152" spans="1:12">
      <c r="A5152" s="6" t="s">
        <v>49</v>
      </c>
      <c r="B5152" s="6"/>
      <c r="C5152" s="6" t="s">
        <v>5172</v>
      </c>
      <c r="D5152" s="6"/>
      <c r="E5152" s="6" t="s">
        <v>9</v>
      </c>
      <c r="F5152" s="7">
        <v>38657</v>
      </c>
      <c r="G5152" s="8">
        <v>1</v>
      </c>
      <c r="H5152" s="8">
        <v>1</v>
      </c>
      <c r="I5152" s="8">
        <v>0</v>
      </c>
      <c r="J5152" s="8">
        <v>1</v>
      </c>
      <c r="K5152" s="9">
        <v>0.93</v>
      </c>
      <c r="L5152" s="6" t="s">
        <v>51</v>
      </c>
    </row>
    <row r="5153" spans="1:12">
      <c r="A5153" s="6" t="s">
        <v>49</v>
      </c>
      <c r="B5153" s="6"/>
      <c r="C5153" s="6" t="s">
        <v>5173</v>
      </c>
      <c r="D5153" s="6"/>
      <c r="E5153" s="6" t="s">
        <v>9</v>
      </c>
      <c r="F5153" s="7">
        <v>38657</v>
      </c>
      <c r="G5153" s="8">
        <v>1</v>
      </c>
      <c r="H5153" s="8">
        <v>1</v>
      </c>
      <c r="I5153" s="8">
        <v>0</v>
      </c>
      <c r="J5153" s="8">
        <v>1</v>
      </c>
      <c r="K5153" s="9">
        <v>2.52999999999999</v>
      </c>
      <c r="L5153" s="6" t="s">
        <v>51</v>
      </c>
    </row>
    <row r="5154" spans="1:12">
      <c r="A5154" s="6" t="s">
        <v>49</v>
      </c>
      <c r="B5154" s="6"/>
      <c r="C5154" s="6" t="s">
        <v>5174</v>
      </c>
      <c r="D5154" s="6"/>
      <c r="E5154" s="6" t="s">
        <v>9</v>
      </c>
      <c r="F5154" s="7">
        <v>38657</v>
      </c>
      <c r="G5154" s="8">
        <v>1</v>
      </c>
      <c r="H5154" s="8">
        <v>1</v>
      </c>
      <c r="I5154" s="8">
        <v>0</v>
      </c>
      <c r="J5154" s="8">
        <v>1</v>
      </c>
      <c r="K5154" s="9">
        <v>1.01</v>
      </c>
      <c r="L5154" s="6" t="s">
        <v>51</v>
      </c>
    </row>
    <row r="5155" spans="1:12">
      <c r="A5155" s="6" t="s">
        <v>49</v>
      </c>
      <c r="B5155" s="6"/>
      <c r="C5155" s="6" t="s">
        <v>5175</v>
      </c>
      <c r="D5155" s="6"/>
      <c r="E5155" s="6" t="s">
        <v>9</v>
      </c>
      <c r="F5155" s="7">
        <v>38657</v>
      </c>
      <c r="G5155" s="8">
        <v>1</v>
      </c>
      <c r="H5155" s="8">
        <v>1</v>
      </c>
      <c r="I5155" s="8">
        <v>0</v>
      </c>
      <c r="J5155" s="8">
        <v>1</v>
      </c>
      <c r="K5155" s="9">
        <v>1.43</v>
      </c>
      <c r="L5155" s="6" t="s">
        <v>51</v>
      </c>
    </row>
    <row r="5156" spans="1:12">
      <c r="A5156" s="6" t="s">
        <v>49</v>
      </c>
      <c r="B5156" s="6"/>
      <c r="C5156" s="6" t="s">
        <v>5176</v>
      </c>
      <c r="D5156" s="6"/>
      <c r="E5156" s="6" t="s">
        <v>9</v>
      </c>
      <c r="F5156" s="7">
        <v>38657</v>
      </c>
      <c r="G5156" s="8">
        <v>1</v>
      </c>
      <c r="H5156" s="8">
        <v>1</v>
      </c>
      <c r="I5156" s="8">
        <v>0</v>
      </c>
      <c r="J5156" s="8">
        <v>1</v>
      </c>
      <c r="K5156" s="9">
        <v>1.28</v>
      </c>
      <c r="L5156" s="6" t="s">
        <v>51</v>
      </c>
    </row>
    <row r="5157" spans="1:12">
      <c r="A5157" s="6" t="s">
        <v>49</v>
      </c>
      <c r="B5157" s="6"/>
      <c r="C5157" s="6" t="s">
        <v>5177</v>
      </c>
      <c r="D5157" s="6"/>
      <c r="E5157" s="6" t="s">
        <v>9</v>
      </c>
      <c r="F5157" s="7">
        <v>38657</v>
      </c>
      <c r="G5157" s="8">
        <v>1</v>
      </c>
      <c r="H5157" s="8">
        <v>1</v>
      </c>
      <c r="I5157" s="8">
        <v>0</v>
      </c>
      <c r="J5157" s="8">
        <v>1</v>
      </c>
      <c r="K5157" s="9">
        <v>397</v>
      </c>
      <c r="L5157" s="6" t="s">
        <v>51</v>
      </c>
    </row>
    <row r="5158" spans="1:12">
      <c r="A5158" s="6" t="s">
        <v>49</v>
      </c>
      <c r="B5158" s="6"/>
      <c r="C5158" s="6" t="s">
        <v>5178</v>
      </c>
      <c r="D5158" s="6"/>
      <c r="E5158" s="6" t="s">
        <v>9</v>
      </c>
      <c r="F5158" s="7">
        <v>38657</v>
      </c>
      <c r="G5158" s="8">
        <v>1</v>
      </c>
      <c r="H5158" s="8">
        <v>1</v>
      </c>
      <c r="I5158" s="8">
        <v>0</v>
      </c>
      <c r="J5158" s="8">
        <v>1</v>
      </c>
      <c r="K5158" s="9">
        <v>293</v>
      </c>
      <c r="L5158" s="6" t="s">
        <v>51</v>
      </c>
    </row>
    <row r="5159" spans="1:12">
      <c r="A5159" s="6" t="s">
        <v>49</v>
      </c>
      <c r="B5159" s="6"/>
      <c r="C5159" s="6" t="s">
        <v>5179</v>
      </c>
      <c r="D5159" s="6"/>
      <c r="E5159" s="6" t="s">
        <v>9</v>
      </c>
      <c r="F5159" s="7">
        <v>38657</v>
      </c>
      <c r="G5159" s="8">
        <v>1</v>
      </c>
      <c r="H5159" s="8">
        <v>1</v>
      </c>
      <c r="I5159" s="8">
        <v>0</v>
      </c>
      <c r="J5159" s="8">
        <v>1</v>
      </c>
      <c r="K5159" s="9">
        <v>293</v>
      </c>
      <c r="L5159" s="6" t="s">
        <v>51</v>
      </c>
    </row>
    <row r="5160" spans="1:12">
      <c r="A5160" s="6" t="s">
        <v>49</v>
      </c>
      <c r="B5160" s="6"/>
      <c r="C5160" s="6" t="s">
        <v>5180</v>
      </c>
      <c r="D5160" s="6"/>
      <c r="E5160" s="6" t="s">
        <v>9</v>
      </c>
      <c r="F5160" s="7">
        <v>38657</v>
      </c>
      <c r="G5160" s="8">
        <v>1</v>
      </c>
      <c r="H5160" s="8">
        <v>1</v>
      </c>
      <c r="I5160" s="8">
        <v>0</v>
      </c>
      <c r="J5160" s="8">
        <v>1</v>
      </c>
      <c r="K5160" s="9">
        <v>98.59</v>
      </c>
      <c r="L5160" s="6" t="s">
        <v>51</v>
      </c>
    </row>
    <row r="5161" spans="1:12">
      <c r="A5161" s="6" t="s">
        <v>49</v>
      </c>
      <c r="B5161" s="6"/>
      <c r="C5161" s="6" t="s">
        <v>5181</v>
      </c>
      <c r="D5161" s="6"/>
      <c r="E5161" s="6" t="s">
        <v>9</v>
      </c>
      <c r="F5161" s="7">
        <v>38657</v>
      </c>
      <c r="G5161" s="8">
        <v>1</v>
      </c>
      <c r="H5161" s="8">
        <v>1</v>
      </c>
      <c r="I5161" s="8">
        <v>0</v>
      </c>
      <c r="J5161" s="8">
        <v>1</v>
      </c>
      <c r="K5161" s="9">
        <v>436</v>
      </c>
      <c r="L5161" s="6" t="s">
        <v>51</v>
      </c>
    </row>
    <row r="5162" spans="1:12">
      <c r="A5162" s="6" t="s">
        <v>49</v>
      </c>
      <c r="B5162" s="6"/>
      <c r="C5162" s="6" t="s">
        <v>5182</v>
      </c>
      <c r="D5162" s="6"/>
      <c r="E5162" s="6" t="s">
        <v>9</v>
      </c>
      <c r="F5162" s="7">
        <v>38657</v>
      </c>
      <c r="G5162" s="8">
        <v>1</v>
      </c>
      <c r="H5162" s="8">
        <v>1</v>
      </c>
      <c r="I5162" s="8">
        <v>0</v>
      </c>
      <c r="J5162" s="8">
        <v>1</v>
      </c>
      <c r="K5162" s="9">
        <v>121</v>
      </c>
      <c r="L5162" s="6" t="s">
        <v>51</v>
      </c>
    </row>
    <row r="5163" spans="1:12">
      <c r="A5163" s="6" t="s">
        <v>49</v>
      </c>
      <c r="B5163" s="6"/>
      <c r="C5163" s="6" t="s">
        <v>5183</v>
      </c>
      <c r="D5163" s="6"/>
      <c r="E5163" s="6" t="s">
        <v>9</v>
      </c>
      <c r="F5163" s="7">
        <v>38657</v>
      </c>
      <c r="G5163" s="8">
        <v>1</v>
      </c>
      <c r="H5163" s="8">
        <v>1</v>
      </c>
      <c r="I5163" s="8">
        <v>0</v>
      </c>
      <c r="J5163" s="8">
        <v>1</v>
      </c>
      <c r="K5163" s="9">
        <v>287</v>
      </c>
      <c r="L5163" s="6" t="s">
        <v>51</v>
      </c>
    </row>
    <row r="5164" spans="1:12">
      <c r="A5164" s="6" t="s">
        <v>49</v>
      </c>
      <c r="B5164" s="6"/>
      <c r="C5164" s="6" t="s">
        <v>5184</v>
      </c>
      <c r="D5164" s="6"/>
      <c r="E5164" s="6" t="s">
        <v>9</v>
      </c>
      <c r="F5164" s="7">
        <v>38657</v>
      </c>
      <c r="G5164" s="8">
        <v>1</v>
      </c>
      <c r="H5164" s="8">
        <v>1</v>
      </c>
      <c r="I5164" s="8">
        <v>0</v>
      </c>
      <c r="J5164" s="8">
        <v>1</v>
      </c>
      <c r="K5164" s="9">
        <v>436</v>
      </c>
      <c r="L5164" s="6" t="s">
        <v>51</v>
      </c>
    </row>
    <row r="5165" spans="1:12">
      <c r="A5165" s="6" t="s">
        <v>49</v>
      </c>
      <c r="B5165" s="6"/>
      <c r="C5165" s="6" t="s">
        <v>5185</v>
      </c>
      <c r="D5165" s="6"/>
      <c r="E5165" s="6" t="s">
        <v>9</v>
      </c>
      <c r="F5165" s="7">
        <v>38657</v>
      </c>
      <c r="G5165" s="8">
        <v>1</v>
      </c>
      <c r="H5165" s="8">
        <v>1</v>
      </c>
      <c r="I5165" s="8">
        <v>0</v>
      </c>
      <c r="J5165" s="8">
        <v>1</v>
      </c>
      <c r="K5165" s="9">
        <v>436</v>
      </c>
      <c r="L5165" s="6" t="s">
        <v>51</v>
      </c>
    </row>
    <row r="5166" spans="1:12">
      <c r="A5166" s="6" t="s">
        <v>49</v>
      </c>
      <c r="B5166" s="6"/>
      <c r="C5166" s="6" t="s">
        <v>5186</v>
      </c>
      <c r="D5166" s="6"/>
      <c r="E5166" s="6" t="s">
        <v>9</v>
      </c>
      <c r="F5166" s="7">
        <v>38657</v>
      </c>
      <c r="G5166" s="8">
        <v>1</v>
      </c>
      <c r="H5166" s="8">
        <v>1</v>
      </c>
      <c r="I5166" s="8">
        <v>0</v>
      </c>
      <c r="J5166" s="8">
        <v>1</v>
      </c>
      <c r="K5166" s="9">
        <v>0.5</v>
      </c>
      <c r="L5166" s="6" t="s">
        <v>51</v>
      </c>
    </row>
    <row r="5167" spans="1:12">
      <c r="A5167" s="6" t="s">
        <v>49</v>
      </c>
      <c r="B5167" s="6"/>
      <c r="C5167" s="6" t="s">
        <v>5187</v>
      </c>
      <c r="D5167" s="6"/>
      <c r="E5167" s="6" t="s">
        <v>9</v>
      </c>
      <c r="F5167" s="7">
        <v>38657</v>
      </c>
      <c r="G5167" s="8">
        <v>1</v>
      </c>
      <c r="H5167" s="8">
        <v>1</v>
      </c>
      <c r="I5167" s="8">
        <v>0</v>
      </c>
      <c r="J5167" s="8">
        <v>1</v>
      </c>
      <c r="K5167" s="9">
        <v>372</v>
      </c>
      <c r="L5167" s="6" t="s">
        <v>51</v>
      </c>
    </row>
    <row r="5168" spans="1:12">
      <c r="A5168" s="6" t="s">
        <v>49</v>
      </c>
      <c r="B5168" s="6"/>
      <c r="C5168" s="6" t="s">
        <v>5188</v>
      </c>
      <c r="D5168" s="6"/>
      <c r="E5168" s="6" t="s">
        <v>9</v>
      </c>
      <c r="F5168" s="7">
        <v>38657</v>
      </c>
      <c r="G5168" s="8">
        <v>1</v>
      </c>
      <c r="H5168" s="8">
        <v>1</v>
      </c>
      <c r="I5168" s="8">
        <v>0</v>
      </c>
      <c r="J5168" s="8">
        <v>1</v>
      </c>
      <c r="K5168" s="9">
        <v>0.5</v>
      </c>
      <c r="L5168" s="6" t="s">
        <v>51</v>
      </c>
    </row>
    <row r="5169" spans="1:12">
      <c r="A5169" s="6" t="s">
        <v>49</v>
      </c>
      <c r="B5169" s="6"/>
      <c r="C5169" s="6" t="s">
        <v>5189</v>
      </c>
      <c r="D5169" s="6"/>
      <c r="E5169" s="6" t="s">
        <v>9</v>
      </c>
      <c r="F5169" s="7">
        <v>38657</v>
      </c>
      <c r="G5169" s="8">
        <v>1</v>
      </c>
      <c r="H5169" s="8">
        <v>1</v>
      </c>
      <c r="I5169" s="8">
        <v>0</v>
      </c>
      <c r="J5169" s="8">
        <v>1</v>
      </c>
      <c r="K5169" s="9">
        <v>294</v>
      </c>
      <c r="L5169" s="6" t="s">
        <v>51</v>
      </c>
    </row>
    <row r="5170" spans="1:12">
      <c r="A5170" s="6" t="s">
        <v>49</v>
      </c>
      <c r="B5170" s="6"/>
      <c r="C5170" s="6" t="s">
        <v>5190</v>
      </c>
      <c r="D5170" s="6"/>
      <c r="E5170" s="6" t="s">
        <v>9</v>
      </c>
      <c r="F5170" s="7">
        <v>38657</v>
      </c>
      <c r="G5170" s="8">
        <v>1</v>
      </c>
      <c r="H5170" s="8">
        <v>1</v>
      </c>
      <c r="I5170" s="8">
        <v>0</v>
      </c>
      <c r="J5170" s="8">
        <v>1</v>
      </c>
      <c r="K5170" s="9">
        <v>294</v>
      </c>
      <c r="L5170" s="6" t="s">
        <v>51</v>
      </c>
    </row>
    <row r="5171" spans="1:12">
      <c r="A5171" s="6" t="s">
        <v>49</v>
      </c>
      <c r="B5171" s="6"/>
      <c r="C5171" s="6" t="s">
        <v>5191</v>
      </c>
      <c r="D5171" s="6"/>
      <c r="E5171" s="6" t="s">
        <v>9</v>
      </c>
      <c r="F5171" s="7">
        <v>38657</v>
      </c>
      <c r="G5171" s="8">
        <v>1</v>
      </c>
      <c r="H5171" s="8">
        <v>1</v>
      </c>
      <c r="I5171" s="8">
        <v>0</v>
      </c>
      <c r="J5171" s="8">
        <v>1</v>
      </c>
      <c r="K5171" s="9">
        <v>1.58</v>
      </c>
      <c r="L5171" s="6" t="s">
        <v>51</v>
      </c>
    </row>
    <row r="5172" spans="1:12">
      <c r="A5172" s="6" t="s">
        <v>49</v>
      </c>
      <c r="B5172" s="6"/>
      <c r="C5172" s="6" t="s">
        <v>5192</v>
      </c>
      <c r="D5172" s="6"/>
      <c r="E5172" s="6" t="s">
        <v>9</v>
      </c>
      <c r="F5172" s="7">
        <v>38657</v>
      </c>
      <c r="G5172" s="8">
        <v>1</v>
      </c>
      <c r="H5172" s="8">
        <v>1</v>
      </c>
      <c r="I5172" s="8">
        <v>0</v>
      </c>
      <c r="J5172" s="8">
        <v>1</v>
      </c>
      <c r="K5172" s="9">
        <v>292</v>
      </c>
      <c r="L5172" s="6" t="s">
        <v>51</v>
      </c>
    </row>
    <row r="5173" spans="1:12">
      <c r="A5173" s="6" t="s">
        <v>49</v>
      </c>
      <c r="B5173" s="6"/>
      <c r="C5173" s="6" t="s">
        <v>5193</v>
      </c>
      <c r="D5173" s="6"/>
      <c r="E5173" s="6" t="s">
        <v>9</v>
      </c>
      <c r="F5173" s="7">
        <v>38657</v>
      </c>
      <c r="G5173" s="8">
        <v>1</v>
      </c>
      <c r="H5173" s="8">
        <v>1</v>
      </c>
      <c r="I5173" s="8">
        <v>0</v>
      </c>
      <c r="J5173" s="8">
        <v>1</v>
      </c>
      <c r="K5173" s="9">
        <v>36</v>
      </c>
      <c r="L5173" s="6" t="s">
        <v>51</v>
      </c>
    </row>
    <row r="5174" spans="1:12">
      <c r="A5174" s="6" t="s">
        <v>49</v>
      </c>
      <c r="B5174" s="6"/>
      <c r="C5174" s="6" t="s">
        <v>5194</v>
      </c>
      <c r="D5174" s="6"/>
      <c r="E5174" s="6" t="s">
        <v>9</v>
      </c>
      <c r="F5174" s="7">
        <v>38657</v>
      </c>
      <c r="G5174" s="8">
        <v>1</v>
      </c>
      <c r="H5174" s="8">
        <v>1</v>
      </c>
      <c r="I5174" s="8">
        <v>0</v>
      </c>
      <c r="J5174" s="8">
        <v>1</v>
      </c>
      <c r="K5174" s="9">
        <v>292</v>
      </c>
      <c r="L5174" s="6" t="s">
        <v>51</v>
      </c>
    </row>
    <row r="5175" spans="1:12">
      <c r="A5175" s="6" t="s">
        <v>49</v>
      </c>
      <c r="B5175" s="6"/>
      <c r="C5175" s="6" t="s">
        <v>5195</v>
      </c>
      <c r="D5175" s="6"/>
      <c r="E5175" s="6" t="s">
        <v>9</v>
      </c>
      <c r="F5175" s="7">
        <v>38657</v>
      </c>
      <c r="G5175" s="8">
        <v>1</v>
      </c>
      <c r="H5175" s="8">
        <v>1</v>
      </c>
      <c r="I5175" s="8">
        <v>0</v>
      </c>
      <c r="J5175" s="8">
        <v>1</v>
      </c>
      <c r="K5175" s="9">
        <v>297</v>
      </c>
      <c r="L5175" s="6" t="s">
        <v>51</v>
      </c>
    </row>
    <row r="5176" spans="1:12">
      <c r="A5176" s="6" t="s">
        <v>49</v>
      </c>
      <c r="B5176" s="6"/>
      <c r="C5176" s="6" t="s">
        <v>5196</v>
      </c>
      <c r="D5176" s="6"/>
      <c r="E5176" s="6" t="s">
        <v>9</v>
      </c>
      <c r="F5176" s="7">
        <v>38657</v>
      </c>
      <c r="G5176" s="8">
        <v>1</v>
      </c>
      <c r="H5176" s="8">
        <v>1</v>
      </c>
      <c r="I5176" s="8">
        <v>0</v>
      </c>
      <c r="J5176" s="8">
        <v>1</v>
      </c>
      <c r="K5176" s="9">
        <v>277</v>
      </c>
      <c r="L5176" s="6" t="s">
        <v>51</v>
      </c>
    </row>
    <row r="5177" spans="1:12">
      <c r="A5177" s="6" t="s">
        <v>49</v>
      </c>
      <c r="B5177" s="6"/>
      <c r="C5177" s="6" t="s">
        <v>5197</v>
      </c>
      <c r="D5177" s="6"/>
      <c r="E5177" s="6" t="s">
        <v>9</v>
      </c>
      <c r="F5177" s="7">
        <v>38657</v>
      </c>
      <c r="G5177" s="8">
        <v>1</v>
      </c>
      <c r="H5177" s="8">
        <v>1</v>
      </c>
      <c r="I5177" s="8">
        <v>0</v>
      </c>
      <c r="J5177" s="8">
        <v>1</v>
      </c>
      <c r="K5177" s="9">
        <v>468</v>
      </c>
      <c r="L5177" s="6" t="s">
        <v>51</v>
      </c>
    </row>
    <row r="5178" spans="1:12">
      <c r="A5178" s="6" t="s">
        <v>49</v>
      </c>
      <c r="B5178" s="6"/>
      <c r="C5178" s="6" t="s">
        <v>5198</v>
      </c>
      <c r="D5178" s="6"/>
      <c r="E5178" s="6" t="s">
        <v>9</v>
      </c>
      <c r="F5178" s="7">
        <v>38657</v>
      </c>
      <c r="G5178" s="8">
        <v>1</v>
      </c>
      <c r="H5178" s="8">
        <v>1</v>
      </c>
      <c r="I5178" s="8">
        <v>0</v>
      </c>
      <c r="J5178" s="8">
        <v>1</v>
      </c>
      <c r="K5178" s="9">
        <v>1200</v>
      </c>
      <c r="L5178" s="6" t="s">
        <v>51</v>
      </c>
    </row>
    <row r="5179" spans="1:12">
      <c r="A5179" s="6" t="s">
        <v>49</v>
      </c>
      <c r="B5179" s="6"/>
      <c r="C5179" s="6" t="s">
        <v>5199</v>
      </c>
      <c r="D5179" s="6"/>
      <c r="E5179" s="6" t="s">
        <v>9</v>
      </c>
      <c r="F5179" s="7">
        <v>38657</v>
      </c>
      <c r="G5179" s="8">
        <v>1</v>
      </c>
      <c r="H5179" s="8">
        <v>1</v>
      </c>
      <c r="I5179" s="8">
        <v>0</v>
      </c>
      <c r="J5179" s="8">
        <v>1</v>
      </c>
      <c r="K5179" s="9">
        <v>446</v>
      </c>
      <c r="L5179" s="6" t="s">
        <v>51</v>
      </c>
    </row>
    <row r="5180" spans="1:12">
      <c r="A5180" s="6" t="s">
        <v>49</v>
      </c>
      <c r="B5180" s="6"/>
      <c r="C5180" s="6" t="s">
        <v>5200</v>
      </c>
      <c r="D5180" s="6"/>
      <c r="E5180" s="6" t="s">
        <v>9</v>
      </c>
      <c r="F5180" s="7">
        <v>38657</v>
      </c>
      <c r="G5180" s="8">
        <v>1</v>
      </c>
      <c r="H5180" s="8">
        <v>1</v>
      </c>
      <c r="I5180" s="8">
        <v>0</v>
      </c>
      <c r="J5180" s="8">
        <v>1</v>
      </c>
      <c r="K5180" s="9">
        <v>385</v>
      </c>
      <c r="L5180" s="6" t="s">
        <v>51</v>
      </c>
    </row>
    <row r="5181" spans="1:12">
      <c r="A5181" s="6" t="s">
        <v>49</v>
      </c>
      <c r="B5181" s="6"/>
      <c r="C5181" s="6" t="s">
        <v>5201</v>
      </c>
      <c r="D5181" s="6"/>
      <c r="E5181" s="6" t="s">
        <v>9</v>
      </c>
      <c r="F5181" s="7">
        <v>38657</v>
      </c>
      <c r="G5181" s="8">
        <v>1</v>
      </c>
      <c r="H5181" s="8">
        <v>1</v>
      </c>
      <c r="I5181" s="8">
        <v>0</v>
      </c>
      <c r="J5181" s="8">
        <v>1</v>
      </c>
      <c r="K5181" s="9">
        <v>3.54</v>
      </c>
      <c r="L5181" s="6" t="s">
        <v>51</v>
      </c>
    </row>
    <row r="5182" spans="1:12">
      <c r="A5182" s="6" t="s">
        <v>49</v>
      </c>
      <c r="B5182" s="6"/>
      <c r="C5182" s="6" t="s">
        <v>5202</v>
      </c>
      <c r="D5182" s="6"/>
      <c r="E5182" s="6" t="s">
        <v>9</v>
      </c>
      <c r="F5182" s="7">
        <v>38657</v>
      </c>
      <c r="G5182" s="8">
        <v>1</v>
      </c>
      <c r="H5182" s="8">
        <v>1</v>
      </c>
      <c r="I5182" s="8">
        <v>0</v>
      </c>
      <c r="J5182" s="8">
        <v>1</v>
      </c>
      <c r="K5182" s="9">
        <v>3.63</v>
      </c>
      <c r="L5182" s="6" t="s">
        <v>51</v>
      </c>
    </row>
    <row r="5183" spans="1:12">
      <c r="A5183" s="6" t="s">
        <v>49</v>
      </c>
      <c r="B5183" s="6"/>
      <c r="C5183" s="6" t="s">
        <v>5203</v>
      </c>
      <c r="D5183" s="6"/>
      <c r="E5183" s="6" t="s">
        <v>9</v>
      </c>
      <c r="F5183" s="7">
        <v>38657</v>
      </c>
      <c r="G5183" s="8">
        <v>1</v>
      </c>
      <c r="H5183" s="8">
        <v>1</v>
      </c>
      <c r="I5183" s="8">
        <v>0</v>
      </c>
      <c r="J5183" s="8">
        <v>1</v>
      </c>
      <c r="K5183" s="9">
        <v>3.3</v>
      </c>
      <c r="L5183" s="6" t="s">
        <v>51</v>
      </c>
    </row>
    <row r="5184" spans="1:12">
      <c r="A5184" s="6" t="s">
        <v>49</v>
      </c>
      <c r="B5184" s="6"/>
      <c r="C5184" s="6" t="s">
        <v>5204</v>
      </c>
      <c r="D5184" s="6"/>
      <c r="E5184" s="6" t="s">
        <v>9</v>
      </c>
      <c r="F5184" s="7">
        <v>38657</v>
      </c>
      <c r="G5184" s="8">
        <v>1</v>
      </c>
      <c r="H5184" s="8">
        <v>1</v>
      </c>
      <c r="I5184" s="8">
        <v>0</v>
      </c>
      <c r="J5184" s="8">
        <v>1</v>
      </c>
      <c r="K5184" s="9">
        <v>1.53</v>
      </c>
      <c r="L5184" s="6" t="s">
        <v>51</v>
      </c>
    </row>
    <row r="5185" spans="1:12">
      <c r="A5185" s="6" t="s">
        <v>49</v>
      </c>
      <c r="B5185" s="6"/>
      <c r="C5185" s="6" t="s">
        <v>5205</v>
      </c>
      <c r="D5185" s="6"/>
      <c r="E5185" s="6" t="s">
        <v>9</v>
      </c>
      <c r="F5185" s="7">
        <v>38657</v>
      </c>
      <c r="G5185" s="8">
        <v>1</v>
      </c>
      <c r="H5185" s="8">
        <v>1</v>
      </c>
      <c r="I5185" s="8">
        <v>0</v>
      </c>
      <c r="J5185" s="8">
        <v>1</v>
      </c>
      <c r="K5185" s="9">
        <v>64</v>
      </c>
      <c r="L5185" s="6" t="s">
        <v>51</v>
      </c>
    </row>
    <row r="5186" spans="1:12">
      <c r="A5186" s="6" t="s">
        <v>49</v>
      </c>
      <c r="B5186" s="6"/>
      <c r="C5186" s="6" t="s">
        <v>5206</v>
      </c>
      <c r="D5186" s="6"/>
      <c r="E5186" s="6" t="s">
        <v>9</v>
      </c>
      <c r="F5186" s="7">
        <v>41417</v>
      </c>
      <c r="G5186" s="8">
        <v>1</v>
      </c>
      <c r="H5186" s="8">
        <v>1</v>
      </c>
      <c r="I5186" s="8">
        <v>0</v>
      </c>
      <c r="J5186" s="8">
        <v>1</v>
      </c>
      <c r="K5186" s="9">
        <v>555</v>
      </c>
      <c r="L5186" s="6" t="s">
        <v>51</v>
      </c>
    </row>
    <row r="5187" spans="1:12">
      <c r="A5187" s="6" t="s">
        <v>49</v>
      </c>
      <c r="B5187" s="6"/>
      <c r="C5187" s="6" t="s">
        <v>5207</v>
      </c>
      <c r="D5187" s="6"/>
      <c r="E5187" s="6" t="s">
        <v>9</v>
      </c>
      <c r="F5187" s="7">
        <v>41417</v>
      </c>
      <c r="G5187" s="8">
        <v>1</v>
      </c>
      <c r="H5187" s="8">
        <v>1</v>
      </c>
      <c r="I5187" s="8">
        <v>0</v>
      </c>
      <c r="J5187" s="8">
        <v>1</v>
      </c>
      <c r="K5187" s="9">
        <v>23</v>
      </c>
      <c r="L5187" s="6" t="s">
        <v>51</v>
      </c>
    </row>
    <row r="5188" spans="1:12">
      <c r="A5188" s="6" t="s">
        <v>49</v>
      </c>
      <c r="B5188" s="6"/>
      <c r="C5188" s="6" t="s">
        <v>5208</v>
      </c>
      <c r="D5188" s="6"/>
      <c r="E5188" s="6" t="s">
        <v>9</v>
      </c>
      <c r="F5188" s="7">
        <v>41221</v>
      </c>
      <c r="G5188" s="8">
        <v>1</v>
      </c>
      <c r="H5188" s="8">
        <v>1</v>
      </c>
      <c r="I5188" s="8">
        <v>0</v>
      </c>
      <c r="J5188" s="8">
        <v>1</v>
      </c>
      <c r="K5188" s="9">
        <v>620</v>
      </c>
      <c r="L5188" s="6" t="s">
        <v>51</v>
      </c>
    </row>
    <row r="5189" spans="1:12">
      <c r="A5189" s="6" t="s">
        <v>49</v>
      </c>
      <c r="B5189" s="6"/>
      <c r="C5189" s="6" t="s">
        <v>5209</v>
      </c>
      <c r="D5189" s="6"/>
      <c r="E5189" s="6" t="s">
        <v>9</v>
      </c>
      <c r="F5189" s="7">
        <v>41221</v>
      </c>
      <c r="G5189" s="8">
        <v>1</v>
      </c>
      <c r="H5189" s="8">
        <v>1</v>
      </c>
      <c r="I5189" s="8">
        <v>0</v>
      </c>
      <c r="J5189" s="8">
        <v>1</v>
      </c>
      <c r="K5189" s="9">
        <v>720</v>
      </c>
      <c r="L5189" s="6" t="s">
        <v>51</v>
      </c>
    </row>
    <row r="5190" spans="1:12">
      <c r="A5190" s="6" t="s">
        <v>49</v>
      </c>
      <c r="B5190" s="6"/>
      <c r="C5190" s="6" t="s">
        <v>5210</v>
      </c>
      <c r="D5190" s="6"/>
      <c r="E5190" s="6" t="s">
        <v>9</v>
      </c>
      <c r="F5190" s="7">
        <v>41221</v>
      </c>
      <c r="G5190" s="8">
        <v>1</v>
      </c>
      <c r="H5190" s="8">
        <v>1</v>
      </c>
      <c r="I5190" s="8">
        <v>0</v>
      </c>
      <c r="J5190" s="8">
        <v>1</v>
      </c>
      <c r="K5190" s="9">
        <v>391</v>
      </c>
      <c r="L5190" s="6" t="s">
        <v>51</v>
      </c>
    </row>
    <row r="5191" spans="1:12">
      <c r="A5191" s="6" t="s">
        <v>49</v>
      </c>
      <c r="B5191" s="6"/>
      <c r="C5191" s="6" t="s">
        <v>5211</v>
      </c>
      <c r="D5191" s="6"/>
      <c r="E5191" s="6" t="s">
        <v>9</v>
      </c>
      <c r="F5191" s="7">
        <v>41221</v>
      </c>
      <c r="G5191" s="8">
        <v>1</v>
      </c>
      <c r="H5191" s="8">
        <v>1</v>
      </c>
      <c r="I5191" s="8">
        <v>0</v>
      </c>
      <c r="J5191" s="8">
        <v>1</v>
      </c>
      <c r="K5191" s="9">
        <v>7.25</v>
      </c>
      <c r="L5191" s="6" t="s">
        <v>51</v>
      </c>
    </row>
    <row r="5192" spans="1:12">
      <c r="A5192" s="6" t="s">
        <v>49</v>
      </c>
      <c r="B5192" s="6"/>
      <c r="C5192" s="6" t="s">
        <v>5212</v>
      </c>
      <c r="D5192" s="6"/>
      <c r="E5192" s="6" t="s">
        <v>9</v>
      </c>
      <c r="F5192" s="7">
        <v>38657</v>
      </c>
      <c r="G5192" s="8">
        <v>1</v>
      </c>
      <c r="H5192" s="8">
        <v>1</v>
      </c>
      <c r="I5192" s="8">
        <v>0</v>
      </c>
      <c r="J5192" s="8">
        <v>1</v>
      </c>
      <c r="K5192" s="9">
        <v>7.18</v>
      </c>
      <c r="L5192" s="6" t="s">
        <v>51</v>
      </c>
    </row>
    <row r="5193" spans="1:12">
      <c r="A5193" s="6" t="s">
        <v>49</v>
      </c>
      <c r="B5193" s="6"/>
      <c r="C5193" s="6" t="s">
        <v>5213</v>
      </c>
      <c r="D5193" s="6"/>
      <c r="E5193" s="6" t="s">
        <v>9</v>
      </c>
      <c r="F5193" s="7">
        <v>41221</v>
      </c>
      <c r="G5193" s="8">
        <v>1</v>
      </c>
      <c r="H5193" s="8">
        <v>1</v>
      </c>
      <c r="I5193" s="8">
        <v>0</v>
      </c>
      <c r="J5193" s="8">
        <v>1</v>
      </c>
      <c r="K5193" s="9">
        <v>85</v>
      </c>
      <c r="L5193" s="6" t="s">
        <v>51</v>
      </c>
    </row>
    <row r="5194" spans="1:12">
      <c r="A5194" s="6" t="s">
        <v>49</v>
      </c>
      <c r="B5194" s="6"/>
      <c r="C5194" s="6" t="s">
        <v>5214</v>
      </c>
      <c r="D5194" s="6"/>
      <c r="E5194" s="6" t="s">
        <v>9</v>
      </c>
      <c r="F5194" s="7">
        <v>38657</v>
      </c>
      <c r="G5194" s="8">
        <v>1</v>
      </c>
      <c r="H5194" s="8">
        <v>1</v>
      </c>
      <c r="I5194" s="8">
        <v>0</v>
      </c>
      <c r="J5194" s="8">
        <v>1</v>
      </c>
      <c r="K5194" s="9">
        <v>16.52</v>
      </c>
      <c r="L5194" s="6" t="s">
        <v>51</v>
      </c>
    </row>
    <row r="5195" spans="1:12">
      <c r="A5195" s="6" t="s">
        <v>49</v>
      </c>
      <c r="B5195" s="6"/>
      <c r="C5195" s="6" t="s">
        <v>5215</v>
      </c>
      <c r="D5195" s="6"/>
      <c r="E5195" s="6" t="s">
        <v>9</v>
      </c>
      <c r="F5195" s="7">
        <v>41221</v>
      </c>
      <c r="G5195" s="8">
        <v>1</v>
      </c>
      <c r="H5195" s="8">
        <v>1</v>
      </c>
      <c r="I5195" s="8">
        <v>0</v>
      </c>
      <c r="J5195" s="8">
        <v>1</v>
      </c>
      <c r="K5195" s="9">
        <v>90</v>
      </c>
      <c r="L5195" s="6" t="s">
        <v>51</v>
      </c>
    </row>
    <row r="5196" spans="1:12">
      <c r="A5196" s="6" t="s">
        <v>49</v>
      </c>
      <c r="B5196" s="6"/>
      <c r="C5196" s="6" t="s">
        <v>5216</v>
      </c>
      <c r="D5196" s="6"/>
      <c r="E5196" s="6" t="s">
        <v>9</v>
      </c>
      <c r="F5196" s="7">
        <v>38657</v>
      </c>
      <c r="G5196" s="8">
        <v>1</v>
      </c>
      <c r="H5196" s="8">
        <v>1</v>
      </c>
      <c r="I5196" s="8">
        <v>0</v>
      </c>
      <c r="J5196" s="8">
        <v>1</v>
      </c>
      <c r="K5196" s="9">
        <v>5.71</v>
      </c>
      <c r="L5196" s="6" t="s">
        <v>51</v>
      </c>
    </row>
    <row r="5197" spans="1:12">
      <c r="A5197" s="6" t="s">
        <v>49</v>
      </c>
      <c r="B5197" s="6"/>
      <c r="C5197" s="6" t="s">
        <v>5217</v>
      </c>
      <c r="D5197" s="6"/>
      <c r="E5197" s="6" t="s">
        <v>9</v>
      </c>
      <c r="F5197" s="7">
        <v>38657</v>
      </c>
      <c r="G5197" s="8">
        <v>1</v>
      </c>
      <c r="H5197" s="8">
        <v>1</v>
      </c>
      <c r="I5197" s="8">
        <v>0</v>
      </c>
      <c r="J5197" s="8">
        <v>1</v>
      </c>
      <c r="K5197" s="9">
        <v>134</v>
      </c>
      <c r="L5197" s="6" t="s">
        <v>51</v>
      </c>
    </row>
    <row r="5198" spans="1:12">
      <c r="A5198" s="6" t="s">
        <v>49</v>
      </c>
      <c r="B5198" s="6"/>
      <c r="C5198" s="6" t="s">
        <v>5218</v>
      </c>
      <c r="D5198" s="6"/>
      <c r="E5198" s="6" t="s">
        <v>9</v>
      </c>
      <c r="F5198" s="7">
        <v>38657</v>
      </c>
      <c r="G5198" s="8">
        <v>1</v>
      </c>
      <c r="H5198" s="8">
        <v>1</v>
      </c>
      <c r="I5198" s="8">
        <v>0</v>
      </c>
      <c r="J5198" s="8">
        <v>1</v>
      </c>
      <c r="K5198" s="9">
        <v>30</v>
      </c>
      <c r="L5198" s="6" t="s">
        <v>51</v>
      </c>
    </row>
    <row r="5199" spans="1:12">
      <c r="A5199" s="6" t="s">
        <v>49</v>
      </c>
      <c r="B5199" s="6"/>
      <c r="C5199" s="6" t="s">
        <v>5219</v>
      </c>
      <c r="D5199" s="6"/>
      <c r="E5199" s="6" t="s">
        <v>9</v>
      </c>
      <c r="F5199" s="7">
        <v>38657</v>
      </c>
      <c r="G5199" s="8">
        <v>1</v>
      </c>
      <c r="H5199" s="8">
        <v>1</v>
      </c>
      <c r="I5199" s="8">
        <v>0</v>
      </c>
      <c r="J5199" s="8">
        <v>1</v>
      </c>
      <c r="K5199" s="9">
        <v>6.44</v>
      </c>
      <c r="L5199" s="6" t="s">
        <v>51</v>
      </c>
    </row>
    <row r="5200" spans="1:12">
      <c r="A5200" s="6" t="s">
        <v>49</v>
      </c>
      <c r="B5200" s="6"/>
      <c r="C5200" s="6" t="s">
        <v>5220</v>
      </c>
      <c r="D5200" s="6"/>
      <c r="E5200" s="6" t="s">
        <v>9</v>
      </c>
      <c r="F5200" s="7">
        <v>38657</v>
      </c>
      <c r="G5200" s="8">
        <v>1</v>
      </c>
      <c r="H5200" s="8">
        <v>1</v>
      </c>
      <c r="I5200" s="8">
        <v>0</v>
      </c>
      <c r="J5200" s="8">
        <v>1</v>
      </c>
      <c r="K5200" s="9">
        <v>160</v>
      </c>
      <c r="L5200" s="6" t="s">
        <v>51</v>
      </c>
    </row>
    <row r="5201" spans="1:12">
      <c r="A5201" s="6" t="s">
        <v>49</v>
      </c>
      <c r="B5201" s="6"/>
      <c r="C5201" s="6" t="s">
        <v>5221</v>
      </c>
      <c r="D5201" s="6"/>
      <c r="E5201" s="6" t="s">
        <v>9</v>
      </c>
      <c r="F5201" s="7">
        <v>38657</v>
      </c>
      <c r="G5201" s="8">
        <v>1</v>
      </c>
      <c r="H5201" s="8">
        <v>1</v>
      </c>
      <c r="I5201" s="8">
        <v>0</v>
      </c>
      <c r="J5201" s="8">
        <v>1</v>
      </c>
      <c r="K5201" s="9">
        <v>15</v>
      </c>
      <c r="L5201" s="6" t="s">
        <v>51</v>
      </c>
    </row>
    <row r="5202" spans="1:12">
      <c r="A5202" s="6" t="s">
        <v>49</v>
      </c>
      <c r="B5202" s="6"/>
      <c r="C5202" s="6" t="s">
        <v>5222</v>
      </c>
      <c r="D5202" s="6"/>
      <c r="E5202" s="6" t="s">
        <v>9</v>
      </c>
      <c r="F5202" s="7">
        <v>38657</v>
      </c>
      <c r="G5202" s="8">
        <v>1</v>
      </c>
      <c r="H5202" s="8">
        <v>1</v>
      </c>
      <c r="I5202" s="8">
        <v>0</v>
      </c>
      <c r="J5202" s="8">
        <v>1</v>
      </c>
      <c r="K5202" s="9">
        <v>22</v>
      </c>
      <c r="L5202" s="6" t="s">
        <v>51</v>
      </c>
    </row>
    <row r="5203" spans="1:12">
      <c r="A5203" s="6" t="s">
        <v>49</v>
      </c>
      <c r="B5203" s="6"/>
      <c r="C5203" s="6" t="s">
        <v>5223</v>
      </c>
      <c r="D5203" s="6"/>
      <c r="E5203" s="6" t="s">
        <v>9</v>
      </c>
      <c r="F5203" s="7">
        <v>38657</v>
      </c>
      <c r="G5203" s="8">
        <v>1</v>
      </c>
      <c r="H5203" s="8">
        <v>1</v>
      </c>
      <c r="I5203" s="8">
        <v>0</v>
      </c>
      <c r="J5203" s="8">
        <v>1</v>
      </c>
      <c r="K5203" s="9">
        <v>261</v>
      </c>
      <c r="L5203" s="6" t="s">
        <v>51</v>
      </c>
    </row>
    <row r="5204" spans="1:12">
      <c r="A5204" s="6" t="s">
        <v>49</v>
      </c>
      <c r="B5204" s="6"/>
      <c r="C5204" s="6" t="s">
        <v>5224</v>
      </c>
      <c r="D5204" s="6"/>
      <c r="E5204" s="6" t="s">
        <v>9</v>
      </c>
      <c r="F5204" s="7">
        <v>38657</v>
      </c>
      <c r="G5204" s="8">
        <v>1</v>
      </c>
      <c r="H5204" s="8">
        <v>1</v>
      </c>
      <c r="I5204" s="8">
        <v>0</v>
      </c>
      <c r="J5204" s="8">
        <v>1</v>
      </c>
      <c r="K5204" s="9">
        <v>267</v>
      </c>
      <c r="L5204" s="6" t="s">
        <v>51</v>
      </c>
    </row>
    <row r="5205" spans="1:12">
      <c r="A5205" s="6" t="s">
        <v>49</v>
      </c>
      <c r="B5205" s="6"/>
      <c r="C5205" s="6" t="s">
        <v>5225</v>
      </c>
      <c r="D5205" s="6"/>
      <c r="E5205" s="6" t="s">
        <v>9</v>
      </c>
      <c r="F5205" s="7">
        <v>38657</v>
      </c>
      <c r="G5205" s="8">
        <v>1</v>
      </c>
      <c r="H5205" s="8">
        <v>1</v>
      </c>
      <c r="I5205" s="8">
        <v>0</v>
      </c>
      <c r="J5205" s="8">
        <v>1</v>
      </c>
      <c r="K5205" s="9">
        <v>33.049999999999898</v>
      </c>
      <c r="L5205" s="6" t="s">
        <v>51</v>
      </c>
    </row>
    <row r="5206" spans="1:12">
      <c r="A5206" s="6" t="s">
        <v>49</v>
      </c>
      <c r="B5206" s="6"/>
      <c r="C5206" s="6" t="s">
        <v>5226</v>
      </c>
      <c r="D5206" s="6"/>
      <c r="E5206" s="6" t="s">
        <v>9</v>
      </c>
      <c r="F5206" s="7"/>
      <c r="G5206" s="8">
        <v>1</v>
      </c>
      <c r="H5206" s="8">
        <v>1</v>
      </c>
      <c r="I5206" s="8">
        <v>0</v>
      </c>
      <c r="J5206" s="8">
        <v>1</v>
      </c>
      <c r="K5206" s="9">
        <v>162</v>
      </c>
      <c r="L5206" s="6" t="s">
        <v>51</v>
      </c>
    </row>
    <row r="5207" spans="1:12">
      <c r="A5207" s="6" t="s">
        <v>49</v>
      </c>
      <c r="B5207" s="6"/>
      <c r="C5207" s="6" t="s">
        <v>5227</v>
      </c>
      <c r="D5207" s="6"/>
      <c r="E5207" s="6" t="s">
        <v>9</v>
      </c>
      <c r="F5207" s="7">
        <v>38657</v>
      </c>
      <c r="G5207" s="8">
        <v>1</v>
      </c>
      <c r="H5207" s="8">
        <v>1</v>
      </c>
      <c r="I5207" s="8">
        <v>0</v>
      </c>
      <c r="J5207" s="8">
        <v>1</v>
      </c>
      <c r="K5207" s="9">
        <v>11</v>
      </c>
      <c r="L5207" s="6" t="s">
        <v>51</v>
      </c>
    </row>
    <row r="5208" spans="1:12">
      <c r="A5208" s="6" t="s">
        <v>49</v>
      </c>
      <c r="B5208" s="6"/>
      <c r="C5208" s="6" t="s">
        <v>5228</v>
      </c>
      <c r="D5208" s="6"/>
      <c r="E5208" s="6" t="s">
        <v>9</v>
      </c>
      <c r="F5208" s="7">
        <v>40906</v>
      </c>
      <c r="G5208" s="8">
        <v>1</v>
      </c>
      <c r="H5208" s="8">
        <v>1</v>
      </c>
      <c r="I5208" s="8">
        <v>0</v>
      </c>
      <c r="J5208" s="8">
        <v>1</v>
      </c>
      <c r="K5208" s="9">
        <v>789</v>
      </c>
      <c r="L5208" s="6" t="s">
        <v>51</v>
      </c>
    </row>
    <row r="5209" spans="1:12">
      <c r="A5209" s="6" t="s">
        <v>49</v>
      </c>
      <c r="B5209" s="6"/>
      <c r="C5209" s="6" t="s">
        <v>5229</v>
      </c>
      <c r="D5209" s="6"/>
      <c r="E5209" s="6" t="s">
        <v>9</v>
      </c>
      <c r="F5209" s="7">
        <v>38657</v>
      </c>
      <c r="G5209" s="8">
        <v>1</v>
      </c>
      <c r="H5209" s="8">
        <v>1</v>
      </c>
      <c r="I5209" s="8">
        <v>0</v>
      </c>
      <c r="J5209" s="8">
        <v>1</v>
      </c>
      <c r="K5209" s="9">
        <v>1.72</v>
      </c>
      <c r="L5209" s="6" t="s">
        <v>51</v>
      </c>
    </row>
    <row r="5210" spans="1:12">
      <c r="A5210" s="6" t="s">
        <v>49</v>
      </c>
      <c r="B5210" s="6"/>
      <c r="C5210" s="6" t="s">
        <v>5230</v>
      </c>
      <c r="D5210" s="6"/>
      <c r="E5210" s="6" t="s">
        <v>9</v>
      </c>
      <c r="F5210" s="7">
        <v>38657</v>
      </c>
      <c r="G5210" s="8">
        <v>1</v>
      </c>
      <c r="H5210" s="8">
        <v>1</v>
      </c>
      <c r="I5210" s="8">
        <v>0</v>
      </c>
      <c r="J5210" s="8">
        <v>1</v>
      </c>
      <c r="K5210" s="9">
        <v>500</v>
      </c>
      <c r="L5210" s="6" t="s">
        <v>51</v>
      </c>
    </row>
    <row r="5211" spans="1:12">
      <c r="A5211" s="6" t="s">
        <v>49</v>
      </c>
      <c r="B5211" s="6"/>
      <c r="C5211" s="6" t="s">
        <v>5231</v>
      </c>
      <c r="D5211" s="6"/>
      <c r="E5211" s="6" t="s">
        <v>9</v>
      </c>
      <c r="F5211" s="7">
        <v>38657</v>
      </c>
      <c r="G5211" s="8">
        <v>1</v>
      </c>
      <c r="H5211" s="8">
        <v>1</v>
      </c>
      <c r="I5211" s="8">
        <v>0</v>
      </c>
      <c r="J5211" s="8">
        <v>1</v>
      </c>
      <c r="K5211" s="9">
        <v>2.6</v>
      </c>
      <c r="L5211" s="6" t="s">
        <v>51</v>
      </c>
    </row>
    <row r="5212" spans="1:12">
      <c r="A5212" s="6" t="s">
        <v>49</v>
      </c>
      <c r="B5212" s="6"/>
      <c r="C5212" s="6" t="s">
        <v>5232</v>
      </c>
      <c r="D5212" s="6"/>
      <c r="E5212" s="6" t="s">
        <v>9</v>
      </c>
      <c r="F5212" s="7">
        <v>38657</v>
      </c>
      <c r="G5212" s="8">
        <v>1</v>
      </c>
      <c r="H5212" s="8">
        <v>1</v>
      </c>
      <c r="I5212" s="8">
        <v>0</v>
      </c>
      <c r="J5212" s="8">
        <v>1</v>
      </c>
      <c r="K5212" s="9">
        <v>208</v>
      </c>
      <c r="L5212" s="6" t="s">
        <v>51</v>
      </c>
    </row>
    <row r="5213" spans="1:12">
      <c r="A5213" s="6" t="s">
        <v>49</v>
      </c>
      <c r="B5213" s="6"/>
      <c r="C5213" s="6" t="s">
        <v>5233</v>
      </c>
      <c r="D5213" s="6"/>
      <c r="E5213" s="6" t="s">
        <v>9</v>
      </c>
      <c r="F5213" s="7">
        <v>38657</v>
      </c>
      <c r="G5213" s="8">
        <v>1</v>
      </c>
      <c r="H5213" s="8">
        <v>1</v>
      </c>
      <c r="I5213" s="8">
        <v>0</v>
      </c>
      <c r="J5213" s="8">
        <v>1</v>
      </c>
      <c r="K5213" s="9">
        <v>2.96</v>
      </c>
      <c r="L5213" s="6" t="s">
        <v>51</v>
      </c>
    </row>
    <row r="5214" spans="1:12">
      <c r="A5214" s="6" t="s">
        <v>49</v>
      </c>
      <c r="B5214" s="6"/>
      <c r="C5214" s="6" t="s">
        <v>5234</v>
      </c>
      <c r="D5214" s="6"/>
      <c r="E5214" s="6" t="s">
        <v>9</v>
      </c>
      <c r="F5214" s="7">
        <v>38657</v>
      </c>
      <c r="G5214" s="8">
        <v>1</v>
      </c>
      <c r="H5214" s="8">
        <v>1</v>
      </c>
      <c r="I5214" s="8">
        <v>0</v>
      </c>
      <c r="J5214" s="8">
        <v>1</v>
      </c>
      <c r="K5214" s="9">
        <v>6.47</v>
      </c>
      <c r="L5214" s="6" t="s">
        <v>51</v>
      </c>
    </row>
    <row r="5215" spans="1:12">
      <c r="A5215" s="6" t="s">
        <v>49</v>
      </c>
      <c r="B5215" s="6"/>
      <c r="C5215" s="6" t="s">
        <v>5235</v>
      </c>
      <c r="D5215" s="6"/>
      <c r="E5215" s="6" t="s">
        <v>9</v>
      </c>
      <c r="F5215" s="7">
        <v>38657</v>
      </c>
      <c r="G5215" s="8">
        <v>1</v>
      </c>
      <c r="H5215" s="8">
        <v>1</v>
      </c>
      <c r="I5215" s="8">
        <v>0</v>
      </c>
      <c r="J5215" s="8">
        <v>1</v>
      </c>
      <c r="K5215" s="9">
        <v>0.3</v>
      </c>
      <c r="L5215" s="6" t="s">
        <v>51</v>
      </c>
    </row>
    <row r="5216" spans="1:12">
      <c r="A5216" s="6" t="s">
        <v>49</v>
      </c>
      <c r="B5216" s="6"/>
      <c r="C5216" s="6" t="s">
        <v>5236</v>
      </c>
      <c r="D5216" s="6"/>
      <c r="E5216" s="6" t="s">
        <v>9</v>
      </c>
      <c r="F5216" s="7">
        <v>38657</v>
      </c>
      <c r="G5216" s="8">
        <v>1</v>
      </c>
      <c r="H5216" s="8">
        <v>1</v>
      </c>
      <c r="I5216" s="8">
        <v>0</v>
      </c>
      <c r="J5216" s="8">
        <v>1</v>
      </c>
      <c r="K5216" s="9">
        <v>6.94</v>
      </c>
      <c r="L5216" s="6" t="s">
        <v>51</v>
      </c>
    </row>
    <row r="5217" spans="1:12">
      <c r="A5217" s="6" t="s">
        <v>49</v>
      </c>
      <c r="B5217" s="6"/>
      <c r="C5217" s="6" t="s">
        <v>5237</v>
      </c>
      <c r="D5217" s="6"/>
      <c r="E5217" s="6" t="s">
        <v>9</v>
      </c>
      <c r="F5217" s="7">
        <v>38657</v>
      </c>
      <c r="G5217" s="8">
        <v>1</v>
      </c>
      <c r="H5217" s="8">
        <v>1</v>
      </c>
      <c r="I5217" s="8">
        <v>0</v>
      </c>
      <c r="J5217" s="8">
        <v>1</v>
      </c>
      <c r="K5217" s="9">
        <v>0.06</v>
      </c>
      <c r="L5217" s="6" t="s">
        <v>51</v>
      </c>
    </row>
    <row r="5218" spans="1:12">
      <c r="A5218" s="6" t="s">
        <v>49</v>
      </c>
      <c r="B5218" s="6"/>
      <c r="C5218" s="6" t="s">
        <v>5238</v>
      </c>
      <c r="D5218" s="6"/>
      <c r="E5218" s="6" t="s">
        <v>9</v>
      </c>
      <c r="F5218" s="7">
        <v>38657</v>
      </c>
      <c r="G5218" s="8">
        <v>1</v>
      </c>
      <c r="H5218" s="8">
        <v>1</v>
      </c>
      <c r="I5218" s="8">
        <v>0</v>
      </c>
      <c r="J5218" s="8">
        <v>1</v>
      </c>
      <c r="K5218" s="9">
        <v>222</v>
      </c>
      <c r="L5218" s="6" t="s">
        <v>51</v>
      </c>
    </row>
    <row r="5219" spans="1:12">
      <c r="A5219" s="6" t="s">
        <v>49</v>
      </c>
      <c r="B5219" s="6"/>
      <c r="C5219" s="6" t="s">
        <v>5239</v>
      </c>
      <c r="D5219" s="6"/>
      <c r="E5219" s="6" t="s">
        <v>9</v>
      </c>
      <c r="F5219" s="7">
        <v>38657</v>
      </c>
      <c r="G5219" s="8">
        <v>1</v>
      </c>
      <c r="H5219" s="8">
        <v>1</v>
      </c>
      <c r="I5219" s="8">
        <v>0</v>
      </c>
      <c r="J5219" s="8">
        <v>1</v>
      </c>
      <c r="K5219" s="9">
        <v>100</v>
      </c>
      <c r="L5219" s="6" t="s">
        <v>51</v>
      </c>
    </row>
    <row r="5220" spans="1:12">
      <c r="A5220" s="6" t="s">
        <v>49</v>
      </c>
      <c r="B5220" s="6"/>
      <c r="C5220" s="6" t="s">
        <v>5240</v>
      </c>
      <c r="D5220" s="6"/>
      <c r="E5220" s="6" t="s">
        <v>9</v>
      </c>
      <c r="F5220" s="7">
        <v>38657</v>
      </c>
      <c r="G5220" s="8">
        <v>1</v>
      </c>
      <c r="H5220" s="8">
        <v>1</v>
      </c>
      <c r="I5220" s="8">
        <v>0</v>
      </c>
      <c r="J5220" s="8">
        <v>1</v>
      </c>
      <c r="K5220" s="9">
        <v>340</v>
      </c>
      <c r="L5220" s="6" t="s">
        <v>51</v>
      </c>
    </row>
    <row r="5221" spans="1:12">
      <c r="A5221" s="6" t="s">
        <v>49</v>
      </c>
      <c r="B5221" s="6"/>
      <c r="C5221" s="6" t="s">
        <v>5241</v>
      </c>
      <c r="D5221" s="6"/>
      <c r="E5221" s="6" t="s">
        <v>9</v>
      </c>
      <c r="F5221" s="7">
        <v>38657</v>
      </c>
      <c r="G5221" s="8">
        <v>1</v>
      </c>
      <c r="H5221" s="8">
        <v>1</v>
      </c>
      <c r="I5221" s="8">
        <v>0</v>
      </c>
      <c r="J5221" s="8">
        <v>1</v>
      </c>
      <c r="K5221" s="9">
        <v>324</v>
      </c>
      <c r="L5221" s="6" t="s">
        <v>51</v>
      </c>
    </row>
    <row r="5222" spans="1:12">
      <c r="A5222" s="6" t="s">
        <v>49</v>
      </c>
      <c r="B5222" s="6"/>
      <c r="C5222" s="6" t="s">
        <v>5242</v>
      </c>
      <c r="D5222" s="6"/>
      <c r="E5222" s="6" t="s">
        <v>9</v>
      </c>
      <c r="F5222" s="7">
        <v>38657</v>
      </c>
      <c r="G5222" s="8">
        <v>1</v>
      </c>
      <c r="H5222" s="8">
        <v>1</v>
      </c>
      <c r="I5222" s="8">
        <v>0</v>
      </c>
      <c r="J5222" s="8">
        <v>1</v>
      </c>
      <c r="K5222" s="9">
        <v>400</v>
      </c>
      <c r="L5222" s="6" t="s">
        <v>51</v>
      </c>
    </row>
    <row r="5223" spans="1:12">
      <c r="A5223" s="6" t="s">
        <v>49</v>
      </c>
      <c r="B5223" s="6"/>
      <c r="C5223" s="6" t="s">
        <v>5243</v>
      </c>
      <c r="D5223" s="6"/>
      <c r="E5223" s="6" t="s">
        <v>9</v>
      </c>
      <c r="F5223" s="7">
        <v>38657</v>
      </c>
      <c r="G5223" s="8">
        <v>1</v>
      </c>
      <c r="H5223" s="8">
        <v>1</v>
      </c>
      <c r="I5223" s="8">
        <v>0</v>
      </c>
      <c r="J5223" s="8">
        <v>1</v>
      </c>
      <c r="K5223" s="9">
        <v>220</v>
      </c>
      <c r="L5223" s="6" t="s">
        <v>51</v>
      </c>
    </row>
    <row r="5224" spans="1:12">
      <c r="A5224" s="6" t="s">
        <v>49</v>
      </c>
      <c r="B5224" s="6"/>
      <c r="C5224" s="6" t="s">
        <v>5244</v>
      </c>
      <c r="D5224" s="6"/>
      <c r="E5224" s="6" t="s">
        <v>9</v>
      </c>
      <c r="F5224" s="7">
        <v>38657</v>
      </c>
      <c r="G5224" s="8">
        <v>1</v>
      </c>
      <c r="H5224" s="8">
        <v>1</v>
      </c>
      <c r="I5224" s="8">
        <v>0</v>
      </c>
      <c r="J5224" s="8">
        <v>1</v>
      </c>
      <c r="K5224" s="9">
        <v>191</v>
      </c>
      <c r="L5224" s="6" t="s">
        <v>51</v>
      </c>
    </row>
    <row r="5225" spans="1:12">
      <c r="A5225" s="6" t="s">
        <v>49</v>
      </c>
      <c r="B5225" s="6"/>
      <c r="C5225" s="6" t="s">
        <v>5245</v>
      </c>
      <c r="D5225" s="6"/>
      <c r="E5225" s="6" t="s">
        <v>9</v>
      </c>
      <c r="F5225" s="7">
        <v>38657</v>
      </c>
      <c r="G5225" s="8">
        <v>1</v>
      </c>
      <c r="H5225" s="8">
        <v>1</v>
      </c>
      <c r="I5225" s="8">
        <v>0</v>
      </c>
      <c r="J5225" s="8">
        <v>1</v>
      </c>
      <c r="K5225" s="9">
        <v>57</v>
      </c>
      <c r="L5225" s="6" t="s">
        <v>51</v>
      </c>
    </row>
    <row r="5226" spans="1:12">
      <c r="A5226" s="6" t="s">
        <v>49</v>
      </c>
      <c r="B5226" s="6"/>
      <c r="C5226" s="6" t="s">
        <v>5246</v>
      </c>
      <c r="D5226" s="6"/>
      <c r="E5226" s="6" t="s">
        <v>9</v>
      </c>
      <c r="F5226" s="7">
        <v>38657</v>
      </c>
      <c r="G5226" s="8">
        <v>1</v>
      </c>
      <c r="H5226" s="8">
        <v>1</v>
      </c>
      <c r="I5226" s="8">
        <v>0</v>
      </c>
      <c r="J5226" s="8">
        <v>1</v>
      </c>
      <c r="K5226" s="9">
        <v>20.96</v>
      </c>
      <c r="L5226" s="6" t="s">
        <v>51</v>
      </c>
    </row>
    <row r="5227" spans="1:12">
      <c r="A5227" s="6" t="s">
        <v>49</v>
      </c>
      <c r="B5227" s="6"/>
      <c r="C5227" s="6" t="s">
        <v>5247</v>
      </c>
      <c r="D5227" s="6"/>
      <c r="E5227" s="6" t="s">
        <v>9</v>
      </c>
      <c r="F5227" s="7">
        <v>38657</v>
      </c>
      <c r="G5227" s="8">
        <v>1</v>
      </c>
      <c r="H5227" s="8">
        <v>1</v>
      </c>
      <c r="I5227" s="8">
        <v>0</v>
      </c>
      <c r="J5227" s="8">
        <v>1</v>
      </c>
      <c r="K5227" s="9">
        <v>144</v>
      </c>
      <c r="L5227" s="6" t="s">
        <v>51</v>
      </c>
    </row>
    <row r="5228" spans="1:12">
      <c r="A5228" s="6" t="s">
        <v>49</v>
      </c>
      <c r="B5228" s="6"/>
      <c r="C5228" s="6" t="s">
        <v>5248</v>
      </c>
      <c r="D5228" s="6"/>
      <c r="E5228" s="6" t="s">
        <v>9</v>
      </c>
      <c r="F5228" s="7">
        <v>38657</v>
      </c>
      <c r="G5228" s="8">
        <v>1</v>
      </c>
      <c r="H5228" s="8">
        <v>1</v>
      </c>
      <c r="I5228" s="8">
        <v>0</v>
      </c>
      <c r="J5228" s="8">
        <v>1</v>
      </c>
      <c r="K5228" s="9">
        <v>255</v>
      </c>
      <c r="L5228" s="6" t="s">
        <v>51</v>
      </c>
    </row>
    <row r="5229" spans="1:12">
      <c r="A5229" s="6" t="s">
        <v>49</v>
      </c>
      <c r="B5229" s="6"/>
      <c r="C5229" s="6" t="s">
        <v>5249</v>
      </c>
      <c r="D5229" s="6"/>
      <c r="E5229" s="6" t="s">
        <v>9</v>
      </c>
      <c r="F5229" s="7">
        <v>38657</v>
      </c>
      <c r="G5229" s="8">
        <v>1</v>
      </c>
      <c r="H5229" s="8">
        <v>1</v>
      </c>
      <c r="I5229" s="8">
        <v>0</v>
      </c>
      <c r="J5229" s="8">
        <v>1</v>
      </c>
      <c r="K5229" s="9">
        <v>1.55</v>
      </c>
      <c r="L5229" s="6" t="s">
        <v>51</v>
      </c>
    </row>
    <row r="5230" spans="1:12">
      <c r="A5230" s="6" t="s">
        <v>49</v>
      </c>
      <c r="B5230" s="6"/>
      <c r="C5230" s="6" t="s">
        <v>5250</v>
      </c>
      <c r="D5230" s="6"/>
      <c r="E5230" s="6" t="s">
        <v>9</v>
      </c>
      <c r="F5230" s="7">
        <v>38657</v>
      </c>
      <c r="G5230" s="8">
        <v>1</v>
      </c>
      <c r="H5230" s="8">
        <v>1</v>
      </c>
      <c r="I5230" s="8">
        <v>0</v>
      </c>
      <c r="J5230" s="8">
        <v>1</v>
      </c>
      <c r="K5230" s="9">
        <v>30</v>
      </c>
      <c r="L5230" s="6" t="s">
        <v>51</v>
      </c>
    </row>
    <row r="5231" spans="1:12">
      <c r="A5231" s="6" t="s">
        <v>49</v>
      </c>
      <c r="B5231" s="6"/>
      <c r="C5231" s="6" t="s">
        <v>5251</v>
      </c>
      <c r="D5231" s="6"/>
      <c r="E5231" s="6" t="s">
        <v>9</v>
      </c>
      <c r="F5231" s="7">
        <v>38657</v>
      </c>
      <c r="G5231" s="8">
        <v>1</v>
      </c>
      <c r="H5231" s="8">
        <v>1</v>
      </c>
      <c r="I5231" s="8">
        <v>0</v>
      </c>
      <c r="J5231" s="8">
        <v>1</v>
      </c>
      <c r="K5231" s="9">
        <v>61</v>
      </c>
      <c r="L5231" s="6" t="s">
        <v>51</v>
      </c>
    </row>
    <row r="5232" spans="1:12">
      <c r="A5232" s="6" t="s">
        <v>49</v>
      </c>
      <c r="B5232" s="6"/>
      <c r="C5232" s="6" t="s">
        <v>5252</v>
      </c>
      <c r="D5232" s="6"/>
      <c r="E5232" s="6" t="s">
        <v>9</v>
      </c>
      <c r="F5232" s="7">
        <v>41365</v>
      </c>
      <c r="G5232" s="8">
        <v>1</v>
      </c>
      <c r="H5232" s="8">
        <v>1</v>
      </c>
      <c r="I5232" s="8">
        <v>0</v>
      </c>
      <c r="J5232" s="8">
        <v>1</v>
      </c>
      <c r="K5232" s="9">
        <v>29</v>
      </c>
      <c r="L5232" s="6" t="s">
        <v>51</v>
      </c>
    </row>
    <row r="5233" spans="1:12">
      <c r="A5233" s="6" t="s">
        <v>49</v>
      </c>
      <c r="B5233" s="6"/>
      <c r="C5233" s="6" t="s">
        <v>5253</v>
      </c>
      <c r="D5233" s="6"/>
      <c r="E5233" s="6" t="s">
        <v>9</v>
      </c>
      <c r="F5233" s="7">
        <v>41261</v>
      </c>
      <c r="G5233" s="8">
        <v>1373500</v>
      </c>
      <c r="H5233" s="8">
        <v>1373500</v>
      </c>
      <c r="I5233" s="8">
        <v>0</v>
      </c>
      <c r="J5233" s="8">
        <v>1373500</v>
      </c>
      <c r="K5233" s="9">
        <v>41</v>
      </c>
      <c r="L5233" s="6" t="s">
        <v>10</v>
      </c>
    </row>
    <row r="5234" spans="1:12">
      <c r="A5234" s="6" t="s">
        <v>49</v>
      </c>
      <c r="B5234" s="6"/>
      <c r="C5234" s="6" t="s">
        <v>5254</v>
      </c>
      <c r="D5234" s="6"/>
      <c r="E5234" s="6" t="s">
        <v>9</v>
      </c>
      <c r="F5234" s="7">
        <v>38657</v>
      </c>
      <c r="G5234" s="8">
        <v>1</v>
      </c>
      <c r="H5234" s="8">
        <v>1</v>
      </c>
      <c r="I5234" s="8">
        <v>0</v>
      </c>
      <c r="J5234" s="8">
        <v>1</v>
      </c>
      <c r="K5234" s="9">
        <v>2</v>
      </c>
      <c r="L5234" s="6" t="s">
        <v>51</v>
      </c>
    </row>
    <row r="5235" spans="1:12">
      <c r="A5235" s="6" t="s">
        <v>49</v>
      </c>
      <c r="B5235" s="6"/>
      <c r="C5235" s="6" t="s">
        <v>5255</v>
      </c>
      <c r="D5235" s="6"/>
      <c r="E5235" s="6" t="s">
        <v>9</v>
      </c>
      <c r="F5235" s="7">
        <v>38657</v>
      </c>
      <c r="G5235" s="8">
        <v>1</v>
      </c>
      <c r="H5235" s="8">
        <v>1</v>
      </c>
      <c r="I5235" s="8">
        <v>0</v>
      </c>
      <c r="J5235" s="8">
        <v>1</v>
      </c>
      <c r="K5235" s="9">
        <v>0.84</v>
      </c>
      <c r="L5235" s="6" t="s">
        <v>51</v>
      </c>
    </row>
    <row r="5236" spans="1:12">
      <c r="A5236" s="6" t="s">
        <v>49</v>
      </c>
      <c r="B5236" s="6"/>
      <c r="C5236" s="6" t="s">
        <v>5256</v>
      </c>
      <c r="D5236" s="6"/>
      <c r="E5236" s="6" t="s">
        <v>9</v>
      </c>
      <c r="F5236" s="7">
        <v>38657</v>
      </c>
      <c r="G5236" s="8">
        <v>1</v>
      </c>
      <c r="H5236" s="8">
        <v>1</v>
      </c>
      <c r="I5236" s="8">
        <v>0</v>
      </c>
      <c r="J5236" s="8">
        <v>1</v>
      </c>
      <c r="K5236" s="9">
        <v>7.98</v>
      </c>
      <c r="L5236" s="6" t="s">
        <v>51</v>
      </c>
    </row>
    <row r="5237" spans="1:12">
      <c r="A5237" s="6" t="s">
        <v>49</v>
      </c>
      <c r="B5237" s="6"/>
      <c r="C5237" s="6" t="s">
        <v>5257</v>
      </c>
      <c r="D5237" s="6"/>
      <c r="E5237" s="6" t="s">
        <v>9</v>
      </c>
      <c r="F5237" s="7">
        <v>38657</v>
      </c>
      <c r="G5237" s="8">
        <v>1</v>
      </c>
      <c r="H5237" s="8">
        <v>1</v>
      </c>
      <c r="I5237" s="8">
        <v>0</v>
      </c>
      <c r="J5237" s="8">
        <v>1</v>
      </c>
      <c r="K5237" s="9">
        <v>19.8</v>
      </c>
      <c r="L5237" s="6" t="s">
        <v>51</v>
      </c>
    </row>
    <row r="5238" spans="1:12">
      <c r="A5238" s="6" t="s">
        <v>49</v>
      </c>
      <c r="B5238" s="6"/>
      <c r="C5238" s="6" t="s">
        <v>5258</v>
      </c>
      <c r="D5238" s="6"/>
      <c r="E5238" s="6" t="s">
        <v>9</v>
      </c>
      <c r="F5238" s="7">
        <v>38657</v>
      </c>
      <c r="G5238" s="8">
        <v>1</v>
      </c>
      <c r="H5238" s="8">
        <v>1</v>
      </c>
      <c r="I5238" s="8">
        <v>0</v>
      </c>
      <c r="J5238" s="8">
        <v>1</v>
      </c>
      <c r="K5238" s="9">
        <v>2</v>
      </c>
      <c r="L5238" s="6" t="s">
        <v>51</v>
      </c>
    </row>
    <row r="5239" spans="1:12">
      <c r="A5239" s="6" t="s">
        <v>49</v>
      </c>
      <c r="B5239" s="6"/>
      <c r="C5239" s="6" t="s">
        <v>5259</v>
      </c>
      <c r="D5239" s="6"/>
      <c r="E5239" s="6" t="s">
        <v>9</v>
      </c>
      <c r="F5239" s="7">
        <v>38657</v>
      </c>
      <c r="G5239" s="8">
        <v>1</v>
      </c>
      <c r="H5239" s="8">
        <v>1</v>
      </c>
      <c r="I5239" s="8">
        <v>0</v>
      </c>
      <c r="J5239" s="8">
        <v>1</v>
      </c>
      <c r="K5239" s="9">
        <v>2</v>
      </c>
      <c r="L5239" s="6" t="s">
        <v>51</v>
      </c>
    </row>
    <row r="5240" spans="1:12">
      <c r="A5240" s="6" t="s">
        <v>49</v>
      </c>
      <c r="B5240" s="6"/>
      <c r="C5240" s="6" t="s">
        <v>5260</v>
      </c>
      <c r="D5240" s="6"/>
      <c r="E5240" s="6" t="s">
        <v>9</v>
      </c>
      <c r="F5240" s="7">
        <v>38657</v>
      </c>
      <c r="G5240" s="8">
        <v>1</v>
      </c>
      <c r="H5240" s="8">
        <v>1</v>
      </c>
      <c r="I5240" s="8">
        <v>0</v>
      </c>
      <c r="J5240" s="8">
        <v>1</v>
      </c>
      <c r="K5240" s="9">
        <v>9.4700000000000006</v>
      </c>
      <c r="L5240" s="6" t="s">
        <v>51</v>
      </c>
    </row>
    <row r="5241" spans="1:12">
      <c r="A5241" s="6" t="s">
        <v>49</v>
      </c>
      <c r="B5241" s="6"/>
      <c r="C5241" s="6" t="s">
        <v>5261</v>
      </c>
      <c r="D5241" s="6"/>
      <c r="E5241" s="6" t="s">
        <v>9</v>
      </c>
      <c r="F5241" s="7">
        <v>38657</v>
      </c>
      <c r="G5241" s="8">
        <v>1</v>
      </c>
      <c r="H5241" s="8">
        <v>1</v>
      </c>
      <c r="I5241" s="8">
        <v>0</v>
      </c>
      <c r="J5241" s="8">
        <v>1</v>
      </c>
      <c r="K5241" s="9">
        <v>2</v>
      </c>
      <c r="L5241" s="6" t="s">
        <v>51</v>
      </c>
    </row>
    <row r="5242" spans="1:12">
      <c r="A5242" s="6" t="s">
        <v>49</v>
      </c>
      <c r="B5242" s="6"/>
      <c r="C5242" s="6" t="s">
        <v>5262</v>
      </c>
      <c r="D5242" s="6"/>
      <c r="E5242" s="6" t="s">
        <v>9</v>
      </c>
      <c r="F5242" s="7">
        <v>38657</v>
      </c>
      <c r="G5242" s="8">
        <v>1</v>
      </c>
      <c r="H5242" s="8">
        <v>1</v>
      </c>
      <c r="I5242" s="8">
        <v>0</v>
      </c>
      <c r="J5242" s="8">
        <v>1</v>
      </c>
      <c r="K5242" s="9">
        <v>1.03</v>
      </c>
      <c r="L5242" s="6" t="s">
        <v>51</v>
      </c>
    </row>
    <row r="5243" spans="1:12">
      <c r="A5243" s="6" t="s">
        <v>49</v>
      </c>
      <c r="B5243" s="6"/>
      <c r="C5243" s="6" t="s">
        <v>5263</v>
      </c>
      <c r="D5243" s="6"/>
      <c r="E5243" s="6" t="s">
        <v>9</v>
      </c>
      <c r="F5243" s="7">
        <v>38657</v>
      </c>
      <c r="G5243" s="8">
        <v>1</v>
      </c>
      <c r="H5243" s="8">
        <v>1</v>
      </c>
      <c r="I5243" s="8">
        <v>0</v>
      </c>
      <c r="J5243" s="8">
        <v>1</v>
      </c>
      <c r="K5243" s="9">
        <v>4.26</v>
      </c>
      <c r="L5243" s="6" t="s">
        <v>51</v>
      </c>
    </row>
    <row r="5244" spans="1:12">
      <c r="A5244" s="6" t="s">
        <v>49</v>
      </c>
      <c r="B5244" s="6"/>
      <c r="C5244" s="6" t="s">
        <v>5264</v>
      </c>
      <c r="D5244" s="6"/>
      <c r="E5244" s="6" t="s">
        <v>9</v>
      </c>
      <c r="F5244" s="7">
        <v>38657</v>
      </c>
      <c r="G5244" s="8">
        <v>1</v>
      </c>
      <c r="H5244" s="8">
        <v>1</v>
      </c>
      <c r="I5244" s="8">
        <v>0</v>
      </c>
      <c r="J5244" s="8">
        <v>1</v>
      </c>
      <c r="K5244" s="9">
        <v>2.54</v>
      </c>
      <c r="L5244" s="6" t="s">
        <v>51</v>
      </c>
    </row>
    <row r="5245" spans="1:12">
      <c r="A5245" s="6" t="s">
        <v>49</v>
      </c>
      <c r="B5245" s="6"/>
      <c r="C5245" s="6" t="s">
        <v>5265</v>
      </c>
      <c r="D5245" s="6"/>
      <c r="E5245" s="6" t="s">
        <v>9</v>
      </c>
      <c r="F5245" s="7">
        <v>38657</v>
      </c>
      <c r="G5245" s="8">
        <v>1</v>
      </c>
      <c r="H5245" s="8">
        <v>1</v>
      </c>
      <c r="I5245" s="8">
        <v>0</v>
      </c>
      <c r="J5245" s="8">
        <v>1</v>
      </c>
      <c r="K5245" s="9">
        <v>0.93</v>
      </c>
      <c r="L5245" s="6" t="s">
        <v>51</v>
      </c>
    </row>
    <row r="5246" spans="1:12">
      <c r="A5246" s="6" t="s">
        <v>49</v>
      </c>
      <c r="B5246" s="6"/>
      <c r="C5246" s="6" t="s">
        <v>5266</v>
      </c>
      <c r="D5246" s="6"/>
      <c r="E5246" s="6" t="s">
        <v>9</v>
      </c>
      <c r="F5246" s="7">
        <v>38657</v>
      </c>
      <c r="G5246" s="8">
        <v>1</v>
      </c>
      <c r="H5246" s="8">
        <v>1</v>
      </c>
      <c r="I5246" s="8">
        <v>0</v>
      </c>
      <c r="J5246" s="8">
        <v>1</v>
      </c>
      <c r="K5246" s="9">
        <v>8.9</v>
      </c>
      <c r="L5246" s="6" t="s">
        <v>51</v>
      </c>
    </row>
    <row r="5247" spans="1:12">
      <c r="A5247" s="6" t="s">
        <v>49</v>
      </c>
      <c r="B5247" s="6"/>
      <c r="C5247" s="6" t="s">
        <v>5267</v>
      </c>
      <c r="D5247" s="6"/>
      <c r="E5247" s="6" t="s">
        <v>9</v>
      </c>
      <c r="F5247" s="7">
        <v>38657</v>
      </c>
      <c r="G5247" s="8">
        <v>1</v>
      </c>
      <c r="H5247" s="8">
        <v>1</v>
      </c>
      <c r="I5247" s="8">
        <v>0</v>
      </c>
      <c r="J5247" s="8">
        <v>1</v>
      </c>
      <c r="K5247" s="9">
        <v>6.33</v>
      </c>
      <c r="L5247" s="6" t="s">
        <v>51</v>
      </c>
    </row>
    <row r="5248" spans="1:12">
      <c r="A5248" s="6" t="s">
        <v>49</v>
      </c>
      <c r="B5248" s="6"/>
      <c r="C5248" s="6" t="s">
        <v>5268</v>
      </c>
      <c r="D5248" s="6"/>
      <c r="E5248" s="6" t="s">
        <v>9</v>
      </c>
      <c r="F5248" s="7">
        <v>38657</v>
      </c>
      <c r="G5248" s="8">
        <v>1</v>
      </c>
      <c r="H5248" s="8">
        <v>1</v>
      </c>
      <c r="I5248" s="8">
        <v>0</v>
      </c>
      <c r="J5248" s="8">
        <v>1</v>
      </c>
      <c r="K5248" s="9">
        <v>91.51</v>
      </c>
      <c r="L5248" s="6" t="s">
        <v>51</v>
      </c>
    </row>
    <row r="5249" spans="1:12">
      <c r="A5249" s="6" t="s">
        <v>49</v>
      </c>
      <c r="B5249" s="6"/>
      <c r="C5249" s="6" t="s">
        <v>5269</v>
      </c>
      <c r="D5249" s="6"/>
      <c r="E5249" s="6" t="s">
        <v>9</v>
      </c>
      <c r="F5249" s="7">
        <v>38657</v>
      </c>
      <c r="G5249" s="8">
        <v>1</v>
      </c>
      <c r="H5249" s="8">
        <v>1</v>
      </c>
      <c r="I5249" s="8">
        <v>0</v>
      </c>
      <c r="J5249" s="8">
        <v>1</v>
      </c>
      <c r="K5249" s="9">
        <v>5.74</v>
      </c>
      <c r="L5249" s="6" t="s">
        <v>51</v>
      </c>
    </row>
    <row r="5250" spans="1:12">
      <c r="A5250" s="6" t="s">
        <v>49</v>
      </c>
      <c r="B5250" s="6"/>
      <c r="C5250" s="6" t="s">
        <v>5270</v>
      </c>
      <c r="D5250" s="6"/>
      <c r="E5250" s="6" t="s">
        <v>9</v>
      </c>
      <c r="F5250" s="7">
        <v>38657</v>
      </c>
      <c r="G5250" s="8">
        <v>1</v>
      </c>
      <c r="H5250" s="8">
        <v>1</v>
      </c>
      <c r="I5250" s="8">
        <v>0</v>
      </c>
      <c r="J5250" s="8">
        <v>1</v>
      </c>
      <c r="K5250" s="9">
        <v>2.7</v>
      </c>
      <c r="L5250" s="6" t="s">
        <v>51</v>
      </c>
    </row>
    <row r="5251" spans="1:12">
      <c r="A5251" s="6" t="s">
        <v>49</v>
      </c>
      <c r="B5251" s="6"/>
      <c r="C5251" s="6" t="s">
        <v>5271</v>
      </c>
      <c r="D5251" s="6"/>
      <c r="E5251" s="6" t="s">
        <v>9</v>
      </c>
      <c r="F5251" s="7">
        <v>38657</v>
      </c>
      <c r="G5251" s="8">
        <v>1</v>
      </c>
      <c r="H5251" s="8">
        <v>1</v>
      </c>
      <c r="I5251" s="8">
        <v>0</v>
      </c>
      <c r="J5251" s="8">
        <v>1</v>
      </c>
      <c r="K5251" s="9">
        <v>9.91</v>
      </c>
      <c r="L5251" s="6" t="s">
        <v>51</v>
      </c>
    </row>
    <row r="5252" spans="1:12">
      <c r="A5252" s="6" t="s">
        <v>49</v>
      </c>
      <c r="B5252" s="6"/>
      <c r="C5252" s="6" t="s">
        <v>5272</v>
      </c>
      <c r="D5252" s="6"/>
      <c r="E5252" s="6" t="s">
        <v>9</v>
      </c>
      <c r="F5252" s="7">
        <v>38657</v>
      </c>
      <c r="G5252" s="8">
        <v>1</v>
      </c>
      <c r="H5252" s="8">
        <v>1</v>
      </c>
      <c r="I5252" s="8">
        <v>0</v>
      </c>
      <c r="J5252" s="8">
        <v>1</v>
      </c>
      <c r="K5252" s="9">
        <v>32</v>
      </c>
      <c r="L5252" s="6" t="s">
        <v>51</v>
      </c>
    </row>
    <row r="5253" spans="1:12">
      <c r="A5253" s="6" t="s">
        <v>49</v>
      </c>
      <c r="B5253" s="6"/>
      <c r="C5253" s="6" t="s">
        <v>5273</v>
      </c>
      <c r="D5253" s="6"/>
      <c r="E5253" s="6" t="s">
        <v>9</v>
      </c>
      <c r="F5253" s="7">
        <v>38657</v>
      </c>
      <c r="G5253" s="8">
        <v>1</v>
      </c>
      <c r="H5253" s="8">
        <v>1</v>
      </c>
      <c r="I5253" s="8">
        <v>0</v>
      </c>
      <c r="J5253" s="8">
        <v>1</v>
      </c>
      <c r="K5253" s="9">
        <v>7.07</v>
      </c>
      <c r="L5253" s="6" t="s">
        <v>51</v>
      </c>
    </row>
    <row r="5254" spans="1:12">
      <c r="A5254" s="6" t="s">
        <v>49</v>
      </c>
      <c r="B5254" s="6"/>
      <c r="C5254" s="6" t="s">
        <v>5274</v>
      </c>
      <c r="D5254" s="6"/>
      <c r="E5254" s="6" t="s">
        <v>9</v>
      </c>
      <c r="F5254" s="7">
        <v>38657</v>
      </c>
      <c r="G5254" s="8">
        <v>1</v>
      </c>
      <c r="H5254" s="8">
        <v>1</v>
      </c>
      <c r="I5254" s="8">
        <v>0</v>
      </c>
      <c r="J5254" s="8">
        <v>1</v>
      </c>
      <c r="K5254" s="9">
        <v>29</v>
      </c>
      <c r="L5254" s="6" t="s">
        <v>51</v>
      </c>
    </row>
    <row r="5255" spans="1:12">
      <c r="A5255" s="6" t="s">
        <v>49</v>
      </c>
      <c r="B5255" s="6"/>
      <c r="C5255" s="6" t="s">
        <v>5275</v>
      </c>
      <c r="D5255" s="6"/>
      <c r="E5255" s="6" t="s">
        <v>9</v>
      </c>
      <c r="F5255" s="7">
        <v>38657</v>
      </c>
      <c r="G5255" s="8">
        <v>1</v>
      </c>
      <c r="H5255" s="8">
        <v>1</v>
      </c>
      <c r="I5255" s="8">
        <v>0</v>
      </c>
      <c r="J5255" s="8">
        <v>1</v>
      </c>
      <c r="K5255" s="9">
        <v>31</v>
      </c>
      <c r="L5255" s="6" t="s">
        <v>51</v>
      </c>
    </row>
    <row r="5256" spans="1:12">
      <c r="A5256" s="6" t="s">
        <v>49</v>
      </c>
      <c r="B5256" s="6"/>
      <c r="C5256" s="6" t="s">
        <v>5276</v>
      </c>
      <c r="D5256" s="6"/>
      <c r="E5256" s="6" t="s">
        <v>9</v>
      </c>
      <c r="F5256" s="7">
        <v>40821</v>
      </c>
      <c r="G5256" s="8">
        <v>1</v>
      </c>
      <c r="H5256" s="8">
        <v>1</v>
      </c>
      <c r="I5256" s="8">
        <v>0</v>
      </c>
      <c r="J5256" s="8">
        <v>1</v>
      </c>
      <c r="K5256" s="9">
        <v>15</v>
      </c>
      <c r="L5256" s="6" t="s">
        <v>51</v>
      </c>
    </row>
    <row r="5257" spans="1:12">
      <c r="A5257" s="6" t="s">
        <v>49</v>
      </c>
      <c r="B5257" s="6"/>
      <c r="C5257" s="6" t="s">
        <v>5277</v>
      </c>
      <c r="D5257" s="6"/>
      <c r="E5257" s="6" t="s">
        <v>9</v>
      </c>
      <c r="F5257" s="7">
        <v>38657</v>
      </c>
      <c r="G5257" s="8">
        <v>1</v>
      </c>
      <c r="H5257" s="8">
        <v>1</v>
      </c>
      <c r="I5257" s="8">
        <v>0</v>
      </c>
      <c r="J5257" s="8">
        <v>1</v>
      </c>
      <c r="K5257" s="9">
        <v>9.18</v>
      </c>
      <c r="L5257" s="6" t="s">
        <v>51</v>
      </c>
    </row>
    <row r="5258" spans="1:12">
      <c r="A5258" s="6" t="s">
        <v>49</v>
      </c>
      <c r="B5258" s="6"/>
      <c r="C5258" s="6" t="s">
        <v>5278</v>
      </c>
      <c r="D5258" s="6"/>
      <c r="E5258" s="6" t="s">
        <v>9</v>
      </c>
      <c r="F5258" s="7">
        <v>38657</v>
      </c>
      <c r="G5258" s="8">
        <v>1</v>
      </c>
      <c r="H5258" s="8">
        <v>1</v>
      </c>
      <c r="I5258" s="8">
        <v>0</v>
      </c>
      <c r="J5258" s="8">
        <v>1</v>
      </c>
      <c r="K5258" s="9">
        <v>11</v>
      </c>
      <c r="L5258" s="6" t="s">
        <v>51</v>
      </c>
    </row>
    <row r="5259" spans="1:12">
      <c r="A5259" s="6" t="s">
        <v>49</v>
      </c>
      <c r="B5259" s="6"/>
      <c r="C5259" s="6" t="s">
        <v>5279</v>
      </c>
      <c r="D5259" s="6"/>
      <c r="E5259" s="6" t="s">
        <v>9</v>
      </c>
      <c r="F5259" s="7">
        <v>38657</v>
      </c>
      <c r="G5259" s="8">
        <v>1</v>
      </c>
      <c r="H5259" s="8">
        <v>1</v>
      </c>
      <c r="I5259" s="8">
        <v>0</v>
      </c>
      <c r="J5259" s="8">
        <v>1</v>
      </c>
      <c r="K5259" s="9">
        <v>66.459999999999894</v>
      </c>
      <c r="L5259" s="6" t="s">
        <v>51</v>
      </c>
    </row>
    <row r="5260" spans="1:12">
      <c r="A5260" s="6" t="s">
        <v>49</v>
      </c>
      <c r="B5260" s="6"/>
      <c r="C5260" s="6" t="s">
        <v>5280</v>
      </c>
      <c r="D5260" s="6"/>
      <c r="E5260" s="6" t="s">
        <v>9</v>
      </c>
      <c r="F5260" s="7">
        <v>38657</v>
      </c>
      <c r="G5260" s="8">
        <v>1</v>
      </c>
      <c r="H5260" s="8">
        <v>1</v>
      </c>
      <c r="I5260" s="8">
        <v>0</v>
      </c>
      <c r="J5260" s="8">
        <v>1</v>
      </c>
      <c r="K5260" s="9">
        <v>4.62</v>
      </c>
      <c r="L5260" s="6" t="s">
        <v>51</v>
      </c>
    </row>
    <row r="5261" spans="1:12">
      <c r="A5261" s="6" t="s">
        <v>49</v>
      </c>
      <c r="B5261" s="6"/>
      <c r="C5261" s="6" t="s">
        <v>5281</v>
      </c>
      <c r="D5261" s="6"/>
      <c r="E5261" s="6" t="s">
        <v>9</v>
      </c>
      <c r="F5261" s="7">
        <v>38657</v>
      </c>
      <c r="G5261" s="8">
        <v>1</v>
      </c>
      <c r="H5261" s="8">
        <v>1</v>
      </c>
      <c r="I5261" s="8">
        <v>0</v>
      </c>
      <c r="J5261" s="8">
        <v>1</v>
      </c>
      <c r="K5261" s="9">
        <v>6.61</v>
      </c>
      <c r="L5261" s="6" t="s">
        <v>51</v>
      </c>
    </row>
    <row r="5262" spans="1:12">
      <c r="A5262" s="6" t="s">
        <v>49</v>
      </c>
      <c r="B5262" s="6"/>
      <c r="C5262" s="6" t="s">
        <v>5282</v>
      </c>
      <c r="D5262" s="6"/>
      <c r="E5262" s="6" t="s">
        <v>9</v>
      </c>
      <c r="F5262" s="7">
        <v>38657</v>
      </c>
      <c r="G5262" s="8">
        <v>1</v>
      </c>
      <c r="H5262" s="8">
        <v>1</v>
      </c>
      <c r="I5262" s="8">
        <v>0</v>
      </c>
      <c r="J5262" s="8">
        <v>1</v>
      </c>
      <c r="K5262" s="9">
        <v>30</v>
      </c>
      <c r="L5262" s="6" t="s">
        <v>51</v>
      </c>
    </row>
    <row r="5263" spans="1:12">
      <c r="A5263" s="6" t="s">
        <v>49</v>
      </c>
      <c r="B5263" s="6"/>
      <c r="C5263" s="6" t="s">
        <v>5283</v>
      </c>
      <c r="D5263" s="6"/>
      <c r="E5263" s="6" t="s">
        <v>9</v>
      </c>
      <c r="F5263" s="7">
        <v>38657</v>
      </c>
      <c r="G5263" s="8">
        <v>1</v>
      </c>
      <c r="H5263" s="8">
        <v>1</v>
      </c>
      <c r="I5263" s="8">
        <v>0</v>
      </c>
      <c r="J5263" s="8">
        <v>1</v>
      </c>
      <c r="K5263" s="9">
        <v>18</v>
      </c>
      <c r="L5263" s="6" t="s">
        <v>51</v>
      </c>
    </row>
    <row r="5264" spans="1:12">
      <c r="A5264" s="6" t="s">
        <v>49</v>
      </c>
      <c r="B5264" s="6"/>
      <c r="C5264" s="6" t="s">
        <v>5284</v>
      </c>
      <c r="D5264" s="6"/>
      <c r="E5264" s="6" t="s">
        <v>9</v>
      </c>
      <c r="F5264" s="7">
        <v>38657</v>
      </c>
      <c r="G5264" s="8">
        <v>1</v>
      </c>
      <c r="H5264" s="8">
        <v>1</v>
      </c>
      <c r="I5264" s="8">
        <v>0</v>
      </c>
      <c r="J5264" s="8">
        <v>1</v>
      </c>
      <c r="K5264" s="9">
        <v>38</v>
      </c>
      <c r="L5264" s="6" t="s">
        <v>51</v>
      </c>
    </row>
    <row r="5265" spans="1:12">
      <c r="A5265" s="6" t="s">
        <v>49</v>
      </c>
      <c r="B5265" s="6"/>
      <c r="C5265" s="6" t="s">
        <v>5285</v>
      </c>
      <c r="D5265" s="6"/>
      <c r="E5265" s="6" t="s">
        <v>9</v>
      </c>
      <c r="F5265" s="7">
        <v>38657</v>
      </c>
      <c r="G5265" s="8">
        <v>1</v>
      </c>
      <c r="H5265" s="8">
        <v>1</v>
      </c>
      <c r="I5265" s="8">
        <v>0</v>
      </c>
      <c r="J5265" s="8">
        <v>1</v>
      </c>
      <c r="K5265" s="9">
        <v>8.25</v>
      </c>
      <c r="L5265" s="6" t="s">
        <v>51</v>
      </c>
    </row>
    <row r="5266" spans="1:12">
      <c r="A5266" s="6" t="s">
        <v>49</v>
      </c>
      <c r="B5266" s="6"/>
      <c r="C5266" s="6" t="s">
        <v>5286</v>
      </c>
      <c r="D5266" s="6"/>
      <c r="E5266" s="6" t="s">
        <v>9</v>
      </c>
      <c r="F5266" s="7">
        <v>38657</v>
      </c>
      <c r="G5266" s="8">
        <v>1</v>
      </c>
      <c r="H5266" s="8">
        <v>1</v>
      </c>
      <c r="I5266" s="8">
        <v>0</v>
      </c>
      <c r="J5266" s="8">
        <v>1</v>
      </c>
      <c r="K5266" s="9">
        <v>15</v>
      </c>
      <c r="L5266" s="6" t="s">
        <v>51</v>
      </c>
    </row>
    <row r="5267" spans="1:12">
      <c r="A5267" s="6" t="s">
        <v>49</v>
      </c>
      <c r="B5267" s="6"/>
      <c r="C5267" s="6" t="s">
        <v>5287</v>
      </c>
      <c r="D5267" s="6"/>
      <c r="E5267" s="6" t="s">
        <v>9</v>
      </c>
      <c r="F5267" s="7">
        <v>38657</v>
      </c>
      <c r="G5267" s="8">
        <v>1</v>
      </c>
      <c r="H5267" s="8">
        <v>1</v>
      </c>
      <c r="I5267" s="8">
        <v>0</v>
      </c>
      <c r="J5267" s="8">
        <v>1</v>
      </c>
      <c r="K5267" s="9">
        <v>15</v>
      </c>
      <c r="L5267" s="6" t="s">
        <v>51</v>
      </c>
    </row>
    <row r="5268" spans="1:12">
      <c r="A5268" s="6" t="s">
        <v>49</v>
      </c>
      <c r="B5268" s="6"/>
      <c r="C5268" s="6" t="s">
        <v>5288</v>
      </c>
      <c r="D5268" s="6"/>
      <c r="E5268" s="6" t="s">
        <v>9</v>
      </c>
      <c r="F5268" s="7">
        <v>38657</v>
      </c>
      <c r="G5268" s="8">
        <v>1</v>
      </c>
      <c r="H5268" s="8">
        <v>1</v>
      </c>
      <c r="I5268" s="8">
        <v>0</v>
      </c>
      <c r="J5268" s="8">
        <v>1</v>
      </c>
      <c r="K5268" s="9">
        <v>59</v>
      </c>
      <c r="L5268" s="6" t="s">
        <v>51</v>
      </c>
    </row>
    <row r="5269" spans="1:12">
      <c r="A5269" s="6" t="s">
        <v>49</v>
      </c>
      <c r="B5269" s="6"/>
      <c r="C5269" s="6" t="s">
        <v>5289</v>
      </c>
      <c r="D5269" s="6"/>
      <c r="E5269" s="6" t="s">
        <v>9</v>
      </c>
      <c r="F5269" s="7">
        <v>38657</v>
      </c>
      <c r="G5269" s="8">
        <v>1</v>
      </c>
      <c r="H5269" s="8">
        <v>1</v>
      </c>
      <c r="I5269" s="8">
        <v>0</v>
      </c>
      <c r="J5269" s="8">
        <v>1</v>
      </c>
      <c r="K5269" s="9">
        <v>3.01</v>
      </c>
      <c r="L5269" s="6" t="s">
        <v>51</v>
      </c>
    </row>
    <row r="5270" spans="1:12">
      <c r="A5270" s="6" t="s">
        <v>49</v>
      </c>
      <c r="B5270" s="6"/>
      <c r="C5270" s="6" t="s">
        <v>5290</v>
      </c>
      <c r="D5270" s="6"/>
      <c r="E5270" s="6" t="s">
        <v>9</v>
      </c>
      <c r="F5270" s="7">
        <v>38657</v>
      </c>
      <c r="G5270" s="8">
        <v>1</v>
      </c>
      <c r="H5270" s="8">
        <v>1</v>
      </c>
      <c r="I5270" s="8">
        <v>0</v>
      </c>
      <c r="J5270" s="8">
        <v>1</v>
      </c>
      <c r="K5270" s="9">
        <v>5.07</v>
      </c>
      <c r="L5270" s="6" t="s">
        <v>51</v>
      </c>
    </row>
    <row r="5271" spans="1:12">
      <c r="A5271" s="6" t="s">
        <v>49</v>
      </c>
      <c r="B5271" s="6"/>
      <c r="C5271" s="6" t="s">
        <v>5291</v>
      </c>
      <c r="D5271" s="6"/>
      <c r="E5271" s="6" t="s">
        <v>9</v>
      </c>
      <c r="F5271" s="7">
        <v>38657</v>
      </c>
      <c r="G5271" s="8">
        <v>1</v>
      </c>
      <c r="H5271" s="8">
        <v>1</v>
      </c>
      <c r="I5271" s="8">
        <v>0</v>
      </c>
      <c r="J5271" s="8">
        <v>1</v>
      </c>
      <c r="K5271" s="9">
        <v>26</v>
      </c>
      <c r="L5271" s="6" t="s">
        <v>51</v>
      </c>
    </row>
    <row r="5272" spans="1:12">
      <c r="A5272" s="6" t="s">
        <v>49</v>
      </c>
      <c r="B5272" s="6"/>
      <c r="C5272" s="6" t="s">
        <v>5292</v>
      </c>
      <c r="D5272" s="6"/>
      <c r="E5272" s="6" t="s">
        <v>9</v>
      </c>
      <c r="F5272" s="7">
        <v>38657</v>
      </c>
      <c r="G5272" s="8">
        <v>1</v>
      </c>
      <c r="H5272" s="8">
        <v>1</v>
      </c>
      <c r="I5272" s="8">
        <v>0</v>
      </c>
      <c r="J5272" s="8">
        <v>1</v>
      </c>
      <c r="K5272" s="9">
        <v>9.91</v>
      </c>
      <c r="L5272" s="6" t="s">
        <v>51</v>
      </c>
    </row>
    <row r="5273" spans="1:12">
      <c r="A5273" s="6" t="s">
        <v>49</v>
      </c>
      <c r="B5273" s="6"/>
      <c r="C5273" s="6" t="s">
        <v>5293</v>
      </c>
      <c r="D5273" s="6"/>
      <c r="E5273" s="6" t="s">
        <v>9</v>
      </c>
      <c r="F5273" s="7">
        <v>38657</v>
      </c>
      <c r="G5273" s="8">
        <v>1</v>
      </c>
      <c r="H5273" s="8">
        <v>1</v>
      </c>
      <c r="I5273" s="8">
        <v>0</v>
      </c>
      <c r="J5273" s="8">
        <v>1</v>
      </c>
      <c r="K5273" s="9">
        <v>55</v>
      </c>
      <c r="L5273" s="6" t="s">
        <v>51</v>
      </c>
    </row>
    <row r="5274" spans="1:12">
      <c r="A5274" s="6" t="s">
        <v>49</v>
      </c>
      <c r="B5274" s="6"/>
      <c r="C5274" s="6" t="s">
        <v>5294</v>
      </c>
      <c r="D5274" s="6"/>
      <c r="E5274" s="6" t="s">
        <v>9</v>
      </c>
      <c r="F5274" s="7">
        <v>40802</v>
      </c>
      <c r="G5274" s="8">
        <v>1</v>
      </c>
      <c r="H5274" s="8">
        <v>1</v>
      </c>
      <c r="I5274" s="8">
        <v>0</v>
      </c>
      <c r="J5274" s="8">
        <v>1</v>
      </c>
      <c r="K5274" s="9">
        <v>10</v>
      </c>
      <c r="L5274" s="6" t="s">
        <v>51</v>
      </c>
    </row>
    <row r="5275" spans="1:12">
      <c r="A5275" s="6" t="s">
        <v>49</v>
      </c>
      <c r="B5275" s="6"/>
      <c r="C5275" s="6" t="s">
        <v>5295</v>
      </c>
      <c r="D5275" s="6"/>
      <c r="E5275" s="6" t="s">
        <v>9</v>
      </c>
      <c r="F5275" s="7">
        <v>38657</v>
      </c>
      <c r="G5275" s="8">
        <v>1</v>
      </c>
      <c r="H5275" s="8">
        <v>1</v>
      </c>
      <c r="I5275" s="8">
        <v>0</v>
      </c>
      <c r="J5275" s="8">
        <v>1</v>
      </c>
      <c r="K5275" s="9">
        <v>1.78</v>
      </c>
      <c r="L5275" s="6" t="s">
        <v>51</v>
      </c>
    </row>
    <row r="5276" spans="1:12">
      <c r="A5276" s="6" t="s">
        <v>49</v>
      </c>
      <c r="B5276" s="6"/>
      <c r="C5276" s="6" t="s">
        <v>5296</v>
      </c>
      <c r="D5276" s="6"/>
      <c r="E5276" s="6" t="s">
        <v>9</v>
      </c>
      <c r="F5276" s="7">
        <v>38657</v>
      </c>
      <c r="G5276" s="8">
        <v>1</v>
      </c>
      <c r="H5276" s="8">
        <v>1</v>
      </c>
      <c r="I5276" s="8">
        <v>0</v>
      </c>
      <c r="J5276" s="8">
        <v>1</v>
      </c>
      <c r="K5276" s="9">
        <v>3.96</v>
      </c>
      <c r="L5276" s="6" t="s">
        <v>51</v>
      </c>
    </row>
    <row r="5277" spans="1:12">
      <c r="A5277" s="6" t="s">
        <v>49</v>
      </c>
      <c r="B5277" s="6"/>
      <c r="C5277" s="6" t="s">
        <v>5297</v>
      </c>
      <c r="D5277" s="6"/>
      <c r="E5277" s="6" t="s">
        <v>9</v>
      </c>
      <c r="F5277" s="7">
        <v>38657</v>
      </c>
      <c r="G5277" s="8">
        <v>1</v>
      </c>
      <c r="H5277" s="8">
        <v>1</v>
      </c>
      <c r="I5277" s="8">
        <v>0</v>
      </c>
      <c r="J5277" s="8">
        <v>1</v>
      </c>
      <c r="K5277" s="9">
        <v>13</v>
      </c>
      <c r="L5277" s="6" t="s">
        <v>51</v>
      </c>
    </row>
    <row r="5278" spans="1:12">
      <c r="A5278" s="6" t="s">
        <v>49</v>
      </c>
      <c r="B5278" s="6"/>
      <c r="C5278" s="6" t="s">
        <v>5298</v>
      </c>
      <c r="D5278" s="6"/>
      <c r="E5278" s="6" t="s">
        <v>9</v>
      </c>
      <c r="F5278" s="7">
        <v>38657</v>
      </c>
      <c r="G5278" s="8">
        <v>1</v>
      </c>
      <c r="H5278" s="8">
        <v>1</v>
      </c>
      <c r="I5278" s="8">
        <v>0</v>
      </c>
      <c r="J5278" s="8">
        <v>1</v>
      </c>
      <c r="K5278" s="9">
        <v>102</v>
      </c>
      <c r="L5278" s="6" t="s">
        <v>51</v>
      </c>
    </row>
    <row r="5279" spans="1:12">
      <c r="A5279" s="6" t="s">
        <v>49</v>
      </c>
      <c r="B5279" s="6"/>
      <c r="C5279" s="6" t="s">
        <v>5299</v>
      </c>
      <c r="D5279" s="6"/>
      <c r="E5279" s="6" t="s">
        <v>9</v>
      </c>
      <c r="F5279" s="7">
        <v>38657</v>
      </c>
      <c r="G5279" s="8">
        <v>1</v>
      </c>
      <c r="H5279" s="8">
        <v>1</v>
      </c>
      <c r="I5279" s="8">
        <v>0</v>
      </c>
      <c r="J5279" s="8">
        <v>1</v>
      </c>
      <c r="K5279" s="9">
        <v>49</v>
      </c>
      <c r="L5279" s="6" t="s">
        <v>51</v>
      </c>
    </row>
    <row r="5280" spans="1:12">
      <c r="A5280" s="6" t="s">
        <v>49</v>
      </c>
      <c r="B5280" s="6"/>
      <c r="C5280" s="6" t="s">
        <v>5300</v>
      </c>
      <c r="D5280" s="6"/>
      <c r="E5280" s="6" t="s">
        <v>9</v>
      </c>
      <c r="F5280" s="7">
        <v>38657</v>
      </c>
      <c r="G5280" s="8">
        <v>1</v>
      </c>
      <c r="H5280" s="8">
        <v>1</v>
      </c>
      <c r="I5280" s="8">
        <v>0</v>
      </c>
      <c r="J5280" s="8">
        <v>1</v>
      </c>
      <c r="K5280" s="9">
        <v>41</v>
      </c>
      <c r="L5280" s="6" t="s">
        <v>51</v>
      </c>
    </row>
    <row r="5281" spans="1:12">
      <c r="A5281" s="6" t="s">
        <v>49</v>
      </c>
      <c r="B5281" s="6"/>
      <c r="C5281" s="6" t="s">
        <v>5301</v>
      </c>
      <c r="D5281" s="6"/>
      <c r="E5281" s="6" t="s">
        <v>9</v>
      </c>
      <c r="F5281" s="7">
        <v>38657</v>
      </c>
      <c r="G5281" s="8">
        <v>1</v>
      </c>
      <c r="H5281" s="8">
        <v>1</v>
      </c>
      <c r="I5281" s="8">
        <v>0</v>
      </c>
      <c r="J5281" s="8">
        <v>1</v>
      </c>
      <c r="K5281" s="9">
        <v>10.1199999999999</v>
      </c>
      <c r="L5281" s="6" t="s">
        <v>51</v>
      </c>
    </row>
    <row r="5282" spans="1:12">
      <c r="A5282" s="6" t="s">
        <v>49</v>
      </c>
      <c r="B5282" s="6"/>
      <c r="C5282" s="6" t="s">
        <v>5302</v>
      </c>
      <c r="D5282" s="6"/>
      <c r="E5282" s="6" t="s">
        <v>9</v>
      </c>
      <c r="F5282" s="7">
        <v>38657</v>
      </c>
      <c r="G5282" s="8">
        <v>1</v>
      </c>
      <c r="H5282" s="8">
        <v>1</v>
      </c>
      <c r="I5282" s="8">
        <v>0</v>
      </c>
      <c r="J5282" s="8">
        <v>1</v>
      </c>
      <c r="K5282" s="9">
        <v>3.58</v>
      </c>
      <c r="L5282" s="6" t="s">
        <v>51</v>
      </c>
    </row>
    <row r="5283" spans="1:12">
      <c r="A5283" s="6" t="s">
        <v>49</v>
      </c>
      <c r="B5283" s="6"/>
      <c r="C5283" s="6" t="s">
        <v>5303</v>
      </c>
      <c r="D5283" s="6"/>
      <c r="E5283" s="6" t="s">
        <v>9</v>
      </c>
      <c r="F5283" s="7">
        <v>38657</v>
      </c>
      <c r="G5283" s="8">
        <v>1</v>
      </c>
      <c r="H5283" s="8">
        <v>1</v>
      </c>
      <c r="I5283" s="8">
        <v>0</v>
      </c>
      <c r="J5283" s="8">
        <v>1</v>
      </c>
      <c r="K5283" s="9">
        <v>23</v>
      </c>
      <c r="L5283" s="6" t="s">
        <v>51</v>
      </c>
    </row>
    <row r="5284" spans="1:12">
      <c r="A5284" s="6" t="s">
        <v>49</v>
      </c>
      <c r="B5284" s="6"/>
      <c r="C5284" s="6" t="s">
        <v>5304</v>
      </c>
      <c r="D5284" s="6"/>
      <c r="E5284" s="6" t="s">
        <v>9</v>
      </c>
      <c r="F5284" s="7">
        <v>39478</v>
      </c>
      <c r="G5284" s="8">
        <v>1</v>
      </c>
      <c r="H5284" s="8">
        <v>1</v>
      </c>
      <c r="I5284" s="8">
        <v>0</v>
      </c>
      <c r="J5284" s="8">
        <v>1</v>
      </c>
      <c r="K5284" s="9">
        <v>257</v>
      </c>
      <c r="L5284" s="6" t="s">
        <v>51</v>
      </c>
    </row>
    <row r="5285" spans="1:12">
      <c r="A5285" s="6" t="s">
        <v>49</v>
      </c>
      <c r="B5285" s="6"/>
      <c r="C5285" s="6" t="s">
        <v>5305</v>
      </c>
      <c r="D5285" s="6"/>
      <c r="E5285" s="6" t="s">
        <v>9</v>
      </c>
      <c r="F5285" s="7">
        <v>38657</v>
      </c>
      <c r="G5285" s="8">
        <v>1</v>
      </c>
      <c r="H5285" s="8">
        <v>1</v>
      </c>
      <c r="I5285" s="8">
        <v>0</v>
      </c>
      <c r="J5285" s="8">
        <v>1</v>
      </c>
      <c r="K5285" s="9">
        <v>38</v>
      </c>
      <c r="L5285" s="6" t="s">
        <v>51</v>
      </c>
    </row>
    <row r="5286" spans="1:12">
      <c r="A5286" s="6" t="s">
        <v>49</v>
      </c>
      <c r="B5286" s="6"/>
      <c r="C5286" s="6" t="s">
        <v>5306</v>
      </c>
      <c r="D5286" s="6"/>
      <c r="E5286" s="6" t="s">
        <v>9</v>
      </c>
      <c r="F5286" s="7">
        <v>38657</v>
      </c>
      <c r="G5286" s="8">
        <v>1</v>
      </c>
      <c r="H5286" s="8">
        <v>1</v>
      </c>
      <c r="I5286" s="8">
        <v>0</v>
      </c>
      <c r="J5286" s="8">
        <v>1</v>
      </c>
      <c r="K5286" s="9">
        <v>26</v>
      </c>
      <c r="L5286" s="6" t="s">
        <v>51</v>
      </c>
    </row>
    <row r="5287" spans="1:12">
      <c r="A5287" s="6" t="s">
        <v>49</v>
      </c>
      <c r="B5287" s="6"/>
      <c r="C5287" s="6" t="s">
        <v>5307</v>
      </c>
      <c r="D5287" s="6"/>
      <c r="E5287" s="6" t="s">
        <v>9</v>
      </c>
      <c r="F5287" s="7">
        <v>38657</v>
      </c>
      <c r="G5287" s="8">
        <v>1</v>
      </c>
      <c r="H5287" s="8">
        <v>1</v>
      </c>
      <c r="I5287" s="8">
        <v>0</v>
      </c>
      <c r="J5287" s="8">
        <v>1</v>
      </c>
      <c r="K5287" s="9">
        <v>10</v>
      </c>
      <c r="L5287" s="6" t="s">
        <v>51</v>
      </c>
    </row>
    <row r="5288" spans="1:12">
      <c r="A5288" s="6" t="s">
        <v>49</v>
      </c>
      <c r="B5288" s="6"/>
      <c r="C5288" s="6" t="s">
        <v>5308</v>
      </c>
      <c r="D5288" s="6"/>
      <c r="E5288" s="6" t="s">
        <v>9</v>
      </c>
      <c r="F5288" s="7">
        <v>38657</v>
      </c>
      <c r="G5288" s="8">
        <v>1</v>
      </c>
      <c r="H5288" s="8">
        <v>1</v>
      </c>
      <c r="I5288" s="8">
        <v>0</v>
      </c>
      <c r="J5288" s="8">
        <v>1</v>
      </c>
      <c r="K5288" s="9">
        <v>23</v>
      </c>
      <c r="L5288" s="6" t="s">
        <v>51</v>
      </c>
    </row>
    <row r="5289" spans="1:12">
      <c r="A5289" s="6" t="s">
        <v>49</v>
      </c>
      <c r="B5289" s="6"/>
      <c r="C5289" s="6" t="s">
        <v>5309</v>
      </c>
      <c r="D5289" s="6"/>
      <c r="E5289" s="6" t="s">
        <v>9</v>
      </c>
      <c r="F5289" s="7">
        <v>38657</v>
      </c>
      <c r="G5289" s="8">
        <v>1</v>
      </c>
      <c r="H5289" s="8">
        <v>1</v>
      </c>
      <c r="I5289" s="8">
        <v>0</v>
      </c>
      <c r="J5289" s="8">
        <v>1</v>
      </c>
      <c r="K5289" s="9">
        <v>49</v>
      </c>
      <c r="L5289" s="6" t="s">
        <v>51</v>
      </c>
    </row>
    <row r="5290" spans="1:12">
      <c r="A5290" s="6" t="s">
        <v>49</v>
      </c>
      <c r="B5290" s="6"/>
      <c r="C5290" s="6" t="s">
        <v>5310</v>
      </c>
      <c r="D5290" s="6"/>
      <c r="E5290" s="6" t="s">
        <v>9</v>
      </c>
      <c r="F5290" s="7">
        <v>38657</v>
      </c>
      <c r="G5290" s="8">
        <v>1</v>
      </c>
      <c r="H5290" s="8">
        <v>1</v>
      </c>
      <c r="I5290" s="8">
        <v>0</v>
      </c>
      <c r="J5290" s="8">
        <v>1</v>
      </c>
      <c r="K5290" s="9">
        <v>3.8</v>
      </c>
      <c r="L5290" s="6" t="s">
        <v>51</v>
      </c>
    </row>
    <row r="5291" spans="1:12">
      <c r="A5291" s="6" t="s">
        <v>49</v>
      </c>
      <c r="B5291" s="6"/>
      <c r="C5291" s="6" t="s">
        <v>5311</v>
      </c>
      <c r="D5291" s="6"/>
      <c r="E5291" s="6" t="s">
        <v>9</v>
      </c>
      <c r="F5291" s="7">
        <v>40413</v>
      </c>
      <c r="G5291" s="8">
        <v>1</v>
      </c>
      <c r="H5291" s="8">
        <v>1</v>
      </c>
      <c r="I5291" s="8">
        <v>0</v>
      </c>
      <c r="J5291" s="8">
        <v>1</v>
      </c>
      <c r="K5291" s="9">
        <v>16</v>
      </c>
      <c r="L5291" s="6" t="s">
        <v>51</v>
      </c>
    </row>
    <row r="5292" spans="1:12">
      <c r="A5292" s="6" t="s">
        <v>49</v>
      </c>
      <c r="B5292" s="6"/>
      <c r="C5292" s="6" t="s">
        <v>5312</v>
      </c>
      <c r="D5292" s="6"/>
      <c r="E5292" s="6" t="s">
        <v>9</v>
      </c>
      <c r="F5292" s="7">
        <v>38657</v>
      </c>
      <c r="G5292" s="8">
        <v>1</v>
      </c>
      <c r="H5292" s="8">
        <v>1</v>
      </c>
      <c r="I5292" s="8">
        <v>0</v>
      </c>
      <c r="J5292" s="8">
        <v>1</v>
      </c>
      <c r="K5292" s="9">
        <v>14</v>
      </c>
      <c r="L5292" s="6" t="s">
        <v>51</v>
      </c>
    </row>
    <row r="5293" spans="1:12">
      <c r="A5293" s="6" t="s">
        <v>49</v>
      </c>
      <c r="B5293" s="6"/>
      <c r="C5293" s="6" t="s">
        <v>5313</v>
      </c>
      <c r="D5293" s="6"/>
      <c r="E5293" s="6" t="s">
        <v>9</v>
      </c>
      <c r="F5293" s="7">
        <v>38657</v>
      </c>
      <c r="G5293" s="8">
        <v>1</v>
      </c>
      <c r="H5293" s="8">
        <v>1</v>
      </c>
      <c r="I5293" s="8">
        <v>0</v>
      </c>
      <c r="J5293" s="8">
        <v>1</v>
      </c>
      <c r="K5293" s="9">
        <v>1.88</v>
      </c>
      <c r="L5293" s="6" t="s">
        <v>51</v>
      </c>
    </row>
    <row r="5294" spans="1:12">
      <c r="A5294" s="6" t="s">
        <v>49</v>
      </c>
      <c r="B5294" s="6"/>
      <c r="C5294" s="6" t="s">
        <v>5314</v>
      </c>
      <c r="D5294" s="6"/>
      <c r="E5294" s="6" t="s">
        <v>9</v>
      </c>
      <c r="F5294" s="7">
        <v>38657</v>
      </c>
      <c r="G5294" s="8">
        <v>1</v>
      </c>
      <c r="H5294" s="8">
        <v>1</v>
      </c>
      <c r="I5294" s="8">
        <v>0</v>
      </c>
      <c r="J5294" s="8">
        <v>1</v>
      </c>
      <c r="K5294" s="9">
        <v>61</v>
      </c>
      <c r="L5294" s="6" t="s">
        <v>51</v>
      </c>
    </row>
    <row r="5295" spans="1:12">
      <c r="A5295" s="6" t="s">
        <v>49</v>
      </c>
      <c r="B5295" s="6"/>
      <c r="C5295" s="6" t="s">
        <v>5315</v>
      </c>
      <c r="D5295" s="6"/>
      <c r="E5295" s="6" t="s">
        <v>9</v>
      </c>
      <c r="F5295" s="7">
        <v>38657</v>
      </c>
      <c r="G5295" s="8">
        <v>1</v>
      </c>
      <c r="H5295" s="8">
        <v>1</v>
      </c>
      <c r="I5295" s="8">
        <v>0</v>
      </c>
      <c r="J5295" s="8">
        <v>1</v>
      </c>
      <c r="K5295" s="9">
        <v>45</v>
      </c>
      <c r="L5295" s="6" t="s">
        <v>51</v>
      </c>
    </row>
    <row r="5296" spans="1:12">
      <c r="A5296" s="6" t="s">
        <v>49</v>
      </c>
      <c r="B5296" s="6"/>
      <c r="C5296" s="6" t="s">
        <v>5316</v>
      </c>
      <c r="D5296" s="6"/>
      <c r="E5296" s="6" t="s">
        <v>9</v>
      </c>
      <c r="F5296" s="7">
        <v>38657</v>
      </c>
      <c r="G5296" s="8">
        <v>1</v>
      </c>
      <c r="H5296" s="8">
        <v>1</v>
      </c>
      <c r="I5296" s="8">
        <v>0</v>
      </c>
      <c r="J5296" s="8">
        <v>1</v>
      </c>
      <c r="K5296" s="9">
        <v>312</v>
      </c>
      <c r="L5296" s="6" t="s">
        <v>51</v>
      </c>
    </row>
    <row r="5297" spans="1:12">
      <c r="A5297" s="6" t="s">
        <v>49</v>
      </c>
      <c r="B5297" s="6"/>
      <c r="C5297" s="6" t="s">
        <v>5317</v>
      </c>
      <c r="D5297" s="6"/>
      <c r="E5297" s="6" t="s">
        <v>9</v>
      </c>
      <c r="F5297" s="7">
        <v>38657</v>
      </c>
      <c r="G5297" s="8">
        <v>1</v>
      </c>
      <c r="H5297" s="8">
        <v>1</v>
      </c>
      <c r="I5297" s="8">
        <v>0</v>
      </c>
      <c r="J5297" s="8">
        <v>1</v>
      </c>
      <c r="K5297" s="9">
        <v>28</v>
      </c>
      <c r="L5297" s="6" t="s">
        <v>51</v>
      </c>
    </row>
    <row r="5298" spans="1:12">
      <c r="A5298" s="6" t="s">
        <v>49</v>
      </c>
      <c r="B5298" s="6"/>
      <c r="C5298" s="6" t="s">
        <v>5318</v>
      </c>
      <c r="D5298" s="6"/>
      <c r="E5298" s="6" t="s">
        <v>9</v>
      </c>
      <c r="F5298" s="7">
        <v>38657</v>
      </c>
      <c r="G5298" s="8">
        <v>1</v>
      </c>
      <c r="H5298" s="8">
        <v>1</v>
      </c>
      <c r="I5298" s="8">
        <v>0</v>
      </c>
      <c r="J5298" s="8">
        <v>1</v>
      </c>
      <c r="K5298" s="9">
        <v>99</v>
      </c>
      <c r="L5298" s="6" t="s">
        <v>51</v>
      </c>
    </row>
    <row r="5299" spans="1:12">
      <c r="A5299" s="6" t="s">
        <v>49</v>
      </c>
      <c r="B5299" s="6"/>
      <c r="C5299" s="6" t="s">
        <v>5319</v>
      </c>
      <c r="D5299" s="6"/>
      <c r="E5299" s="6" t="s">
        <v>9</v>
      </c>
      <c r="F5299" s="7">
        <v>38657</v>
      </c>
      <c r="G5299" s="8">
        <v>1</v>
      </c>
      <c r="H5299" s="8">
        <v>1</v>
      </c>
      <c r="I5299" s="8">
        <v>0</v>
      </c>
      <c r="J5299" s="8">
        <v>1</v>
      </c>
      <c r="K5299" s="9">
        <v>93</v>
      </c>
      <c r="L5299" s="6" t="s">
        <v>51</v>
      </c>
    </row>
    <row r="5300" spans="1:12">
      <c r="A5300" s="6" t="s">
        <v>49</v>
      </c>
      <c r="B5300" s="6"/>
      <c r="C5300" s="6" t="s">
        <v>5320</v>
      </c>
      <c r="D5300" s="6"/>
      <c r="E5300" s="6" t="s">
        <v>9</v>
      </c>
      <c r="F5300" s="7">
        <v>38657</v>
      </c>
      <c r="G5300" s="8">
        <v>1</v>
      </c>
      <c r="H5300" s="8">
        <v>1</v>
      </c>
      <c r="I5300" s="8">
        <v>0</v>
      </c>
      <c r="J5300" s="8">
        <v>1</v>
      </c>
      <c r="K5300" s="9">
        <v>8</v>
      </c>
      <c r="L5300" s="6" t="s">
        <v>51</v>
      </c>
    </row>
    <row r="5301" spans="1:12">
      <c r="A5301" s="6" t="s">
        <v>49</v>
      </c>
      <c r="B5301" s="6"/>
      <c r="C5301" s="6" t="s">
        <v>5321</v>
      </c>
      <c r="D5301" s="6"/>
      <c r="E5301" s="6" t="s">
        <v>9</v>
      </c>
      <c r="F5301" s="7">
        <v>38657</v>
      </c>
      <c r="G5301" s="8">
        <v>1</v>
      </c>
      <c r="H5301" s="8">
        <v>1</v>
      </c>
      <c r="I5301" s="8">
        <v>0</v>
      </c>
      <c r="J5301" s="8">
        <v>1</v>
      </c>
      <c r="K5301" s="9">
        <v>116</v>
      </c>
      <c r="L5301" s="6" t="s">
        <v>51</v>
      </c>
    </row>
    <row r="5302" spans="1:12">
      <c r="A5302" s="6" t="s">
        <v>49</v>
      </c>
      <c r="B5302" s="6"/>
      <c r="C5302" s="6" t="s">
        <v>5322</v>
      </c>
      <c r="D5302" s="6"/>
      <c r="E5302" s="6" t="s">
        <v>9</v>
      </c>
      <c r="F5302" s="7">
        <v>38657</v>
      </c>
      <c r="G5302" s="8">
        <v>1</v>
      </c>
      <c r="H5302" s="8">
        <v>1</v>
      </c>
      <c r="I5302" s="8">
        <v>0</v>
      </c>
      <c r="J5302" s="8">
        <v>1</v>
      </c>
      <c r="K5302" s="9">
        <v>20</v>
      </c>
      <c r="L5302" s="6" t="s">
        <v>51</v>
      </c>
    </row>
    <row r="5303" spans="1:12">
      <c r="A5303" s="6" t="s">
        <v>49</v>
      </c>
      <c r="B5303" s="6"/>
      <c r="C5303" s="6" t="s">
        <v>5323</v>
      </c>
      <c r="D5303" s="6"/>
      <c r="E5303" s="6" t="s">
        <v>9</v>
      </c>
      <c r="F5303" s="7">
        <v>38657</v>
      </c>
      <c r="G5303" s="8">
        <v>1</v>
      </c>
      <c r="H5303" s="8">
        <v>1</v>
      </c>
      <c r="I5303" s="8">
        <v>0</v>
      </c>
      <c r="J5303" s="8">
        <v>1</v>
      </c>
      <c r="K5303" s="9">
        <v>244.83</v>
      </c>
      <c r="L5303" s="6" t="s">
        <v>51</v>
      </c>
    </row>
    <row r="5304" spans="1:12">
      <c r="A5304" s="6" t="s">
        <v>49</v>
      </c>
      <c r="B5304" s="6"/>
      <c r="C5304" s="6" t="s">
        <v>5324</v>
      </c>
      <c r="D5304" s="6"/>
      <c r="E5304" s="6" t="s">
        <v>9</v>
      </c>
      <c r="F5304" s="7">
        <v>38657</v>
      </c>
      <c r="G5304" s="8">
        <v>1</v>
      </c>
      <c r="H5304" s="8">
        <v>1</v>
      </c>
      <c r="I5304" s="8">
        <v>0</v>
      </c>
      <c r="J5304" s="8">
        <v>1</v>
      </c>
      <c r="K5304" s="9">
        <v>34</v>
      </c>
      <c r="L5304" s="6" t="s">
        <v>51</v>
      </c>
    </row>
    <row r="5305" spans="1:12">
      <c r="A5305" s="6" t="s">
        <v>49</v>
      </c>
      <c r="B5305" s="6"/>
      <c r="C5305" s="6" t="s">
        <v>5325</v>
      </c>
      <c r="D5305" s="6"/>
      <c r="E5305" s="6" t="s">
        <v>9</v>
      </c>
      <c r="F5305" s="7">
        <v>38657</v>
      </c>
      <c r="G5305" s="8">
        <v>1</v>
      </c>
      <c r="H5305" s="8">
        <v>1</v>
      </c>
      <c r="I5305" s="8">
        <v>0</v>
      </c>
      <c r="J5305" s="8">
        <v>1</v>
      </c>
      <c r="K5305" s="9">
        <v>99</v>
      </c>
      <c r="L5305" s="6" t="s">
        <v>51</v>
      </c>
    </row>
    <row r="5306" spans="1:12">
      <c r="A5306" s="6" t="s">
        <v>49</v>
      </c>
      <c r="B5306" s="6"/>
      <c r="C5306" s="6" t="s">
        <v>5326</v>
      </c>
      <c r="D5306" s="6"/>
      <c r="E5306" s="6" t="s">
        <v>9</v>
      </c>
      <c r="F5306" s="7">
        <v>38657</v>
      </c>
      <c r="G5306" s="8">
        <v>1</v>
      </c>
      <c r="H5306" s="8">
        <v>1</v>
      </c>
      <c r="I5306" s="8">
        <v>0</v>
      </c>
      <c r="J5306" s="8">
        <v>1</v>
      </c>
      <c r="K5306" s="9">
        <v>90.02</v>
      </c>
      <c r="L5306" s="6" t="s">
        <v>51</v>
      </c>
    </row>
    <row r="5307" spans="1:12">
      <c r="A5307" s="6" t="s">
        <v>49</v>
      </c>
      <c r="B5307" s="6"/>
      <c r="C5307" s="6" t="s">
        <v>5327</v>
      </c>
      <c r="D5307" s="6"/>
      <c r="E5307" s="6" t="s">
        <v>9</v>
      </c>
      <c r="F5307" s="7">
        <v>38657</v>
      </c>
      <c r="G5307" s="8">
        <v>1</v>
      </c>
      <c r="H5307" s="8">
        <v>1</v>
      </c>
      <c r="I5307" s="8">
        <v>0</v>
      </c>
      <c r="J5307" s="8">
        <v>1</v>
      </c>
      <c r="K5307" s="9">
        <v>90.02</v>
      </c>
      <c r="L5307" s="6" t="s">
        <v>51</v>
      </c>
    </row>
    <row r="5308" spans="1:12">
      <c r="A5308" s="6" t="s">
        <v>49</v>
      </c>
      <c r="B5308" s="6"/>
      <c r="C5308" s="6" t="s">
        <v>5328</v>
      </c>
      <c r="D5308" s="6"/>
      <c r="E5308" s="6" t="s">
        <v>9</v>
      </c>
      <c r="F5308" s="7">
        <v>38657</v>
      </c>
      <c r="G5308" s="8">
        <v>1</v>
      </c>
      <c r="H5308" s="8">
        <v>1</v>
      </c>
      <c r="I5308" s="8">
        <v>0</v>
      </c>
      <c r="J5308" s="8">
        <v>1</v>
      </c>
      <c r="K5308" s="9">
        <v>55</v>
      </c>
      <c r="L5308" s="6" t="s">
        <v>51</v>
      </c>
    </row>
    <row r="5309" spans="1:12">
      <c r="A5309" s="6" t="s">
        <v>49</v>
      </c>
      <c r="B5309" s="6"/>
      <c r="C5309" s="6" t="s">
        <v>5329</v>
      </c>
      <c r="D5309" s="6"/>
      <c r="E5309" s="6" t="s">
        <v>9</v>
      </c>
      <c r="F5309" s="7">
        <v>38657</v>
      </c>
      <c r="G5309" s="8">
        <v>1</v>
      </c>
      <c r="H5309" s="8">
        <v>1</v>
      </c>
      <c r="I5309" s="8">
        <v>0</v>
      </c>
      <c r="J5309" s="8">
        <v>1</v>
      </c>
      <c r="K5309" s="9">
        <v>154</v>
      </c>
      <c r="L5309" s="6" t="s">
        <v>51</v>
      </c>
    </row>
    <row r="5310" spans="1:12">
      <c r="A5310" s="6" t="s">
        <v>49</v>
      </c>
      <c r="B5310" s="6"/>
      <c r="C5310" s="6" t="s">
        <v>5330</v>
      </c>
      <c r="D5310" s="6"/>
      <c r="E5310" s="6" t="s">
        <v>9</v>
      </c>
      <c r="F5310" s="7">
        <v>38657</v>
      </c>
      <c r="G5310" s="8">
        <v>1</v>
      </c>
      <c r="H5310" s="8">
        <v>1</v>
      </c>
      <c r="I5310" s="8">
        <v>0</v>
      </c>
      <c r="J5310" s="8">
        <v>1</v>
      </c>
      <c r="K5310" s="9">
        <v>54</v>
      </c>
      <c r="L5310" s="6" t="s">
        <v>51</v>
      </c>
    </row>
    <row r="5311" spans="1:12">
      <c r="A5311" s="6" t="s">
        <v>49</v>
      </c>
      <c r="B5311" s="6"/>
      <c r="C5311" s="6" t="s">
        <v>5331</v>
      </c>
      <c r="D5311" s="6"/>
      <c r="E5311" s="6" t="s">
        <v>9</v>
      </c>
      <c r="F5311" s="7">
        <v>38657</v>
      </c>
      <c r="G5311" s="8">
        <v>1</v>
      </c>
      <c r="H5311" s="8">
        <v>1</v>
      </c>
      <c r="I5311" s="8">
        <v>0</v>
      </c>
      <c r="J5311" s="8">
        <v>1</v>
      </c>
      <c r="K5311" s="9">
        <v>27</v>
      </c>
      <c r="L5311" s="6" t="s">
        <v>51</v>
      </c>
    </row>
    <row r="5312" spans="1:12">
      <c r="A5312" s="6" t="s">
        <v>49</v>
      </c>
      <c r="B5312" s="6"/>
      <c r="C5312" s="6" t="s">
        <v>5332</v>
      </c>
      <c r="D5312" s="6"/>
      <c r="E5312" s="6" t="s">
        <v>9</v>
      </c>
      <c r="F5312" s="7">
        <v>38657</v>
      </c>
      <c r="G5312" s="8">
        <v>1</v>
      </c>
      <c r="H5312" s="8">
        <v>1</v>
      </c>
      <c r="I5312" s="8">
        <v>0</v>
      </c>
      <c r="J5312" s="8">
        <v>1</v>
      </c>
      <c r="K5312" s="9">
        <v>470</v>
      </c>
      <c r="L5312" s="6" t="s">
        <v>51</v>
      </c>
    </row>
    <row r="5313" spans="1:12">
      <c r="A5313" s="6" t="s">
        <v>49</v>
      </c>
      <c r="B5313" s="6"/>
      <c r="C5313" s="6" t="s">
        <v>5333</v>
      </c>
      <c r="D5313" s="6"/>
      <c r="E5313" s="6" t="s">
        <v>9</v>
      </c>
      <c r="F5313" s="7">
        <v>35366</v>
      </c>
      <c r="G5313" s="8">
        <v>1</v>
      </c>
      <c r="H5313" s="8">
        <v>1</v>
      </c>
      <c r="I5313" s="8">
        <v>0</v>
      </c>
      <c r="J5313" s="8">
        <v>1</v>
      </c>
      <c r="K5313" s="9">
        <v>94</v>
      </c>
      <c r="L5313" s="6" t="s">
        <v>51</v>
      </c>
    </row>
    <row r="5314" spans="1:12">
      <c r="A5314" s="6" t="s">
        <v>49</v>
      </c>
      <c r="B5314" s="6"/>
      <c r="C5314" s="6" t="s">
        <v>5334</v>
      </c>
      <c r="D5314" s="6"/>
      <c r="E5314" s="6" t="s">
        <v>9</v>
      </c>
      <c r="F5314" s="7">
        <v>38657</v>
      </c>
      <c r="G5314" s="8">
        <v>1</v>
      </c>
      <c r="H5314" s="8">
        <v>1</v>
      </c>
      <c r="I5314" s="8">
        <v>0</v>
      </c>
      <c r="J5314" s="8">
        <v>1</v>
      </c>
      <c r="K5314" s="9">
        <v>6.2</v>
      </c>
      <c r="L5314" s="6" t="s">
        <v>51</v>
      </c>
    </row>
    <row r="5315" spans="1:12">
      <c r="A5315" s="6" t="s">
        <v>49</v>
      </c>
      <c r="B5315" s="6"/>
      <c r="C5315" s="6" t="s">
        <v>5335</v>
      </c>
      <c r="D5315" s="6"/>
      <c r="E5315" s="6" t="s">
        <v>9</v>
      </c>
      <c r="F5315" s="7">
        <v>38657</v>
      </c>
      <c r="G5315" s="8">
        <v>1</v>
      </c>
      <c r="H5315" s="8">
        <v>1</v>
      </c>
      <c r="I5315" s="8">
        <v>0</v>
      </c>
      <c r="J5315" s="8">
        <v>1</v>
      </c>
      <c r="K5315" s="9">
        <v>55.13</v>
      </c>
      <c r="L5315" s="6" t="s">
        <v>51</v>
      </c>
    </row>
    <row r="5316" spans="1:12">
      <c r="A5316" s="6" t="s">
        <v>49</v>
      </c>
      <c r="B5316" s="6"/>
      <c r="C5316" s="6" t="s">
        <v>5336</v>
      </c>
      <c r="D5316" s="6"/>
      <c r="E5316" s="6" t="s">
        <v>9</v>
      </c>
      <c r="F5316" s="7"/>
      <c r="G5316" s="8">
        <v>1</v>
      </c>
      <c r="H5316" s="8">
        <v>1</v>
      </c>
      <c r="I5316" s="8">
        <v>0</v>
      </c>
      <c r="J5316" s="8">
        <v>1</v>
      </c>
      <c r="K5316" s="9">
        <v>11</v>
      </c>
      <c r="L5316" s="6" t="s">
        <v>51</v>
      </c>
    </row>
    <row r="5317" spans="1:12">
      <c r="A5317" s="6" t="s">
        <v>49</v>
      </c>
      <c r="B5317" s="6"/>
      <c r="C5317" s="6" t="s">
        <v>5337</v>
      </c>
      <c r="D5317" s="6"/>
      <c r="E5317" s="6" t="s">
        <v>9</v>
      </c>
      <c r="F5317" s="7">
        <v>40038</v>
      </c>
      <c r="G5317" s="8">
        <v>1</v>
      </c>
      <c r="H5317" s="8">
        <v>1</v>
      </c>
      <c r="I5317" s="8">
        <v>0</v>
      </c>
      <c r="J5317" s="8">
        <v>1</v>
      </c>
      <c r="K5317" s="9">
        <v>249</v>
      </c>
      <c r="L5317" s="6" t="s">
        <v>51</v>
      </c>
    </row>
    <row r="5318" spans="1:12">
      <c r="A5318" s="6" t="s">
        <v>49</v>
      </c>
      <c r="B5318" s="6"/>
      <c r="C5318" s="6" t="s">
        <v>5338</v>
      </c>
      <c r="D5318" s="6"/>
      <c r="E5318" s="6" t="s">
        <v>9</v>
      </c>
      <c r="F5318" s="7">
        <v>38657</v>
      </c>
      <c r="G5318" s="8">
        <v>1</v>
      </c>
      <c r="H5318" s="8">
        <v>1</v>
      </c>
      <c r="I5318" s="8">
        <v>0</v>
      </c>
      <c r="J5318" s="8">
        <v>1</v>
      </c>
      <c r="K5318" s="9">
        <v>147</v>
      </c>
      <c r="L5318" s="6" t="s">
        <v>51</v>
      </c>
    </row>
    <row r="5319" spans="1:12">
      <c r="A5319" s="6" t="s">
        <v>49</v>
      </c>
      <c r="B5319" s="6"/>
      <c r="C5319" s="6" t="s">
        <v>5339</v>
      </c>
      <c r="D5319" s="6"/>
      <c r="E5319" s="6" t="s">
        <v>9</v>
      </c>
      <c r="F5319" s="7">
        <v>38657</v>
      </c>
      <c r="G5319" s="8">
        <v>1</v>
      </c>
      <c r="H5319" s="8">
        <v>1</v>
      </c>
      <c r="I5319" s="8">
        <v>0</v>
      </c>
      <c r="J5319" s="8">
        <v>1</v>
      </c>
      <c r="K5319" s="9">
        <v>92</v>
      </c>
      <c r="L5319" s="6" t="s">
        <v>51</v>
      </c>
    </row>
    <row r="5320" spans="1:12">
      <c r="A5320" s="6" t="s">
        <v>49</v>
      </c>
      <c r="B5320" s="6"/>
      <c r="C5320" s="6" t="s">
        <v>5340</v>
      </c>
      <c r="D5320" s="6"/>
      <c r="E5320" s="6" t="s">
        <v>9</v>
      </c>
      <c r="F5320" s="7">
        <v>38657</v>
      </c>
      <c r="G5320" s="8">
        <v>1</v>
      </c>
      <c r="H5320" s="8">
        <v>1</v>
      </c>
      <c r="I5320" s="8">
        <v>0</v>
      </c>
      <c r="J5320" s="8">
        <v>1</v>
      </c>
      <c r="K5320" s="9">
        <v>87</v>
      </c>
      <c r="L5320" s="6" t="s">
        <v>51</v>
      </c>
    </row>
    <row r="5321" spans="1:12">
      <c r="A5321" s="6" t="s">
        <v>49</v>
      </c>
      <c r="B5321" s="6"/>
      <c r="C5321" s="6" t="s">
        <v>5341</v>
      </c>
      <c r="D5321" s="6"/>
      <c r="E5321" s="6" t="s">
        <v>9</v>
      </c>
      <c r="F5321" s="7">
        <v>38657</v>
      </c>
      <c r="G5321" s="8">
        <v>1</v>
      </c>
      <c r="H5321" s="8">
        <v>1</v>
      </c>
      <c r="I5321" s="8">
        <v>0</v>
      </c>
      <c r="J5321" s="8">
        <v>1</v>
      </c>
      <c r="K5321" s="9">
        <v>87</v>
      </c>
      <c r="L5321" s="6" t="s">
        <v>51</v>
      </c>
    </row>
    <row r="5322" spans="1:12">
      <c r="A5322" s="6" t="s">
        <v>49</v>
      </c>
      <c r="B5322" s="6"/>
      <c r="C5322" s="6" t="s">
        <v>5342</v>
      </c>
      <c r="D5322" s="6"/>
      <c r="E5322" s="6" t="s">
        <v>9</v>
      </c>
      <c r="F5322" s="7">
        <v>38657</v>
      </c>
      <c r="G5322" s="8">
        <v>1</v>
      </c>
      <c r="H5322" s="8">
        <v>1</v>
      </c>
      <c r="I5322" s="8">
        <v>0</v>
      </c>
      <c r="J5322" s="8">
        <v>1</v>
      </c>
      <c r="K5322" s="9">
        <v>43</v>
      </c>
      <c r="L5322" s="6" t="s">
        <v>51</v>
      </c>
    </row>
    <row r="5323" spans="1:12">
      <c r="A5323" s="6" t="s">
        <v>49</v>
      </c>
      <c r="B5323" s="6"/>
      <c r="C5323" s="6" t="s">
        <v>5343</v>
      </c>
      <c r="D5323" s="6"/>
      <c r="E5323" s="6" t="s">
        <v>9</v>
      </c>
      <c r="F5323" s="7">
        <v>38657</v>
      </c>
      <c r="G5323" s="8">
        <v>1</v>
      </c>
      <c r="H5323" s="8">
        <v>1</v>
      </c>
      <c r="I5323" s="8">
        <v>0</v>
      </c>
      <c r="J5323" s="8">
        <v>1</v>
      </c>
      <c r="K5323" s="9">
        <v>145</v>
      </c>
      <c r="L5323" s="6" t="s">
        <v>51</v>
      </c>
    </row>
    <row r="5324" spans="1:12">
      <c r="A5324" s="6" t="s">
        <v>49</v>
      </c>
      <c r="B5324" s="6"/>
      <c r="C5324" s="6" t="s">
        <v>5344</v>
      </c>
      <c r="D5324" s="6"/>
      <c r="E5324" s="6" t="s">
        <v>9</v>
      </c>
      <c r="F5324" s="7">
        <v>38657</v>
      </c>
      <c r="G5324" s="8">
        <v>1</v>
      </c>
      <c r="H5324" s="8">
        <v>1</v>
      </c>
      <c r="I5324" s="8">
        <v>0</v>
      </c>
      <c r="J5324" s="8">
        <v>1</v>
      </c>
      <c r="K5324" s="9">
        <v>125</v>
      </c>
      <c r="L5324" s="6" t="s">
        <v>51</v>
      </c>
    </row>
    <row r="5325" spans="1:12">
      <c r="A5325" s="6" t="s">
        <v>49</v>
      </c>
      <c r="B5325" s="6"/>
      <c r="C5325" s="6" t="s">
        <v>5345</v>
      </c>
      <c r="D5325" s="6"/>
      <c r="E5325" s="6" t="s">
        <v>9</v>
      </c>
      <c r="F5325" s="7">
        <v>38657</v>
      </c>
      <c r="G5325" s="8">
        <v>1</v>
      </c>
      <c r="H5325" s="8">
        <v>1</v>
      </c>
      <c r="I5325" s="8">
        <v>0</v>
      </c>
      <c r="J5325" s="8">
        <v>1</v>
      </c>
      <c r="K5325" s="9">
        <v>354</v>
      </c>
      <c r="L5325" s="6" t="s">
        <v>51</v>
      </c>
    </row>
    <row r="5326" spans="1:12">
      <c r="A5326" s="6" t="s">
        <v>49</v>
      </c>
      <c r="B5326" s="6"/>
      <c r="C5326" s="6" t="s">
        <v>5346</v>
      </c>
      <c r="D5326" s="6"/>
      <c r="E5326" s="6" t="s">
        <v>9</v>
      </c>
      <c r="F5326" s="7">
        <v>38657</v>
      </c>
      <c r="G5326" s="8">
        <v>1</v>
      </c>
      <c r="H5326" s="8">
        <v>1</v>
      </c>
      <c r="I5326" s="8">
        <v>0</v>
      </c>
      <c r="J5326" s="8">
        <v>1</v>
      </c>
      <c r="K5326" s="9">
        <v>8.51</v>
      </c>
      <c r="L5326" s="6" t="s">
        <v>51</v>
      </c>
    </row>
    <row r="5327" spans="1:12">
      <c r="A5327" s="6" t="s">
        <v>49</v>
      </c>
      <c r="B5327" s="6"/>
      <c r="C5327" s="6" t="s">
        <v>5347</v>
      </c>
      <c r="D5327" s="6"/>
      <c r="E5327" s="6" t="s">
        <v>9</v>
      </c>
      <c r="F5327" s="7">
        <v>38657</v>
      </c>
      <c r="G5327" s="8">
        <v>1</v>
      </c>
      <c r="H5327" s="8">
        <v>1</v>
      </c>
      <c r="I5327" s="8">
        <v>0</v>
      </c>
      <c r="J5327" s="8">
        <v>1</v>
      </c>
      <c r="K5327" s="9">
        <v>415</v>
      </c>
      <c r="L5327" s="6" t="s">
        <v>51</v>
      </c>
    </row>
    <row r="5328" spans="1:12">
      <c r="A5328" s="6" t="s">
        <v>49</v>
      </c>
      <c r="B5328" s="6"/>
      <c r="C5328" s="6" t="s">
        <v>5348</v>
      </c>
      <c r="D5328" s="6"/>
      <c r="E5328" s="6" t="s">
        <v>9</v>
      </c>
      <c r="F5328" s="7">
        <v>38657</v>
      </c>
      <c r="G5328" s="8">
        <v>1</v>
      </c>
      <c r="H5328" s="8">
        <v>1</v>
      </c>
      <c r="I5328" s="8">
        <v>0</v>
      </c>
      <c r="J5328" s="8">
        <v>1</v>
      </c>
      <c r="K5328" s="9">
        <v>6522</v>
      </c>
      <c r="L5328" s="6" t="s">
        <v>51</v>
      </c>
    </row>
    <row r="5329" spans="1:12">
      <c r="A5329" s="6" t="s">
        <v>49</v>
      </c>
      <c r="B5329" s="6"/>
      <c r="C5329" s="6" t="s">
        <v>5349</v>
      </c>
      <c r="D5329" s="6"/>
      <c r="E5329" s="6" t="s">
        <v>9</v>
      </c>
      <c r="F5329" s="7">
        <v>38657</v>
      </c>
      <c r="G5329" s="8">
        <v>1</v>
      </c>
      <c r="H5329" s="8">
        <v>1</v>
      </c>
      <c r="I5329" s="8">
        <v>0</v>
      </c>
      <c r="J5329" s="8">
        <v>1</v>
      </c>
      <c r="K5329" s="9">
        <v>29</v>
      </c>
      <c r="L5329" s="6" t="s">
        <v>51</v>
      </c>
    </row>
    <row r="5330" spans="1:12">
      <c r="A5330" s="6" t="s">
        <v>49</v>
      </c>
      <c r="B5330" s="6"/>
      <c r="C5330" s="6" t="s">
        <v>5350</v>
      </c>
      <c r="D5330" s="6"/>
      <c r="E5330" s="6" t="s">
        <v>9</v>
      </c>
      <c r="F5330" s="7">
        <v>38657</v>
      </c>
      <c r="G5330" s="8">
        <v>1</v>
      </c>
      <c r="H5330" s="8">
        <v>1</v>
      </c>
      <c r="I5330" s="8">
        <v>0</v>
      </c>
      <c r="J5330" s="8">
        <v>1</v>
      </c>
      <c r="K5330" s="9">
        <v>17</v>
      </c>
      <c r="L5330" s="6" t="s">
        <v>51</v>
      </c>
    </row>
    <row r="5331" spans="1:12">
      <c r="A5331" s="6" t="s">
        <v>49</v>
      </c>
      <c r="B5331" s="6"/>
      <c r="C5331" s="6" t="s">
        <v>5351</v>
      </c>
      <c r="D5331" s="6"/>
      <c r="E5331" s="6" t="s">
        <v>9</v>
      </c>
      <c r="F5331" s="7">
        <v>38657</v>
      </c>
      <c r="G5331" s="8">
        <v>1</v>
      </c>
      <c r="H5331" s="8">
        <v>1</v>
      </c>
      <c r="I5331" s="8">
        <v>0</v>
      </c>
      <c r="J5331" s="8">
        <v>1</v>
      </c>
      <c r="K5331" s="9">
        <v>57</v>
      </c>
      <c r="L5331" s="6" t="s">
        <v>51</v>
      </c>
    </row>
    <row r="5332" spans="1:12">
      <c r="A5332" s="6" t="s">
        <v>49</v>
      </c>
      <c r="B5332" s="6"/>
      <c r="C5332" s="6" t="s">
        <v>5352</v>
      </c>
      <c r="D5332" s="6"/>
      <c r="E5332" s="6" t="s">
        <v>9</v>
      </c>
      <c r="F5332" s="7">
        <v>38657</v>
      </c>
      <c r="G5332" s="8">
        <v>1</v>
      </c>
      <c r="H5332" s="8">
        <v>1</v>
      </c>
      <c r="I5332" s="8">
        <v>0</v>
      </c>
      <c r="J5332" s="8">
        <v>1</v>
      </c>
      <c r="K5332" s="9">
        <v>5.1100000000000003</v>
      </c>
      <c r="L5332" s="6" t="s">
        <v>51</v>
      </c>
    </row>
    <row r="5333" spans="1:12">
      <c r="A5333" s="6" t="s">
        <v>49</v>
      </c>
      <c r="B5333" s="6"/>
      <c r="C5333" s="6" t="s">
        <v>5353</v>
      </c>
      <c r="D5333" s="6"/>
      <c r="E5333" s="6" t="s">
        <v>9</v>
      </c>
      <c r="F5333" s="7">
        <v>38657</v>
      </c>
      <c r="G5333" s="8">
        <v>1</v>
      </c>
      <c r="H5333" s="8">
        <v>1</v>
      </c>
      <c r="I5333" s="8">
        <v>0</v>
      </c>
      <c r="J5333" s="8">
        <v>1</v>
      </c>
      <c r="K5333" s="9">
        <v>56</v>
      </c>
      <c r="L5333" s="6" t="s">
        <v>51</v>
      </c>
    </row>
    <row r="5334" spans="1:12">
      <c r="A5334" s="6" t="s">
        <v>49</v>
      </c>
      <c r="B5334" s="6"/>
      <c r="C5334" s="6" t="s">
        <v>5354</v>
      </c>
      <c r="D5334" s="6"/>
      <c r="E5334" s="6" t="s">
        <v>9</v>
      </c>
      <c r="F5334" s="7">
        <v>38657</v>
      </c>
      <c r="G5334" s="8">
        <v>1</v>
      </c>
      <c r="H5334" s="8">
        <v>1</v>
      </c>
      <c r="I5334" s="8">
        <v>0</v>
      </c>
      <c r="J5334" s="8">
        <v>1</v>
      </c>
      <c r="K5334" s="9">
        <v>42</v>
      </c>
      <c r="L5334" s="6" t="s">
        <v>51</v>
      </c>
    </row>
    <row r="5335" spans="1:12">
      <c r="A5335" s="6" t="s">
        <v>49</v>
      </c>
      <c r="B5335" s="6"/>
      <c r="C5335" s="6" t="s">
        <v>5355</v>
      </c>
      <c r="D5335" s="6"/>
      <c r="E5335" s="6" t="s">
        <v>9</v>
      </c>
      <c r="F5335" s="7">
        <v>38657</v>
      </c>
      <c r="G5335" s="8">
        <v>1</v>
      </c>
      <c r="H5335" s="8">
        <v>1</v>
      </c>
      <c r="I5335" s="8">
        <v>0</v>
      </c>
      <c r="J5335" s="8">
        <v>1</v>
      </c>
      <c r="K5335" s="9">
        <v>1.82</v>
      </c>
      <c r="L5335" s="6" t="s">
        <v>51</v>
      </c>
    </row>
    <row r="5336" spans="1:12">
      <c r="A5336" s="6" t="s">
        <v>49</v>
      </c>
      <c r="B5336" s="6"/>
      <c r="C5336" s="6" t="s">
        <v>5356</v>
      </c>
      <c r="D5336" s="6"/>
      <c r="E5336" s="6" t="s">
        <v>9</v>
      </c>
      <c r="F5336" s="7"/>
      <c r="G5336" s="8">
        <v>1</v>
      </c>
      <c r="H5336" s="8">
        <v>1</v>
      </c>
      <c r="I5336" s="8">
        <v>0</v>
      </c>
      <c r="J5336" s="8">
        <v>1</v>
      </c>
      <c r="K5336" s="9">
        <v>1.58</v>
      </c>
      <c r="L5336" s="6" t="s">
        <v>51</v>
      </c>
    </row>
    <row r="5337" spans="1:12">
      <c r="A5337" s="6" t="s">
        <v>49</v>
      </c>
      <c r="B5337" s="6"/>
      <c r="C5337" s="6" t="s">
        <v>5357</v>
      </c>
      <c r="D5337" s="6"/>
      <c r="E5337" s="6" t="s">
        <v>9</v>
      </c>
      <c r="F5337" s="7">
        <v>38657</v>
      </c>
      <c r="G5337" s="8">
        <v>1</v>
      </c>
      <c r="H5337" s="8">
        <v>1</v>
      </c>
      <c r="I5337" s="8">
        <v>0</v>
      </c>
      <c r="J5337" s="8">
        <v>1</v>
      </c>
      <c r="K5337" s="9">
        <v>9.36</v>
      </c>
      <c r="L5337" s="6" t="s">
        <v>51</v>
      </c>
    </row>
    <row r="5338" spans="1:12">
      <c r="A5338" s="6" t="s">
        <v>49</v>
      </c>
      <c r="B5338" s="6"/>
      <c r="C5338" s="6" t="s">
        <v>5358</v>
      </c>
      <c r="D5338" s="6"/>
      <c r="E5338" s="6" t="s">
        <v>9</v>
      </c>
      <c r="F5338" s="7">
        <v>38657</v>
      </c>
      <c r="G5338" s="8">
        <v>1</v>
      </c>
      <c r="H5338" s="8">
        <v>1</v>
      </c>
      <c r="I5338" s="8">
        <v>0</v>
      </c>
      <c r="J5338" s="8">
        <v>1</v>
      </c>
      <c r="K5338" s="9">
        <v>200</v>
      </c>
      <c r="L5338" s="6" t="s">
        <v>51</v>
      </c>
    </row>
    <row r="5339" spans="1:12">
      <c r="A5339" s="6" t="s">
        <v>49</v>
      </c>
      <c r="B5339" s="6"/>
      <c r="C5339" s="6" t="s">
        <v>5359</v>
      </c>
      <c r="D5339" s="6"/>
      <c r="E5339" s="6" t="s">
        <v>9</v>
      </c>
      <c r="F5339" s="7">
        <v>38657</v>
      </c>
      <c r="G5339" s="8">
        <v>1</v>
      </c>
      <c r="H5339" s="8">
        <v>1</v>
      </c>
      <c r="I5339" s="8">
        <v>0</v>
      </c>
      <c r="J5339" s="8">
        <v>1</v>
      </c>
      <c r="K5339" s="9">
        <v>7.48</v>
      </c>
      <c r="L5339" s="6" t="s">
        <v>51</v>
      </c>
    </row>
    <row r="5340" spans="1:12">
      <c r="A5340" s="6" t="s">
        <v>49</v>
      </c>
      <c r="B5340" s="6"/>
      <c r="C5340" s="6" t="s">
        <v>5360</v>
      </c>
      <c r="D5340" s="6"/>
      <c r="E5340" s="6" t="s">
        <v>9</v>
      </c>
      <c r="F5340" s="7">
        <v>38657</v>
      </c>
      <c r="G5340" s="8">
        <v>1</v>
      </c>
      <c r="H5340" s="8">
        <v>1</v>
      </c>
      <c r="I5340" s="8">
        <v>0</v>
      </c>
      <c r="J5340" s="8">
        <v>1</v>
      </c>
      <c r="K5340" s="9">
        <v>32</v>
      </c>
      <c r="L5340" s="6" t="s">
        <v>51</v>
      </c>
    </row>
    <row r="5341" spans="1:12">
      <c r="A5341" s="6" t="s">
        <v>49</v>
      </c>
      <c r="B5341" s="6"/>
      <c r="C5341" s="6" t="s">
        <v>5361</v>
      </c>
      <c r="D5341" s="6"/>
      <c r="E5341" s="6" t="s">
        <v>9</v>
      </c>
      <c r="F5341" s="7">
        <v>38657</v>
      </c>
      <c r="G5341" s="8">
        <v>1</v>
      </c>
      <c r="H5341" s="8">
        <v>1</v>
      </c>
      <c r="I5341" s="8">
        <v>0</v>
      </c>
      <c r="J5341" s="8">
        <v>1</v>
      </c>
      <c r="K5341" s="9">
        <v>29</v>
      </c>
      <c r="L5341" s="6" t="s">
        <v>51</v>
      </c>
    </row>
    <row r="5342" spans="1:12">
      <c r="A5342" s="6" t="s">
        <v>49</v>
      </c>
      <c r="B5342" s="6"/>
      <c r="C5342" s="6" t="s">
        <v>5362</v>
      </c>
      <c r="D5342" s="6"/>
      <c r="E5342" s="6" t="s">
        <v>9</v>
      </c>
      <c r="F5342" s="7">
        <v>38657</v>
      </c>
      <c r="G5342" s="8">
        <v>1</v>
      </c>
      <c r="H5342" s="8">
        <v>1</v>
      </c>
      <c r="I5342" s="8">
        <v>0</v>
      </c>
      <c r="J5342" s="8">
        <v>1</v>
      </c>
      <c r="K5342" s="9">
        <v>96</v>
      </c>
      <c r="L5342" s="6" t="s">
        <v>51</v>
      </c>
    </row>
    <row r="5343" spans="1:12">
      <c r="A5343" s="6" t="s">
        <v>49</v>
      </c>
      <c r="B5343" s="6"/>
      <c r="C5343" s="6" t="s">
        <v>5363</v>
      </c>
      <c r="D5343" s="6"/>
      <c r="E5343" s="6" t="s">
        <v>9</v>
      </c>
      <c r="F5343" s="7">
        <v>38657</v>
      </c>
      <c r="G5343" s="8">
        <v>1</v>
      </c>
      <c r="H5343" s="8">
        <v>1</v>
      </c>
      <c r="I5343" s="8">
        <v>0</v>
      </c>
      <c r="J5343" s="8">
        <v>1</v>
      </c>
      <c r="K5343" s="9">
        <v>6.87</v>
      </c>
      <c r="L5343" s="6" t="s">
        <v>51</v>
      </c>
    </row>
    <row r="5344" spans="1:12">
      <c r="A5344" s="6" t="s">
        <v>49</v>
      </c>
      <c r="B5344" s="6"/>
      <c r="C5344" s="6" t="s">
        <v>5364</v>
      </c>
      <c r="D5344" s="6"/>
      <c r="E5344" s="6" t="s">
        <v>9</v>
      </c>
      <c r="F5344" s="7">
        <v>38657</v>
      </c>
      <c r="G5344" s="8">
        <v>1</v>
      </c>
      <c r="H5344" s="8">
        <v>1</v>
      </c>
      <c r="I5344" s="8">
        <v>0</v>
      </c>
      <c r="J5344" s="8">
        <v>1</v>
      </c>
      <c r="K5344" s="9">
        <v>3.3</v>
      </c>
      <c r="L5344" s="6" t="s">
        <v>51</v>
      </c>
    </row>
    <row r="5345" spans="1:12">
      <c r="A5345" s="6" t="s">
        <v>49</v>
      </c>
      <c r="B5345" s="6"/>
      <c r="C5345" s="6" t="s">
        <v>5365</v>
      </c>
      <c r="D5345" s="6"/>
      <c r="E5345" s="6" t="s">
        <v>9</v>
      </c>
      <c r="F5345" s="7">
        <v>38657</v>
      </c>
      <c r="G5345" s="8">
        <v>1</v>
      </c>
      <c r="H5345" s="8">
        <v>1</v>
      </c>
      <c r="I5345" s="8">
        <v>0</v>
      </c>
      <c r="J5345" s="8">
        <v>1</v>
      </c>
      <c r="K5345" s="9">
        <v>53</v>
      </c>
      <c r="L5345" s="6" t="s">
        <v>51</v>
      </c>
    </row>
    <row r="5346" spans="1:12">
      <c r="A5346" s="6" t="s">
        <v>49</v>
      </c>
      <c r="B5346" s="6"/>
      <c r="C5346" s="6" t="s">
        <v>5366</v>
      </c>
      <c r="D5346" s="6"/>
      <c r="E5346" s="6" t="s">
        <v>9</v>
      </c>
      <c r="F5346" s="7">
        <v>38657</v>
      </c>
      <c r="G5346" s="8">
        <v>1</v>
      </c>
      <c r="H5346" s="8">
        <v>1</v>
      </c>
      <c r="I5346" s="8">
        <v>0</v>
      </c>
      <c r="J5346" s="8">
        <v>1</v>
      </c>
      <c r="K5346" s="9">
        <v>31</v>
      </c>
      <c r="L5346" s="6" t="s">
        <v>51</v>
      </c>
    </row>
    <row r="5347" spans="1:12">
      <c r="A5347" s="6" t="s">
        <v>49</v>
      </c>
      <c r="B5347" s="6"/>
      <c r="C5347" s="6" t="s">
        <v>5367</v>
      </c>
      <c r="D5347" s="6"/>
      <c r="E5347" s="6" t="s">
        <v>9</v>
      </c>
      <c r="F5347" s="7">
        <v>38657</v>
      </c>
      <c r="G5347" s="8">
        <v>1</v>
      </c>
      <c r="H5347" s="8">
        <v>1</v>
      </c>
      <c r="I5347" s="8">
        <v>0</v>
      </c>
      <c r="J5347" s="8">
        <v>1</v>
      </c>
      <c r="K5347" s="9">
        <v>52</v>
      </c>
      <c r="L5347" s="6" t="s">
        <v>51</v>
      </c>
    </row>
    <row r="5348" spans="1:12">
      <c r="A5348" s="6" t="s">
        <v>49</v>
      </c>
      <c r="B5348" s="6"/>
      <c r="C5348" s="6" t="s">
        <v>5368</v>
      </c>
      <c r="D5348" s="6"/>
      <c r="E5348" s="6" t="s">
        <v>9</v>
      </c>
      <c r="F5348" s="7">
        <v>38657</v>
      </c>
      <c r="G5348" s="8">
        <v>1</v>
      </c>
      <c r="H5348" s="8">
        <v>1</v>
      </c>
      <c r="I5348" s="8">
        <v>0</v>
      </c>
      <c r="J5348" s="8">
        <v>1</v>
      </c>
      <c r="K5348" s="9">
        <v>5.28</v>
      </c>
      <c r="L5348" s="6" t="s">
        <v>51</v>
      </c>
    </row>
    <row r="5349" spans="1:12">
      <c r="A5349" s="6" t="s">
        <v>49</v>
      </c>
      <c r="B5349" s="6"/>
      <c r="C5349" s="6" t="s">
        <v>5369</v>
      </c>
      <c r="D5349" s="6"/>
      <c r="E5349" s="6" t="s">
        <v>9</v>
      </c>
      <c r="F5349" s="7">
        <v>38657</v>
      </c>
      <c r="G5349" s="8">
        <v>1</v>
      </c>
      <c r="H5349" s="8">
        <v>1</v>
      </c>
      <c r="I5349" s="8">
        <v>0</v>
      </c>
      <c r="J5349" s="8">
        <v>1</v>
      </c>
      <c r="K5349" s="9">
        <v>148</v>
      </c>
      <c r="L5349" s="6" t="s">
        <v>51</v>
      </c>
    </row>
    <row r="5350" spans="1:12">
      <c r="A5350" s="6" t="s">
        <v>49</v>
      </c>
      <c r="B5350" s="6"/>
      <c r="C5350" s="6" t="s">
        <v>5370</v>
      </c>
      <c r="D5350" s="6"/>
      <c r="E5350" s="6" t="s">
        <v>9</v>
      </c>
      <c r="F5350" s="7">
        <v>38657</v>
      </c>
      <c r="G5350" s="8">
        <v>1</v>
      </c>
      <c r="H5350" s="8">
        <v>1</v>
      </c>
      <c r="I5350" s="8">
        <v>0</v>
      </c>
      <c r="J5350" s="8">
        <v>1</v>
      </c>
      <c r="K5350" s="9">
        <v>9.91</v>
      </c>
      <c r="L5350" s="6" t="s">
        <v>51</v>
      </c>
    </row>
    <row r="5351" spans="1:12">
      <c r="A5351" s="6" t="s">
        <v>49</v>
      </c>
      <c r="B5351" s="6"/>
      <c r="C5351" s="6" t="s">
        <v>5371</v>
      </c>
      <c r="D5351" s="6"/>
      <c r="E5351" s="6" t="s">
        <v>9</v>
      </c>
      <c r="F5351" s="7">
        <v>38657</v>
      </c>
      <c r="G5351" s="8">
        <v>1</v>
      </c>
      <c r="H5351" s="8">
        <v>1</v>
      </c>
      <c r="I5351" s="8">
        <v>0</v>
      </c>
      <c r="J5351" s="8">
        <v>1</v>
      </c>
      <c r="K5351" s="9">
        <v>6.61</v>
      </c>
      <c r="L5351" s="6" t="s">
        <v>51</v>
      </c>
    </row>
    <row r="5352" spans="1:12">
      <c r="A5352" s="6" t="s">
        <v>49</v>
      </c>
      <c r="B5352" s="6"/>
      <c r="C5352" s="6" t="s">
        <v>5372</v>
      </c>
      <c r="D5352" s="6"/>
      <c r="E5352" s="6" t="s">
        <v>9</v>
      </c>
      <c r="F5352" s="7">
        <v>38657</v>
      </c>
      <c r="G5352" s="8">
        <v>1</v>
      </c>
      <c r="H5352" s="8">
        <v>1</v>
      </c>
      <c r="I5352" s="8">
        <v>0</v>
      </c>
      <c r="J5352" s="8">
        <v>1</v>
      </c>
      <c r="K5352" s="9">
        <v>36</v>
      </c>
      <c r="L5352" s="6" t="s">
        <v>51</v>
      </c>
    </row>
    <row r="5353" spans="1:12">
      <c r="A5353" s="6" t="s">
        <v>49</v>
      </c>
      <c r="B5353" s="6"/>
      <c r="C5353" s="6" t="s">
        <v>5373</v>
      </c>
      <c r="D5353" s="6"/>
      <c r="E5353" s="6" t="s">
        <v>9</v>
      </c>
      <c r="F5353" s="7">
        <v>38657</v>
      </c>
      <c r="G5353" s="8">
        <v>1</v>
      </c>
      <c r="H5353" s="8">
        <v>1</v>
      </c>
      <c r="I5353" s="8">
        <v>0</v>
      </c>
      <c r="J5353" s="8">
        <v>1</v>
      </c>
      <c r="K5353" s="9">
        <v>122</v>
      </c>
      <c r="L5353" s="6" t="s">
        <v>51</v>
      </c>
    </row>
    <row r="5354" spans="1:12">
      <c r="A5354" s="6" t="s">
        <v>49</v>
      </c>
      <c r="B5354" s="6"/>
      <c r="C5354" s="6" t="s">
        <v>5374</v>
      </c>
      <c r="D5354" s="6"/>
      <c r="E5354" s="6" t="s">
        <v>9</v>
      </c>
      <c r="F5354" s="7">
        <v>38657</v>
      </c>
      <c r="G5354" s="8">
        <v>1</v>
      </c>
      <c r="H5354" s="8">
        <v>1</v>
      </c>
      <c r="I5354" s="8">
        <v>0</v>
      </c>
      <c r="J5354" s="8">
        <v>1</v>
      </c>
      <c r="K5354" s="9">
        <v>19</v>
      </c>
      <c r="L5354" s="6" t="s">
        <v>51</v>
      </c>
    </row>
    <row r="5355" spans="1:12">
      <c r="A5355" s="6" t="s">
        <v>49</v>
      </c>
      <c r="B5355" s="6"/>
      <c r="C5355" s="6" t="s">
        <v>5375</v>
      </c>
      <c r="D5355" s="6"/>
      <c r="E5355" s="6" t="s">
        <v>9</v>
      </c>
      <c r="F5355" s="7">
        <v>38657</v>
      </c>
      <c r="G5355" s="8">
        <v>1</v>
      </c>
      <c r="H5355" s="8">
        <v>1</v>
      </c>
      <c r="I5355" s="8">
        <v>0</v>
      </c>
      <c r="J5355" s="8">
        <v>1</v>
      </c>
      <c r="K5355" s="9">
        <v>51</v>
      </c>
      <c r="L5355" s="6" t="s">
        <v>51</v>
      </c>
    </row>
    <row r="5356" spans="1:12">
      <c r="A5356" s="6" t="s">
        <v>49</v>
      </c>
      <c r="B5356" s="6"/>
      <c r="C5356" s="6" t="s">
        <v>5376</v>
      </c>
      <c r="D5356" s="6"/>
      <c r="E5356" s="6" t="s">
        <v>9</v>
      </c>
      <c r="F5356" s="7">
        <v>38657</v>
      </c>
      <c r="G5356" s="8">
        <v>1</v>
      </c>
      <c r="H5356" s="8">
        <v>1</v>
      </c>
      <c r="I5356" s="8">
        <v>0</v>
      </c>
      <c r="J5356" s="8">
        <v>1</v>
      </c>
      <c r="K5356" s="9">
        <v>51</v>
      </c>
      <c r="L5356" s="6" t="s">
        <v>51</v>
      </c>
    </row>
    <row r="5357" spans="1:12">
      <c r="A5357" s="6" t="s">
        <v>49</v>
      </c>
      <c r="B5357" s="6"/>
      <c r="C5357" s="6" t="s">
        <v>5377</v>
      </c>
      <c r="D5357" s="6"/>
      <c r="E5357" s="6" t="s">
        <v>9</v>
      </c>
      <c r="F5357" s="7">
        <v>40953</v>
      </c>
      <c r="G5357" s="8">
        <v>1</v>
      </c>
      <c r="H5357" s="8">
        <v>1</v>
      </c>
      <c r="I5357" s="8">
        <v>0</v>
      </c>
      <c r="J5357" s="8">
        <v>1</v>
      </c>
      <c r="K5357" s="9">
        <v>72.72</v>
      </c>
      <c r="L5357" s="6" t="s">
        <v>51</v>
      </c>
    </row>
    <row r="5358" spans="1:12">
      <c r="A5358" s="6" t="s">
        <v>49</v>
      </c>
      <c r="B5358" s="6"/>
      <c r="C5358" s="6" t="s">
        <v>5378</v>
      </c>
      <c r="D5358" s="6"/>
      <c r="E5358" s="6" t="s">
        <v>9</v>
      </c>
      <c r="F5358" s="7">
        <v>40466</v>
      </c>
      <c r="G5358" s="8">
        <v>1</v>
      </c>
      <c r="H5358" s="8">
        <v>1</v>
      </c>
      <c r="I5358" s="8">
        <v>0</v>
      </c>
      <c r="J5358" s="8">
        <v>1</v>
      </c>
      <c r="K5358" s="9">
        <v>36</v>
      </c>
      <c r="L5358" s="6" t="s">
        <v>51</v>
      </c>
    </row>
    <row r="5359" spans="1:12">
      <c r="A5359" s="6" t="s">
        <v>49</v>
      </c>
      <c r="B5359" s="6"/>
      <c r="C5359" s="6" t="s">
        <v>5379</v>
      </c>
      <c r="D5359" s="6"/>
      <c r="E5359" s="6" t="s">
        <v>9</v>
      </c>
      <c r="F5359" s="7">
        <v>38657</v>
      </c>
      <c r="G5359" s="8">
        <v>1</v>
      </c>
      <c r="H5359" s="8">
        <v>1</v>
      </c>
      <c r="I5359" s="8">
        <v>0</v>
      </c>
      <c r="J5359" s="8">
        <v>1</v>
      </c>
      <c r="K5359" s="9">
        <v>127.94</v>
      </c>
      <c r="L5359" s="6" t="s">
        <v>51</v>
      </c>
    </row>
    <row r="5360" spans="1:12">
      <c r="A5360" s="6" t="s">
        <v>49</v>
      </c>
      <c r="B5360" s="6"/>
      <c r="C5360" s="6" t="s">
        <v>5380</v>
      </c>
      <c r="D5360" s="6"/>
      <c r="E5360" s="6" t="s">
        <v>9</v>
      </c>
      <c r="F5360" s="7">
        <v>38657</v>
      </c>
      <c r="G5360" s="8">
        <v>1</v>
      </c>
      <c r="H5360" s="8">
        <v>1</v>
      </c>
      <c r="I5360" s="8">
        <v>0</v>
      </c>
      <c r="J5360" s="8">
        <v>1</v>
      </c>
      <c r="K5360" s="9">
        <v>59</v>
      </c>
      <c r="L5360" s="6" t="s">
        <v>51</v>
      </c>
    </row>
    <row r="5361" spans="1:12">
      <c r="A5361" s="6" t="s">
        <v>49</v>
      </c>
      <c r="B5361" s="6"/>
      <c r="C5361" s="6" t="s">
        <v>5381</v>
      </c>
      <c r="D5361" s="6"/>
      <c r="E5361" s="6" t="s">
        <v>9</v>
      </c>
      <c r="F5361" s="7">
        <v>38657</v>
      </c>
      <c r="G5361" s="8">
        <v>1</v>
      </c>
      <c r="H5361" s="8">
        <v>1</v>
      </c>
      <c r="I5361" s="8">
        <v>0</v>
      </c>
      <c r="J5361" s="8">
        <v>1</v>
      </c>
      <c r="K5361" s="9">
        <v>16</v>
      </c>
      <c r="L5361" s="6" t="s">
        <v>51</v>
      </c>
    </row>
    <row r="5362" spans="1:12">
      <c r="A5362" s="6" t="s">
        <v>49</v>
      </c>
      <c r="B5362" s="6"/>
      <c r="C5362" s="6" t="s">
        <v>5382</v>
      </c>
      <c r="D5362" s="6"/>
      <c r="E5362" s="6" t="s">
        <v>9</v>
      </c>
      <c r="F5362" s="7">
        <v>38657</v>
      </c>
      <c r="G5362" s="8">
        <v>1</v>
      </c>
      <c r="H5362" s="8">
        <v>1</v>
      </c>
      <c r="I5362" s="8">
        <v>0</v>
      </c>
      <c r="J5362" s="8">
        <v>1</v>
      </c>
      <c r="K5362" s="9">
        <v>59</v>
      </c>
      <c r="L5362" s="6" t="s">
        <v>51</v>
      </c>
    </row>
    <row r="5363" spans="1:12">
      <c r="A5363" s="6" t="s">
        <v>49</v>
      </c>
      <c r="B5363" s="6"/>
      <c r="C5363" s="6" t="s">
        <v>5383</v>
      </c>
      <c r="D5363" s="6"/>
      <c r="E5363" s="6" t="s">
        <v>9</v>
      </c>
      <c r="F5363" s="7">
        <v>38657</v>
      </c>
      <c r="G5363" s="8">
        <v>1</v>
      </c>
      <c r="H5363" s="8">
        <v>1</v>
      </c>
      <c r="I5363" s="8">
        <v>0</v>
      </c>
      <c r="J5363" s="8">
        <v>1</v>
      </c>
      <c r="K5363" s="9">
        <v>9.91</v>
      </c>
      <c r="L5363" s="6" t="s">
        <v>51</v>
      </c>
    </row>
    <row r="5364" spans="1:12">
      <c r="A5364" s="6" t="s">
        <v>49</v>
      </c>
      <c r="B5364" s="6"/>
      <c r="C5364" s="6" t="s">
        <v>5384</v>
      </c>
      <c r="D5364" s="6"/>
      <c r="E5364" s="6" t="s">
        <v>9</v>
      </c>
      <c r="F5364" s="7">
        <v>38657</v>
      </c>
      <c r="G5364" s="8">
        <v>1</v>
      </c>
      <c r="H5364" s="8">
        <v>1</v>
      </c>
      <c r="I5364" s="8">
        <v>0</v>
      </c>
      <c r="J5364" s="8">
        <v>1</v>
      </c>
      <c r="K5364" s="9">
        <v>109</v>
      </c>
      <c r="L5364" s="6" t="s">
        <v>51</v>
      </c>
    </row>
    <row r="5365" spans="1:12">
      <c r="A5365" s="6" t="s">
        <v>49</v>
      </c>
      <c r="B5365" s="6"/>
      <c r="C5365" s="6" t="s">
        <v>5385</v>
      </c>
      <c r="D5365" s="6"/>
      <c r="E5365" s="6" t="s">
        <v>9</v>
      </c>
      <c r="F5365" s="7">
        <v>38657</v>
      </c>
      <c r="G5365" s="8">
        <v>1</v>
      </c>
      <c r="H5365" s="8">
        <v>1</v>
      </c>
      <c r="I5365" s="8">
        <v>0</v>
      </c>
      <c r="J5365" s="8">
        <v>1</v>
      </c>
      <c r="K5365" s="9">
        <v>23.14</v>
      </c>
      <c r="L5365" s="6" t="s">
        <v>51</v>
      </c>
    </row>
    <row r="5366" spans="1:12">
      <c r="A5366" s="6" t="s">
        <v>49</v>
      </c>
      <c r="B5366" s="6"/>
      <c r="C5366" s="6" t="s">
        <v>5386</v>
      </c>
      <c r="D5366" s="6"/>
      <c r="E5366" s="6" t="s">
        <v>9</v>
      </c>
      <c r="F5366" s="7">
        <v>38657</v>
      </c>
      <c r="G5366" s="8">
        <v>1</v>
      </c>
      <c r="H5366" s="8">
        <v>1</v>
      </c>
      <c r="I5366" s="8">
        <v>0</v>
      </c>
      <c r="J5366" s="8">
        <v>1</v>
      </c>
      <c r="K5366" s="9">
        <v>78</v>
      </c>
      <c r="L5366" s="6" t="s">
        <v>51</v>
      </c>
    </row>
    <row r="5367" spans="1:12">
      <c r="A5367" s="6" t="s">
        <v>49</v>
      </c>
      <c r="B5367" s="6"/>
      <c r="C5367" s="6" t="s">
        <v>5387</v>
      </c>
      <c r="D5367" s="6"/>
      <c r="E5367" s="6" t="s">
        <v>9</v>
      </c>
      <c r="F5367" s="7">
        <v>38657</v>
      </c>
      <c r="G5367" s="8">
        <v>1</v>
      </c>
      <c r="H5367" s="8">
        <v>1</v>
      </c>
      <c r="I5367" s="8">
        <v>0</v>
      </c>
      <c r="J5367" s="8">
        <v>1</v>
      </c>
      <c r="K5367" s="9">
        <v>39</v>
      </c>
      <c r="L5367" s="6" t="s">
        <v>51</v>
      </c>
    </row>
    <row r="5368" spans="1:12">
      <c r="A5368" s="6" t="s">
        <v>49</v>
      </c>
      <c r="B5368" s="6"/>
      <c r="C5368" s="6" t="s">
        <v>5388</v>
      </c>
      <c r="D5368" s="6"/>
      <c r="E5368" s="6" t="s">
        <v>9</v>
      </c>
      <c r="F5368" s="7">
        <v>38657</v>
      </c>
      <c r="G5368" s="8">
        <v>1</v>
      </c>
      <c r="H5368" s="8">
        <v>1</v>
      </c>
      <c r="I5368" s="8">
        <v>0</v>
      </c>
      <c r="J5368" s="8">
        <v>1</v>
      </c>
      <c r="K5368" s="9">
        <v>9.91</v>
      </c>
      <c r="L5368" s="6" t="s">
        <v>51</v>
      </c>
    </row>
    <row r="5369" spans="1:12">
      <c r="A5369" s="6" t="s">
        <v>49</v>
      </c>
      <c r="B5369" s="6"/>
      <c r="C5369" s="6" t="s">
        <v>5389</v>
      </c>
      <c r="D5369" s="6"/>
      <c r="E5369" s="6" t="s">
        <v>9</v>
      </c>
      <c r="F5369" s="7">
        <v>38657</v>
      </c>
      <c r="G5369" s="8">
        <v>1</v>
      </c>
      <c r="H5369" s="8">
        <v>1</v>
      </c>
      <c r="I5369" s="8">
        <v>0</v>
      </c>
      <c r="J5369" s="8">
        <v>1</v>
      </c>
      <c r="K5369" s="9">
        <v>6.61</v>
      </c>
      <c r="L5369" s="6" t="s">
        <v>51</v>
      </c>
    </row>
    <row r="5370" spans="1:12">
      <c r="A5370" s="6" t="s">
        <v>49</v>
      </c>
      <c r="B5370" s="6"/>
      <c r="C5370" s="6" t="s">
        <v>5390</v>
      </c>
      <c r="D5370" s="6"/>
      <c r="E5370" s="6" t="s">
        <v>9</v>
      </c>
      <c r="F5370" s="7">
        <v>38657</v>
      </c>
      <c r="G5370" s="8">
        <v>1</v>
      </c>
      <c r="H5370" s="8">
        <v>1</v>
      </c>
      <c r="I5370" s="8">
        <v>0</v>
      </c>
      <c r="J5370" s="8">
        <v>1</v>
      </c>
      <c r="K5370" s="9">
        <v>351</v>
      </c>
      <c r="L5370" s="6" t="s">
        <v>51</v>
      </c>
    </row>
    <row r="5371" spans="1:12">
      <c r="A5371" s="6" t="s">
        <v>49</v>
      </c>
      <c r="B5371" s="6"/>
      <c r="C5371" s="6" t="s">
        <v>5391</v>
      </c>
      <c r="D5371" s="6"/>
      <c r="E5371" s="6" t="s">
        <v>9</v>
      </c>
      <c r="F5371" s="7">
        <v>38657</v>
      </c>
      <c r="G5371" s="8">
        <v>1</v>
      </c>
      <c r="H5371" s="8">
        <v>1</v>
      </c>
      <c r="I5371" s="8">
        <v>0</v>
      </c>
      <c r="J5371" s="8">
        <v>1</v>
      </c>
      <c r="K5371" s="9">
        <v>9</v>
      </c>
      <c r="L5371" s="6" t="s">
        <v>51</v>
      </c>
    </row>
    <row r="5372" spans="1:12">
      <c r="A5372" s="6" t="s">
        <v>49</v>
      </c>
      <c r="B5372" s="6"/>
      <c r="C5372" s="6" t="s">
        <v>5392</v>
      </c>
      <c r="D5372" s="6"/>
      <c r="E5372" s="6" t="s">
        <v>9</v>
      </c>
      <c r="F5372" s="7">
        <v>38657</v>
      </c>
      <c r="G5372" s="8">
        <v>1</v>
      </c>
      <c r="H5372" s="8">
        <v>1</v>
      </c>
      <c r="I5372" s="8">
        <v>0</v>
      </c>
      <c r="J5372" s="8">
        <v>1</v>
      </c>
      <c r="K5372" s="9">
        <v>7.79</v>
      </c>
      <c r="L5372" s="6" t="s">
        <v>51</v>
      </c>
    </row>
    <row r="5373" spans="1:12">
      <c r="A5373" s="6" t="s">
        <v>49</v>
      </c>
      <c r="B5373" s="6"/>
      <c r="C5373" s="6" t="s">
        <v>5393</v>
      </c>
      <c r="D5373" s="6"/>
      <c r="E5373" s="6" t="s">
        <v>9</v>
      </c>
      <c r="F5373" s="7">
        <v>38657</v>
      </c>
      <c r="G5373" s="8">
        <v>1</v>
      </c>
      <c r="H5373" s="8">
        <v>1</v>
      </c>
      <c r="I5373" s="8">
        <v>0</v>
      </c>
      <c r="J5373" s="8">
        <v>1</v>
      </c>
      <c r="K5373" s="9">
        <v>1.82</v>
      </c>
      <c r="L5373" s="6" t="s">
        <v>51</v>
      </c>
    </row>
    <row r="5374" spans="1:12">
      <c r="A5374" s="6" t="s">
        <v>49</v>
      </c>
      <c r="B5374" s="6"/>
      <c r="C5374" s="6" t="s">
        <v>5394</v>
      </c>
      <c r="D5374" s="6"/>
      <c r="E5374" s="6" t="s">
        <v>9</v>
      </c>
      <c r="F5374" s="7">
        <v>38657</v>
      </c>
      <c r="G5374" s="8">
        <v>1</v>
      </c>
      <c r="H5374" s="8">
        <v>1</v>
      </c>
      <c r="I5374" s="8">
        <v>0</v>
      </c>
      <c r="J5374" s="8">
        <v>1</v>
      </c>
      <c r="K5374" s="9">
        <v>42</v>
      </c>
      <c r="L5374" s="6" t="s">
        <v>51</v>
      </c>
    </row>
    <row r="5375" spans="1:12">
      <c r="A5375" s="6" t="s">
        <v>49</v>
      </c>
      <c r="B5375" s="6"/>
      <c r="C5375" s="6" t="s">
        <v>5395</v>
      </c>
      <c r="D5375" s="6"/>
      <c r="E5375" s="6" t="s">
        <v>9</v>
      </c>
      <c r="F5375" s="7">
        <v>38657</v>
      </c>
      <c r="G5375" s="8">
        <v>1</v>
      </c>
      <c r="H5375" s="8">
        <v>1</v>
      </c>
      <c r="I5375" s="8">
        <v>0</v>
      </c>
      <c r="J5375" s="8">
        <v>1</v>
      </c>
      <c r="K5375" s="9">
        <v>2.2400000000000002</v>
      </c>
      <c r="L5375" s="6" t="s">
        <v>51</v>
      </c>
    </row>
    <row r="5376" spans="1:12">
      <c r="A5376" s="6" t="s">
        <v>49</v>
      </c>
      <c r="B5376" s="6"/>
      <c r="C5376" s="6" t="s">
        <v>5396</v>
      </c>
      <c r="D5376" s="6"/>
      <c r="E5376" s="6" t="s">
        <v>9</v>
      </c>
      <c r="F5376" s="7">
        <v>38657</v>
      </c>
      <c r="G5376" s="8">
        <v>1</v>
      </c>
      <c r="H5376" s="8">
        <v>1</v>
      </c>
      <c r="I5376" s="8">
        <v>0</v>
      </c>
      <c r="J5376" s="8">
        <v>1</v>
      </c>
      <c r="K5376" s="9">
        <v>6.61</v>
      </c>
      <c r="L5376" s="6" t="s">
        <v>51</v>
      </c>
    </row>
    <row r="5377" spans="1:12">
      <c r="A5377" s="6" t="s">
        <v>49</v>
      </c>
      <c r="B5377" s="6"/>
      <c r="C5377" s="6" t="s">
        <v>5397</v>
      </c>
      <c r="D5377" s="6"/>
      <c r="E5377" s="6" t="s">
        <v>9</v>
      </c>
      <c r="F5377" s="7">
        <v>38657</v>
      </c>
      <c r="G5377" s="8">
        <v>1</v>
      </c>
      <c r="H5377" s="8">
        <v>1</v>
      </c>
      <c r="I5377" s="8">
        <v>0</v>
      </c>
      <c r="J5377" s="8">
        <v>1</v>
      </c>
      <c r="K5377" s="9">
        <v>6.61</v>
      </c>
      <c r="L5377" s="6" t="s">
        <v>51</v>
      </c>
    </row>
    <row r="5378" spans="1:12">
      <c r="A5378" s="6" t="s">
        <v>49</v>
      </c>
      <c r="B5378" s="6"/>
      <c r="C5378" s="6" t="s">
        <v>5398</v>
      </c>
      <c r="D5378" s="6"/>
      <c r="E5378" s="6" t="s">
        <v>9</v>
      </c>
      <c r="F5378" s="7">
        <v>38657</v>
      </c>
      <c r="G5378" s="8">
        <v>1</v>
      </c>
      <c r="H5378" s="8">
        <v>1</v>
      </c>
      <c r="I5378" s="8">
        <v>0</v>
      </c>
      <c r="J5378" s="8">
        <v>1</v>
      </c>
      <c r="K5378" s="9">
        <v>3.3</v>
      </c>
      <c r="L5378" s="6" t="s">
        <v>51</v>
      </c>
    </row>
    <row r="5379" spans="1:12">
      <c r="A5379" s="6" t="s">
        <v>49</v>
      </c>
      <c r="B5379" s="6"/>
      <c r="C5379" s="6" t="s">
        <v>5399</v>
      </c>
      <c r="D5379" s="6"/>
      <c r="E5379" s="6" t="s">
        <v>9</v>
      </c>
      <c r="F5379" s="7">
        <v>38657</v>
      </c>
      <c r="G5379" s="8">
        <v>1</v>
      </c>
      <c r="H5379" s="8">
        <v>1</v>
      </c>
      <c r="I5379" s="8">
        <v>0</v>
      </c>
      <c r="J5379" s="8">
        <v>1</v>
      </c>
      <c r="K5379" s="9">
        <v>26</v>
      </c>
      <c r="L5379" s="6" t="s">
        <v>51</v>
      </c>
    </row>
    <row r="5380" spans="1:12">
      <c r="A5380" s="6" t="s">
        <v>49</v>
      </c>
      <c r="B5380" s="6"/>
      <c r="C5380" s="6" t="s">
        <v>5400</v>
      </c>
      <c r="D5380" s="6"/>
      <c r="E5380" s="6" t="s">
        <v>9</v>
      </c>
      <c r="F5380" s="7">
        <v>38657</v>
      </c>
      <c r="G5380" s="8">
        <v>1</v>
      </c>
      <c r="H5380" s="8">
        <v>1</v>
      </c>
      <c r="I5380" s="8">
        <v>0</v>
      </c>
      <c r="J5380" s="8">
        <v>1</v>
      </c>
      <c r="K5380" s="9">
        <v>16</v>
      </c>
      <c r="L5380" s="6" t="s">
        <v>51</v>
      </c>
    </row>
    <row r="5381" spans="1:12">
      <c r="A5381" s="6" t="s">
        <v>49</v>
      </c>
      <c r="B5381" s="6"/>
      <c r="C5381" s="6" t="s">
        <v>5401</v>
      </c>
      <c r="D5381" s="6"/>
      <c r="E5381" s="6" t="s">
        <v>9</v>
      </c>
      <c r="F5381" s="7">
        <v>38657</v>
      </c>
      <c r="G5381" s="8">
        <v>1</v>
      </c>
      <c r="H5381" s="8">
        <v>1</v>
      </c>
      <c r="I5381" s="8">
        <v>0</v>
      </c>
      <c r="J5381" s="8">
        <v>1</v>
      </c>
      <c r="K5381" s="9">
        <v>81.48</v>
      </c>
      <c r="L5381" s="6" t="s">
        <v>51</v>
      </c>
    </row>
    <row r="5382" spans="1:12">
      <c r="A5382" s="6" t="s">
        <v>49</v>
      </c>
      <c r="B5382" s="6"/>
      <c r="C5382" s="6" t="s">
        <v>5402</v>
      </c>
      <c r="D5382" s="6"/>
      <c r="E5382" s="6" t="s">
        <v>9</v>
      </c>
      <c r="F5382" s="7">
        <v>38657</v>
      </c>
      <c r="G5382" s="8">
        <v>1</v>
      </c>
      <c r="H5382" s="8">
        <v>1</v>
      </c>
      <c r="I5382" s="8">
        <v>0</v>
      </c>
      <c r="J5382" s="8">
        <v>1</v>
      </c>
      <c r="K5382" s="9">
        <v>46</v>
      </c>
      <c r="L5382" s="6" t="s">
        <v>51</v>
      </c>
    </row>
    <row r="5383" spans="1:12">
      <c r="A5383" s="6" t="s">
        <v>49</v>
      </c>
      <c r="B5383" s="6"/>
      <c r="C5383" s="6" t="s">
        <v>5403</v>
      </c>
      <c r="D5383" s="6"/>
      <c r="E5383" s="6" t="s">
        <v>9</v>
      </c>
      <c r="F5383" s="7">
        <v>38657</v>
      </c>
      <c r="G5383" s="8">
        <v>1</v>
      </c>
      <c r="H5383" s="8">
        <v>1</v>
      </c>
      <c r="I5383" s="8">
        <v>0</v>
      </c>
      <c r="J5383" s="8">
        <v>1</v>
      </c>
      <c r="K5383" s="9">
        <v>3.3</v>
      </c>
      <c r="L5383" s="6" t="s">
        <v>51</v>
      </c>
    </row>
    <row r="5384" spans="1:12">
      <c r="A5384" s="6" t="s">
        <v>49</v>
      </c>
      <c r="B5384" s="6"/>
      <c r="C5384" s="6" t="s">
        <v>5404</v>
      </c>
      <c r="D5384" s="6"/>
      <c r="E5384" s="6" t="s">
        <v>9</v>
      </c>
      <c r="F5384" s="7">
        <v>38657</v>
      </c>
      <c r="G5384" s="8">
        <v>1</v>
      </c>
      <c r="H5384" s="8">
        <v>1</v>
      </c>
      <c r="I5384" s="8">
        <v>0</v>
      </c>
      <c r="J5384" s="8">
        <v>1</v>
      </c>
      <c r="K5384" s="9">
        <v>79</v>
      </c>
      <c r="L5384" s="6" t="s">
        <v>51</v>
      </c>
    </row>
    <row r="5385" spans="1:12">
      <c r="A5385" s="6" t="s">
        <v>49</v>
      </c>
      <c r="B5385" s="6"/>
      <c r="C5385" s="6" t="s">
        <v>5405</v>
      </c>
      <c r="D5385" s="6"/>
      <c r="E5385" s="6" t="s">
        <v>9</v>
      </c>
      <c r="F5385" s="7">
        <v>38657</v>
      </c>
      <c r="G5385" s="8">
        <v>1</v>
      </c>
      <c r="H5385" s="8">
        <v>1</v>
      </c>
      <c r="I5385" s="8">
        <v>0</v>
      </c>
      <c r="J5385" s="8">
        <v>1</v>
      </c>
      <c r="K5385" s="9">
        <v>464</v>
      </c>
      <c r="L5385" s="6" t="s">
        <v>51</v>
      </c>
    </row>
    <row r="5386" spans="1:12">
      <c r="A5386" s="6" t="s">
        <v>49</v>
      </c>
      <c r="B5386" s="6"/>
      <c r="C5386" s="6" t="s">
        <v>5406</v>
      </c>
      <c r="D5386" s="6"/>
      <c r="E5386" s="6" t="s">
        <v>9</v>
      </c>
      <c r="F5386" s="7">
        <v>38657</v>
      </c>
      <c r="G5386" s="8">
        <v>1</v>
      </c>
      <c r="H5386" s="8">
        <v>1</v>
      </c>
      <c r="I5386" s="8">
        <v>0</v>
      </c>
      <c r="J5386" s="8">
        <v>1</v>
      </c>
      <c r="K5386" s="9">
        <v>271</v>
      </c>
      <c r="L5386" s="6" t="s">
        <v>51</v>
      </c>
    </row>
    <row r="5387" spans="1:12">
      <c r="A5387" s="6" t="s">
        <v>49</v>
      </c>
      <c r="B5387" s="6"/>
      <c r="C5387" s="6" t="s">
        <v>5407</v>
      </c>
      <c r="D5387" s="6"/>
      <c r="E5387" s="6" t="s">
        <v>9</v>
      </c>
      <c r="F5387" s="7">
        <v>38657</v>
      </c>
      <c r="G5387" s="8">
        <v>1</v>
      </c>
      <c r="H5387" s="8">
        <v>1</v>
      </c>
      <c r="I5387" s="8">
        <v>0</v>
      </c>
      <c r="J5387" s="8">
        <v>1</v>
      </c>
      <c r="K5387" s="9">
        <v>10</v>
      </c>
      <c r="L5387" s="6" t="s">
        <v>51</v>
      </c>
    </row>
    <row r="5388" spans="1:12">
      <c r="A5388" s="6" t="s">
        <v>49</v>
      </c>
      <c r="B5388" s="6"/>
      <c r="C5388" s="6" t="s">
        <v>5408</v>
      </c>
      <c r="D5388" s="6"/>
      <c r="E5388" s="6" t="s">
        <v>9</v>
      </c>
      <c r="F5388" s="7">
        <v>38657</v>
      </c>
      <c r="G5388" s="8">
        <v>1</v>
      </c>
      <c r="H5388" s="8">
        <v>1</v>
      </c>
      <c r="I5388" s="8">
        <v>0</v>
      </c>
      <c r="J5388" s="8">
        <v>1</v>
      </c>
      <c r="K5388" s="9">
        <v>99</v>
      </c>
      <c r="L5388" s="6" t="s">
        <v>51</v>
      </c>
    </row>
    <row r="5389" spans="1:12">
      <c r="A5389" s="6" t="s">
        <v>49</v>
      </c>
      <c r="B5389" s="6"/>
      <c r="C5389" s="6" t="s">
        <v>5409</v>
      </c>
      <c r="D5389" s="6"/>
      <c r="E5389" s="6" t="s">
        <v>9</v>
      </c>
      <c r="F5389" s="7">
        <v>38657</v>
      </c>
      <c r="G5389" s="8">
        <v>1</v>
      </c>
      <c r="H5389" s="8">
        <v>1</v>
      </c>
      <c r="I5389" s="8">
        <v>0</v>
      </c>
      <c r="J5389" s="8">
        <v>1</v>
      </c>
      <c r="K5389" s="9">
        <v>114</v>
      </c>
      <c r="L5389" s="6" t="s">
        <v>51</v>
      </c>
    </row>
    <row r="5390" spans="1:12">
      <c r="A5390" s="6" t="s">
        <v>49</v>
      </c>
      <c r="B5390" s="6"/>
      <c r="C5390" s="6" t="s">
        <v>5410</v>
      </c>
      <c r="D5390" s="6"/>
      <c r="E5390" s="6" t="s">
        <v>9</v>
      </c>
      <c r="F5390" s="7">
        <v>38657</v>
      </c>
      <c r="G5390" s="8">
        <v>1</v>
      </c>
      <c r="H5390" s="8">
        <v>1</v>
      </c>
      <c r="I5390" s="8">
        <v>0</v>
      </c>
      <c r="J5390" s="8">
        <v>1</v>
      </c>
      <c r="K5390" s="9">
        <v>352</v>
      </c>
      <c r="L5390" s="6" t="s">
        <v>51</v>
      </c>
    </row>
    <row r="5391" spans="1:12">
      <c r="A5391" s="6" t="s">
        <v>49</v>
      </c>
      <c r="B5391" s="6"/>
      <c r="C5391" s="6" t="s">
        <v>5411</v>
      </c>
      <c r="D5391" s="6"/>
      <c r="E5391" s="6" t="s">
        <v>9</v>
      </c>
      <c r="F5391" s="7">
        <v>39818</v>
      </c>
      <c r="G5391" s="8">
        <v>128322</v>
      </c>
      <c r="H5391" s="8">
        <v>128322</v>
      </c>
      <c r="I5391" s="8">
        <v>0</v>
      </c>
      <c r="J5391" s="8">
        <v>128322</v>
      </c>
      <c r="K5391" s="9">
        <v>31</v>
      </c>
      <c r="L5391" s="6" t="s">
        <v>51</v>
      </c>
    </row>
    <row r="5392" spans="1:12">
      <c r="A5392" s="6" t="s">
        <v>49</v>
      </c>
      <c r="B5392" s="6"/>
      <c r="C5392" s="6" t="s">
        <v>5412</v>
      </c>
      <c r="D5392" s="6"/>
      <c r="E5392" s="6" t="s">
        <v>9</v>
      </c>
      <c r="F5392" s="7">
        <v>38657</v>
      </c>
      <c r="G5392" s="8">
        <v>1</v>
      </c>
      <c r="H5392" s="8">
        <v>1</v>
      </c>
      <c r="I5392" s="8">
        <v>0</v>
      </c>
      <c r="J5392" s="8">
        <v>1</v>
      </c>
      <c r="K5392" s="9">
        <v>7.4</v>
      </c>
      <c r="L5392" s="6" t="s">
        <v>51</v>
      </c>
    </row>
    <row r="5393" spans="1:12">
      <c r="A5393" s="6" t="s">
        <v>49</v>
      </c>
      <c r="B5393" s="6"/>
      <c r="C5393" s="6" t="s">
        <v>5413</v>
      </c>
      <c r="D5393" s="6"/>
      <c r="E5393" s="6" t="s">
        <v>9</v>
      </c>
      <c r="F5393" s="7">
        <v>38657</v>
      </c>
      <c r="G5393" s="8">
        <v>1</v>
      </c>
      <c r="H5393" s="8">
        <v>1</v>
      </c>
      <c r="I5393" s="8">
        <v>0</v>
      </c>
      <c r="J5393" s="8">
        <v>1</v>
      </c>
      <c r="K5393" s="9">
        <v>138</v>
      </c>
      <c r="L5393" s="6" t="s">
        <v>51</v>
      </c>
    </row>
    <row r="5394" spans="1:12">
      <c r="A5394" s="6" t="s">
        <v>49</v>
      </c>
      <c r="B5394" s="6"/>
      <c r="C5394" s="6" t="s">
        <v>5414</v>
      </c>
      <c r="D5394" s="6"/>
      <c r="E5394" s="6" t="s">
        <v>9</v>
      </c>
      <c r="F5394" s="7">
        <v>38657</v>
      </c>
      <c r="G5394" s="8">
        <v>1</v>
      </c>
      <c r="H5394" s="8">
        <v>1</v>
      </c>
      <c r="I5394" s="8">
        <v>0</v>
      </c>
      <c r="J5394" s="8">
        <v>1</v>
      </c>
      <c r="K5394" s="9">
        <v>12</v>
      </c>
      <c r="L5394" s="6" t="s">
        <v>51</v>
      </c>
    </row>
    <row r="5395" spans="1:12">
      <c r="A5395" s="6" t="s">
        <v>49</v>
      </c>
      <c r="B5395" s="6"/>
      <c r="C5395" s="6" t="s">
        <v>5415</v>
      </c>
      <c r="D5395" s="6"/>
      <c r="E5395" s="6" t="s">
        <v>9</v>
      </c>
      <c r="F5395" s="7">
        <v>38657</v>
      </c>
      <c r="G5395" s="8">
        <v>1</v>
      </c>
      <c r="H5395" s="8">
        <v>1</v>
      </c>
      <c r="I5395" s="8">
        <v>0</v>
      </c>
      <c r="J5395" s="8">
        <v>1</v>
      </c>
      <c r="K5395" s="9">
        <v>152</v>
      </c>
      <c r="L5395" s="6" t="s">
        <v>51</v>
      </c>
    </row>
    <row r="5396" spans="1:12">
      <c r="A5396" s="6" t="s">
        <v>49</v>
      </c>
      <c r="B5396" s="6"/>
      <c r="C5396" s="6" t="s">
        <v>5416</v>
      </c>
      <c r="D5396" s="6"/>
      <c r="E5396" s="6" t="s">
        <v>9</v>
      </c>
      <c r="F5396" s="7">
        <v>38657</v>
      </c>
      <c r="G5396" s="8">
        <v>1</v>
      </c>
      <c r="H5396" s="8">
        <v>1</v>
      </c>
      <c r="I5396" s="8">
        <v>0</v>
      </c>
      <c r="J5396" s="8">
        <v>1</v>
      </c>
      <c r="K5396" s="9">
        <v>12</v>
      </c>
      <c r="L5396" s="6" t="s">
        <v>51</v>
      </c>
    </row>
    <row r="5397" spans="1:12">
      <c r="A5397" s="6" t="s">
        <v>49</v>
      </c>
      <c r="B5397" s="6"/>
      <c r="C5397" s="6" t="s">
        <v>5417</v>
      </c>
      <c r="D5397" s="6"/>
      <c r="E5397" s="6" t="s">
        <v>9</v>
      </c>
      <c r="F5397" s="7">
        <v>38657</v>
      </c>
      <c r="G5397" s="8">
        <v>1</v>
      </c>
      <c r="H5397" s="8">
        <v>1</v>
      </c>
      <c r="I5397" s="8">
        <v>0</v>
      </c>
      <c r="J5397" s="8">
        <v>1</v>
      </c>
      <c r="K5397" s="9">
        <v>8.27</v>
      </c>
      <c r="L5397" s="6" t="s">
        <v>51</v>
      </c>
    </row>
    <row r="5398" spans="1:12">
      <c r="A5398" s="6" t="s">
        <v>49</v>
      </c>
      <c r="B5398" s="6"/>
      <c r="C5398" s="6" t="s">
        <v>5418</v>
      </c>
      <c r="D5398" s="6"/>
      <c r="E5398" s="6" t="s">
        <v>9</v>
      </c>
      <c r="F5398" s="7">
        <v>38657</v>
      </c>
      <c r="G5398" s="8">
        <v>1</v>
      </c>
      <c r="H5398" s="8">
        <v>1</v>
      </c>
      <c r="I5398" s="8">
        <v>0</v>
      </c>
      <c r="J5398" s="8">
        <v>1</v>
      </c>
      <c r="K5398" s="9">
        <v>0.81</v>
      </c>
      <c r="L5398" s="6" t="s">
        <v>51</v>
      </c>
    </row>
    <row r="5399" spans="1:12">
      <c r="A5399" s="6" t="s">
        <v>49</v>
      </c>
      <c r="B5399" s="6"/>
      <c r="C5399" s="6" t="s">
        <v>5419</v>
      </c>
      <c r="D5399" s="6"/>
      <c r="E5399" s="6" t="s">
        <v>9</v>
      </c>
      <c r="F5399" s="7">
        <v>38657</v>
      </c>
      <c r="G5399" s="8">
        <v>1</v>
      </c>
      <c r="H5399" s="8">
        <v>1</v>
      </c>
      <c r="I5399" s="8">
        <v>0</v>
      </c>
      <c r="J5399" s="8">
        <v>1</v>
      </c>
      <c r="K5399" s="9">
        <v>198</v>
      </c>
      <c r="L5399" s="6" t="s">
        <v>51</v>
      </c>
    </row>
    <row r="5400" spans="1:12">
      <c r="A5400" s="6" t="s">
        <v>49</v>
      </c>
      <c r="B5400" s="6"/>
      <c r="C5400" s="6" t="s">
        <v>5420</v>
      </c>
      <c r="D5400" s="6"/>
      <c r="E5400" s="6" t="s">
        <v>9</v>
      </c>
      <c r="F5400" s="7">
        <v>38657</v>
      </c>
      <c r="G5400" s="8">
        <v>1</v>
      </c>
      <c r="H5400" s="8">
        <v>1</v>
      </c>
      <c r="I5400" s="8">
        <v>0</v>
      </c>
      <c r="J5400" s="8">
        <v>1</v>
      </c>
      <c r="K5400" s="9">
        <v>12</v>
      </c>
      <c r="L5400" s="6" t="s">
        <v>51</v>
      </c>
    </row>
    <row r="5401" spans="1:12">
      <c r="A5401" s="6" t="s">
        <v>49</v>
      </c>
      <c r="B5401" s="6"/>
      <c r="C5401" s="6" t="s">
        <v>5421</v>
      </c>
      <c r="D5401" s="6"/>
      <c r="E5401" s="6" t="s">
        <v>9</v>
      </c>
      <c r="F5401" s="7">
        <v>38657</v>
      </c>
      <c r="G5401" s="8">
        <v>1</v>
      </c>
      <c r="H5401" s="8">
        <v>1</v>
      </c>
      <c r="I5401" s="8">
        <v>0</v>
      </c>
      <c r="J5401" s="8">
        <v>1</v>
      </c>
      <c r="K5401" s="9">
        <v>198</v>
      </c>
      <c r="L5401" s="6" t="s">
        <v>51</v>
      </c>
    </row>
    <row r="5402" spans="1:12">
      <c r="A5402" s="6" t="s">
        <v>49</v>
      </c>
      <c r="B5402" s="6"/>
      <c r="C5402" s="6" t="s">
        <v>5422</v>
      </c>
      <c r="D5402" s="6"/>
      <c r="E5402" s="6" t="s">
        <v>9</v>
      </c>
      <c r="F5402" s="7">
        <v>38657</v>
      </c>
      <c r="G5402" s="8">
        <v>1</v>
      </c>
      <c r="H5402" s="8">
        <v>1</v>
      </c>
      <c r="I5402" s="8">
        <v>0</v>
      </c>
      <c r="J5402" s="8">
        <v>1</v>
      </c>
      <c r="K5402" s="9">
        <v>12.51</v>
      </c>
      <c r="L5402" s="6" t="s">
        <v>51</v>
      </c>
    </row>
    <row r="5403" spans="1:12">
      <c r="A5403" s="6" t="s">
        <v>49</v>
      </c>
      <c r="B5403" s="6"/>
      <c r="C5403" s="6" t="s">
        <v>5423</v>
      </c>
      <c r="D5403" s="6"/>
      <c r="E5403" s="6" t="s">
        <v>9</v>
      </c>
      <c r="F5403" s="7">
        <v>38657</v>
      </c>
      <c r="G5403" s="8">
        <v>1</v>
      </c>
      <c r="H5403" s="8">
        <v>1</v>
      </c>
      <c r="I5403" s="8">
        <v>0</v>
      </c>
      <c r="J5403" s="8">
        <v>1</v>
      </c>
      <c r="K5403" s="9">
        <v>9.91</v>
      </c>
      <c r="L5403" s="6" t="s">
        <v>51</v>
      </c>
    </row>
    <row r="5404" spans="1:12">
      <c r="A5404" s="6" t="s">
        <v>49</v>
      </c>
      <c r="B5404" s="6"/>
      <c r="C5404" s="6" t="s">
        <v>5424</v>
      </c>
      <c r="D5404" s="6"/>
      <c r="E5404" s="6" t="s">
        <v>9</v>
      </c>
      <c r="F5404" s="7">
        <v>38657</v>
      </c>
      <c r="G5404" s="8">
        <v>1</v>
      </c>
      <c r="H5404" s="8">
        <v>1</v>
      </c>
      <c r="I5404" s="8">
        <v>0</v>
      </c>
      <c r="J5404" s="8">
        <v>1</v>
      </c>
      <c r="K5404" s="9">
        <v>14</v>
      </c>
      <c r="L5404" s="6" t="s">
        <v>51</v>
      </c>
    </row>
    <row r="5405" spans="1:12">
      <c r="A5405" s="6" t="s">
        <v>49</v>
      </c>
      <c r="B5405" s="6"/>
      <c r="C5405" s="6" t="s">
        <v>5425</v>
      </c>
      <c r="D5405" s="6"/>
      <c r="E5405" s="6" t="s">
        <v>9</v>
      </c>
      <c r="F5405" s="7">
        <v>38657</v>
      </c>
      <c r="G5405" s="8">
        <v>1</v>
      </c>
      <c r="H5405" s="8">
        <v>1</v>
      </c>
      <c r="I5405" s="8">
        <v>0</v>
      </c>
      <c r="J5405" s="8">
        <v>1</v>
      </c>
      <c r="K5405" s="9">
        <v>10</v>
      </c>
      <c r="L5405" s="6" t="s">
        <v>51</v>
      </c>
    </row>
    <row r="5406" spans="1:12">
      <c r="A5406" s="6" t="s">
        <v>49</v>
      </c>
      <c r="B5406" s="6"/>
      <c r="C5406" s="6" t="s">
        <v>5426</v>
      </c>
      <c r="D5406" s="6"/>
      <c r="E5406" s="6" t="s">
        <v>9</v>
      </c>
      <c r="F5406" s="7">
        <v>38657</v>
      </c>
      <c r="G5406" s="8">
        <v>1</v>
      </c>
      <c r="H5406" s="8">
        <v>1</v>
      </c>
      <c r="I5406" s="8">
        <v>0</v>
      </c>
      <c r="J5406" s="8">
        <v>1</v>
      </c>
      <c r="K5406" s="9">
        <v>1176</v>
      </c>
      <c r="L5406" s="6" t="s">
        <v>51</v>
      </c>
    </row>
    <row r="5407" spans="1:12">
      <c r="A5407" s="6" t="s">
        <v>49</v>
      </c>
      <c r="B5407" s="6"/>
      <c r="C5407" s="6" t="s">
        <v>5427</v>
      </c>
      <c r="D5407" s="6"/>
      <c r="E5407" s="6" t="s">
        <v>9</v>
      </c>
      <c r="F5407" s="7">
        <v>38657</v>
      </c>
      <c r="G5407" s="8">
        <v>1</v>
      </c>
      <c r="H5407" s="8">
        <v>1</v>
      </c>
      <c r="I5407" s="8">
        <v>0</v>
      </c>
      <c r="J5407" s="8">
        <v>1</v>
      </c>
      <c r="K5407" s="9">
        <v>198</v>
      </c>
      <c r="L5407" s="6" t="s">
        <v>51</v>
      </c>
    </row>
    <row r="5408" spans="1:12">
      <c r="A5408" s="6" t="s">
        <v>49</v>
      </c>
      <c r="B5408" s="6"/>
      <c r="C5408" s="6" t="s">
        <v>5428</v>
      </c>
      <c r="D5408" s="6"/>
      <c r="E5408" s="6" t="s">
        <v>9</v>
      </c>
      <c r="F5408" s="7">
        <v>38657</v>
      </c>
      <c r="G5408" s="8">
        <v>1</v>
      </c>
      <c r="H5408" s="8">
        <v>1</v>
      </c>
      <c r="I5408" s="8">
        <v>0</v>
      </c>
      <c r="J5408" s="8">
        <v>1</v>
      </c>
      <c r="K5408" s="9">
        <v>198</v>
      </c>
      <c r="L5408" s="6" t="s">
        <v>51</v>
      </c>
    </row>
    <row r="5409" spans="1:12">
      <c r="A5409" s="6" t="s">
        <v>49</v>
      </c>
      <c r="B5409" s="6"/>
      <c r="C5409" s="6" t="s">
        <v>5429</v>
      </c>
      <c r="D5409" s="6"/>
      <c r="E5409" s="6" t="s">
        <v>9</v>
      </c>
      <c r="F5409" s="7">
        <v>39742</v>
      </c>
      <c r="G5409" s="8">
        <v>1</v>
      </c>
      <c r="H5409" s="8">
        <v>1</v>
      </c>
      <c r="I5409" s="8">
        <v>0</v>
      </c>
      <c r="J5409" s="8">
        <v>1</v>
      </c>
      <c r="K5409" s="9">
        <v>2</v>
      </c>
      <c r="L5409" s="6" t="s">
        <v>51</v>
      </c>
    </row>
    <row r="5410" spans="1:12">
      <c r="A5410" s="6" t="s">
        <v>49</v>
      </c>
      <c r="B5410" s="6"/>
      <c r="C5410" s="6" t="s">
        <v>5430</v>
      </c>
      <c r="D5410" s="6"/>
      <c r="E5410" s="6" t="s">
        <v>9</v>
      </c>
      <c r="F5410" s="7">
        <v>38657</v>
      </c>
      <c r="G5410" s="8">
        <v>1</v>
      </c>
      <c r="H5410" s="8">
        <v>1</v>
      </c>
      <c r="I5410" s="8">
        <v>0</v>
      </c>
      <c r="J5410" s="8">
        <v>1</v>
      </c>
      <c r="K5410" s="9">
        <v>198</v>
      </c>
      <c r="L5410" s="6" t="s">
        <v>51</v>
      </c>
    </row>
    <row r="5411" spans="1:12">
      <c r="A5411" s="6" t="s">
        <v>49</v>
      </c>
      <c r="B5411" s="6"/>
      <c r="C5411" s="6" t="s">
        <v>5431</v>
      </c>
      <c r="D5411" s="6"/>
      <c r="E5411" s="6" t="s">
        <v>9</v>
      </c>
      <c r="F5411" s="7">
        <v>38657</v>
      </c>
      <c r="G5411" s="8">
        <v>1</v>
      </c>
      <c r="H5411" s="8">
        <v>1</v>
      </c>
      <c r="I5411" s="8">
        <v>0</v>
      </c>
      <c r="J5411" s="8">
        <v>1</v>
      </c>
      <c r="K5411" s="9">
        <v>82</v>
      </c>
      <c r="L5411" s="6" t="s">
        <v>51</v>
      </c>
    </row>
    <row r="5412" spans="1:12">
      <c r="A5412" s="6" t="s">
        <v>49</v>
      </c>
      <c r="B5412" s="6"/>
      <c r="C5412" s="6" t="s">
        <v>5432</v>
      </c>
      <c r="D5412" s="6"/>
      <c r="E5412" s="6" t="s">
        <v>9</v>
      </c>
      <c r="F5412" s="7">
        <v>38657</v>
      </c>
      <c r="G5412" s="8">
        <v>1</v>
      </c>
      <c r="H5412" s="8">
        <v>1</v>
      </c>
      <c r="I5412" s="8">
        <v>0</v>
      </c>
      <c r="J5412" s="8">
        <v>1</v>
      </c>
      <c r="K5412" s="9">
        <v>99</v>
      </c>
      <c r="L5412" s="6" t="s">
        <v>51</v>
      </c>
    </row>
    <row r="5413" spans="1:12">
      <c r="A5413" s="6" t="s">
        <v>49</v>
      </c>
      <c r="B5413" s="6"/>
      <c r="C5413" s="6" t="s">
        <v>5433</v>
      </c>
      <c r="D5413" s="6"/>
      <c r="E5413" s="6" t="s">
        <v>9</v>
      </c>
      <c r="F5413" s="7">
        <v>38657</v>
      </c>
      <c r="G5413" s="8">
        <v>1</v>
      </c>
      <c r="H5413" s="8">
        <v>1</v>
      </c>
      <c r="I5413" s="8">
        <v>0</v>
      </c>
      <c r="J5413" s="8">
        <v>1</v>
      </c>
      <c r="K5413" s="9">
        <v>7.49</v>
      </c>
      <c r="L5413" s="6" t="s">
        <v>51</v>
      </c>
    </row>
    <row r="5414" spans="1:12">
      <c r="A5414" s="6" t="s">
        <v>49</v>
      </c>
      <c r="B5414" s="6"/>
      <c r="C5414" s="6" t="s">
        <v>5434</v>
      </c>
      <c r="D5414" s="6"/>
      <c r="E5414" s="6" t="s">
        <v>9</v>
      </c>
      <c r="F5414" s="7">
        <v>38657</v>
      </c>
      <c r="G5414" s="8">
        <v>1</v>
      </c>
      <c r="H5414" s="8">
        <v>1</v>
      </c>
      <c r="I5414" s="8">
        <v>0</v>
      </c>
      <c r="J5414" s="8">
        <v>1</v>
      </c>
      <c r="K5414" s="9">
        <v>54</v>
      </c>
      <c r="L5414" s="6" t="s">
        <v>51</v>
      </c>
    </row>
    <row r="5415" spans="1:12">
      <c r="A5415" s="6" t="s">
        <v>49</v>
      </c>
      <c r="B5415" s="6"/>
      <c r="C5415" s="6" t="s">
        <v>5435</v>
      </c>
      <c r="D5415" s="6"/>
      <c r="E5415" s="6" t="s">
        <v>9</v>
      </c>
      <c r="F5415" s="7">
        <v>38657</v>
      </c>
      <c r="G5415" s="8">
        <v>1</v>
      </c>
      <c r="H5415" s="8">
        <v>1</v>
      </c>
      <c r="I5415" s="8">
        <v>0</v>
      </c>
      <c r="J5415" s="8">
        <v>1</v>
      </c>
      <c r="K5415" s="9">
        <v>82</v>
      </c>
      <c r="L5415" s="6" t="s">
        <v>51</v>
      </c>
    </row>
    <row r="5416" spans="1:12">
      <c r="A5416" s="6" t="s">
        <v>49</v>
      </c>
      <c r="B5416" s="6"/>
      <c r="C5416" s="6" t="s">
        <v>5436</v>
      </c>
      <c r="D5416" s="6"/>
      <c r="E5416" s="6" t="s">
        <v>9</v>
      </c>
      <c r="F5416" s="7">
        <v>38657</v>
      </c>
      <c r="G5416" s="8">
        <v>1</v>
      </c>
      <c r="H5416" s="8">
        <v>1</v>
      </c>
      <c r="I5416" s="8">
        <v>0</v>
      </c>
      <c r="J5416" s="8">
        <v>1</v>
      </c>
      <c r="K5416" s="9">
        <v>25</v>
      </c>
      <c r="L5416" s="6" t="s">
        <v>51</v>
      </c>
    </row>
    <row r="5417" spans="1:12">
      <c r="A5417" s="6" t="s">
        <v>49</v>
      </c>
      <c r="B5417" s="6"/>
      <c r="C5417" s="6" t="s">
        <v>5437</v>
      </c>
      <c r="D5417" s="6"/>
      <c r="E5417" s="6" t="s">
        <v>9</v>
      </c>
      <c r="F5417" s="7">
        <v>38657</v>
      </c>
      <c r="G5417" s="8">
        <v>1</v>
      </c>
      <c r="H5417" s="8">
        <v>1</v>
      </c>
      <c r="I5417" s="8">
        <v>0</v>
      </c>
      <c r="J5417" s="8">
        <v>1</v>
      </c>
      <c r="K5417" s="9">
        <v>4.5</v>
      </c>
      <c r="L5417" s="6" t="s">
        <v>51</v>
      </c>
    </row>
    <row r="5418" spans="1:12">
      <c r="A5418" s="6" t="s">
        <v>49</v>
      </c>
      <c r="B5418" s="6"/>
      <c r="C5418" s="6" t="s">
        <v>5438</v>
      </c>
      <c r="D5418" s="6"/>
      <c r="E5418" s="6" t="s">
        <v>9</v>
      </c>
      <c r="F5418" s="7">
        <v>38657</v>
      </c>
      <c r="G5418" s="8">
        <v>1</v>
      </c>
      <c r="H5418" s="8">
        <v>1</v>
      </c>
      <c r="I5418" s="8">
        <v>0</v>
      </c>
      <c r="J5418" s="8">
        <v>1</v>
      </c>
      <c r="K5418" s="9">
        <v>99</v>
      </c>
      <c r="L5418" s="6" t="s">
        <v>51</v>
      </c>
    </row>
    <row r="5419" spans="1:12">
      <c r="A5419" s="6" t="s">
        <v>49</v>
      </c>
      <c r="B5419" s="6"/>
      <c r="C5419" s="6" t="s">
        <v>5439</v>
      </c>
      <c r="D5419" s="6"/>
      <c r="E5419" s="6" t="s">
        <v>9</v>
      </c>
      <c r="F5419" s="7">
        <v>38657</v>
      </c>
      <c r="G5419" s="8">
        <v>1</v>
      </c>
      <c r="H5419" s="8">
        <v>1</v>
      </c>
      <c r="I5419" s="8">
        <v>0</v>
      </c>
      <c r="J5419" s="8">
        <v>1</v>
      </c>
      <c r="K5419" s="9">
        <v>198</v>
      </c>
      <c r="L5419" s="6" t="s">
        <v>51</v>
      </c>
    </row>
    <row r="5420" spans="1:12">
      <c r="A5420" s="6" t="s">
        <v>49</v>
      </c>
      <c r="B5420" s="6"/>
      <c r="C5420" s="6" t="s">
        <v>5440</v>
      </c>
      <c r="D5420" s="6"/>
      <c r="E5420" s="6" t="s">
        <v>9</v>
      </c>
      <c r="F5420" s="7">
        <v>38657</v>
      </c>
      <c r="G5420" s="8">
        <v>1</v>
      </c>
      <c r="H5420" s="8">
        <v>1</v>
      </c>
      <c r="I5420" s="8">
        <v>0</v>
      </c>
      <c r="J5420" s="8">
        <v>1</v>
      </c>
      <c r="K5420" s="9">
        <v>122</v>
      </c>
      <c r="L5420" s="6" t="s">
        <v>51</v>
      </c>
    </row>
    <row r="5421" spans="1:12">
      <c r="A5421" s="6" t="s">
        <v>49</v>
      </c>
      <c r="B5421" s="6"/>
      <c r="C5421" s="6" t="s">
        <v>5441</v>
      </c>
      <c r="D5421" s="6"/>
      <c r="E5421" s="6" t="s">
        <v>9</v>
      </c>
      <c r="F5421" s="7">
        <v>38657</v>
      </c>
      <c r="G5421" s="8">
        <v>1</v>
      </c>
      <c r="H5421" s="8">
        <v>1</v>
      </c>
      <c r="I5421" s="8">
        <v>0</v>
      </c>
      <c r="J5421" s="8">
        <v>1</v>
      </c>
      <c r="K5421" s="9">
        <v>254</v>
      </c>
      <c r="L5421" s="6" t="s">
        <v>51</v>
      </c>
    </row>
    <row r="5422" spans="1:12">
      <c r="A5422" s="6" t="s">
        <v>49</v>
      </c>
      <c r="B5422" s="6"/>
      <c r="C5422" s="6" t="s">
        <v>5442</v>
      </c>
      <c r="D5422" s="6"/>
      <c r="E5422" s="6" t="s">
        <v>9</v>
      </c>
      <c r="F5422" s="7">
        <v>38657</v>
      </c>
      <c r="G5422" s="8">
        <v>1</v>
      </c>
      <c r="H5422" s="8">
        <v>1</v>
      </c>
      <c r="I5422" s="8">
        <v>0</v>
      </c>
      <c r="J5422" s="8">
        <v>1</v>
      </c>
      <c r="K5422" s="9">
        <v>224</v>
      </c>
      <c r="L5422" s="6" t="s">
        <v>51</v>
      </c>
    </row>
    <row r="5423" spans="1:12">
      <c r="A5423" s="6" t="s">
        <v>49</v>
      </c>
      <c r="B5423" s="6"/>
      <c r="C5423" s="6" t="s">
        <v>5443</v>
      </c>
      <c r="D5423" s="6"/>
      <c r="E5423" s="6" t="s">
        <v>9</v>
      </c>
      <c r="F5423" s="7">
        <v>38657</v>
      </c>
      <c r="G5423" s="8">
        <v>1</v>
      </c>
      <c r="H5423" s="8">
        <v>1</v>
      </c>
      <c r="I5423" s="8">
        <v>0</v>
      </c>
      <c r="J5423" s="8">
        <v>1</v>
      </c>
      <c r="K5423" s="9">
        <v>875</v>
      </c>
      <c r="L5423" s="6" t="s">
        <v>51</v>
      </c>
    </row>
    <row r="5424" spans="1:12">
      <c r="A5424" s="6" t="s">
        <v>49</v>
      </c>
      <c r="B5424" s="6"/>
      <c r="C5424" s="6" t="s">
        <v>5444</v>
      </c>
      <c r="D5424" s="6"/>
      <c r="E5424" s="6" t="s">
        <v>9</v>
      </c>
      <c r="F5424" s="7">
        <v>38657</v>
      </c>
      <c r="G5424" s="8">
        <v>1</v>
      </c>
      <c r="H5424" s="8">
        <v>1</v>
      </c>
      <c r="I5424" s="8">
        <v>0</v>
      </c>
      <c r="J5424" s="8">
        <v>1</v>
      </c>
      <c r="K5424" s="9">
        <v>195</v>
      </c>
      <c r="L5424" s="6" t="s">
        <v>51</v>
      </c>
    </row>
    <row r="5425" spans="1:12">
      <c r="A5425" s="6" t="s">
        <v>49</v>
      </c>
      <c r="B5425" s="6"/>
      <c r="C5425" s="6" t="s">
        <v>5445</v>
      </c>
      <c r="D5425" s="6"/>
      <c r="E5425" s="6" t="s">
        <v>9</v>
      </c>
      <c r="F5425" s="7">
        <v>38657</v>
      </c>
      <c r="G5425" s="8">
        <v>1</v>
      </c>
      <c r="H5425" s="8">
        <v>1</v>
      </c>
      <c r="I5425" s="8">
        <v>0</v>
      </c>
      <c r="J5425" s="8">
        <v>1</v>
      </c>
      <c r="K5425" s="9">
        <v>1968</v>
      </c>
      <c r="L5425" s="6" t="s">
        <v>51</v>
      </c>
    </row>
    <row r="5426" spans="1:12">
      <c r="A5426" s="6" t="s">
        <v>49</v>
      </c>
      <c r="B5426" s="6"/>
      <c r="C5426" s="6" t="s">
        <v>5446</v>
      </c>
      <c r="D5426" s="6"/>
      <c r="E5426" s="6" t="s">
        <v>9</v>
      </c>
      <c r="F5426" s="7">
        <v>38657</v>
      </c>
      <c r="G5426" s="8">
        <v>1</v>
      </c>
      <c r="H5426" s="8">
        <v>1</v>
      </c>
      <c r="I5426" s="8">
        <v>0</v>
      </c>
      <c r="J5426" s="8">
        <v>1</v>
      </c>
      <c r="K5426" s="9">
        <v>10</v>
      </c>
      <c r="L5426" s="6" t="s">
        <v>51</v>
      </c>
    </row>
    <row r="5427" spans="1:12">
      <c r="A5427" s="6" t="s">
        <v>49</v>
      </c>
      <c r="B5427" s="6"/>
      <c r="C5427" s="6" t="s">
        <v>5447</v>
      </c>
      <c r="D5427" s="6"/>
      <c r="E5427" s="6" t="s">
        <v>9</v>
      </c>
      <c r="F5427" s="7">
        <v>38657</v>
      </c>
      <c r="G5427" s="8">
        <v>1</v>
      </c>
      <c r="H5427" s="8">
        <v>1</v>
      </c>
      <c r="I5427" s="8">
        <v>0</v>
      </c>
      <c r="J5427" s="8">
        <v>1</v>
      </c>
      <c r="K5427" s="9">
        <v>18</v>
      </c>
      <c r="L5427" s="6" t="s">
        <v>51</v>
      </c>
    </row>
    <row r="5428" spans="1:12">
      <c r="A5428" s="6" t="s">
        <v>49</v>
      </c>
      <c r="B5428" s="6"/>
      <c r="C5428" s="6" t="s">
        <v>5448</v>
      </c>
      <c r="D5428" s="6"/>
      <c r="E5428" s="6" t="s">
        <v>9</v>
      </c>
      <c r="F5428" s="7">
        <v>38657</v>
      </c>
      <c r="G5428" s="8">
        <v>1</v>
      </c>
      <c r="H5428" s="8">
        <v>1</v>
      </c>
      <c r="I5428" s="8">
        <v>0</v>
      </c>
      <c r="J5428" s="8">
        <v>1</v>
      </c>
      <c r="K5428" s="9">
        <v>78</v>
      </c>
      <c r="L5428" s="6" t="s">
        <v>51</v>
      </c>
    </row>
    <row r="5429" spans="1:12">
      <c r="A5429" s="6" t="s">
        <v>49</v>
      </c>
      <c r="B5429" s="6"/>
      <c r="C5429" s="6" t="s">
        <v>5449</v>
      </c>
      <c r="D5429" s="6"/>
      <c r="E5429" s="6" t="s">
        <v>9</v>
      </c>
      <c r="F5429" s="7">
        <v>38657</v>
      </c>
      <c r="G5429" s="8">
        <v>1</v>
      </c>
      <c r="H5429" s="8">
        <v>1</v>
      </c>
      <c r="I5429" s="8">
        <v>0</v>
      </c>
      <c r="J5429" s="8">
        <v>1</v>
      </c>
      <c r="K5429" s="9">
        <v>366</v>
      </c>
      <c r="L5429" s="6" t="s">
        <v>51</v>
      </c>
    </row>
    <row r="5430" spans="1:12">
      <c r="A5430" s="6" t="s">
        <v>49</v>
      </c>
      <c r="B5430" s="6"/>
      <c r="C5430" s="6" t="s">
        <v>5450</v>
      </c>
      <c r="D5430" s="6"/>
      <c r="E5430" s="6" t="s">
        <v>9</v>
      </c>
      <c r="F5430" s="7">
        <v>38657</v>
      </c>
      <c r="G5430" s="8">
        <v>1</v>
      </c>
      <c r="H5430" s="8">
        <v>1</v>
      </c>
      <c r="I5430" s="8">
        <v>0</v>
      </c>
      <c r="J5430" s="8">
        <v>1</v>
      </c>
      <c r="K5430" s="9">
        <v>312</v>
      </c>
      <c r="L5430" s="6" t="s">
        <v>51</v>
      </c>
    </row>
    <row r="5431" spans="1:12">
      <c r="A5431" s="6" t="s">
        <v>49</v>
      </c>
      <c r="B5431" s="6"/>
      <c r="C5431" s="6" t="s">
        <v>5451</v>
      </c>
      <c r="D5431" s="6"/>
      <c r="E5431" s="6" t="s">
        <v>9</v>
      </c>
      <c r="F5431" s="7">
        <v>38657</v>
      </c>
      <c r="G5431" s="8">
        <v>1</v>
      </c>
      <c r="H5431" s="8">
        <v>1</v>
      </c>
      <c r="I5431" s="8">
        <v>0</v>
      </c>
      <c r="J5431" s="8">
        <v>1</v>
      </c>
      <c r="K5431" s="9">
        <v>42</v>
      </c>
      <c r="L5431" s="6" t="s">
        <v>51</v>
      </c>
    </row>
    <row r="5432" spans="1:12">
      <c r="A5432" s="6" t="s">
        <v>49</v>
      </c>
      <c r="B5432" s="6"/>
      <c r="C5432" s="6" t="s">
        <v>5452</v>
      </c>
      <c r="D5432" s="6"/>
      <c r="E5432" s="6" t="s">
        <v>9</v>
      </c>
      <c r="F5432" s="7">
        <v>38657</v>
      </c>
      <c r="G5432" s="8">
        <v>1</v>
      </c>
      <c r="H5432" s="8">
        <v>1</v>
      </c>
      <c r="I5432" s="8">
        <v>0</v>
      </c>
      <c r="J5432" s="8">
        <v>1</v>
      </c>
      <c r="K5432" s="9">
        <v>22</v>
      </c>
      <c r="L5432" s="6" t="s">
        <v>51</v>
      </c>
    </row>
    <row r="5433" spans="1:12">
      <c r="A5433" s="6" t="s">
        <v>49</v>
      </c>
      <c r="B5433" s="6"/>
      <c r="C5433" s="6" t="s">
        <v>5453</v>
      </c>
      <c r="D5433" s="6"/>
      <c r="E5433" s="6" t="s">
        <v>9</v>
      </c>
      <c r="F5433" s="7">
        <v>38657</v>
      </c>
      <c r="G5433" s="8">
        <v>1</v>
      </c>
      <c r="H5433" s="8">
        <v>1</v>
      </c>
      <c r="I5433" s="8">
        <v>0</v>
      </c>
      <c r="J5433" s="8">
        <v>1</v>
      </c>
      <c r="K5433" s="9">
        <v>51</v>
      </c>
      <c r="L5433" s="6" t="s">
        <v>51</v>
      </c>
    </row>
    <row r="5434" spans="1:12">
      <c r="A5434" s="6" t="s">
        <v>49</v>
      </c>
      <c r="B5434" s="6"/>
      <c r="C5434" s="6" t="s">
        <v>5454</v>
      </c>
      <c r="D5434" s="6"/>
      <c r="E5434" s="6" t="s">
        <v>9</v>
      </c>
      <c r="F5434" s="7">
        <v>38657</v>
      </c>
      <c r="G5434" s="8">
        <v>1</v>
      </c>
      <c r="H5434" s="8">
        <v>1</v>
      </c>
      <c r="I5434" s="8">
        <v>0</v>
      </c>
      <c r="J5434" s="8">
        <v>1</v>
      </c>
      <c r="K5434" s="9">
        <v>49</v>
      </c>
      <c r="L5434" s="6" t="s">
        <v>51</v>
      </c>
    </row>
    <row r="5435" spans="1:12">
      <c r="A5435" s="6" t="s">
        <v>49</v>
      </c>
      <c r="B5435" s="6"/>
      <c r="C5435" s="6" t="s">
        <v>5455</v>
      </c>
      <c r="D5435" s="6"/>
      <c r="E5435" s="6" t="s">
        <v>9</v>
      </c>
      <c r="F5435" s="7">
        <v>38657</v>
      </c>
      <c r="G5435" s="8">
        <v>1</v>
      </c>
      <c r="H5435" s="8">
        <v>1</v>
      </c>
      <c r="I5435" s="8">
        <v>0</v>
      </c>
      <c r="J5435" s="8">
        <v>1</v>
      </c>
      <c r="K5435" s="9">
        <v>15</v>
      </c>
      <c r="L5435" s="6" t="s">
        <v>51</v>
      </c>
    </row>
    <row r="5436" spans="1:12">
      <c r="A5436" s="6" t="s">
        <v>49</v>
      </c>
      <c r="B5436" s="6"/>
      <c r="C5436" s="6" t="s">
        <v>5456</v>
      </c>
      <c r="D5436" s="6"/>
      <c r="E5436" s="6" t="s">
        <v>9</v>
      </c>
      <c r="F5436" s="7">
        <v>38657</v>
      </c>
      <c r="G5436" s="8">
        <v>1</v>
      </c>
      <c r="H5436" s="8">
        <v>1</v>
      </c>
      <c r="I5436" s="8">
        <v>0</v>
      </c>
      <c r="J5436" s="8">
        <v>1</v>
      </c>
      <c r="K5436" s="9">
        <v>105</v>
      </c>
      <c r="L5436" s="6" t="s">
        <v>51</v>
      </c>
    </row>
    <row r="5437" spans="1:12">
      <c r="A5437" s="6" t="s">
        <v>49</v>
      </c>
      <c r="B5437" s="6"/>
      <c r="C5437" s="6" t="s">
        <v>5457</v>
      </c>
      <c r="D5437" s="6"/>
      <c r="E5437" s="6" t="s">
        <v>9</v>
      </c>
      <c r="F5437" s="7">
        <v>38657</v>
      </c>
      <c r="G5437" s="8">
        <v>1</v>
      </c>
      <c r="H5437" s="8">
        <v>1</v>
      </c>
      <c r="I5437" s="8">
        <v>0</v>
      </c>
      <c r="J5437" s="8">
        <v>1</v>
      </c>
      <c r="K5437" s="9">
        <v>68</v>
      </c>
      <c r="L5437" s="6" t="s">
        <v>51</v>
      </c>
    </row>
    <row r="5438" spans="1:12">
      <c r="A5438" s="6" t="s">
        <v>49</v>
      </c>
      <c r="B5438" s="6"/>
      <c r="C5438" s="6" t="s">
        <v>5458</v>
      </c>
      <c r="D5438" s="6"/>
      <c r="E5438" s="6" t="s">
        <v>9</v>
      </c>
      <c r="F5438" s="7">
        <v>38657</v>
      </c>
      <c r="G5438" s="8">
        <v>1</v>
      </c>
      <c r="H5438" s="8">
        <v>1</v>
      </c>
      <c r="I5438" s="8">
        <v>0</v>
      </c>
      <c r="J5438" s="8">
        <v>1</v>
      </c>
      <c r="K5438" s="9">
        <v>38</v>
      </c>
      <c r="L5438" s="6" t="s">
        <v>51</v>
      </c>
    </row>
    <row r="5439" spans="1:12">
      <c r="A5439" s="6" t="s">
        <v>49</v>
      </c>
      <c r="B5439" s="6"/>
      <c r="C5439" s="6" t="s">
        <v>5459</v>
      </c>
      <c r="D5439" s="6"/>
      <c r="E5439" s="6" t="s">
        <v>9</v>
      </c>
      <c r="F5439" s="7">
        <v>38657</v>
      </c>
      <c r="G5439" s="8">
        <v>1</v>
      </c>
      <c r="H5439" s="8">
        <v>1</v>
      </c>
      <c r="I5439" s="8">
        <v>0</v>
      </c>
      <c r="J5439" s="8">
        <v>1</v>
      </c>
      <c r="K5439" s="9">
        <v>30</v>
      </c>
      <c r="L5439" s="6" t="s">
        <v>51</v>
      </c>
    </row>
    <row r="5440" spans="1:12">
      <c r="A5440" s="6" t="s">
        <v>49</v>
      </c>
      <c r="B5440" s="6"/>
      <c r="C5440" s="6" t="s">
        <v>5460</v>
      </c>
      <c r="D5440" s="6"/>
      <c r="E5440" s="6" t="s">
        <v>9</v>
      </c>
      <c r="F5440" s="7">
        <v>38657</v>
      </c>
      <c r="G5440" s="8">
        <v>1</v>
      </c>
      <c r="H5440" s="8">
        <v>1</v>
      </c>
      <c r="I5440" s="8">
        <v>0</v>
      </c>
      <c r="J5440" s="8">
        <v>1</v>
      </c>
      <c r="K5440" s="9">
        <v>24</v>
      </c>
      <c r="L5440" s="6" t="s">
        <v>51</v>
      </c>
    </row>
    <row r="5441" spans="1:12">
      <c r="A5441" s="6" t="s">
        <v>49</v>
      </c>
      <c r="B5441" s="6"/>
      <c r="C5441" s="6" t="s">
        <v>5461</v>
      </c>
      <c r="D5441" s="6"/>
      <c r="E5441" s="6" t="s">
        <v>9</v>
      </c>
      <c r="F5441" s="7">
        <v>38657</v>
      </c>
      <c r="G5441" s="8">
        <v>1</v>
      </c>
      <c r="H5441" s="8">
        <v>1</v>
      </c>
      <c r="I5441" s="8">
        <v>0</v>
      </c>
      <c r="J5441" s="8">
        <v>1</v>
      </c>
      <c r="K5441" s="9">
        <v>31</v>
      </c>
      <c r="L5441" s="6" t="s">
        <v>51</v>
      </c>
    </row>
    <row r="5442" spans="1:12">
      <c r="A5442" s="6" t="s">
        <v>49</v>
      </c>
      <c r="B5442" s="6"/>
      <c r="C5442" s="6" t="s">
        <v>5462</v>
      </c>
      <c r="D5442" s="6"/>
      <c r="E5442" s="6" t="s">
        <v>9</v>
      </c>
      <c r="F5442" s="7">
        <v>38657</v>
      </c>
      <c r="G5442" s="8">
        <v>1</v>
      </c>
      <c r="H5442" s="8">
        <v>1</v>
      </c>
      <c r="I5442" s="8">
        <v>0</v>
      </c>
      <c r="J5442" s="8">
        <v>1</v>
      </c>
      <c r="K5442" s="9">
        <v>26</v>
      </c>
      <c r="L5442" s="6" t="s">
        <v>51</v>
      </c>
    </row>
    <row r="5443" spans="1:12">
      <c r="A5443" s="6" t="s">
        <v>49</v>
      </c>
      <c r="B5443" s="6"/>
      <c r="C5443" s="6" t="s">
        <v>5463</v>
      </c>
      <c r="D5443" s="6"/>
      <c r="E5443" s="6" t="s">
        <v>9</v>
      </c>
      <c r="F5443" s="7">
        <v>38657</v>
      </c>
      <c r="G5443" s="8">
        <v>1</v>
      </c>
      <c r="H5443" s="8">
        <v>1</v>
      </c>
      <c r="I5443" s="8">
        <v>0</v>
      </c>
      <c r="J5443" s="8">
        <v>1</v>
      </c>
      <c r="K5443" s="9">
        <v>26</v>
      </c>
      <c r="L5443" s="6" t="s">
        <v>51</v>
      </c>
    </row>
    <row r="5444" spans="1:12">
      <c r="A5444" s="6" t="s">
        <v>49</v>
      </c>
      <c r="B5444" s="6"/>
      <c r="C5444" s="6" t="s">
        <v>5464</v>
      </c>
      <c r="D5444" s="6"/>
      <c r="E5444" s="6" t="s">
        <v>9</v>
      </c>
      <c r="F5444" s="7">
        <v>38657</v>
      </c>
      <c r="G5444" s="8">
        <v>1</v>
      </c>
      <c r="H5444" s="8">
        <v>1</v>
      </c>
      <c r="I5444" s="8">
        <v>0</v>
      </c>
      <c r="J5444" s="8">
        <v>1</v>
      </c>
      <c r="K5444" s="9">
        <v>23</v>
      </c>
      <c r="L5444" s="6" t="s">
        <v>51</v>
      </c>
    </row>
    <row r="5445" spans="1:12">
      <c r="A5445" s="6" t="s">
        <v>49</v>
      </c>
      <c r="B5445" s="6"/>
      <c r="C5445" s="6" t="s">
        <v>5465</v>
      </c>
      <c r="D5445" s="6"/>
      <c r="E5445" s="6" t="s">
        <v>9</v>
      </c>
      <c r="F5445" s="7">
        <v>38657</v>
      </c>
      <c r="G5445" s="8">
        <v>1</v>
      </c>
      <c r="H5445" s="8">
        <v>1</v>
      </c>
      <c r="I5445" s="8">
        <v>0</v>
      </c>
      <c r="J5445" s="8">
        <v>1</v>
      </c>
      <c r="K5445" s="9">
        <v>262</v>
      </c>
      <c r="L5445" s="6" t="s">
        <v>51</v>
      </c>
    </row>
    <row r="5446" spans="1:12">
      <c r="A5446" s="6" t="s">
        <v>49</v>
      </c>
      <c r="B5446" s="6"/>
      <c r="C5446" s="6" t="s">
        <v>5466</v>
      </c>
      <c r="D5446" s="6"/>
      <c r="E5446" s="6" t="s">
        <v>9</v>
      </c>
      <c r="F5446" s="7">
        <v>38657</v>
      </c>
      <c r="G5446" s="8">
        <v>1</v>
      </c>
      <c r="H5446" s="8">
        <v>1</v>
      </c>
      <c r="I5446" s="8">
        <v>0</v>
      </c>
      <c r="J5446" s="8">
        <v>1</v>
      </c>
      <c r="K5446" s="9">
        <v>2.25</v>
      </c>
      <c r="L5446" s="6" t="s">
        <v>51</v>
      </c>
    </row>
    <row r="5447" spans="1:12">
      <c r="A5447" s="6" t="s">
        <v>49</v>
      </c>
      <c r="B5447" s="6"/>
      <c r="C5447" s="6" t="s">
        <v>5467</v>
      </c>
      <c r="D5447" s="6"/>
      <c r="E5447" s="6" t="s">
        <v>9</v>
      </c>
      <c r="F5447" s="7">
        <v>38657</v>
      </c>
      <c r="G5447" s="8">
        <v>1</v>
      </c>
      <c r="H5447" s="8">
        <v>1</v>
      </c>
      <c r="I5447" s="8">
        <v>0</v>
      </c>
      <c r="J5447" s="8">
        <v>1</v>
      </c>
      <c r="K5447" s="9">
        <v>13</v>
      </c>
      <c r="L5447" s="6" t="s">
        <v>51</v>
      </c>
    </row>
    <row r="5448" spans="1:12">
      <c r="A5448" s="6" t="s">
        <v>49</v>
      </c>
      <c r="B5448" s="6"/>
      <c r="C5448" s="6" t="s">
        <v>5468</v>
      </c>
      <c r="D5448" s="6"/>
      <c r="E5448" s="6" t="s">
        <v>9</v>
      </c>
      <c r="F5448" s="7">
        <v>38657</v>
      </c>
      <c r="G5448" s="8">
        <v>1</v>
      </c>
      <c r="H5448" s="8">
        <v>1</v>
      </c>
      <c r="I5448" s="8">
        <v>0</v>
      </c>
      <c r="J5448" s="8">
        <v>1</v>
      </c>
      <c r="K5448" s="9">
        <v>49</v>
      </c>
      <c r="L5448" s="6" t="s">
        <v>51</v>
      </c>
    </row>
    <row r="5449" spans="1:12">
      <c r="A5449" s="6" t="s">
        <v>49</v>
      </c>
      <c r="B5449" s="6"/>
      <c r="C5449" s="6" t="s">
        <v>5469</v>
      </c>
      <c r="D5449" s="6"/>
      <c r="E5449" s="6" t="s">
        <v>9</v>
      </c>
      <c r="F5449" s="7">
        <v>38657</v>
      </c>
      <c r="G5449" s="8">
        <v>1</v>
      </c>
      <c r="H5449" s="8">
        <v>1</v>
      </c>
      <c r="I5449" s="8">
        <v>0</v>
      </c>
      <c r="J5449" s="8">
        <v>1</v>
      </c>
      <c r="K5449" s="9">
        <v>33</v>
      </c>
      <c r="L5449" s="6" t="s">
        <v>51</v>
      </c>
    </row>
    <row r="5450" spans="1:12">
      <c r="A5450" s="6" t="s">
        <v>49</v>
      </c>
      <c r="B5450" s="6"/>
      <c r="C5450" s="6" t="s">
        <v>5470</v>
      </c>
      <c r="D5450" s="6"/>
      <c r="E5450" s="6" t="s">
        <v>9</v>
      </c>
      <c r="F5450" s="7">
        <v>38657</v>
      </c>
      <c r="G5450" s="8">
        <v>1</v>
      </c>
      <c r="H5450" s="8">
        <v>1</v>
      </c>
      <c r="I5450" s="8">
        <v>0</v>
      </c>
      <c r="J5450" s="8">
        <v>1</v>
      </c>
      <c r="K5450" s="9">
        <v>83</v>
      </c>
      <c r="L5450" s="6" t="s">
        <v>51</v>
      </c>
    </row>
    <row r="5451" spans="1:12">
      <c r="A5451" s="6" t="s">
        <v>49</v>
      </c>
      <c r="B5451" s="6"/>
      <c r="C5451" s="6" t="s">
        <v>5471</v>
      </c>
      <c r="D5451" s="6"/>
      <c r="E5451" s="6" t="s">
        <v>9</v>
      </c>
      <c r="F5451" s="7">
        <v>38657</v>
      </c>
      <c r="G5451" s="8">
        <v>1</v>
      </c>
      <c r="H5451" s="8">
        <v>1</v>
      </c>
      <c r="I5451" s="8">
        <v>0</v>
      </c>
      <c r="J5451" s="8">
        <v>1</v>
      </c>
      <c r="K5451" s="9">
        <v>120</v>
      </c>
      <c r="L5451" s="6" t="s">
        <v>51</v>
      </c>
    </row>
    <row r="5452" spans="1:12">
      <c r="A5452" s="6" t="s">
        <v>49</v>
      </c>
      <c r="B5452" s="6"/>
      <c r="C5452" s="6" t="s">
        <v>5472</v>
      </c>
      <c r="D5452" s="6"/>
      <c r="E5452" s="6" t="s">
        <v>9</v>
      </c>
      <c r="F5452" s="7">
        <v>38657</v>
      </c>
      <c r="G5452" s="8">
        <v>1</v>
      </c>
      <c r="H5452" s="8">
        <v>1</v>
      </c>
      <c r="I5452" s="8">
        <v>0</v>
      </c>
      <c r="J5452" s="8">
        <v>1</v>
      </c>
      <c r="K5452" s="9">
        <v>160</v>
      </c>
      <c r="L5452" s="6" t="s">
        <v>51</v>
      </c>
    </row>
    <row r="5453" spans="1:12">
      <c r="A5453" s="6" t="s">
        <v>49</v>
      </c>
      <c r="B5453" s="6"/>
      <c r="C5453" s="6" t="s">
        <v>5473</v>
      </c>
      <c r="D5453" s="6"/>
      <c r="E5453" s="6" t="s">
        <v>9</v>
      </c>
      <c r="F5453" s="7">
        <v>38657</v>
      </c>
      <c r="G5453" s="8">
        <v>1</v>
      </c>
      <c r="H5453" s="8">
        <v>1</v>
      </c>
      <c r="I5453" s="8">
        <v>0</v>
      </c>
      <c r="J5453" s="8">
        <v>1</v>
      </c>
      <c r="K5453" s="9">
        <v>6.03</v>
      </c>
      <c r="L5453" s="6" t="s">
        <v>51</v>
      </c>
    </row>
    <row r="5454" spans="1:12">
      <c r="A5454" s="6" t="s">
        <v>49</v>
      </c>
      <c r="B5454" s="6"/>
      <c r="C5454" s="6" t="s">
        <v>5474</v>
      </c>
      <c r="D5454" s="6"/>
      <c r="E5454" s="6" t="s">
        <v>9</v>
      </c>
      <c r="F5454" s="7">
        <v>40277</v>
      </c>
      <c r="G5454" s="8">
        <v>1</v>
      </c>
      <c r="H5454" s="8">
        <v>1</v>
      </c>
      <c r="I5454" s="8">
        <v>0</v>
      </c>
      <c r="J5454" s="8">
        <v>1</v>
      </c>
      <c r="K5454" s="9">
        <v>24.78</v>
      </c>
      <c r="L5454" s="6" t="s">
        <v>51</v>
      </c>
    </row>
    <row r="5455" spans="1:12">
      <c r="A5455" s="6" t="s">
        <v>49</v>
      </c>
      <c r="B5455" s="6"/>
      <c r="C5455" s="6" t="s">
        <v>5475</v>
      </c>
      <c r="D5455" s="6"/>
      <c r="E5455" s="6" t="s">
        <v>9</v>
      </c>
      <c r="F5455" s="7">
        <v>38657</v>
      </c>
      <c r="G5455" s="8">
        <v>1</v>
      </c>
      <c r="H5455" s="8">
        <v>1</v>
      </c>
      <c r="I5455" s="8">
        <v>0</v>
      </c>
      <c r="J5455" s="8">
        <v>1</v>
      </c>
      <c r="K5455" s="9">
        <v>89</v>
      </c>
      <c r="L5455" s="6" t="s">
        <v>51</v>
      </c>
    </row>
    <row r="5456" spans="1:12">
      <c r="A5456" s="6" t="s">
        <v>49</v>
      </c>
      <c r="B5456" s="6"/>
      <c r="C5456" s="6" t="s">
        <v>5476</v>
      </c>
      <c r="D5456" s="6"/>
      <c r="E5456" s="6" t="s">
        <v>9</v>
      </c>
      <c r="F5456" s="7">
        <v>38657</v>
      </c>
      <c r="G5456" s="8">
        <v>1</v>
      </c>
      <c r="H5456" s="8">
        <v>1</v>
      </c>
      <c r="I5456" s="8">
        <v>0</v>
      </c>
      <c r="J5456" s="8">
        <v>1</v>
      </c>
      <c r="K5456" s="9">
        <v>70</v>
      </c>
      <c r="L5456" s="6" t="s">
        <v>51</v>
      </c>
    </row>
    <row r="5457" spans="1:12">
      <c r="A5457" s="6" t="s">
        <v>49</v>
      </c>
      <c r="B5457" s="6"/>
      <c r="C5457" s="6" t="s">
        <v>5477</v>
      </c>
      <c r="D5457" s="6"/>
      <c r="E5457" s="6" t="s">
        <v>9</v>
      </c>
      <c r="F5457" s="7">
        <v>38657</v>
      </c>
      <c r="G5457" s="8">
        <v>1</v>
      </c>
      <c r="H5457" s="8">
        <v>1</v>
      </c>
      <c r="I5457" s="8">
        <v>0</v>
      </c>
      <c r="J5457" s="8">
        <v>1</v>
      </c>
      <c r="K5457" s="9">
        <v>11</v>
      </c>
      <c r="L5457" s="6" t="s">
        <v>51</v>
      </c>
    </row>
    <row r="5458" spans="1:12">
      <c r="A5458" s="6" t="s">
        <v>49</v>
      </c>
      <c r="B5458" s="6"/>
      <c r="C5458" s="6" t="s">
        <v>5478</v>
      </c>
      <c r="D5458" s="6"/>
      <c r="E5458" s="6" t="s">
        <v>9</v>
      </c>
      <c r="F5458" s="7">
        <v>38657</v>
      </c>
      <c r="G5458" s="8">
        <v>1</v>
      </c>
      <c r="H5458" s="8">
        <v>1</v>
      </c>
      <c r="I5458" s="8">
        <v>0</v>
      </c>
      <c r="J5458" s="8">
        <v>1</v>
      </c>
      <c r="K5458" s="9">
        <v>42</v>
      </c>
      <c r="L5458" s="6" t="s">
        <v>51</v>
      </c>
    </row>
    <row r="5459" spans="1:12">
      <c r="A5459" s="6" t="s">
        <v>49</v>
      </c>
      <c r="B5459" s="6"/>
      <c r="C5459" s="6" t="s">
        <v>5479</v>
      </c>
      <c r="D5459" s="6"/>
      <c r="E5459" s="6" t="s">
        <v>9</v>
      </c>
      <c r="F5459" s="7">
        <v>38657</v>
      </c>
      <c r="G5459" s="8">
        <v>1</v>
      </c>
      <c r="H5459" s="8">
        <v>1</v>
      </c>
      <c r="I5459" s="8">
        <v>0</v>
      </c>
      <c r="J5459" s="8">
        <v>1</v>
      </c>
      <c r="K5459" s="9">
        <v>30</v>
      </c>
      <c r="L5459" s="6" t="s">
        <v>51</v>
      </c>
    </row>
    <row r="5460" spans="1:12">
      <c r="A5460" s="6" t="s">
        <v>49</v>
      </c>
      <c r="B5460" s="6"/>
      <c r="C5460" s="6" t="s">
        <v>5480</v>
      </c>
      <c r="D5460" s="6"/>
      <c r="E5460" s="6" t="s">
        <v>9</v>
      </c>
      <c r="F5460" s="7">
        <v>38657</v>
      </c>
      <c r="G5460" s="8">
        <v>1</v>
      </c>
      <c r="H5460" s="8">
        <v>1</v>
      </c>
      <c r="I5460" s="8">
        <v>0</v>
      </c>
      <c r="J5460" s="8">
        <v>1</v>
      </c>
      <c r="K5460" s="9">
        <v>37.4</v>
      </c>
      <c r="L5460" s="6" t="s">
        <v>51</v>
      </c>
    </row>
    <row r="5461" spans="1:12">
      <c r="A5461" s="6" t="s">
        <v>49</v>
      </c>
      <c r="B5461" s="6"/>
      <c r="C5461" s="6" t="s">
        <v>5481</v>
      </c>
      <c r="D5461" s="6"/>
      <c r="E5461" s="6" t="s">
        <v>9</v>
      </c>
      <c r="F5461" s="7">
        <v>38657</v>
      </c>
      <c r="G5461" s="8">
        <v>1</v>
      </c>
      <c r="H5461" s="8">
        <v>1</v>
      </c>
      <c r="I5461" s="8">
        <v>0</v>
      </c>
      <c r="J5461" s="8">
        <v>1</v>
      </c>
      <c r="K5461" s="9">
        <v>9.42</v>
      </c>
      <c r="L5461" s="6" t="s">
        <v>51</v>
      </c>
    </row>
    <row r="5462" spans="1:12">
      <c r="A5462" s="6" t="s">
        <v>49</v>
      </c>
      <c r="B5462" s="6"/>
      <c r="C5462" s="6" t="s">
        <v>5482</v>
      </c>
      <c r="D5462" s="6"/>
      <c r="E5462" s="6" t="s">
        <v>9</v>
      </c>
      <c r="F5462" s="7">
        <v>38657</v>
      </c>
      <c r="G5462" s="8">
        <v>1</v>
      </c>
      <c r="H5462" s="8">
        <v>1</v>
      </c>
      <c r="I5462" s="8">
        <v>0</v>
      </c>
      <c r="J5462" s="8">
        <v>1</v>
      </c>
      <c r="K5462" s="9">
        <v>13</v>
      </c>
      <c r="L5462" s="6" t="s">
        <v>51</v>
      </c>
    </row>
    <row r="5463" spans="1:12">
      <c r="A5463" s="6" t="s">
        <v>49</v>
      </c>
      <c r="B5463" s="6"/>
      <c r="C5463" s="6" t="s">
        <v>5483</v>
      </c>
      <c r="D5463" s="6"/>
      <c r="E5463" s="6" t="s">
        <v>9</v>
      </c>
      <c r="F5463" s="7">
        <v>38657</v>
      </c>
      <c r="G5463" s="8">
        <v>1</v>
      </c>
      <c r="H5463" s="8">
        <v>1</v>
      </c>
      <c r="I5463" s="8">
        <v>0</v>
      </c>
      <c r="J5463" s="8">
        <v>1</v>
      </c>
      <c r="K5463" s="9">
        <v>5.37</v>
      </c>
      <c r="L5463" s="6" t="s">
        <v>51</v>
      </c>
    </row>
    <row r="5464" spans="1:12">
      <c r="A5464" s="6" t="s">
        <v>49</v>
      </c>
      <c r="B5464" s="6"/>
      <c r="C5464" s="6" t="s">
        <v>5484</v>
      </c>
      <c r="D5464" s="6"/>
      <c r="E5464" s="6" t="s">
        <v>9</v>
      </c>
      <c r="F5464" s="7">
        <v>38657</v>
      </c>
      <c r="G5464" s="8">
        <v>1</v>
      </c>
      <c r="H5464" s="8">
        <v>1</v>
      </c>
      <c r="I5464" s="8">
        <v>0</v>
      </c>
      <c r="J5464" s="8">
        <v>1</v>
      </c>
      <c r="K5464" s="9">
        <v>29</v>
      </c>
      <c r="L5464" s="6" t="s">
        <v>51</v>
      </c>
    </row>
    <row r="5465" spans="1:12">
      <c r="A5465" s="6" t="s">
        <v>49</v>
      </c>
      <c r="B5465" s="6"/>
      <c r="C5465" s="6" t="s">
        <v>5485</v>
      </c>
      <c r="D5465" s="6"/>
      <c r="E5465" s="6" t="s">
        <v>9</v>
      </c>
      <c r="F5465" s="7">
        <v>38657</v>
      </c>
      <c r="G5465" s="8">
        <v>1</v>
      </c>
      <c r="H5465" s="8">
        <v>1</v>
      </c>
      <c r="I5465" s="8">
        <v>0</v>
      </c>
      <c r="J5465" s="8">
        <v>1</v>
      </c>
      <c r="K5465" s="9">
        <v>24</v>
      </c>
      <c r="L5465" s="6" t="s">
        <v>51</v>
      </c>
    </row>
    <row r="5466" spans="1:12">
      <c r="A5466" s="6" t="s">
        <v>49</v>
      </c>
      <c r="B5466" s="6"/>
      <c r="C5466" s="6" t="s">
        <v>5486</v>
      </c>
      <c r="D5466" s="6"/>
      <c r="E5466" s="6" t="s">
        <v>9</v>
      </c>
      <c r="F5466" s="7">
        <v>38657</v>
      </c>
      <c r="G5466" s="8">
        <v>1</v>
      </c>
      <c r="H5466" s="8">
        <v>1</v>
      </c>
      <c r="I5466" s="8">
        <v>0</v>
      </c>
      <c r="J5466" s="8">
        <v>1</v>
      </c>
      <c r="K5466" s="9">
        <v>17</v>
      </c>
      <c r="L5466" s="6" t="s">
        <v>51</v>
      </c>
    </row>
    <row r="5467" spans="1:12">
      <c r="A5467" s="6" t="s">
        <v>49</v>
      </c>
      <c r="B5467" s="6"/>
      <c r="C5467" s="6" t="s">
        <v>5487</v>
      </c>
      <c r="D5467" s="6"/>
      <c r="E5467" s="6" t="s">
        <v>9</v>
      </c>
      <c r="F5467" s="7">
        <v>38657</v>
      </c>
      <c r="G5467" s="8">
        <v>1</v>
      </c>
      <c r="H5467" s="8">
        <v>1</v>
      </c>
      <c r="I5467" s="8">
        <v>0</v>
      </c>
      <c r="J5467" s="8">
        <v>1</v>
      </c>
      <c r="K5467" s="9">
        <v>82</v>
      </c>
      <c r="L5467" s="6" t="s">
        <v>51</v>
      </c>
    </row>
    <row r="5468" spans="1:12">
      <c r="A5468" s="6" t="s">
        <v>49</v>
      </c>
      <c r="B5468" s="6"/>
      <c r="C5468" s="6" t="s">
        <v>5488</v>
      </c>
      <c r="D5468" s="6"/>
      <c r="E5468" s="6" t="s">
        <v>9</v>
      </c>
      <c r="F5468" s="7">
        <v>38657</v>
      </c>
      <c r="G5468" s="8">
        <v>1</v>
      </c>
      <c r="H5468" s="8">
        <v>1</v>
      </c>
      <c r="I5468" s="8">
        <v>0</v>
      </c>
      <c r="J5468" s="8">
        <v>1</v>
      </c>
      <c r="K5468" s="9">
        <v>26</v>
      </c>
      <c r="L5468" s="6" t="s">
        <v>51</v>
      </c>
    </row>
    <row r="5469" spans="1:12">
      <c r="A5469" s="6" t="s">
        <v>49</v>
      </c>
      <c r="B5469" s="6"/>
      <c r="C5469" s="6" t="s">
        <v>5489</v>
      </c>
      <c r="D5469" s="6"/>
      <c r="E5469" s="6" t="s">
        <v>9</v>
      </c>
      <c r="F5469" s="7">
        <v>38657</v>
      </c>
      <c r="G5469" s="8">
        <v>1</v>
      </c>
      <c r="H5469" s="8">
        <v>1</v>
      </c>
      <c r="I5469" s="8">
        <v>0</v>
      </c>
      <c r="J5469" s="8">
        <v>1</v>
      </c>
      <c r="K5469" s="9">
        <v>33</v>
      </c>
      <c r="L5469" s="6" t="s">
        <v>51</v>
      </c>
    </row>
    <row r="5470" spans="1:12">
      <c r="A5470" s="6" t="s">
        <v>49</v>
      </c>
      <c r="B5470" s="6"/>
      <c r="C5470" s="6" t="s">
        <v>5490</v>
      </c>
      <c r="D5470" s="6"/>
      <c r="E5470" s="6" t="s">
        <v>9</v>
      </c>
      <c r="F5470" s="7">
        <v>38657</v>
      </c>
      <c r="G5470" s="8">
        <v>1</v>
      </c>
      <c r="H5470" s="8">
        <v>1</v>
      </c>
      <c r="I5470" s="8">
        <v>0</v>
      </c>
      <c r="J5470" s="8">
        <v>1</v>
      </c>
      <c r="K5470" s="9">
        <v>17</v>
      </c>
      <c r="L5470" s="6" t="s">
        <v>51</v>
      </c>
    </row>
    <row r="5471" spans="1:12">
      <c r="A5471" s="6" t="s">
        <v>49</v>
      </c>
      <c r="B5471" s="6"/>
      <c r="C5471" s="6" t="s">
        <v>5491</v>
      </c>
      <c r="D5471" s="6"/>
      <c r="E5471" s="6" t="s">
        <v>9</v>
      </c>
      <c r="F5471" s="7">
        <v>38657</v>
      </c>
      <c r="G5471" s="8">
        <v>1</v>
      </c>
      <c r="H5471" s="8">
        <v>1</v>
      </c>
      <c r="I5471" s="8">
        <v>0</v>
      </c>
      <c r="J5471" s="8">
        <v>1</v>
      </c>
      <c r="K5471" s="9">
        <v>66</v>
      </c>
      <c r="L5471" s="6" t="s">
        <v>51</v>
      </c>
    </row>
    <row r="5472" spans="1:12">
      <c r="A5472" s="6" t="s">
        <v>49</v>
      </c>
      <c r="B5472" s="6"/>
      <c r="C5472" s="6" t="s">
        <v>5492</v>
      </c>
      <c r="D5472" s="6"/>
      <c r="E5472" s="6" t="s">
        <v>9</v>
      </c>
      <c r="F5472" s="7">
        <v>38657</v>
      </c>
      <c r="G5472" s="8">
        <v>1</v>
      </c>
      <c r="H5472" s="8">
        <v>1</v>
      </c>
      <c r="I5472" s="8">
        <v>0</v>
      </c>
      <c r="J5472" s="8">
        <v>1</v>
      </c>
      <c r="K5472" s="9">
        <v>27</v>
      </c>
      <c r="L5472" s="6" t="s">
        <v>51</v>
      </c>
    </row>
    <row r="5473" spans="1:12">
      <c r="A5473" s="6" t="s">
        <v>49</v>
      </c>
      <c r="B5473" s="6"/>
      <c r="C5473" s="6" t="s">
        <v>5493</v>
      </c>
      <c r="D5473" s="6"/>
      <c r="E5473" s="6" t="s">
        <v>9</v>
      </c>
      <c r="F5473" s="7">
        <v>38657</v>
      </c>
      <c r="G5473" s="8">
        <v>1</v>
      </c>
      <c r="H5473" s="8">
        <v>1</v>
      </c>
      <c r="I5473" s="8">
        <v>0</v>
      </c>
      <c r="J5473" s="8">
        <v>1</v>
      </c>
      <c r="K5473" s="9">
        <v>0.79</v>
      </c>
      <c r="L5473" s="6" t="s">
        <v>51</v>
      </c>
    </row>
    <row r="5474" spans="1:12">
      <c r="A5474" s="6" t="s">
        <v>49</v>
      </c>
      <c r="B5474" s="6"/>
      <c r="C5474" s="6" t="s">
        <v>5494</v>
      </c>
      <c r="D5474" s="6"/>
      <c r="E5474" s="6" t="s">
        <v>9</v>
      </c>
      <c r="F5474" s="7">
        <v>38657</v>
      </c>
      <c r="G5474" s="8">
        <v>1</v>
      </c>
      <c r="H5474" s="8">
        <v>1</v>
      </c>
      <c r="I5474" s="8">
        <v>0</v>
      </c>
      <c r="J5474" s="8">
        <v>1</v>
      </c>
      <c r="K5474" s="9">
        <v>11</v>
      </c>
      <c r="L5474" s="6" t="s">
        <v>51</v>
      </c>
    </row>
    <row r="5475" spans="1:12">
      <c r="A5475" s="6" t="s">
        <v>49</v>
      </c>
      <c r="B5475" s="6"/>
      <c r="C5475" s="6" t="s">
        <v>5495</v>
      </c>
      <c r="D5475" s="6"/>
      <c r="E5475" s="6" t="s">
        <v>9</v>
      </c>
      <c r="F5475" s="7">
        <v>38657</v>
      </c>
      <c r="G5475" s="8">
        <v>1</v>
      </c>
      <c r="H5475" s="8">
        <v>1</v>
      </c>
      <c r="I5475" s="8">
        <v>0</v>
      </c>
      <c r="J5475" s="8">
        <v>1</v>
      </c>
      <c r="K5475" s="9">
        <v>9.25</v>
      </c>
      <c r="L5475" s="6" t="s">
        <v>51</v>
      </c>
    </row>
    <row r="5476" spans="1:12">
      <c r="A5476" s="6" t="s">
        <v>49</v>
      </c>
      <c r="B5476" s="6"/>
      <c r="C5476" s="6" t="s">
        <v>5496</v>
      </c>
      <c r="D5476" s="6"/>
      <c r="E5476" s="6" t="s">
        <v>9</v>
      </c>
      <c r="F5476" s="7">
        <v>38657</v>
      </c>
      <c r="G5476" s="8">
        <v>1</v>
      </c>
      <c r="H5476" s="8">
        <v>1</v>
      </c>
      <c r="I5476" s="8">
        <v>0</v>
      </c>
      <c r="J5476" s="8">
        <v>1</v>
      </c>
      <c r="K5476" s="9">
        <v>26</v>
      </c>
      <c r="L5476" s="6" t="s">
        <v>51</v>
      </c>
    </row>
    <row r="5477" spans="1:12">
      <c r="A5477" s="6" t="s">
        <v>49</v>
      </c>
      <c r="B5477" s="6"/>
      <c r="C5477" s="6" t="s">
        <v>5497</v>
      </c>
      <c r="D5477" s="6"/>
      <c r="E5477" s="6" t="s">
        <v>9</v>
      </c>
      <c r="F5477" s="7">
        <v>38657</v>
      </c>
      <c r="G5477" s="8">
        <v>1</v>
      </c>
      <c r="H5477" s="8">
        <v>1</v>
      </c>
      <c r="I5477" s="8">
        <v>0</v>
      </c>
      <c r="J5477" s="8">
        <v>1</v>
      </c>
      <c r="K5477" s="9">
        <v>162</v>
      </c>
      <c r="L5477" s="6" t="s">
        <v>51</v>
      </c>
    </row>
    <row r="5478" spans="1:12">
      <c r="A5478" s="6" t="s">
        <v>49</v>
      </c>
      <c r="B5478" s="6"/>
      <c r="C5478" s="6" t="s">
        <v>5498</v>
      </c>
      <c r="D5478" s="6"/>
      <c r="E5478" s="6" t="s">
        <v>9</v>
      </c>
      <c r="F5478" s="7">
        <v>40283</v>
      </c>
      <c r="G5478" s="8">
        <v>1</v>
      </c>
      <c r="H5478" s="8">
        <v>1</v>
      </c>
      <c r="I5478" s="8">
        <v>0</v>
      </c>
      <c r="J5478" s="8">
        <v>1</v>
      </c>
      <c r="K5478" s="9">
        <v>18</v>
      </c>
      <c r="L5478" s="6" t="s">
        <v>51</v>
      </c>
    </row>
    <row r="5479" spans="1:12">
      <c r="A5479" s="6" t="s">
        <v>49</v>
      </c>
      <c r="B5479" s="6"/>
      <c r="C5479" s="6" t="s">
        <v>5499</v>
      </c>
      <c r="D5479" s="6"/>
      <c r="E5479" s="6" t="s">
        <v>9</v>
      </c>
      <c r="F5479" s="7">
        <v>38657</v>
      </c>
      <c r="G5479" s="8">
        <v>1</v>
      </c>
      <c r="H5479" s="8">
        <v>1</v>
      </c>
      <c r="I5479" s="8">
        <v>0</v>
      </c>
      <c r="J5479" s="8">
        <v>1</v>
      </c>
      <c r="K5479" s="9">
        <v>153</v>
      </c>
      <c r="L5479" s="6" t="s">
        <v>51</v>
      </c>
    </row>
    <row r="5480" spans="1:12">
      <c r="A5480" s="6" t="s">
        <v>49</v>
      </c>
      <c r="B5480" s="6"/>
      <c r="C5480" s="6" t="s">
        <v>5500</v>
      </c>
      <c r="D5480" s="6"/>
      <c r="E5480" s="6" t="s">
        <v>9</v>
      </c>
      <c r="F5480" s="7">
        <v>38657</v>
      </c>
      <c r="G5480" s="8">
        <v>1</v>
      </c>
      <c r="H5480" s="8">
        <v>1</v>
      </c>
      <c r="I5480" s="8">
        <v>0</v>
      </c>
      <c r="J5480" s="8">
        <v>1</v>
      </c>
      <c r="K5480" s="9">
        <v>73</v>
      </c>
      <c r="L5480" s="6" t="s">
        <v>51</v>
      </c>
    </row>
    <row r="5481" spans="1:12">
      <c r="A5481" s="6" t="s">
        <v>49</v>
      </c>
      <c r="B5481" s="6"/>
      <c r="C5481" s="6" t="s">
        <v>5501</v>
      </c>
      <c r="D5481" s="6"/>
      <c r="E5481" s="6" t="s">
        <v>9</v>
      </c>
      <c r="F5481" s="7">
        <v>38657</v>
      </c>
      <c r="G5481" s="8">
        <v>1</v>
      </c>
      <c r="H5481" s="8">
        <v>1</v>
      </c>
      <c r="I5481" s="8">
        <v>0</v>
      </c>
      <c r="J5481" s="8">
        <v>1</v>
      </c>
      <c r="K5481" s="9">
        <v>110</v>
      </c>
      <c r="L5481" s="6" t="s">
        <v>51</v>
      </c>
    </row>
    <row r="5482" spans="1:12">
      <c r="A5482" s="6" t="s">
        <v>49</v>
      </c>
      <c r="B5482" s="6"/>
      <c r="C5482" s="6" t="s">
        <v>5502</v>
      </c>
      <c r="D5482" s="6"/>
      <c r="E5482" s="6" t="s">
        <v>9</v>
      </c>
      <c r="F5482" s="7">
        <v>38657</v>
      </c>
      <c r="G5482" s="8">
        <v>1</v>
      </c>
      <c r="H5482" s="8">
        <v>1</v>
      </c>
      <c r="I5482" s="8">
        <v>0</v>
      </c>
      <c r="J5482" s="8">
        <v>1</v>
      </c>
      <c r="K5482" s="9">
        <v>2.84</v>
      </c>
      <c r="L5482" s="6" t="s">
        <v>51</v>
      </c>
    </row>
    <row r="5483" spans="1:12">
      <c r="A5483" s="6" t="s">
        <v>49</v>
      </c>
      <c r="B5483" s="6"/>
      <c r="C5483" s="6" t="s">
        <v>5503</v>
      </c>
      <c r="D5483" s="6"/>
      <c r="E5483" s="6" t="s">
        <v>9</v>
      </c>
      <c r="F5483" s="7">
        <v>38657</v>
      </c>
      <c r="G5483" s="8">
        <v>1</v>
      </c>
      <c r="H5483" s="8">
        <v>1</v>
      </c>
      <c r="I5483" s="8">
        <v>0</v>
      </c>
      <c r="J5483" s="8">
        <v>1</v>
      </c>
      <c r="K5483" s="9">
        <v>114</v>
      </c>
      <c r="L5483" s="6" t="s">
        <v>51</v>
      </c>
    </row>
    <row r="5484" spans="1:12">
      <c r="A5484" s="6" t="s">
        <v>49</v>
      </c>
      <c r="B5484" s="6"/>
      <c r="C5484" s="6" t="s">
        <v>5504</v>
      </c>
      <c r="D5484" s="6"/>
      <c r="E5484" s="6" t="s">
        <v>9</v>
      </c>
      <c r="F5484" s="7">
        <v>38657</v>
      </c>
      <c r="G5484" s="8">
        <v>1</v>
      </c>
      <c r="H5484" s="8">
        <v>1</v>
      </c>
      <c r="I5484" s="8">
        <v>0</v>
      </c>
      <c r="J5484" s="8">
        <v>1</v>
      </c>
      <c r="K5484" s="9">
        <v>140</v>
      </c>
      <c r="L5484" s="6" t="s">
        <v>51</v>
      </c>
    </row>
    <row r="5485" spans="1:12">
      <c r="A5485" s="6" t="s">
        <v>49</v>
      </c>
      <c r="B5485" s="6"/>
      <c r="C5485" s="6" t="s">
        <v>5505</v>
      </c>
      <c r="D5485" s="6"/>
      <c r="E5485" s="6" t="s">
        <v>9</v>
      </c>
      <c r="F5485" s="7">
        <v>38657</v>
      </c>
      <c r="G5485" s="8">
        <v>1</v>
      </c>
      <c r="H5485" s="8">
        <v>1</v>
      </c>
      <c r="I5485" s="8">
        <v>0</v>
      </c>
      <c r="J5485" s="8">
        <v>1</v>
      </c>
      <c r="K5485" s="9">
        <v>165</v>
      </c>
      <c r="L5485" s="6" t="s">
        <v>51</v>
      </c>
    </row>
    <row r="5486" spans="1:12">
      <c r="A5486" s="6" t="s">
        <v>49</v>
      </c>
      <c r="B5486" s="6"/>
      <c r="C5486" s="6" t="s">
        <v>5506</v>
      </c>
      <c r="D5486" s="6"/>
      <c r="E5486" s="6" t="s">
        <v>9</v>
      </c>
      <c r="F5486" s="7">
        <v>38657</v>
      </c>
      <c r="G5486" s="8">
        <v>1</v>
      </c>
      <c r="H5486" s="8">
        <v>1</v>
      </c>
      <c r="I5486" s="8">
        <v>0</v>
      </c>
      <c r="J5486" s="8">
        <v>1</v>
      </c>
      <c r="K5486" s="9">
        <v>18</v>
      </c>
      <c r="L5486" s="6" t="s">
        <v>51</v>
      </c>
    </row>
    <row r="5487" spans="1:12">
      <c r="A5487" s="6" t="s">
        <v>49</v>
      </c>
      <c r="B5487" s="6"/>
      <c r="C5487" s="6" t="s">
        <v>5507</v>
      </c>
      <c r="D5487" s="6"/>
      <c r="E5487" s="6" t="s">
        <v>9</v>
      </c>
      <c r="F5487" s="7">
        <v>38657</v>
      </c>
      <c r="G5487" s="8">
        <v>1</v>
      </c>
      <c r="H5487" s="8">
        <v>1</v>
      </c>
      <c r="I5487" s="8">
        <v>0</v>
      </c>
      <c r="J5487" s="8">
        <v>1</v>
      </c>
      <c r="K5487" s="9">
        <v>363</v>
      </c>
      <c r="L5487" s="6" t="s">
        <v>51</v>
      </c>
    </row>
    <row r="5488" spans="1:12">
      <c r="A5488" s="6" t="s">
        <v>49</v>
      </c>
      <c r="B5488" s="6"/>
      <c r="C5488" s="6" t="s">
        <v>5508</v>
      </c>
      <c r="D5488" s="6"/>
      <c r="E5488" s="6" t="s">
        <v>9</v>
      </c>
      <c r="F5488" s="7">
        <v>38657</v>
      </c>
      <c r="G5488" s="8">
        <v>1</v>
      </c>
      <c r="H5488" s="8">
        <v>1</v>
      </c>
      <c r="I5488" s="8">
        <v>0</v>
      </c>
      <c r="J5488" s="8">
        <v>1</v>
      </c>
      <c r="K5488" s="9">
        <v>1.99</v>
      </c>
      <c r="L5488" s="6" t="s">
        <v>51</v>
      </c>
    </row>
    <row r="5489" spans="1:12">
      <c r="A5489" s="6" t="s">
        <v>49</v>
      </c>
      <c r="B5489" s="6"/>
      <c r="C5489" s="6" t="s">
        <v>5509</v>
      </c>
      <c r="D5489" s="6"/>
      <c r="E5489" s="6" t="s">
        <v>9</v>
      </c>
      <c r="F5489" s="7">
        <v>38657</v>
      </c>
      <c r="G5489" s="8">
        <v>1</v>
      </c>
      <c r="H5489" s="8">
        <v>1</v>
      </c>
      <c r="I5489" s="8">
        <v>0</v>
      </c>
      <c r="J5489" s="8">
        <v>1</v>
      </c>
      <c r="K5489" s="9">
        <v>128</v>
      </c>
      <c r="L5489" s="6" t="s">
        <v>51</v>
      </c>
    </row>
    <row r="5490" spans="1:12">
      <c r="A5490" s="6" t="s">
        <v>49</v>
      </c>
      <c r="B5490" s="6"/>
      <c r="C5490" s="6" t="s">
        <v>5510</v>
      </c>
      <c r="D5490" s="6"/>
      <c r="E5490" s="6" t="s">
        <v>9</v>
      </c>
      <c r="F5490" s="7">
        <v>38657</v>
      </c>
      <c r="G5490" s="8">
        <v>1</v>
      </c>
      <c r="H5490" s="8">
        <v>1</v>
      </c>
      <c r="I5490" s="8">
        <v>0</v>
      </c>
      <c r="J5490" s="8">
        <v>1</v>
      </c>
      <c r="K5490" s="9">
        <v>169</v>
      </c>
      <c r="L5490" s="6" t="s">
        <v>51</v>
      </c>
    </row>
    <row r="5491" spans="1:12">
      <c r="A5491" s="6" t="s">
        <v>49</v>
      </c>
      <c r="B5491" s="6"/>
      <c r="C5491" s="6" t="s">
        <v>5511</v>
      </c>
      <c r="D5491" s="6"/>
      <c r="E5491" s="6" t="s">
        <v>9</v>
      </c>
      <c r="F5491" s="7">
        <v>38657</v>
      </c>
      <c r="G5491" s="8">
        <v>1</v>
      </c>
      <c r="H5491" s="8">
        <v>1</v>
      </c>
      <c r="I5491" s="8">
        <v>0</v>
      </c>
      <c r="J5491" s="8">
        <v>1</v>
      </c>
      <c r="K5491" s="9">
        <v>802</v>
      </c>
      <c r="L5491" s="6" t="s">
        <v>51</v>
      </c>
    </row>
    <row r="5492" spans="1:12">
      <c r="A5492" s="6" t="s">
        <v>49</v>
      </c>
      <c r="B5492" s="6"/>
      <c r="C5492" s="6" t="s">
        <v>5512</v>
      </c>
      <c r="D5492" s="6"/>
      <c r="E5492" s="6" t="s">
        <v>9</v>
      </c>
      <c r="F5492" s="7">
        <v>38657</v>
      </c>
      <c r="G5492" s="8">
        <v>1</v>
      </c>
      <c r="H5492" s="8">
        <v>1</v>
      </c>
      <c r="I5492" s="8">
        <v>0</v>
      </c>
      <c r="J5492" s="8">
        <v>1</v>
      </c>
      <c r="K5492" s="9">
        <v>524</v>
      </c>
      <c r="L5492" s="6" t="s">
        <v>51</v>
      </c>
    </row>
    <row r="5493" spans="1:12">
      <c r="A5493" s="6" t="s">
        <v>49</v>
      </c>
      <c r="B5493" s="6"/>
      <c r="C5493" s="6" t="s">
        <v>5513</v>
      </c>
      <c r="D5493" s="6"/>
      <c r="E5493" s="6" t="s">
        <v>9</v>
      </c>
      <c r="F5493" s="7">
        <v>38657</v>
      </c>
      <c r="G5493" s="8">
        <v>1</v>
      </c>
      <c r="H5493" s="8">
        <v>1</v>
      </c>
      <c r="I5493" s="8">
        <v>0</v>
      </c>
      <c r="J5493" s="8">
        <v>1</v>
      </c>
      <c r="K5493" s="9">
        <v>28</v>
      </c>
      <c r="L5493" s="6" t="s">
        <v>51</v>
      </c>
    </row>
    <row r="5494" spans="1:12">
      <c r="A5494" s="6" t="s">
        <v>49</v>
      </c>
      <c r="B5494" s="6"/>
      <c r="C5494" s="6" t="s">
        <v>5514</v>
      </c>
      <c r="D5494" s="6"/>
      <c r="E5494" s="6" t="s">
        <v>9</v>
      </c>
      <c r="F5494" s="7">
        <v>38657</v>
      </c>
      <c r="G5494" s="8">
        <v>1</v>
      </c>
      <c r="H5494" s="8">
        <v>1</v>
      </c>
      <c r="I5494" s="8">
        <v>0</v>
      </c>
      <c r="J5494" s="8">
        <v>1</v>
      </c>
      <c r="K5494" s="9">
        <v>247</v>
      </c>
      <c r="L5494" s="6" t="s">
        <v>51</v>
      </c>
    </row>
    <row r="5495" spans="1:12">
      <c r="A5495" s="6" t="s">
        <v>49</v>
      </c>
      <c r="B5495" s="6"/>
      <c r="C5495" s="6" t="s">
        <v>5515</v>
      </c>
      <c r="D5495" s="6"/>
      <c r="E5495" s="6" t="s">
        <v>9</v>
      </c>
      <c r="F5495" s="7">
        <v>40469</v>
      </c>
      <c r="G5495" s="8">
        <v>1</v>
      </c>
      <c r="H5495" s="8">
        <v>1</v>
      </c>
      <c r="I5495" s="8">
        <v>0</v>
      </c>
      <c r="J5495" s="8">
        <v>1</v>
      </c>
      <c r="K5495" s="9">
        <v>0.05</v>
      </c>
      <c r="L5495" s="6" t="s">
        <v>51</v>
      </c>
    </row>
    <row r="5496" spans="1:12">
      <c r="A5496" s="6" t="s">
        <v>49</v>
      </c>
      <c r="B5496" s="6"/>
      <c r="C5496" s="6" t="s">
        <v>5516</v>
      </c>
      <c r="D5496" s="6"/>
      <c r="E5496" s="6" t="s">
        <v>9</v>
      </c>
      <c r="F5496" s="7">
        <v>38657</v>
      </c>
      <c r="G5496" s="8">
        <v>1</v>
      </c>
      <c r="H5496" s="8">
        <v>1</v>
      </c>
      <c r="I5496" s="8">
        <v>0</v>
      </c>
      <c r="J5496" s="8">
        <v>1</v>
      </c>
      <c r="K5496" s="9">
        <v>832</v>
      </c>
      <c r="L5496" s="6" t="s">
        <v>51</v>
      </c>
    </row>
    <row r="5497" spans="1:12">
      <c r="A5497" s="6" t="s">
        <v>49</v>
      </c>
      <c r="B5497" s="6"/>
      <c r="C5497" s="6" t="s">
        <v>5517</v>
      </c>
      <c r="D5497" s="6"/>
      <c r="E5497" s="6" t="s">
        <v>9</v>
      </c>
      <c r="F5497" s="7">
        <v>38657</v>
      </c>
      <c r="G5497" s="8">
        <v>1</v>
      </c>
      <c r="H5497" s="8">
        <v>1</v>
      </c>
      <c r="I5497" s="8">
        <v>0</v>
      </c>
      <c r="J5497" s="8">
        <v>1</v>
      </c>
      <c r="K5497" s="9">
        <v>352</v>
      </c>
      <c r="L5497" s="6" t="s">
        <v>51</v>
      </c>
    </row>
    <row r="5498" spans="1:12">
      <c r="A5498" s="6" t="s">
        <v>49</v>
      </c>
      <c r="B5498" s="6"/>
      <c r="C5498" s="6" t="s">
        <v>5518</v>
      </c>
      <c r="D5498" s="6"/>
      <c r="E5498" s="6" t="s">
        <v>9</v>
      </c>
      <c r="F5498" s="7">
        <v>38657</v>
      </c>
      <c r="G5498" s="8">
        <v>1</v>
      </c>
      <c r="H5498" s="8">
        <v>1</v>
      </c>
      <c r="I5498" s="8">
        <v>0</v>
      </c>
      <c r="J5498" s="8">
        <v>1</v>
      </c>
      <c r="K5498" s="9">
        <v>162</v>
      </c>
      <c r="L5498" s="6" t="s">
        <v>51</v>
      </c>
    </row>
    <row r="5499" spans="1:12">
      <c r="A5499" s="6" t="s">
        <v>49</v>
      </c>
      <c r="B5499" s="6"/>
      <c r="C5499" s="6" t="s">
        <v>5519</v>
      </c>
      <c r="D5499" s="6"/>
      <c r="E5499" s="6" t="s">
        <v>9</v>
      </c>
      <c r="F5499" s="7">
        <v>38657</v>
      </c>
      <c r="G5499" s="8">
        <v>1</v>
      </c>
      <c r="H5499" s="8">
        <v>1</v>
      </c>
      <c r="I5499" s="8">
        <v>0</v>
      </c>
      <c r="J5499" s="8">
        <v>1</v>
      </c>
      <c r="K5499" s="9">
        <v>3378</v>
      </c>
      <c r="L5499" s="6" t="s">
        <v>51</v>
      </c>
    </row>
    <row r="5500" spans="1:12">
      <c r="A5500" s="6" t="s">
        <v>49</v>
      </c>
      <c r="B5500" s="6"/>
      <c r="C5500" s="6" t="s">
        <v>5520</v>
      </c>
      <c r="D5500" s="6"/>
      <c r="E5500" s="6" t="s">
        <v>9</v>
      </c>
      <c r="F5500" s="7">
        <v>38657</v>
      </c>
      <c r="G5500" s="8">
        <v>1</v>
      </c>
      <c r="H5500" s="8">
        <v>1</v>
      </c>
      <c r="I5500" s="8">
        <v>0</v>
      </c>
      <c r="J5500" s="8">
        <v>1</v>
      </c>
      <c r="K5500" s="9">
        <v>1823</v>
      </c>
      <c r="L5500" s="6" t="s">
        <v>51</v>
      </c>
    </row>
    <row r="5501" spans="1:12">
      <c r="A5501" s="6" t="s">
        <v>49</v>
      </c>
      <c r="B5501" s="6"/>
      <c r="C5501" s="6" t="s">
        <v>5521</v>
      </c>
      <c r="D5501" s="6"/>
      <c r="E5501" s="6" t="s">
        <v>9</v>
      </c>
      <c r="F5501" s="7">
        <v>38657</v>
      </c>
      <c r="G5501" s="8">
        <v>1</v>
      </c>
      <c r="H5501" s="8">
        <v>1</v>
      </c>
      <c r="I5501" s="8">
        <v>0</v>
      </c>
      <c r="J5501" s="8">
        <v>1</v>
      </c>
      <c r="K5501" s="9">
        <v>972</v>
      </c>
      <c r="L5501" s="6" t="s">
        <v>51</v>
      </c>
    </row>
    <row r="5502" spans="1:12">
      <c r="A5502" s="6" t="s">
        <v>49</v>
      </c>
      <c r="B5502" s="6"/>
      <c r="C5502" s="6" t="s">
        <v>5522</v>
      </c>
      <c r="D5502" s="6"/>
      <c r="E5502" s="6" t="s">
        <v>9</v>
      </c>
      <c r="F5502" s="7">
        <v>38657</v>
      </c>
      <c r="G5502" s="8">
        <v>1</v>
      </c>
      <c r="H5502" s="8">
        <v>1</v>
      </c>
      <c r="I5502" s="8">
        <v>0</v>
      </c>
      <c r="J5502" s="8">
        <v>1</v>
      </c>
      <c r="K5502" s="9">
        <v>1296</v>
      </c>
      <c r="L5502" s="6" t="s">
        <v>51</v>
      </c>
    </row>
    <row r="5503" spans="1:12">
      <c r="A5503" s="6" t="s">
        <v>49</v>
      </c>
      <c r="B5503" s="6"/>
      <c r="C5503" s="6" t="s">
        <v>5523</v>
      </c>
      <c r="D5503" s="6"/>
      <c r="E5503" s="6" t="s">
        <v>9</v>
      </c>
      <c r="F5503" s="7">
        <v>38657</v>
      </c>
      <c r="G5503" s="8">
        <v>1</v>
      </c>
      <c r="H5503" s="8">
        <v>1</v>
      </c>
      <c r="I5503" s="8">
        <v>0</v>
      </c>
      <c r="J5503" s="8">
        <v>1</v>
      </c>
      <c r="K5503" s="9">
        <v>114</v>
      </c>
      <c r="L5503" s="6" t="s">
        <v>51</v>
      </c>
    </row>
    <row r="5504" spans="1:12">
      <c r="A5504" s="6" t="s">
        <v>49</v>
      </c>
      <c r="B5504" s="6"/>
      <c r="C5504" s="6" t="s">
        <v>5524</v>
      </c>
      <c r="D5504" s="6"/>
      <c r="E5504" s="6" t="s">
        <v>9</v>
      </c>
      <c r="F5504" s="7">
        <v>38657</v>
      </c>
      <c r="G5504" s="8">
        <v>1</v>
      </c>
      <c r="H5504" s="8">
        <v>1</v>
      </c>
      <c r="I5504" s="8">
        <v>0</v>
      </c>
      <c r="J5504" s="8">
        <v>1</v>
      </c>
      <c r="K5504" s="9">
        <v>26</v>
      </c>
      <c r="L5504" s="6" t="s">
        <v>51</v>
      </c>
    </row>
    <row r="5505" spans="1:12">
      <c r="A5505" s="6" t="s">
        <v>49</v>
      </c>
      <c r="B5505" s="6"/>
      <c r="C5505" s="6" t="s">
        <v>5525</v>
      </c>
      <c r="D5505" s="6"/>
      <c r="E5505" s="6" t="s">
        <v>9</v>
      </c>
      <c r="F5505" s="7">
        <v>38657</v>
      </c>
      <c r="G5505" s="8">
        <v>1</v>
      </c>
      <c r="H5505" s="8">
        <v>1</v>
      </c>
      <c r="I5505" s="8">
        <v>0</v>
      </c>
      <c r="J5505" s="8">
        <v>1</v>
      </c>
      <c r="K5505" s="9">
        <v>46</v>
      </c>
      <c r="L5505" s="6" t="s">
        <v>51</v>
      </c>
    </row>
    <row r="5506" spans="1:12">
      <c r="A5506" s="6" t="s">
        <v>49</v>
      </c>
      <c r="B5506" s="6"/>
      <c r="C5506" s="6" t="s">
        <v>5526</v>
      </c>
      <c r="D5506" s="6"/>
      <c r="E5506" s="6" t="s">
        <v>9</v>
      </c>
      <c r="F5506" s="7">
        <v>38657</v>
      </c>
      <c r="G5506" s="8">
        <v>1</v>
      </c>
      <c r="H5506" s="8">
        <v>1</v>
      </c>
      <c r="I5506" s="8">
        <v>0</v>
      </c>
      <c r="J5506" s="8">
        <v>1</v>
      </c>
      <c r="K5506" s="9">
        <v>367</v>
      </c>
      <c r="L5506" s="6" t="s">
        <v>51</v>
      </c>
    </row>
    <row r="5507" spans="1:12">
      <c r="A5507" s="6" t="s">
        <v>49</v>
      </c>
      <c r="B5507" s="6"/>
      <c r="C5507" s="6" t="s">
        <v>5527</v>
      </c>
      <c r="D5507" s="6"/>
      <c r="E5507" s="6" t="s">
        <v>9</v>
      </c>
      <c r="F5507" s="7">
        <v>38657</v>
      </c>
      <c r="G5507" s="8">
        <v>1</v>
      </c>
      <c r="H5507" s="8">
        <v>1</v>
      </c>
      <c r="I5507" s="8">
        <v>0</v>
      </c>
      <c r="J5507" s="8">
        <v>1</v>
      </c>
      <c r="K5507" s="9">
        <v>470</v>
      </c>
      <c r="L5507" s="6" t="s">
        <v>51</v>
      </c>
    </row>
    <row r="5508" spans="1:12">
      <c r="A5508" s="6" t="s">
        <v>49</v>
      </c>
      <c r="B5508" s="6"/>
      <c r="C5508" s="6" t="s">
        <v>5528</v>
      </c>
      <c r="D5508" s="6"/>
      <c r="E5508" s="6" t="s">
        <v>9</v>
      </c>
      <c r="F5508" s="7">
        <v>38657</v>
      </c>
      <c r="G5508" s="8">
        <v>1</v>
      </c>
      <c r="H5508" s="8">
        <v>1</v>
      </c>
      <c r="I5508" s="8">
        <v>0</v>
      </c>
      <c r="J5508" s="8">
        <v>1</v>
      </c>
      <c r="K5508" s="9">
        <v>1010</v>
      </c>
      <c r="L5508" s="6" t="s">
        <v>51</v>
      </c>
    </row>
    <row r="5509" spans="1:12">
      <c r="A5509" s="6" t="s">
        <v>49</v>
      </c>
      <c r="B5509" s="6"/>
      <c r="C5509" s="6" t="s">
        <v>5529</v>
      </c>
      <c r="D5509" s="6"/>
      <c r="E5509" s="6" t="s">
        <v>9</v>
      </c>
      <c r="F5509" s="7">
        <v>38657</v>
      </c>
      <c r="G5509" s="8">
        <v>1</v>
      </c>
      <c r="H5509" s="8">
        <v>1</v>
      </c>
      <c r="I5509" s="8">
        <v>0</v>
      </c>
      <c r="J5509" s="8">
        <v>1</v>
      </c>
      <c r="K5509" s="9">
        <v>108</v>
      </c>
      <c r="L5509" s="6" t="s">
        <v>51</v>
      </c>
    </row>
    <row r="5510" spans="1:12">
      <c r="A5510" s="6" t="s">
        <v>49</v>
      </c>
      <c r="B5510" s="6"/>
      <c r="C5510" s="6" t="s">
        <v>5530</v>
      </c>
      <c r="D5510" s="6"/>
      <c r="E5510" s="6" t="s">
        <v>9</v>
      </c>
      <c r="F5510" s="7">
        <v>38657</v>
      </c>
      <c r="G5510" s="8">
        <v>1</v>
      </c>
      <c r="H5510" s="8">
        <v>1</v>
      </c>
      <c r="I5510" s="8">
        <v>0</v>
      </c>
      <c r="J5510" s="8">
        <v>1</v>
      </c>
      <c r="K5510" s="9">
        <v>6.24</v>
      </c>
      <c r="L5510" s="6" t="s">
        <v>51</v>
      </c>
    </row>
    <row r="5511" spans="1:12">
      <c r="A5511" s="6" t="s">
        <v>49</v>
      </c>
      <c r="B5511" s="6"/>
      <c r="C5511" s="6" t="s">
        <v>5531</v>
      </c>
      <c r="D5511" s="6"/>
      <c r="E5511" s="6" t="s">
        <v>9</v>
      </c>
      <c r="F5511" s="7">
        <v>38657</v>
      </c>
      <c r="G5511" s="8">
        <v>1</v>
      </c>
      <c r="H5511" s="8">
        <v>1</v>
      </c>
      <c r="I5511" s="8">
        <v>0</v>
      </c>
      <c r="J5511" s="8">
        <v>1</v>
      </c>
      <c r="K5511" s="9">
        <v>360</v>
      </c>
      <c r="L5511" s="6" t="s">
        <v>51</v>
      </c>
    </row>
    <row r="5512" spans="1:12">
      <c r="A5512" s="6" t="s">
        <v>49</v>
      </c>
      <c r="B5512" s="6"/>
      <c r="C5512" s="6" t="s">
        <v>5532</v>
      </c>
      <c r="D5512" s="6"/>
      <c r="E5512" s="6" t="s">
        <v>9</v>
      </c>
      <c r="F5512" s="7">
        <v>38657</v>
      </c>
      <c r="G5512" s="8">
        <v>1</v>
      </c>
      <c r="H5512" s="8">
        <v>1</v>
      </c>
      <c r="I5512" s="8">
        <v>0</v>
      </c>
      <c r="J5512" s="8">
        <v>1</v>
      </c>
      <c r="K5512" s="9">
        <v>817</v>
      </c>
      <c r="L5512" s="6" t="s">
        <v>51</v>
      </c>
    </row>
    <row r="5513" spans="1:12">
      <c r="A5513" s="6" t="s">
        <v>49</v>
      </c>
      <c r="B5513" s="6"/>
      <c r="C5513" s="6" t="s">
        <v>5533</v>
      </c>
      <c r="D5513" s="6"/>
      <c r="E5513" s="6" t="s">
        <v>9</v>
      </c>
      <c r="F5513" s="7">
        <v>38657</v>
      </c>
      <c r="G5513" s="8">
        <v>1</v>
      </c>
      <c r="H5513" s="8">
        <v>1</v>
      </c>
      <c r="I5513" s="8">
        <v>0</v>
      </c>
      <c r="J5513" s="8">
        <v>1</v>
      </c>
      <c r="K5513" s="9">
        <v>132</v>
      </c>
      <c r="L5513" s="6" t="s">
        <v>51</v>
      </c>
    </row>
    <row r="5514" spans="1:12">
      <c r="A5514" s="6" t="s">
        <v>49</v>
      </c>
      <c r="B5514" s="6"/>
      <c r="C5514" s="6" t="s">
        <v>5534</v>
      </c>
      <c r="D5514" s="6"/>
      <c r="E5514" s="6" t="s">
        <v>9</v>
      </c>
      <c r="F5514" s="7">
        <v>38657</v>
      </c>
      <c r="G5514" s="8">
        <v>1</v>
      </c>
      <c r="H5514" s="8">
        <v>1</v>
      </c>
      <c r="I5514" s="8">
        <v>0</v>
      </c>
      <c r="J5514" s="8">
        <v>1</v>
      </c>
      <c r="K5514" s="9">
        <v>3.3</v>
      </c>
      <c r="L5514" s="6" t="s">
        <v>51</v>
      </c>
    </row>
    <row r="5515" spans="1:12">
      <c r="A5515" s="6" t="s">
        <v>49</v>
      </c>
      <c r="B5515" s="6"/>
      <c r="C5515" s="6" t="s">
        <v>5535</v>
      </c>
      <c r="D5515" s="6"/>
      <c r="E5515" s="6" t="s">
        <v>9</v>
      </c>
      <c r="F5515" s="7">
        <v>38657</v>
      </c>
      <c r="G5515" s="8">
        <v>1</v>
      </c>
      <c r="H5515" s="8">
        <v>1</v>
      </c>
      <c r="I5515" s="8">
        <v>0</v>
      </c>
      <c r="J5515" s="8">
        <v>1</v>
      </c>
      <c r="K5515" s="9">
        <v>11</v>
      </c>
      <c r="L5515" s="6" t="s">
        <v>51</v>
      </c>
    </row>
    <row r="5516" spans="1:12">
      <c r="A5516" s="6" t="s">
        <v>49</v>
      </c>
      <c r="B5516" s="6"/>
      <c r="C5516" s="6" t="s">
        <v>5536</v>
      </c>
      <c r="D5516" s="6"/>
      <c r="E5516" s="6" t="s">
        <v>9</v>
      </c>
      <c r="F5516" s="7">
        <v>38657</v>
      </c>
      <c r="G5516" s="8">
        <v>1</v>
      </c>
      <c r="H5516" s="8">
        <v>1</v>
      </c>
      <c r="I5516" s="8">
        <v>0</v>
      </c>
      <c r="J5516" s="8">
        <v>1</v>
      </c>
      <c r="K5516" s="9">
        <v>19</v>
      </c>
      <c r="L5516" s="6" t="s">
        <v>51</v>
      </c>
    </row>
    <row r="5517" spans="1:12">
      <c r="A5517" s="6" t="s">
        <v>49</v>
      </c>
      <c r="B5517" s="6"/>
      <c r="C5517" s="6" t="s">
        <v>5537</v>
      </c>
      <c r="D5517" s="6"/>
      <c r="E5517" s="6" t="s">
        <v>9</v>
      </c>
      <c r="F5517" s="7">
        <v>38657</v>
      </c>
      <c r="G5517" s="8">
        <v>1</v>
      </c>
      <c r="H5517" s="8">
        <v>1</v>
      </c>
      <c r="I5517" s="8">
        <v>0</v>
      </c>
      <c r="J5517" s="8">
        <v>1</v>
      </c>
      <c r="K5517" s="9">
        <v>29</v>
      </c>
      <c r="L5517" s="6" t="s">
        <v>51</v>
      </c>
    </row>
    <row r="5518" spans="1:12">
      <c r="A5518" s="6" t="s">
        <v>49</v>
      </c>
      <c r="B5518" s="6"/>
      <c r="C5518" s="6" t="s">
        <v>5538</v>
      </c>
      <c r="D5518" s="6"/>
      <c r="E5518" s="6" t="s">
        <v>9</v>
      </c>
      <c r="F5518" s="7">
        <v>38657</v>
      </c>
      <c r="G5518" s="8">
        <v>1</v>
      </c>
      <c r="H5518" s="8">
        <v>1</v>
      </c>
      <c r="I5518" s="8">
        <v>0</v>
      </c>
      <c r="J5518" s="8">
        <v>1</v>
      </c>
      <c r="K5518" s="9">
        <v>23</v>
      </c>
      <c r="L5518" s="6" t="s">
        <v>51</v>
      </c>
    </row>
    <row r="5519" spans="1:12">
      <c r="A5519" s="6" t="s">
        <v>49</v>
      </c>
      <c r="B5519" s="6"/>
      <c r="C5519" s="6" t="s">
        <v>5539</v>
      </c>
      <c r="D5519" s="6"/>
      <c r="E5519" s="6" t="s">
        <v>9</v>
      </c>
      <c r="F5519" s="7">
        <v>38657</v>
      </c>
      <c r="G5519" s="8">
        <v>1</v>
      </c>
      <c r="H5519" s="8">
        <v>1</v>
      </c>
      <c r="I5519" s="8">
        <v>0</v>
      </c>
      <c r="J5519" s="8">
        <v>1</v>
      </c>
      <c r="K5519" s="9">
        <v>33</v>
      </c>
      <c r="L5519" s="6" t="s">
        <v>51</v>
      </c>
    </row>
    <row r="5520" spans="1:12">
      <c r="A5520" s="6" t="s">
        <v>49</v>
      </c>
      <c r="B5520" s="6"/>
      <c r="C5520" s="6" t="s">
        <v>5540</v>
      </c>
      <c r="D5520" s="6"/>
      <c r="E5520" s="6" t="s">
        <v>9</v>
      </c>
      <c r="F5520" s="7">
        <v>38657</v>
      </c>
      <c r="G5520" s="8">
        <v>1</v>
      </c>
      <c r="H5520" s="8">
        <v>1</v>
      </c>
      <c r="I5520" s="8">
        <v>0</v>
      </c>
      <c r="J5520" s="8">
        <v>1</v>
      </c>
      <c r="K5520" s="9">
        <v>85</v>
      </c>
      <c r="L5520" s="6" t="s">
        <v>51</v>
      </c>
    </row>
    <row r="5521" spans="1:12">
      <c r="A5521" s="6" t="s">
        <v>49</v>
      </c>
      <c r="B5521" s="6"/>
      <c r="C5521" s="6" t="s">
        <v>5541</v>
      </c>
      <c r="D5521" s="6"/>
      <c r="E5521" s="6" t="s">
        <v>9</v>
      </c>
      <c r="F5521" s="7">
        <v>38657</v>
      </c>
      <c r="G5521" s="8">
        <v>1</v>
      </c>
      <c r="H5521" s="8">
        <v>1</v>
      </c>
      <c r="I5521" s="8">
        <v>0</v>
      </c>
      <c r="J5521" s="8">
        <v>1</v>
      </c>
      <c r="K5521" s="9">
        <v>13</v>
      </c>
      <c r="L5521" s="6" t="s">
        <v>51</v>
      </c>
    </row>
    <row r="5522" spans="1:12">
      <c r="A5522" s="6" t="s">
        <v>49</v>
      </c>
      <c r="B5522" s="6"/>
      <c r="C5522" s="6" t="s">
        <v>5542</v>
      </c>
      <c r="D5522" s="6"/>
      <c r="E5522" s="6" t="s">
        <v>9</v>
      </c>
      <c r="F5522" s="7">
        <v>38657</v>
      </c>
      <c r="G5522" s="8">
        <v>1</v>
      </c>
      <c r="H5522" s="8">
        <v>1</v>
      </c>
      <c r="I5522" s="8">
        <v>0</v>
      </c>
      <c r="J5522" s="8">
        <v>1</v>
      </c>
      <c r="K5522" s="9">
        <v>796</v>
      </c>
      <c r="L5522" s="6" t="s">
        <v>51</v>
      </c>
    </row>
    <row r="5523" spans="1:12">
      <c r="A5523" s="6" t="s">
        <v>49</v>
      </c>
      <c r="B5523" s="6"/>
      <c r="C5523" s="6" t="s">
        <v>5543</v>
      </c>
      <c r="D5523" s="6"/>
      <c r="E5523" s="6" t="s">
        <v>9</v>
      </c>
      <c r="F5523" s="7">
        <v>38657</v>
      </c>
      <c r="G5523" s="8">
        <v>1</v>
      </c>
      <c r="H5523" s="8">
        <v>1</v>
      </c>
      <c r="I5523" s="8">
        <v>0</v>
      </c>
      <c r="J5523" s="8">
        <v>1</v>
      </c>
      <c r="K5523" s="9">
        <v>60</v>
      </c>
      <c r="L5523" s="6" t="s">
        <v>51</v>
      </c>
    </row>
    <row r="5524" spans="1:12">
      <c r="A5524" s="6" t="s">
        <v>49</v>
      </c>
      <c r="B5524" s="6"/>
      <c r="C5524" s="6" t="s">
        <v>5544</v>
      </c>
      <c r="D5524" s="6"/>
      <c r="E5524" s="6" t="s">
        <v>9</v>
      </c>
      <c r="F5524" s="7">
        <v>38657</v>
      </c>
      <c r="G5524" s="8">
        <v>1</v>
      </c>
      <c r="H5524" s="8">
        <v>1</v>
      </c>
      <c r="I5524" s="8">
        <v>0</v>
      </c>
      <c r="J5524" s="8">
        <v>1</v>
      </c>
      <c r="K5524" s="9">
        <v>19</v>
      </c>
      <c r="L5524" s="6" t="s">
        <v>51</v>
      </c>
    </row>
    <row r="5525" spans="1:12">
      <c r="A5525" s="6" t="s">
        <v>49</v>
      </c>
      <c r="B5525" s="6"/>
      <c r="C5525" s="6" t="s">
        <v>5545</v>
      </c>
      <c r="D5525" s="6"/>
      <c r="E5525" s="6" t="s">
        <v>9</v>
      </c>
      <c r="F5525" s="7">
        <v>38657</v>
      </c>
      <c r="G5525" s="8">
        <v>1</v>
      </c>
      <c r="H5525" s="8">
        <v>1</v>
      </c>
      <c r="I5525" s="8">
        <v>0</v>
      </c>
      <c r="J5525" s="8">
        <v>1</v>
      </c>
      <c r="K5525" s="9">
        <v>271</v>
      </c>
      <c r="L5525" s="6" t="s">
        <v>51</v>
      </c>
    </row>
    <row r="5526" spans="1:12">
      <c r="A5526" s="6" t="s">
        <v>49</v>
      </c>
      <c r="B5526" s="6"/>
      <c r="C5526" s="6" t="s">
        <v>5546</v>
      </c>
      <c r="D5526" s="6"/>
      <c r="E5526" s="6" t="s">
        <v>9</v>
      </c>
      <c r="F5526" s="7">
        <v>38657</v>
      </c>
      <c r="G5526" s="8">
        <v>1</v>
      </c>
      <c r="H5526" s="8">
        <v>1</v>
      </c>
      <c r="I5526" s="8">
        <v>0</v>
      </c>
      <c r="J5526" s="8">
        <v>1</v>
      </c>
      <c r="K5526" s="9">
        <v>158</v>
      </c>
      <c r="L5526" s="6" t="s">
        <v>51</v>
      </c>
    </row>
    <row r="5527" spans="1:12">
      <c r="A5527" s="6" t="s">
        <v>49</v>
      </c>
      <c r="B5527" s="6"/>
      <c r="C5527" s="6" t="s">
        <v>5547</v>
      </c>
      <c r="D5527" s="6"/>
      <c r="E5527" s="6" t="s">
        <v>9</v>
      </c>
      <c r="F5527" s="7">
        <v>38657</v>
      </c>
      <c r="G5527" s="8">
        <v>1</v>
      </c>
      <c r="H5527" s="8">
        <v>1</v>
      </c>
      <c r="I5527" s="8">
        <v>0</v>
      </c>
      <c r="J5527" s="8">
        <v>1</v>
      </c>
      <c r="K5527" s="9">
        <v>16</v>
      </c>
      <c r="L5527" s="6" t="s">
        <v>51</v>
      </c>
    </row>
    <row r="5528" spans="1:12">
      <c r="A5528" s="6" t="s">
        <v>49</v>
      </c>
      <c r="B5528" s="6"/>
      <c r="C5528" s="6" t="s">
        <v>5548</v>
      </c>
      <c r="D5528" s="6"/>
      <c r="E5528" s="6" t="s">
        <v>9</v>
      </c>
      <c r="F5528" s="7">
        <v>38657</v>
      </c>
      <c r="G5528" s="8">
        <v>1</v>
      </c>
      <c r="H5528" s="8">
        <v>1</v>
      </c>
      <c r="I5528" s="8">
        <v>0</v>
      </c>
      <c r="J5528" s="8">
        <v>1</v>
      </c>
      <c r="K5528" s="9">
        <v>26</v>
      </c>
      <c r="L5528" s="6" t="s">
        <v>51</v>
      </c>
    </row>
    <row r="5529" spans="1:12">
      <c r="A5529" s="6" t="s">
        <v>49</v>
      </c>
      <c r="B5529" s="6"/>
      <c r="C5529" s="6" t="s">
        <v>5549</v>
      </c>
      <c r="D5529" s="6"/>
      <c r="E5529" s="6" t="s">
        <v>9</v>
      </c>
      <c r="F5529" s="7">
        <v>38657</v>
      </c>
      <c r="G5529" s="8">
        <v>1</v>
      </c>
      <c r="H5529" s="8">
        <v>1</v>
      </c>
      <c r="I5529" s="8">
        <v>0</v>
      </c>
      <c r="J5529" s="8">
        <v>1</v>
      </c>
      <c r="K5529" s="9">
        <v>75</v>
      </c>
      <c r="L5529" s="6" t="s">
        <v>51</v>
      </c>
    </row>
    <row r="5530" spans="1:12">
      <c r="A5530" s="6" t="s">
        <v>49</v>
      </c>
      <c r="B5530" s="6"/>
      <c r="C5530" s="6" t="s">
        <v>5550</v>
      </c>
      <c r="D5530" s="6"/>
      <c r="E5530" s="6" t="s">
        <v>9</v>
      </c>
      <c r="F5530" s="7">
        <v>38657</v>
      </c>
      <c r="G5530" s="8">
        <v>1</v>
      </c>
      <c r="H5530" s="8">
        <v>1</v>
      </c>
      <c r="I5530" s="8">
        <v>0</v>
      </c>
      <c r="J5530" s="8">
        <v>1</v>
      </c>
      <c r="K5530" s="9">
        <v>2.2200000000000002</v>
      </c>
      <c r="L5530" s="6" t="s">
        <v>51</v>
      </c>
    </row>
    <row r="5531" spans="1:12">
      <c r="A5531" s="6" t="s">
        <v>49</v>
      </c>
      <c r="B5531" s="6"/>
      <c r="C5531" s="6" t="s">
        <v>5551</v>
      </c>
      <c r="D5531" s="6"/>
      <c r="E5531" s="6" t="s">
        <v>9</v>
      </c>
      <c r="F5531" s="7">
        <v>38657</v>
      </c>
      <c r="G5531" s="8">
        <v>1</v>
      </c>
      <c r="H5531" s="8">
        <v>1</v>
      </c>
      <c r="I5531" s="8">
        <v>0</v>
      </c>
      <c r="J5531" s="8">
        <v>1</v>
      </c>
      <c r="K5531" s="9">
        <v>82</v>
      </c>
      <c r="L5531" s="6" t="s">
        <v>51</v>
      </c>
    </row>
    <row r="5532" spans="1:12">
      <c r="A5532" s="6" t="s">
        <v>49</v>
      </c>
      <c r="B5532" s="6"/>
      <c r="C5532" s="6" t="s">
        <v>5552</v>
      </c>
      <c r="D5532" s="6"/>
      <c r="E5532" s="6" t="s">
        <v>9</v>
      </c>
      <c r="F5532" s="7">
        <v>38657</v>
      </c>
      <c r="G5532" s="8">
        <v>1</v>
      </c>
      <c r="H5532" s="8">
        <v>1</v>
      </c>
      <c r="I5532" s="8">
        <v>0</v>
      </c>
      <c r="J5532" s="8">
        <v>1</v>
      </c>
      <c r="K5532" s="9">
        <v>0.61</v>
      </c>
      <c r="L5532" s="6" t="s">
        <v>51</v>
      </c>
    </row>
    <row r="5533" spans="1:12">
      <c r="A5533" s="6" t="s">
        <v>49</v>
      </c>
      <c r="B5533" s="6"/>
      <c r="C5533" s="6" t="s">
        <v>5553</v>
      </c>
      <c r="D5533" s="6"/>
      <c r="E5533" s="6" t="s">
        <v>9</v>
      </c>
      <c r="F5533" s="7">
        <v>38657</v>
      </c>
      <c r="G5533" s="8">
        <v>1</v>
      </c>
      <c r="H5533" s="8">
        <v>1</v>
      </c>
      <c r="I5533" s="8">
        <v>0</v>
      </c>
      <c r="J5533" s="8">
        <v>1</v>
      </c>
      <c r="K5533" s="9">
        <v>185</v>
      </c>
      <c r="L5533" s="6" t="s">
        <v>51</v>
      </c>
    </row>
    <row r="5534" spans="1:12">
      <c r="A5534" s="6" t="s">
        <v>49</v>
      </c>
      <c r="B5534" s="6"/>
      <c r="C5534" s="6" t="s">
        <v>5554</v>
      </c>
      <c r="D5534" s="6"/>
      <c r="E5534" s="6" t="s">
        <v>9</v>
      </c>
      <c r="F5534" s="7">
        <v>38657</v>
      </c>
      <c r="G5534" s="8">
        <v>1</v>
      </c>
      <c r="H5534" s="8">
        <v>1</v>
      </c>
      <c r="I5534" s="8">
        <v>0</v>
      </c>
      <c r="J5534" s="8">
        <v>1</v>
      </c>
      <c r="K5534" s="9">
        <v>414</v>
      </c>
      <c r="L5534" s="6" t="s">
        <v>51</v>
      </c>
    </row>
    <row r="5535" spans="1:12">
      <c r="A5535" s="6" t="s">
        <v>49</v>
      </c>
      <c r="B5535" s="6"/>
      <c r="C5535" s="6" t="s">
        <v>5555</v>
      </c>
      <c r="D5535" s="6"/>
      <c r="E5535" s="6" t="s">
        <v>9</v>
      </c>
      <c r="F5535" s="7">
        <v>38657</v>
      </c>
      <c r="G5535" s="8">
        <v>1</v>
      </c>
      <c r="H5535" s="8">
        <v>1</v>
      </c>
      <c r="I5535" s="8">
        <v>0</v>
      </c>
      <c r="J5535" s="8">
        <v>1</v>
      </c>
      <c r="K5535" s="9">
        <v>0.03</v>
      </c>
      <c r="L5535" s="6" t="s">
        <v>51</v>
      </c>
    </row>
    <row r="5536" spans="1:12">
      <c r="A5536" s="6" t="s">
        <v>49</v>
      </c>
      <c r="B5536" s="6"/>
      <c r="C5536" s="6" t="s">
        <v>5556</v>
      </c>
      <c r="D5536" s="6"/>
      <c r="E5536" s="6" t="s">
        <v>9</v>
      </c>
      <c r="F5536" s="7">
        <v>38657</v>
      </c>
      <c r="G5536" s="8">
        <v>1</v>
      </c>
      <c r="H5536" s="8">
        <v>1</v>
      </c>
      <c r="I5536" s="8">
        <v>0</v>
      </c>
      <c r="J5536" s="8">
        <v>1</v>
      </c>
      <c r="K5536" s="9">
        <v>96</v>
      </c>
      <c r="L5536" s="6" t="s">
        <v>51</v>
      </c>
    </row>
    <row r="5537" spans="1:12">
      <c r="A5537" s="6" t="s">
        <v>49</v>
      </c>
      <c r="B5537" s="6"/>
      <c r="C5537" s="6" t="s">
        <v>5557</v>
      </c>
      <c r="D5537" s="6"/>
      <c r="E5537" s="6" t="s">
        <v>9</v>
      </c>
      <c r="F5537" s="7">
        <v>38657</v>
      </c>
      <c r="G5537" s="8">
        <v>1</v>
      </c>
      <c r="H5537" s="8">
        <v>1</v>
      </c>
      <c r="I5537" s="8">
        <v>0</v>
      </c>
      <c r="J5537" s="8">
        <v>1</v>
      </c>
      <c r="K5537" s="9">
        <v>92</v>
      </c>
      <c r="L5537" s="6" t="s">
        <v>51</v>
      </c>
    </row>
    <row r="5538" spans="1:12">
      <c r="A5538" s="6" t="s">
        <v>49</v>
      </c>
      <c r="B5538" s="6"/>
      <c r="C5538" s="6" t="s">
        <v>5558</v>
      </c>
      <c r="D5538" s="6"/>
      <c r="E5538" s="6" t="s">
        <v>9</v>
      </c>
      <c r="F5538" s="7">
        <v>38657</v>
      </c>
      <c r="G5538" s="8">
        <v>1</v>
      </c>
      <c r="H5538" s="8">
        <v>1</v>
      </c>
      <c r="I5538" s="8">
        <v>0</v>
      </c>
      <c r="J5538" s="8">
        <v>1</v>
      </c>
      <c r="K5538" s="9">
        <v>1067</v>
      </c>
      <c r="L5538" s="6" t="s">
        <v>51</v>
      </c>
    </row>
    <row r="5539" spans="1:12">
      <c r="A5539" s="6" t="s">
        <v>49</v>
      </c>
      <c r="B5539" s="6"/>
      <c r="C5539" s="6" t="s">
        <v>5559</v>
      </c>
      <c r="D5539" s="6"/>
      <c r="E5539" s="6" t="s">
        <v>9</v>
      </c>
      <c r="F5539" s="7">
        <v>38657</v>
      </c>
      <c r="G5539" s="8">
        <v>1</v>
      </c>
      <c r="H5539" s="8">
        <v>1</v>
      </c>
      <c r="I5539" s="8">
        <v>0</v>
      </c>
      <c r="J5539" s="8">
        <v>1</v>
      </c>
      <c r="K5539" s="9">
        <v>17.32</v>
      </c>
      <c r="L5539" s="6" t="s">
        <v>51</v>
      </c>
    </row>
    <row r="5540" spans="1:12">
      <c r="A5540" s="6" t="s">
        <v>49</v>
      </c>
      <c r="B5540" s="6"/>
      <c r="C5540" s="6" t="s">
        <v>5560</v>
      </c>
      <c r="D5540" s="6"/>
      <c r="E5540" s="6" t="s">
        <v>9</v>
      </c>
      <c r="F5540" s="7">
        <v>38657</v>
      </c>
      <c r="G5540" s="8">
        <v>1</v>
      </c>
      <c r="H5540" s="8">
        <v>1</v>
      </c>
      <c r="I5540" s="8">
        <v>0</v>
      </c>
      <c r="J5540" s="8">
        <v>1</v>
      </c>
      <c r="K5540" s="9">
        <v>60</v>
      </c>
      <c r="L5540" s="6" t="s">
        <v>51</v>
      </c>
    </row>
    <row r="5541" spans="1:12">
      <c r="A5541" s="6" t="s">
        <v>49</v>
      </c>
      <c r="B5541" s="6"/>
      <c r="C5541" s="6" t="s">
        <v>5561</v>
      </c>
      <c r="D5541" s="6"/>
      <c r="E5541" s="6" t="s">
        <v>9</v>
      </c>
      <c r="F5541" s="7"/>
      <c r="G5541" s="8">
        <v>1</v>
      </c>
      <c r="H5541" s="8">
        <v>1</v>
      </c>
      <c r="I5541" s="8">
        <v>0</v>
      </c>
      <c r="J5541" s="8">
        <v>1</v>
      </c>
      <c r="K5541" s="9">
        <v>251</v>
      </c>
      <c r="L5541" s="6" t="s">
        <v>51</v>
      </c>
    </row>
    <row r="5542" spans="1:12">
      <c r="A5542" s="6" t="s">
        <v>49</v>
      </c>
      <c r="B5542" s="6"/>
      <c r="C5542" s="6" t="s">
        <v>5562</v>
      </c>
      <c r="D5542" s="6"/>
      <c r="E5542" s="6" t="s">
        <v>9</v>
      </c>
      <c r="F5542" s="7">
        <v>38657</v>
      </c>
      <c r="G5542" s="8">
        <v>1</v>
      </c>
      <c r="H5542" s="8">
        <v>1</v>
      </c>
      <c r="I5542" s="8">
        <v>0</v>
      </c>
      <c r="J5542" s="8">
        <v>1</v>
      </c>
      <c r="K5542" s="9">
        <v>85</v>
      </c>
      <c r="L5542" s="6" t="s">
        <v>51</v>
      </c>
    </row>
    <row r="5543" spans="1:12">
      <c r="A5543" s="6" t="s">
        <v>49</v>
      </c>
      <c r="B5543" s="6"/>
      <c r="C5543" s="6" t="s">
        <v>5563</v>
      </c>
      <c r="D5543" s="6"/>
      <c r="E5543" s="6" t="s">
        <v>9</v>
      </c>
      <c r="F5543" s="7">
        <v>38657</v>
      </c>
      <c r="G5543" s="8">
        <v>1</v>
      </c>
      <c r="H5543" s="8">
        <v>1</v>
      </c>
      <c r="I5543" s="8">
        <v>0</v>
      </c>
      <c r="J5543" s="8">
        <v>1</v>
      </c>
      <c r="K5543" s="9">
        <v>16</v>
      </c>
      <c r="L5543" s="6" t="s">
        <v>51</v>
      </c>
    </row>
    <row r="5544" spans="1:12">
      <c r="A5544" s="6" t="s">
        <v>49</v>
      </c>
      <c r="B5544" s="6"/>
      <c r="C5544" s="6" t="s">
        <v>5564</v>
      </c>
      <c r="D5544" s="6"/>
      <c r="E5544" s="6" t="s">
        <v>9</v>
      </c>
      <c r="F5544" s="7"/>
      <c r="G5544" s="8">
        <v>1</v>
      </c>
      <c r="H5544" s="8">
        <v>1</v>
      </c>
      <c r="I5544" s="8">
        <v>0</v>
      </c>
      <c r="J5544" s="8">
        <v>1</v>
      </c>
      <c r="K5544" s="9">
        <v>38</v>
      </c>
      <c r="L5544" s="6" t="s">
        <v>51</v>
      </c>
    </row>
    <row r="5545" spans="1:12">
      <c r="A5545" s="6" t="s">
        <v>49</v>
      </c>
      <c r="B5545" s="6"/>
      <c r="C5545" s="6" t="s">
        <v>5565</v>
      </c>
      <c r="D5545" s="6"/>
      <c r="E5545" s="6" t="s">
        <v>9</v>
      </c>
      <c r="F5545" s="7">
        <v>41144</v>
      </c>
      <c r="G5545" s="8">
        <v>1</v>
      </c>
      <c r="H5545" s="8">
        <v>1</v>
      </c>
      <c r="I5545" s="8">
        <v>0</v>
      </c>
      <c r="J5545" s="8">
        <v>1</v>
      </c>
      <c r="K5545" s="9">
        <v>39</v>
      </c>
      <c r="L5545" s="6" t="s">
        <v>51</v>
      </c>
    </row>
    <row r="5546" spans="1:12">
      <c r="A5546" s="6" t="s">
        <v>49</v>
      </c>
      <c r="B5546" s="6"/>
      <c r="C5546" s="6" t="s">
        <v>5566</v>
      </c>
      <c r="D5546" s="6"/>
      <c r="E5546" s="6" t="s">
        <v>9</v>
      </c>
      <c r="F5546" s="7">
        <v>38657</v>
      </c>
      <c r="G5546" s="8">
        <v>1</v>
      </c>
      <c r="H5546" s="8">
        <v>1</v>
      </c>
      <c r="I5546" s="8">
        <v>0</v>
      </c>
      <c r="J5546" s="8">
        <v>1</v>
      </c>
      <c r="K5546" s="9">
        <v>122</v>
      </c>
      <c r="L5546" s="6" t="s">
        <v>51</v>
      </c>
    </row>
    <row r="5547" spans="1:12">
      <c r="A5547" s="6" t="s">
        <v>49</v>
      </c>
      <c r="B5547" s="6"/>
      <c r="C5547" s="6" t="s">
        <v>5567</v>
      </c>
      <c r="D5547" s="6"/>
      <c r="E5547" s="6" t="s">
        <v>9</v>
      </c>
      <c r="F5547" s="7">
        <v>41068</v>
      </c>
      <c r="G5547" s="8">
        <v>1</v>
      </c>
      <c r="H5547" s="8">
        <v>1</v>
      </c>
      <c r="I5547" s="8">
        <v>0</v>
      </c>
      <c r="J5547" s="8">
        <v>1</v>
      </c>
      <c r="K5547" s="9">
        <v>155</v>
      </c>
      <c r="L5547" s="6" t="s">
        <v>51</v>
      </c>
    </row>
    <row r="5548" spans="1:12">
      <c r="A5548" s="6" t="s">
        <v>49</v>
      </c>
      <c r="B5548" s="6"/>
      <c r="C5548" s="6" t="s">
        <v>5568</v>
      </c>
      <c r="D5548" s="6"/>
      <c r="E5548" s="6" t="s">
        <v>9</v>
      </c>
      <c r="F5548" s="7">
        <v>41144</v>
      </c>
      <c r="G5548" s="8">
        <v>1</v>
      </c>
      <c r="H5548" s="8">
        <v>1</v>
      </c>
      <c r="I5548" s="8">
        <v>0</v>
      </c>
      <c r="J5548" s="8">
        <v>1</v>
      </c>
      <c r="K5548" s="9">
        <v>218</v>
      </c>
      <c r="L5548" s="6" t="s">
        <v>51</v>
      </c>
    </row>
    <row r="5549" spans="1:12">
      <c r="A5549" s="6" t="s">
        <v>49</v>
      </c>
      <c r="B5549" s="6"/>
      <c r="C5549" s="6" t="s">
        <v>5569</v>
      </c>
      <c r="D5549" s="6"/>
      <c r="E5549" s="6" t="s">
        <v>9</v>
      </c>
      <c r="F5549" s="7">
        <v>38657</v>
      </c>
      <c r="G5549" s="8">
        <v>1</v>
      </c>
      <c r="H5549" s="8">
        <v>1</v>
      </c>
      <c r="I5549" s="8">
        <v>0</v>
      </c>
      <c r="J5549" s="8">
        <v>1</v>
      </c>
      <c r="K5549" s="9">
        <v>516</v>
      </c>
      <c r="L5549" s="6" t="s">
        <v>51</v>
      </c>
    </row>
    <row r="5550" spans="1:12">
      <c r="A5550" s="6" t="s">
        <v>49</v>
      </c>
      <c r="B5550" s="6"/>
      <c r="C5550" s="6" t="s">
        <v>5570</v>
      </c>
      <c r="D5550" s="6"/>
      <c r="E5550" s="6" t="s">
        <v>9</v>
      </c>
      <c r="F5550" s="7">
        <v>30251</v>
      </c>
      <c r="G5550" s="8">
        <v>1</v>
      </c>
      <c r="H5550" s="8">
        <v>1</v>
      </c>
      <c r="I5550" s="8">
        <v>0</v>
      </c>
      <c r="J5550" s="8">
        <v>1</v>
      </c>
      <c r="K5550" s="9">
        <v>26</v>
      </c>
      <c r="L5550" s="6" t="s">
        <v>51</v>
      </c>
    </row>
    <row r="5551" spans="1:12">
      <c r="A5551" s="6" t="s">
        <v>49</v>
      </c>
      <c r="B5551" s="6"/>
      <c r="C5551" s="6" t="s">
        <v>5571</v>
      </c>
      <c r="D5551" s="6"/>
      <c r="E5551" s="6" t="s">
        <v>9</v>
      </c>
      <c r="F5551" s="7"/>
      <c r="G5551" s="8">
        <v>1</v>
      </c>
      <c r="H5551" s="8">
        <v>1</v>
      </c>
      <c r="I5551" s="8">
        <v>0</v>
      </c>
      <c r="J5551" s="8">
        <v>1</v>
      </c>
      <c r="K5551" s="9">
        <v>124</v>
      </c>
      <c r="L5551" s="6" t="s">
        <v>51</v>
      </c>
    </row>
    <row r="5552" spans="1:12">
      <c r="A5552" s="6" t="s">
        <v>49</v>
      </c>
      <c r="B5552" s="6"/>
      <c r="C5552" s="6" t="s">
        <v>5572</v>
      </c>
      <c r="D5552" s="6"/>
      <c r="E5552" s="6" t="s">
        <v>9</v>
      </c>
      <c r="F5552" s="7">
        <v>30251</v>
      </c>
      <c r="G5552" s="8">
        <v>1</v>
      </c>
      <c r="H5552" s="8">
        <v>1</v>
      </c>
      <c r="I5552" s="8">
        <v>0</v>
      </c>
      <c r="J5552" s="8">
        <v>1</v>
      </c>
      <c r="K5552" s="9">
        <v>16</v>
      </c>
      <c r="L5552" s="6" t="s">
        <v>51</v>
      </c>
    </row>
    <row r="5553" spans="1:12">
      <c r="A5553" s="6" t="s">
        <v>49</v>
      </c>
      <c r="B5553" s="6"/>
      <c r="C5553" s="6" t="s">
        <v>5573</v>
      </c>
      <c r="D5553" s="6"/>
      <c r="E5553" s="6" t="s">
        <v>9</v>
      </c>
      <c r="F5553" s="7"/>
      <c r="G5553" s="8">
        <v>1</v>
      </c>
      <c r="H5553" s="8">
        <v>1</v>
      </c>
      <c r="I5553" s="8">
        <v>0</v>
      </c>
      <c r="J5553" s="8">
        <v>1</v>
      </c>
      <c r="K5553" s="9">
        <v>1.73</v>
      </c>
      <c r="L5553" s="6" t="s">
        <v>51</v>
      </c>
    </row>
    <row r="5554" spans="1:12">
      <c r="A5554" s="6" t="s">
        <v>49</v>
      </c>
      <c r="B5554" s="6"/>
      <c r="C5554" s="6" t="s">
        <v>5574</v>
      </c>
      <c r="D5554" s="6"/>
      <c r="E5554" s="6" t="s">
        <v>9</v>
      </c>
      <c r="F5554" s="7">
        <v>30251</v>
      </c>
      <c r="G5554" s="8">
        <v>1</v>
      </c>
      <c r="H5554" s="8">
        <v>1</v>
      </c>
      <c r="I5554" s="8">
        <v>0</v>
      </c>
      <c r="J5554" s="8">
        <v>1</v>
      </c>
      <c r="K5554" s="9">
        <v>125</v>
      </c>
      <c r="L5554" s="6" t="s">
        <v>51</v>
      </c>
    </row>
    <row r="5555" spans="1:12">
      <c r="A5555" s="6" t="s">
        <v>49</v>
      </c>
      <c r="B5555" s="6"/>
      <c r="C5555" s="6" t="s">
        <v>5575</v>
      </c>
      <c r="D5555" s="6"/>
      <c r="E5555" s="6" t="s">
        <v>9</v>
      </c>
      <c r="F5555" s="7"/>
      <c r="G5555" s="8">
        <v>1</v>
      </c>
      <c r="H5555" s="8">
        <v>1</v>
      </c>
      <c r="I5555" s="8">
        <v>0</v>
      </c>
      <c r="J5555" s="8">
        <v>1</v>
      </c>
      <c r="K5555" s="9">
        <v>82</v>
      </c>
      <c r="L5555" s="6" t="s">
        <v>51</v>
      </c>
    </row>
    <row r="5556" spans="1:12">
      <c r="A5556" s="6" t="s">
        <v>49</v>
      </c>
      <c r="B5556" s="6"/>
      <c r="C5556" s="6" t="s">
        <v>5576</v>
      </c>
      <c r="D5556" s="6"/>
      <c r="E5556" s="6" t="s">
        <v>9</v>
      </c>
      <c r="F5556" s="7">
        <v>30251</v>
      </c>
      <c r="G5556" s="8">
        <v>1</v>
      </c>
      <c r="H5556" s="8">
        <v>1</v>
      </c>
      <c r="I5556" s="8">
        <v>0</v>
      </c>
      <c r="J5556" s="8">
        <v>1</v>
      </c>
      <c r="K5556" s="9">
        <v>105</v>
      </c>
      <c r="L5556" s="6" t="s">
        <v>51</v>
      </c>
    </row>
    <row r="5557" spans="1:12">
      <c r="A5557" s="6" t="s">
        <v>49</v>
      </c>
      <c r="B5557" s="6"/>
      <c r="C5557" s="6" t="s">
        <v>5577</v>
      </c>
      <c r="D5557" s="6"/>
      <c r="E5557" s="6" t="s">
        <v>9</v>
      </c>
      <c r="F5557" s="7">
        <v>30251</v>
      </c>
      <c r="G5557" s="8">
        <v>1</v>
      </c>
      <c r="H5557" s="8">
        <v>1</v>
      </c>
      <c r="I5557" s="8">
        <v>0</v>
      </c>
      <c r="J5557" s="8">
        <v>1</v>
      </c>
      <c r="K5557" s="9">
        <v>13</v>
      </c>
      <c r="L5557" s="6" t="s">
        <v>51</v>
      </c>
    </row>
    <row r="5558" spans="1:12">
      <c r="A5558" s="6" t="s">
        <v>49</v>
      </c>
      <c r="B5558" s="6"/>
      <c r="C5558" s="6" t="s">
        <v>5578</v>
      </c>
      <c r="D5558" s="6"/>
      <c r="E5558" s="6" t="s">
        <v>9</v>
      </c>
      <c r="F5558" s="7"/>
      <c r="G5558" s="8">
        <v>1</v>
      </c>
      <c r="H5558" s="8">
        <v>1</v>
      </c>
      <c r="I5558" s="8">
        <v>0</v>
      </c>
      <c r="J5558" s="8">
        <v>1</v>
      </c>
      <c r="K5558" s="9">
        <v>412</v>
      </c>
      <c r="L5558" s="6" t="s">
        <v>51</v>
      </c>
    </row>
    <row r="5559" spans="1:12">
      <c r="A5559" s="6" t="s">
        <v>49</v>
      </c>
      <c r="B5559" s="6"/>
      <c r="C5559" s="6" t="s">
        <v>5579</v>
      </c>
      <c r="D5559" s="6"/>
      <c r="E5559" s="6" t="s">
        <v>9</v>
      </c>
      <c r="F5559" s="7">
        <v>38657</v>
      </c>
      <c r="G5559" s="8">
        <v>1</v>
      </c>
      <c r="H5559" s="8">
        <v>1</v>
      </c>
      <c r="I5559" s="8">
        <v>0</v>
      </c>
      <c r="J5559" s="8">
        <v>1</v>
      </c>
      <c r="K5559" s="9">
        <v>588</v>
      </c>
      <c r="L5559" s="6" t="s">
        <v>51</v>
      </c>
    </row>
    <row r="5560" spans="1:12">
      <c r="A5560" s="6" t="s">
        <v>49</v>
      </c>
      <c r="B5560" s="6"/>
      <c r="C5560" s="6" t="s">
        <v>5580</v>
      </c>
      <c r="D5560" s="6"/>
      <c r="E5560" s="6" t="s">
        <v>9</v>
      </c>
      <c r="F5560" s="7">
        <v>38657</v>
      </c>
      <c r="G5560" s="8">
        <v>1</v>
      </c>
      <c r="H5560" s="8">
        <v>1</v>
      </c>
      <c r="I5560" s="8">
        <v>0</v>
      </c>
      <c r="J5560" s="8">
        <v>1</v>
      </c>
      <c r="K5560" s="9">
        <v>102</v>
      </c>
      <c r="L5560" s="6" t="s">
        <v>51</v>
      </c>
    </row>
    <row r="5561" spans="1:12">
      <c r="A5561" s="6" t="s">
        <v>49</v>
      </c>
      <c r="B5561" s="6"/>
      <c r="C5561" s="6" t="s">
        <v>5581</v>
      </c>
      <c r="D5561" s="6"/>
      <c r="E5561" s="6" t="s">
        <v>9</v>
      </c>
      <c r="F5561" s="7">
        <v>38657</v>
      </c>
      <c r="G5561" s="8">
        <v>1</v>
      </c>
      <c r="H5561" s="8">
        <v>1</v>
      </c>
      <c r="I5561" s="8">
        <v>0</v>
      </c>
      <c r="J5561" s="8">
        <v>1</v>
      </c>
      <c r="K5561" s="9">
        <v>397</v>
      </c>
      <c r="L5561" s="6" t="s">
        <v>51</v>
      </c>
    </row>
    <row r="5562" spans="1:12">
      <c r="A5562" s="6" t="s">
        <v>49</v>
      </c>
      <c r="B5562" s="6"/>
      <c r="C5562" s="6" t="s">
        <v>5582</v>
      </c>
      <c r="D5562" s="6"/>
      <c r="E5562" s="6" t="s">
        <v>9</v>
      </c>
      <c r="F5562" s="7">
        <v>38657</v>
      </c>
      <c r="G5562" s="8">
        <v>1</v>
      </c>
      <c r="H5562" s="8">
        <v>1</v>
      </c>
      <c r="I5562" s="8">
        <v>0</v>
      </c>
      <c r="J5562" s="8">
        <v>1</v>
      </c>
      <c r="K5562" s="9">
        <v>236</v>
      </c>
      <c r="L5562" s="6" t="s">
        <v>51</v>
      </c>
    </row>
    <row r="5563" spans="1:12">
      <c r="A5563" s="6" t="s">
        <v>49</v>
      </c>
      <c r="B5563" s="6"/>
      <c r="C5563" s="6" t="s">
        <v>5583</v>
      </c>
      <c r="D5563" s="6"/>
      <c r="E5563" s="6" t="s">
        <v>9</v>
      </c>
      <c r="F5563" s="7">
        <v>38657</v>
      </c>
      <c r="G5563" s="8">
        <v>1</v>
      </c>
      <c r="H5563" s="8">
        <v>1</v>
      </c>
      <c r="I5563" s="8">
        <v>0</v>
      </c>
      <c r="J5563" s="8">
        <v>1</v>
      </c>
      <c r="K5563" s="9">
        <v>29</v>
      </c>
      <c r="L5563" s="6" t="s">
        <v>51</v>
      </c>
    </row>
    <row r="5564" spans="1:12">
      <c r="A5564" s="6" t="s">
        <v>49</v>
      </c>
      <c r="B5564" s="6"/>
      <c r="C5564" s="6" t="s">
        <v>5584</v>
      </c>
      <c r="D5564" s="6"/>
      <c r="E5564" s="6" t="s">
        <v>9</v>
      </c>
      <c r="F5564" s="7">
        <v>38657</v>
      </c>
      <c r="G5564" s="8">
        <v>1</v>
      </c>
      <c r="H5564" s="8">
        <v>1</v>
      </c>
      <c r="I5564" s="8">
        <v>0</v>
      </c>
      <c r="J5564" s="8">
        <v>1</v>
      </c>
      <c r="K5564" s="9">
        <v>366</v>
      </c>
      <c r="L5564" s="6" t="s">
        <v>51</v>
      </c>
    </row>
    <row r="5565" spans="1:12">
      <c r="A5565" s="6" t="s">
        <v>49</v>
      </c>
      <c r="B5565" s="6"/>
      <c r="C5565" s="6" t="s">
        <v>5585</v>
      </c>
      <c r="D5565" s="6"/>
      <c r="E5565" s="6" t="s">
        <v>9</v>
      </c>
      <c r="F5565" s="7">
        <v>40145</v>
      </c>
      <c r="G5565" s="8">
        <v>1</v>
      </c>
      <c r="H5565" s="8">
        <v>1</v>
      </c>
      <c r="I5565" s="8">
        <v>0</v>
      </c>
      <c r="J5565" s="8">
        <v>1</v>
      </c>
      <c r="K5565" s="9">
        <v>43</v>
      </c>
      <c r="L5565" s="6" t="s">
        <v>4151</v>
      </c>
    </row>
    <row r="5566" spans="1:12">
      <c r="A5566" s="6" t="s">
        <v>49</v>
      </c>
      <c r="B5566" s="6"/>
      <c r="C5566" s="6" t="s">
        <v>5586</v>
      </c>
      <c r="D5566" s="6"/>
      <c r="E5566" s="6" t="s">
        <v>9</v>
      </c>
      <c r="F5566" s="7">
        <v>38657</v>
      </c>
      <c r="G5566" s="8">
        <v>1</v>
      </c>
      <c r="H5566" s="8">
        <v>1</v>
      </c>
      <c r="I5566" s="8">
        <v>0</v>
      </c>
      <c r="J5566" s="8">
        <v>1</v>
      </c>
      <c r="K5566" s="9">
        <v>136</v>
      </c>
      <c r="L5566" s="6" t="s">
        <v>51</v>
      </c>
    </row>
    <row r="5567" spans="1:12">
      <c r="A5567" s="6" t="s">
        <v>49</v>
      </c>
      <c r="B5567" s="6"/>
      <c r="C5567" s="6" t="s">
        <v>5587</v>
      </c>
      <c r="D5567" s="6"/>
      <c r="E5567" s="6" t="s">
        <v>9</v>
      </c>
      <c r="F5567" s="7">
        <v>40499</v>
      </c>
      <c r="G5567" s="8">
        <v>1</v>
      </c>
      <c r="H5567" s="8">
        <v>1</v>
      </c>
      <c r="I5567" s="8">
        <v>0</v>
      </c>
      <c r="J5567" s="8">
        <v>1</v>
      </c>
      <c r="K5567" s="9">
        <v>5.37</v>
      </c>
      <c r="L5567" s="6" t="s">
        <v>51</v>
      </c>
    </row>
    <row r="5568" spans="1:12">
      <c r="A5568" s="6" t="s">
        <v>49</v>
      </c>
      <c r="B5568" s="6"/>
      <c r="C5568" s="6" t="s">
        <v>5588</v>
      </c>
      <c r="D5568" s="6"/>
      <c r="E5568" s="6" t="s">
        <v>9</v>
      </c>
      <c r="F5568" s="7">
        <v>38657</v>
      </c>
      <c r="G5568" s="8">
        <v>1</v>
      </c>
      <c r="H5568" s="8">
        <v>1</v>
      </c>
      <c r="I5568" s="8">
        <v>0</v>
      </c>
      <c r="J5568" s="8">
        <v>1</v>
      </c>
      <c r="K5568" s="9">
        <v>620</v>
      </c>
      <c r="L5568" s="6" t="s">
        <v>51</v>
      </c>
    </row>
    <row r="5569" spans="1:12">
      <c r="A5569" s="6" t="s">
        <v>49</v>
      </c>
      <c r="B5569" s="6"/>
      <c r="C5569" s="6" t="s">
        <v>5589</v>
      </c>
      <c r="D5569" s="6"/>
      <c r="E5569" s="6" t="s">
        <v>9</v>
      </c>
      <c r="F5569" s="7">
        <v>38657</v>
      </c>
      <c r="G5569" s="8">
        <v>1</v>
      </c>
      <c r="H5569" s="8">
        <v>1</v>
      </c>
      <c r="I5569" s="8">
        <v>0</v>
      </c>
      <c r="J5569" s="8">
        <v>1</v>
      </c>
      <c r="K5569" s="9">
        <v>470</v>
      </c>
      <c r="L5569" s="6" t="s">
        <v>51</v>
      </c>
    </row>
    <row r="5570" spans="1:12">
      <c r="A5570" s="6" t="s">
        <v>49</v>
      </c>
      <c r="B5570" s="6"/>
      <c r="C5570" s="6" t="s">
        <v>5590</v>
      </c>
      <c r="D5570" s="6"/>
      <c r="E5570" s="6" t="s">
        <v>9</v>
      </c>
      <c r="F5570" s="7">
        <v>38657</v>
      </c>
      <c r="G5570" s="8">
        <v>1</v>
      </c>
      <c r="H5570" s="8">
        <v>1</v>
      </c>
      <c r="I5570" s="8">
        <v>0</v>
      </c>
      <c r="J5570" s="8">
        <v>1</v>
      </c>
      <c r="K5570" s="9">
        <v>9.3000000000000007</v>
      </c>
      <c r="L5570" s="6" t="s">
        <v>51</v>
      </c>
    </row>
    <row r="5571" spans="1:12">
      <c r="A5571" s="6" t="s">
        <v>49</v>
      </c>
      <c r="B5571" s="6"/>
      <c r="C5571" s="6" t="s">
        <v>5591</v>
      </c>
      <c r="D5571" s="6"/>
      <c r="E5571" s="6" t="s">
        <v>9</v>
      </c>
      <c r="F5571" s="7">
        <v>38657</v>
      </c>
      <c r="G5571" s="8">
        <v>1</v>
      </c>
      <c r="H5571" s="8">
        <v>1</v>
      </c>
      <c r="I5571" s="8">
        <v>0</v>
      </c>
      <c r="J5571" s="8">
        <v>1</v>
      </c>
      <c r="K5571" s="9">
        <v>105</v>
      </c>
      <c r="L5571" s="6" t="s">
        <v>51</v>
      </c>
    </row>
    <row r="5572" spans="1:12">
      <c r="A5572" s="6" t="s">
        <v>49</v>
      </c>
      <c r="B5572" s="6"/>
      <c r="C5572" s="6" t="s">
        <v>5592</v>
      </c>
      <c r="D5572" s="6"/>
      <c r="E5572" s="6" t="s">
        <v>9</v>
      </c>
      <c r="F5572" s="7">
        <v>38657</v>
      </c>
      <c r="G5572" s="8">
        <v>1</v>
      </c>
      <c r="H5572" s="8">
        <v>1</v>
      </c>
      <c r="I5572" s="8">
        <v>0</v>
      </c>
      <c r="J5572" s="8">
        <v>1</v>
      </c>
      <c r="K5572" s="9">
        <v>346.23</v>
      </c>
      <c r="L5572" s="6" t="s">
        <v>51</v>
      </c>
    </row>
    <row r="5573" spans="1:12">
      <c r="A5573" s="6" t="s">
        <v>49</v>
      </c>
      <c r="B5573" s="6"/>
      <c r="C5573" s="6" t="s">
        <v>5593</v>
      </c>
      <c r="D5573" s="6"/>
      <c r="E5573" s="6" t="s">
        <v>9</v>
      </c>
      <c r="F5573" s="7">
        <v>38657</v>
      </c>
      <c r="G5573" s="8">
        <v>1</v>
      </c>
      <c r="H5573" s="8">
        <v>1</v>
      </c>
      <c r="I5573" s="8">
        <v>0</v>
      </c>
      <c r="J5573" s="8">
        <v>1</v>
      </c>
      <c r="K5573" s="9">
        <v>971</v>
      </c>
      <c r="L5573" s="6" t="s">
        <v>51</v>
      </c>
    </row>
    <row r="5574" spans="1:12">
      <c r="A5574" s="6" t="s">
        <v>49</v>
      </c>
      <c r="B5574" s="6"/>
      <c r="C5574" s="6" t="s">
        <v>5594</v>
      </c>
      <c r="D5574" s="6"/>
      <c r="E5574" s="6" t="s">
        <v>9</v>
      </c>
      <c r="F5574" s="7">
        <v>38657</v>
      </c>
      <c r="G5574" s="8">
        <v>1</v>
      </c>
      <c r="H5574" s="8">
        <v>1</v>
      </c>
      <c r="I5574" s="8">
        <v>0</v>
      </c>
      <c r="J5574" s="8">
        <v>1</v>
      </c>
      <c r="K5574" s="9">
        <v>32.14</v>
      </c>
      <c r="L5574" s="6" t="s">
        <v>51</v>
      </c>
    </row>
    <row r="5575" spans="1:12">
      <c r="A5575" s="6" t="s">
        <v>49</v>
      </c>
      <c r="B5575" s="6"/>
      <c r="C5575" s="6" t="s">
        <v>5595</v>
      </c>
      <c r="D5575" s="6"/>
      <c r="E5575" s="6" t="s">
        <v>9</v>
      </c>
      <c r="F5575" s="7">
        <v>38657</v>
      </c>
      <c r="G5575" s="8">
        <v>1</v>
      </c>
      <c r="H5575" s="8">
        <v>1</v>
      </c>
      <c r="I5575" s="8">
        <v>0</v>
      </c>
      <c r="J5575" s="8">
        <v>1</v>
      </c>
      <c r="K5575" s="9">
        <v>130.66</v>
      </c>
      <c r="L5575" s="6" t="s">
        <v>51</v>
      </c>
    </row>
    <row r="5576" spans="1:12">
      <c r="A5576" s="6" t="s">
        <v>49</v>
      </c>
      <c r="B5576" s="6"/>
      <c r="C5576" s="6" t="s">
        <v>5596</v>
      </c>
      <c r="D5576" s="6"/>
      <c r="E5576" s="6" t="s">
        <v>9</v>
      </c>
      <c r="F5576" s="7">
        <v>38657</v>
      </c>
      <c r="G5576" s="8">
        <v>1</v>
      </c>
      <c r="H5576" s="8">
        <v>1</v>
      </c>
      <c r="I5576" s="8">
        <v>0</v>
      </c>
      <c r="J5576" s="8">
        <v>1</v>
      </c>
      <c r="K5576" s="9">
        <v>348</v>
      </c>
      <c r="L5576" s="6" t="s">
        <v>51</v>
      </c>
    </row>
    <row r="5577" spans="1:12">
      <c r="A5577" s="6" t="s">
        <v>49</v>
      </c>
      <c r="B5577" s="6"/>
      <c r="C5577" s="6" t="s">
        <v>5597</v>
      </c>
      <c r="D5577" s="6"/>
      <c r="E5577" s="6" t="s">
        <v>9</v>
      </c>
      <c r="F5577" s="7">
        <v>38657</v>
      </c>
      <c r="G5577" s="8">
        <v>1</v>
      </c>
      <c r="H5577" s="8">
        <v>1</v>
      </c>
      <c r="I5577" s="8">
        <v>0</v>
      </c>
      <c r="J5577" s="8">
        <v>1</v>
      </c>
      <c r="K5577" s="9">
        <v>143</v>
      </c>
      <c r="L5577" s="6" t="s">
        <v>51</v>
      </c>
    </row>
    <row r="5578" spans="1:12">
      <c r="A5578" s="6" t="s">
        <v>49</v>
      </c>
      <c r="B5578" s="6"/>
      <c r="C5578" s="6" t="s">
        <v>5598</v>
      </c>
      <c r="D5578" s="6"/>
      <c r="E5578" s="6" t="s">
        <v>9</v>
      </c>
      <c r="F5578" s="7">
        <v>38657</v>
      </c>
      <c r="G5578" s="8">
        <v>1</v>
      </c>
      <c r="H5578" s="8">
        <v>1</v>
      </c>
      <c r="I5578" s="8">
        <v>0</v>
      </c>
      <c r="J5578" s="8">
        <v>1</v>
      </c>
      <c r="K5578" s="9">
        <v>177</v>
      </c>
      <c r="L5578" s="6" t="s">
        <v>51</v>
      </c>
    </row>
    <row r="5579" spans="1:12">
      <c r="A5579" s="6" t="s">
        <v>49</v>
      </c>
      <c r="B5579" s="6"/>
      <c r="C5579" s="6" t="s">
        <v>5599</v>
      </c>
      <c r="D5579" s="6"/>
      <c r="E5579" s="6" t="s">
        <v>9</v>
      </c>
      <c r="F5579" s="7">
        <v>38657</v>
      </c>
      <c r="G5579" s="8">
        <v>1</v>
      </c>
      <c r="H5579" s="8">
        <v>1</v>
      </c>
      <c r="I5579" s="8">
        <v>0</v>
      </c>
      <c r="J5579" s="8">
        <v>1</v>
      </c>
      <c r="K5579" s="9">
        <v>294</v>
      </c>
      <c r="L5579" s="6" t="s">
        <v>51</v>
      </c>
    </row>
    <row r="5580" spans="1:12">
      <c r="A5580" s="6" t="s">
        <v>49</v>
      </c>
      <c r="B5580" s="6"/>
      <c r="C5580" s="6" t="s">
        <v>5600</v>
      </c>
      <c r="D5580" s="6"/>
      <c r="E5580" s="6" t="s">
        <v>9</v>
      </c>
      <c r="F5580" s="7">
        <v>38657</v>
      </c>
      <c r="G5580" s="8">
        <v>1</v>
      </c>
      <c r="H5580" s="8">
        <v>1</v>
      </c>
      <c r="I5580" s="8">
        <v>0</v>
      </c>
      <c r="J5580" s="8">
        <v>1</v>
      </c>
      <c r="K5580" s="9">
        <v>55</v>
      </c>
      <c r="L5580" s="6" t="s">
        <v>51</v>
      </c>
    </row>
    <row r="5581" spans="1:12">
      <c r="A5581" s="6" t="s">
        <v>49</v>
      </c>
      <c r="B5581" s="6"/>
      <c r="C5581" s="6" t="s">
        <v>5601</v>
      </c>
      <c r="D5581" s="6"/>
      <c r="E5581" s="6" t="s">
        <v>9</v>
      </c>
      <c r="F5581" s="7">
        <v>38657</v>
      </c>
      <c r="G5581" s="8">
        <v>1</v>
      </c>
      <c r="H5581" s="8">
        <v>1</v>
      </c>
      <c r="I5581" s="8">
        <v>0</v>
      </c>
      <c r="J5581" s="8">
        <v>1</v>
      </c>
      <c r="K5581" s="9">
        <v>155.55000000000001</v>
      </c>
      <c r="L5581" s="6" t="s">
        <v>51</v>
      </c>
    </row>
    <row r="5582" spans="1:12">
      <c r="A5582" s="6" t="s">
        <v>49</v>
      </c>
      <c r="B5582" s="6"/>
      <c r="C5582" s="6" t="s">
        <v>5602</v>
      </c>
      <c r="D5582" s="6"/>
      <c r="E5582" s="6" t="s">
        <v>9</v>
      </c>
      <c r="F5582" s="7">
        <v>38657</v>
      </c>
      <c r="G5582" s="8">
        <v>1</v>
      </c>
      <c r="H5582" s="8">
        <v>1</v>
      </c>
      <c r="I5582" s="8">
        <v>0</v>
      </c>
      <c r="J5582" s="8">
        <v>1</v>
      </c>
      <c r="K5582" s="9">
        <v>109</v>
      </c>
      <c r="L5582" s="6" t="s">
        <v>51</v>
      </c>
    </row>
    <row r="5583" spans="1:12">
      <c r="A5583" s="6" t="s">
        <v>49</v>
      </c>
      <c r="B5583" s="6"/>
      <c r="C5583" s="6" t="s">
        <v>5603</v>
      </c>
      <c r="D5583" s="6"/>
      <c r="E5583" s="6" t="s">
        <v>9</v>
      </c>
      <c r="F5583" s="7">
        <v>29148</v>
      </c>
      <c r="G5583" s="8">
        <v>1</v>
      </c>
      <c r="H5583" s="8">
        <v>1</v>
      </c>
      <c r="I5583" s="8">
        <v>0</v>
      </c>
      <c r="J5583" s="8">
        <v>1</v>
      </c>
      <c r="K5583" s="9">
        <v>320</v>
      </c>
      <c r="L5583" s="6" t="s">
        <v>51</v>
      </c>
    </row>
    <row r="5584" spans="1:12">
      <c r="A5584" s="6" t="s">
        <v>49</v>
      </c>
      <c r="B5584" s="6"/>
      <c r="C5584" s="6" t="s">
        <v>5604</v>
      </c>
      <c r="D5584" s="6"/>
      <c r="E5584" s="6" t="s">
        <v>9</v>
      </c>
      <c r="F5584" s="7">
        <v>40499</v>
      </c>
      <c r="G5584" s="8">
        <v>1</v>
      </c>
      <c r="H5584" s="8">
        <v>1</v>
      </c>
      <c r="I5584" s="8">
        <v>0</v>
      </c>
      <c r="J5584" s="8">
        <v>1</v>
      </c>
      <c r="K5584" s="9">
        <v>3.61</v>
      </c>
      <c r="L5584" s="6" t="s">
        <v>51</v>
      </c>
    </row>
    <row r="5585" spans="1:12">
      <c r="A5585" s="6" t="s">
        <v>49</v>
      </c>
      <c r="B5585" s="6"/>
      <c r="C5585" s="6" t="s">
        <v>5605</v>
      </c>
      <c r="D5585" s="6"/>
      <c r="E5585" s="6" t="s">
        <v>9</v>
      </c>
      <c r="F5585" s="7">
        <v>38657</v>
      </c>
      <c r="G5585" s="8">
        <v>1</v>
      </c>
      <c r="H5585" s="8">
        <v>1</v>
      </c>
      <c r="I5585" s="8">
        <v>0</v>
      </c>
      <c r="J5585" s="8">
        <v>1</v>
      </c>
      <c r="K5585" s="9">
        <v>99.68</v>
      </c>
      <c r="L5585" s="6" t="s">
        <v>51</v>
      </c>
    </row>
    <row r="5586" spans="1:12">
      <c r="A5586" s="6" t="s">
        <v>49</v>
      </c>
      <c r="B5586" s="6"/>
      <c r="C5586" s="6" t="s">
        <v>5606</v>
      </c>
      <c r="D5586" s="6"/>
      <c r="E5586" s="6" t="s">
        <v>9</v>
      </c>
      <c r="F5586" s="7">
        <v>38657</v>
      </c>
      <c r="G5586" s="8">
        <v>1</v>
      </c>
      <c r="H5586" s="8">
        <v>1</v>
      </c>
      <c r="I5586" s="8">
        <v>0</v>
      </c>
      <c r="J5586" s="8">
        <v>1</v>
      </c>
      <c r="K5586" s="9">
        <v>117.77</v>
      </c>
      <c r="L5586" s="6" t="s">
        <v>51</v>
      </c>
    </row>
    <row r="5587" spans="1:12">
      <c r="A5587" s="6" t="s">
        <v>49</v>
      </c>
      <c r="B5587" s="6"/>
      <c r="C5587" s="6" t="s">
        <v>5607</v>
      </c>
      <c r="D5587" s="6"/>
      <c r="E5587" s="6" t="s">
        <v>9</v>
      </c>
      <c r="F5587" s="7">
        <v>38657</v>
      </c>
      <c r="G5587" s="8">
        <v>1</v>
      </c>
      <c r="H5587" s="8">
        <v>1</v>
      </c>
      <c r="I5587" s="8">
        <v>0</v>
      </c>
      <c r="J5587" s="8">
        <v>1</v>
      </c>
      <c r="K5587" s="9">
        <v>333</v>
      </c>
      <c r="L5587" s="6" t="s">
        <v>51</v>
      </c>
    </row>
    <row r="5588" spans="1:12">
      <c r="A5588" s="6" t="s">
        <v>49</v>
      </c>
      <c r="B5588" s="6"/>
      <c r="C5588" s="6" t="s">
        <v>5608</v>
      </c>
      <c r="D5588" s="6"/>
      <c r="E5588" s="6" t="s">
        <v>9</v>
      </c>
      <c r="F5588" s="7">
        <v>38657</v>
      </c>
      <c r="G5588" s="8">
        <v>1</v>
      </c>
      <c r="H5588" s="8">
        <v>1</v>
      </c>
      <c r="I5588" s="8">
        <v>0</v>
      </c>
      <c r="J5588" s="8">
        <v>1</v>
      </c>
      <c r="K5588" s="9">
        <v>54.03</v>
      </c>
      <c r="L5588" s="6" t="s">
        <v>51</v>
      </c>
    </row>
    <row r="5589" spans="1:12">
      <c r="A5589" s="6" t="s">
        <v>49</v>
      </c>
      <c r="B5589" s="6"/>
      <c r="C5589" s="6" t="s">
        <v>5609</v>
      </c>
      <c r="D5589" s="6"/>
      <c r="E5589" s="6" t="s">
        <v>9</v>
      </c>
      <c r="F5589" s="7"/>
      <c r="G5589" s="8">
        <v>1</v>
      </c>
      <c r="H5589" s="8">
        <v>1</v>
      </c>
      <c r="I5589" s="8">
        <v>0</v>
      </c>
      <c r="J5589" s="8">
        <v>1</v>
      </c>
      <c r="K5589" s="9">
        <v>70</v>
      </c>
      <c r="L5589" s="6" t="s">
        <v>51</v>
      </c>
    </row>
    <row r="5590" spans="1:12">
      <c r="A5590" s="6" t="s">
        <v>49</v>
      </c>
      <c r="B5590" s="6"/>
      <c r="C5590" s="6" t="s">
        <v>5610</v>
      </c>
      <c r="D5590" s="6"/>
      <c r="E5590" s="6" t="s">
        <v>9</v>
      </c>
      <c r="F5590" s="7"/>
      <c r="G5590" s="8">
        <v>1</v>
      </c>
      <c r="H5590" s="8">
        <v>1</v>
      </c>
      <c r="I5590" s="8">
        <v>0</v>
      </c>
      <c r="J5590" s="8">
        <v>1</v>
      </c>
      <c r="K5590" s="9">
        <v>28</v>
      </c>
      <c r="L5590" s="6" t="s">
        <v>51</v>
      </c>
    </row>
    <row r="5591" spans="1:12">
      <c r="A5591" s="6" t="s">
        <v>49</v>
      </c>
      <c r="B5591" s="6"/>
      <c r="C5591" s="6" t="s">
        <v>5611</v>
      </c>
      <c r="D5591" s="6"/>
      <c r="E5591" s="6" t="s">
        <v>9</v>
      </c>
      <c r="F5591" s="7">
        <v>38657</v>
      </c>
      <c r="G5591" s="8">
        <v>1</v>
      </c>
      <c r="H5591" s="8">
        <v>1</v>
      </c>
      <c r="I5591" s="8">
        <v>0</v>
      </c>
      <c r="J5591" s="8">
        <v>1</v>
      </c>
      <c r="K5591" s="9">
        <v>52</v>
      </c>
      <c r="L5591" s="6" t="s">
        <v>51</v>
      </c>
    </row>
    <row r="5592" spans="1:12">
      <c r="A5592" s="6" t="s">
        <v>49</v>
      </c>
      <c r="B5592" s="6"/>
      <c r="C5592" s="6" t="s">
        <v>5612</v>
      </c>
      <c r="D5592" s="6"/>
      <c r="E5592" s="6" t="s">
        <v>9</v>
      </c>
      <c r="F5592" s="7">
        <v>38657</v>
      </c>
      <c r="G5592" s="8">
        <v>1</v>
      </c>
      <c r="H5592" s="8">
        <v>1</v>
      </c>
      <c r="I5592" s="8">
        <v>0</v>
      </c>
      <c r="J5592" s="8">
        <v>1</v>
      </c>
      <c r="K5592" s="9">
        <v>29</v>
      </c>
      <c r="L5592" s="6" t="s">
        <v>51</v>
      </c>
    </row>
    <row r="5593" spans="1:12">
      <c r="A5593" s="6" t="s">
        <v>49</v>
      </c>
      <c r="B5593" s="6"/>
      <c r="C5593" s="6" t="s">
        <v>5613</v>
      </c>
      <c r="D5593" s="6"/>
      <c r="E5593" s="6" t="s">
        <v>9</v>
      </c>
      <c r="F5593" s="7">
        <v>38657</v>
      </c>
      <c r="G5593" s="8">
        <v>1</v>
      </c>
      <c r="H5593" s="8">
        <v>1</v>
      </c>
      <c r="I5593" s="8">
        <v>0</v>
      </c>
      <c r="J5593" s="8">
        <v>1</v>
      </c>
      <c r="K5593" s="9">
        <v>286</v>
      </c>
      <c r="L5593" s="6" t="s">
        <v>51</v>
      </c>
    </row>
    <row r="5594" spans="1:12">
      <c r="A5594" s="6" t="s">
        <v>49</v>
      </c>
      <c r="B5594" s="6"/>
      <c r="C5594" s="6" t="s">
        <v>5614</v>
      </c>
      <c r="D5594" s="6"/>
      <c r="E5594" s="6" t="s">
        <v>9</v>
      </c>
      <c r="F5594" s="7">
        <v>38657</v>
      </c>
      <c r="G5594" s="8">
        <v>1</v>
      </c>
      <c r="H5594" s="8">
        <v>1</v>
      </c>
      <c r="I5594" s="8">
        <v>0</v>
      </c>
      <c r="J5594" s="8">
        <v>1</v>
      </c>
      <c r="K5594" s="9">
        <v>13</v>
      </c>
      <c r="L5594" s="6" t="s">
        <v>51</v>
      </c>
    </row>
    <row r="5595" spans="1:12">
      <c r="A5595" s="6" t="s">
        <v>49</v>
      </c>
      <c r="B5595" s="6"/>
      <c r="C5595" s="6" t="s">
        <v>5615</v>
      </c>
      <c r="D5595" s="6"/>
      <c r="E5595" s="6" t="s">
        <v>9</v>
      </c>
      <c r="F5595" s="7">
        <v>38657</v>
      </c>
      <c r="G5595" s="8">
        <v>1</v>
      </c>
      <c r="H5595" s="8">
        <v>1</v>
      </c>
      <c r="I5595" s="8">
        <v>0</v>
      </c>
      <c r="J5595" s="8">
        <v>1</v>
      </c>
      <c r="K5595" s="9">
        <v>10</v>
      </c>
      <c r="L5595" s="6" t="s">
        <v>51</v>
      </c>
    </row>
    <row r="5596" spans="1:12">
      <c r="A5596" s="6" t="s">
        <v>49</v>
      </c>
      <c r="B5596" s="6"/>
      <c r="C5596" s="6" t="s">
        <v>5616</v>
      </c>
      <c r="D5596" s="6"/>
      <c r="E5596" s="6" t="s">
        <v>9</v>
      </c>
      <c r="F5596" s="7">
        <v>38657</v>
      </c>
      <c r="G5596" s="8">
        <v>1</v>
      </c>
      <c r="H5596" s="8">
        <v>1</v>
      </c>
      <c r="I5596" s="8">
        <v>0</v>
      </c>
      <c r="J5596" s="8">
        <v>1</v>
      </c>
      <c r="K5596" s="9">
        <v>8.2799999999999905</v>
      </c>
      <c r="L5596" s="6" t="s">
        <v>51</v>
      </c>
    </row>
    <row r="5597" spans="1:12">
      <c r="A5597" s="6" t="s">
        <v>49</v>
      </c>
      <c r="B5597" s="6"/>
      <c r="C5597" s="6" t="s">
        <v>5617</v>
      </c>
      <c r="D5597" s="6"/>
      <c r="E5597" s="6" t="s">
        <v>9</v>
      </c>
      <c r="F5597" s="7">
        <v>38657</v>
      </c>
      <c r="G5597" s="8">
        <v>1</v>
      </c>
      <c r="H5597" s="8">
        <v>1</v>
      </c>
      <c r="I5597" s="8">
        <v>0</v>
      </c>
      <c r="J5597" s="8">
        <v>1</v>
      </c>
      <c r="K5597" s="9">
        <v>10</v>
      </c>
      <c r="L5597" s="6" t="s">
        <v>51</v>
      </c>
    </row>
    <row r="5598" spans="1:12">
      <c r="A5598" s="6" t="s">
        <v>49</v>
      </c>
      <c r="B5598" s="6"/>
      <c r="C5598" s="6" t="s">
        <v>5618</v>
      </c>
      <c r="D5598" s="6"/>
      <c r="E5598" s="6" t="s">
        <v>9</v>
      </c>
      <c r="F5598" s="7">
        <v>38657</v>
      </c>
      <c r="G5598" s="8">
        <v>1</v>
      </c>
      <c r="H5598" s="8">
        <v>1</v>
      </c>
      <c r="I5598" s="8">
        <v>0</v>
      </c>
      <c r="J5598" s="8">
        <v>1</v>
      </c>
      <c r="K5598" s="9">
        <v>9.4600000000000009</v>
      </c>
      <c r="L5598" s="6" t="s">
        <v>51</v>
      </c>
    </row>
    <row r="5599" spans="1:12">
      <c r="A5599" s="6" t="s">
        <v>49</v>
      </c>
      <c r="B5599" s="6"/>
      <c r="C5599" s="6" t="s">
        <v>5619</v>
      </c>
      <c r="D5599" s="6"/>
      <c r="E5599" s="6" t="s">
        <v>9</v>
      </c>
      <c r="F5599" s="7">
        <v>39759</v>
      </c>
      <c r="G5599" s="8">
        <v>1</v>
      </c>
      <c r="H5599" s="8">
        <v>1</v>
      </c>
      <c r="I5599" s="8">
        <v>0</v>
      </c>
      <c r="J5599" s="8">
        <v>1</v>
      </c>
      <c r="K5599" s="9">
        <v>37.07</v>
      </c>
      <c r="L5599" s="6" t="s">
        <v>51</v>
      </c>
    </row>
    <row r="5600" spans="1:12">
      <c r="A5600" s="6" t="s">
        <v>49</v>
      </c>
      <c r="B5600" s="6"/>
      <c r="C5600" s="6" t="s">
        <v>5620</v>
      </c>
      <c r="D5600" s="6"/>
      <c r="E5600" s="6" t="s">
        <v>9</v>
      </c>
      <c r="F5600" s="7">
        <v>39759</v>
      </c>
      <c r="G5600" s="8">
        <v>1</v>
      </c>
      <c r="H5600" s="8">
        <v>1</v>
      </c>
      <c r="I5600" s="8">
        <v>0</v>
      </c>
      <c r="J5600" s="8">
        <v>1</v>
      </c>
      <c r="K5600" s="9">
        <v>23.37</v>
      </c>
      <c r="L5600" s="6" t="s">
        <v>51</v>
      </c>
    </row>
    <row r="5601" spans="1:12">
      <c r="A5601" s="6" t="s">
        <v>49</v>
      </c>
      <c r="B5601" s="6"/>
      <c r="C5601" s="6" t="s">
        <v>5621</v>
      </c>
      <c r="D5601" s="6"/>
      <c r="E5601" s="6" t="s">
        <v>9</v>
      </c>
      <c r="F5601" s="7">
        <v>38657</v>
      </c>
      <c r="G5601" s="8">
        <v>1</v>
      </c>
      <c r="H5601" s="8">
        <v>1</v>
      </c>
      <c r="I5601" s="8">
        <v>0</v>
      </c>
      <c r="J5601" s="8">
        <v>1</v>
      </c>
      <c r="K5601" s="9">
        <v>14</v>
      </c>
      <c r="L5601" s="6" t="s">
        <v>51</v>
      </c>
    </row>
    <row r="5602" spans="1:12">
      <c r="A5602" s="6" t="s">
        <v>49</v>
      </c>
      <c r="B5602" s="6"/>
      <c r="C5602" s="6" t="s">
        <v>5622</v>
      </c>
      <c r="D5602" s="6"/>
      <c r="E5602" s="6" t="s">
        <v>9</v>
      </c>
      <c r="F5602" s="7">
        <v>38657</v>
      </c>
      <c r="G5602" s="8">
        <v>1</v>
      </c>
      <c r="H5602" s="8">
        <v>1</v>
      </c>
      <c r="I5602" s="8">
        <v>0</v>
      </c>
      <c r="J5602" s="8">
        <v>1</v>
      </c>
      <c r="K5602" s="9">
        <v>13</v>
      </c>
      <c r="L5602" s="6" t="s">
        <v>51</v>
      </c>
    </row>
    <row r="5603" spans="1:12">
      <c r="A5603" s="6" t="s">
        <v>49</v>
      </c>
      <c r="B5603" s="6"/>
      <c r="C5603" s="6" t="s">
        <v>5623</v>
      </c>
      <c r="D5603" s="6"/>
      <c r="E5603" s="6" t="s">
        <v>9</v>
      </c>
      <c r="F5603" s="7">
        <v>38657</v>
      </c>
      <c r="G5603" s="8">
        <v>1</v>
      </c>
      <c r="H5603" s="8">
        <v>1</v>
      </c>
      <c r="I5603" s="8">
        <v>0</v>
      </c>
      <c r="J5603" s="8">
        <v>1</v>
      </c>
      <c r="K5603" s="9">
        <v>3.72</v>
      </c>
      <c r="L5603" s="6" t="s">
        <v>51</v>
      </c>
    </row>
    <row r="5604" spans="1:12">
      <c r="A5604" s="6" t="s">
        <v>49</v>
      </c>
      <c r="B5604" s="6"/>
      <c r="C5604" s="6" t="s">
        <v>5624</v>
      </c>
      <c r="D5604" s="6"/>
      <c r="E5604" s="6" t="s">
        <v>9</v>
      </c>
      <c r="F5604" s="7">
        <v>38657</v>
      </c>
      <c r="G5604" s="8">
        <v>1</v>
      </c>
      <c r="H5604" s="8">
        <v>1</v>
      </c>
      <c r="I5604" s="8">
        <v>0</v>
      </c>
      <c r="J5604" s="8">
        <v>1</v>
      </c>
      <c r="K5604" s="9">
        <v>307</v>
      </c>
      <c r="L5604" s="6" t="s">
        <v>51</v>
      </c>
    </row>
    <row r="5605" spans="1:12">
      <c r="A5605" s="6" t="s">
        <v>49</v>
      </c>
      <c r="B5605" s="6"/>
      <c r="C5605" s="6" t="s">
        <v>5625</v>
      </c>
      <c r="D5605" s="6"/>
      <c r="E5605" s="6" t="s">
        <v>9</v>
      </c>
      <c r="F5605" s="7">
        <v>38657</v>
      </c>
      <c r="G5605" s="8">
        <v>1</v>
      </c>
      <c r="H5605" s="8">
        <v>1</v>
      </c>
      <c r="I5605" s="8">
        <v>0</v>
      </c>
      <c r="J5605" s="8">
        <v>1</v>
      </c>
      <c r="K5605" s="9">
        <v>198</v>
      </c>
      <c r="L5605" s="6" t="s">
        <v>51</v>
      </c>
    </row>
    <row r="5606" spans="1:12">
      <c r="A5606" s="6" t="s">
        <v>49</v>
      </c>
      <c r="B5606" s="6"/>
      <c r="C5606" s="6" t="s">
        <v>5626</v>
      </c>
      <c r="D5606" s="6"/>
      <c r="E5606" s="6" t="s">
        <v>9</v>
      </c>
      <c r="F5606" s="7">
        <v>29148</v>
      </c>
      <c r="G5606" s="8">
        <v>1</v>
      </c>
      <c r="H5606" s="8">
        <v>1</v>
      </c>
      <c r="I5606" s="8">
        <v>0</v>
      </c>
      <c r="J5606" s="8">
        <v>1</v>
      </c>
      <c r="K5606" s="9">
        <v>94</v>
      </c>
      <c r="L5606" s="6" t="s">
        <v>51</v>
      </c>
    </row>
    <row r="5607" spans="1:12">
      <c r="A5607" s="6" t="s">
        <v>49</v>
      </c>
      <c r="B5607" s="6"/>
      <c r="C5607" s="6" t="s">
        <v>5627</v>
      </c>
      <c r="D5607" s="6"/>
      <c r="E5607" s="6" t="s">
        <v>9</v>
      </c>
      <c r="F5607" s="7">
        <v>38657</v>
      </c>
      <c r="G5607" s="8">
        <v>1</v>
      </c>
      <c r="H5607" s="8">
        <v>1</v>
      </c>
      <c r="I5607" s="8">
        <v>0</v>
      </c>
      <c r="J5607" s="8">
        <v>1</v>
      </c>
      <c r="K5607" s="9">
        <v>6.33</v>
      </c>
      <c r="L5607" s="6" t="s">
        <v>51</v>
      </c>
    </row>
    <row r="5608" spans="1:12">
      <c r="A5608" s="6" t="s">
        <v>49</v>
      </c>
      <c r="B5608" s="6"/>
      <c r="C5608" s="6" t="s">
        <v>5628</v>
      </c>
      <c r="D5608" s="6"/>
      <c r="E5608" s="6" t="s">
        <v>9</v>
      </c>
      <c r="F5608" s="7">
        <v>38657</v>
      </c>
      <c r="G5608" s="8">
        <v>1</v>
      </c>
      <c r="H5608" s="8">
        <v>1</v>
      </c>
      <c r="I5608" s="8">
        <v>0</v>
      </c>
      <c r="J5608" s="8">
        <v>1</v>
      </c>
      <c r="K5608" s="9">
        <v>260</v>
      </c>
      <c r="L5608" s="6" t="s">
        <v>51</v>
      </c>
    </row>
    <row r="5609" spans="1:12">
      <c r="A5609" s="6" t="s">
        <v>49</v>
      </c>
      <c r="B5609" s="6"/>
      <c r="C5609" s="6" t="s">
        <v>5629</v>
      </c>
      <c r="D5609" s="6"/>
      <c r="E5609" s="6" t="s">
        <v>9</v>
      </c>
      <c r="F5609" s="7">
        <v>38657</v>
      </c>
      <c r="G5609" s="8">
        <v>1</v>
      </c>
      <c r="H5609" s="8">
        <v>1</v>
      </c>
      <c r="I5609" s="8">
        <v>0</v>
      </c>
      <c r="J5609" s="8">
        <v>1</v>
      </c>
      <c r="K5609" s="9">
        <v>6.25</v>
      </c>
      <c r="L5609" s="6" t="s">
        <v>51</v>
      </c>
    </row>
    <row r="5610" spans="1:12">
      <c r="A5610" s="6" t="s">
        <v>49</v>
      </c>
      <c r="B5610" s="6"/>
      <c r="C5610" s="6" t="s">
        <v>5630</v>
      </c>
      <c r="D5610" s="6"/>
      <c r="E5610" s="6" t="s">
        <v>9</v>
      </c>
      <c r="F5610" s="7">
        <v>38657</v>
      </c>
      <c r="G5610" s="8">
        <v>1</v>
      </c>
      <c r="H5610" s="8">
        <v>1</v>
      </c>
      <c r="I5610" s="8">
        <v>0</v>
      </c>
      <c r="J5610" s="8">
        <v>1</v>
      </c>
      <c r="K5610" s="9">
        <v>98</v>
      </c>
      <c r="L5610" s="6" t="s">
        <v>51</v>
      </c>
    </row>
    <row r="5611" spans="1:12">
      <c r="A5611" s="6" t="s">
        <v>49</v>
      </c>
      <c r="B5611" s="6"/>
      <c r="C5611" s="6" t="s">
        <v>5631</v>
      </c>
      <c r="D5611" s="6"/>
      <c r="E5611" s="6" t="s">
        <v>9</v>
      </c>
      <c r="F5611" s="7">
        <v>38657</v>
      </c>
      <c r="G5611" s="8">
        <v>1</v>
      </c>
      <c r="H5611" s="8">
        <v>1</v>
      </c>
      <c r="I5611" s="8">
        <v>0</v>
      </c>
      <c r="J5611" s="8">
        <v>1</v>
      </c>
      <c r="K5611" s="9">
        <v>87</v>
      </c>
      <c r="L5611" s="6" t="s">
        <v>51</v>
      </c>
    </row>
    <row r="5612" spans="1:12">
      <c r="A5612" s="6" t="s">
        <v>49</v>
      </c>
      <c r="B5612" s="6"/>
      <c r="C5612" s="6" t="s">
        <v>5632</v>
      </c>
      <c r="D5612" s="6"/>
      <c r="E5612" s="6" t="s">
        <v>9</v>
      </c>
      <c r="F5612" s="7">
        <v>38657</v>
      </c>
      <c r="G5612" s="8">
        <v>1</v>
      </c>
      <c r="H5612" s="8">
        <v>1</v>
      </c>
      <c r="I5612" s="8">
        <v>0</v>
      </c>
      <c r="J5612" s="8">
        <v>1</v>
      </c>
      <c r="K5612" s="9">
        <v>79</v>
      </c>
      <c r="L5612" s="6" t="s">
        <v>51</v>
      </c>
    </row>
    <row r="5613" spans="1:12">
      <c r="A5613" s="6" t="s">
        <v>49</v>
      </c>
      <c r="B5613" s="6"/>
      <c r="C5613" s="6" t="s">
        <v>5633</v>
      </c>
      <c r="D5613" s="6"/>
      <c r="E5613" s="6" t="s">
        <v>9</v>
      </c>
      <c r="F5613" s="7">
        <v>38657</v>
      </c>
      <c r="G5613" s="8">
        <v>1</v>
      </c>
      <c r="H5613" s="8">
        <v>1</v>
      </c>
      <c r="I5613" s="8">
        <v>0</v>
      </c>
      <c r="J5613" s="8">
        <v>1</v>
      </c>
      <c r="K5613" s="9">
        <v>1228</v>
      </c>
      <c r="L5613" s="6" t="s">
        <v>51</v>
      </c>
    </row>
    <row r="5614" spans="1:12">
      <c r="A5614" s="6" t="s">
        <v>49</v>
      </c>
      <c r="B5614" s="6"/>
      <c r="C5614" s="6" t="s">
        <v>5634</v>
      </c>
      <c r="D5614" s="6"/>
      <c r="E5614" s="6" t="s">
        <v>9</v>
      </c>
      <c r="F5614" s="7">
        <v>38657</v>
      </c>
      <c r="G5614" s="8">
        <v>1</v>
      </c>
      <c r="H5614" s="8">
        <v>1</v>
      </c>
      <c r="I5614" s="8">
        <v>0</v>
      </c>
      <c r="J5614" s="8">
        <v>1</v>
      </c>
      <c r="K5614" s="9">
        <v>225</v>
      </c>
      <c r="L5614" s="6" t="s">
        <v>51</v>
      </c>
    </row>
    <row r="5615" spans="1:12">
      <c r="A5615" s="6" t="s">
        <v>49</v>
      </c>
      <c r="B5615" s="6"/>
      <c r="C5615" s="6" t="s">
        <v>5635</v>
      </c>
      <c r="D5615" s="6"/>
      <c r="E5615" s="6" t="s">
        <v>9</v>
      </c>
      <c r="F5615" s="7">
        <v>38657</v>
      </c>
      <c r="G5615" s="8">
        <v>1</v>
      </c>
      <c r="H5615" s="8">
        <v>1</v>
      </c>
      <c r="I5615" s="8">
        <v>0</v>
      </c>
      <c r="J5615" s="8">
        <v>1</v>
      </c>
      <c r="K5615" s="9">
        <v>3.33</v>
      </c>
      <c r="L5615" s="6" t="s">
        <v>51</v>
      </c>
    </row>
    <row r="5616" spans="1:12">
      <c r="A5616" s="6" t="s">
        <v>49</v>
      </c>
      <c r="B5616" s="6"/>
      <c r="C5616" s="6" t="s">
        <v>5636</v>
      </c>
      <c r="D5616" s="6"/>
      <c r="E5616" s="6" t="s">
        <v>9</v>
      </c>
      <c r="F5616" s="7">
        <v>38657</v>
      </c>
      <c r="G5616" s="8">
        <v>1</v>
      </c>
      <c r="H5616" s="8">
        <v>1</v>
      </c>
      <c r="I5616" s="8">
        <v>0</v>
      </c>
      <c r="J5616" s="8">
        <v>1</v>
      </c>
      <c r="K5616" s="9">
        <v>114</v>
      </c>
      <c r="L5616" s="6" t="s">
        <v>51</v>
      </c>
    </row>
    <row r="5617" spans="1:12">
      <c r="A5617" s="6" t="s">
        <v>49</v>
      </c>
      <c r="B5617" s="6"/>
      <c r="C5617" s="6" t="s">
        <v>5637</v>
      </c>
      <c r="D5617" s="6"/>
      <c r="E5617" s="6" t="s">
        <v>9</v>
      </c>
      <c r="F5617" s="7"/>
      <c r="G5617" s="8">
        <v>192080</v>
      </c>
      <c r="H5617" s="8">
        <v>192080</v>
      </c>
      <c r="I5617" s="8">
        <v>0</v>
      </c>
      <c r="J5617" s="8">
        <v>192080</v>
      </c>
      <c r="K5617" s="9">
        <v>10</v>
      </c>
      <c r="L5617" s="6" t="s">
        <v>10</v>
      </c>
    </row>
    <row r="5618" spans="1:12">
      <c r="A5618" s="6" t="s">
        <v>49</v>
      </c>
      <c r="B5618" s="6"/>
      <c r="C5618" s="6" t="s">
        <v>5638</v>
      </c>
      <c r="D5618" s="6"/>
      <c r="E5618" s="6" t="s">
        <v>9</v>
      </c>
      <c r="F5618" s="7">
        <v>38657</v>
      </c>
      <c r="G5618" s="8">
        <v>1</v>
      </c>
      <c r="H5618" s="8">
        <v>1</v>
      </c>
      <c r="I5618" s="8">
        <v>0</v>
      </c>
      <c r="J5618" s="8">
        <v>1</v>
      </c>
      <c r="K5618" s="9">
        <v>345</v>
      </c>
      <c r="L5618" s="6" t="s">
        <v>51</v>
      </c>
    </row>
    <row r="5619" spans="1:12">
      <c r="A5619" s="6" t="s">
        <v>49</v>
      </c>
      <c r="B5619" s="6"/>
      <c r="C5619" s="6" t="s">
        <v>5639</v>
      </c>
      <c r="D5619" s="6"/>
      <c r="E5619" s="6" t="s">
        <v>9</v>
      </c>
      <c r="F5619" s="7">
        <v>38657</v>
      </c>
      <c r="G5619" s="8">
        <v>1</v>
      </c>
      <c r="H5619" s="8">
        <v>1</v>
      </c>
      <c r="I5619" s="8">
        <v>0</v>
      </c>
      <c r="J5619" s="8">
        <v>1</v>
      </c>
      <c r="K5619" s="9">
        <v>3.67</v>
      </c>
      <c r="L5619" s="6" t="s">
        <v>51</v>
      </c>
    </row>
    <row r="5620" spans="1:12">
      <c r="A5620" s="6" t="s">
        <v>49</v>
      </c>
      <c r="B5620" s="6"/>
      <c r="C5620" s="6" t="s">
        <v>5640</v>
      </c>
      <c r="D5620" s="6"/>
      <c r="E5620" s="6" t="s">
        <v>9</v>
      </c>
      <c r="F5620" s="7">
        <v>38657</v>
      </c>
      <c r="G5620" s="8">
        <v>1</v>
      </c>
      <c r="H5620" s="8">
        <v>1</v>
      </c>
      <c r="I5620" s="8">
        <v>0</v>
      </c>
      <c r="J5620" s="8">
        <v>1</v>
      </c>
      <c r="K5620" s="9">
        <v>2108</v>
      </c>
      <c r="L5620" s="6" t="s">
        <v>51</v>
      </c>
    </row>
    <row r="5621" spans="1:12">
      <c r="A5621" s="6" t="s">
        <v>49</v>
      </c>
      <c r="B5621" s="6"/>
      <c r="C5621" s="6" t="s">
        <v>5641</v>
      </c>
      <c r="D5621" s="6"/>
      <c r="E5621" s="6" t="s">
        <v>9</v>
      </c>
      <c r="F5621" s="7">
        <v>38657</v>
      </c>
      <c r="G5621" s="8">
        <v>1</v>
      </c>
      <c r="H5621" s="8">
        <v>1</v>
      </c>
      <c r="I5621" s="8">
        <v>0</v>
      </c>
      <c r="J5621" s="8">
        <v>1</v>
      </c>
      <c r="K5621" s="9">
        <v>328</v>
      </c>
      <c r="L5621" s="6" t="s">
        <v>51</v>
      </c>
    </row>
    <row r="5622" spans="1:12">
      <c r="A5622" s="6" t="s">
        <v>49</v>
      </c>
      <c r="B5622" s="6"/>
      <c r="C5622" s="6" t="s">
        <v>5642</v>
      </c>
      <c r="D5622" s="6"/>
      <c r="E5622" s="6" t="s">
        <v>9</v>
      </c>
      <c r="F5622" s="7">
        <v>38657</v>
      </c>
      <c r="G5622" s="8">
        <v>1</v>
      </c>
      <c r="H5622" s="8">
        <v>1</v>
      </c>
      <c r="I5622" s="8">
        <v>0</v>
      </c>
      <c r="J5622" s="8">
        <v>1</v>
      </c>
      <c r="K5622" s="9">
        <v>657</v>
      </c>
      <c r="L5622" s="6" t="s">
        <v>51</v>
      </c>
    </row>
    <row r="5623" spans="1:12">
      <c r="A5623" s="6" t="s">
        <v>49</v>
      </c>
      <c r="B5623" s="6"/>
      <c r="C5623" s="6" t="s">
        <v>5643</v>
      </c>
      <c r="D5623" s="6"/>
      <c r="E5623" s="6" t="s">
        <v>9</v>
      </c>
      <c r="F5623" s="7">
        <v>38657</v>
      </c>
      <c r="G5623" s="8">
        <v>1</v>
      </c>
      <c r="H5623" s="8">
        <v>1</v>
      </c>
      <c r="I5623" s="8">
        <v>0</v>
      </c>
      <c r="J5623" s="8">
        <v>1</v>
      </c>
      <c r="K5623" s="9">
        <v>486</v>
      </c>
      <c r="L5623" s="6" t="s">
        <v>51</v>
      </c>
    </row>
    <row r="5624" spans="1:12">
      <c r="A5624" s="6" t="s">
        <v>49</v>
      </c>
      <c r="B5624" s="6"/>
      <c r="C5624" s="6" t="s">
        <v>5644</v>
      </c>
      <c r="D5624" s="6"/>
      <c r="E5624" s="6" t="s">
        <v>9</v>
      </c>
      <c r="F5624" s="7">
        <v>38657</v>
      </c>
      <c r="G5624" s="8">
        <v>1</v>
      </c>
      <c r="H5624" s="8">
        <v>1</v>
      </c>
      <c r="I5624" s="8">
        <v>0</v>
      </c>
      <c r="J5624" s="8">
        <v>1</v>
      </c>
      <c r="K5624" s="9">
        <v>139</v>
      </c>
      <c r="L5624" s="6" t="s">
        <v>51</v>
      </c>
    </row>
    <row r="5625" spans="1:12">
      <c r="A5625" s="6" t="s">
        <v>49</v>
      </c>
      <c r="B5625" s="6"/>
      <c r="C5625" s="6" t="s">
        <v>5645</v>
      </c>
      <c r="D5625" s="6"/>
      <c r="E5625" s="6" t="s">
        <v>9</v>
      </c>
      <c r="F5625" s="7">
        <v>38657</v>
      </c>
      <c r="G5625" s="8">
        <v>1</v>
      </c>
      <c r="H5625" s="8">
        <v>1</v>
      </c>
      <c r="I5625" s="8">
        <v>0</v>
      </c>
      <c r="J5625" s="8">
        <v>1</v>
      </c>
      <c r="K5625" s="9">
        <v>122</v>
      </c>
      <c r="L5625" s="6" t="s">
        <v>51</v>
      </c>
    </row>
    <row r="5626" spans="1:12">
      <c r="A5626" s="6" t="s">
        <v>49</v>
      </c>
      <c r="B5626" s="6"/>
      <c r="C5626" s="6" t="s">
        <v>5646</v>
      </c>
      <c r="D5626" s="6"/>
      <c r="E5626" s="6" t="s">
        <v>9</v>
      </c>
      <c r="F5626" s="7">
        <v>38657</v>
      </c>
      <c r="G5626" s="8">
        <v>1</v>
      </c>
      <c r="H5626" s="8">
        <v>1</v>
      </c>
      <c r="I5626" s="8">
        <v>0</v>
      </c>
      <c r="J5626" s="8">
        <v>1</v>
      </c>
      <c r="K5626" s="9">
        <v>26</v>
      </c>
      <c r="L5626" s="6" t="s">
        <v>51</v>
      </c>
    </row>
    <row r="5627" spans="1:12">
      <c r="A5627" s="6" t="s">
        <v>49</v>
      </c>
      <c r="B5627" s="6"/>
      <c r="C5627" s="6" t="s">
        <v>5647</v>
      </c>
      <c r="D5627" s="6"/>
      <c r="E5627" s="6" t="s">
        <v>9</v>
      </c>
      <c r="F5627" s="7">
        <v>38657</v>
      </c>
      <c r="G5627" s="8">
        <v>1</v>
      </c>
      <c r="H5627" s="8">
        <v>1</v>
      </c>
      <c r="I5627" s="8">
        <v>0</v>
      </c>
      <c r="J5627" s="8">
        <v>1</v>
      </c>
      <c r="K5627" s="9">
        <v>58</v>
      </c>
      <c r="L5627" s="6" t="s">
        <v>51</v>
      </c>
    </row>
    <row r="5628" spans="1:12">
      <c r="A5628" s="6" t="s">
        <v>49</v>
      </c>
      <c r="B5628" s="6"/>
      <c r="C5628" s="6" t="s">
        <v>5648</v>
      </c>
      <c r="D5628" s="6"/>
      <c r="E5628" s="6" t="s">
        <v>9</v>
      </c>
      <c r="F5628" s="7">
        <v>38657</v>
      </c>
      <c r="G5628" s="8">
        <v>1</v>
      </c>
      <c r="H5628" s="8">
        <v>1</v>
      </c>
      <c r="I5628" s="8">
        <v>0</v>
      </c>
      <c r="J5628" s="8">
        <v>1</v>
      </c>
      <c r="K5628" s="9">
        <v>114</v>
      </c>
      <c r="L5628" s="6" t="s">
        <v>51</v>
      </c>
    </row>
    <row r="5629" spans="1:12">
      <c r="A5629" s="6" t="s">
        <v>49</v>
      </c>
      <c r="B5629" s="6"/>
      <c r="C5629" s="6" t="s">
        <v>5649</v>
      </c>
      <c r="D5629" s="6"/>
      <c r="E5629" s="6" t="s">
        <v>9</v>
      </c>
      <c r="F5629" s="7">
        <v>38657</v>
      </c>
      <c r="G5629" s="8">
        <v>1</v>
      </c>
      <c r="H5629" s="8">
        <v>1</v>
      </c>
      <c r="I5629" s="8">
        <v>0</v>
      </c>
      <c r="J5629" s="8">
        <v>1</v>
      </c>
      <c r="K5629" s="9">
        <v>359</v>
      </c>
      <c r="L5629" s="6" t="s">
        <v>51</v>
      </c>
    </row>
    <row r="5630" spans="1:12">
      <c r="A5630" s="6" t="s">
        <v>49</v>
      </c>
      <c r="B5630" s="6"/>
      <c r="C5630" s="6" t="s">
        <v>5650</v>
      </c>
      <c r="D5630" s="6"/>
      <c r="E5630" s="6" t="s">
        <v>9</v>
      </c>
      <c r="F5630" s="7">
        <v>38657</v>
      </c>
      <c r="G5630" s="8">
        <v>1</v>
      </c>
      <c r="H5630" s="8">
        <v>1</v>
      </c>
      <c r="I5630" s="8">
        <v>0</v>
      </c>
      <c r="J5630" s="8">
        <v>1</v>
      </c>
      <c r="K5630" s="9">
        <v>516</v>
      </c>
      <c r="L5630" s="6" t="s">
        <v>51</v>
      </c>
    </row>
    <row r="5631" spans="1:12">
      <c r="A5631" s="6" t="s">
        <v>49</v>
      </c>
      <c r="B5631" s="6"/>
      <c r="C5631" s="6" t="s">
        <v>5651</v>
      </c>
      <c r="D5631" s="6"/>
      <c r="E5631" s="6" t="s">
        <v>9</v>
      </c>
      <c r="F5631" s="7">
        <v>38657</v>
      </c>
      <c r="G5631" s="8">
        <v>1</v>
      </c>
      <c r="H5631" s="8">
        <v>1</v>
      </c>
      <c r="I5631" s="8">
        <v>0</v>
      </c>
      <c r="J5631" s="8">
        <v>1</v>
      </c>
      <c r="K5631" s="9">
        <v>7.88</v>
      </c>
      <c r="L5631" s="6" t="s">
        <v>51</v>
      </c>
    </row>
    <row r="5632" spans="1:12">
      <c r="A5632" s="6" t="s">
        <v>49</v>
      </c>
      <c r="B5632" s="6"/>
      <c r="C5632" s="6" t="s">
        <v>5652</v>
      </c>
      <c r="D5632" s="6"/>
      <c r="E5632" s="6" t="s">
        <v>9</v>
      </c>
      <c r="F5632" s="7">
        <v>38657</v>
      </c>
      <c r="G5632" s="8">
        <v>1</v>
      </c>
      <c r="H5632" s="8">
        <v>1</v>
      </c>
      <c r="I5632" s="8">
        <v>0</v>
      </c>
      <c r="J5632" s="8">
        <v>1</v>
      </c>
      <c r="K5632" s="9">
        <v>16</v>
      </c>
      <c r="L5632" s="6" t="s">
        <v>51</v>
      </c>
    </row>
    <row r="5633" spans="1:12">
      <c r="A5633" s="6" t="s">
        <v>49</v>
      </c>
      <c r="B5633" s="6"/>
      <c r="C5633" s="6" t="s">
        <v>5653</v>
      </c>
      <c r="D5633" s="6"/>
      <c r="E5633" s="6" t="s">
        <v>9</v>
      </c>
      <c r="F5633" s="7">
        <v>38657</v>
      </c>
      <c r="G5633" s="8">
        <v>1</v>
      </c>
      <c r="H5633" s="8">
        <v>1</v>
      </c>
      <c r="I5633" s="8">
        <v>0</v>
      </c>
      <c r="J5633" s="8">
        <v>1</v>
      </c>
      <c r="K5633" s="9">
        <v>14</v>
      </c>
      <c r="L5633" s="6" t="s">
        <v>51</v>
      </c>
    </row>
    <row r="5634" spans="1:12">
      <c r="A5634" s="6" t="s">
        <v>49</v>
      </c>
      <c r="B5634" s="6"/>
      <c r="C5634" s="6" t="s">
        <v>5654</v>
      </c>
      <c r="D5634" s="6"/>
      <c r="E5634" s="6" t="s">
        <v>9</v>
      </c>
      <c r="F5634" s="7">
        <v>38657</v>
      </c>
      <c r="G5634" s="8">
        <v>1</v>
      </c>
      <c r="H5634" s="8">
        <v>1</v>
      </c>
      <c r="I5634" s="8">
        <v>0</v>
      </c>
      <c r="J5634" s="8">
        <v>1</v>
      </c>
      <c r="K5634" s="9">
        <v>6.78</v>
      </c>
      <c r="L5634" s="6" t="s">
        <v>51</v>
      </c>
    </row>
    <row r="5635" spans="1:12">
      <c r="A5635" s="6" t="s">
        <v>49</v>
      </c>
      <c r="B5635" s="6"/>
      <c r="C5635" s="6" t="s">
        <v>5655</v>
      </c>
      <c r="D5635" s="6"/>
      <c r="E5635" s="6" t="s">
        <v>9</v>
      </c>
      <c r="F5635" s="7">
        <v>38657</v>
      </c>
      <c r="G5635" s="8">
        <v>1</v>
      </c>
      <c r="H5635" s="8">
        <v>1</v>
      </c>
      <c r="I5635" s="8">
        <v>0</v>
      </c>
      <c r="J5635" s="8">
        <v>1</v>
      </c>
      <c r="K5635" s="9">
        <v>166</v>
      </c>
      <c r="L5635" s="6" t="s">
        <v>51</v>
      </c>
    </row>
    <row r="5636" spans="1:12">
      <c r="A5636" s="6" t="s">
        <v>49</v>
      </c>
      <c r="B5636" s="6"/>
      <c r="C5636" s="6" t="s">
        <v>5656</v>
      </c>
      <c r="D5636" s="6"/>
      <c r="E5636" s="6" t="s">
        <v>9</v>
      </c>
      <c r="F5636" s="7">
        <v>38657</v>
      </c>
      <c r="G5636" s="8">
        <v>1</v>
      </c>
      <c r="H5636" s="8">
        <v>1</v>
      </c>
      <c r="I5636" s="8">
        <v>0</v>
      </c>
      <c r="J5636" s="8">
        <v>1</v>
      </c>
      <c r="K5636" s="9">
        <v>20</v>
      </c>
      <c r="L5636" s="6" t="s">
        <v>51</v>
      </c>
    </row>
    <row r="5637" spans="1:12">
      <c r="A5637" s="6" t="s">
        <v>49</v>
      </c>
      <c r="B5637" s="6"/>
      <c r="C5637" s="6" t="s">
        <v>5657</v>
      </c>
      <c r="D5637" s="6"/>
      <c r="E5637" s="6" t="s">
        <v>9</v>
      </c>
      <c r="F5637" s="7">
        <v>42919</v>
      </c>
      <c r="G5637" s="8">
        <v>1</v>
      </c>
      <c r="H5637" s="8">
        <v>1</v>
      </c>
      <c r="I5637" s="8">
        <v>0</v>
      </c>
      <c r="J5637" s="8">
        <v>1</v>
      </c>
      <c r="K5637" s="9">
        <v>7.66</v>
      </c>
      <c r="L5637" s="6" t="s">
        <v>51</v>
      </c>
    </row>
    <row r="5638" spans="1:12">
      <c r="A5638" s="6" t="s">
        <v>49</v>
      </c>
      <c r="B5638" s="6"/>
      <c r="C5638" s="6" t="s">
        <v>5658</v>
      </c>
      <c r="D5638" s="6"/>
      <c r="E5638" s="6" t="s">
        <v>9</v>
      </c>
      <c r="F5638" s="7">
        <v>42956</v>
      </c>
      <c r="G5638" s="8">
        <v>1</v>
      </c>
      <c r="H5638" s="8">
        <v>1</v>
      </c>
      <c r="I5638" s="8">
        <v>0</v>
      </c>
      <c r="J5638" s="8">
        <v>1</v>
      </c>
      <c r="K5638" s="9">
        <v>35</v>
      </c>
      <c r="L5638" s="6" t="s">
        <v>51</v>
      </c>
    </row>
    <row r="5639" spans="1:12">
      <c r="A5639" s="6" t="s">
        <v>49</v>
      </c>
      <c r="B5639" s="6"/>
      <c r="C5639" s="6" t="s">
        <v>5659</v>
      </c>
      <c r="D5639" s="6"/>
      <c r="E5639" s="6" t="s">
        <v>9</v>
      </c>
      <c r="F5639" s="7">
        <v>42956</v>
      </c>
      <c r="G5639" s="8">
        <v>1</v>
      </c>
      <c r="H5639" s="8">
        <v>1</v>
      </c>
      <c r="I5639" s="8">
        <v>0</v>
      </c>
      <c r="J5639" s="8">
        <v>1</v>
      </c>
      <c r="K5639" s="9">
        <v>10</v>
      </c>
      <c r="L5639" s="6" t="s">
        <v>51</v>
      </c>
    </row>
    <row r="5640" spans="1:12">
      <c r="A5640" s="6" t="s">
        <v>49</v>
      </c>
      <c r="B5640" s="6"/>
      <c r="C5640" s="6" t="s">
        <v>5660</v>
      </c>
      <c r="D5640" s="6"/>
      <c r="E5640" s="6" t="s">
        <v>9</v>
      </c>
      <c r="F5640" s="7">
        <v>42956</v>
      </c>
      <c r="G5640" s="8">
        <v>1</v>
      </c>
      <c r="H5640" s="8">
        <v>1</v>
      </c>
      <c r="I5640" s="8">
        <v>0</v>
      </c>
      <c r="J5640" s="8">
        <v>1</v>
      </c>
      <c r="K5640" s="9">
        <v>22</v>
      </c>
      <c r="L5640" s="6" t="s">
        <v>4151</v>
      </c>
    </row>
    <row r="5641" spans="1:12">
      <c r="A5641" s="6" t="s">
        <v>49</v>
      </c>
      <c r="B5641" s="6"/>
      <c r="C5641" s="6" t="s">
        <v>5661</v>
      </c>
      <c r="D5641" s="6"/>
      <c r="E5641" s="6" t="s">
        <v>9</v>
      </c>
      <c r="F5641" s="7">
        <v>42956</v>
      </c>
      <c r="G5641" s="8">
        <v>1</v>
      </c>
      <c r="H5641" s="8">
        <v>1</v>
      </c>
      <c r="I5641" s="8">
        <v>0</v>
      </c>
      <c r="J5641" s="8">
        <v>1</v>
      </c>
      <c r="K5641" s="9">
        <v>45</v>
      </c>
      <c r="L5641" s="6" t="s">
        <v>51</v>
      </c>
    </row>
    <row r="5642" spans="1:12">
      <c r="A5642" s="6" t="s">
        <v>49</v>
      </c>
      <c r="B5642" s="6"/>
      <c r="C5642" s="6" t="s">
        <v>5662</v>
      </c>
      <c r="D5642" s="6"/>
      <c r="E5642" s="6" t="s">
        <v>9</v>
      </c>
      <c r="F5642" s="7">
        <v>38657</v>
      </c>
      <c r="G5642" s="8">
        <v>1</v>
      </c>
      <c r="H5642" s="8">
        <v>1</v>
      </c>
      <c r="I5642" s="8">
        <v>0</v>
      </c>
      <c r="J5642" s="8">
        <v>1</v>
      </c>
      <c r="K5642" s="9">
        <v>3.22</v>
      </c>
      <c r="L5642" s="6" t="s">
        <v>51</v>
      </c>
    </row>
    <row r="5643" spans="1:12">
      <c r="A5643" s="6" t="s">
        <v>49</v>
      </c>
      <c r="B5643" s="6"/>
      <c r="C5643" s="6" t="s">
        <v>5663</v>
      </c>
      <c r="D5643" s="6"/>
      <c r="E5643" s="6" t="s">
        <v>9</v>
      </c>
      <c r="F5643" s="7">
        <v>42956</v>
      </c>
      <c r="G5643" s="8">
        <v>1</v>
      </c>
      <c r="H5643" s="8">
        <v>1</v>
      </c>
      <c r="I5643" s="8">
        <v>0</v>
      </c>
      <c r="J5643" s="8">
        <v>1</v>
      </c>
      <c r="K5643" s="9">
        <v>1.39</v>
      </c>
      <c r="L5643" s="6" t="s">
        <v>4151</v>
      </c>
    </row>
    <row r="5644" spans="1:12">
      <c r="A5644" s="6" t="s">
        <v>49</v>
      </c>
      <c r="B5644" s="6"/>
      <c r="C5644" s="6" t="s">
        <v>5664</v>
      </c>
      <c r="D5644" s="6"/>
      <c r="E5644" s="6" t="s">
        <v>9</v>
      </c>
      <c r="F5644" s="7">
        <v>42956</v>
      </c>
      <c r="G5644" s="8">
        <v>1</v>
      </c>
      <c r="H5644" s="8">
        <v>1</v>
      </c>
      <c r="I5644" s="8">
        <v>0</v>
      </c>
      <c r="J5644" s="8">
        <v>1</v>
      </c>
      <c r="K5644" s="9">
        <v>5.82</v>
      </c>
      <c r="L5644" s="6" t="s">
        <v>51</v>
      </c>
    </row>
    <row r="5645" spans="1:12">
      <c r="A5645" s="6" t="s">
        <v>49</v>
      </c>
      <c r="B5645" s="6"/>
      <c r="C5645" s="6" t="s">
        <v>5665</v>
      </c>
      <c r="D5645" s="6"/>
      <c r="E5645" s="6" t="s">
        <v>9</v>
      </c>
      <c r="F5645" s="7">
        <v>42956</v>
      </c>
      <c r="G5645" s="8">
        <v>1</v>
      </c>
      <c r="H5645" s="8">
        <v>1</v>
      </c>
      <c r="I5645" s="8">
        <v>0</v>
      </c>
      <c r="J5645" s="8">
        <v>1</v>
      </c>
      <c r="K5645" s="9">
        <v>5.67</v>
      </c>
      <c r="L5645" s="6" t="s">
        <v>4151</v>
      </c>
    </row>
    <row r="5646" spans="1:12">
      <c r="A5646" s="6" t="s">
        <v>49</v>
      </c>
      <c r="B5646" s="6"/>
      <c r="C5646" s="6" t="s">
        <v>5666</v>
      </c>
      <c r="D5646" s="6"/>
      <c r="E5646" s="6" t="s">
        <v>9</v>
      </c>
      <c r="F5646" s="7">
        <v>42956</v>
      </c>
      <c r="G5646" s="8">
        <v>1</v>
      </c>
      <c r="H5646" s="8">
        <v>1</v>
      </c>
      <c r="I5646" s="8">
        <v>0</v>
      </c>
      <c r="J5646" s="8">
        <v>1</v>
      </c>
      <c r="K5646" s="9">
        <v>21</v>
      </c>
      <c r="L5646" s="6" t="s">
        <v>51</v>
      </c>
    </row>
    <row r="5647" spans="1:12">
      <c r="A5647" s="6" t="s">
        <v>49</v>
      </c>
      <c r="B5647" s="6"/>
      <c r="C5647" s="6" t="s">
        <v>5667</v>
      </c>
      <c r="D5647" s="6"/>
      <c r="E5647" s="6" t="s">
        <v>9</v>
      </c>
      <c r="F5647" s="7">
        <v>42759</v>
      </c>
      <c r="G5647" s="8">
        <v>1</v>
      </c>
      <c r="H5647" s="8">
        <v>1</v>
      </c>
      <c r="I5647" s="8">
        <v>0</v>
      </c>
      <c r="J5647" s="8">
        <v>1</v>
      </c>
      <c r="K5647" s="9">
        <v>37</v>
      </c>
      <c r="L5647" s="6" t="s">
        <v>51</v>
      </c>
    </row>
    <row r="5648" spans="1:12">
      <c r="A5648" s="6" t="s">
        <v>49</v>
      </c>
      <c r="B5648" s="6"/>
      <c r="C5648" s="6" t="s">
        <v>5668</v>
      </c>
      <c r="D5648" s="6"/>
      <c r="E5648" s="6" t="s">
        <v>9</v>
      </c>
      <c r="F5648" s="7">
        <v>42787</v>
      </c>
      <c r="G5648" s="8">
        <v>1</v>
      </c>
      <c r="H5648" s="8">
        <v>1</v>
      </c>
      <c r="I5648" s="8">
        <v>0</v>
      </c>
      <c r="J5648" s="8">
        <v>1</v>
      </c>
      <c r="K5648" s="9">
        <v>30</v>
      </c>
      <c r="L5648" s="6" t="s">
        <v>51</v>
      </c>
    </row>
    <row r="5649" spans="1:12">
      <c r="A5649" s="6" t="s">
        <v>49</v>
      </c>
      <c r="B5649" s="6"/>
      <c r="C5649" s="6" t="s">
        <v>5669</v>
      </c>
      <c r="D5649" s="6"/>
      <c r="E5649" s="6" t="s">
        <v>9</v>
      </c>
      <c r="F5649" s="7">
        <v>42816</v>
      </c>
      <c r="G5649" s="8">
        <v>1</v>
      </c>
      <c r="H5649" s="8">
        <v>1</v>
      </c>
      <c r="I5649" s="8">
        <v>0</v>
      </c>
      <c r="J5649" s="8">
        <v>1</v>
      </c>
      <c r="K5649" s="9">
        <v>40.33</v>
      </c>
      <c r="L5649" s="6" t="s">
        <v>10</v>
      </c>
    </row>
    <row r="5650" spans="1:12">
      <c r="A5650" s="6" t="s">
        <v>49</v>
      </c>
      <c r="B5650" s="6"/>
      <c r="C5650" s="6" t="s">
        <v>5670</v>
      </c>
      <c r="D5650" s="6"/>
      <c r="E5650" s="6" t="s">
        <v>9</v>
      </c>
      <c r="F5650" s="7">
        <v>42816</v>
      </c>
      <c r="G5650" s="8">
        <v>1</v>
      </c>
      <c r="H5650" s="8">
        <v>1</v>
      </c>
      <c r="I5650" s="8">
        <v>0</v>
      </c>
      <c r="J5650" s="8">
        <v>1</v>
      </c>
      <c r="K5650" s="9">
        <v>34.83</v>
      </c>
      <c r="L5650" s="6" t="s">
        <v>10</v>
      </c>
    </row>
    <row r="5651" spans="1:12">
      <c r="A5651" s="6" t="s">
        <v>49</v>
      </c>
      <c r="B5651" s="6"/>
      <c r="C5651" s="6" t="s">
        <v>5671</v>
      </c>
      <c r="D5651" s="6"/>
      <c r="E5651" s="6" t="s">
        <v>9</v>
      </c>
      <c r="F5651" s="7">
        <v>42830</v>
      </c>
      <c r="G5651" s="8">
        <v>1</v>
      </c>
      <c r="H5651" s="8">
        <v>1</v>
      </c>
      <c r="I5651" s="8">
        <v>0</v>
      </c>
      <c r="J5651" s="8">
        <v>1</v>
      </c>
      <c r="K5651" s="9">
        <v>322</v>
      </c>
      <c r="L5651" s="6" t="s">
        <v>51</v>
      </c>
    </row>
    <row r="5652" spans="1:12">
      <c r="A5652" s="6" t="s">
        <v>49</v>
      </c>
      <c r="B5652" s="6"/>
      <c r="C5652" s="6" t="s">
        <v>5672</v>
      </c>
      <c r="D5652" s="6"/>
      <c r="E5652" s="6" t="s">
        <v>9</v>
      </c>
      <c r="F5652" s="7">
        <v>42830</v>
      </c>
      <c r="G5652" s="8">
        <v>1</v>
      </c>
      <c r="H5652" s="8">
        <v>1</v>
      </c>
      <c r="I5652" s="8">
        <v>0</v>
      </c>
      <c r="J5652" s="8">
        <v>1</v>
      </c>
      <c r="K5652" s="9">
        <v>105</v>
      </c>
      <c r="L5652" s="6" t="s">
        <v>51</v>
      </c>
    </row>
    <row r="5653" spans="1:12">
      <c r="A5653" s="6" t="s">
        <v>49</v>
      </c>
      <c r="B5653" s="6"/>
      <c r="C5653" s="6" t="s">
        <v>5673</v>
      </c>
      <c r="D5653" s="6"/>
      <c r="E5653" s="6" t="s">
        <v>9</v>
      </c>
      <c r="F5653" s="7">
        <v>38657</v>
      </c>
      <c r="G5653" s="8">
        <v>1</v>
      </c>
      <c r="H5653" s="8">
        <v>1</v>
      </c>
      <c r="I5653" s="8">
        <v>0</v>
      </c>
      <c r="J5653" s="8">
        <v>1</v>
      </c>
      <c r="K5653" s="9">
        <v>8.09</v>
      </c>
      <c r="L5653" s="6" t="s">
        <v>51</v>
      </c>
    </row>
    <row r="5654" spans="1:12">
      <c r="A5654" s="6" t="s">
        <v>49</v>
      </c>
      <c r="B5654" s="6"/>
      <c r="C5654" s="6" t="s">
        <v>5674</v>
      </c>
      <c r="D5654" s="6"/>
      <c r="E5654" s="6" t="s">
        <v>9</v>
      </c>
      <c r="F5654" s="7">
        <v>42830</v>
      </c>
      <c r="G5654" s="8">
        <v>1</v>
      </c>
      <c r="H5654" s="8">
        <v>1</v>
      </c>
      <c r="I5654" s="8">
        <v>0</v>
      </c>
      <c r="J5654" s="8">
        <v>1</v>
      </c>
      <c r="K5654" s="9">
        <v>729</v>
      </c>
      <c r="L5654" s="6" t="s">
        <v>51</v>
      </c>
    </row>
    <row r="5655" spans="1:12">
      <c r="A5655" s="6" t="s">
        <v>49</v>
      </c>
      <c r="B5655" s="6"/>
      <c r="C5655" s="6" t="s">
        <v>5675</v>
      </c>
      <c r="D5655" s="6"/>
      <c r="E5655" s="6" t="s">
        <v>9</v>
      </c>
      <c r="F5655" s="7">
        <v>42830</v>
      </c>
      <c r="G5655" s="8">
        <v>1</v>
      </c>
      <c r="H5655" s="8">
        <v>1</v>
      </c>
      <c r="I5655" s="8">
        <v>0</v>
      </c>
      <c r="J5655" s="8">
        <v>1</v>
      </c>
      <c r="K5655" s="9">
        <v>94</v>
      </c>
      <c r="L5655" s="6" t="s">
        <v>51</v>
      </c>
    </row>
    <row r="5656" spans="1:12">
      <c r="A5656" s="6" t="s">
        <v>49</v>
      </c>
      <c r="B5656" s="6"/>
      <c r="C5656" s="6" t="s">
        <v>5676</v>
      </c>
      <c r="D5656" s="6"/>
      <c r="E5656" s="6" t="s">
        <v>9</v>
      </c>
      <c r="F5656" s="7">
        <v>42839</v>
      </c>
      <c r="G5656" s="8">
        <v>1</v>
      </c>
      <c r="H5656" s="8">
        <v>1</v>
      </c>
      <c r="I5656" s="8">
        <v>0</v>
      </c>
      <c r="J5656" s="8">
        <v>1</v>
      </c>
      <c r="K5656" s="9">
        <v>2.5499999999999901</v>
      </c>
      <c r="L5656" s="6" t="s">
        <v>51</v>
      </c>
    </row>
    <row r="5657" spans="1:12">
      <c r="A5657" s="6" t="s">
        <v>49</v>
      </c>
      <c r="B5657" s="6"/>
      <c r="C5657" s="6" t="s">
        <v>5677</v>
      </c>
      <c r="D5657" s="6"/>
      <c r="E5657" s="6" t="s">
        <v>9</v>
      </c>
      <c r="F5657" s="7">
        <v>42839</v>
      </c>
      <c r="G5657" s="8">
        <v>1</v>
      </c>
      <c r="H5657" s="8">
        <v>1</v>
      </c>
      <c r="I5657" s="8">
        <v>0</v>
      </c>
      <c r="J5657" s="8">
        <v>1</v>
      </c>
      <c r="K5657" s="9">
        <v>567</v>
      </c>
      <c r="L5657" s="6" t="s">
        <v>51</v>
      </c>
    </row>
    <row r="5658" spans="1:12">
      <c r="A5658" s="6" t="s">
        <v>49</v>
      </c>
      <c r="B5658" s="6"/>
      <c r="C5658" s="6" t="s">
        <v>5678</v>
      </c>
      <c r="D5658" s="6"/>
      <c r="E5658" s="6" t="s">
        <v>9</v>
      </c>
      <c r="F5658" s="7">
        <v>42844</v>
      </c>
      <c r="G5658" s="8">
        <v>1</v>
      </c>
      <c r="H5658" s="8">
        <v>1</v>
      </c>
      <c r="I5658" s="8">
        <v>0</v>
      </c>
      <c r="J5658" s="8">
        <v>1</v>
      </c>
      <c r="K5658" s="9">
        <v>45</v>
      </c>
      <c r="L5658" s="6" t="s">
        <v>51</v>
      </c>
    </row>
    <row r="5659" spans="1:12">
      <c r="A5659" s="6" t="s">
        <v>49</v>
      </c>
      <c r="B5659" s="6"/>
      <c r="C5659" s="6" t="s">
        <v>5679</v>
      </c>
      <c r="D5659" s="6"/>
      <c r="E5659" s="6" t="s">
        <v>9</v>
      </c>
      <c r="F5659" s="7">
        <v>42844</v>
      </c>
      <c r="G5659" s="8">
        <v>1</v>
      </c>
      <c r="H5659" s="8">
        <v>1</v>
      </c>
      <c r="I5659" s="8">
        <v>0</v>
      </c>
      <c r="J5659" s="8">
        <v>1</v>
      </c>
      <c r="K5659" s="9">
        <v>5.54</v>
      </c>
      <c r="L5659" s="6" t="s">
        <v>51</v>
      </c>
    </row>
    <row r="5660" spans="1:12">
      <c r="A5660" s="6" t="s">
        <v>49</v>
      </c>
      <c r="B5660" s="6"/>
      <c r="C5660" s="6" t="s">
        <v>5680</v>
      </c>
      <c r="D5660" s="6"/>
      <c r="E5660" s="6" t="s">
        <v>9</v>
      </c>
      <c r="F5660" s="7">
        <v>42921</v>
      </c>
      <c r="G5660" s="8">
        <v>1</v>
      </c>
      <c r="H5660" s="8">
        <v>1</v>
      </c>
      <c r="I5660" s="8">
        <v>0</v>
      </c>
      <c r="J5660" s="8">
        <v>1</v>
      </c>
      <c r="K5660" s="9">
        <v>89</v>
      </c>
      <c r="L5660" s="6" t="s">
        <v>51</v>
      </c>
    </row>
    <row r="5661" spans="1:12">
      <c r="A5661" s="6" t="s">
        <v>49</v>
      </c>
      <c r="B5661" s="6"/>
      <c r="C5661" s="6" t="s">
        <v>5681</v>
      </c>
      <c r="D5661" s="6"/>
      <c r="E5661" s="6" t="s">
        <v>9</v>
      </c>
      <c r="F5661" s="7">
        <v>42921</v>
      </c>
      <c r="G5661" s="8">
        <v>1</v>
      </c>
      <c r="H5661" s="8">
        <v>1</v>
      </c>
      <c r="I5661" s="8">
        <v>0</v>
      </c>
      <c r="J5661" s="8">
        <v>1</v>
      </c>
      <c r="K5661" s="9">
        <v>6.21</v>
      </c>
      <c r="L5661" s="6" t="s">
        <v>51</v>
      </c>
    </row>
    <row r="5662" spans="1:12">
      <c r="A5662" s="6" t="s">
        <v>49</v>
      </c>
      <c r="B5662" s="6"/>
      <c r="C5662" s="6" t="s">
        <v>5682</v>
      </c>
      <c r="D5662" s="6"/>
      <c r="E5662" s="6" t="s">
        <v>9</v>
      </c>
      <c r="F5662" s="7">
        <v>42921</v>
      </c>
      <c r="G5662" s="8">
        <v>1</v>
      </c>
      <c r="H5662" s="8">
        <v>1</v>
      </c>
      <c r="I5662" s="8">
        <v>0</v>
      </c>
      <c r="J5662" s="8">
        <v>1</v>
      </c>
      <c r="K5662" s="9">
        <v>300</v>
      </c>
      <c r="L5662" s="6" t="s">
        <v>51</v>
      </c>
    </row>
    <row r="5663" spans="1:12">
      <c r="A5663" s="6" t="s">
        <v>49</v>
      </c>
      <c r="B5663" s="6"/>
      <c r="C5663" s="6" t="s">
        <v>5683</v>
      </c>
      <c r="D5663" s="6"/>
      <c r="E5663" s="6" t="s">
        <v>9</v>
      </c>
      <c r="F5663" s="7">
        <v>42989</v>
      </c>
      <c r="G5663" s="8">
        <v>1</v>
      </c>
      <c r="H5663" s="8">
        <v>1</v>
      </c>
      <c r="I5663" s="8">
        <v>0</v>
      </c>
      <c r="J5663" s="8">
        <v>1</v>
      </c>
      <c r="K5663" s="9">
        <v>607</v>
      </c>
      <c r="L5663" s="6" t="s">
        <v>51</v>
      </c>
    </row>
    <row r="5664" spans="1:12">
      <c r="A5664" s="6" t="s">
        <v>49</v>
      </c>
      <c r="B5664" s="6"/>
      <c r="C5664" s="6" t="s">
        <v>5684</v>
      </c>
      <c r="D5664" s="6"/>
      <c r="E5664" s="6" t="s">
        <v>9</v>
      </c>
      <c r="F5664" s="7">
        <v>38657</v>
      </c>
      <c r="G5664" s="8">
        <v>1</v>
      </c>
      <c r="H5664" s="8">
        <v>1</v>
      </c>
      <c r="I5664" s="8">
        <v>0</v>
      </c>
      <c r="J5664" s="8">
        <v>1</v>
      </c>
      <c r="K5664" s="9">
        <v>5.19</v>
      </c>
      <c r="L5664" s="6" t="s">
        <v>51</v>
      </c>
    </row>
    <row r="5665" spans="1:12">
      <c r="A5665" s="6" t="s">
        <v>49</v>
      </c>
      <c r="B5665" s="6"/>
      <c r="C5665" s="6" t="s">
        <v>5685</v>
      </c>
      <c r="D5665" s="6"/>
      <c r="E5665" s="6" t="s">
        <v>9</v>
      </c>
      <c r="F5665" s="7">
        <v>42989</v>
      </c>
      <c r="G5665" s="8">
        <v>1</v>
      </c>
      <c r="H5665" s="8">
        <v>1</v>
      </c>
      <c r="I5665" s="8">
        <v>0</v>
      </c>
      <c r="J5665" s="8">
        <v>1</v>
      </c>
      <c r="K5665" s="9">
        <v>556</v>
      </c>
      <c r="L5665" s="6" t="s">
        <v>51</v>
      </c>
    </row>
    <row r="5666" spans="1:12">
      <c r="A5666" s="6" t="s">
        <v>49</v>
      </c>
      <c r="B5666" s="6"/>
      <c r="C5666" s="6" t="s">
        <v>5686</v>
      </c>
      <c r="D5666" s="6"/>
      <c r="E5666" s="6" t="s">
        <v>9</v>
      </c>
      <c r="F5666" s="7">
        <v>42989</v>
      </c>
      <c r="G5666" s="8">
        <v>1</v>
      </c>
      <c r="H5666" s="8">
        <v>1</v>
      </c>
      <c r="I5666" s="8">
        <v>0</v>
      </c>
      <c r="J5666" s="8">
        <v>1</v>
      </c>
      <c r="K5666" s="9">
        <v>322</v>
      </c>
      <c r="L5666" s="6" t="s">
        <v>51</v>
      </c>
    </row>
    <row r="5667" spans="1:12">
      <c r="A5667" s="6" t="s">
        <v>49</v>
      </c>
      <c r="B5667" s="6"/>
      <c r="C5667" s="6" t="s">
        <v>5687</v>
      </c>
      <c r="D5667" s="6"/>
      <c r="E5667" s="6" t="s">
        <v>9</v>
      </c>
      <c r="F5667" s="7">
        <v>42915</v>
      </c>
      <c r="G5667" s="8">
        <v>1</v>
      </c>
      <c r="H5667" s="8">
        <v>1</v>
      </c>
      <c r="I5667" s="8">
        <v>0</v>
      </c>
      <c r="J5667" s="8">
        <v>1</v>
      </c>
      <c r="K5667" s="9">
        <v>3.2</v>
      </c>
      <c r="L5667" s="6" t="s">
        <v>10</v>
      </c>
    </row>
    <row r="5668" spans="1:12">
      <c r="A5668" s="6" t="s">
        <v>49</v>
      </c>
      <c r="B5668" s="6"/>
      <c r="C5668" s="6" t="s">
        <v>5688</v>
      </c>
      <c r="D5668" s="6"/>
      <c r="E5668" s="6" t="s">
        <v>9</v>
      </c>
      <c r="F5668" s="7">
        <v>42976</v>
      </c>
      <c r="G5668" s="8">
        <v>1</v>
      </c>
      <c r="H5668" s="8">
        <v>1</v>
      </c>
      <c r="I5668" s="8">
        <v>0</v>
      </c>
      <c r="J5668" s="8">
        <v>1</v>
      </c>
      <c r="K5668" s="9">
        <v>11</v>
      </c>
      <c r="L5668" s="6" t="s">
        <v>51</v>
      </c>
    </row>
    <row r="5669" spans="1:12">
      <c r="A5669" s="6" t="s">
        <v>49</v>
      </c>
      <c r="B5669" s="6"/>
      <c r="C5669" s="6" t="s">
        <v>5689</v>
      </c>
      <c r="D5669" s="6"/>
      <c r="E5669" s="6" t="s">
        <v>9</v>
      </c>
      <c r="F5669" s="7">
        <v>38657</v>
      </c>
      <c r="G5669" s="8">
        <v>1</v>
      </c>
      <c r="H5669" s="8">
        <v>1</v>
      </c>
      <c r="I5669" s="8">
        <v>0</v>
      </c>
      <c r="J5669" s="8">
        <v>1</v>
      </c>
      <c r="K5669" s="9">
        <v>4349</v>
      </c>
      <c r="L5669" s="6" t="s">
        <v>51</v>
      </c>
    </row>
    <row r="5670" spans="1:12">
      <c r="A5670" s="6" t="s">
        <v>49</v>
      </c>
      <c r="B5670" s="6"/>
      <c r="C5670" s="6" t="s">
        <v>5690</v>
      </c>
      <c r="D5670" s="6"/>
      <c r="E5670" s="6" t="s">
        <v>9</v>
      </c>
      <c r="F5670" s="7">
        <v>42921</v>
      </c>
      <c r="G5670" s="8">
        <v>1</v>
      </c>
      <c r="H5670" s="8">
        <v>1</v>
      </c>
      <c r="I5670" s="8">
        <v>0</v>
      </c>
      <c r="J5670" s="8">
        <v>1</v>
      </c>
      <c r="K5670" s="9">
        <v>737</v>
      </c>
      <c r="L5670" s="6" t="s">
        <v>51</v>
      </c>
    </row>
    <row r="5671" spans="1:12">
      <c r="A5671" s="6" t="s">
        <v>49</v>
      </c>
      <c r="B5671" s="6"/>
      <c r="C5671" s="6" t="s">
        <v>5691</v>
      </c>
      <c r="D5671" s="6"/>
      <c r="E5671" s="6" t="s">
        <v>9</v>
      </c>
      <c r="F5671" s="7">
        <v>42921</v>
      </c>
      <c r="G5671" s="8">
        <v>1</v>
      </c>
      <c r="H5671" s="8">
        <v>1</v>
      </c>
      <c r="I5671" s="8">
        <v>0</v>
      </c>
      <c r="J5671" s="8">
        <v>1</v>
      </c>
      <c r="K5671" s="9">
        <v>212</v>
      </c>
      <c r="L5671" s="6" t="s">
        <v>51</v>
      </c>
    </row>
    <row r="5672" spans="1:12">
      <c r="A5672" s="6" t="s">
        <v>49</v>
      </c>
      <c r="B5672" s="6"/>
      <c r="C5672" s="6" t="s">
        <v>5692</v>
      </c>
      <c r="D5672" s="6"/>
      <c r="E5672" s="6" t="s">
        <v>9</v>
      </c>
      <c r="F5672" s="7">
        <v>42873</v>
      </c>
      <c r="G5672" s="8">
        <v>1</v>
      </c>
      <c r="H5672" s="8">
        <v>1</v>
      </c>
      <c r="I5672" s="8">
        <v>0</v>
      </c>
      <c r="J5672" s="8">
        <v>1</v>
      </c>
      <c r="K5672" s="9">
        <v>2.83</v>
      </c>
      <c r="L5672" s="6" t="s">
        <v>51</v>
      </c>
    </row>
    <row r="5673" spans="1:12">
      <c r="A5673" s="6" t="s">
        <v>49</v>
      </c>
      <c r="B5673" s="6"/>
      <c r="C5673" s="6" t="s">
        <v>5693</v>
      </c>
      <c r="D5673" s="6"/>
      <c r="E5673" s="6" t="s">
        <v>9</v>
      </c>
      <c r="F5673" s="7">
        <v>38657</v>
      </c>
      <c r="G5673" s="8">
        <v>1</v>
      </c>
      <c r="H5673" s="8">
        <v>1</v>
      </c>
      <c r="I5673" s="8">
        <v>0</v>
      </c>
      <c r="J5673" s="8">
        <v>1</v>
      </c>
      <c r="K5673" s="9">
        <v>47.1</v>
      </c>
      <c r="L5673" s="6" t="s">
        <v>51</v>
      </c>
    </row>
    <row r="5674" spans="1:12">
      <c r="A5674" s="6" t="s">
        <v>49</v>
      </c>
      <c r="B5674" s="6"/>
      <c r="C5674" s="6" t="s">
        <v>5694</v>
      </c>
      <c r="D5674" s="6"/>
      <c r="E5674" s="6" t="s">
        <v>9</v>
      </c>
      <c r="F5674" s="7">
        <v>42873</v>
      </c>
      <c r="G5674" s="8">
        <v>1</v>
      </c>
      <c r="H5674" s="8">
        <v>1</v>
      </c>
      <c r="I5674" s="8">
        <v>0</v>
      </c>
      <c r="J5674" s="8">
        <v>1</v>
      </c>
      <c r="K5674" s="9">
        <v>53</v>
      </c>
      <c r="L5674" s="6" t="s">
        <v>51</v>
      </c>
    </row>
    <row r="5675" spans="1:12">
      <c r="A5675" s="6" t="s">
        <v>49</v>
      </c>
      <c r="B5675" s="6"/>
      <c r="C5675" s="6" t="s">
        <v>5695</v>
      </c>
      <c r="D5675" s="6"/>
      <c r="E5675" s="6" t="s">
        <v>9</v>
      </c>
      <c r="F5675" s="7">
        <v>42873</v>
      </c>
      <c r="G5675" s="8">
        <v>1</v>
      </c>
      <c r="H5675" s="8">
        <v>1</v>
      </c>
      <c r="I5675" s="8">
        <v>0</v>
      </c>
      <c r="J5675" s="8">
        <v>1</v>
      </c>
      <c r="K5675" s="9">
        <v>1112</v>
      </c>
      <c r="L5675" s="6" t="s">
        <v>51</v>
      </c>
    </row>
    <row r="5676" spans="1:12">
      <c r="A5676" s="6" t="s">
        <v>49</v>
      </c>
      <c r="B5676" s="6"/>
      <c r="C5676" s="6" t="s">
        <v>5696</v>
      </c>
      <c r="D5676" s="6"/>
      <c r="E5676" s="6" t="s">
        <v>9</v>
      </c>
      <c r="F5676" s="7">
        <v>42873</v>
      </c>
      <c r="G5676" s="8">
        <v>1</v>
      </c>
      <c r="H5676" s="8">
        <v>1</v>
      </c>
      <c r="I5676" s="8">
        <v>0</v>
      </c>
      <c r="J5676" s="8">
        <v>1</v>
      </c>
      <c r="K5676" s="9">
        <v>0.66</v>
      </c>
      <c r="L5676" s="6" t="s">
        <v>51</v>
      </c>
    </row>
    <row r="5677" spans="1:12">
      <c r="A5677" s="6" t="s">
        <v>49</v>
      </c>
      <c r="B5677" s="6"/>
      <c r="C5677" s="6" t="s">
        <v>5697</v>
      </c>
      <c r="D5677" s="6"/>
      <c r="E5677" s="6" t="s">
        <v>9</v>
      </c>
      <c r="F5677" s="7">
        <v>42873</v>
      </c>
      <c r="G5677" s="8">
        <v>1</v>
      </c>
      <c r="H5677" s="8">
        <v>1</v>
      </c>
      <c r="I5677" s="8">
        <v>0</v>
      </c>
      <c r="J5677" s="8">
        <v>1</v>
      </c>
      <c r="K5677" s="9">
        <v>16</v>
      </c>
      <c r="L5677" s="6" t="s">
        <v>51</v>
      </c>
    </row>
    <row r="5678" spans="1:12">
      <c r="A5678" s="6" t="s">
        <v>49</v>
      </c>
      <c r="B5678" s="6"/>
      <c r="C5678" s="6" t="s">
        <v>5698</v>
      </c>
      <c r="D5678" s="6"/>
      <c r="E5678" s="6" t="s">
        <v>9</v>
      </c>
      <c r="F5678" s="7">
        <v>43081</v>
      </c>
      <c r="G5678" s="8">
        <v>1</v>
      </c>
      <c r="H5678" s="8">
        <v>1</v>
      </c>
      <c r="I5678" s="8">
        <v>0</v>
      </c>
      <c r="J5678" s="8">
        <v>1</v>
      </c>
      <c r="K5678" s="9">
        <v>40.119999999999898</v>
      </c>
      <c r="L5678" s="6" t="s">
        <v>10</v>
      </c>
    </row>
    <row r="5679" spans="1:12">
      <c r="A5679" s="6" t="s">
        <v>49</v>
      </c>
      <c r="B5679" s="6"/>
      <c r="C5679" s="6" t="s">
        <v>5699</v>
      </c>
      <c r="D5679" s="6"/>
      <c r="E5679" s="6" t="s">
        <v>9</v>
      </c>
      <c r="F5679" s="7">
        <v>43067</v>
      </c>
      <c r="G5679" s="8">
        <v>1</v>
      </c>
      <c r="H5679" s="8">
        <v>1</v>
      </c>
      <c r="I5679" s="8">
        <v>0</v>
      </c>
      <c r="J5679" s="8">
        <v>1</v>
      </c>
      <c r="K5679" s="9">
        <v>1228</v>
      </c>
      <c r="L5679" s="6" t="s">
        <v>51</v>
      </c>
    </row>
    <row r="5680" spans="1:12">
      <c r="A5680" s="6" t="s">
        <v>49</v>
      </c>
      <c r="B5680" s="6"/>
      <c r="C5680" s="6" t="s">
        <v>5700</v>
      </c>
      <c r="D5680" s="6"/>
      <c r="E5680" s="6" t="s">
        <v>9</v>
      </c>
      <c r="F5680" s="7">
        <v>43052</v>
      </c>
      <c r="G5680" s="8">
        <v>1</v>
      </c>
      <c r="H5680" s="8">
        <v>1</v>
      </c>
      <c r="I5680" s="8">
        <v>0</v>
      </c>
      <c r="J5680" s="8">
        <v>1</v>
      </c>
      <c r="K5680" s="9">
        <v>0.41</v>
      </c>
      <c r="L5680" s="6" t="s">
        <v>51</v>
      </c>
    </row>
    <row r="5681" spans="1:12">
      <c r="A5681" s="6" t="s">
        <v>49</v>
      </c>
      <c r="B5681" s="6"/>
      <c r="C5681" s="6" t="s">
        <v>5701</v>
      </c>
      <c r="D5681" s="6"/>
      <c r="E5681" s="6" t="s">
        <v>9</v>
      </c>
      <c r="F5681" s="7">
        <v>38657</v>
      </c>
      <c r="G5681" s="8">
        <v>1</v>
      </c>
      <c r="H5681" s="8">
        <v>1</v>
      </c>
      <c r="I5681" s="8">
        <v>0</v>
      </c>
      <c r="J5681" s="8">
        <v>1</v>
      </c>
      <c r="K5681" s="9">
        <v>9.91</v>
      </c>
      <c r="L5681" s="6" t="s">
        <v>51</v>
      </c>
    </row>
    <row r="5682" spans="1:12">
      <c r="A5682" s="6" t="s">
        <v>49</v>
      </c>
      <c r="B5682" s="6"/>
      <c r="C5682" s="6" t="s">
        <v>5702</v>
      </c>
      <c r="D5682" s="6"/>
      <c r="E5682" s="6" t="s">
        <v>9</v>
      </c>
      <c r="F5682" s="7">
        <v>43052</v>
      </c>
      <c r="G5682" s="8">
        <v>1</v>
      </c>
      <c r="H5682" s="8">
        <v>1</v>
      </c>
      <c r="I5682" s="8">
        <v>0</v>
      </c>
      <c r="J5682" s="8">
        <v>1</v>
      </c>
      <c r="K5682" s="9">
        <v>0.5</v>
      </c>
      <c r="L5682" s="6" t="s">
        <v>51</v>
      </c>
    </row>
    <row r="5683" spans="1:12">
      <c r="A5683" s="6" t="s">
        <v>49</v>
      </c>
      <c r="B5683" s="6"/>
      <c r="C5683" s="6" t="s">
        <v>5703</v>
      </c>
      <c r="D5683" s="6"/>
      <c r="E5683" s="6" t="s">
        <v>9</v>
      </c>
      <c r="F5683" s="7">
        <v>43052</v>
      </c>
      <c r="G5683" s="8">
        <v>1</v>
      </c>
      <c r="H5683" s="8">
        <v>1</v>
      </c>
      <c r="I5683" s="8">
        <v>0</v>
      </c>
      <c r="J5683" s="8">
        <v>1</v>
      </c>
      <c r="K5683" s="9">
        <v>7.0000000000000007E-2</v>
      </c>
      <c r="L5683" s="6" t="s">
        <v>51</v>
      </c>
    </row>
    <row r="5684" spans="1:12">
      <c r="A5684" s="6" t="s">
        <v>49</v>
      </c>
      <c r="B5684" s="6"/>
      <c r="C5684" s="6" t="s">
        <v>5704</v>
      </c>
      <c r="D5684" s="6"/>
      <c r="E5684" s="6" t="s">
        <v>9</v>
      </c>
      <c r="F5684" s="7">
        <v>43073</v>
      </c>
      <c r="G5684" s="8">
        <v>1</v>
      </c>
      <c r="H5684" s="8">
        <v>1</v>
      </c>
      <c r="I5684" s="8">
        <v>0</v>
      </c>
      <c r="J5684" s="8">
        <v>1</v>
      </c>
      <c r="K5684" s="9">
        <v>5.55</v>
      </c>
      <c r="L5684" s="6" t="s">
        <v>51</v>
      </c>
    </row>
    <row r="5685" spans="1:12">
      <c r="A5685" s="6" t="s">
        <v>49</v>
      </c>
      <c r="B5685" s="6"/>
      <c r="C5685" s="6" t="s">
        <v>5705</v>
      </c>
      <c r="D5685" s="6"/>
      <c r="E5685" s="6" t="s">
        <v>9</v>
      </c>
      <c r="F5685" s="7">
        <v>43073</v>
      </c>
      <c r="G5685" s="8">
        <v>1</v>
      </c>
      <c r="H5685" s="8">
        <v>1</v>
      </c>
      <c r="I5685" s="8">
        <v>0</v>
      </c>
      <c r="J5685" s="8">
        <v>1</v>
      </c>
      <c r="K5685" s="9">
        <v>4.33</v>
      </c>
      <c r="L5685" s="6" t="s">
        <v>51</v>
      </c>
    </row>
    <row r="5686" spans="1:12">
      <c r="A5686" s="6" t="s">
        <v>49</v>
      </c>
      <c r="B5686" s="6"/>
      <c r="C5686" s="6" t="s">
        <v>5706</v>
      </c>
      <c r="D5686" s="6"/>
      <c r="E5686" s="6" t="s">
        <v>9</v>
      </c>
      <c r="F5686" s="7">
        <v>43073</v>
      </c>
      <c r="G5686" s="8">
        <v>1</v>
      </c>
      <c r="H5686" s="8">
        <v>1</v>
      </c>
      <c r="I5686" s="8">
        <v>0</v>
      </c>
      <c r="J5686" s="8">
        <v>1</v>
      </c>
      <c r="K5686" s="9">
        <v>5.93</v>
      </c>
      <c r="L5686" s="6" t="s">
        <v>51</v>
      </c>
    </row>
    <row r="5687" spans="1:12">
      <c r="A5687" s="6" t="s">
        <v>49</v>
      </c>
      <c r="B5687" s="6"/>
      <c r="C5687" s="6" t="s">
        <v>5707</v>
      </c>
      <c r="D5687" s="6"/>
      <c r="E5687" s="6" t="s">
        <v>9</v>
      </c>
      <c r="F5687" s="7">
        <v>43073</v>
      </c>
      <c r="G5687" s="8">
        <v>1</v>
      </c>
      <c r="H5687" s="8">
        <v>1</v>
      </c>
      <c r="I5687" s="8">
        <v>0</v>
      </c>
      <c r="J5687" s="8">
        <v>1</v>
      </c>
      <c r="K5687" s="9">
        <v>16</v>
      </c>
      <c r="L5687" s="6" t="s">
        <v>51</v>
      </c>
    </row>
    <row r="5688" spans="1:12">
      <c r="A5688" s="6" t="s">
        <v>49</v>
      </c>
      <c r="B5688" s="6"/>
      <c r="C5688" s="6" t="s">
        <v>5708</v>
      </c>
      <c r="D5688" s="6"/>
      <c r="E5688" s="6" t="s">
        <v>9</v>
      </c>
      <c r="F5688" s="7">
        <v>43073</v>
      </c>
      <c r="G5688" s="8">
        <v>1</v>
      </c>
      <c r="H5688" s="8">
        <v>1</v>
      </c>
      <c r="I5688" s="8">
        <v>0</v>
      </c>
      <c r="J5688" s="8">
        <v>1</v>
      </c>
      <c r="K5688" s="9">
        <v>5.62</v>
      </c>
      <c r="L5688" s="6" t="s">
        <v>51</v>
      </c>
    </row>
    <row r="5689" spans="1:12">
      <c r="A5689" s="6" t="s">
        <v>49</v>
      </c>
      <c r="B5689" s="6"/>
      <c r="C5689" s="6" t="s">
        <v>5709</v>
      </c>
      <c r="D5689" s="6"/>
      <c r="E5689" s="6" t="s">
        <v>9</v>
      </c>
      <c r="F5689" s="7">
        <v>43073</v>
      </c>
      <c r="G5689" s="8">
        <v>1</v>
      </c>
      <c r="H5689" s="8">
        <v>1</v>
      </c>
      <c r="I5689" s="8">
        <v>0</v>
      </c>
      <c r="J5689" s="8">
        <v>1</v>
      </c>
      <c r="K5689" s="9">
        <v>9.6300000000000008</v>
      </c>
      <c r="L5689" s="6" t="s">
        <v>51</v>
      </c>
    </row>
    <row r="5690" spans="1:12">
      <c r="A5690" s="6" t="s">
        <v>49</v>
      </c>
      <c r="B5690" s="6"/>
      <c r="C5690" s="6" t="s">
        <v>5710</v>
      </c>
      <c r="D5690" s="6"/>
      <c r="E5690" s="6" t="s">
        <v>9</v>
      </c>
      <c r="F5690" s="7">
        <v>43073</v>
      </c>
      <c r="G5690" s="8">
        <v>1</v>
      </c>
      <c r="H5690" s="8">
        <v>1</v>
      </c>
      <c r="I5690" s="8">
        <v>0</v>
      </c>
      <c r="J5690" s="8">
        <v>1</v>
      </c>
      <c r="K5690" s="9">
        <v>0.24</v>
      </c>
      <c r="L5690" s="6" t="s">
        <v>51</v>
      </c>
    </row>
    <row r="5691" spans="1:12">
      <c r="A5691" s="6" t="s">
        <v>49</v>
      </c>
      <c r="B5691" s="6"/>
      <c r="C5691" s="6" t="s">
        <v>5711</v>
      </c>
      <c r="D5691" s="6"/>
      <c r="E5691" s="6" t="s">
        <v>9</v>
      </c>
      <c r="F5691" s="7">
        <v>43073</v>
      </c>
      <c r="G5691" s="8">
        <v>1</v>
      </c>
      <c r="H5691" s="8">
        <v>1</v>
      </c>
      <c r="I5691" s="8">
        <v>0</v>
      </c>
      <c r="J5691" s="8">
        <v>1</v>
      </c>
      <c r="K5691" s="9">
        <v>2.00999999999999</v>
      </c>
      <c r="L5691" s="6" t="s">
        <v>51</v>
      </c>
    </row>
    <row r="5692" spans="1:12">
      <c r="A5692" s="6" t="s">
        <v>49</v>
      </c>
      <c r="B5692" s="6"/>
      <c r="C5692" s="6" t="s">
        <v>5712</v>
      </c>
      <c r="D5692" s="6"/>
      <c r="E5692" s="6" t="s">
        <v>9</v>
      </c>
      <c r="F5692" s="7">
        <v>38657</v>
      </c>
      <c r="G5692" s="8">
        <v>1</v>
      </c>
      <c r="H5692" s="8">
        <v>1</v>
      </c>
      <c r="I5692" s="8">
        <v>0</v>
      </c>
      <c r="J5692" s="8">
        <v>1</v>
      </c>
      <c r="K5692" s="9">
        <v>23.8</v>
      </c>
      <c r="L5692" s="6" t="s">
        <v>51</v>
      </c>
    </row>
    <row r="5693" spans="1:12">
      <c r="A5693" s="6" t="s">
        <v>49</v>
      </c>
      <c r="B5693" s="6"/>
      <c r="C5693" s="6" t="s">
        <v>5713</v>
      </c>
      <c r="D5693" s="6"/>
      <c r="E5693" s="6" t="s">
        <v>9</v>
      </c>
      <c r="F5693" s="7">
        <v>43033</v>
      </c>
      <c r="G5693" s="8">
        <v>1</v>
      </c>
      <c r="H5693" s="8">
        <v>1</v>
      </c>
      <c r="I5693" s="8">
        <v>0</v>
      </c>
      <c r="J5693" s="8">
        <v>1</v>
      </c>
      <c r="K5693" s="9">
        <v>15</v>
      </c>
      <c r="L5693" s="6" t="s">
        <v>51</v>
      </c>
    </row>
    <row r="5694" spans="1:12">
      <c r="A5694" s="6" t="s">
        <v>49</v>
      </c>
      <c r="B5694" s="6"/>
      <c r="C5694" s="6" t="s">
        <v>5714</v>
      </c>
      <c r="D5694" s="6"/>
      <c r="E5694" s="6" t="s">
        <v>9</v>
      </c>
      <c r="F5694" s="7">
        <v>43033</v>
      </c>
      <c r="G5694" s="8">
        <v>1</v>
      </c>
      <c r="H5694" s="8">
        <v>1</v>
      </c>
      <c r="I5694" s="8">
        <v>0</v>
      </c>
      <c r="J5694" s="8">
        <v>1</v>
      </c>
      <c r="K5694" s="9">
        <v>61</v>
      </c>
      <c r="L5694" s="6" t="s">
        <v>51</v>
      </c>
    </row>
    <row r="5695" spans="1:12">
      <c r="A5695" s="6" t="s">
        <v>49</v>
      </c>
      <c r="B5695" s="6"/>
      <c r="C5695" s="6" t="s">
        <v>5715</v>
      </c>
      <c r="D5695" s="6"/>
      <c r="E5695" s="6" t="s">
        <v>9</v>
      </c>
      <c r="F5695" s="7">
        <v>43033</v>
      </c>
      <c r="G5695" s="8">
        <v>1</v>
      </c>
      <c r="H5695" s="8">
        <v>1</v>
      </c>
      <c r="I5695" s="8">
        <v>0</v>
      </c>
      <c r="J5695" s="8">
        <v>1</v>
      </c>
      <c r="K5695" s="9">
        <v>1.27</v>
      </c>
      <c r="L5695" s="6" t="s">
        <v>51</v>
      </c>
    </row>
    <row r="5696" spans="1:12">
      <c r="A5696" s="6" t="s">
        <v>49</v>
      </c>
      <c r="B5696" s="6"/>
      <c r="C5696" s="6" t="s">
        <v>5716</v>
      </c>
      <c r="D5696" s="6"/>
      <c r="E5696" s="6" t="s">
        <v>9</v>
      </c>
      <c r="F5696" s="7">
        <v>43033</v>
      </c>
      <c r="G5696" s="8">
        <v>1</v>
      </c>
      <c r="H5696" s="8">
        <v>1</v>
      </c>
      <c r="I5696" s="8">
        <v>0</v>
      </c>
      <c r="J5696" s="8">
        <v>1</v>
      </c>
      <c r="K5696" s="9">
        <v>2.04</v>
      </c>
      <c r="L5696" s="6" t="s">
        <v>51</v>
      </c>
    </row>
    <row r="5697" spans="1:12">
      <c r="A5697" s="6" t="s">
        <v>49</v>
      </c>
      <c r="B5697" s="6"/>
      <c r="C5697" s="6" t="s">
        <v>5717</v>
      </c>
      <c r="D5697" s="6"/>
      <c r="E5697" s="6" t="s">
        <v>9</v>
      </c>
      <c r="F5697" s="7">
        <v>43073</v>
      </c>
      <c r="G5697" s="8">
        <v>1</v>
      </c>
      <c r="H5697" s="8">
        <v>1</v>
      </c>
      <c r="I5697" s="8">
        <v>0</v>
      </c>
      <c r="J5697" s="8">
        <v>1</v>
      </c>
      <c r="K5697" s="9">
        <v>325</v>
      </c>
      <c r="L5697" s="6" t="s">
        <v>51</v>
      </c>
    </row>
    <row r="5698" spans="1:12">
      <c r="A5698" s="6" t="s">
        <v>49</v>
      </c>
      <c r="B5698" s="6"/>
      <c r="C5698" s="6" t="s">
        <v>5718</v>
      </c>
      <c r="D5698" s="6"/>
      <c r="E5698" s="6" t="s">
        <v>9</v>
      </c>
      <c r="F5698" s="7">
        <v>43033</v>
      </c>
      <c r="G5698" s="8">
        <v>1</v>
      </c>
      <c r="H5698" s="8">
        <v>1</v>
      </c>
      <c r="I5698" s="8">
        <v>0</v>
      </c>
      <c r="J5698" s="8">
        <v>1</v>
      </c>
      <c r="K5698" s="9">
        <v>84</v>
      </c>
      <c r="L5698" s="6" t="s">
        <v>51</v>
      </c>
    </row>
    <row r="5699" spans="1:12">
      <c r="A5699" s="6" t="s">
        <v>49</v>
      </c>
      <c r="B5699" s="6"/>
      <c r="C5699" s="6" t="s">
        <v>5719</v>
      </c>
      <c r="D5699" s="6"/>
      <c r="E5699" s="6" t="s">
        <v>9</v>
      </c>
      <c r="F5699" s="7">
        <v>43012</v>
      </c>
      <c r="G5699" s="8">
        <v>1081293</v>
      </c>
      <c r="H5699" s="8">
        <v>1081293</v>
      </c>
      <c r="I5699" s="8">
        <v>0</v>
      </c>
      <c r="J5699" s="8">
        <v>1081293</v>
      </c>
      <c r="K5699" s="9">
        <v>72.569999999999894</v>
      </c>
      <c r="L5699" s="6" t="s">
        <v>51</v>
      </c>
    </row>
    <row r="5700" spans="1:12">
      <c r="A5700" s="6" t="s">
        <v>49</v>
      </c>
      <c r="B5700" s="6"/>
      <c r="C5700" s="6" t="s">
        <v>5720</v>
      </c>
      <c r="D5700" s="6"/>
      <c r="E5700" s="6" t="s">
        <v>9</v>
      </c>
      <c r="F5700" s="7">
        <v>43005</v>
      </c>
      <c r="G5700" s="8">
        <v>179564</v>
      </c>
      <c r="H5700" s="8">
        <v>179564</v>
      </c>
      <c r="I5700" s="8">
        <v>0</v>
      </c>
      <c r="J5700" s="8">
        <v>179564</v>
      </c>
      <c r="K5700" s="9">
        <v>23.32</v>
      </c>
      <c r="L5700" s="6" t="s">
        <v>51</v>
      </c>
    </row>
    <row r="5701" spans="1:12">
      <c r="A5701" s="6" t="s">
        <v>49</v>
      </c>
      <c r="B5701" s="6"/>
      <c r="C5701" s="6" t="s">
        <v>5721</v>
      </c>
      <c r="D5701" s="6"/>
      <c r="E5701" s="6" t="s">
        <v>9</v>
      </c>
      <c r="F5701" s="7">
        <v>43005</v>
      </c>
      <c r="G5701" s="8">
        <v>890890</v>
      </c>
      <c r="H5701" s="8">
        <v>890890</v>
      </c>
      <c r="I5701" s="8">
        <v>0</v>
      </c>
      <c r="J5701" s="8">
        <v>890890</v>
      </c>
      <c r="K5701" s="9">
        <v>127.27</v>
      </c>
      <c r="L5701" s="6" t="s">
        <v>51</v>
      </c>
    </row>
    <row r="5702" spans="1:12">
      <c r="A5702" s="6" t="s">
        <v>49</v>
      </c>
      <c r="B5702" s="6"/>
      <c r="C5702" s="6" t="s">
        <v>5722</v>
      </c>
      <c r="D5702" s="6"/>
      <c r="E5702" s="6" t="s">
        <v>9</v>
      </c>
      <c r="F5702" s="7">
        <v>43005</v>
      </c>
      <c r="G5702" s="8">
        <v>1294370</v>
      </c>
      <c r="H5702" s="8">
        <v>1294370</v>
      </c>
      <c r="I5702" s="8">
        <v>0</v>
      </c>
      <c r="J5702" s="8">
        <v>1294370</v>
      </c>
      <c r="K5702" s="9">
        <v>168.1</v>
      </c>
      <c r="L5702" s="6" t="s">
        <v>51</v>
      </c>
    </row>
    <row r="5703" spans="1:12">
      <c r="A5703" s="6" t="s">
        <v>49</v>
      </c>
      <c r="B5703" s="6"/>
      <c r="C5703" s="6" t="s">
        <v>5723</v>
      </c>
      <c r="D5703" s="6"/>
      <c r="E5703" s="6" t="s">
        <v>9</v>
      </c>
      <c r="F5703" s="7">
        <v>38657</v>
      </c>
      <c r="G5703" s="8">
        <v>1</v>
      </c>
      <c r="H5703" s="8">
        <v>1</v>
      </c>
      <c r="I5703" s="8">
        <v>0</v>
      </c>
      <c r="J5703" s="8">
        <v>1</v>
      </c>
      <c r="K5703" s="9">
        <v>40.229999999999897</v>
      </c>
      <c r="L5703" s="6" t="s">
        <v>51</v>
      </c>
    </row>
    <row r="5704" spans="1:12">
      <c r="A5704" s="6" t="s">
        <v>49</v>
      </c>
      <c r="B5704" s="6"/>
      <c r="C5704" s="6" t="s">
        <v>5724</v>
      </c>
      <c r="D5704" s="6"/>
      <c r="E5704" s="6" t="s">
        <v>9</v>
      </c>
      <c r="F5704" s="7">
        <v>43005</v>
      </c>
      <c r="G5704" s="8">
        <v>889630</v>
      </c>
      <c r="H5704" s="8">
        <v>889630</v>
      </c>
      <c r="I5704" s="8">
        <v>0</v>
      </c>
      <c r="J5704" s="8">
        <v>889630</v>
      </c>
      <c r="K5704" s="9">
        <v>127.09</v>
      </c>
      <c r="L5704" s="6" t="s">
        <v>51</v>
      </c>
    </row>
    <row r="5705" spans="1:12">
      <c r="A5705" s="6" t="s">
        <v>49</v>
      </c>
      <c r="B5705" s="6"/>
      <c r="C5705" s="6" t="s">
        <v>5725</v>
      </c>
      <c r="D5705" s="6"/>
      <c r="E5705" s="6" t="s">
        <v>9</v>
      </c>
      <c r="F5705" s="7">
        <v>43005</v>
      </c>
      <c r="G5705" s="8">
        <v>890890</v>
      </c>
      <c r="H5705" s="8">
        <v>890890</v>
      </c>
      <c r="I5705" s="8">
        <v>0</v>
      </c>
      <c r="J5705" s="8">
        <v>890890</v>
      </c>
      <c r="K5705" s="9">
        <v>127.27</v>
      </c>
      <c r="L5705" s="6" t="s">
        <v>51</v>
      </c>
    </row>
    <row r="5706" spans="1:12">
      <c r="A5706" s="6" t="s">
        <v>49</v>
      </c>
      <c r="B5706" s="6"/>
      <c r="C5706" s="6" t="s">
        <v>5726</v>
      </c>
      <c r="D5706" s="6"/>
      <c r="E5706" s="6" t="s">
        <v>9</v>
      </c>
      <c r="F5706" s="7">
        <v>43032</v>
      </c>
      <c r="G5706" s="8">
        <v>890960</v>
      </c>
      <c r="H5706" s="8">
        <v>890960</v>
      </c>
      <c r="I5706" s="8">
        <v>0</v>
      </c>
      <c r="J5706" s="8">
        <v>890960</v>
      </c>
      <c r="K5706" s="9">
        <v>127.28</v>
      </c>
      <c r="L5706" s="6" t="s">
        <v>51</v>
      </c>
    </row>
    <row r="5707" spans="1:12">
      <c r="A5707" s="6" t="s">
        <v>49</v>
      </c>
      <c r="B5707" s="6"/>
      <c r="C5707" s="6" t="s">
        <v>5727</v>
      </c>
      <c r="D5707" s="6"/>
      <c r="E5707" s="6" t="s">
        <v>9</v>
      </c>
      <c r="F5707" s="7">
        <v>43005</v>
      </c>
      <c r="G5707" s="8">
        <v>890960</v>
      </c>
      <c r="H5707" s="8">
        <v>890960</v>
      </c>
      <c r="I5707" s="8">
        <v>0</v>
      </c>
      <c r="J5707" s="8">
        <v>890960</v>
      </c>
      <c r="K5707" s="9">
        <v>127.28</v>
      </c>
      <c r="L5707" s="6" t="s">
        <v>51</v>
      </c>
    </row>
    <row r="5708" spans="1:12">
      <c r="A5708" s="6" t="s">
        <v>49</v>
      </c>
      <c r="B5708" s="6"/>
      <c r="C5708" s="6" t="s">
        <v>5728</v>
      </c>
      <c r="D5708" s="6"/>
      <c r="E5708" s="6" t="s">
        <v>9</v>
      </c>
      <c r="F5708" s="7">
        <v>43000</v>
      </c>
      <c r="G5708" s="8">
        <v>890960</v>
      </c>
      <c r="H5708" s="8">
        <v>890960</v>
      </c>
      <c r="I5708" s="8">
        <v>0</v>
      </c>
      <c r="J5708" s="8">
        <v>890960</v>
      </c>
      <c r="K5708" s="9">
        <v>127.28</v>
      </c>
      <c r="L5708" s="6" t="s">
        <v>51</v>
      </c>
    </row>
    <row r="5709" spans="1:12">
      <c r="A5709" s="6" t="s">
        <v>49</v>
      </c>
      <c r="B5709" s="6"/>
      <c r="C5709" s="6" t="s">
        <v>5729</v>
      </c>
      <c r="D5709" s="6"/>
      <c r="E5709" s="6" t="s">
        <v>9</v>
      </c>
      <c r="F5709" s="7">
        <v>43000</v>
      </c>
      <c r="G5709" s="8">
        <v>890960</v>
      </c>
      <c r="H5709" s="8">
        <v>890960</v>
      </c>
      <c r="I5709" s="8">
        <v>0</v>
      </c>
      <c r="J5709" s="8">
        <v>890960</v>
      </c>
      <c r="K5709" s="9">
        <v>127.28</v>
      </c>
      <c r="L5709" s="6" t="s">
        <v>51</v>
      </c>
    </row>
    <row r="5710" spans="1:12">
      <c r="A5710" s="6" t="s">
        <v>49</v>
      </c>
      <c r="B5710" s="6"/>
      <c r="C5710" s="6" t="s">
        <v>5730</v>
      </c>
      <c r="D5710" s="6"/>
      <c r="E5710" s="6" t="s">
        <v>9</v>
      </c>
      <c r="F5710" s="7">
        <v>43000</v>
      </c>
      <c r="G5710" s="8">
        <v>951790</v>
      </c>
      <c r="H5710" s="8">
        <v>951790</v>
      </c>
      <c r="I5710" s="8">
        <v>0</v>
      </c>
      <c r="J5710" s="8">
        <v>951790</v>
      </c>
      <c r="K5710" s="9">
        <v>135.97</v>
      </c>
      <c r="L5710" s="6" t="s">
        <v>51</v>
      </c>
    </row>
    <row r="5711" spans="1:12">
      <c r="A5711" s="6" t="s">
        <v>49</v>
      </c>
      <c r="B5711" s="6"/>
      <c r="C5711" s="6" t="s">
        <v>5731</v>
      </c>
      <c r="D5711" s="6"/>
      <c r="E5711" s="6" t="s">
        <v>9</v>
      </c>
      <c r="F5711" s="7">
        <v>43005</v>
      </c>
      <c r="G5711" s="8">
        <v>561190</v>
      </c>
      <c r="H5711" s="8">
        <v>561190</v>
      </c>
      <c r="I5711" s="8">
        <v>0</v>
      </c>
      <c r="J5711" s="8">
        <v>561190</v>
      </c>
      <c r="K5711" s="9">
        <v>80.17</v>
      </c>
      <c r="L5711" s="6" t="s">
        <v>51</v>
      </c>
    </row>
    <row r="5712" spans="1:12">
      <c r="A5712" s="6" t="s">
        <v>49</v>
      </c>
      <c r="B5712" s="6"/>
      <c r="C5712" s="6" t="s">
        <v>5732</v>
      </c>
      <c r="D5712" s="6"/>
      <c r="E5712" s="6" t="s">
        <v>9</v>
      </c>
      <c r="F5712" s="7">
        <v>43005</v>
      </c>
      <c r="G5712" s="8">
        <v>1017240</v>
      </c>
      <c r="H5712" s="8">
        <v>1017240</v>
      </c>
      <c r="I5712" s="8">
        <v>0</v>
      </c>
      <c r="J5712" s="8">
        <v>1017240</v>
      </c>
      <c r="K5712" s="9">
        <v>145.32</v>
      </c>
      <c r="L5712" s="6" t="s">
        <v>51</v>
      </c>
    </row>
    <row r="5713" spans="1:12">
      <c r="A5713" s="6" t="s">
        <v>49</v>
      </c>
      <c r="B5713" s="6"/>
      <c r="C5713" s="6" t="s">
        <v>5733</v>
      </c>
      <c r="D5713" s="6"/>
      <c r="E5713" s="6" t="s">
        <v>9</v>
      </c>
      <c r="F5713" s="7">
        <v>43061</v>
      </c>
      <c r="G5713" s="8">
        <v>147667</v>
      </c>
      <c r="H5713" s="8">
        <v>147667</v>
      </c>
      <c r="I5713" s="8">
        <v>0</v>
      </c>
      <c r="J5713" s="8">
        <v>147667</v>
      </c>
      <c r="K5713" s="9">
        <v>39.909999999999897</v>
      </c>
      <c r="L5713" s="6" t="s">
        <v>51</v>
      </c>
    </row>
    <row r="5714" spans="1:12">
      <c r="A5714" s="6" t="s">
        <v>49</v>
      </c>
      <c r="B5714" s="6"/>
      <c r="C5714" s="6" t="s">
        <v>5734</v>
      </c>
      <c r="D5714" s="6"/>
      <c r="E5714" s="6" t="s">
        <v>9</v>
      </c>
      <c r="F5714" s="7">
        <v>38657</v>
      </c>
      <c r="G5714" s="8">
        <v>1</v>
      </c>
      <c r="H5714" s="8">
        <v>1</v>
      </c>
      <c r="I5714" s="8">
        <v>0</v>
      </c>
      <c r="J5714" s="8">
        <v>1</v>
      </c>
      <c r="K5714" s="9">
        <v>90.74</v>
      </c>
      <c r="L5714" s="6" t="s">
        <v>51</v>
      </c>
    </row>
    <row r="5715" spans="1:12">
      <c r="A5715" s="6" t="s">
        <v>49</v>
      </c>
      <c r="B5715" s="6"/>
      <c r="C5715" s="6" t="s">
        <v>5735</v>
      </c>
      <c r="D5715" s="6"/>
      <c r="E5715" s="6" t="s">
        <v>9</v>
      </c>
      <c r="F5715" s="7">
        <v>43061</v>
      </c>
      <c r="G5715" s="8">
        <v>47175</v>
      </c>
      <c r="H5715" s="8">
        <v>47175</v>
      </c>
      <c r="I5715" s="8">
        <v>0</v>
      </c>
      <c r="J5715" s="8">
        <v>47175</v>
      </c>
      <c r="K5715" s="9">
        <v>12.75</v>
      </c>
      <c r="L5715" s="6" t="s">
        <v>51</v>
      </c>
    </row>
    <row r="5716" spans="1:12">
      <c r="A5716" s="6" t="s">
        <v>49</v>
      </c>
      <c r="B5716" s="6"/>
      <c r="C5716" s="6" t="s">
        <v>5736</v>
      </c>
      <c r="D5716" s="6"/>
      <c r="E5716" s="6" t="s">
        <v>9</v>
      </c>
      <c r="F5716" s="7">
        <v>42889</v>
      </c>
      <c r="G5716" s="8">
        <v>1</v>
      </c>
      <c r="H5716" s="8">
        <v>1</v>
      </c>
      <c r="I5716" s="8">
        <v>0</v>
      </c>
      <c r="J5716" s="8">
        <v>1</v>
      </c>
      <c r="K5716" s="9">
        <v>2.4</v>
      </c>
      <c r="L5716" s="6" t="s">
        <v>51</v>
      </c>
    </row>
    <row r="5717" spans="1:12">
      <c r="A5717" s="6" t="s">
        <v>49</v>
      </c>
      <c r="B5717" s="6"/>
      <c r="C5717" s="6" t="s">
        <v>5737</v>
      </c>
      <c r="D5717" s="6"/>
      <c r="E5717" s="6" t="s">
        <v>9</v>
      </c>
      <c r="F5717" s="7">
        <v>42889</v>
      </c>
      <c r="G5717" s="8">
        <v>1</v>
      </c>
      <c r="H5717" s="8">
        <v>1</v>
      </c>
      <c r="I5717" s="8">
        <v>0</v>
      </c>
      <c r="J5717" s="8">
        <v>1</v>
      </c>
      <c r="K5717" s="9">
        <v>6655</v>
      </c>
      <c r="L5717" s="6" t="s">
        <v>51</v>
      </c>
    </row>
    <row r="5718" spans="1:12">
      <c r="A5718" s="6" t="s">
        <v>49</v>
      </c>
      <c r="B5718" s="6"/>
      <c r="C5718" s="6" t="s">
        <v>5738</v>
      </c>
      <c r="D5718" s="6"/>
      <c r="E5718" s="6" t="s">
        <v>9</v>
      </c>
      <c r="F5718" s="7">
        <v>42889</v>
      </c>
      <c r="G5718" s="8">
        <v>1</v>
      </c>
      <c r="H5718" s="8">
        <v>1</v>
      </c>
      <c r="I5718" s="8">
        <v>0</v>
      </c>
      <c r="J5718" s="8">
        <v>1</v>
      </c>
      <c r="K5718" s="9">
        <v>2920</v>
      </c>
      <c r="L5718" s="6" t="s">
        <v>51</v>
      </c>
    </row>
    <row r="5719" spans="1:12">
      <c r="A5719" s="6" t="s">
        <v>49</v>
      </c>
      <c r="B5719" s="6"/>
      <c r="C5719" s="6" t="s">
        <v>5739</v>
      </c>
      <c r="D5719" s="6"/>
      <c r="E5719" s="6" t="s">
        <v>9</v>
      </c>
      <c r="F5719" s="7">
        <v>42889</v>
      </c>
      <c r="G5719" s="8">
        <v>1</v>
      </c>
      <c r="H5719" s="8">
        <v>1</v>
      </c>
      <c r="I5719" s="8">
        <v>0</v>
      </c>
      <c r="J5719" s="8">
        <v>1</v>
      </c>
      <c r="K5719" s="9">
        <v>3717</v>
      </c>
      <c r="L5719" s="6" t="s">
        <v>51</v>
      </c>
    </row>
    <row r="5720" spans="1:12">
      <c r="A5720" s="6" t="s">
        <v>49</v>
      </c>
      <c r="B5720" s="6"/>
      <c r="C5720" s="6" t="s">
        <v>5740</v>
      </c>
      <c r="D5720" s="6"/>
      <c r="E5720" s="6" t="s">
        <v>9</v>
      </c>
      <c r="F5720" s="7">
        <v>42889</v>
      </c>
      <c r="G5720" s="8">
        <v>1</v>
      </c>
      <c r="H5720" s="8">
        <v>1</v>
      </c>
      <c r="I5720" s="8">
        <v>0</v>
      </c>
      <c r="J5720" s="8">
        <v>1</v>
      </c>
      <c r="K5720" s="9">
        <v>1000</v>
      </c>
      <c r="L5720" s="6" t="s">
        <v>51</v>
      </c>
    </row>
    <row r="5721" spans="1:12">
      <c r="A5721" s="6" t="s">
        <v>49</v>
      </c>
      <c r="B5721" s="6"/>
      <c r="C5721" s="6" t="s">
        <v>5741</v>
      </c>
      <c r="D5721" s="6"/>
      <c r="E5721" s="6" t="s">
        <v>9</v>
      </c>
      <c r="F5721" s="7">
        <v>42889</v>
      </c>
      <c r="G5721" s="8">
        <v>1</v>
      </c>
      <c r="H5721" s="8">
        <v>1</v>
      </c>
      <c r="I5721" s="8">
        <v>0</v>
      </c>
      <c r="J5721" s="8">
        <v>1</v>
      </c>
      <c r="K5721" s="9">
        <v>3393</v>
      </c>
      <c r="L5721" s="6" t="s">
        <v>51</v>
      </c>
    </row>
    <row r="5722" spans="1:12">
      <c r="A5722" s="6" t="s">
        <v>49</v>
      </c>
      <c r="B5722" s="6"/>
      <c r="C5722" s="6" t="s">
        <v>5742</v>
      </c>
      <c r="D5722" s="6"/>
      <c r="E5722" s="6" t="s">
        <v>9</v>
      </c>
      <c r="F5722" s="7">
        <v>42889</v>
      </c>
      <c r="G5722" s="8">
        <v>1</v>
      </c>
      <c r="H5722" s="8">
        <v>1</v>
      </c>
      <c r="I5722" s="8">
        <v>0</v>
      </c>
      <c r="J5722" s="8">
        <v>1</v>
      </c>
      <c r="K5722" s="9">
        <v>1231</v>
      </c>
      <c r="L5722" s="6" t="s">
        <v>51</v>
      </c>
    </row>
    <row r="5723" spans="1:12">
      <c r="A5723" s="6" t="s">
        <v>49</v>
      </c>
      <c r="B5723" s="6"/>
      <c r="C5723" s="6" t="s">
        <v>5743</v>
      </c>
      <c r="D5723" s="6"/>
      <c r="E5723" s="6" t="s">
        <v>9</v>
      </c>
      <c r="F5723" s="7">
        <v>42889</v>
      </c>
      <c r="G5723" s="8">
        <v>1</v>
      </c>
      <c r="H5723" s="8">
        <v>1</v>
      </c>
      <c r="I5723" s="8">
        <v>0</v>
      </c>
      <c r="J5723" s="8">
        <v>1</v>
      </c>
      <c r="K5723" s="9">
        <v>1468</v>
      </c>
      <c r="L5723" s="6" t="s">
        <v>51</v>
      </c>
    </row>
    <row r="5724" spans="1:12">
      <c r="A5724" s="6" t="s">
        <v>49</v>
      </c>
      <c r="B5724" s="6"/>
      <c r="C5724" s="6" t="s">
        <v>5744</v>
      </c>
      <c r="D5724" s="6"/>
      <c r="E5724" s="6" t="s">
        <v>9</v>
      </c>
      <c r="F5724" s="7">
        <v>42889</v>
      </c>
      <c r="G5724" s="8">
        <v>1</v>
      </c>
      <c r="H5724" s="8">
        <v>1</v>
      </c>
      <c r="I5724" s="8">
        <v>0</v>
      </c>
      <c r="J5724" s="8">
        <v>1</v>
      </c>
      <c r="K5724" s="9">
        <v>896</v>
      </c>
      <c r="L5724" s="6" t="s">
        <v>51</v>
      </c>
    </row>
    <row r="5725" spans="1:12">
      <c r="A5725" s="6" t="s">
        <v>49</v>
      </c>
      <c r="B5725" s="6"/>
      <c r="C5725" s="6" t="s">
        <v>5745</v>
      </c>
      <c r="D5725" s="6"/>
      <c r="E5725" s="6" t="s">
        <v>9</v>
      </c>
      <c r="F5725" s="7">
        <v>38657</v>
      </c>
      <c r="G5725" s="8">
        <v>1</v>
      </c>
      <c r="H5725" s="8">
        <v>1</v>
      </c>
      <c r="I5725" s="8">
        <v>0</v>
      </c>
      <c r="J5725" s="8">
        <v>1</v>
      </c>
      <c r="K5725" s="9">
        <v>14</v>
      </c>
      <c r="L5725" s="6" t="s">
        <v>51</v>
      </c>
    </row>
    <row r="5726" spans="1:12">
      <c r="A5726" s="6" t="s">
        <v>49</v>
      </c>
      <c r="B5726" s="6"/>
      <c r="C5726" s="6" t="s">
        <v>5746</v>
      </c>
      <c r="D5726" s="6"/>
      <c r="E5726" s="6" t="s">
        <v>9</v>
      </c>
      <c r="F5726" s="7">
        <v>38657</v>
      </c>
      <c r="G5726" s="8">
        <v>1</v>
      </c>
      <c r="H5726" s="8">
        <v>1</v>
      </c>
      <c r="I5726" s="8">
        <v>0</v>
      </c>
      <c r="J5726" s="8">
        <v>1</v>
      </c>
      <c r="K5726" s="9">
        <v>18.8</v>
      </c>
      <c r="L5726" s="6" t="s">
        <v>51</v>
      </c>
    </row>
    <row r="5727" spans="1:12">
      <c r="A5727" s="6" t="s">
        <v>49</v>
      </c>
      <c r="B5727" s="6"/>
      <c r="C5727" s="6" t="s">
        <v>5747</v>
      </c>
      <c r="D5727" s="6"/>
      <c r="E5727" s="6" t="s">
        <v>9</v>
      </c>
      <c r="F5727" s="7">
        <v>42889</v>
      </c>
      <c r="G5727" s="8">
        <v>1</v>
      </c>
      <c r="H5727" s="8">
        <v>1</v>
      </c>
      <c r="I5727" s="8">
        <v>0</v>
      </c>
      <c r="J5727" s="8">
        <v>1</v>
      </c>
      <c r="K5727" s="9">
        <v>1036</v>
      </c>
      <c r="L5727" s="6" t="s">
        <v>51</v>
      </c>
    </row>
    <row r="5728" spans="1:12">
      <c r="A5728" s="6" t="s">
        <v>49</v>
      </c>
      <c r="B5728" s="6"/>
      <c r="C5728" s="6" t="s">
        <v>5748</v>
      </c>
      <c r="D5728" s="6"/>
      <c r="E5728" s="6" t="s">
        <v>9</v>
      </c>
      <c r="F5728" s="7">
        <v>42889</v>
      </c>
      <c r="G5728" s="8">
        <v>1</v>
      </c>
      <c r="H5728" s="8">
        <v>1</v>
      </c>
      <c r="I5728" s="8">
        <v>0</v>
      </c>
      <c r="J5728" s="8">
        <v>1</v>
      </c>
      <c r="K5728" s="9">
        <v>900</v>
      </c>
      <c r="L5728" s="6" t="s">
        <v>51</v>
      </c>
    </row>
    <row r="5729" spans="1:12">
      <c r="A5729" s="6" t="s">
        <v>49</v>
      </c>
      <c r="B5729" s="6"/>
      <c r="C5729" s="6" t="s">
        <v>5749</v>
      </c>
      <c r="D5729" s="6"/>
      <c r="E5729" s="6" t="s">
        <v>9</v>
      </c>
      <c r="F5729" s="7">
        <v>42889</v>
      </c>
      <c r="G5729" s="8">
        <v>1</v>
      </c>
      <c r="H5729" s="8">
        <v>1</v>
      </c>
      <c r="I5729" s="8">
        <v>0</v>
      </c>
      <c r="J5729" s="8">
        <v>1</v>
      </c>
      <c r="K5729" s="9">
        <v>460</v>
      </c>
      <c r="L5729" s="6" t="s">
        <v>51</v>
      </c>
    </row>
    <row r="5730" spans="1:12">
      <c r="A5730" s="6" t="s">
        <v>49</v>
      </c>
      <c r="B5730" s="6"/>
      <c r="C5730" s="6" t="s">
        <v>5750</v>
      </c>
      <c r="D5730" s="6"/>
      <c r="E5730" s="6" t="s">
        <v>9</v>
      </c>
      <c r="F5730" s="7">
        <v>42889</v>
      </c>
      <c r="G5730" s="8">
        <v>1</v>
      </c>
      <c r="H5730" s="8">
        <v>1</v>
      </c>
      <c r="I5730" s="8">
        <v>0</v>
      </c>
      <c r="J5730" s="8">
        <v>1</v>
      </c>
      <c r="K5730" s="9">
        <v>1994</v>
      </c>
      <c r="L5730" s="6" t="s">
        <v>51</v>
      </c>
    </row>
    <row r="5731" spans="1:12">
      <c r="A5731" s="6" t="s">
        <v>49</v>
      </c>
      <c r="B5731" s="6"/>
      <c r="C5731" s="6" t="s">
        <v>5751</v>
      </c>
      <c r="D5731" s="6"/>
      <c r="E5731" s="6" t="s">
        <v>9</v>
      </c>
      <c r="F5731" s="7">
        <v>42889</v>
      </c>
      <c r="G5731" s="8">
        <v>1</v>
      </c>
      <c r="H5731" s="8">
        <v>1</v>
      </c>
      <c r="I5731" s="8">
        <v>0</v>
      </c>
      <c r="J5731" s="8">
        <v>1</v>
      </c>
      <c r="K5731" s="9">
        <v>1753</v>
      </c>
      <c r="L5731" s="6" t="s">
        <v>51</v>
      </c>
    </row>
    <row r="5732" spans="1:12">
      <c r="A5732" s="6" t="s">
        <v>49</v>
      </c>
      <c r="B5732" s="6"/>
      <c r="C5732" s="6" t="s">
        <v>5752</v>
      </c>
      <c r="D5732" s="6"/>
      <c r="E5732" s="6" t="s">
        <v>9</v>
      </c>
      <c r="F5732" s="7">
        <v>42889</v>
      </c>
      <c r="G5732" s="8">
        <v>1</v>
      </c>
      <c r="H5732" s="8">
        <v>1</v>
      </c>
      <c r="I5732" s="8">
        <v>0</v>
      </c>
      <c r="J5732" s="8">
        <v>1</v>
      </c>
      <c r="K5732" s="9">
        <v>2778</v>
      </c>
      <c r="L5732" s="6" t="s">
        <v>51</v>
      </c>
    </row>
    <row r="5733" spans="1:12">
      <c r="A5733" s="6" t="s">
        <v>49</v>
      </c>
      <c r="B5733" s="6"/>
      <c r="C5733" s="6" t="s">
        <v>5753</v>
      </c>
      <c r="D5733" s="6"/>
      <c r="E5733" s="6" t="s">
        <v>9</v>
      </c>
      <c r="F5733" s="7">
        <v>42889</v>
      </c>
      <c r="G5733" s="8">
        <v>1</v>
      </c>
      <c r="H5733" s="8">
        <v>1</v>
      </c>
      <c r="I5733" s="8">
        <v>0</v>
      </c>
      <c r="J5733" s="8">
        <v>1</v>
      </c>
      <c r="K5733" s="9">
        <v>1293</v>
      </c>
      <c r="L5733" s="6" t="s">
        <v>51</v>
      </c>
    </row>
    <row r="5734" spans="1:12">
      <c r="A5734" s="6" t="s">
        <v>49</v>
      </c>
      <c r="B5734" s="6"/>
      <c r="C5734" s="6" t="s">
        <v>5754</v>
      </c>
      <c r="D5734" s="6"/>
      <c r="E5734" s="6" t="s">
        <v>9</v>
      </c>
      <c r="F5734" s="7">
        <v>42889</v>
      </c>
      <c r="G5734" s="8">
        <v>1</v>
      </c>
      <c r="H5734" s="8">
        <v>1</v>
      </c>
      <c r="I5734" s="8">
        <v>0</v>
      </c>
      <c r="J5734" s="8">
        <v>1</v>
      </c>
      <c r="K5734" s="9">
        <v>2533</v>
      </c>
      <c r="L5734" s="6" t="s">
        <v>51</v>
      </c>
    </row>
    <row r="5735" spans="1:12">
      <c r="A5735" s="6" t="s">
        <v>49</v>
      </c>
      <c r="B5735" s="6"/>
      <c r="C5735" s="6" t="s">
        <v>5755</v>
      </c>
      <c r="D5735" s="6"/>
      <c r="E5735" s="6" t="s">
        <v>9</v>
      </c>
      <c r="F5735" s="7">
        <v>42889</v>
      </c>
      <c r="G5735" s="8">
        <v>1</v>
      </c>
      <c r="H5735" s="8">
        <v>1</v>
      </c>
      <c r="I5735" s="8">
        <v>0</v>
      </c>
      <c r="J5735" s="8">
        <v>1</v>
      </c>
      <c r="K5735" s="9">
        <v>246</v>
      </c>
      <c r="L5735" s="6" t="s">
        <v>51</v>
      </c>
    </row>
    <row r="5736" spans="1:12">
      <c r="A5736" s="6" t="s">
        <v>49</v>
      </c>
      <c r="B5736" s="6"/>
      <c r="C5736" s="6" t="s">
        <v>5756</v>
      </c>
      <c r="D5736" s="6"/>
      <c r="E5736" s="6" t="s">
        <v>9</v>
      </c>
      <c r="F5736" s="7">
        <v>42889</v>
      </c>
      <c r="G5736" s="8">
        <v>1</v>
      </c>
      <c r="H5736" s="8">
        <v>1</v>
      </c>
      <c r="I5736" s="8">
        <v>0</v>
      </c>
      <c r="J5736" s="8">
        <v>1</v>
      </c>
      <c r="K5736" s="9">
        <v>783</v>
      </c>
      <c r="L5736" s="6" t="s">
        <v>51</v>
      </c>
    </row>
    <row r="5737" spans="1:12">
      <c r="A5737" s="6" t="s">
        <v>49</v>
      </c>
      <c r="B5737" s="6"/>
      <c r="C5737" s="6" t="s">
        <v>5757</v>
      </c>
      <c r="D5737" s="6"/>
      <c r="E5737" s="6" t="s">
        <v>9</v>
      </c>
      <c r="F5737" s="7">
        <v>38657</v>
      </c>
      <c r="G5737" s="8">
        <v>1</v>
      </c>
      <c r="H5737" s="8">
        <v>1</v>
      </c>
      <c r="I5737" s="8">
        <v>0</v>
      </c>
      <c r="J5737" s="8">
        <v>1</v>
      </c>
      <c r="K5737" s="9">
        <v>3.4</v>
      </c>
      <c r="L5737" s="6" t="s">
        <v>51</v>
      </c>
    </row>
    <row r="5738" spans="1:12">
      <c r="A5738" s="6" t="s">
        <v>49</v>
      </c>
      <c r="B5738" s="6"/>
      <c r="C5738" s="6" t="s">
        <v>5758</v>
      </c>
      <c r="D5738" s="6"/>
      <c r="E5738" s="6" t="s">
        <v>9</v>
      </c>
      <c r="F5738" s="7">
        <v>42889</v>
      </c>
      <c r="G5738" s="8">
        <v>1</v>
      </c>
      <c r="H5738" s="8">
        <v>1</v>
      </c>
      <c r="I5738" s="8">
        <v>0</v>
      </c>
      <c r="J5738" s="8">
        <v>1</v>
      </c>
      <c r="K5738" s="9">
        <v>369</v>
      </c>
      <c r="L5738" s="6" t="s">
        <v>51</v>
      </c>
    </row>
    <row r="5739" spans="1:12">
      <c r="A5739" s="6" t="s">
        <v>49</v>
      </c>
      <c r="B5739" s="6"/>
      <c r="C5739" s="6" t="s">
        <v>5759</v>
      </c>
      <c r="D5739" s="6"/>
      <c r="E5739" s="6" t="s">
        <v>9</v>
      </c>
      <c r="F5739" s="7">
        <v>42889</v>
      </c>
      <c r="G5739" s="8">
        <v>1</v>
      </c>
      <c r="H5739" s="8">
        <v>1</v>
      </c>
      <c r="I5739" s="8">
        <v>0</v>
      </c>
      <c r="J5739" s="8">
        <v>1</v>
      </c>
      <c r="K5739" s="9">
        <v>4139</v>
      </c>
      <c r="L5739" s="6" t="s">
        <v>51</v>
      </c>
    </row>
    <row r="5740" spans="1:12">
      <c r="A5740" s="6" t="s">
        <v>49</v>
      </c>
      <c r="B5740" s="6"/>
      <c r="C5740" s="6" t="s">
        <v>5760</v>
      </c>
      <c r="D5740" s="6"/>
      <c r="E5740" s="6" t="s">
        <v>9</v>
      </c>
      <c r="F5740" s="7">
        <v>42889</v>
      </c>
      <c r="G5740" s="8">
        <v>1</v>
      </c>
      <c r="H5740" s="8">
        <v>1</v>
      </c>
      <c r="I5740" s="8">
        <v>0</v>
      </c>
      <c r="J5740" s="8">
        <v>1</v>
      </c>
      <c r="K5740" s="9">
        <v>1871</v>
      </c>
      <c r="L5740" s="6" t="s">
        <v>51</v>
      </c>
    </row>
    <row r="5741" spans="1:12">
      <c r="A5741" s="6" t="s">
        <v>49</v>
      </c>
      <c r="B5741" s="6"/>
      <c r="C5741" s="6" t="s">
        <v>5761</v>
      </c>
      <c r="D5741" s="6"/>
      <c r="E5741" s="6" t="s">
        <v>9</v>
      </c>
      <c r="F5741" s="7">
        <v>42889</v>
      </c>
      <c r="G5741" s="8">
        <v>1</v>
      </c>
      <c r="H5741" s="8">
        <v>1</v>
      </c>
      <c r="I5741" s="8">
        <v>0</v>
      </c>
      <c r="J5741" s="8">
        <v>1</v>
      </c>
      <c r="K5741" s="9">
        <v>612</v>
      </c>
      <c r="L5741" s="6" t="s">
        <v>51</v>
      </c>
    </row>
    <row r="5742" spans="1:12">
      <c r="A5742" s="6" t="s">
        <v>49</v>
      </c>
      <c r="B5742" s="6"/>
      <c r="C5742" s="6" t="s">
        <v>5762</v>
      </c>
      <c r="D5742" s="6"/>
      <c r="E5742" s="6" t="s">
        <v>9</v>
      </c>
      <c r="F5742" s="7">
        <v>42889</v>
      </c>
      <c r="G5742" s="8">
        <v>1</v>
      </c>
      <c r="H5742" s="8">
        <v>1</v>
      </c>
      <c r="I5742" s="8">
        <v>0</v>
      </c>
      <c r="J5742" s="8">
        <v>1</v>
      </c>
      <c r="K5742" s="9">
        <v>685</v>
      </c>
      <c r="L5742" s="6" t="s">
        <v>51</v>
      </c>
    </row>
    <row r="5743" spans="1:12">
      <c r="A5743" s="6" t="s">
        <v>49</v>
      </c>
      <c r="B5743" s="6"/>
      <c r="C5743" s="6" t="s">
        <v>5763</v>
      </c>
      <c r="D5743" s="6"/>
      <c r="E5743" s="6" t="s">
        <v>9</v>
      </c>
      <c r="F5743" s="7">
        <v>42889</v>
      </c>
      <c r="G5743" s="8">
        <v>1</v>
      </c>
      <c r="H5743" s="8">
        <v>1</v>
      </c>
      <c r="I5743" s="8">
        <v>0</v>
      </c>
      <c r="J5743" s="8">
        <v>1</v>
      </c>
      <c r="K5743" s="9">
        <v>228</v>
      </c>
      <c r="L5743" s="6" t="s">
        <v>51</v>
      </c>
    </row>
    <row r="5744" spans="1:12">
      <c r="A5744" s="6" t="s">
        <v>49</v>
      </c>
      <c r="B5744" s="6"/>
      <c r="C5744" s="6" t="s">
        <v>5764</v>
      </c>
      <c r="D5744" s="6"/>
      <c r="E5744" s="6" t="s">
        <v>9</v>
      </c>
      <c r="F5744" s="7">
        <v>42889</v>
      </c>
      <c r="G5744" s="8">
        <v>1</v>
      </c>
      <c r="H5744" s="8">
        <v>1</v>
      </c>
      <c r="I5744" s="8">
        <v>0</v>
      </c>
      <c r="J5744" s="8">
        <v>1</v>
      </c>
      <c r="K5744" s="9">
        <v>33</v>
      </c>
      <c r="L5744" s="6" t="s">
        <v>51</v>
      </c>
    </row>
    <row r="5745" spans="1:12">
      <c r="A5745" s="6" t="s">
        <v>49</v>
      </c>
      <c r="B5745" s="6"/>
      <c r="C5745" s="6" t="s">
        <v>5765</v>
      </c>
      <c r="D5745" s="6"/>
      <c r="E5745" s="6" t="s">
        <v>9</v>
      </c>
      <c r="F5745" s="7">
        <v>42889</v>
      </c>
      <c r="G5745" s="8">
        <v>1</v>
      </c>
      <c r="H5745" s="8">
        <v>1</v>
      </c>
      <c r="I5745" s="8">
        <v>0</v>
      </c>
      <c r="J5745" s="8">
        <v>1</v>
      </c>
      <c r="K5745" s="9">
        <v>220</v>
      </c>
      <c r="L5745" s="6" t="s">
        <v>51</v>
      </c>
    </row>
    <row r="5746" spans="1:12">
      <c r="A5746" s="6" t="s">
        <v>49</v>
      </c>
      <c r="B5746" s="6"/>
      <c r="C5746" s="6" t="s">
        <v>5766</v>
      </c>
      <c r="D5746" s="6"/>
      <c r="E5746" s="6" t="s">
        <v>9</v>
      </c>
      <c r="F5746" s="7">
        <v>42889</v>
      </c>
      <c r="G5746" s="8">
        <v>1</v>
      </c>
      <c r="H5746" s="8">
        <v>1</v>
      </c>
      <c r="I5746" s="8">
        <v>0</v>
      </c>
      <c r="J5746" s="8">
        <v>1</v>
      </c>
      <c r="K5746" s="9">
        <v>3263</v>
      </c>
      <c r="L5746" s="6" t="s">
        <v>51</v>
      </c>
    </row>
    <row r="5747" spans="1:12">
      <c r="A5747" s="6" t="s">
        <v>49</v>
      </c>
      <c r="B5747" s="6"/>
      <c r="C5747" s="6" t="s">
        <v>5767</v>
      </c>
      <c r="D5747" s="6"/>
      <c r="E5747" s="6" t="s">
        <v>9</v>
      </c>
      <c r="F5747" s="7">
        <v>42889</v>
      </c>
      <c r="G5747" s="8">
        <v>1</v>
      </c>
      <c r="H5747" s="8">
        <v>1</v>
      </c>
      <c r="I5747" s="8">
        <v>0</v>
      </c>
      <c r="J5747" s="8">
        <v>1</v>
      </c>
      <c r="K5747" s="9">
        <v>3634</v>
      </c>
      <c r="L5747" s="6" t="s">
        <v>51</v>
      </c>
    </row>
    <row r="5748" spans="1:12">
      <c r="A5748" s="6" t="s">
        <v>49</v>
      </c>
      <c r="B5748" s="6"/>
      <c r="C5748" s="6" t="s">
        <v>5768</v>
      </c>
      <c r="D5748" s="6"/>
      <c r="E5748" s="6" t="s">
        <v>9</v>
      </c>
      <c r="F5748" s="7">
        <v>38657</v>
      </c>
      <c r="G5748" s="8">
        <v>1</v>
      </c>
      <c r="H5748" s="8">
        <v>1</v>
      </c>
      <c r="I5748" s="8">
        <v>0</v>
      </c>
      <c r="J5748" s="8">
        <v>1</v>
      </c>
      <c r="K5748" s="9">
        <v>4.26</v>
      </c>
      <c r="L5748" s="6" t="s">
        <v>51</v>
      </c>
    </row>
    <row r="5749" spans="1:12">
      <c r="A5749" s="6" t="s">
        <v>49</v>
      </c>
      <c r="B5749" s="6"/>
      <c r="C5749" s="6" t="s">
        <v>5769</v>
      </c>
      <c r="D5749" s="6"/>
      <c r="E5749" s="6" t="s">
        <v>9</v>
      </c>
      <c r="F5749" s="7">
        <v>42889</v>
      </c>
      <c r="G5749" s="8">
        <v>1</v>
      </c>
      <c r="H5749" s="8">
        <v>1</v>
      </c>
      <c r="I5749" s="8">
        <v>0</v>
      </c>
      <c r="J5749" s="8">
        <v>1</v>
      </c>
      <c r="K5749" s="9">
        <v>1415</v>
      </c>
      <c r="L5749" s="6" t="s">
        <v>51</v>
      </c>
    </row>
    <row r="5750" spans="1:12">
      <c r="A5750" s="6" t="s">
        <v>49</v>
      </c>
      <c r="B5750" s="6"/>
      <c r="C5750" s="6" t="s">
        <v>5770</v>
      </c>
      <c r="D5750" s="6"/>
      <c r="E5750" s="6" t="s">
        <v>9</v>
      </c>
      <c r="F5750" s="7">
        <v>42889</v>
      </c>
      <c r="G5750" s="8">
        <v>1</v>
      </c>
      <c r="H5750" s="8">
        <v>1</v>
      </c>
      <c r="I5750" s="8">
        <v>0</v>
      </c>
      <c r="J5750" s="8">
        <v>1</v>
      </c>
      <c r="K5750" s="9">
        <v>1950</v>
      </c>
      <c r="L5750" s="6" t="s">
        <v>51</v>
      </c>
    </row>
    <row r="5751" spans="1:12">
      <c r="A5751" s="6" t="s">
        <v>49</v>
      </c>
      <c r="B5751" s="6"/>
      <c r="C5751" s="6" t="s">
        <v>5771</v>
      </c>
      <c r="D5751" s="6"/>
      <c r="E5751" s="6" t="s">
        <v>9</v>
      </c>
      <c r="F5751" s="7">
        <v>42889</v>
      </c>
      <c r="G5751" s="8">
        <v>1</v>
      </c>
      <c r="H5751" s="8">
        <v>1</v>
      </c>
      <c r="I5751" s="8">
        <v>0</v>
      </c>
      <c r="J5751" s="8">
        <v>1</v>
      </c>
      <c r="K5751" s="9">
        <v>663</v>
      </c>
      <c r="L5751" s="6" t="s">
        <v>51</v>
      </c>
    </row>
    <row r="5752" spans="1:12">
      <c r="A5752" s="6" t="s">
        <v>49</v>
      </c>
      <c r="B5752" s="6"/>
      <c r="C5752" s="6" t="s">
        <v>5772</v>
      </c>
      <c r="D5752" s="6"/>
      <c r="E5752" s="6" t="s">
        <v>9</v>
      </c>
      <c r="F5752" s="7">
        <v>42889</v>
      </c>
      <c r="G5752" s="8">
        <v>1</v>
      </c>
      <c r="H5752" s="8">
        <v>1</v>
      </c>
      <c r="I5752" s="8">
        <v>0</v>
      </c>
      <c r="J5752" s="8">
        <v>1</v>
      </c>
      <c r="K5752" s="9">
        <v>1259</v>
      </c>
      <c r="L5752" s="6" t="s">
        <v>51</v>
      </c>
    </row>
    <row r="5753" spans="1:12">
      <c r="A5753" s="6" t="s">
        <v>49</v>
      </c>
      <c r="B5753" s="6"/>
      <c r="C5753" s="6" t="s">
        <v>5773</v>
      </c>
      <c r="D5753" s="6"/>
      <c r="E5753" s="6" t="s">
        <v>9</v>
      </c>
      <c r="F5753" s="7">
        <v>42889</v>
      </c>
      <c r="G5753" s="8">
        <v>1</v>
      </c>
      <c r="H5753" s="8">
        <v>1</v>
      </c>
      <c r="I5753" s="8">
        <v>0</v>
      </c>
      <c r="J5753" s="8">
        <v>1</v>
      </c>
      <c r="K5753" s="9">
        <v>52</v>
      </c>
      <c r="L5753" s="6" t="s">
        <v>51</v>
      </c>
    </row>
    <row r="5754" spans="1:12">
      <c r="A5754" s="6" t="s">
        <v>49</v>
      </c>
      <c r="B5754" s="6"/>
      <c r="C5754" s="6" t="s">
        <v>5774</v>
      </c>
      <c r="D5754" s="6"/>
      <c r="E5754" s="6" t="s">
        <v>9</v>
      </c>
      <c r="F5754" s="7">
        <v>42889</v>
      </c>
      <c r="G5754" s="8">
        <v>1</v>
      </c>
      <c r="H5754" s="8">
        <v>1</v>
      </c>
      <c r="I5754" s="8">
        <v>0</v>
      </c>
      <c r="J5754" s="8">
        <v>1</v>
      </c>
      <c r="K5754" s="9">
        <v>18</v>
      </c>
      <c r="L5754" s="6" t="s">
        <v>51</v>
      </c>
    </row>
    <row r="5755" spans="1:12">
      <c r="A5755" s="6" t="s">
        <v>49</v>
      </c>
      <c r="B5755" s="6"/>
      <c r="C5755" s="6" t="s">
        <v>5775</v>
      </c>
      <c r="D5755" s="6"/>
      <c r="E5755" s="6" t="s">
        <v>9</v>
      </c>
      <c r="F5755" s="7">
        <v>42889</v>
      </c>
      <c r="G5755" s="8">
        <v>1</v>
      </c>
      <c r="H5755" s="8">
        <v>1</v>
      </c>
      <c r="I5755" s="8">
        <v>0</v>
      </c>
      <c r="J5755" s="8">
        <v>1</v>
      </c>
      <c r="K5755" s="9">
        <v>60</v>
      </c>
      <c r="L5755" s="6" t="s">
        <v>51</v>
      </c>
    </row>
    <row r="5756" spans="1:12">
      <c r="A5756" s="6" t="s">
        <v>49</v>
      </c>
      <c r="B5756" s="6"/>
      <c r="C5756" s="6" t="s">
        <v>5776</v>
      </c>
      <c r="D5756" s="6"/>
      <c r="E5756" s="6" t="s">
        <v>9</v>
      </c>
      <c r="F5756" s="7">
        <v>42889</v>
      </c>
      <c r="G5756" s="8">
        <v>1</v>
      </c>
      <c r="H5756" s="8">
        <v>1</v>
      </c>
      <c r="I5756" s="8">
        <v>0</v>
      </c>
      <c r="J5756" s="8">
        <v>1</v>
      </c>
      <c r="K5756" s="9">
        <v>426</v>
      </c>
      <c r="L5756" s="6" t="s">
        <v>51</v>
      </c>
    </row>
    <row r="5757" spans="1:12">
      <c r="A5757" s="6" t="s">
        <v>49</v>
      </c>
      <c r="B5757" s="6"/>
      <c r="C5757" s="6" t="s">
        <v>5777</v>
      </c>
      <c r="D5757" s="6"/>
      <c r="E5757" s="6" t="s">
        <v>9</v>
      </c>
      <c r="F5757" s="7">
        <v>42889</v>
      </c>
      <c r="G5757" s="8">
        <v>1</v>
      </c>
      <c r="H5757" s="8">
        <v>1</v>
      </c>
      <c r="I5757" s="8">
        <v>0</v>
      </c>
      <c r="J5757" s="8">
        <v>1</v>
      </c>
      <c r="K5757" s="9">
        <v>488</v>
      </c>
      <c r="L5757" s="6" t="s">
        <v>51</v>
      </c>
    </row>
    <row r="5758" spans="1:12">
      <c r="A5758" s="6" t="s">
        <v>49</v>
      </c>
      <c r="B5758" s="6"/>
      <c r="C5758" s="6" t="s">
        <v>5778</v>
      </c>
      <c r="D5758" s="6"/>
      <c r="E5758" s="6" t="s">
        <v>9</v>
      </c>
      <c r="F5758" s="7">
        <v>42889</v>
      </c>
      <c r="G5758" s="8">
        <v>1</v>
      </c>
      <c r="H5758" s="8">
        <v>1</v>
      </c>
      <c r="I5758" s="8">
        <v>0</v>
      </c>
      <c r="J5758" s="8">
        <v>1</v>
      </c>
      <c r="K5758" s="9">
        <v>514</v>
      </c>
      <c r="L5758" s="6" t="s">
        <v>51</v>
      </c>
    </row>
    <row r="5759" spans="1:12">
      <c r="A5759" s="6" t="s">
        <v>49</v>
      </c>
      <c r="B5759" s="6"/>
      <c r="C5759" s="6" t="s">
        <v>5779</v>
      </c>
      <c r="D5759" s="6"/>
      <c r="E5759" s="6" t="s">
        <v>9</v>
      </c>
      <c r="F5759" s="7">
        <v>38657</v>
      </c>
      <c r="G5759" s="8">
        <v>1</v>
      </c>
      <c r="H5759" s="8">
        <v>1</v>
      </c>
      <c r="I5759" s="8">
        <v>0</v>
      </c>
      <c r="J5759" s="8">
        <v>1</v>
      </c>
      <c r="K5759" s="9">
        <v>1.48</v>
      </c>
      <c r="L5759" s="6" t="s">
        <v>51</v>
      </c>
    </row>
    <row r="5760" spans="1:12">
      <c r="A5760" s="6" t="s">
        <v>49</v>
      </c>
      <c r="B5760" s="6"/>
      <c r="C5760" s="6" t="s">
        <v>5780</v>
      </c>
      <c r="D5760" s="6"/>
      <c r="E5760" s="6" t="s">
        <v>9</v>
      </c>
      <c r="F5760" s="7">
        <v>42889</v>
      </c>
      <c r="G5760" s="8">
        <v>1</v>
      </c>
      <c r="H5760" s="8">
        <v>1</v>
      </c>
      <c r="I5760" s="8">
        <v>0</v>
      </c>
      <c r="J5760" s="8">
        <v>1</v>
      </c>
      <c r="K5760" s="9">
        <v>186</v>
      </c>
      <c r="L5760" s="6" t="s">
        <v>51</v>
      </c>
    </row>
    <row r="5761" spans="1:12">
      <c r="A5761" s="6" t="s">
        <v>49</v>
      </c>
      <c r="B5761" s="6"/>
      <c r="C5761" s="6" t="s">
        <v>5781</v>
      </c>
      <c r="D5761" s="6"/>
      <c r="E5761" s="6" t="s">
        <v>9</v>
      </c>
      <c r="F5761" s="7">
        <v>42889</v>
      </c>
      <c r="G5761" s="8">
        <v>1</v>
      </c>
      <c r="H5761" s="8">
        <v>1</v>
      </c>
      <c r="I5761" s="8">
        <v>0</v>
      </c>
      <c r="J5761" s="8">
        <v>1</v>
      </c>
      <c r="K5761" s="9">
        <v>1273</v>
      </c>
      <c r="L5761" s="6" t="s">
        <v>51</v>
      </c>
    </row>
    <row r="5762" spans="1:12">
      <c r="A5762" s="6" t="s">
        <v>49</v>
      </c>
      <c r="B5762" s="6"/>
      <c r="C5762" s="6" t="s">
        <v>5782</v>
      </c>
      <c r="D5762" s="6"/>
      <c r="E5762" s="6" t="s">
        <v>9</v>
      </c>
      <c r="F5762" s="7">
        <v>42889</v>
      </c>
      <c r="G5762" s="8">
        <v>1</v>
      </c>
      <c r="H5762" s="8">
        <v>1</v>
      </c>
      <c r="I5762" s="8">
        <v>0</v>
      </c>
      <c r="J5762" s="8">
        <v>1</v>
      </c>
      <c r="K5762" s="9">
        <v>1044</v>
      </c>
      <c r="L5762" s="6" t="s">
        <v>51</v>
      </c>
    </row>
    <row r="5763" spans="1:12">
      <c r="A5763" s="6" t="s">
        <v>49</v>
      </c>
      <c r="B5763" s="6"/>
      <c r="C5763" s="6" t="s">
        <v>5783</v>
      </c>
      <c r="D5763" s="6"/>
      <c r="E5763" s="6" t="s">
        <v>9</v>
      </c>
      <c r="F5763" s="7">
        <v>42889</v>
      </c>
      <c r="G5763" s="8">
        <v>1</v>
      </c>
      <c r="H5763" s="8">
        <v>1</v>
      </c>
      <c r="I5763" s="8">
        <v>0</v>
      </c>
      <c r="J5763" s="8">
        <v>1</v>
      </c>
      <c r="K5763" s="9">
        <v>504</v>
      </c>
      <c r="L5763" s="6" t="s">
        <v>51</v>
      </c>
    </row>
    <row r="5764" spans="1:12">
      <c r="A5764" s="6" t="s">
        <v>49</v>
      </c>
      <c r="B5764" s="6"/>
      <c r="C5764" s="6" t="s">
        <v>5784</v>
      </c>
      <c r="D5764" s="6"/>
      <c r="E5764" s="6" t="s">
        <v>9</v>
      </c>
      <c r="F5764" s="7">
        <v>42889</v>
      </c>
      <c r="G5764" s="8">
        <v>1</v>
      </c>
      <c r="H5764" s="8">
        <v>1</v>
      </c>
      <c r="I5764" s="8">
        <v>0</v>
      </c>
      <c r="J5764" s="8">
        <v>1</v>
      </c>
      <c r="K5764" s="9">
        <v>280</v>
      </c>
      <c r="L5764" s="6" t="s">
        <v>51</v>
      </c>
    </row>
    <row r="5765" spans="1:12">
      <c r="A5765" s="6" t="s">
        <v>49</v>
      </c>
      <c r="B5765" s="6"/>
      <c r="C5765" s="6" t="s">
        <v>5785</v>
      </c>
      <c r="D5765" s="6"/>
      <c r="E5765" s="6" t="s">
        <v>9</v>
      </c>
      <c r="F5765" s="7">
        <v>42889</v>
      </c>
      <c r="G5765" s="8">
        <v>1</v>
      </c>
      <c r="H5765" s="8">
        <v>1</v>
      </c>
      <c r="I5765" s="8">
        <v>0</v>
      </c>
      <c r="J5765" s="8">
        <v>1</v>
      </c>
      <c r="K5765" s="9">
        <v>326</v>
      </c>
      <c r="L5765" s="6" t="s">
        <v>51</v>
      </c>
    </row>
    <row r="5766" spans="1:12">
      <c r="A5766" s="6" t="s">
        <v>49</v>
      </c>
      <c r="B5766" s="6"/>
      <c r="C5766" s="6" t="s">
        <v>5786</v>
      </c>
      <c r="D5766" s="6"/>
      <c r="E5766" s="6" t="s">
        <v>9</v>
      </c>
      <c r="F5766" s="7">
        <v>42889</v>
      </c>
      <c r="G5766" s="8">
        <v>1</v>
      </c>
      <c r="H5766" s="8">
        <v>1</v>
      </c>
      <c r="I5766" s="8">
        <v>0</v>
      </c>
      <c r="J5766" s="8">
        <v>1</v>
      </c>
      <c r="K5766" s="9">
        <v>383</v>
      </c>
      <c r="L5766" s="6" t="s">
        <v>51</v>
      </c>
    </row>
    <row r="5767" spans="1:12">
      <c r="A5767" s="6" t="s">
        <v>49</v>
      </c>
      <c r="B5767" s="6"/>
      <c r="C5767" s="6" t="s">
        <v>5787</v>
      </c>
      <c r="D5767" s="6"/>
      <c r="E5767" s="6" t="s">
        <v>9</v>
      </c>
      <c r="F5767" s="7">
        <v>42889</v>
      </c>
      <c r="G5767" s="8">
        <v>1</v>
      </c>
      <c r="H5767" s="8">
        <v>1</v>
      </c>
      <c r="I5767" s="8">
        <v>0</v>
      </c>
      <c r="J5767" s="8">
        <v>1</v>
      </c>
      <c r="K5767" s="9">
        <v>1906</v>
      </c>
      <c r="L5767" s="6" t="s">
        <v>51</v>
      </c>
    </row>
    <row r="5768" spans="1:12">
      <c r="A5768" s="6" t="s">
        <v>49</v>
      </c>
      <c r="B5768" s="6"/>
      <c r="C5768" s="6" t="s">
        <v>5788</v>
      </c>
      <c r="D5768" s="6"/>
      <c r="E5768" s="6" t="s">
        <v>9</v>
      </c>
      <c r="F5768" s="7">
        <v>42889</v>
      </c>
      <c r="G5768" s="8">
        <v>1</v>
      </c>
      <c r="H5768" s="8">
        <v>1</v>
      </c>
      <c r="I5768" s="8">
        <v>0</v>
      </c>
      <c r="J5768" s="8">
        <v>1</v>
      </c>
      <c r="K5768" s="9">
        <v>2433</v>
      </c>
      <c r="L5768" s="6" t="s">
        <v>51</v>
      </c>
    </row>
    <row r="5769" spans="1:12">
      <c r="A5769" s="6" t="s">
        <v>49</v>
      </c>
      <c r="B5769" s="6"/>
      <c r="C5769" s="6" t="s">
        <v>5789</v>
      </c>
      <c r="D5769" s="6"/>
      <c r="E5769" s="6" t="s">
        <v>9</v>
      </c>
      <c r="F5769" s="7">
        <v>42889</v>
      </c>
      <c r="G5769" s="8">
        <v>1</v>
      </c>
      <c r="H5769" s="8">
        <v>1</v>
      </c>
      <c r="I5769" s="8">
        <v>0</v>
      </c>
      <c r="J5769" s="8">
        <v>1</v>
      </c>
      <c r="K5769" s="9">
        <v>880</v>
      </c>
      <c r="L5769" s="6" t="s">
        <v>51</v>
      </c>
    </row>
    <row r="5770" spans="1:12">
      <c r="A5770" s="6" t="s">
        <v>49</v>
      </c>
      <c r="B5770" s="6"/>
      <c r="C5770" s="6" t="s">
        <v>5790</v>
      </c>
      <c r="D5770" s="6"/>
      <c r="E5770" s="6" t="s">
        <v>9</v>
      </c>
      <c r="F5770" s="7">
        <v>38657</v>
      </c>
      <c r="G5770" s="8">
        <v>1</v>
      </c>
      <c r="H5770" s="8">
        <v>1</v>
      </c>
      <c r="I5770" s="8">
        <v>0</v>
      </c>
      <c r="J5770" s="8">
        <v>1</v>
      </c>
      <c r="K5770" s="9">
        <v>3.23</v>
      </c>
      <c r="L5770" s="6" t="s">
        <v>51</v>
      </c>
    </row>
    <row r="5771" spans="1:12">
      <c r="A5771" s="6" t="s">
        <v>49</v>
      </c>
      <c r="B5771" s="6"/>
      <c r="C5771" s="6" t="s">
        <v>5791</v>
      </c>
      <c r="D5771" s="6"/>
      <c r="E5771" s="6" t="s">
        <v>9</v>
      </c>
      <c r="F5771" s="7">
        <v>42889</v>
      </c>
      <c r="G5771" s="8">
        <v>1</v>
      </c>
      <c r="H5771" s="8">
        <v>1</v>
      </c>
      <c r="I5771" s="8">
        <v>0</v>
      </c>
      <c r="J5771" s="8">
        <v>1</v>
      </c>
      <c r="K5771" s="9">
        <v>759</v>
      </c>
      <c r="L5771" s="6" t="s">
        <v>51</v>
      </c>
    </row>
    <row r="5772" spans="1:12">
      <c r="A5772" s="6" t="s">
        <v>49</v>
      </c>
      <c r="B5772" s="6"/>
      <c r="C5772" s="6" t="s">
        <v>5792</v>
      </c>
      <c r="D5772" s="6"/>
      <c r="E5772" s="6" t="s">
        <v>9</v>
      </c>
      <c r="F5772" s="7">
        <v>42889</v>
      </c>
      <c r="G5772" s="8">
        <v>1</v>
      </c>
      <c r="H5772" s="8">
        <v>1</v>
      </c>
      <c r="I5772" s="8">
        <v>0</v>
      </c>
      <c r="J5772" s="8">
        <v>1</v>
      </c>
      <c r="K5772" s="9">
        <v>713</v>
      </c>
      <c r="L5772" s="6" t="s">
        <v>51</v>
      </c>
    </row>
    <row r="5773" spans="1:12">
      <c r="A5773" s="6" t="s">
        <v>49</v>
      </c>
      <c r="B5773" s="6"/>
      <c r="C5773" s="6" t="s">
        <v>5793</v>
      </c>
      <c r="D5773" s="6"/>
      <c r="E5773" s="6" t="s">
        <v>9</v>
      </c>
      <c r="F5773" s="7">
        <v>42889</v>
      </c>
      <c r="G5773" s="8">
        <v>1</v>
      </c>
      <c r="H5773" s="8">
        <v>1</v>
      </c>
      <c r="I5773" s="8">
        <v>0</v>
      </c>
      <c r="J5773" s="8">
        <v>1</v>
      </c>
      <c r="K5773" s="9">
        <v>465</v>
      </c>
      <c r="L5773" s="6" t="s">
        <v>51</v>
      </c>
    </row>
    <row r="5774" spans="1:12">
      <c r="A5774" s="6" t="s">
        <v>49</v>
      </c>
      <c r="B5774" s="6"/>
      <c r="C5774" s="6" t="s">
        <v>5794</v>
      </c>
      <c r="D5774" s="6"/>
      <c r="E5774" s="6" t="s">
        <v>9</v>
      </c>
      <c r="F5774" s="7">
        <v>42889</v>
      </c>
      <c r="G5774" s="8">
        <v>1</v>
      </c>
      <c r="H5774" s="8">
        <v>1</v>
      </c>
      <c r="I5774" s="8">
        <v>0</v>
      </c>
      <c r="J5774" s="8">
        <v>1</v>
      </c>
      <c r="K5774" s="9">
        <v>397</v>
      </c>
      <c r="L5774" s="6" t="s">
        <v>51</v>
      </c>
    </row>
    <row r="5775" spans="1:12">
      <c r="A5775" s="6" t="s">
        <v>49</v>
      </c>
      <c r="B5775" s="6"/>
      <c r="C5775" s="6" t="s">
        <v>5795</v>
      </c>
      <c r="D5775" s="6"/>
      <c r="E5775" s="6" t="s">
        <v>9</v>
      </c>
      <c r="F5775" s="7">
        <v>42889</v>
      </c>
      <c r="G5775" s="8">
        <v>1</v>
      </c>
      <c r="H5775" s="8">
        <v>1</v>
      </c>
      <c r="I5775" s="8">
        <v>0</v>
      </c>
      <c r="J5775" s="8">
        <v>1</v>
      </c>
      <c r="K5775" s="9">
        <v>8.4499999999999904</v>
      </c>
      <c r="L5775" s="6" t="s">
        <v>51</v>
      </c>
    </row>
    <row r="5776" spans="1:12">
      <c r="A5776" s="6" t="s">
        <v>49</v>
      </c>
      <c r="B5776" s="6"/>
      <c r="C5776" s="6" t="s">
        <v>5796</v>
      </c>
      <c r="D5776" s="6"/>
      <c r="E5776" s="6" t="s">
        <v>9</v>
      </c>
      <c r="F5776" s="7">
        <v>42889</v>
      </c>
      <c r="G5776" s="8">
        <v>1</v>
      </c>
      <c r="H5776" s="8">
        <v>1</v>
      </c>
      <c r="I5776" s="8">
        <v>0</v>
      </c>
      <c r="J5776" s="8">
        <v>1</v>
      </c>
      <c r="K5776" s="9">
        <v>165</v>
      </c>
      <c r="L5776" s="6" t="s">
        <v>51</v>
      </c>
    </row>
    <row r="5777" spans="1:12">
      <c r="A5777" s="6" t="s">
        <v>49</v>
      </c>
      <c r="B5777" s="6"/>
      <c r="C5777" s="6" t="s">
        <v>5797</v>
      </c>
      <c r="D5777" s="6"/>
      <c r="E5777" s="6" t="s">
        <v>9</v>
      </c>
      <c r="F5777" s="7">
        <v>42889</v>
      </c>
      <c r="G5777" s="8">
        <v>1</v>
      </c>
      <c r="H5777" s="8">
        <v>1</v>
      </c>
      <c r="I5777" s="8">
        <v>0</v>
      </c>
      <c r="J5777" s="8">
        <v>1</v>
      </c>
      <c r="K5777" s="9">
        <v>175</v>
      </c>
      <c r="L5777" s="6" t="s">
        <v>51</v>
      </c>
    </row>
    <row r="5778" spans="1:12">
      <c r="A5778" s="6" t="s">
        <v>49</v>
      </c>
      <c r="B5778" s="6"/>
      <c r="C5778" s="6" t="s">
        <v>5798</v>
      </c>
      <c r="D5778" s="6"/>
      <c r="E5778" s="6" t="s">
        <v>9</v>
      </c>
      <c r="F5778" s="7">
        <v>42889</v>
      </c>
      <c r="G5778" s="8">
        <v>1</v>
      </c>
      <c r="H5778" s="8">
        <v>1</v>
      </c>
      <c r="I5778" s="8">
        <v>0</v>
      </c>
      <c r="J5778" s="8">
        <v>1</v>
      </c>
      <c r="K5778" s="9">
        <v>367</v>
      </c>
      <c r="L5778" s="6" t="s">
        <v>51</v>
      </c>
    </row>
    <row r="5779" spans="1:12">
      <c r="A5779" s="6" t="s">
        <v>49</v>
      </c>
      <c r="B5779" s="6"/>
      <c r="C5779" s="6" t="s">
        <v>5799</v>
      </c>
      <c r="D5779" s="6"/>
      <c r="E5779" s="6" t="s">
        <v>9</v>
      </c>
      <c r="F5779" s="7">
        <v>42889</v>
      </c>
      <c r="G5779" s="8">
        <v>1</v>
      </c>
      <c r="H5779" s="8">
        <v>1</v>
      </c>
      <c r="I5779" s="8">
        <v>0</v>
      </c>
      <c r="J5779" s="8">
        <v>1</v>
      </c>
      <c r="K5779" s="9">
        <v>499</v>
      </c>
      <c r="L5779" s="6" t="s">
        <v>51</v>
      </c>
    </row>
    <row r="5780" spans="1:12">
      <c r="A5780" s="6" t="s">
        <v>49</v>
      </c>
      <c r="B5780" s="6"/>
      <c r="C5780" s="6" t="s">
        <v>5800</v>
      </c>
      <c r="D5780" s="6"/>
      <c r="E5780" s="6" t="s">
        <v>9</v>
      </c>
      <c r="F5780" s="7">
        <v>42889</v>
      </c>
      <c r="G5780" s="8">
        <v>1</v>
      </c>
      <c r="H5780" s="8">
        <v>1</v>
      </c>
      <c r="I5780" s="8">
        <v>0</v>
      </c>
      <c r="J5780" s="8">
        <v>1</v>
      </c>
      <c r="K5780" s="9">
        <v>639</v>
      </c>
      <c r="L5780" s="6" t="s">
        <v>51</v>
      </c>
    </row>
    <row r="5781" spans="1:12">
      <c r="A5781" s="6" t="s">
        <v>49</v>
      </c>
      <c r="B5781" s="6"/>
      <c r="C5781" s="6" t="s">
        <v>5801</v>
      </c>
      <c r="D5781" s="6"/>
      <c r="E5781" s="6" t="s">
        <v>9</v>
      </c>
      <c r="F5781" s="7">
        <v>38657</v>
      </c>
      <c r="G5781" s="8">
        <v>1</v>
      </c>
      <c r="H5781" s="8">
        <v>1</v>
      </c>
      <c r="I5781" s="8">
        <v>0</v>
      </c>
      <c r="J5781" s="8">
        <v>1</v>
      </c>
      <c r="K5781" s="9">
        <v>1.0900000000000001</v>
      </c>
      <c r="L5781" s="6" t="s">
        <v>51</v>
      </c>
    </row>
    <row r="5782" spans="1:12">
      <c r="A5782" s="6" t="s">
        <v>49</v>
      </c>
      <c r="B5782" s="6"/>
      <c r="C5782" s="6" t="s">
        <v>5802</v>
      </c>
      <c r="D5782" s="6"/>
      <c r="E5782" s="6" t="s">
        <v>9</v>
      </c>
      <c r="F5782" s="7">
        <v>42889</v>
      </c>
      <c r="G5782" s="8">
        <v>1</v>
      </c>
      <c r="H5782" s="8">
        <v>1</v>
      </c>
      <c r="I5782" s="8">
        <v>0</v>
      </c>
      <c r="J5782" s="8">
        <v>1</v>
      </c>
      <c r="K5782" s="9">
        <v>402</v>
      </c>
      <c r="L5782" s="6" t="s">
        <v>51</v>
      </c>
    </row>
    <row r="5783" spans="1:12">
      <c r="A5783" s="6" t="s">
        <v>49</v>
      </c>
      <c r="B5783" s="6"/>
      <c r="C5783" s="6" t="s">
        <v>5803</v>
      </c>
      <c r="D5783" s="6"/>
      <c r="E5783" s="6" t="s">
        <v>9</v>
      </c>
      <c r="F5783" s="7">
        <v>42889</v>
      </c>
      <c r="G5783" s="8">
        <v>1</v>
      </c>
      <c r="H5783" s="8">
        <v>1</v>
      </c>
      <c r="I5783" s="8">
        <v>0</v>
      </c>
      <c r="J5783" s="8">
        <v>1</v>
      </c>
      <c r="K5783" s="9">
        <v>24</v>
      </c>
      <c r="L5783" s="6" t="s">
        <v>51</v>
      </c>
    </row>
    <row r="5784" spans="1:12">
      <c r="A5784" s="6" t="s">
        <v>49</v>
      </c>
      <c r="B5784" s="6"/>
      <c r="C5784" s="6" t="s">
        <v>5804</v>
      </c>
      <c r="D5784" s="6"/>
      <c r="E5784" s="6" t="s">
        <v>9</v>
      </c>
      <c r="F5784" s="7">
        <v>42889</v>
      </c>
      <c r="G5784" s="8">
        <v>1</v>
      </c>
      <c r="H5784" s="8">
        <v>1</v>
      </c>
      <c r="I5784" s="8">
        <v>0</v>
      </c>
      <c r="J5784" s="8">
        <v>1</v>
      </c>
      <c r="K5784" s="9">
        <v>1153</v>
      </c>
      <c r="L5784" s="6" t="s">
        <v>51</v>
      </c>
    </row>
    <row r="5785" spans="1:12">
      <c r="A5785" s="6" t="s">
        <v>49</v>
      </c>
      <c r="B5785" s="6"/>
      <c r="C5785" s="6" t="s">
        <v>5805</v>
      </c>
      <c r="D5785" s="6"/>
      <c r="E5785" s="6" t="s">
        <v>9</v>
      </c>
      <c r="F5785" s="7">
        <v>42889</v>
      </c>
      <c r="G5785" s="8">
        <v>1</v>
      </c>
      <c r="H5785" s="8">
        <v>1</v>
      </c>
      <c r="I5785" s="8">
        <v>0</v>
      </c>
      <c r="J5785" s="8">
        <v>1</v>
      </c>
      <c r="K5785" s="9">
        <v>867</v>
      </c>
      <c r="L5785" s="6" t="s">
        <v>51</v>
      </c>
    </row>
    <row r="5786" spans="1:12">
      <c r="A5786" s="6" t="s">
        <v>49</v>
      </c>
      <c r="B5786" s="6"/>
      <c r="C5786" s="6" t="s">
        <v>5806</v>
      </c>
      <c r="D5786" s="6"/>
      <c r="E5786" s="6" t="s">
        <v>9</v>
      </c>
      <c r="F5786" s="7">
        <v>42889</v>
      </c>
      <c r="G5786" s="8">
        <v>1</v>
      </c>
      <c r="H5786" s="8">
        <v>1</v>
      </c>
      <c r="I5786" s="8">
        <v>0</v>
      </c>
      <c r="J5786" s="8">
        <v>1</v>
      </c>
      <c r="K5786" s="9">
        <v>99</v>
      </c>
      <c r="L5786" s="6" t="s">
        <v>51</v>
      </c>
    </row>
    <row r="5787" spans="1:12">
      <c r="A5787" s="6" t="s">
        <v>49</v>
      </c>
      <c r="B5787" s="6"/>
      <c r="C5787" s="6" t="s">
        <v>5807</v>
      </c>
      <c r="D5787" s="6"/>
      <c r="E5787" s="6" t="s">
        <v>9</v>
      </c>
      <c r="F5787" s="7">
        <v>42889</v>
      </c>
      <c r="G5787" s="8">
        <v>1</v>
      </c>
      <c r="H5787" s="8">
        <v>1</v>
      </c>
      <c r="I5787" s="8">
        <v>0</v>
      </c>
      <c r="J5787" s="8">
        <v>1</v>
      </c>
      <c r="K5787" s="9">
        <v>272</v>
      </c>
      <c r="L5787" s="6" t="s">
        <v>51</v>
      </c>
    </row>
    <row r="5788" spans="1:12">
      <c r="A5788" s="6" t="s">
        <v>49</v>
      </c>
      <c r="B5788" s="6"/>
      <c r="C5788" s="6" t="s">
        <v>5808</v>
      </c>
      <c r="D5788" s="6"/>
      <c r="E5788" s="6" t="s">
        <v>9</v>
      </c>
      <c r="F5788" s="7">
        <v>42889</v>
      </c>
      <c r="G5788" s="8">
        <v>1</v>
      </c>
      <c r="H5788" s="8">
        <v>1</v>
      </c>
      <c r="I5788" s="8">
        <v>0</v>
      </c>
      <c r="J5788" s="8">
        <v>1</v>
      </c>
      <c r="K5788" s="9">
        <v>1047</v>
      </c>
      <c r="L5788" s="6" t="s">
        <v>51</v>
      </c>
    </row>
    <row r="5789" spans="1:12">
      <c r="A5789" s="6" t="s">
        <v>49</v>
      </c>
      <c r="B5789" s="6"/>
      <c r="C5789" s="6" t="s">
        <v>5809</v>
      </c>
      <c r="D5789" s="6"/>
      <c r="E5789" s="6" t="s">
        <v>9</v>
      </c>
      <c r="F5789" s="7">
        <v>42889</v>
      </c>
      <c r="G5789" s="8">
        <v>1</v>
      </c>
      <c r="H5789" s="8">
        <v>1</v>
      </c>
      <c r="I5789" s="8">
        <v>0</v>
      </c>
      <c r="J5789" s="8">
        <v>1</v>
      </c>
      <c r="K5789" s="9">
        <v>533</v>
      </c>
      <c r="L5789" s="6" t="s">
        <v>51</v>
      </c>
    </row>
    <row r="5790" spans="1:12">
      <c r="A5790" s="6" t="s">
        <v>49</v>
      </c>
      <c r="B5790" s="6"/>
      <c r="C5790" s="6" t="s">
        <v>5810</v>
      </c>
      <c r="D5790" s="6"/>
      <c r="E5790" s="6" t="s">
        <v>9</v>
      </c>
      <c r="F5790" s="7">
        <v>42889</v>
      </c>
      <c r="G5790" s="8">
        <v>1</v>
      </c>
      <c r="H5790" s="8">
        <v>1</v>
      </c>
      <c r="I5790" s="8">
        <v>0</v>
      </c>
      <c r="J5790" s="8">
        <v>1</v>
      </c>
      <c r="K5790" s="9">
        <v>224</v>
      </c>
      <c r="L5790" s="6" t="s">
        <v>51</v>
      </c>
    </row>
    <row r="5791" spans="1:12">
      <c r="A5791" s="6" t="s">
        <v>49</v>
      </c>
      <c r="B5791" s="6"/>
      <c r="C5791" s="6" t="s">
        <v>5811</v>
      </c>
      <c r="D5791" s="6"/>
      <c r="E5791" s="6" t="s">
        <v>9</v>
      </c>
      <c r="F5791" s="7">
        <v>42889</v>
      </c>
      <c r="G5791" s="8">
        <v>1</v>
      </c>
      <c r="H5791" s="8">
        <v>1</v>
      </c>
      <c r="I5791" s="8">
        <v>0</v>
      </c>
      <c r="J5791" s="8">
        <v>1</v>
      </c>
      <c r="K5791" s="9">
        <v>504</v>
      </c>
      <c r="L5791" s="6" t="s">
        <v>51</v>
      </c>
    </row>
    <row r="5792" spans="1:12">
      <c r="A5792" s="6" t="s">
        <v>49</v>
      </c>
      <c r="B5792" s="6"/>
      <c r="C5792" s="6" t="s">
        <v>5812</v>
      </c>
      <c r="D5792" s="6"/>
      <c r="E5792" s="6" t="s">
        <v>9</v>
      </c>
      <c r="F5792" s="7">
        <v>38657</v>
      </c>
      <c r="G5792" s="8">
        <v>1</v>
      </c>
      <c r="H5792" s="8">
        <v>1</v>
      </c>
      <c r="I5792" s="8">
        <v>0</v>
      </c>
      <c r="J5792" s="8">
        <v>1</v>
      </c>
      <c r="K5792" s="9">
        <v>1.68</v>
      </c>
      <c r="L5792" s="6" t="s">
        <v>51</v>
      </c>
    </row>
    <row r="5793" spans="1:12">
      <c r="A5793" s="6" t="s">
        <v>49</v>
      </c>
      <c r="B5793" s="6"/>
      <c r="C5793" s="6" t="s">
        <v>5813</v>
      </c>
      <c r="D5793" s="6"/>
      <c r="E5793" s="6" t="s">
        <v>9</v>
      </c>
      <c r="F5793" s="7">
        <v>42889</v>
      </c>
      <c r="G5793" s="8">
        <v>1</v>
      </c>
      <c r="H5793" s="8">
        <v>1</v>
      </c>
      <c r="I5793" s="8">
        <v>0</v>
      </c>
      <c r="J5793" s="8">
        <v>1</v>
      </c>
      <c r="K5793" s="9">
        <v>3103</v>
      </c>
      <c r="L5793" s="6" t="s">
        <v>51</v>
      </c>
    </row>
    <row r="5794" spans="1:12">
      <c r="A5794" s="6" t="s">
        <v>49</v>
      </c>
      <c r="B5794" s="6"/>
      <c r="C5794" s="6" t="s">
        <v>5814</v>
      </c>
      <c r="D5794" s="6"/>
      <c r="E5794" s="6" t="s">
        <v>9</v>
      </c>
      <c r="F5794" s="7">
        <v>42889</v>
      </c>
      <c r="G5794" s="8">
        <v>1</v>
      </c>
      <c r="H5794" s="8">
        <v>1</v>
      </c>
      <c r="I5794" s="8">
        <v>0</v>
      </c>
      <c r="J5794" s="8">
        <v>1</v>
      </c>
      <c r="K5794" s="9">
        <v>631</v>
      </c>
      <c r="L5794" s="6" t="s">
        <v>51</v>
      </c>
    </row>
    <row r="5795" spans="1:12">
      <c r="A5795" s="6" t="s">
        <v>49</v>
      </c>
      <c r="B5795" s="6"/>
      <c r="C5795" s="6" t="s">
        <v>5815</v>
      </c>
      <c r="D5795" s="6"/>
      <c r="E5795" s="6" t="s">
        <v>9</v>
      </c>
      <c r="F5795" s="7">
        <v>42889</v>
      </c>
      <c r="G5795" s="8">
        <v>1</v>
      </c>
      <c r="H5795" s="8">
        <v>1</v>
      </c>
      <c r="I5795" s="8">
        <v>0</v>
      </c>
      <c r="J5795" s="8">
        <v>1</v>
      </c>
      <c r="K5795" s="9">
        <v>641</v>
      </c>
      <c r="L5795" s="6" t="s">
        <v>51</v>
      </c>
    </row>
    <row r="5796" spans="1:12">
      <c r="A5796" s="6" t="s">
        <v>49</v>
      </c>
      <c r="B5796" s="6"/>
      <c r="C5796" s="6" t="s">
        <v>5816</v>
      </c>
      <c r="D5796" s="6"/>
      <c r="E5796" s="6" t="s">
        <v>9</v>
      </c>
      <c r="F5796" s="7">
        <v>42889</v>
      </c>
      <c r="G5796" s="8">
        <v>1</v>
      </c>
      <c r="H5796" s="8">
        <v>1</v>
      </c>
      <c r="I5796" s="8">
        <v>0</v>
      </c>
      <c r="J5796" s="8">
        <v>1</v>
      </c>
      <c r="K5796" s="9">
        <v>502</v>
      </c>
      <c r="L5796" s="6" t="s">
        <v>51</v>
      </c>
    </row>
    <row r="5797" spans="1:12">
      <c r="A5797" s="6" t="s">
        <v>49</v>
      </c>
      <c r="B5797" s="6"/>
      <c r="C5797" s="6" t="s">
        <v>5817</v>
      </c>
      <c r="D5797" s="6"/>
      <c r="E5797" s="6" t="s">
        <v>9</v>
      </c>
      <c r="F5797" s="7">
        <v>42889</v>
      </c>
      <c r="G5797" s="8">
        <v>1</v>
      </c>
      <c r="H5797" s="8">
        <v>1</v>
      </c>
      <c r="I5797" s="8">
        <v>0</v>
      </c>
      <c r="J5797" s="8">
        <v>1</v>
      </c>
      <c r="K5797" s="9">
        <v>89</v>
      </c>
      <c r="L5797" s="6" t="s">
        <v>51</v>
      </c>
    </row>
    <row r="5798" spans="1:12">
      <c r="A5798" s="6" t="s">
        <v>49</v>
      </c>
      <c r="B5798" s="6"/>
      <c r="C5798" s="6" t="s">
        <v>5818</v>
      </c>
      <c r="D5798" s="6"/>
      <c r="E5798" s="6" t="s">
        <v>9</v>
      </c>
      <c r="F5798" s="7">
        <v>42889</v>
      </c>
      <c r="G5798" s="8">
        <v>1</v>
      </c>
      <c r="H5798" s="8">
        <v>1</v>
      </c>
      <c r="I5798" s="8">
        <v>0</v>
      </c>
      <c r="J5798" s="8">
        <v>1</v>
      </c>
      <c r="K5798" s="9">
        <v>63</v>
      </c>
      <c r="L5798" s="6" t="s">
        <v>51</v>
      </c>
    </row>
    <row r="5799" spans="1:12">
      <c r="A5799" s="6" t="s">
        <v>49</v>
      </c>
      <c r="B5799" s="6"/>
      <c r="C5799" s="6" t="s">
        <v>5819</v>
      </c>
      <c r="D5799" s="6"/>
      <c r="E5799" s="6" t="s">
        <v>9</v>
      </c>
      <c r="F5799" s="7">
        <v>42889</v>
      </c>
      <c r="G5799" s="8">
        <v>1</v>
      </c>
      <c r="H5799" s="8">
        <v>1</v>
      </c>
      <c r="I5799" s="8">
        <v>0</v>
      </c>
      <c r="J5799" s="8">
        <v>1</v>
      </c>
      <c r="K5799" s="9">
        <v>597</v>
      </c>
      <c r="L5799" s="6" t="s">
        <v>51</v>
      </c>
    </row>
    <row r="5800" spans="1:12">
      <c r="A5800" s="6" t="s">
        <v>49</v>
      </c>
      <c r="B5800" s="6"/>
      <c r="C5800" s="6" t="s">
        <v>5820</v>
      </c>
      <c r="D5800" s="6"/>
      <c r="E5800" s="6" t="s">
        <v>9</v>
      </c>
      <c r="F5800" s="7">
        <v>42889</v>
      </c>
      <c r="G5800" s="8">
        <v>1</v>
      </c>
      <c r="H5800" s="8">
        <v>1</v>
      </c>
      <c r="I5800" s="8">
        <v>0</v>
      </c>
      <c r="J5800" s="8">
        <v>1</v>
      </c>
      <c r="K5800" s="9">
        <v>43</v>
      </c>
      <c r="L5800" s="6" t="s">
        <v>51</v>
      </c>
    </row>
    <row r="5801" spans="1:12">
      <c r="A5801" s="6" t="s">
        <v>49</v>
      </c>
      <c r="B5801" s="6"/>
      <c r="C5801" s="6" t="s">
        <v>5821</v>
      </c>
      <c r="D5801" s="6"/>
      <c r="E5801" s="6" t="s">
        <v>9</v>
      </c>
      <c r="F5801" s="7">
        <v>42889</v>
      </c>
      <c r="G5801" s="8">
        <v>1</v>
      </c>
      <c r="H5801" s="8">
        <v>1</v>
      </c>
      <c r="I5801" s="8">
        <v>0</v>
      </c>
      <c r="J5801" s="8">
        <v>1</v>
      </c>
      <c r="K5801" s="9">
        <v>1872</v>
      </c>
      <c r="L5801" s="6" t="s">
        <v>51</v>
      </c>
    </row>
    <row r="5802" spans="1:12">
      <c r="A5802" s="6" t="s">
        <v>49</v>
      </c>
      <c r="B5802" s="6"/>
      <c r="C5802" s="6" t="s">
        <v>5822</v>
      </c>
      <c r="D5802" s="6"/>
      <c r="E5802" s="6" t="s">
        <v>9</v>
      </c>
      <c r="F5802" s="7">
        <v>42889</v>
      </c>
      <c r="G5802" s="8">
        <v>1</v>
      </c>
      <c r="H5802" s="8">
        <v>1</v>
      </c>
      <c r="I5802" s="8">
        <v>0</v>
      </c>
      <c r="J5802" s="8">
        <v>1</v>
      </c>
      <c r="K5802" s="9">
        <v>246</v>
      </c>
      <c r="L5802" s="6" t="s">
        <v>51</v>
      </c>
    </row>
    <row r="5803" spans="1:12">
      <c r="A5803" s="6" t="s">
        <v>49</v>
      </c>
      <c r="B5803" s="6"/>
      <c r="C5803" s="6" t="s">
        <v>5823</v>
      </c>
      <c r="D5803" s="6"/>
      <c r="E5803" s="6" t="s">
        <v>9</v>
      </c>
      <c r="F5803" s="7">
        <v>38657</v>
      </c>
      <c r="G5803" s="8">
        <v>1</v>
      </c>
      <c r="H5803" s="8">
        <v>1</v>
      </c>
      <c r="I5803" s="8">
        <v>0</v>
      </c>
      <c r="J5803" s="8">
        <v>1</v>
      </c>
      <c r="K5803" s="9">
        <v>3.07</v>
      </c>
      <c r="L5803" s="6" t="s">
        <v>51</v>
      </c>
    </row>
    <row r="5804" spans="1:12">
      <c r="A5804" s="6" t="s">
        <v>49</v>
      </c>
      <c r="B5804" s="6"/>
      <c r="C5804" s="6" t="s">
        <v>5824</v>
      </c>
      <c r="D5804" s="6"/>
      <c r="E5804" s="6" t="s">
        <v>9</v>
      </c>
      <c r="F5804" s="7">
        <v>42889</v>
      </c>
      <c r="G5804" s="8">
        <v>1</v>
      </c>
      <c r="H5804" s="8">
        <v>1</v>
      </c>
      <c r="I5804" s="8">
        <v>0</v>
      </c>
      <c r="J5804" s="8">
        <v>1</v>
      </c>
      <c r="K5804" s="9">
        <v>577</v>
      </c>
      <c r="L5804" s="6" t="s">
        <v>51</v>
      </c>
    </row>
    <row r="5805" spans="1:12">
      <c r="A5805" s="6" t="s">
        <v>49</v>
      </c>
      <c r="B5805" s="6"/>
      <c r="C5805" s="6" t="s">
        <v>5825</v>
      </c>
      <c r="D5805" s="6"/>
      <c r="E5805" s="6" t="s">
        <v>9</v>
      </c>
      <c r="F5805" s="7">
        <v>42889</v>
      </c>
      <c r="G5805" s="8">
        <v>1</v>
      </c>
      <c r="H5805" s="8">
        <v>1</v>
      </c>
      <c r="I5805" s="8">
        <v>0</v>
      </c>
      <c r="J5805" s="8">
        <v>1</v>
      </c>
      <c r="K5805" s="9">
        <v>482</v>
      </c>
      <c r="L5805" s="6" t="s">
        <v>51</v>
      </c>
    </row>
    <row r="5806" spans="1:12">
      <c r="A5806" s="6" t="s">
        <v>49</v>
      </c>
      <c r="B5806" s="6"/>
      <c r="C5806" s="6" t="s">
        <v>5826</v>
      </c>
      <c r="D5806" s="6"/>
      <c r="E5806" s="6" t="s">
        <v>9</v>
      </c>
      <c r="F5806" s="7">
        <v>42889</v>
      </c>
      <c r="G5806" s="8">
        <v>1</v>
      </c>
      <c r="H5806" s="8">
        <v>1</v>
      </c>
      <c r="I5806" s="8">
        <v>0</v>
      </c>
      <c r="J5806" s="8">
        <v>1</v>
      </c>
      <c r="K5806" s="9">
        <v>193</v>
      </c>
      <c r="L5806" s="6" t="s">
        <v>51</v>
      </c>
    </row>
    <row r="5807" spans="1:12">
      <c r="A5807" s="6" t="s">
        <v>49</v>
      </c>
      <c r="B5807" s="6"/>
      <c r="C5807" s="6" t="s">
        <v>5827</v>
      </c>
      <c r="D5807" s="6"/>
      <c r="E5807" s="6" t="s">
        <v>9</v>
      </c>
      <c r="F5807" s="7">
        <v>42889</v>
      </c>
      <c r="G5807" s="8">
        <v>1</v>
      </c>
      <c r="H5807" s="8">
        <v>1</v>
      </c>
      <c r="I5807" s="8">
        <v>0</v>
      </c>
      <c r="J5807" s="8">
        <v>1</v>
      </c>
      <c r="K5807" s="9">
        <v>715</v>
      </c>
      <c r="L5807" s="6" t="s">
        <v>51</v>
      </c>
    </row>
    <row r="5808" spans="1:12">
      <c r="A5808" s="6" t="s">
        <v>49</v>
      </c>
      <c r="B5808" s="6"/>
      <c r="C5808" s="6" t="s">
        <v>5828</v>
      </c>
      <c r="D5808" s="6"/>
      <c r="E5808" s="6" t="s">
        <v>9</v>
      </c>
      <c r="F5808" s="7">
        <v>42889</v>
      </c>
      <c r="G5808" s="8">
        <v>1</v>
      </c>
      <c r="H5808" s="8">
        <v>1</v>
      </c>
      <c r="I5808" s="8">
        <v>0</v>
      </c>
      <c r="J5808" s="8">
        <v>1</v>
      </c>
      <c r="K5808" s="9">
        <v>817</v>
      </c>
      <c r="L5808" s="6" t="s">
        <v>51</v>
      </c>
    </row>
    <row r="5809" spans="1:12">
      <c r="A5809" s="6" t="s">
        <v>49</v>
      </c>
      <c r="B5809" s="6"/>
      <c r="C5809" s="6" t="s">
        <v>5829</v>
      </c>
      <c r="D5809" s="6"/>
      <c r="E5809" s="6" t="s">
        <v>9</v>
      </c>
      <c r="F5809" s="7">
        <v>42889</v>
      </c>
      <c r="G5809" s="8">
        <v>1</v>
      </c>
      <c r="H5809" s="8">
        <v>1</v>
      </c>
      <c r="I5809" s="8">
        <v>0</v>
      </c>
      <c r="J5809" s="8">
        <v>1</v>
      </c>
      <c r="K5809" s="9">
        <v>282</v>
      </c>
      <c r="L5809" s="6" t="s">
        <v>51</v>
      </c>
    </row>
    <row r="5810" spans="1:12">
      <c r="A5810" s="6" t="s">
        <v>49</v>
      </c>
      <c r="B5810" s="6"/>
      <c r="C5810" s="6" t="s">
        <v>5830</v>
      </c>
      <c r="D5810" s="6"/>
      <c r="E5810" s="6" t="s">
        <v>9</v>
      </c>
      <c r="F5810" s="7">
        <v>38657</v>
      </c>
      <c r="G5810" s="8">
        <v>1</v>
      </c>
      <c r="H5810" s="8">
        <v>1</v>
      </c>
      <c r="I5810" s="8">
        <v>0</v>
      </c>
      <c r="J5810" s="8">
        <v>1</v>
      </c>
      <c r="K5810" s="9">
        <v>7.27</v>
      </c>
      <c r="L5810" s="6" t="s">
        <v>51</v>
      </c>
    </row>
    <row r="5811" spans="1:12">
      <c r="A5811" s="6" t="s">
        <v>49</v>
      </c>
      <c r="B5811" s="6"/>
      <c r="C5811" s="6" t="s">
        <v>5831</v>
      </c>
      <c r="D5811" s="6"/>
      <c r="E5811" s="6" t="s">
        <v>9</v>
      </c>
      <c r="F5811" s="7">
        <v>42889</v>
      </c>
      <c r="G5811" s="8">
        <v>1</v>
      </c>
      <c r="H5811" s="8">
        <v>1</v>
      </c>
      <c r="I5811" s="8">
        <v>0</v>
      </c>
      <c r="J5811" s="8">
        <v>1</v>
      </c>
      <c r="K5811" s="9">
        <v>921</v>
      </c>
      <c r="L5811" s="6" t="s">
        <v>51</v>
      </c>
    </row>
    <row r="5812" spans="1:12">
      <c r="A5812" s="6" t="s">
        <v>49</v>
      </c>
      <c r="B5812" s="6"/>
      <c r="C5812" s="6" t="s">
        <v>5832</v>
      </c>
      <c r="D5812" s="6"/>
      <c r="E5812" s="6" t="s">
        <v>9</v>
      </c>
      <c r="F5812" s="7">
        <v>42889</v>
      </c>
      <c r="G5812" s="8">
        <v>1</v>
      </c>
      <c r="H5812" s="8">
        <v>1</v>
      </c>
      <c r="I5812" s="8">
        <v>0</v>
      </c>
      <c r="J5812" s="8">
        <v>1</v>
      </c>
      <c r="K5812" s="9">
        <v>1107</v>
      </c>
      <c r="L5812" s="6" t="s">
        <v>51</v>
      </c>
    </row>
    <row r="5813" spans="1:12">
      <c r="A5813" s="6" t="s">
        <v>49</v>
      </c>
      <c r="B5813" s="6"/>
      <c r="C5813" s="6" t="s">
        <v>5833</v>
      </c>
      <c r="D5813" s="6"/>
      <c r="E5813" s="6" t="s">
        <v>9</v>
      </c>
      <c r="F5813" s="7">
        <v>42889</v>
      </c>
      <c r="G5813" s="8">
        <v>1</v>
      </c>
      <c r="H5813" s="8">
        <v>1</v>
      </c>
      <c r="I5813" s="8">
        <v>0</v>
      </c>
      <c r="J5813" s="8">
        <v>1</v>
      </c>
      <c r="K5813" s="9">
        <v>15</v>
      </c>
      <c r="L5813" s="6" t="s">
        <v>51</v>
      </c>
    </row>
    <row r="5814" spans="1:12">
      <c r="A5814" s="6" t="s">
        <v>49</v>
      </c>
      <c r="B5814" s="6"/>
      <c r="C5814" s="6" t="s">
        <v>5834</v>
      </c>
      <c r="D5814" s="6"/>
      <c r="E5814" s="6" t="s">
        <v>9</v>
      </c>
      <c r="F5814" s="7">
        <v>43110</v>
      </c>
      <c r="G5814" s="8">
        <v>1</v>
      </c>
      <c r="H5814" s="8">
        <v>1</v>
      </c>
      <c r="I5814" s="8">
        <v>0</v>
      </c>
      <c r="J5814" s="8">
        <v>1</v>
      </c>
      <c r="K5814" s="9">
        <v>2.66</v>
      </c>
      <c r="L5814" s="6" t="s">
        <v>51</v>
      </c>
    </row>
    <row r="5815" spans="1:12">
      <c r="A5815" s="6" t="s">
        <v>49</v>
      </c>
      <c r="B5815" s="6"/>
      <c r="C5815" s="6" t="s">
        <v>5835</v>
      </c>
      <c r="D5815" s="6"/>
      <c r="E5815" s="6" t="s">
        <v>9</v>
      </c>
      <c r="F5815" s="7">
        <v>43081</v>
      </c>
      <c r="G5815" s="8">
        <v>29405</v>
      </c>
      <c r="H5815" s="8">
        <v>29405</v>
      </c>
      <c r="I5815" s="8">
        <v>0</v>
      </c>
      <c r="J5815" s="8">
        <v>29405</v>
      </c>
      <c r="K5815" s="9">
        <v>12.89</v>
      </c>
      <c r="L5815" s="6" t="s">
        <v>51</v>
      </c>
    </row>
    <row r="5816" spans="1:12">
      <c r="A5816" s="6" t="s">
        <v>49</v>
      </c>
      <c r="B5816" s="6"/>
      <c r="C5816" s="6" t="s">
        <v>5836</v>
      </c>
      <c r="D5816" s="6"/>
      <c r="E5816" s="6" t="s">
        <v>9</v>
      </c>
      <c r="F5816" s="7">
        <v>38657</v>
      </c>
      <c r="G5816" s="8">
        <v>1</v>
      </c>
      <c r="H5816" s="8">
        <v>1</v>
      </c>
      <c r="I5816" s="8">
        <v>0</v>
      </c>
      <c r="J5816" s="8">
        <v>1</v>
      </c>
      <c r="K5816" s="9">
        <v>26</v>
      </c>
      <c r="L5816" s="6" t="s">
        <v>51</v>
      </c>
    </row>
    <row r="5817" spans="1:12">
      <c r="A5817" s="6" t="s">
        <v>49</v>
      </c>
      <c r="B5817" s="6"/>
      <c r="C5817" s="6" t="s">
        <v>5837</v>
      </c>
      <c r="D5817" s="6"/>
      <c r="E5817" s="6" t="s">
        <v>9</v>
      </c>
      <c r="F5817" s="7">
        <v>43139</v>
      </c>
      <c r="G5817" s="8">
        <v>43732</v>
      </c>
      <c r="H5817" s="8">
        <v>43732</v>
      </c>
      <c r="I5817" s="8">
        <v>0</v>
      </c>
      <c r="J5817" s="8">
        <v>43732</v>
      </c>
      <c r="K5817" s="9">
        <v>20</v>
      </c>
      <c r="L5817" s="6" t="s">
        <v>51</v>
      </c>
    </row>
    <row r="5818" spans="1:12">
      <c r="A5818" s="6" t="s">
        <v>49</v>
      </c>
      <c r="B5818" s="6"/>
      <c r="C5818" s="6" t="s">
        <v>5838</v>
      </c>
      <c r="D5818" s="6"/>
      <c r="E5818" s="6" t="s">
        <v>9</v>
      </c>
      <c r="F5818" s="7">
        <v>43139</v>
      </c>
      <c r="G5818" s="8">
        <v>61771</v>
      </c>
      <c r="H5818" s="8">
        <v>61771</v>
      </c>
      <c r="I5818" s="8">
        <v>0</v>
      </c>
      <c r="J5818" s="8">
        <v>61771</v>
      </c>
      <c r="K5818" s="9">
        <v>28.25</v>
      </c>
      <c r="L5818" s="6" t="s">
        <v>51</v>
      </c>
    </row>
    <row r="5819" spans="1:12">
      <c r="A5819" s="6" t="s">
        <v>49</v>
      </c>
      <c r="B5819" s="6"/>
      <c r="C5819" s="6" t="s">
        <v>5839</v>
      </c>
      <c r="D5819" s="6"/>
      <c r="E5819" s="6" t="s">
        <v>9</v>
      </c>
      <c r="F5819" s="7">
        <v>43092</v>
      </c>
      <c r="G5819" s="8">
        <v>1483510</v>
      </c>
      <c r="H5819" s="8">
        <v>1483510</v>
      </c>
      <c r="I5819" s="8">
        <v>0</v>
      </c>
      <c r="J5819" s="8">
        <v>1483510</v>
      </c>
      <c r="K5819" s="9">
        <v>211.93</v>
      </c>
      <c r="L5819" s="6" t="s">
        <v>51</v>
      </c>
    </row>
    <row r="5820" spans="1:12">
      <c r="A5820" s="6" t="s">
        <v>49</v>
      </c>
      <c r="B5820" s="6"/>
      <c r="C5820" s="6" t="s">
        <v>5840</v>
      </c>
      <c r="D5820" s="6"/>
      <c r="E5820" s="6" t="s">
        <v>9</v>
      </c>
      <c r="F5820" s="7">
        <v>38657</v>
      </c>
      <c r="G5820" s="8">
        <v>1</v>
      </c>
      <c r="H5820" s="8">
        <v>1</v>
      </c>
      <c r="I5820" s="8">
        <v>0</v>
      </c>
      <c r="J5820" s="8">
        <v>1</v>
      </c>
      <c r="K5820" s="9">
        <v>14</v>
      </c>
      <c r="L5820" s="6" t="s">
        <v>51</v>
      </c>
    </row>
    <row r="5821" spans="1:12">
      <c r="A5821" s="6" t="s">
        <v>49</v>
      </c>
      <c r="B5821" s="6"/>
      <c r="C5821" s="6" t="s">
        <v>5841</v>
      </c>
      <c r="D5821" s="6"/>
      <c r="E5821" s="6" t="s">
        <v>9</v>
      </c>
      <c r="F5821" s="7">
        <v>43234</v>
      </c>
      <c r="G5821" s="8">
        <v>1</v>
      </c>
      <c r="H5821" s="8">
        <v>1</v>
      </c>
      <c r="I5821" s="8">
        <v>0</v>
      </c>
      <c r="J5821" s="8">
        <v>1</v>
      </c>
      <c r="K5821" s="9">
        <v>295</v>
      </c>
      <c r="L5821" s="6" t="s">
        <v>51</v>
      </c>
    </row>
    <row r="5822" spans="1:12">
      <c r="A5822" s="6" t="s">
        <v>49</v>
      </c>
      <c r="B5822" s="6"/>
      <c r="C5822" s="6" t="s">
        <v>5842</v>
      </c>
      <c r="D5822" s="6"/>
      <c r="E5822" s="6" t="s">
        <v>9</v>
      </c>
      <c r="F5822" s="7">
        <v>43234</v>
      </c>
      <c r="G5822" s="8">
        <v>1</v>
      </c>
      <c r="H5822" s="8">
        <v>1</v>
      </c>
      <c r="I5822" s="8">
        <v>0</v>
      </c>
      <c r="J5822" s="8">
        <v>1</v>
      </c>
      <c r="K5822" s="9">
        <v>46</v>
      </c>
      <c r="L5822" s="6" t="s">
        <v>51</v>
      </c>
    </row>
    <row r="5823" spans="1:12">
      <c r="A5823" s="6" t="s">
        <v>49</v>
      </c>
      <c r="B5823" s="6"/>
      <c r="C5823" s="6" t="s">
        <v>5843</v>
      </c>
      <c r="D5823" s="6"/>
      <c r="E5823" s="6" t="s">
        <v>9</v>
      </c>
      <c r="F5823" s="7">
        <v>38657</v>
      </c>
      <c r="G5823" s="8">
        <v>1</v>
      </c>
      <c r="H5823" s="8">
        <v>1</v>
      </c>
      <c r="I5823" s="8">
        <v>0</v>
      </c>
      <c r="J5823" s="8">
        <v>1</v>
      </c>
      <c r="K5823" s="9">
        <v>15</v>
      </c>
      <c r="L5823" s="6" t="s">
        <v>51</v>
      </c>
    </row>
    <row r="5824" spans="1:12">
      <c r="A5824" s="6" t="s">
        <v>49</v>
      </c>
      <c r="B5824" s="6"/>
      <c r="C5824" s="6" t="s">
        <v>5844</v>
      </c>
      <c r="D5824" s="6"/>
      <c r="E5824" s="6" t="s">
        <v>9</v>
      </c>
      <c r="F5824" s="7">
        <v>38657</v>
      </c>
      <c r="G5824" s="8">
        <v>1</v>
      </c>
      <c r="H5824" s="8">
        <v>1</v>
      </c>
      <c r="I5824" s="8">
        <v>0</v>
      </c>
      <c r="J5824" s="8">
        <v>1</v>
      </c>
      <c r="K5824" s="9">
        <v>9.91</v>
      </c>
      <c r="L5824" s="6" t="s">
        <v>51</v>
      </c>
    </row>
    <row r="5825" spans="1:12">
      <c r="A5825" s="6" t="s">
        <v>49</v>
      </c>
      <c r="B5825" s="6"/>
      <c r="C5825" s="6" t="s">
        <v>5845</v>
      </c>
      <c r="D5825" s="6"/>
      <c r="E5825" s="6" t="s">
        <v>9</v>
      </c>
      <c r="F5825" s="7">
        <v>38657</v>
      </c>
      <c r="G5825" s="8">
        <v>1</v>
      </c>
      <c r="H5825" s="8">
        <v>1</v>
      </c>
      <c r="I5825" s="8">
        <v>0</v>
      </c>
      <c r="J5825" s="8">
        <v>1</v>
      </c>
      <c r="K5825" s="9">
        <v>284</v>
      </c>
      <c r="L5825" s="6" t="s">
        <v>51</v>
      </c>
    </row>
    <row r="5826" spans="1:12">
      <c r="A5826" s="6" t="s">
        <v>49</v>
      </c>
      <c r="B5826" s="6"/>
      <c r="C5826" s="6" t="s">
        <v>5846</v>
      </c>
      <c r="D5826" s="6"/>
      <c r="E5826" s="6" t="s">
        <v>9</v>
      </c>
      <c r="F5826" s="7">
        <v>38657</v>
      </c>
      <c r="G5826" s="8">
        <v>1</v>
      </c>
      <c r="H5826" s="8">
        <v>1</v>
      </c>
      <c r="I5826" s="8">
        <v>0</v>
      </c>
      <c r="J5826" s="8">
        <v>1</v>
      </c>
      <c r="K5826" s="9">
        <v>13</v>
      </c>
      <c r="L5826" s="6" t="s">
        <v>51</v>
      </c>
    </row>
    <row r="5827" spans="1:12">
      <c r="A5827" s="6" t="s">
        <v>49</v>
      </c>
      <c r="B5827" s="6"/>
      <c r="C5827" s="6" t="s">
        <v>5847</v>
      </c>
      <c r="D5827" s="6"/>
      <c r="E5827" s="6" t="s">
        <v>9</v>
      </c>
      <c r="F5827" s="7">
        <v>39967</v>
      </c>
      <c r="G5827" s="8">
        <v>1</v>
      </c>
      <c r="H5827" s="8">
        <v>1</v>
      </c>
      <c r="I5827" s="8">
        <v>0</v>
      </c>
      <c r="J5827" s="8">
        <v>1</v>
      </c>
      <c r="K5827" s="9">
        <v>29</v>
      </c>
      <c r="L5827" s="6" t="s">
        <v>51</v>
      </c>
    </row>
    <row r="5828" spans="1:12">
      <c r="A5828" s="6" t="s">
        <v>49</v>
      </c>
      <c r="B5828" s="6"/>
      <c r="C5828" s="6" t="s">
        <v>5848</v>
      </c>
      <c r="D5828" s="6"/>
      <c r="E5828" s="6" t="s">
        <v>9</v>
      </c>
      <c r="F5828" s="7">
        <v>39967</v>
      </c>
      <c r="G5828" s="8">
        <v>1</v>
      </c>
      <c r="H5828" s="8">
        <v>1</v>
      </c>
      <c r="I5828" s="8">
        <v>0</v>
      </c>
      <c r="J5828" s="8">
        <v>1</v>
      </c>
      <c r="K5828" s="9">
        <v>0.1</v>
      </c>
      <c r="L5828" s="6" t="s">
        <v>51</v>
      </c>
    </row>
    <row r="5829" spans="1:12">
      <c r="A5829" s="6" t="s">
        <v>49</v>
      </c>
      <c r="B5829" s="6"/>
      <c r="C5829" s="6" t="s">
        <v>5849</v>
      </c>
      <c r="D5829" s="6"/>
      <c r="E5829" s="6" t="s">
        <v>9</v>
      </c>
      <c r="F5829" s="7">
        <v>43378</v>
      </c>
      <c r="G5829" s="8">
        <v>1</v>
      </c>
      <c r="H5829" s="8">
        <v>1</v>
      </c>
      <c r="I5829" s="8">
        <v>0</v>
      </c>
      <c r="J5829" s="8">
        <v>1</v>
      </c>
      <c r="K5829" s="9">
        <v>2</v>
      </c>
      <c r="L5829" s="6" t="s">
        <v>51</v>
      </c>
    </row>
    <row r="5830" spans="1:12">
      <c r="A5830" s="6" t="s">
        <v>49</v>
      </c>
      <c r="B5830" s="6"/>
      <c r="C5830" s="6" t="s">
        <v>5850</v>
      </c>
      <c r="D5830" s="6"/>
      <c r="E5830" s="6" t="s">
        <v>9</v>
      </c>
      <c r="F5830" s="7">
        <v>43378</v>
      </c>
      <c r="G5830" s="8">
        <v>1</v>
      </c>
      <c r="H5830" s="8">
        <v>1</v>
      </c>
      <c r="I5830" s="8">
        <v>0</v>
      </c>
      <c r="J5830" s="8">
        <v>1</v>
      </c>
      <c r="K5830" s="9">
        <v>0.83</v>
      </c>
      <c r="L5830" s="6" t="s">
        <v>51</v>
      </c>
    </row>
    <row r="5831" spans="1:12">
      <c r="A5831" s="6" t="s">
        <v>49</v>
      </c>
      <c r="B5831" s="6"/>
      <c r="C5831" s="6" t="s">
        <v>5851</v>
      </c>
      <c r="D5831" s="6"/>
      <c r="E5831" s="6" t="s">
        <v>9</v>
      </c>
      <c r="F5831" s="7">
        <v>43378</v>
      </c>
      <c r="G5831" s="8">
        <v>1</v>
      </c>
      <c r="H5831" s="8">
        <v>1</v>
      </c>
      <c r="I5831" s="8">
        <v>0</v>
      </c>
      <c r="J5831" s="8">
        <v>1</v>
      </c>
      <c r="K5831" s="9">
        <v>0.66</v>
      </c>
      <c r="L5831" s="6" t="s">
        <v>51</v>
      </c>
    </row>
    <row r="5832" spans="1:12">
      <c r="A5832" s="6" t="s">
        <v>49</v>
      </c>
      <c r="B5832" s="6"/>
      <c r="C5832" s="6" t="s">
        <v>5852</v>
      </c>
      <c r="D5832" s="6"/>
      <c r="E5832" s="6" t="s">
        <v>9</v>
      </c>
      <c r="F5832" s="7">
        <v>38657</v>
      </c>
      <c r="G5832" s="8">
        <v>1</v>
      </c>
      <c r="H5832" s="8">
        <v>1</v>
      </c>
      <c r="I5832" s="8">
        <v>0</v>
      </c>
      <c r="J5832" s="8">
        <v>1</v>
      </c>
      <c r="K5832" s="9">
        <v>46.28</v>
      </c>
      <c r="L5832" s="6" t="s">
        <v>51</v>
      </c>
    </row>
    <row r="5833" spans="1:12">
      <c r="A5833" s="6" t="s">
        <v>49</v>
      </c>
      <c r="B5833" s="6"/>
      <c r="C5833" s="6" t="s">
        <v>5853</v>
      </c>
      <c r="D5833" s="6"/>
      <c r="E5833" s="6" t="s">
        <v>9</v>
      </c>
      <c r="F5833" s="7">
        <v>43378</v>
      </c>
      <c r="G5833" s="8">
        <v>1</v>
      </c>
      <c r="H5833" s="8">
        <v>1</v>
      </c>
      <c r="I5833" s="8">
        <v>0</v>
      </c>
      <c r="J5833" s="8">
        <v>1</v>
      </c>
      <c r="K5833" s="9">
        <v>0.32</v>
      </c>
      <c r="L5833" s="6" t="s">
        <v>51</v>
      </c>
    </row>
    <row r="5834" spans="1:12">
      <c r="A5834" s="6" t="s">
        <v>49</v>
      </c>
      <c r="B5834" s="6"/>
      <c r="C5834" s="6" t="s">
        <v>5854</v>
      </c>
      <c r="D5834" s="6"/>
      <c r="E5834" s="6" t="s">
        <v>9</v>
      </c>
      <c r="F5834" s="7">
        <v>43378</v>
      </c>
      <c r="G5834" s="8">
        <v>1</v>
      </c>
      <c r="H5834" s="8">
        <v>1</v>
      </c>
      <c r="I5834" s="8">
        <v>0</v>
      </c>
      <c r="J5834" s="8">
        <v>1</v>
      </c>
      <c r="K5834" s="9">
        <v>8.6199999999999903</v>
      </c>
      <c r="L5834" s="6" t="s">
        <v>51</v>
      </c>
    </row>
    <row r="5835" spans="1:12">
      <c r="A5835" s="6" t="s">
        <v>49</v>
      </c>
      <c r="B5835" s="6"/>
      <c r="C5835" s="6" t="s">
        <v>5855</v>
      </c>
      <c r="D5835" s="6"/>
      <c r="E5835" s="6" t="s">
        <v>9</v>
      </c>
      <c r="F5835" s="7">
        <v>43378</v>
      </c>
      <c r="G5835" s="8">
        <v>1</v>
      </c>
      <c r="H5835" s="8">
        <v>1</v>
      </c>
      <c r="I5835" s="8">
        <v>0</v>
      </c>
      <c r="J5835" s="8">
        <v>1</v>
      </c>
      <c r="K5835" s="9">
        <v>28</v>
      </c>
      <c r="L5835" s="6" t="s">
        <v>51</v>
      </c>
    </row>
    <row r="5836" spans="1:12">
      <c r="A5836" s="6" t="s">
        <v>49</v>
      </c>
      <c r="B5836" s="6"/>
      <c r="C5836" s="6" t="s">
        <v>5856</v>
      </c>
      <c r="D5836" s="6"/>
      <c r="E5836" s="6" t="s">
        <v>9</v>
      </c>
      <c r="F5836" s="7">
        <v>43378</v>
      </c>
      <c r="G5836" s="8">
        <v>1</v>
      </c>
      <c r="H5836" s="8">
        <v>1</v>
      </c>
      <c r="I5836" s="8">
        <v>0</v>
      </c>
      <c r="J5836" s="8">
        <v>1</v>
      </c>
      <c r="K5836" s="9">
        <v>54</v>
      </c>
      <c r="L5836" s="6" t="s">
        <v>51</v>
      </c>
    </row>
    <row r="5837" spans="1:12">
      <c r="A5837" s="6" t="s">
        <v>49</v>
      </c>
      <c r="B5837" s="6"/>
      <c r="C5837" s="6" t="s">
        <v>5857</v>
      </c>
      <c r="D5837" s="6"/>
      <c r="E5837" s="6" t="s">
        <v>9</v>
      </c>
      <c r="F5837" s="7">
        <v>43378</v>
      </c>
      <c r="G5837" s="8">
        <v>1</v>
      </c>
      <c r="H5837" s="8">
        <v>1</v>
      </c>
      <c r="I5837" s="8">
        <v>0</v>
      </c>
      <c r="J5837" s="8">
        <v>1</v>
      </c>
      <c r="K5837" s="9">
        <v>23</v>
      </c>
      <c r="L5837" s="6" t="s">
        <v>51</v>
      </c>
    </row>
    <row r="5838" spans="1:12">
      <c r="A5838" s="6" t="s">
        <v>49</v>
      </c>
      <c r="B5838" s="6"/>
      <c r="C5838" s="6" t="s">
        <v>5858</v>
      </c>
      <c r="D5838" s="6"/>
      <c r="E5838" s="6" t="s">
        <v>9</v>
      </c>
      <c r="F5838" s="7">
        <v>43378</v>
      </c>
      <c r="G5838" s="8">
        <v>1</v>
      </c>
      <c r="H5838" s="8">
        <v>1</v>
      </c>
      <c r="I5838" s="8">
        <v>0</v>
      </c>
      <c r="J5838" s="8">
        <v>1</v>
      </c>
      <c r="K5838" s="9">
        <v>352</v>
      </c>
      <c r="L5838" s="6" t="s">
        <v>51</v>
      </c>
    </row>
    <row r="5839" spans="1:12">
      <c r="A5839" s="6" t="s">
        <v>49</v>
      </c>
      <c r="B5839" s="6"/>
      <c r="C5839" s="6" t="s">
        <v>5859</v>
      </c>
      <c r="D5839" s="6"/>
      <c r="E5839" s="6" t="s">
        <v>9</v>
      </c>
      <c r="F5839" s="7">
        <v>43378</v>
      </c>
      <c r="G5839" s="8">
        <v>1</v>
      </c>
      <c r="H5839" s="8">
        <v>1</v>
      </c>
      <c r="I5839" s="8">
        <v>0</v>
      </c>
      <c r="J5839" s="8">
        <v>1</v>
      </c>
      <c r="K5839" s="9">
        <v>369</v>
      </c>
      <c r="L5839" s="6" t="s">
        <v>51</v>
      </c>
    </row>
    <row r="5840" spans="1:12">
      <c r="A5840" s="6" t="s">
        <v>49</v>
      </c>
      <c r="B5840" s="6"/>
      <c r="C5840" s="6" t="s">
        <v>5860</v>
      </c>
      <c r="D5840" s="6"/>
      <c r="E5840" s="6" t="s">
        <v>9</v>
      </c>
      <c r="F5840" s="7">
        <v>43378</v>
      </c>
      <c r="G5840" s="8">
        <v>1</v>
      </c>
      <c r="H5840" s="8">
        <v>1</v>
      </c>
      <c r="I5840" s="8">
        <v>0</v>
      </c>
      <c r="J5840" s="8">
        <v>1</v>
      </c>
      <c r="K5840" s="9">
        <v>73</v>
      </c>
      <c r="L5840" s="6" t="s">
        <v>51</v>
      </c>
    </row>
    <row r="5841" spans="1:12">
      <c r="A5841" s="6" t="s">
        <v>49</v>
      </c>
      <c r="B5841" s="6"/>
      <c r="C5841" s="6" t="s">
        <v>5861</v>
      </c>
      <c r="D5841" s="6"/>
      <c r="E5841" s="6" t="s">
        <v>9</v>
      </c>
      <c r="F5841" s="7">
        <v>43378</v>
      </c>
      <c r="G5841" s="8">
        <v>1</v>
      </c>
      <c r="H5841" s="8">
        <v>1</v>
      </c>
      <c r="I5841" s="8">
        <v>0</v>
      </c>
      <c r="J5841" s="8">
        <v>1</v>
      </c>
      <c r="K5841" s="9">
        <v>141</v>
      </c>
      <c r="L5841" s="6" t="s">
        <v>51</v>
      </c>
    </row>
    <row r="5842" spans="1:12">
      <c r="A5842" s="6" t="s">
        <v>49</v>
      </c>
      <c r="B5842" s="6"/>
      <c r="C5842" s="6" t="s">
        <v>5862</v>
      </c>
      <c r="D5842" s="6"/>
      <c r="E5842" s="6" t="s">
        <v>9</v>
      </c>
      <c r="F5842" s="7">
        <v>43378</v>
      </c>
      <c r="G5842" s="8">
        <v>1</v>
      </c>
      <c r="H5842" s="8">
        <v>1</v>
      </c>
      <c r="I5842" s="8">
        <v>0</v>
      </c>
      <c r="J5842" s="8">
        <v>1</v>
      </c>
      <c r="K5842" s="9">
        <v>239</v>
      </c>
      <c r="L5842" s="6" t="s">
        <v>51</v>
      </c>
    </row>
    <row r="5843" spans="1:12">
      <c r="A5843" s="6" t="s">
        <v>49</v>
      </c>
      <c r="B5843" s="6"/>
      <c r="C5843" s="6" t="s">
        <v>5863</v>
      </c>
      <c r="D5843" s="6"/>
      <c r="E5843" s="6" t="s">
        <v>9</v>
      </c>
      <c r="F5843" s="7">
        <v>38657</v>
      </c>
      <c r="G5843" s="8">
        <v>1</v>
      </c>
      <c r="H5843" s="8">
        <v>1</v>
      </c>
      <c r="I5843" s="8">
        <v>0</v>
      </c>
      <c r="J5843" s="8">
        <v>1</v>
      </c>
      <c r="K5843" s="9">
        <v>23</v>
      </c>
      <c r="L5843" s="6" t="s">
        <v>51</v>
      </c>
    </row>
    <row r="5844" spans="1:12">
      <c r="A5844" s="6" t="s">
        <v>49</v>
      </c>
      <c r="B5844" s="6"/>
      <c r="C5844" s="6" t="s">
        <v>5864</v>
      </c>
      <c r="D5844" s="6"/>
      <c r="E5844" s="6" t="s">
        <v>9</v>
      </c>
      <c r="F5844" s="7">
        <v>43413</v>
      </c>
      <c r="G5844" s="8">
        <v>1</v>
      </c>
      <c r="H5844" s="8">
        <v>1</v>
      </c>
      <c r="I5844" s="8">
        <v>0</v>
      </c>
      <c r="J5844" s="8">
        <v>1</v>
      </c>
      <c r="K5844" s="9">
        <v>314</v>
      </c>
      <c r="L5844" s="6" t="s">
        <v>51</v>
      </c>
    </row>
    <row r="5845" spans="1:12">
      <c r="A5845" s="6" t="s">
        <v>49</v>
      </c>
      <c r="B5845" s="6"/>
      <c r="C5845" s="6" t="s">
        <v>5865</v>
      </c>
      <c r="D5845" s="6"/>
      <c r="E5845" s="6" t="s">
        <v>9</v>
      </c>
      <c r="F5845" s="7">
        <v>43413</v>
      </c>
      <c r="G5845" s="8">
        <v>1</v>
      </c>
      <c r="H5845" s="8">
        <v>1</v>
      </c>
      <c r="I5845" s="8">
        <v>0</v>
      </c>
      <c r="J5845" s="8">
        <v>1</v>
      </c>
      <c r="K5845" s="9">
        <v>2.84</v>
      </c>
      <c r="L5845" s="6" t="s">
        <v>51</v>
      </c>
    </row>
    <row r="5846" spans="1:12">
      <c r="A5846" s="6" t="s">
        <v>49</v>
      </c>
      <c r="B5846" s="6"/>
      <c r="C5846" s="6" t="s">
        <v>5866</v>
      </c>
      <c r="D5846" s="6"/>
      <c r="E5846" s="6" t="s">
        <v>9</v>
      </c>
      <c r="F5846" s="7">
        <v>43413</v>
      </c>
      <c r="G5846" s="8">
        <v>1</v>
      </c>
      <c r="H5846" s="8">
        <v>1</v>
      </c>
      <c r="I5846" s="8">
        <v>0</v>
      </c>
      <c r="J5846" s="8">
        <v>1</v>
      </c>
      <c r="K5846" s="9">
        <v>94</v>
      </c>
      <c r="L5846" s="6" t="s">
        <v>51</v>
      </c>
    </row>
    <row r="5847" spans="1:12">
      <c r="A5847" s="6" t="s">
        <v>49</v>
      </c>
      <c r="B5847" s="6"/>
      <c r="C5847" s="6" t="s">
        <v>5867</v>
      </c>
      <c r="D5847" s="6"/>
      <c r="E5847" s="6" t="s">
        <v>9</v>
      </c>
      <c r="F5847" s="7">
        <v>43413</v>
      </c>
      <c r="G5847" s="8">
        <v>1</v>
      </c>
      <c r="H5847" s="8">
        <v>1</v>
      </c>
      <c r="I5847" s="8">
        <v>0</v>
      </c>
      <c r="J5847" s="8">
        <v>1</v>
      </c>
      <c r="K5847" s="9">
        <v>0.49</v>
      </c>
      <c r="L5847" s="6" t="s">
        <v>51</v>
      </c>
    </row>
    <row r="5848" spans="1:12">
      <c r="A5848" s="6" t="s">
        <v>49</v>
      </c>
      <c r="B5848" s="6"/>
      <c r="C5848" s="6" t="s">
        <v>5868</v>
      </c>
      <c r="D5848" s="6"/>
      <c r="E5848" s="6" t="s">
        <v>9</v>
      </c>
      <c r="F5848" s="7">
        <v>43413</v>
      </c>
      <c r="G5848" s="8">
        <v>1</v>
      </c>
      <c r="H5848" s="8">
        <v>1</v>
      </c>
      <c r="I5848" s="8">
        <v>0</v>
      </c>
      <c r="J5848" s="8">
        <v>1</v>
      </c>
      <c r="K5848" s="9">
        <v>2.25999999999999</v>
      </c>
      <c r="L5848" s="6" t="s">
        <v>51</v>
      </c>
    </row>
    <row r="5849" spans="1:12">
      <c r="A5849" s="6" t="s">
        <v>49</v>
      </c>
      <c r="B5849" s="6"/>
      <c r="C5849" s="6" t="s">
        <v>5869</v>
      </c>
      <c r="D5849" s="6"/>
      <c r="E5849" s="6" t="s">
        <v>9</v>
      </c>
      <c r="F5849" s="7">
        <v>43413</v>
      </c>
      <c r="G5849" s="8">
        <v>1</v>
      </c>
      <c r="H5849" s="8">
        <v>1</v>
      </c>
      <c r="I5849" s="8">
        <v>0</v>
      </c>
      <c r="J5849" s="8">
        <v>1</v>
      </c>
      <c r="K5849" s="9">
        <v>0.53</v>
      </c>
      <c r="L5849" s="6" t="s">
        <v>51</v>
      </c>
    </row>
    <row r="5850" spans="1:12">
      <c r="A5850" s="6" t="s">
        <v>49</v>
      </c>
      <c r="B5850" s="6"/>
      <c r="C5850" s="6" t="s">
        <v>5870</v>
      </c>
      <c r="D5850" s="6"/>
      <c r="E5850" s="6" t="s">
        <v>9</v>
      </c>
      <c r="F5850" s="7">
        <v>43413</v>
      </c>
      <c r="G5850" s="8">
        <v>1</v>
      </c>
      <c r="H5850" s="8">
        <v>1</v>
      </c>
      <c r="I5850" s="8">
        <v>0</v>
      </c>
      <c r="J5850" s="8">
        <v>1</v>
      </c>
      <c r="K5850" s="9">
        <v>152</v>
      </c>
      <c r="L5850" s="6" t="s">
        <v>51</v>
      </c>
    </row>
    <row r="5851" spans="1:12">
      <c r="A5851" s="6" t="s">
        <v>49</v>
      </c>
      <c r="B5851" s="6"/>
      <c r="C5851" s="6" t="s">
        <v>5871</v>
      </c>
      <c r="D5851" s="6"/>
      <c r="E5851" s="6" t="s">
        <v>9</v>
      </c>
      <c r="F5851" s="7">
        <v>43413</v>
      </c>
      <c r="G5851" s="8">
        <v>1</v>
      </c>
      <c r="H5851" s="8">
        <v>1</v>
      </c>
      <c r="I5851" s="8">
        <v>0</v>
      </c>
      <c r="J5851" s="8">
        <v>1</v>
      </c>
      <c r="K5851" s="9">
        <v>2.93</v>
      </c>
      <c r="L5851" s="6" t="s">
        <v>51</v>
      </c>
    </row>
    <row r="5852" spans="1:12">
      <c r="A5852" s="6" t="s">
        <v>49</v>
      </c>
      <c r="B5852" s="6"/>
      <c r="C5852" s="6" t="s">
        <v>5872</v>
      </c>
      <c r="D5852" s="6"/>
      <c r="E5852" s="6" t="s">
        <v>9</v>
      </c>
      <c r="F5852" s="7">
        <v>43413</v>
      </c>
      <c r="G5852" s="8">
        <v>1</v>
      </c>
      <c r="H5852" s="8">
        <v>1</v>
      </c>
      <c r="I5852" s="8">
        <v>0</v>
      </c>
      <c r="J5852" s="8">
        <v>1</v>
      </c>
      <c r="K5852" s="9">
        <v>1.1599999999999899</v>
      </c>
      <c r="L5852" s="6" t="s">
        <v>51</v>
      </c>
    </row>
    <row r="5853" spans="1:12">
      <c r="A5853" s="6" t="s">
        <v>49</v>
      </c>
      <c r="B5853" s="6"/>
      <c r="C5853" s="6" t="s">
        <v>5873</v>
      </c>
      <c r="D5853" s="6"/>
      <c r="E5853" s="6" t="s">
        <v>9</v>
      </c>
      <c r="F5853" s="7">
        <v>43413</v>
      </c>
      <c r="G5853" s="8">
        <v>1</v>
      </c>
      <c r="H5853" s="8">
        <v>1</v>
      </c>
      <c r="I5853" s="8">
        <v>0</v>
      </c>
      <c r="J5853" s="8">
        <v>1</v>
      </c>
      <c r="K5853" s="9">
        <v>88</v>
      </c>
      <c r="L5853" s="6" t="s">
        <v>51</v>
      </c>
    </row>
    <row r="5854" spans="1:12">
      <c r="A5854" s="6" t="s">
        <v>49</v>
      </c>
      <c r="B5854" s="6"/>
      <c r="C5854" s="6" t="s">
        <v>5874</v>
      </c>
      <c r="D5854" s="6"/>
      <c r="E5854" s="6" t="s">
        <v>9</v>
      </c>
      <c r="F5854" s="7">
        <v>38657</v>
      </c>
      <c r="G5854" s="8">
        <v>1</v>
      </c>
      <c r="H5854" s="8">
        <v>1</v>
      </c>
      <c r="I5854" s="8">
        <v>0</v>
      </c>
      <c r="J5854" s="8">
        <v>1</v>
      </c>
      <c r="K5854" s="9">
        <v>67.8</v>
      </c>
      <c r="L5854" s="6" t="s">
        <v>51</v>
      </c>
    </row>
    <row r="5855" spans="1:12">
      <c r="A5855" s="6" t="s">
        <v>49</v>
      </c>
      <c r="B5855" s="6"/>
      <c r="C5855" s="6" t="s">
        <v>5875</v>
      </c>
      <c r="D5855" s="6"/>
      <c r="E5855" s="6" t="s">
        <v>9</v>
      </c>
      <c r="F5855" s="7">
        <v>43413</v>
      </c>
      <c r="G5855" s="8">
        <v>1</v>
      </c>
      <c r="H5855" s="8">
        <v>1</v>
      </c>
      <c r="I5855" s="8">
        <v>0</v>
      </c>
      <c r="J5855" s="8">
        <v>1</v>
      </c>
      <c r="K5855" s="9">
        <v>0.98</v>
      </c>
      <c r="L5855" s="6" t="s">
        <v>51</v>
      </c>
    </row>
    <row r="5856" spans="1:12">
      <c r="A5856" s="6" t="s">
        <v>49</v>
      </c>
      <c r="B5856" s="6"/>
      <c r="C5856" s="6" t="s">
        <v>5876</v>
      </c>
      <c r="D5856" s="6"/>
      <c r="E5856" s="6" t="s">
        <v>9</v>
      </c>
      <c r="F5856" s="7">
        <v>43413</v>
      </c>
      <c r="G5856" s="8">
        <v>1</v>
      </c>
      <c r="H5856" s="8">
        <v>1</v>
      </c>
      <c r="I5856" s="8">
        <v>0</v>
      </c>
      <c r="J5856" s="8">
        <v>1</v>
      </c>
      <c r="K5856" s="9">
        <v>0.51</v>
      </c>
      <c r="L5856" s="6" t="s">
        <v>51</v>
      </c>
    </row>
    <row r="5857" spans="1:12">
      <c r="A5857" s="6" t="s">
        <v>49</v>
      </c>
      <c r="B5857" s="6"/>
      <c r="C5857" s="6" t="s">
        <v>5877</v>
      </c>
      <c r="D5857" s="6"/>
      <c r="E5857" s="6" t="s">
        <v>9</v>
      </c>
      <c r="F5857" s="7">
        <v>43413</v>
      </c>
      <c r="G5857" s="8">
        <v>1</v>
      </c>
      <c r="H5857" s="8">
        <v>1</v>
      </c>
      <c r="I5857" s="8">
        <v>0</v>
      </c>
      <c r="J5857" s="8">
        <v>1</v>
      </c>
      <c r="K5857" s="9">
        <v>198</v>
      </c>
      <c r="L5857" s="6" t="s">
        <v>51</v>
      </c>
    </row>
    <row r="5858" spans="1:12">
      <c r="A5858" s="6" t="s">
        <v>49</v>
      </c>
      <c r="B5858" s="6"/>
      <c r="C5858" s="6" t="s">
        <v>5878</v>
      </c>
      <c r="D5858" s="6"/>
      <c r="E5858" s="6" t="s">
        <v>9</v>
      </c>
      <c r="F5858" s="7">
        <v>43413</v>
      </c>
      <c r="G5858" s="8">
        <v>1</v>
      </c>
      <c r="H5858" s="8">
        <v>1</v>
      </c>
      <c r="I5858" s="8">
        <v>0</v>
      </c>
      <c r="J5858" s="8">
        <v>1</v>
      </c>
      <c r="K5858" s="9">
        <v>1.35</v>
      </c>
      <c r="L5858" s="6" t="s">
        <v>51</v>
      </c>
    </row>
    <row r="5859" spans="1:12">
      <c r="A5859" s="6" t="s">
        <v>49</v>
      </c>
      <c r="B5859" s="6"/>
      <c r="C5859" s="6" t="s">
        <v>5879</v>
      </c>
      <c r="D5859" s="6"/>
      <c r="E5859" s="6" t="s">
        <v>9</v>
      </c>
      <c r="F5859" s="7">
        <v>43413</v>
      </c>
      <c r="G5859" s="8">
        <v>1</v>
      </c>
      <c r="H5859" s="8">
        <v>1</v>
      </c>
      <c r="I5859" s="8">
        <v>0</v>
      </c>
      <c r="J5859" s="8">
        <v>1</v>
      </c>
      <c r="K5859" s="9">
        <v>55</v>
      </c>
      <c r="L5859" s="6" t="s">
        <v>51</v>
      </c>
    </row>
    <row r="5860" spans="1:12">
      <c r="A5860" s="6" t="s">
        <v>49</v>
      </c>
      <c r="B5860" s="6"/>
      <c r="C5860" s="6" t="s">
        <v>5880</v>
      </c>
      <c r="D5860" s="6"/>
      <c r="E5860" s="6" t="s">
        <v>9</v>
      </c>
      <c r="F5860" s="7">
        <v>43413</v>
      </c>
      <c r="G5860" s="8">
        <v>1</v>
      </c>
      <c r="H5860" s="8">
        <v>1</v>
      </c>
      <c r="I5860" s="8">
        <v>0</v>
      </c>
      <c r="J5860" s="8">
        <v>1</v>
      </c>
      <c r="K5860" s="9">
        <v>26</v>
      </c>
      <c r="L5860" s="6" t="s">
        <v>51</v>
      </c>
    </row>
    <row r="5861" spans="1:12">
      <c r="A5861" s="6" t="s">
        <v>49</v>
      </c>
      <c r="B5861" s="6"/>
      <c r="C5861" s="6" t="s">
        <v>5881</v>
      </c>
      <c r="D5861" s="6"/>
      <c r="E5861" s="6" t="s">
        <v>9</v>
      </c>
      <c r="F5861" s="7">
        <v>43413</v>
      </c>
      <c r="G5861" s="8">
        <v>1</v>
      </c>
      <c r="H5861" s="8">
        <v>1</v>
      </c>
      <c r="I5861" s="8">
        <v>0</v>
      </c>
      <c r="J5861" s="8">
        <v>1</v>
      </c>
      <c r="K5861" s="9">
        <v>57</v>
      </c>
      <c r="L5861" s="6" t="s">
        <v>51</v>
      </c>
    </row>
    <row r="5862" spans="1:12">
      <c r="A5862" s="6" t="s">
        <v>49</v>
      </c>
      <c r="B5862" s="6"/>
      <c r="C5862" s="6" t="s">
        <v>5882</v>
      </c>
      <c r="D5862" s="6"/>
      <c r="E5862" s="6" t="s">
        <v>9</v>
      </c>
      <c r="F5862" s="7">
        <v>43413</v>
      </c>
      <c r="G5862" s="8">
        <v>1</v>
      </c>
      <c r="H5862" s="8">
        <v>1</v>
      </c>
      <c r="I5862" s="8">
        <v>0</v>
      </c>
      <c r="J5862" s="8">
        <v>1</v>
      </c>
      <c r="K5862" s="9">
        <v>56</v>
      </c>
      <c r="L5862" s="6" t="s">
        <v>51</v>
      </c>
    </row>
    <row r="5863" spans="1:12">
      <c r="A5863" s="6" t="s">
        <v>49</v>
      </c>
      <c r="B5863" s="6"/>
      <c r="C5863" s="6" t="s">
        <v>5883</v>
      </c>
      <c r="D5863" s="6"/>
      <c r="E5863" s="6" t="s">
        <v>9</v>
      </c>
      <c r="F5863" s="7">
        <v>43413</v>
      </c>
      <c r="G5863" s="8">
        <v>1</v>
      </c>
      <c r="H5863" s="8">
        <v>1</v>
      </c>
      <c r="I5863" s="8">
        <v>0</v>
      </c>
      <c r="J5863" s="8">
        <v>1</v>
      </c>
      <c r="K5863" s="9">
        <v>1.17</v>
      </c>
      <c r="L5863" s="6" t="s">
        <v>51</v>
      </c>
    </row>
    <row r="5864" spans="1:12">
      <c r="A5864" s="6" t="s">
        <v>49</v>
      </c>
      <c r="B5864" s="6"/>
      <c r="C5864" s="6" t="s">
        <v>5884</v>
      </c>
      <c r="D5864" s="6"/>
      <c r="E5864" s="6" t="s">
        <v>9</v>
      </c>
      <c r="F5864" s="7">
        <v>43413</v>
      </c>
      <c r="G5864" s="8">
        <v>1</v>
      </c>
      <c r="H5864" s="8">
        <v>1</v>
      </c>
      <c r="I5864" s="8">
        <v>0</v>
      </c>
      <c r="J5864" s="8">
        <v>1</v>
      </c>
      <c r="K5864" s="9">
        <v>78</v>
      </c>
      <c r="L5864" s="6" t="s">
        <v>51</v>
      </c>
    </row>
    <row r="5865" spans="1:12">
      <c r="A5865" s="6" t="s">
        <v>49</v>
      </c>
      <c r="B5865" s="6"/>
      <c r="C5865" s="6" t="s">
        <v>5885</v>
      </c>
      <c r="D5865" s="6"/>
      <c r="E5865" s="6" t="s">
        <v>9</v>
      </c>
      <c r="F5865" s="7">
        <v>38657</v>
      </c>
      <c r="G5865" s="8">
        <v>1</v>
      </c>
      <c r="H5865" s="8">
        <v>1</v>
      </c>
      <c r="I5865" s="8">
        <v>0</v>
      </c>
      <c r="J5865" s="8">
        <v>1</v>
      </c>
      <c r="K5865" s="9">
        <v>2.25</v>
      </c>
      <c r="L5865" s="6" t="s">
        <v>51</v>
      </c>
    </row>
    <row r="5866" spans="1:12">
      <c r="A5866" s="6" t="s">
        <v>49</v>
      </c>
      <c r="B5866" s="6"/>
      <c r="C5866" s="6" t="s">
        <v>5886</v>
      </c>
      <c r="D5866" s="6"/>
      <c r="E5866" s="6" t="s">
        <v>9</v>
      </c>
      <c r="F5866" s="7">
        <v>43413</v>
      </c>
      <c r="G5866" s="8">
        <v>1</v>
      </c>
      <c r="H5866" s="8">
        <v>1</v>
      </c>
      <c r="I5866" s="8">
        <v>0</v>
      </c>
      <c r="J5866" s="8">
        <v>1</v>
      </c>
      <c r="K5866" s="9">
        <v>0.28999999999999898</v>
      </c>
      <c r="L5866" s="6" t="s">
        <v>51</v>
      </c>
    </row>
    <row r="5867" spans="1:12">
      <c r="A5867" s="6" t="s">
        <v>49</v>
      </c>
      <c r="B5867" s="6"/>
      <c r="C5867" s="6" t="s">
        <v>5887</v>
      </c>
      <c r="D5867" s="6"/>
      <c r="E5867" s="6" t="s">
        <v>9</v>
      </c>
      <c r="F5867" s="7">
        <v>43413</v>
      </c>
      <c r="G5867" s="8">
        <v>1</v>
      </c>
      <c r="H5867" s="8">
        <v>1</v>
      </c>
      <c r="I5867" s="8">
        <v>0</v>
      </c>
      <c r="J5867" s="8">
        <v>1</v>
      </c>
      <c r="K5867" s="9">
        <v>0.49</v>
      </c>
      <c r="L5867" s="6" t="s">
        <v>51</v>
      </c>
    </row>
    <row r="5868" spans="1:12">
      <c r="A5868" s="6" t="s">
        <v>49</v>
      </c>
      <c r="B5868" s="6"/>
      <c r="C5868" s="6" t="s">
        <v>5888</v>
      </c>
      <c r="D5868" s="6"/>
      <c r="E5868" s="6" t="s">
        <v>9</v>
      </c>
      <c r="F5868" s="7">
        <v>43413</v>
      </c>
      <c r="G5868" s="8">
        <v>1</v>
      </c>
      <c r="H5868" s="8">
        <v>1</v>
      </c>
      <c r="I5868" s="8">
        <v>0</v>
      </c>
      <c r="J5868" s="8">
        <v>1</v>
      </c>
      <c r="K5868" s="9">
        <v>1.31</v>
      </c>
      <c r="L5868" s="6" t="s">
        <v>51</v>
      </c>
    </row>
    <row r="5869" spans="1:12">
      <c r="A5869" s="6" t="s">
        <v>49</v>
      </c>
      <c r="B5869" s="6"/>
      <c r="C5869" s="6" t="s">
        <v>5889</v>
      </c>
      <c r="D5869" s="6"/>
      <c r="E5869" s="6" t="s">
        <v>9</v>
      </c>
      <c r="F5869" s="7">
        <v>43413</v>
      </c>
      <c r="G5869" s="8">
        <v>1</v>
      </c>
      <c r="H5869" s="8">
        <v>1</v>
      </c>
      <c r="I5869" s="8">
        <v>0</v>
      </c>
      <c r="J5869" s="8">
        <v>1</v>
      </c>
      <c r="K5869" s="9">
        <v>0.21</v>
      </c>
      <c r="L5869" s="6" t="s">
        <v>51</v>
      </c>
    </row>
    <row r="5870" spans="1:12">
      <c r="A5870" s="6" t="s">
        <v>49</v>
      </c>
      <c r="B5870" s="6"/>
      <c r="C5870" s="6" t="s">
        <v>5890</v>
      </c>
      <c r="D5870" s="6"/>
      <c r="E5870" s="6" t="s">
        <v>9</v>
      </c>
      <c r="F5870" s="7">
        <v>43413</v>
      </c>
      <c r="G5870" s="8">
        <v>1</v>
      </c>
      <c r="H5870" s="8">
        <v>1</v>
      </c>
      <c r="I5870" s="8">
        <v>0</v>
      </c>
      <c r="J5870" s="8">
        <v>1</v>
      </c>
      <c r="K5870" s="9">
        <v>2.17</v>
      </c>
      <c r="L5870" s="6" t="s">
        <v>51</v>
      </c>
    </row>
    <row r="5871" spans="1:12">
      <c r="A5871" s="6" t="s">
        <v>49</v>
      </c>
      <c r="B5871" s="6"/>
      <c r="C5871" s="6" t="s">
        <v>5891</v>
      </c>
      <c r="D5871" s="6"/>
      <c r="E5871" s="6" t="s">
        <v>9</v>
      </c>
      <c r="F5871" s="7">
        <v>43413</v>
      </c>
      <c r="G5871" s="8">
        <v>1</v>
      </c>
      <c r="H5871" s="8">
        <v>1</v>
      </c>
      <c r="I5871" s="8">
        <v>0</v>
      </c>
      <c r="J5871" s="8">
        <v>1</v>
      </c>
      <c r="K5871" s="9">
        <v>147</v>
      </c>
      <c r="L5871" s="6" t="s">
        <v>51</v>
      </c>
    </row>
    <row r="5872" spans="1:12">
      <c r="A5872" s="6" t="s">
        <v>49</v>
      </c>
      <c r="B5872" s="6"/>
      <c r="C5872" s="6" t="s">
        <v>5892</v>
      </c>
      <c r="D5872" s="6"/>
      <c r="E5872" s="6" t="s">
        <v>9</v>
      </c>
      <c r="F5872" s="7">
        <v>43413</v>
      </c>
      <c r="G5872" s="8">
        <v>1</v>
      </c>
      <c r="H5872" s="8">
        <v>1</v>
      </c>
      <c r="I5872" s="8">
        <v>0</v>
      </c>
      <c r="J5872" s="8">
        <v>1</v>
      </c>
      <c r="K5872" s="9">
        <v>1.18</v>
      </c>
      <c r="L5872" s="6" t="s">
        <v>51</v>
      </c>
    </row>
    <row r="5873" spans="1:12">
      <c r="A5873" s="6" t="s">
        <v>49</v>
      </c>
      <c r="B5873" s="6"/>
      <c r="C5873" s="6" t="s">
        <v>5893</v>
      </c>
      <c r="D5873" s="6"/>
      <c r="E5873" s="6" t="s">
        <v>9</v>
      </c>
      <c r="F5873" s="7">
        <v>43413</v>
      </c>
      <c r="G5873" s="8">
        <v>1</v>
      </c>
      <c r="H5873" s="8">
        <v>1</v>
      </c>
      <c r="I5873" s="8">
        <v>0</v>
      </c>
      <c r="J5873" s="8">
        <v>1</v>
      </c>
      <c r="K5873" s="9">
        <v>127</v>
      </c>
      <c r="L5873" s="6" t="s">
        <v>51</v>
      </c>
    </row>
    <row r="5874" spans="1:12">
      <c r="A5874" s="6" t="s">
        <v>49</v>
      </c>
      <c r="B5874" s="6"/>
      <c r="C5874" s="6" t="s">
        <v>5894</v>
      </c>
      <c r="D5874" s="6"/>
      <c r="E5874" s="6" t="s">
        <v>9</v>
      </c>
      <c r="F5874" s="7">
        <v>43413</v>
      </c>
      <c r="G5874" s="8">
        <v>1</v>
      </c>
      <c r="H5874" s="8">
        <v>1</v>
      </c>
      <c r="I5874" s="8">
        <v>0</v>
      </c>
      <c r="J5874" s="8">
        <v>1</v>
      </c>
      <c r="K5874" s="9">
        <v>1.06</v>
      </c>
      <c r="L5874" s="6" t="s">
        <v>51</v>
      </c>
    </row>
    <row r="5875" spans="1:12">
      <c r="A5875" s="6" t="s">
        <v>49</v>
      </c>
      <c r="B5875" s="6"/>
      <c r="C5875" s="6" t="s">
        <v>5895</v>
      </c>
      <c r="D5875" s="6"/>
      <c r="E5875" s="6" t="s">
        <v>9</v>
      </c>
      <c r="F5875" s="7">
        <v>43413</v>
      </c>
      <c r="G5875" s="8">
        <v>1</v>
      </c>
      <c r="H5875" s="8">
        <v>1</v>
      </c>
      <c r="I5875" s="8">
        <v>0</v>
      </c>
      <c r="J5875" s="8">
        <v>1</v>
      </c>
      <c r="K5875" s="9">
        <v>0.66</v>
      </c>
      <c r="L5875" s="6" t="s">
        <v>51</v>
      </c>
    </row>
    <row r="5876" spans="1:12">
      <c r="A5876" s="6" t="s">
        <v>49</v>
      </c>
      <c r="B5876" s="6"/>
      <c r="C5876" s="6" t="s">
        <v>5896</v>
      </c>
      <c r="D5876" s="6"/>
      <c r="E5876" s="6" t="s">
        <v>9</v>
      </c>
      <c r="F5876" s="7">
        <v>38657</v>
      </c>
      <c r="G5876" s="8">
        <v>1</v>
      </c>
      <c r="H5876" s="8">
        <v>1</v>
      </c>
      <c r="I5876" s="8">
        <v>0</v>
      </c>
      <c r="J5876" s="8">
        <v>1</v>
      </c>
      <c r="K5876" s="9">
        <v>29</v>
      </c>
      <c r="L5876" s="6" t="s">
        <v>51</v>
      </c>
    </row>
    <row r="5877" spans="1:12">
      <c r="A5877" s="6" t="s">
        <v>49</v>
      </c>
      <c r="B5877" s="6"/>
      <c r="C5877" s="6" t="s">
        <v>5897</v>
      </c>
      <c r="D5877" s="6"/>
      <c r="E5877" s="6" t="s">
        <v>9</v>
      </c>
      <c r="F5877" s="7">
        <v>43413</v>
      </c>
      <c r="G5877" s="8">
        <v>1</v>
      </c>
      <c r="H5877" s="8">
        <v>1</v>
      </c>
      <c r="I5877" s="8">
        <v>0</v>
      </c>
      <c r="J5877" s="8">
        <v>1</v>
      </c>
      <c r="K5877" s="9">
        <v>9.5399999999999903</v>
      </c>
      <c r="L5877" s="6" t="s">
        <v>51</v>
      </c>
    </row>
    <row r="5878" spans="1:12">
      <c r="A5878" s="6" t="s">
        <v>49</v>
      </c>
      <c r="B5878" s="6"/>
      <c r="C5878" s="6" t="s">
        <v>5898</v>
      </c>
      <c r="D5878" s="6"/>
      <c r="E5878" s="6" t="s">
        <v>9</v>
      </c>
      <c r="F5878" s="7">
        <v>43413</v>
      </c>
      <c r="G5878" s="8">
        <v>1</v>
      </c>
      <c r="H5878" s="8">
        <v>1</v>
      </c>
      <c r="I5878" s="8">
        <v>0</v>
      </c>
      <c r="J5878" s="8">
        <v>1</v>
      </c>
      <c r="K5878" s="9">
        <v>0.28000000000000003</v>
      </c>
      <c r="L5878" s="6" t="s">
        <v>51</v>
      </c>
    </row>
    <row r="5879" spans="1:12">
      <c r="A5879" s="6" t="s">
        <v>49</v>
      </c>
      <c r="B5879" s="6"/>
      <c r="C5879" s="6" t="s">
        <v>5899</v>
      </c>
      <c r="D5879" s="6"/>
      <c r="E5879" s="6" t="s">
        <v>9</v>
      </c>
      <c r="F5879" s="7">
        <v>43413</v>
      </c>
      <c r="G5879" s="8">
        <v>1</v>
      </c>
      <c r="H5879" s="8">
        <v>1</v>
      </c>
      <c r="I5879" s="8">
        <v>0</v>
      </c>
      <c r="J5879" s="8">
        <v>1</v>
      </c>
      <c r="K5879" s="9">
        <v>197</v>
      </c>
      <c r="L5879" s="6" t="s">
        <v>51</v>
      </c>
    </row>
    <row r="5880" spans="1:12">
      <c r="A5880" s="6" t="s">
        <v>49</v>
      </c>
      <c r="B5880" s="6"/>
      <c r="C5880" s="6" t="s">
        <v>5900</v>
      </c>
      <c r="D5880" s="6"/>
      <c r="E5880" s="6" t="s">
        <v>9</v>
      </c>
      <c r="F5880" s="7">
        <v>43413</v>
      </c>
      <c r="G5880" s="8">
        <v>1</v>
      </c>
      <c r="H5880" s="8">
        <v>1</v>
      </c>
      <c r="I5880" s="8">
        <v>0</v>
      </c>
      <c r="J5880" s="8">
        <v>1</v>
      </c>
      <c r="K5880" s="9">
        <v>0.99</v>
      </c>
      <c r="L5880" s="6" t="s">
        <v>51</v>
      </c>
    </row>
    <row r="5881" spans="1:12">
      <c r="A5881" s="6" t="s">
        <v>49</v>
      </c>
      <c r="B5881" s="6"/>
      <c r="C5881" s="6" t="s">
        <v>5901</v>
      </c>
      <c r="D5881" s="6"/>
      <c r="E5881" s="6" t="s">
        <v>9</v>
      </c>
      <c r="F5881" s="7">
        <v>43413</v>
      </c>
      <c r="G5881" s="8">
        <v>1</v>
      </c>
      <c r="H5881" s="8">
        <v>1</v>
      </c>
      <c r="I5881" s="8">
        <v>0</v>
      </c>
      <c r="J5881" s="8">
        <v>1</v>
      </c>
      <c r="K5881" s="9">
        <v>343</v>
      </c>
      <c r="L5881" s="6" t="s">
        <v>51</v>
      </c>
    </row>
    <row r="5882" spans="1:12">
      <c r="A5882" s="6" t="s">
        <v>49</v>
      </c>
      <c r="B5882" s="6"/>
      <c r="C5882" s="6" t="s">
        <v>5902</v>
      </c>
      <c r="D5882" s="6"/>
      <c r="E5882" s="6" t="s">
        <v>9</v>
      </c>
      <c r="F5882" s="7">
        <v>43413</v>
      </c>
      <c r="G5882" s="8">
        <v>1</v>
      </c>
      <c r="H5882" s="8">
        <v>1</v>
      </c>
      <c r="I5882" s="8">
        <v>0</v>
      </c>
      <c r="J5882" s="8">
        <v>1</v>
      </c>
      <c r="K5882" s="9">
        <v>6.94</v>
      </c>
      <c r="L5882" s="6" t="s">
        <v>51</v>
      </c>
    </row>
    <row r="5883" spans="1:12">
      <c r="A5883" s="6" t="s">
        <v>49</v>
      </c>
      <c r="B5883" s="6"/>
      <c r="C5883" s="6" t="s">
        <v>5903</v>
      </c>
      <c r="D5883" s="6"/>
      <c r="E5883" s="6" t="s">
        <v>9</v>
      </c>
      <c r="F5883" s="7">
        <v>43413</v>
      </c>
      <c r="G5883" s="8">
        <v>1</v>
      </c>
      <c r="H5883" s="8">
        <v>1</v>
      </c>
      <c r="I5883" s="8">
        <v>0</v>
      </c>
      <c r="J5883" s="8">
        <v>1</v>
      </c>
      <c r="K5883" s="9">
        <v>0.92</v>
      </c>
      <c r="L5883" s="6" t="s">
        <v>51</v>
      </c>
    </row>
    <row r="5884" spans="1:12">
      <c r="A5884" s="6" t="s">
        <v>49</v>
      </c>
      <c r="B5884" s="6"/>
      <c r="C5884" s="6" t="s">
        <v>5904</v>
      </c>
      <c r="D5884" s="6"/>
      <c r="E5884" s="6" t="s">
        <v>9</v>
      </c>
      <c r="F5884" s="7">
        <v>43413</v>
      </c>
      <c r="G5884" s="8">
        <v>1</v>
      </c>
      <c r="H5884" s="8">
        <v>1</v>
      </c>
      <c r="I5884" s="8">
        <v>0</v>
      </c>
      <c r="J5884" s="8">
        <v>1</v>
      </c>
      <c r="K5884" s="9">
        <v>1.59</v>
      </c>
      <c r="L5884" s="6" t="s">
        <v>51</v>
      </c>
    </row>
    <row r="5885" spans="1:12">
      <c r="A5885" s="6" t="s">
        <v>49</v>
      </c>
      <c r="B5885" s="6"/>
      <c r="C5885" s="6" t="s">
        <v>5905</v>
      </c>
      <c r="D5885" s="6"/>
      <c r="E5885" s="6" t="s">
        <v>9</v>
      </c>
      <c r="F5885" s="7">
        <v>43413</v>
      </c>
      <c r="G5885" s="8">
        <v>1</v>
      </c>
      <c r="H5885" s="8">
        <v>1</v>
      </c>
      <c r="I5885" s="8">
        <v>0</v>
      </c>
      <c r="J5885" s="8">
        <v>1</v>
      </c>
      <c r="K5885" s="9">
        <v>38</v>
      </c>
      <c r="L5885" s="6" t="s">
        <v>51</v>
      </c>
    </row>
    <row r="5886" spans="1:12">
      <c r="A5886" s="6" t="s">
        <v>49</v>
      </c>
      <c r="B5886" s="6"/>
      <c r="C5886" s="6" t="s">
        <v>5906</v>
      </c>
      <c r="D5886" s="6"/>
      <c r="E5886" s="6" t="s">
        <v>9</v>
      </c>
      <c r="F5886" s="7">
        <v>43413</v>
      </c>
      <c r="G5886" s="8">
        <v>1</v>
      </c>
      <c r="H5886" s="8">
        <v>1</v>
      </c>
      <c r="I5886" s="8">
        <v>0</v>
      </c>
      <c r="J5886" s="8">
        <v>1</v>
      </c>
      <c r="K5886" s="9">
        <v>250</v>
      </c>
      <c r="L5886" s="6" t="s">
        <v>51</v>
      </c>
    </row>
    <row r="5887" spans="1:12">
      <c r="A5887" s="6" t="s">
        <v>49</v>
      </c>
      <c r="B5887" s="6"/>
      <c r="C5887" s="6" t="s">
        <v>5907</v>
      </c>
      <c r="D5887" s="6"/>
      <c r="E5887" s="6" t="s">
        <v>9</v>
      </c>
      <c r="F5887" s="7">
        <v>38657</v>
      </c>
      <c r="G5887" s="8">
        <v>1</v>
      </c>
      <c r="H5887" s="8">
        <v>1</v>
      </c>
      <c r="I5887" s="8">
        <v>0</v>
      </c>
      <c r="J5887" s="8">
        <v>1</v>
      </c>
      <c r="K5887" s="9">
        <v>9.91</v>
      </c>
      <c r="L5887" s="6" t="s">
        <v>51</v>
      </c>
    </row>
    <row r="5888" spans="1:12">
      <c r="A5888" s="6" t="s">
        <v>49</v>
      </c>
      <c r="B5888" s="6"/>
      <c r="C5888" s="6" t="s">
        <v>5908</v>
      </c>
      <c r="D5888" s="6"/>
      <c r="E5888" s="6" t="s">
        <v>9</v>
      </c>
      <c r="F5888" s="7">
        <v>43413</v>
      </c>
      <c r="G5888" s="8">
        <v>1</v>
      </c>
      <c r="H5888" s="8">
        <v>1</v>
      </c>
      <c r="I5888" s="8">
        <v>0</v>
      </c>
      <c r="J5888" s="8">
        <v>1</v>
      </c>
      <c r="K5888" s="9">
        <v>56</v>
      </c>
      <c r="L5888" s="6" t="s">
        <v>51</v>
      </c>
    </row>
    <row r="5889" spans="1:12">
      <c r="A5889" s="6" t="s">
        <v>49</v>
      </c>
      <c r="B5889" s="6"/>
      <c r="C5889" s="6" t="s">
        <v>5909</v>
      </c>
      <c r="D5889" s="6"/>
      <c r="E5889" s="6" t="s">
        <v>9</v>
      </c>
      <c r="F5889" s="7">
        <v>43413</v>
      </c>
      <c r="G5889" s="8">
        <v>1</v>
      </c>
      <c r="H5889" s="8">
        <v>1</v>
      </c>
      <c r="I5889" s="8">
        <v>0</v>
      </c>
      <c r="J5889" s="8">
        <v>1</v>
      </c>
      <c r="K5889" s="9">
        <v>110</v>
      </c>
      <c r="L5889" s="6" t="s">
        <v>51</v>
      </c>
    </row>
    <row r="5890" spans="1:12">
      <c r="A5890" s="6" t="s">
        <v>49</v>
      </c>
      <c r="B5890" s="6"/>
      <c r="C5890" s="6" t="s">
        <v>5910</v>
      </c>
      <c r="D5890" s="6"/>
      <c r="E5890" s="6" t="s">
        <v>9</v>
      </c>
      <c r="F5890" s="7">
        <v>43413</v>
      </c>
      <c r="G5890" s="8">
        <v>1</v>
      </c>
      <c r="H5890" s="8">
        <v>1</v>
      </c>
      <c r="I5890" s="8">
        <v>0</v>
      </c>
      <c r="J5890" s="8">
        <v>1</v>
      </c>
      <c r="K5890" s="9">
        <v>98</v>
      </c>
      <c r="L5890" s="6" t="s">
        <v>51</v>
      </c>
    </row>
    <row r="5891" spans="1:12">
      <c r="A5891" s="6" t="s">
        <v>49</v>
      </c>
      <c r="B5891" s="6"/>
      <c r="C5891" s="6" t="s">
        <v>5911</v>
      </c>
      <c r="D5891" s="6"/>
      <c r="E5891" s="6" t="s">
        <v>9</v>
      </c>
      <c r="F5891" s="7">
        <v>43413</v>
      </c>
      <c r="G5891" s="8">
        <v>1</v>
      </c>
      <c r="H5891" s="8">
        <v>1</v>
      </c>
      <c r="I5891" s="8">
        <v>0</v>
      </c>
      <c r="J5891" s="8">
        <v>1</v>
      </c>
      <c r="K5891" s="9">
        <v>241</v>
      </c>
      <c r="L5891" s="6" t="s">
        <v>51</v>
      </c>
    </row>
    <row r="5892" spans="1:12">
      <c r="A5892" s="6" t="s">
        <v>49</v>
      </c>
      <c r="B5892" s="6"/>
      <c r="C5892" s="6" t="s">
        <v>5912</v>
      </c>
      <c r="D5892" s="6"/>
      <c r="E5892" s="6" t="s">
        <v>9</v>
      </c>
      <c r="F5892" s="7">
        <v>43413</v>
      </c>
      <c r="G5892" s="8">
        <v>1</v>
      </c>
      <c r="H5892" s="8">
        <v>1</v>
      </c>
      <c r="I5892" s="8">
        <v>0</v>
      </c>
      <c r="J5892" s="8">
        <v>1</v>
      </c>
      <c r="K5892" s="9">
        <v>20</v>
      </c>
      <c r="L5892" s="6" t="s">
        <v>51</v>
      </c>
    </row>
    <row r="5893" spans="1:12">
      <c r="A5893" s="6" t="s">
        <v>49</v>
      </c>
      <c r="B5893" s="6"/>
      <c r="C5893" s="6" t="s">
        <v>5913</v>
      </c>
      <c r="D5893" s="6"/>
      <c r="E5893" s="6" t="s">
        <v>9</v>
      </c>
      <c r="F5893" s="7">
        <v>43453</v>
      </c>
      <c r="G5893" s="8">
        <v>1</v>
      </c>
      <c r="H5893" s="8">
        <v>1</v>
      </c>
      <c r="I5893" s="8">
        <v>0</v>
      </c>
      <c r="J5893" s="8">
        <v>1</v>
      </c>
      <c r="K5893" s="9">
        <v>110</v>
      </c>
      <c r="L5893" s="6" t="s">
        <v>51</v>
      </c>
    </row>
    <row r="5894" spans="1:12">
      <c r="A5894" s="6" t="s">
        <v>49</v>
      </c>
      <c r="B5894" s="6"/>
      <c r="C5894" s="6" t="s">
        <v>5914</v>
      </c>
      <c r="D5894" s="6"/>
      <c r="E5894" s="6" t="s">
        <v>9</v>
      </c>
      <c r="F5894" s="7">
        <v>43459</v>
      </c>
      <c r="G5894" s="8">
        <v>1</v>
      </c>
      <c r="H5894" s="8">
        <v>1</v>
      </c>
      <c r="I5894" s="8">
        <v>0</v>
      </c>
      <c r="J5894" s="8">
        <v>1</v>
      </c>
      <c r="K5894" s="9">
        <v>1033</v>
      </c>
      <c r="L5894" s="6" t="s">
        <v>51</v>
      </c>
    </row>
    <row r="5895" spans="1:12">
      <c r="A5895" s="6" t="s">
        <v>49</v>
      </c>
      <c r="B5895" s="6"/>
      <c r="C5895" s="6" t="s">
        <v>5915</v>
      </c>
      <c r="D5895" s="6"/>
      <c r="E5895" s="6" t="s">
        <v>9</v>
      </c>
      <c r="F5895" s="7">
        <v>43459</v>
      </c>
      <c r="G5895" s="8">
        <v>1</v>
      </c>
      <c r="H5895" s="8">
        <v>1</v>
      </c>
      <c r="I5895" s="8">
        <v>0</v>
      </c>
      <c r="J5895" s="8">
        <v>1</v>
      </c>
      <c r="K5895" s="9">
        <v>692</v>
      </c>
      <c r="L5895" s="6" t="s">
        <v>51</v>
      </c>
    </row>
    <row r="5896" spans="1:12">
      <c r="A5896" s="6" t="s">
        <v>49</v>
      </c>
      <c r="B5896" s="6"/>
      <c r="C5896" s="6" t="s">
        <v>5916</v>
      </c>
      <c r="D5896" s="6"/>
      <c r="E5896" s="6" t="s">
        <v>9</v>
      </c>
      <c r="F5896" s="7">
        <v>43459</v>
      </c>
      <c r="G5896" s="8">
        <v>1</v>
      </c>
      <c r="H5896" s="8">
        <v>1</v>
      </c>
      <c r="I5896" s="8">
        <v>0</v>
      </c>
      <c r="J5896" s="8">
        <v>1</v>
      </c>
      <c r="K5896" s="9">
        <v>417</v>
      </c>
      <c r="L5896" s="6" t="s">
        <v>51</v>
      </c>
    </row>
    <row r="5897" spans="1:12">
      <c r="A5897" s="6" t="s">
        <v>49</v>
      </c>
      <c r="B5897" s="6"/>
      <c r="C5897" s="6" t="s">
        <v>5917</v>
      </c>
      <c r="D5897" s="6"/>
      <c r="E5897" s="6" t="s">
        <v>9</v>
      </c>
      <c r="F5897" s="7">
        <v>43459</v>
      </c>
      <c r="G5897" s="8">
        <v>1</v>
      </c>
      <c r="H5897" s="8">
        <v>1</v>
      </c>
      <c r="I5897" s="8">
        <v>0</v>
      </c>
      <c r="J5897" s="8">
        <v>1</v>
      </c>
      <c r="K5897" s="9">
        <v>483</v>
      </c>
      <c r="L5897" s="6" t="s">
        <v>51</v>
      </c>
    </row>
    <row r="5898" spans="1:12">
      <c r="A5898" s="6" t="s">
        <v>49</v>
      </c>
      <c r="B5898" s="6"/>
      <c r="C5898" s="6" t="s">
        <v>5918</v>
      </c>
      <c r="D5898" s="6"/>
      <c r="E5898" s="6" t="s">
        <v>9</v>
      </c>
      <c r="F5898" s="7">
        <v>40500</v>
      </c>
      <c r="G5898" s="8">
        <v>1</v>
      </c>
      <c r="H5898" s="8">
        <v>1</v>
      </c>
      <c r="I5898" s="8">
        <v>0</v>
      </c>
      <c r="J5898" s="8">
        <v>1</v>
      </c>
      <c r="K5898" s="9">
        <v>98</v>
      </c>
      <c r="L5898" s="6" t="s">
        <v>51</v>
      </c>
    </row>
    <row r="5899" spans="1:12">
      <c r="A5899" s="6" t="s">
        <v>49</v>
      </c>
      <c r="B5899" s="6"/>
      <c r="C5899" s="6" t="s">
        <v>5919</v>
      </c>
      <c r="D5899" s="6"/>
      <c r="E5899" s="6" t="s">
        <v>9</v>
      </c>
      <c r="F5899" s="7">
        <v>43459</v>
      </c>
      <c r="G5899" s="8">
        <v>1</v>
      </c>
      <c r="H5899" s="8">
        <v>1</v>
      </c>
      <c r="I5899" s="8">
        <v>0</v>
      </c>
      <c r="J5899" s="8">
        <v>1</v>
      </c>
      <c r="K5899" s="9">
        <v>1155</v>
      </c>
      <c r="L5899" s="6" t="s">
        <v>51</v>
      </c>
    </row>
    <row r="5900" spans="1:12">
      <c r="A5900" s="6" t="s">
        <v>49</v>
      </c>
      <c r="B5900" s="6"/>
      <c r="C5900" s="6" t="s">
        <v>5920</v>
      </c>
      <c r="D5900" s="6"/>
      <c r="E5900" s="6" t="s">
        <v>9</v>
      </c>
      <c r="F5900" s="7">
        <v>43378</v>
      </c>
      <c r="G5900" s="8">
        <v>1</v>
      </c>
      <c r="H5900" s="8">
        <v>1</v>
      </c>
      <c r="I5900" s="8">
        <v>0</v>
      </c>
      <c r="J5900" s="8">
        <v>1</v>
      </c>
      <c r="K5900" s="9">
        <v>56</v>
      </c>
      <c r="L5900" s="6" t="s">
        <v>51</v>
      </c>
    </row>
    <row r="5901" spans="1:12">
      <c r="A5901" s="6" t="s">
        <v>49</v>
      </c>
      <c r="B5901" s="6"/>
      <c r="C5901" s="6" t="s">
        <v>5921</v>
      </c>
      <c r="D5901" s="6"/>
      <c r="E5901" s="6" t="s">
        <v>9</v>
      </c>
      <c r="F5901" s="7">
        <v>43378</v>
      </c>
      <c r="G5901" s="8">
        <v>1</v>
      </c>
      <c r="H5901" s="8">
        <v>1</v>
      </c>
      <c r="I5901" s="8">
        <v>0</v>
      </c>
      <c r="J5901" s="8">
        <v>1</v>
      </c>
      <c r="K5901" s="9">
        <v>245</v>
      </c>
      <c r="L5901" s="6" t="s">
        <v>51</v>
      </c>
    </row>
    <row r="5902" spans="1:12">
      <c r="A5902" s="6" t="s">
        <v>49</v>
      </c>
      <c r="B5902" s="6"/>
      <c r="C5902" s="6" t="s">
        <v>5922</v>
      </c>
      <c r="D5902" s="6"/>
      <c r="E5902" s="6" t="s">
        <v>9</v>
      </c>
      <c r="F5902" s="7">
        <v>43378</v>
      </c>
      <c r="G5902" s="8">
        <v>1</v>
      </c>
      <c r="H5902" s="8">
        <v>1</v>
      </c>
      <c r="I5902" s="8">
        <v>0</v>
      </c>
      <c r="J5902" s="8">
        <v>1</v>
      </c>
      <c r="K5902" s="9">
        <v>450</v>
      </c>
      <c r="L5902" s="6" t="s">
        <v>51</v>
      </c>
    </row>
    <row r="5903" spans="1:12">
      <c r="A5903" s="6" t="s">
        <v>49</v>
      </c>
      <c r="B5903" s="6"/>
      <c r="C5903" s="6" t="s">
        <v>5923</v>
      </c>
      <c r="D5903" s="6"/>
      <c r="E5903" s="6" t="s">
        <v>9</v>
      </c>
      <c r="F5903" s="7">
        <v>43378</v>
      </c>
      <c r="G5903" s="8">
        <v>1</v>
      </c>
      <c r="H5903" s="8">
        <v>1</v>
      </c>
      <c r="I5903" s="8">
        <v>0</v>
      </c>
      <c r="J5903" s="8">
        <v>1</v>
      </c>
      <c r="K5903" s="9">
        <v>769</v>
      </c>
      <c r="L5903" s="6" t="s">
        <v>51</v>
      </c>
    </row>
    <row r="5904" spans="1:12">
      <c r="A5904" s="6" t="s">
        <v>49</v>
      </c>
      <c r="B5904" s="6"/>
      <c r="C5904" s="6" t="s">
        <v>5924</v>
      </c>
      <c r="D5904" s="6"/>
      <c r="E5904" s="6" t="s">
        <v>9</v>
      </c>
      <c r="F5904" s="7">
        <v>43378</v>
      </c>
      <c r="G5904" s="8">
        <v>1</v>
      </c>
      <c r="H5904" s="8">
        <v>1</v>
      </c>
      <c r="I5904" s="8">
        <v>0</v>
      </c>
      <c r="J5904" s="8">
        <v>1</v>
      </c>
      <c r="K5904" s="9">
        <v>0.24</v>
      </c>
      <c r="L5904" s="6" t="s">
        <v>51</v>
      </c>
    </row>
    <row r="5905" spans="1:12">
      <c r="A5905" s="6" t="s">
        <v>49</v>
      </c>
      <c r="B5905" s="6"/>
      <c r="C5905" s="6" t="s">
        <v>5925</v>
      </c>
      <c r="D5905" s="6"/>
      <c r="E5905" s="6" t="s">
        <v>9</v>
      </c>
      <c r="F5905" s="7">
        <v>43378</v>
      </c>
      <c r="G5905" s="8">
        <v>1</v>
      </c>
      <c r="H5905" s="8">
        <v>1</v>
      </c>
      <c r="I5905" s="8">
        <v>0</v>
      </c>
      <c r="J5905" s="8">
        <v>1</v>
      </c>
      <c r="K5905" s="9">
        <v>1063</v>
      </c>
      <c r="L5905" s="6" t="s">
        <v>51</v>
      </c>
    </row>
    <row r="5906" spans="1:12">
      <c r="A5906" s="6" t="s">
        <v>49</v>
      </c>
      <c r="B5906" s="6"/>
      <c r="C5906" s="6" t="s">
        <v>5926</v>
      </c>
      <c r="D5906" s="6"/>
      <c r="E5906" s="6" t="s">
        <v>9</v>
      </c>
      <c r="F5906" s="7">
        <v>43378</v>
      </c>
      <c r="G5906" s="8">
        <v>1</v>
      </c>
      <c r="H5906" s="8">
        <v>1</v>
      </c>
      <c r="I5906" s="8">
        <v>0</v>
      </c>
      <c r="J5906" s="8">
        <v>1</v>
      </c>
      <c r="K5906" s="9">
        <v>325</v>
      </c>
      <c r="L5906" s="6" t="s">
        <v>51</v>
      </c>
    </row>
    <row r="5907" spans="1:12">
      <c r="A5907" s="6" t="s">
        <v>49</v>
      </c>
      <c r="B5907" s="6"/>
      <c r="C5907" s="6" t="s">
        <v>5927</v>
      </c>
      <c r="D5907" s="6"/>
      <c r="E5907" s="6" t="s">
        <v>9</v>
      </c>
      <c r="F5907" s="7">
        <v>43378</v>
      </c>
      <c r="G5907" s="8">
        <v>1</v>
      </c>
      <c r="H5907" s="8">
        <v>1</v>
      </c>
      <c r="I5907" s="8">
        <v>0</v>
      </c>
      <c r="J5907" s="8">
        <v>1</v>
      </c>
      <c r="K5907" s="9">
        <v>412</v>
      </c>
      <c r="L5907" s="6" t="s">
        <v>51</v>
      </c>
    </row>
    <row r="5908" spans="1:12">
      <c r="A5908" s="6" t="s">
        <v>49</v>
      </c>
      <c r="B5908" s="6"/>
      <c r="C5908" s="6" t="s">
        <v>5928</v>
      </c>
      <c r="D5908" s="6"/>
      <c r="E5908" s="6" t="s">
        <v>9</v>
      </c>
      <c r="F5908" s="7">
        <v>43378</v>
      </c>
      <c r="G5908" s="8">
        <v>1</v>
      </c>
      <c r="H5908" s="8">
        <v>1</v>
      </c>
      <c r="I5908" s="8">
        <v>0</v>
      </c>
      <c r="J5908" s="8">
        <v>1</v>
      </c>
      <c r="K5908" s="9">
        <v>0.44</v>
      </c>
      <c r="L5908" s="6" t="s">
        <v>51</v>
      </c>
    </row>
    <row r="5909" spans="1:12">
      <c r="A5909" s="6" t="s">
        <v>49</v>
      </c>
      <c r="B5909" s="6"/>
      <c r="C5909" s="6" t="s">
        <v>5929</v>
      </c>
      <c r="D5909" s="6"/>
      <c r="E5909" s="6" t="s">
        <v>9</v>
      </c>
      <c r="F5909" s="7">
        <v>38657</v>
      </c>
      <c r="G5909" s="8">
        <v>1</v>
      </c>
      <c r="H5909" s="8">
        <v>1</v>
      </c>
      <c r="I5909" s="8">
        <v>0</v>
      </c>
      <c r="J5909" s="8">
        <v>1</v>
      </c>
      <c r="K5909" s="9">
        <v>36.36</v>
      </c>
      <c r="L5909" s="6" t="s">
        <v>51</v>
      </c>
    </row>
    <row r="5910" spans="1:12">
      <c r="A5910" s="6" t="s">
        <v>49</v>
      </c>
      <c r="B5910" s="6"/>
      <c r="C5910" s="6" t="s">
        <v>5930</v>
      </c>
      <c r="D5910" s="6"/>
      <c r="E5910" s="6" t="s">
        <v>9</v>
      </c>
      <c r="F5910" s="7">
        <v>43378</v>
      </c>
      <c r="G5910" s="8">
        <v>1</v>
      </c>
      <c r="H5910" s="8">
        <v>1</v>
      </c>
      <c r="I5910" s="8">
        <v>0</v>
      </c>
      <c r="J5910" s="8">
        <v>1</v>
      </c>
      <c r="K5910" s="9">
        <v>11</v>
      </c>
      <c r="L5910" s="6" t="s">
        <v>51</v>
      </c>
    </row>
    <row r="5911" spans="1:12">
      <c r="A5911" s="6" t="s">
        <v>49</v>
      </c>
      <c r="B5911" s="6"/>
      <c r="C5911" s="6" t="s">
        <v>5931</v>
      </c>
      <c r="D5911" s="6"/>
      <c r="E5911" s="6" t="s">
        <v>9</v>
      </c>
      <c r="F5911" s="7">
        <v>43378</v>
      </c>
      <c r="G5911" s="8">
        <v>1</v>
      </c>
      <c r="H5911" s="8">
        <v>1</v>
      </c>
      <c r="I5911" s="8">
        <v>0</v>
      </c>
      <c r="J5911" s="8">
        <v>1</v>
      </c>
      <c r="K5911" s="9">
        <v>128</v>
      </c>
      <c r="L5911" s="6" t="s">
        <v>51</v>
      </c>
    </row>
    <row r="5912" spans="1:12">
      <c r="A5912" s="6" t="s">
        <v>49</v>
      </c>
      <c r="B5912" s="6"/>
      <c r="C5912" s="6" t="s">
        <v>5932</v>
      </c>
      <c r="D5912" s="6"/>
      <c r="E5912" s="6" t="s">
        <v>9</v>
      </c>
      <c r="F5912" s="7">
        <v>43378</v>
      </c>
      <c r="G5912" s="8">
        <v>1</v>
      </c>
      <c r="H5912" s="8">
        <v>1</v>
      </c>
      <c r="I5912" s="8">
        <v>0</v>
      </c>
      <c r="J5912" s="8">
        <v>1</v>
      </c>
      <c r="K5912" s="9">
        <v>1.64</v>
      </c>
      <c r="L5912" s="6" t="s">
        <v>51</v>
      </c>
    </row>
    <row r="5913" spans="1:12">
      <c r="A5913" s="6" t="s">
        <v>49</v>
      </c>
      <c r="B5913" s="6"/>
      <c r="C5913" s="6" t="s">
        <v>5933</v>
      </c>
      <c r="D5913" s="6"/>
      <c r="E5913" s="6" t="s">
        <v>9</v>
      </c>
      <c r="F5913" s="7">
        <v>43378</v>
      </c>
      <c r="G5913" s="8">
        <v>1</v>
      </c>
      <c r="H5913" s="8">
        <v>1</v>
      </c>
      <c r="I5913" s="8">
        <v>0</v>
      </c>
      <c r="J5913" s="8">
        <v>1</v>
      </c>
      <c r="K5913" s="9">
        <v>0.43</v>
      </c>
      <c r="L5913" s="6" t="s">
        <v>51</v>
      </c>
    </row>
    <row r="5914" spans="1:12">
      <c r="A5914" s="6" t="s">
        <v>49</v>
      </c>
      <c r="B5914" s="6"/>
      <c r="C5914" s="6" t="s">
        <v>5934</v>
      </c>
      <c r="D5914" s="6"/>
      <c r="E5914" s="6" t="s">
        <v>9</v>
      </c>
      <c r="F5914" s="7">
        <v>43378</v>
      </c>
      <c r="G5914" s="8">
        <v>1</v>
      </c>
      <c r="H5914" s="8">
        <v>1</v>
      </c>
      <c r="I5914" s="8">
        <v>0</v>
      </c>
      <c r="J5914" s="8">
        <v>1</v>
      </c>
      <c r="K5914" s="9">
        <v>34</v>
      </c>
      <c r="L5914" s="6" t="s">
        <v>51</v>
      </c>
    </row>
    <row r="5915" spans="1:12">
      <c r="A5915" s="6" t="s">
        <v>49</v>
      </c>
      <c r="B5915" s="6"/>
      <c r="C5915" s="6" t="s">
        <v>5935</v>
      </c>
      <c r="D5915" s="6"/>
      <c r="E5915" s="6" t="s">
        <v>9</v>
      </c>
      <c r="F5915" s="7">
        <v>43378</v>
      </c>
      <c r="G5915" s="8">
        <v>1</v>
      </c>
      <c r="H5915" s="8">
        <v>1</v>
      </c>
      <c r="I5915" s="8">
        <v>0</v>
      </c>
      <c r="J5915" s="8">
        <v>1</v>
      </c>
      <c r="K5915" s="9">
        <v>2.1</v>
      </c>
      <c r="L5915" s="6" t="s">
        <v>51</v>
      </c>
    </row>
    <row r="5916" spans="1:12">
      <c r="A5916" s="6" t="s">
        <v>49</v>
      </c>
      <c r="B5916" s="6"/>
      <c r="C5916" s="6" t="s">
        <v>5936</v>
      </c>
      <c r="D5916" s="6"/>
      <c r="E5916" s="6" t="s">
        <v>9</v>
      </c>
      <c r="F5916" s="7">
        <v>43378</v>
      </c>
      <c r="G5916" s="8">
        <v>1</v>
      </c>
      <c r="H5916" s="8">
        <v>1</v>
      </c>
      <c r="I5916" s="8">
        <v>0</v>
      </c>
      <c r="J5916" s="8">
        <v>1</v>
      </c>
      <c r="K5916" s="9">
        <v>3.35</v>
      </c>
      <c r="L5916" s="6" t="s">
        <v>51</v>
      </c>
    </row>
    <row r="5917" spans="1:12">
      <c r="A5917" s="6" t="s">
        <v>49</v>
      </c>
      <c r="B5917" s="6"/>
      <c r="C5917" s="6" t="s">
        <v>5937</v>
      </c>
      <c r="D5917" s="6"/>
      <c r="E5917" s="6" t="s">
        <v>9</v>
      </c>
      <c r="F5917" s="7">
        <v>43378</v>
      </c>
      <c r="G5917" s="8">
        <v>1</v>
      </c>
      <c r="H5917" s="8">
        <v>1</v>
      </c>
      <c r="I5917" s="8">
        <v>0</v>
      </c>
      <c r="J5917" s="8">
        <v>1</v>
      </c>
      <c r="K5917" s="9">
        <v>76</v>
      </c>
      <c r="L5917" s="6" t="s">
        <v>51</v>
      </c>
    </row>
    <row r="5918" spans="1:12">
      <c r="A5918" s="6" t="s">
        <v>49</v>
      </c>
      <c r="B5918" s="6"/>
      <c r="C5918" s="6" t="s">
        <v>5938</v>
      </c>
      <c r="D5918" s="6"/>
      <c r="E5918" s="6" t="s">
        <v>9</v>
      </c>
      <c r="F5918" s="7">
        <v>43413</v>
      </c>
      <c r="G5918" s="8">
        <v>1</v>
      </c>
      <c r="H5918" s="8">
        <v>1</v>
      </c>
      <c r="I5918" s="8">
        <v>0</v>
      </c>
      <c r="J5918" s="8">
        <v>1</v>
      </c>
      <c r="K5918" s="9">
        <v>8.08</v>
      </c>
      <c r="L5918" s="6" t="s">
        <v>51</v>
      </c>
    </row>
    <row r="5919" spans="1:12">
      <c r="A5919" s="6" t="s">
        <v>49</v>
      </c>
      <c r="B5919" s="6"/>
      <c r="C5919" s="6" t="s">
        <v>5939</v>
      </c>
      <c r="D5919" s="6"/>
      <c r="E5919" s="6" t="s">
        <v>9</v>
      </c>
      <c r="F5919" s="7">
        <v>43413</v>
      </c>
      <c r="G5919" s="8">
        <v>1</v>
      </c>
      <c r="H5919" s="8">
        <v>1</v>
      </c>
      <c r="I5919" s="8">
        <v>0</v>
      </c>
      <c r="J5919" s="8">
        <v>1</v>
      </c>
      <c r="K5919" s="9">
        <v>3.29</v>
      </c>
      <c r="L5919" s="6" t="s">
        <v>51</v>
      </c>
    </row>
    <row r="5920" spans="1:12">
      <c r="A5920" s="6" t="s">
        <v>49</v>
      </c>
      <c r="B5920" s="6"/>
      <c r="C5920" s="6" t="s">
        <v>5940</v>
      </c>
      <c r="D5920" s="6"/>
      <c r="E5920" s="6" t="s">
        <v>9</v>
      </c>
      <c r="F5920" s="7">
        <v>38657</v>
      </c>
      <c r="G5920" s="8">
        <v>1</v>
      </c>
      <c r="H5920" s="8">
        <v>1</v>
      </c>
      <c r="I5920" s="8">
        <v>0</v>
      </c>
      <c r="J5920" s="8">
        <v>1</v>
      </c>
      <c r="K5920" s="9">
        <v>138</v>
      </c>
      <c r="L5920" s="6" t="s">
        <v>51</v>
      </c>
    </row>
    <row r="5921" spans="1:12">
      <c r="A5921" s="6" t="s">
        <v>49</v>
      </c>
      <c r="B5921" s="6"/>
      <c r="C5921" s="6" t="s">
        <v>5941</v>
      </c>
      <c r="D5921" s="6"/>
      <c r="E5921" s="6" t="s">
        <v>9</v>
      </c>
      <c r="F5921" s="7">
        <v>43413</v>
      </c>
      <c r="G5921" s="8">
        <v>1</v>
      </c>
      <c r="H5921" s="8">
        <v>1</v>
      </c>
      <c r="I5921" s="8">
        <v>0</v>
      </c>
      <c r="J5921" s="8">
        <v>1</v>
      </c>
      <c r="K5921" s="9">
        <v>31</v>
      </c>
      <c r="L5921" s="6" t="s">
        <v>51</v>
      </c>
    </row>
    <row r="5922" spans="1:12">
      <c r="A5922" s="6" t="s">
        <v>49</v>
      </c>
      <c r="B5922" s="6"/>
      <c r="C5922" s="6" t="s">
        <v>5942</v>
      </c>
      <c r="D5922" s="6"/>
      <c r="E5922" s="6" t="s">
        <v>9</v>
      </c>
      <c r="F5922" s="7">
        <v>43413</v>
      </c>
      <c r="G5922" s="8">
        <v>1</v>
      </c>
      <c r="H5922" s="8">
        <v>1</v>
      </c>
      <c r="I5922" s="8">
        <v>0</v>
      </c>
      <c r="J5922" s="8">
        <v>1</v>
      </c>
      <c r="K5922" s="9">
        <v>4.47</v>
      </c>
      <c r="L5922" s="6" t="s">
        <v>51</v>
      </c>
    </row>
    <row r="5923" spans="1:12">
      <c r="A5923" s="6" t="s">
        <v>49</v>
      </c>
      <c r="B5923" s="6"/>
      <c r="C5923" s="6" t="s">
        <v>5943</v>
      </c>
      <c r="D5923" s="6"/>
      <c r="E5923" s="6" t="s">
        <v>9</v>
      </c>
      <c r="F5923" s="7">
        <v>43413</v>
      </c>
      <c r="G5923" s="8">
        <v>1</v>
      </c>
      <c r="H5923" s="8">
        <v>1</v>
      </c>
      <c r="I5923" s="8">
        <v>0</v>
      </c>
      <c r="J5923" s="8">
        <v>1</v>
      </c>
      <c r="K5923" s="9">
        <v>7.34</v>
      </c>
      <c r="L5923" s="6" t="s">
        <v>51</v>
      </c>
    </row>
    <row r="5924" spans="1:12">
      <c r="A5924" s="6" t="s">
        <v>49</v>
      </c>
      <c r="B5924" s="6"/>
      <c r="C5924" s="6" t="s">
        <v>5944</v>
      </c>
      <c r="D5924" s="6"/>
      <c r="E5924" s="6" t="s">
        <v>9</v>
      </c>
      <c r="F5924" s="7">
        <v>43413</v>
      </c>
      <c r="G5924" s="8">
        <v>1</v>
      </c>
      <c r="H5924" s="8">
        <v>1</v>
      </c>
      <c r="I5924" s="8">
        <v>0</v>
      </c>
      <c r="J5924" s="8">
        <v>1</v>
      </c>
      <c r="K5924" s="9">
        <v>12</v>
      </c>
      <c r="L5924" s="6" t="s">
        <v>51</v>
      </c>
    </row>
    <row r="5925" spans="1:12">
      <c r="A5925" s="6" t="s">
        <v>49</v>
      </c>
      <c r="B5925" s="6"/>
      <c r="C5925" s="6" t="s">
        <v>5945</v>
      </c>
      <c r="D5925" s="6"/>
      <c r="E5925" s="6" t="s">
        <v>9</v>
      </c>
      <c r="F5925" s="7">
        <v>43413</v>
      </c>
      <c r="G5925" s="8">
        <v>1</v>
      </c>
      <c r="H5925" s="8">
        <v>1</v>
      </c>
      <c r="I5925" s="8">
        <v>0</v>
      </c>
      <c r="J5925" s="8">
        <v>1</v>
      </c>
      <c r="K5925" s="9">
        <v>9.6</v>
      </c>
      <c r="L5925" s="6" t="s">
        <v>51</v>
      </c>
    </row>
    <row r="5926" spans="1:12">
      <c r="A5926" s="6" t="s">
        <v>49</v>
      </c>
      <c r="B5926" s="6"/>
      <c r="C5926" s="6" t="s">
        <v>5946</v>
      </c>
      <c r="D5926" s="6"/>
      <c r="E5926" s="6" t="s">
        <v>9</v>
      </c>
      <c r="F5926" s="7">
        <v>43413</v>
      </c>
      <c r="G5926" s="8">
        <v>1</v>
      </c>
      <c r="H5926" s="8">
        <v>1</v>
      </c>
      <c r="I5926" s="8">
        <v>0</v>
      </c>
      <c r="J5926" s="8">
        <v>1</v>
      </c>
      <c r="K5926" s="9">
        <v>27</v>
      </c>
      <c r="L5926" s="6" t="s">
        <v>51</v>
      </c>
    </row>
    <row r="5927" spans="1:12">
      <c r="A5927" s="6" t="s">
        <v>49</v>
      </c>
      <c r="B5927" s="6"/>
      <c r="C5927" s="6" t="s">
        <v>5947</v>
      </c>
      <c r="D5927" s="6"/>
      <c r="E5927" s="6" t="s">
        <v>9</v>
      </c>
      <c r="F5927" s="7">
        <v>43413</v>
      </c>
      <c r="G5927" s="8">
        <v>1</v>
      </c>
      <c r="H5927" s="8">
        <v>1</v>
      </c>
      <c r="I5927" s="8">
        <v>0</v>
      </c>
      <c r="J5927" s="8">
        <v>1</v>
      </c>
      <c r="K5927" s="9">
        <v>317</v>
      </c>
      <c r="L5927" s="6" t="s">
        <v>51</v>
      </c>
    </row>
    <row r="5928" spans="1:12">
      <c r="A5928" s="6" t="s">
        <v>49</v>
      </c>
      <c r="B5928" s="6"/>
      <c r="C5928" s="6" t="s">
        <v>5948</v>
      </c>
      <c r="D5928" s="6"/>
      <c r="E5928" s="6" t="s">
        <v>9</v>
      </c>
      <c r="F5928" s="7">
        <v>43413</v>
      </c>
      <c r="G5928" s="8">
        <v>1</v>
      </c>
      <c r="H5928" s="8">
        <v>1</v>
      </c>
      <c r="I5928" s="8">
        <v>0</v>
      </c>
      <c r="J5928" s="8">
        <v>1</v>
      </c>
      <c r="K5928" s="9">
        <v>112</v>
      </c>
      <c r="L5928" s="6" t="s">
        <v>51</v>
      </c>
    </row>
    <row r="5929" spans="1:12">
      <c r="A5929" s="6" t="s">
        <v>49</v>
      </c>
      <c r="B5929" s="6"/>
      <c r="C5929" s="6" t="s">
        <v>5949</v>
      </c>
      <c r="D5929" s="6"/>
      <c r="E5929" s="6" t="s">
        <v>9</v>
      </c>
      <c r="F5929" s="7">
        <v>43413</v>
      </c>
      <c r="G5929" s="8">
        <v>1</v>
      </c>
      <c r="H5929" s="8">
        <v>1</v>
      </c>
      <c r="I5929" s="8">
        <v>0</v>
      </c>
      <c r="J5929" s="8">
        <v>1</v>
      </c>
      <c r="K5929" s="9">
        <v>6.32</v>
      </c>
      <c r="L5929" s="6" t="s">
        <v>51</v>
      </c>
    </row>
    <row r="5930" spans="1:12">
      <c r="A5930" s="6" t="s">
        <v>49</v>
      </c>
      <c r="B5930" s="6"/>
      <c r="C5930" s="6" t="s">
        <v>5950</v>
      </c>
      <c r="D5930" s="6"/>
      <c r="E5930" s="6" t="s">
        <v>9</v>
      </c>
      <c r="F5930" s="7">
        <v>43413</v>
      </c>
      <c r="G5930" s="8">
        <v>1</v>
      </c>
      <c r="H5930" s="8">
        <v>1</v>
      </c>
      <c r="I5930" s="8">
        <v>0</v>
      </c>
      <c r="J5930" s="8">
        <v>1</v>
      </c>
      <c r="K5930" s="9">
        <v>136</v>
      </c>
      <c r="L5930" s="6" t="s">
        <v>51</v>
      </c>
    </row>
    <row r="5931" spans="1:12">
      <c r="A5931" s="6" t="s">
        <v>49</v>
      </c>
      <c r="B5931" s="6"/>
      <c r="C5931" s="6" t="s">
        <v>5951</v>
      </c>
      <c r="D5931" s="6"/>
      <c r="E5931" s="6" t="s">
        <v>9</v>
      </c>
      <c r="F5931" s="7">
        <v>38657</v>
      </c>
      <c r="G5931" s="8">
        <v>1</v>
      </c>
      <c r="H5931" s="8">
        <v>1</v>
      </c>
      <c r="I5931" s="8">
        <v>0</v>
      </c>
      <c r="J5931" s="8">
        <v>1</v>
      </c>
      <c r="K5931" s="9">
        <v>99.17</v>
      </c>
      <c r="L5931" s="6" t="s">
        <v>51</v>
      </c>
    </row>
    <row r="5932" spans="1:12">
      <c r="A5932" s="6" t="s">
        <v>49</v>
      </c>
      <c r="B5932" s="6"/>
      <c r="C5932" s="6" t="s">
        <v>5952</v>
      </c>
      <c r="D5932" s="6"/>
      <c r="E5932" s="6" t="s">
        <v>9</v>
      </c>
      <c r="F5932" s="7">
        <v>38657</v>
      </c>
      <c r="G5932" s="8">
        <v>1</v>
      </c>
      <c r="H5932" s="8">
        <v>1</v>
      </c>
      <c r="I5932" s="8">
        <v>0</v>
      </c>
      <c r="J5932" s="8">
        <v>1</v>
      </c>
      <c r="K5932" s="9">
        <v>594.66999999999905</v>
      </c>
      <c r="L5932" s="6" t="s">
        <v>51</v>
      </c>
    </row>
    <row r="5933" spans="1:12">
      <c r="A5933" s="6" t="s">
        <v>49</v>
      </c>
      <c r="B5933" s="6"/>
      <c r="C5933" s="6" t="s">
        <v>5953</v>
      </c>
      <c r="D5933" s="6"/>
      <c r="E5933" s="6" t="s">
        <v>9</v>
      </c>
      <c r="F5933" s="7">
        <v>43413</v>
      </c>
      <c r="G5933" s="8">
        <v>1</v>
      </c>
      <c r="H5933" s="8">
        <v>1</v>
      </c>
      <c r="I5933" s="8">
        <v>0</v>
      </c>
      <c r="J5933" s="8">
        <v>1</v>
      </c>
      <c r="K5933" s="9">
        <v>124</v>
      </c>
      <c r="L5933" s="6" t="s">
        <v>51</v>
      </c>
    </row>
    <row r="5934" spans="1:12">
      <c r="A5934" s="6" t="s">
        <v>49</v>
      </c>
      <c r="B5934" s="6"/>
      <c r="C5934" s="6" t="s">
        <v>5954</v>
      </c>
      <c r="D5934" s="6"/>
      <c r="E5934" s="6" t="s">
        <v>9</v>
      </c>
      <c r="F5934" s="7">
        <v>43413</v>
      </c>
      <c r="G5934" s="8">
        <v>1</v>
      </c>
      <c r="H5934" s="8">
        <v>1</v>
      </c>
      <c r="I5934" s="8">
        <v>0</v>
      </c>
      <c r="J5934" s="8">
        <v>1</v>
      </c>
      <c r="K5934" s="9">
        <v>111</v>
      </c>
      <c r="L5934" s="6" t="s">
        <v>51</v>
      </c>
    </row>
    <row r="5935" spans="1:12">
      <c r="A5935" s="6" t="s">
        <v>49</v>
      </c>
      <c r="B5935" s="6"/>
      <c r="C5935" s="6" t="s">
        <v>5955</v>
      </c>
      <c r="D5935" s="6"/>
      <c r="E5935" s="6" t="s">
        <v>9</v>
      </c>
      <c r="F5935" s="7">
        <v>43413</v>
      </c>
      <c r="G5935" s="8">
        <v>1</v>
      </c>
      <c r="H5935" s="8">
        <v>1</v>
      </c>
      <c r="I5935" s="8">
        <v>0</v>
      </c>
      <c r="J5935" s="8">
        <v>1</v>
      </c>
      <c r="K5935" s="9">
        <v>459</v>
      </c>
      <c r="L5935" s="6" t="s">
        <v>51</v>
      </c>
    </row>
    <row r="5936" spans="1:12">
      <c r="A5936" s="6" t="s">
        <v>49</v>
      </c>
      <c r="B5936" s="6"/>
      <c r="C5936" s="6" t="s">
        <v>5956</v>
      </c>
      <c r="D5936" s="6"/>
      <c r="E5936" s="6" t="s">
        <v>9</v>
      </c>
      <c r="F5936" s="7">
        <v>43413</v>
      </c>
      <c r="G5936" s="8">
        <v>1</v>
      </c>
      <c r="H5936" s="8">
        <v>1</v>
      </c>
      <c r="I5936" s="8">
        <v>0</v>
      </c>
      <c r="J5936" s="8">
        <v>1</v>
      </c>
      <c r="K5936" s="9">
        <v>0.04</v>
      </c>
      <c r="L5936" s="6" t="s">
        <v>51</v>
      </c>
    </row>
    <row r="5937" spans="1:12">
      <c r="A5937" s="6" t="s">
        <v>49</v>
      </c>
      <c r="B5937" s="6"/>
      <c r="C5937" s="6" t="s">
        <v>5957</v>
      </c>
      <c r="D5937" s="6"/>
      <c r="E5937" s="6" t="s">
        <v>9</v>
      </c>
      <c r="F5937" s="7">
        <v>43413</v>
      </c>
      <c r="G5937" s="8">
        <v>1</v>
      </c>
      <c r="H5937" s="8">
        <v>1</v>
      </c>
      <c r="I5937" s="8">
        <v>0</v>
      </c>
      <c r="J5937" s="8">
        <v>1</v>
      </c>
      <c r="K5937" s="9">
        <v>17</v>
      </c>
      <c r="L5937" s="6" t="s">
        <v>51</v>
      </c>
    </row>
    <row r="5938" spans="1:12">
      <c r="A5938" s="6" t="s">
        <v>49</v>
      </c>
      <c r="B5938" s="6"/>
      <c r="C5938" s="6" t="s">
        <v>5958</v>
      </c>
      <c r="D5938" s="6"/>
      <c r="E5938" s="6" t="s">
        <v>9</v>
      </c>
      <c r="F5938" s="7">
        <v>43413</v>
      </c>
      <c r="G5938" s="8">
        <v>1</v>
      </c>
      <c r="H5938" s="8">
        <v>1</v>
      </c>
      <c r="I5938" s="8">
        <v>0</v>
      </c>
      <c r="J5938" s="8">
        <v>1</v>
      </c>
      <c r="K5938" s="9">
        <v>100</v>
      </c>
      <c r="L5938" s="6" t="s">
        <v>51</v>
      </c>
    </row>
    <row r="5939" spans="1:12">
      <c r="A5939" s="6" t="s">
        <v>49</v>
      </c>
      <c r="B5939" s="6"/>
      <c r="C5939" s="6" t="s">
        <v>5959</v>
      </c>
      <c r="D5939" s="6"/>
      <c r="E5939" s="6" t="s">
        <v>9</v>
      </c>
      <c r="F5939" s="7">
        <v>43413</v>
      </c>
      <c r="G5939" s="8">
        <v>1</v>
      </c>
      <c r="H5939" s="8">
        <v>1</v>
      </c>
      <c r="I5939" s="8">
        <v>0</v>
      </c>
      <c r="J5939" s="8">
        <v>1</v>
      </c>
      <c r="K5939" s="9">
        <v>215</v>
      </c>
      <c r="L5939" s="6" t="s">
        <v>51</v>
      </c>
    </row>
    <row r="5940" spans="1:12">
      <c r="A5940" s="6" t="s">
        <v>49</v>
      </c>
      <c r="B5940" s="6"/>
      <c r="C5940" s="6" t="s">
        <v>5960</v>
      </c>
      <c r="D5940" s="6"/>
      <c r="E5940" s="6" t="s">
        <v>9</v>
      </c>
      <c r="F5940" s="7">
        <v>43413</v>
      </c>
      <c r="G5940" s="8">
        <v>1</v>
      </c>
      <c r="H5940" s="8">
        <v>1</v>
      </c>
      <c r="I5940" s="8">
        <v>0</v>
      </c>
      <c r="J5940" s="8">
        <v>1</v>
      </c>
      <c r="K5940" s="9">
        <v>228</v>
      </c>
      <c r="L5940" s="6" t="s">
        <v>51</v>
      </c>
    </row>
    <row r="5941" spans="1:12">
      <c r="A5941" s="6" t="s">
        <v>49</v>
      </c>
      <c r="B5941" s="6"/>
      <c r="C5941" s="6" t="s">
        <v>5961</v>
      </c>
      <c r="D5941" s="6"/>
      <c r="E5941" s="6" t="s">
        <v>9</v>
      </c>
      <c r="F5941" s="7">
        <v>43413</v>
      </c>
      <c r="G5941" s="8">
        <v>1</v>
      </c>
      <c r="H5941" s="8">
        <v>1</v>
      </c>
      <c r="I5941" s="8">
        <v>0</v>
      </c>
      <c r="J5941" s="8">
        <v>1</v>
      </c>
      <c r="K5941" s="9">
        <v>63</v>
      </c>
      <c r="L5941" s="6" t="s">
        <v>51</v>
      </c>
    </row>
    <row r="5942" spans="1:12">
      <c r="A5942" s="6" t="s">
        <v>49</v>
      </c>
      <c r="B5942" s="6"/>
      <c r="C5942" s="6" t="s">
        <v>5962</v>
      </c>
      <c r="D5942" s="6"/>
      <c r="E5942" s="6" t="s">
        <v>9</v>
      </c>
      <c r="F5942" s="7">
        <v>43413</v>
      </c>
      <c r="G5942" s="8">
        <v>1</v>
      </c>
      <c r="H5942" s="8">
        <v>1</v>
      </c>
      <c r="I5942" s="8">
        <v>0</v>
      </c>
      <c r="J5942" s="8">
        <v>1</v>
      </c>
      <c r="K5942" s="9">
        <v>12</v>
      </c>
      <c r="L5942" s="6" t="s">
        <v>51</v>
      </c>
    </row>
    <row r="5943" spans="1:12">
      <c r="A5943" s="6" t="s">
        <v>49</v>
      </c>
      <c r="B5943" s="6"/>
      <c r="C5943" s="6" t="s">
        <v>5963</v>
      </c>
      <c r="D5943" s="6"/>
      <c r="E5943" s="6" t="s">
        <v>9</v>
      </c>
      <c r="F5943" s="7">
        <v>38657</v>
      </c>
      <c r="G5943" s="8">
        <v>1</v>
      </c>
      <c r="H5943" s="8">
        <v>1</v>
      </c>
      <c r="I5943" s="8">
        <v>0</v>
      </c>
      <c r="J5943" s="8">
        <v>1</v>
      </c>
      <c r="K5943" s="9">
        <v>1.99</v>
      </c>
      <c r="L5943" s="6" t="s">
        <v>51</v>
      </c>
    </row>
    <row r="5944" spans="1:12">
      <c r="A5944" s="6" t="s">
        <v>49</v>
      </c>
      <c r="B5944" s="6"/>
      <c r="C5944" s="6" t="s">
        <v>5964</v>
      </c>
      <c r="D5944" s="6"/>
      <c r="E5944" s="6" t="s">
        <v>9</v>
      </c>
      <c r="F5944" s="7">
        <v>43413</v>
      </c>
      <c r="G5944" s="8">
        <v>1</v>
      </c>
      <c r="H5944" s="8">
        <v>1</v>
      </c>
      <c r="I5944" s="8">
        <v>0</v>
      </c>
      <c r="J5944" s="8">
        <v>1</v>
      </c>
      <c r="K5944" s="9">
        <v>12</v>
      </c>
      <c r="L5944" s="6" t="s">
        <v>51</v>
      </c>
    </row>
    <row r="5945" spans="1:12">
      <c r="A5945" s="6" t="s">
        <v>49</v>
      </c>
      <c r="B5945" s="6"/>
      <c r="C5945" s="6" t="s">
        <v>5965</v>
      </c>
      <c r="D5945" s="6"/>
      <c r="E5945" s="6" t="s">
        <v>9</v>
      </c>
      <c r="F5945" s="7">
        <v>43413</v>
      </c>
      <c r="G5945" s="8">
        <v>1</v>
      </c>
      <c r="H5945" s="8">
        <v>1</v>
      </c>
      <c r="I5945" s="8">
        <v>0</v>
      </c>
      <c r="J5945" s="8">
        <v>1</v>
      </c>
      <c r="K5945" s="9">
        <v>370</v>
      </c>
      <c r="L5945" s="6" t="s">
        <v>51</v>
      </c>
    </row>
    <row r="5946" spans="1:12">
      <c r="A5946" s="6" t="s">
        <v>49</v>
      </c>
      <c r="B5946" s="6"/>
      <c r="C5946" s="6" t="s">
        <v>5966</v>
      </c>
      <c r="D5946" s="6"/>
      <c r="E5946" s="6" t="s">
        <v>9</v>
      </c>
      <c r="F5946" s="7">
        <v>43413</v>
      </c>
      <c r="G5946" s="8">
        <v>1</v>
      </c>
      <c r="H5946" s="8">
        <v>1</v>
      </c>
      <c r="I5946" s="8">
        <v>0</v>
      </c>
      <c r="J5946" s="8">
        <v>1</v>
      </c>
      <c r="K5946" s="9">
        <v>254</v>
      </c>
      <c r="L5946" s="6" t="s">
        <v>51</v>
      </c>
    </row>
    <row r="5947" spans="1:12">
      <c r="A5947" s="6" t="s">
        <v>49</v>
      </c>
      <c r="B5947" s="6"/>
      <c r="C5947" s="6" t="s">
        <v>5967</v>
      </c>
      <c r="D5947" s="6"/>
      <c r="E5947" s="6" t="s">
        <v>9</v>
      </c>
      <c r="F5947" s="7">
        <v>43413</v>
      </c>
      <c r="G5947" s="8">
        <v>1</v>
      </c>
      <c r="H5947" s="8">
        <v>1</v>
      </c>
      <c r="I5947" s="8">
        <v>0</v>
      </c>
      <c r="J5947" s="8">
        <v>1</v>
      </c>
      <c r="K5947" s="9">
        <v>7.86</v>
      </c>
      <c r="L5947" s="6" t="s">
        <v>51</v>
      </c>
    </row>
    <row r="5948" spans="1:12">
      <c r="A5948" s="6" t="s">
        <v>49</v>
      </c>
      <c r="B5948" s="6"/>
      <c r="C5948" s="6" t="s">
        <v>5968</v>
      </c>
      <c r="D5948" s="6"/>
      <c r="E5948" s="6" t="s">
        <v>9</v>
      </c>
      <c r="F5948" s="7">
        <v>43413</v>
      </c>
      <c r="G5948" s="8">
        <v>1</v>
      </c>
      <c r="H5948" s="8">
        <v>1</v>
      </c>
      <c r="I5948" s="8">
        <v>0</v>
      </c>
      <c r="J5948" s="8">
        <v>1</v>
      </c>
      <c r="K5948" s="9">
        <v>5.94</v>
      </c>
      <c r="L5948" s="6" t="s">
        <v>51</v>
      </c>
    </row>
    <row r="5949" spans="1:12">
      <c r="A5949" s="6" t="s">
        <v>49</v>
      </c>
      <c r="B5949" s="6"/>
      <c r="C5949" s="6" t="s">
        <v>5969</v>
      </c>
      <c r="D5949" s="6"/>
      <c r="E5949" s="6" t="s">
        <v>9</v>
      </c>
      <c r="F5949" s="7">
        <v>43413</v>
      </c>
      <c r="G5949" s="8">
        <v>1</v>
      </c>
      <c r="H5949" s="8">
        <v>1</v>
      </c>
      <c r="I5949" s="8">
        <v>0</v>
      </c>
      <c r="J5949" s="8">
        <v>1</v>
      </c>
      <c r="K5949" s="9">
        <v>7.1</v>
      </c>
      <c r="L5949" s="6" t="s">
        <v>51</v>
      </c>
    </row>
    <row r="5950" spans="1:12">
      <c r="A5950" s="6" t="s">
        <v>49</v>
      </c>
      <c r="B5950" s="6"/>
      <c r="C5950" s="6" t="s">
        <v>5970</v>
      </c>
      <c r="D5950" s="6"/>
      <c r="E5950" s="6" t="s">
        <v>9</v>
      </c>
      <c r="F5950" s="7">
        <v>43413</v>
      </c>
      <c r="G5950" s="8">
        <v>1</v>
      </c>
      <c r="H5950" s="8">
        <v>1</v>
      </c>
      <c r="I5950" s="8">
        <v>0</v>
      </c>
      <c r="J5950" s="8">
        <v>1</v>
      </c>
      <c r="K5950" s="9">
        <v>50</v>
      </c>
      <c r="L5950" s="6" t="s">
        <v>51</v>
      </c>
    </row>
    <row r="5951" spans="1:12">
      <c r="A5951" s="6" t="s">
        <v>49</v>
      </c>
      <c r="B5951" s="6"/>
      <c r="C5951" s="6" t="s">
        <v>5971</v>
      </c>
      <c r="D5951" s="6"/>
      <c r="E5951" s="6" t="s">
        <v>9</v>
      </c>
      <c r="F5951" s="7">
        <v>43413</v>
      </c>
      <c r="G5951" s="8">
        <v>1</v>
      </c>
      <c r="H5951" s="8">
        <v>1</v>
      </c>
      <c r="I5951" s="8">
        <v>0</v>
      </c>
      <c r="J5951" s="8">
        <v>1</v>
      </c>
      <c r="K5951" s="9">
        <v>9.11</v>
      </c>
      <c r="L5951" s="6" t="s">
        <v>51</v>
      </c>
    </row>
    <row r="5952" spans="1:12">
      <c r="A5952" s="6" t="s">
        <v>49</v>
      </c>
      <c r="B5952" s="6"/>
      <c r="C5952" s="6" t="s">
        <v>5972</v>
      </c>
      <c r="D5952" s="6"/>
      <c r="E5952" s="6" t="s">
        <v>9</v>
      </c>
      <c r="F5952" s="7">
        <v>37347</v>
      </c>
      <c r="G5952" s="8">
        <v>1</v>
      </c>
      <c r="H5952" s="8">
        <v>1</v>
      </c>
      <c r="I5952" s="8">
        <v>0</v>
      </c>
      <c r="J5952" s="8">
        <v>1</v>
      </c>
      <c r="K5952" s="9">
        <v>188</v>
      </c>
      <c r="L5952" s="6" t="s">
        <v>51</v>
      </c>
    </row>
    <row r="5953" spans="1:12">
      <c r="A5953" s="6" t="s">
        <v>49</v>
      </c>
      <c r="B5953" s="6"/>
      <c r="C5953" s="6" t="s">
        <v>5973</v>
      </c>
      <c r="D5953" s="6"/>
      <c r="E5953" s="6" t="s">
        <v>9</v>
      </c>
      <c r="F5953" s="7">
        <v>38657</v>
      </c>
      <c r="G5953" s="8">
        <v>1</v>
      </c>
      <c r="H5953" s="8">
        <v>1</v>
      </c>
      <c r="I5953" s="8">
        <v>0</v>
      </c>
      <c r="J5953" s="8">
        <v>1</v>
      </c>
      <c r="K5953" s="9">
        <v>62.64</v>
      </c>
      <c r="L5953" s="6" t="s">
        <v>51</v>
      </c>
    </row>
    <row r="5954" spans="1:12">
      <c r="A5954" s="6" t="s">
        <v>49</v>
      </c>
      <c r="B5954" s="6"/>
      <c r="C5954" s="6" t="s">
        <v>5974</v>
      </c>
      <c r="D5954" s="6"/>
      <c r="E5954" s="6" t="s">
        <v>9</v>
      </c>
      <c r="F5954" s="7">
        <v>38657</v>
      </c>
      <c r="G5954" s="8">
        <v>1</v>
      </c>
      <c r="H5954" s="8">
        <v>1</v>
      </c>
      <c r="I5954" s="8">
        <v>0</v>
      </c>
      <c r="J5954" s="8">
        <v>1</v>
      </c>
      <c r="K5954" s="9">
        <v>77</v>
      </c>
      <c r="L5954" s="6" t="s">
        <v>51</v>
      </c>
    </row>
    <row r="5955" spans="1:12">
      <c r="A5955" s="6" t="s">
        <v>49</v>
      </c>
      <c r="B5955" s="6"/>
      <c r="C5955" s="6" t="s">
        <v>5975</v>
      </c>
      <c r="D5955" s="6"/>
      <c r="E5955" s="6" t="s">
        <v>9</v>
      </c>
      <c r="F5955" s="7">
        <v>43378</v>
      </c>
      <c r="G5955" s="8">
        <v>1</v>
      </c>
      <c r="H5955" s="8">
        <v>1</v>
      </c>
      <c r="I5955" s="8">
        <v>0</v>
      </c>
      <c r="J5955" s="8">
        <v>1</v>
      </c>
      <c r="K5955" s="9">
        <v>9.2200000000000006</v>
      </c>
      <c r="L5955" s="6" t="s">
        <v>51</v>
      </c>
    </row>
    <row r="5956" spans="1:12">
      <c r="A5956" s="6" t="s">
        <v>49</v>
      </c>
      <c r="B5956" s="6"/>
      <c r="C5956" s="6" t="s">
        <v>5976</v>
      </c>
      <c r="D5956" s="6"/>
      <c r="E5956" s="6" t="s">
        <v>9</v>
      </c>
      <c r="F5956" s="7">
        <v>43378</v>
      </c>
      <c r="G5956" s="8">
        <v>1</v>
      </c>
      <c r="H5956" s="8">
        <v>1</v>
      </c>
      <c r="I5956" s="8">
        <v>0</v>
      </c>
      <c r="J5956" s="8">
        <v>1</v>
      </c>
      <c r="K5956" s="9">
        <v>106</v>
      </c>
      <c r="L5956" s="6" t="s">
        <v>51</v>
      </c>
    </row>
    <row r="5957" spans="1:12">
      <c r="A5957" s="6" t="s">
        <v>49</v>
      </c>
      <c r="B5957" s="6"/>
      <c r="C5957" s="6" t="s">
        <v>5977</v>
      </c>
      <c r="D5957" s="6"/>
      <c r="E5957" s="6" t="s">
        <v>9</v>
      </c>
      <c r="F5957" s="7">
        <v>43413</v>
      </c>
      <c r="G5957" s="8">
        <v>1</v>
      </c>
      <c r="H5957" s="8">
        <v>1</v>
      </c>
      <c r="I5957" s="8">
        <v>0</v>
      </c>
      <c r="J5957" s="8">
        <v>1</v>
      </c>
      <c r="K5957" s="9">
        <v>230</v>
      </c>
      <c r="L5957" s="6" t="s">
        <v>51</v>
      </c>
    </row>
    <row r="5958" spans="1:12">
      <c r="A5958" s="6" t="s">
        <v>49</v>
      </c>
      <c r="B5958" s="6"/>
      <c r="C5958" s="6" t="s">
        <v>5978</v>
      </c>
      <c r="D5958" s="6"/>
      <c r="E5958" s="6" t="s">
        <v>9</v>
      </c>
      <c r="F5958" s="7">
        <v>43413</v>
      </c>
      <c r="G5958" s="8">
        <v>1</v>
      </c>
      <c r="H5958" s="8">
        <v>1</v>
      </c>
      <c r="I5958" s="8">
        <v>0</v>
      </c>
      <c r="J5958" s="8">
        <v>1</v>
      </c>
      <c r="K5958" s="9">
        <v>54</v>
      </c>
      <c r="L5958" s="6" t="s">
        <v>51</v>
      </c>
    </row>
    <row r="5959" spans="1:12">
      <c r="A5959" s="6" t="s">
        <v>49</v>
      </c>
      <c r="B5959" s="6"/>
      <c r="C5959" s="6" t="s">
        <v>5979</v>
      </c>
      <c r="D5959" s="6"/>
      <c r="E5959" s="6" t="s">
        <v>9</v>
      </c>
      <c r="F5959" s="7">
        <v>43413</v>
      </c>
      <c r="G5959" s="8">
        <v>1</v>
      </c>
      <c r="H5959" s="8">
        <v>1</v>
      </c>
      <c r="I5959" s="8">
        <v>0</v>
      </c>
      <c r="J5959" s="8">
        <v>1</v>
      </c>
      <c r="K5959" s="9">
        <v>125</v>
      </c>
      <c r="L5959" s="6" t="s">
        <v>51</v>
      </c>
    </row>
    <row r="5960" spans="1:12">
      <c r="A5960" s="6" t="s">
        <v>49</v>
      </c>
      <c r="B5960" s="6"/>
      <c r="C5960" s="6" t="s">
        <v>5980</v>
      </c>
      <c r="D5960" s="6"/>
      <c r="E5960" s="6" t="s">
        <v>9</v>
      </c>
      <c r="F5960" s="7">
        <v>43413</v>
      </c>
      <c r="G5960" s="8">
        <v>1</v>
      </c>
      <c r="H5960" s="8">
        <v>1</v>
      </c>
      <c r="I5960" s="8">
        <v>0</v>
      </c>
      <c r="J5960" s="8">
        <v>1</v>
      </c>
      <c r="K5960" s="9">
        <v>46</v>
      </c>
      <c r="L5960" s="6" t="s">
        <v>51</v>
      </c>
    </row>
    <row r="5961" spans="1:12">
      <c r="A5961" s="6" t="s">
        <v>49</v>
      </c>
      <c r="B5961" s="6"/>
      <c r="C5961" s="6" t="s">
        <v>5981</v>
      </c>
      <c r="D5961" s="6"/>
      <c r="E5961" s="6" t="s">
        <v>9</v>
      </c>
      <c r="F5961" s="7">
        <v>43413</v>
      </c>
      <c r="G5961" s="8">
        <v>1</v>
      </c>
      <c r="H5961" s="8">
        <v>1</v>
      </c>
      <c r="I5961" s="8">
        <v>0</v>
      </c>
      <c r="J5961" s="8">
        <v>1</v>
      </c>
      <c r="K5961" s="9">
        <v>2.3199999999999901</v>
      </c>
      <c r="L5961" s="6" t="s">
        <v>51</v>
      </c>
    </row>
    <row r="5962" spans="1:12">
      <c r="A5962" s="6" t="s">
        <v>49</v>
      </c>
      <c r="B5962" s="6"/>
      <c r="C5962" s="6" t="s">
        <v>5982</v>
      </c>
      <c r="D5962" s="6"/>
      <c r="E5962" s="6" t="s">
        <v>9</v>
      </c>
      <c r="F5962" s="7">
        <v>43413</v>
      </c>
      <c r="G5962" s="8">
        <v>1</v>
      </c>
      <c r="H5962" s="8">
        <v>1</v>
      </c>
      <c r="I5962" s="8">
        <v>0</v>
      </c>
      <c r="J5962" s="8">
        <v>1</v>
      </c>
      <c r="K5962" s="9">
        <v>8.1199999999999903</v>
      </c>
      <c r="L5962" s="6" t="s">
        <v>51</v>
      </c>
    </row>
    <row r="5963" spans="1:12">
      <c r="A5963" s="6" t="s">
        <v>49</v>
      </c>
      <c r="B5963" s="6"/>
      <c r="C5963" s="6" t="s">
        <v>5983</v>
      </c>
      <c r="D5963" s="6"/>
      <c r="E5963" s="6" t="s">
        <v>9</v>
      </c>
      <c r="F5963" s="7">
        <v>38657</v>
      </c>
      <c r="G5963" s="8">
        <v>1</v>
      </c>
      <c r="H5963" s="8">
        <v>1</v>
      </c>
      <c r="I5963" s="8">
        <v>0</v>
      </c>
      <c r="J5963" s="8">
        <v>1</v>
      </c>
      <c r="K5963" s="9">
        <v>42</v>
      </c>
      <c r="L5963" s="6" t="s">
        <v>51</v>
      </c>
    </row>
    <row r="5964" spans="1:12">
      <c r="A5964" s="6" t="s">
        <v>49</v>
      </c>
      <c r="B5964" s="6"/>
      <c r="C5964" s="6" t="s">
        <v>5984</v>
      </c>
      <c r="D5964" s="6"/>
      <c r="E5964" s="6" t="s">
        <v>9</v>
      </c>
      <c r="F5964" s="7">
        <v>43413</v>
      </c>
      <c r="G5964" s="8">
        <v>1</v>
      </c>
      <c r="H5964" s="8">
        <v>1</v>
      </c>
      <c r="I5964" s="8">
        <v>0</v>
      </c>
      <c r="J5964" s="8">
        <v>1</v>
      </c>
      <c r="K5964" s="9">
        <v>50</v>
      </c>
      <c r="L5964" s="6" t="s">
        <v>51</v>
      </c>
    </row>
    <row r="5965" spans="1:12">
      <c r="A5965" s="6" t="s">
        <v>49</v>
      </c>
      <c r="B5965" s="6"/>
      <c r="C5965" s="6" t="s">
        <v>5985</v>
      </c>
      <c r="D5965" s="6"/>
      <c r="E5965" s="6" t="s">
        <v>9</v>
      </c>
      <c r="F5965" s="7">
        <v>43413</v>
      </c>
      <c r="G5965" s="8">
        <v>1</v>
      </c>
      <c r="H5965" s="8">
        <v>1</v>
      </c>
      <c r="I5965" s="8">
        <v>0</v>
      </c>
      <c r="J5965" s="8">
        <v>1</v>
      </c>
      <c r="K5965" s="9">
        <v>222</v>
      </c>
      <c r="L5965" s="6" t="s">
        <v>51</v>
      </c>
    </row>
    <row r="5966" spans="1:12">
      <c r="A5966" s="6" t="s">
        <v>49</v>
      </c>
      <c r="B5966" s="6"/>
      <c r="C5966" s="6" t="s">
        <v>5986</v>
      </c>
      <c r="D5966" s="6"/>
      <c r="E5966" s="6" t="s">
        <v>9</v>
      </c>
      <c r="F5966" s="7">
        <v>43413</v>
      </c>
      <c r="G5966" s="8">
        <v>1</v>
      </c>
      <c r="H5966" s="8">
        <v>1</v>
      </c>
      <c r="I5966" s="8">
        <v>0</v>
      </c>
      <c r="J5966" s="8">
        <v>1</v>
      </c>
      <c r="K5966" s="9">
        <v>3.09</v>
      </c>
      <c r="L5966" s="6" t="s">
        <v>51</v>
      </c>
    </row>
    <row r="5967" spans="1:12">
      <c r="A5967" s="6" t="s">
        <v>49</v>
      </c>
      <c r="B5967" s="6"/>
      <c r="C5967" s="6" t="s">
        <v>5987</v>
      </c>
      <c r="D5967" s="6"/>
      <c r="E5967" s="6" t="s">
        <v>9</v>
      </c>
      <c r="F5967" s="7">
        <v>43413</v>
      </c>
      <c r="G5967" s="8">
        <v>1</v>
      </c>
      <c r="H5967" s="8">
        <v>1</v>
      </c>
      <c r="I5967" s="8">
        <v>0</v>
      </c>
      <c r="J5967" s="8">
        <v>1</v>
      </c>
      <c r="K5967" s="9">
        <v>66</v>
      </c>
      <c r="L5967" s="6" t="s">
        <v>51</v>
      </c>
    </row>
    <row r="5968" spans="1:12">
      <c r="A5968" s="6" t="s">
        <v>49</v>
      </c>
      <c r="B5968" s="6"/>
      <c r="C5968" s="6" t="s">
        <v>5988</v>
      </c>
      <c r="D5968" s="6"/>
      <c r="E5968" s="6" t="s">
        <v>9</v>
      </c>
      <c r="F5968" s="7">
        <v>43413</v>
      </c>
      <c r="G5968" s="8">
        <v>1</v>
      </c>
      <c r="H5968" s="8">
        <v>1</v>
      </c>
      <c r="I5968" s="8">
        <v>0</v>
      </c>
      <c r="J5968" s="8">
        <v>1</v>
      </c>
      <c r="K5968" s="9">
        <v>17</v>
      </c>
      <c r="L5968" s="6" t="s">
        <v>51</v>
      </c>
    </row>
    <row r="5969" spans="1:12">
      <c r="A5969" s="6" t="s">
        <v>49</v>
      </c>
      <c r="B5969" s="6"/>
      <c r="C5969" s="6" t="s">
        <v>5989</v>
      </c>
      <c r="D5969" s="6"/>
      <c r="E5969" s="6" t="s">
        <v>9</v>
      </c>
      <c r="F5969" s="7">
        <v>43413</v>
      </c>
      <c r="G5969" s="8">
        <v>1</v>
      </c>
      <c r="H5969" s="8">
        <v>1</v>
      </c>
      <c r="I5969" s="8">
        <v>0</v>
      </c>
      <c r="J5969" s="8">
        <v>1</v>
      </c>
      <c r="K5969" s="9">
        <v>40</v>
      </c>
      <c r="L5969" s="6" t="s">
        <v>51</v>
      </c>
    </row>
    <row r="5970" spans="1:12">
      <c r="A5970" s="6" t="s">
        <v>49</v>
      </c>
      <c r="B5970" s="6"/>
      <c r="C5970" s="6" t="s">
        <v>5990</v>
      </c>
      <c r="D5970" s="6"/>
      <c r="E5970" s="6" t="s">
        <v>9</v>
      </c>
      <c r="F5970" s="7">
        <v>43413</v>
      </c>
      <c r="G5970" s="8">
        <v>1</v>
      </c>
      <c r="H5970" s="8">
        <v>1</v>
      </c>
      <c r="I5970" s="8">
        <v>0</v>
      </c>
      <c r="J5970" s="8">
        <v>1</v>
      </c>
      <c r="K5970" s="9">
        <v>18</v>
      </c>
      <c r="L5970" s="6" t="s">
        <v>51</v>
      </c>
    </row>
    <row r="5971" spans="1:12">
      <c r="A5971" s="6" t="s">
        <v>49</v>
      </c>
      <c r="B5971" s="6"/>
      <c r="C5971" s="6" t="s">
        <v>5991</v>
      </c>
      <c r="D5971" s="6"/>
      <c r="E5971" s="6" t="s">
        <v>9</v>
      </c>
      <c r="F5971" s="7">
        <v>43413</v>
      </c>
      <c r="G5971" s="8">
        <v>1</v>
      </c>
      <c r="H5971" s="8">
        <v>1</v>
      </c>
      <c r="I5971" s="8">
        <v>0</v>
      </c>
      <c r="J5971" s="8">
        <v>1</v>
      </c>
      <c r="K5971" s="9">
        <v>0.94</v>
      </c>
      <c r="L5971" s="6" t="s">
        <v>51</v>
      </c>
    </row>
    <row r="5972" spans="1:12">
      <c r="A5972" s="6" t="s">
        <v>49</v>
      </c>
      <c r="B5972" s="6"/>
      <c r="C5972" s="6" t="s">
        <v>5992</v>
      </c>
      <c r="D5972" s="6"/>
      <c r="E5972" s="6" t="s">
        <v>9</v>
      </c>
      <c r="F5972" s="7">
        <v>43413</v>
      </c>
      <c r="G5972" s="8">
        <v>1</v>
      </c>
      <c r="H5972" s="8">
        <v>1</v>
      </c>
      <c r="I5972" s="8">
        <v>0</v>
      </c>
      <c r="J5972" s="8">
        <v>1</v>
      </c>
      <c r="K5972" s="9">
        <v>115</v>
      </c>
      <c r="L5972" s="6" t="s">
        <v>51</v>
      </c>
    </row>
    <row r="5973" spans="1:12">
      <c r="A5973" s="6" t="s">
        <v>49</v>
      </c>
      <c r="B5973" s="6"/>
      <c r="C5973" s="6" t="s">
        <v>5993</v>
      </c>
      <c r="D5973" s="6"/>
      <c r="E5973" s="6" t="s">
        <v>9</v>
      </c>
      <c r="F5973" s="7">
        <v>43413</v>
      </c>
      <c r="G5973" s="8">
        <v>1</v>
      </c>
      <c r="H5973" s="8">
        <v>1</v>
      </c>
      <c r="I5973" s="8">
        <v>0</v>
      </c>
      <c r="J5973" s="8">
        <v>1</v>
      </c>
      <c r="K5973" s="9">
        <v>2.08</v>
      </c>
      <c r="L5973" s="6" t="s">
        <v>51</v>
      </c>
    </row>
    <row r="5974" spans="1:12">
      <c r="A5974" s="6" t="s">
        <v>49</v>
      </c>
      <c r="B5974" s="6"/>
      <c r="C5974" s="6" t="s">
        <v>5994</v>
      </c>
      <c r="D5974" s="6"/>
      <c r="E5974" s="6" t="s">
        <v>9</v>
      </c>
      <c r="F5974" s="7">
        <v>38657</v>
      </c>
      <c r="G5974" s="8">
        <v>1</v>
      </c>
      <c r="H5974" s="8">
        <v>1</v>
      </c>
      <c r="I5974" s="8">
        <v>0</v>
      </c>
      <c r="J5974" s="8">
        <v>1</v>
      </c>
      <c r="K5974" s="9">
        <v>6.61</v>
      </c>
      <c r="L5974" s="6" t="s">
        <v>51</v>
      </c>
    </row>
    <row r="5975" spans="1:12">
      <c r="A5975" s="6" t="s">
        <v>49</v>
      </c>
      <c r="B5975" s="6"/>
      <c r="C5975" s="6" t="s">
        <v>5995</v>
      </c>
      <c r="D5975" s="6"/>
      <c r="E5975" s="6" t="s">
        <v>9</v>
      </c>
      <c r="F5975" s="7">
        <v>43413</v>
      </c>
      <c r="G5975" s="8">
        <v>1</v>
      </c>
      <c r="H5975" s="8">
        <v>1</v>
      </c>
      <c r="I5975" s="8">
        <v>0</v>
      </c>
      <c r="J5975" s="8">
        <v>1</v>
      </c>
      <c r="K5975" s="9">
        <v>146</v>
      </c>
      <c r="L5975" s="6" t="s">
        <v>51</v>
      </c>
    </row>
    <row r="5976" spans="1:12">
      <c r="A5976" s="6" t="s">
        <v>49</v>
      </c>
      <c r="B5976" s="6"/>
      <c r="C5976" s="6" t="s">
        <v>5996</v>
      </c>
      <c r="D5976" s="6"/>
      <c r="E5976" s="6" t="s">
        <v>9</v>
      </c>
      <c r="F5976" s="7">
        <v>43413</v>
      </c>
      <c r="G5976" s="8">
        <v>1</v>
      </c>
      <c r="H5976" s="8">
        <v>1</v>
      </c>
      <c r="I5976" s="8">
        <v>0</v>
      </c>
      <c r="J5976" s="8">
        <v>1</v>
      </c>
      <c r="K5976" s="9">
        <v>27</v>
      </c>
      <c r="L5976" s="6" t="s">
        <v>51</v>
      </c>
    </row>
    <row r="5977" spans="1:12">
      <c r="A5977" s="6" t="s">
        <v>49</v>
      </c>
      <c r="B5977" s="6"/>
      <c r="C5977" s="6" t="s">
        <v>5997</v>
      </c>
      <c r="D5977" s="6"/>
      <c r="E5977" s="6" t="s">
        <v>9</v>
      </c>
      <c r="F5977" s="7">
        <v>43413</v>
      </c>
      <c r="G5977" s="8">
        <v>1</v>
      </c>
      <c r="H5977" s="8">
        <v>1</v>
      </c>
      <c r="I5977" s="8">
        <v>0</v>
      </c>
      <c r="J5977" s="8">
        <v>1</v>
      </c>
      <c r="K5977" s="9">
        <v>7.0000000000000007E-2</v>
      </c>
      <c r="L5977" s="6" t="s">
        <v>51</v>
      </c>
    </row>
    <row r="5978" spans="1:12">
      <c r="A5978" s="6" t="s">
        <v>49</v>
      </c>
      <c r="B5978" s="6"/>
      <c r="C5978" s="6" t="s">
        <v>5998</v>
      </c>
      <c r="D5978" s="6"/>
      <c r="E5978" s="6" t="s">
        <v>9</v>
      </c>
      <c r="F5978" s="7">
        <v>43413</v>
      </c>
      <c r="G5978" s="8">
        <v>1</v>
      </c>
      <c r="H5978" s="8">
        <v>1</v>
      </c>
      <c r="I5978" s="8">
        <v>0</v>
      </c>
      <c r="J5978" s="8">
        <v>1</v>
      </c>
      <c r="K5978" s="9">
        <v>44</v>
      </c>
      <c r="L5978" s="6" t="s">
        <v>51</v>
      </c>
    </row>
    <row r="5979" spans="1:12">
      <c r="A5979" s="6" t="s">
        <v>49</v>
      </c>
      <c r="B5979" s="6"/>
      <c r="C5979" s="6" t="s">
        <v>5999</v>
      </c>
      <c r="D5979" s="6"/>
      <c r="E5979" s="6" t="s">
        <v>9</v>
      </c>
      <c r="F5979" s="7">
        <v>38657</v>
      </c>
      <c r="G5979" s="8">
        <v>1</v>
      </c>
      <c r="H5979" s="8">
        <v>1</v>
      </c>
      <c r="I5979" s="8">
        <v>0</v>
      </c>
      <c r="J5979" s="8">
        <v>1</v>
      </c>
      <c r="K5979" s="9">
        <v>79</v>
      </c>
      <c r="L5979" s="6" t="s">
        <v>51</v>
      </c>
    </row>
    <row r="5980" spans="1:12">
      <c r="A5980" s="6" t="s">
        <v>49</v>
      </c>
      <c r="B5980" s="6"/>
      <c r="C5980" s="6" t="s">
        <v>6000</v>
      </c>
      <c r="D5980" s="6"/>
      <c r="E5980" s="6" t="s">
        <v>9</v>
      </c>
      <c r="F5980" s="7">
        <v>35544</v>
      </c>
      <c r="G5980" s="8">
        <v>1</v>
      </c>
      <c r="H5980" s="8">
        <v>1</v>
      </c>
      <c r="I5980" s="8">
        <v>0</v>
      </c>
      <c r="J5980" s="8">
        <v>1</v>
      </c>
      <c r="K5980" s="9">
        <v>278</v>
      </c>
      <c r="L5980" s="6" t="s">
        <v>51</v>
      </c>
    </row>
    <row r="5981" spans="1:12">
      <c r="A5981" s="6" t="s">
        <v>49</v>
      </c>
      <c r="B5981" s="6"/>
      <c r="C5981" s="6" t="s">
        <v>6001</v>
      </c>
      <c r="D5981" s="6"/>
      <c r="E5981" s="6" t="s">
        <v>9</v>
      </c>
      <c r="F5981" s="7">
        <v>38657</v>
      </c>
      <c r="G5981" s="8">
        <v>1</v>
      </c>
      <c r="H5981" s="8">
        <v>1</v>
      </c>
      <c r="I5981" s="8">
        <v>0</v>
      </c>
      <c r="J5981" s="8">
        <v>1</v>
      </c>
      <c r="K5981" s="9">
        <v>171</v>
      </c>
      <c r="L5981" s="6" t="s">
        <v>51</v>
      </c>
    </row>
    <row r="5982" spans="1:12">
      <c r="A5982" s="6" t="s">
        <v>49</v>
      </c>
      <c r="B5982" s="6"/>
      <c r="C5982" s="6" t="s">
        <v>6002</v>
      </c>
      <c r="D5982" s="6"/>
      <c r="E5982" s="6" t="s">
        <v>9</v>
      </c>
      <c r="F5982" s="7">
        <v>38657</v>
      </c>
      <c r="G5982" s="8">
        <v>1</v>
      </c>
      <c r="H5982" s="8">
        <v>1</v>
      </c>
      <c r="I5982" s="8">
        <v>0</v>
      </c>
      <c r="J5982" s="8">
        <v>1</v>
      </c>
      <c r="K5982" s="9">
        <v>128.68</v>
      </c>
      <c r="L5982" s="6" t="s">
        <v>51</v>
      </c>
    </row>
    <row r="5983" spans="1:12">
      <c r="A5983" s="6" t="s">
        <v>49</v>
      </c>
      <c r="B5983" s="6"/>
      <c r="C5983" s="6" t="s">
        <v>6003</v>
      </c>
      <c r="D5983" s="6"/>
      <c r="E5983" s="6" t="s">
        <v>9</v>
      </c>
      <c r="F5983" s="7">
        <v>38657</v>
      </c>
      <c r="G5983" s="8">
        <v>1</v>
      </c>
      <c r="H5983" s="8">
        <v>1</v>
      </c>
      <c r="I5983" s="8">
        <v>0</v>
      </c>
      <c r="J5983" s="8">
        <v>1</v>
      </c>
      <c r="K5983" s="9">
        <v>400</v>
      </c>
      <c r="L5983" s="6" t="s">
        <v>51</v>
      </c>
    </row>
    <row r="5984" spans="1:12">
      <c r="A5984" s="6" t="s">
        <v>49</v>
      </c>
      <c r="B5984" s="6"/>
      <c r="C5984" s="6" t="s">
        <v>6004</v>
      </c>
      <c r="D5984" s="6"/>
      <c r="E5984" s="6" t="s">
        <v>9</v>
      </c>
      <c r="F5984" s="7">
        <v>43459</v>
      </c>
      <c r="G5984" s="8">
        <v>1</v>
      </c>
      <c r="H5984" s="8">
        <v>1</v>
      </c>
      <c r="I5984" s="8">
        <v>0</v>
      </c>
      <c r="J5984" s="8">
        <v>1</v>
      </c>
      <c r="K5984" s="9">
        <v>62</v>
      </c>
      <c r="L5984" s="6" t="s">
        <v>51</v>
      </c>
    </row>
    <row r="5985" spans="1:12">
      <c r="A5985" s="6" t="s">
        <v>49</v>
      </c>
      <c r="B5985" s="6"/>
      <c r="C5985" s="6" t="s">
        <v>6005</v>
      </c>
      <c r="D5985" s="6"/>
      <c r="E5985" s="6" t="s">
        <v>9</v>
      </c>
      <c r="F5985" s="7">
        <v>43459</v>
      </c>
      <c r="G5985" s="8">
        <v>1</v>
      </c>
      <c r="H5985" s="8">
        <v>1</v>
      </c>
      <c r="I5985" s="8">
        <v>0</v>
      </c>
      <c r="J5985" s="8">
        <v>1</v>
      </c>
      <c r="K5985" s="9">
        <v>195</v>
      </c>
      <c r="L5985" s="6" t="s">
        <v>51</v>
      </c>
    </row>
    <row r="5986" spans="1:12">
      <c r="A5986" s="6" t="s">
        <v>49</v>
      </c>
      <c r="B5986" s="6"/>
      <c r="C5986" s="6" t="s">
        <v>6006</v>
      </c>
      <c r="D5986" s="6"/>
      <c r="E5986" s="6" t="s">
        <v>9</v>
      </c>
      <c r="F5986" s="7">
        <v>38657</v>
      </c>
      <c r="G5986" s="8">
        <v>1</v>
      </c>
      <c r="H5986" s="8">
        <v>1</v>
      </c>
      <c r="I5986" s="8">
        <v>0</v>
      </c>
      <c r="J5986" s="8">
        <v>1</v>
      </c>
      <c r="K5986" s="9">
        <v>312</v>
      </c>
      <c r="L5986" s="6" t="s">
        <v>51</v>
      </c>
    </row>
    <row r="5987" spans="1:12">
      <c r="A5987" s="6" t="s">
        <v>49</v>
      </c>
      <c r="B5987" s="6"/>
      <c r="C5987" s="6" t="s">
        <v>6007</v>
      </c>
      <c r="D5987" s="6"/>
      <c r="E5987" s="6" t="s">
        <v>9</v>
      </c>
      <c r="F5987" s="7">
        <v>38657</v>
      </c>
      <c r="G5987" s="8">
        <v>1</v>
      </c>
      <c r="H5987" s="8">
        <v>1</v>
      </c>
      <c r="I5987" s="8">
        <v>0</v>
      </c>
      <c r="J5987" s="8">
        <v>1</v>
      </c>
      <c r="K5987" s="9">
        <v>34</v>
      </c>
      <c r="L5987" s="6" t="s">
        <v>51</v>
      </c>
    </row>
    <row r="5988" spans="1:12">
      <c r="A5988" s="6" t="s">
        <v>49</v>
      </c>
      <c r="B5988" s="6"/>
      <c r="C5988" s="6" t="s">
        <v>6008</v>
      </c>
      <c r="D5988" s="6"/>
      <c r="E5988" s="6" t="s">
        <v>9</v>
      </c>
      <c r="F5988" s="7">
        <v>38657</v>
      </c>
      <c r="G5988" s="8">
        <v>1</v>
      </c>
      <c r="H5988" s="8">
        <v>1</v>
      </c>
      <c r="I5988" s="8">
        <v>0</v>
      </c>
      <c r="J5988" s="8">
        <v>1</v>
      </c>
      <c r="K5988" s="9">
        <v>0.87</v>
      </c>
      <c r="L5988" s="6" t="s">
        <v>51</v>
      </c>
    </row>
    <row r="5989" spans="1:12">
      <c r="A5989" s="6" t="s">
        <v>49</v>
      </c>
      <c r="B5989" s="6"/>
      <c r="C5989" s="6" t="s">
        <v>6009</v>
      </c>
      <c r="D5989" s="6"/>
      <c r="E5989" s="6" t="s">
        <v>9</v>
      </c>
      <c r="F5989" s="7">
        <v>38657</v>
      </c>
      <c r="G5989" s="8">
        <v>1</v>
      </c>
      <c r="H5989" s="8">
        <v>1</v>
      </c>
      <c r="I5989" s="8">
        <v>0</v>
      </c>
      <c r="J5989" s="8">
        <v>1</v>
      </c>
      <c r="K5989" s="9">
        <v>9.84</v>
      </c>
      <c r="L5989" s="6" t="s">
        <v>51</v>
      </c>
    </row>
    <row r="5990" spans="1:12">
      <c r="A5990" s="6" t="s">
        <v>49</v>
      </c>
      <c r="B5990" s="6"/>
      <c r="C5990" s="6" t="s">
        <v>6010</v>
      </c>
      <c r="D5990" s="6"/>
      <c r="E5990" s="6" t="s">
        <v>9</v>
      </c>
      <c r="F5990" s="7"/>
      <c r="G5990" s="8">
        <v>1</v>
      </c>
      <c r="H5990" s="8">
        <v>1</v>
      </c>
      <c r="I5990" s="8">
        <v>0</v>
      </c>
      <c r="J5990" s="8">
        <v>1</v>
      </c>
      <c r="K5990" s="9">
        <v>16.52</v>
      </c>
      <c r="L5990" s="6" t="s">
        <v>10</v>
      </c>
    </row>
    <row r="5991" spans="1:12">
      <c r="A5991" s="6" t="s">
        <v>49</v>
      </c>
      <c r="B5991" s="6"/>
      <c r="C5991" s="6" t="s">
        <v>6011</v>
      </c>
      <c r="D5991" s="6"/>
      <c r="E5991" s="6" t="s">
        <v>9</v>
      </c>
      <c r="F5991" s="7"/>
      <c r="G5991" s="8">
        <v>1</v>
      </c>
      <c r="H5991" s="8">
        <v>1</v>
      </c>
      <c r="I5991" s="8">
        <v>0</v>
      </c>
      <c r="J5991" s="8">
        <v>1</v>
      </c>
      <c r="K5991" s="9">
        <v>9.91</v>
      </c>
      <c r="L5991" s="6" t="s">
        <v>10</v>
      </c>
    </row>
    <row r="5992" spans="1:12">
      <c r="A5992" s="6" t="s">
        <v>49</v>
      </c>
      <c r="B5992" s="6"/>
      <c r="C5992" s="6" t="s">
        <v>6012</v>
      </c>
      <c r="D5992" s="6"/>
      <c r="E5992" s="6" t="s">
        <v>9</v>
      </c>
      <c r="F5992" s="7">
        <v>38657</v>
      </c>
      <c r="G5992" s="8">
        <v>1</v>
      </c>
      <c r="H5992" s="8">
        <v>1</v>
      </c>
      <c r="I5992" s="8">
        <v>0</v>
      </c>
      <c r="J5992" s="8">
        <v>1</v>
      </c>
      <c r="K5992" s="9">
        <v>7753</v>
      </c>
      <c r="L5992" s="6" t="s">
        <v>51</v>
      </c>
    </row>
    <row r="5993" spans="1:12">
      <c r="A5993" s="6" t="s">
        <v>49</v>
      </c>
      <c r="B5993" s="6"/>
      <c r="C5993" s="6" t="s">
        <v>6013</v>
      </c>
      <c r="D5993" s="6"/>
      <c r="E5993" s="6" t="s">
        <v>9</v>
      </c>
      <c r="F5993" s="7"/>
      <c r="G5993" s="8">
        <v>1</v>
      </c>
      <c r="H5993" s="8">
        <v>1</v>
      </c>
      <c r="I5993" s="8">
        <v>0</v>
      </c>
      <c r="J5993" s="8">
        <v>1</v>
      </c>
      <c r="K5993" s="9">
        <v>6.61</v>
      </c>
      <c r="L5993" s="6" t="s">
        <v>10</v>
      </c>
    </row>
    <row r="5994" spans="1:12">
      <c r="A5994" s="6" t="s">
        <v>49</v>
      </c>
      <c r="B5994" s="6"/>
      <c r="C5994" s="6" t="s">
        <v>6014</v>
      </c>
      <c r="D5994" s="6"/>
      <c r="E5994" s="6" t="s">
        <v>9</v>
      </c>
      <c r="F5994" s="7"/>
      <c r="G5994" s="8">
        <v>1</v>
      </c>
      <c r="H5994" s="8">
        <v>1</v>
      </c>
      <c r="I5994" s="8">
        <v>0</v>
      </c>
      <c r="J5994" s="8">
        <v>1</v>
      </c>
      <c r="K5994" s="9">
        <v>3.3</v>
      </c>
      <c r="L5994" s="6" t="s">
        <v>10</v>
      </c>
    </row>
    <row r="5995" spans="1:12">
      <c r="A5995" s="6" t="s">
        <v>49</v>
      </c>
      <c r="B5995" s="6"/>
      <c r="C5995" s="6" t="s">
        <v>6015</v>
      </c>
      <c r="D5995" s="6"/>
      <c r="E5995" s="6" t="s">
        <v>9</v>
      </c>
      <c r="F5995" s="7"/>
      <c r="G5995" s="8">
        <v>1</v>
      </c>
      <c r="H5995" s="8">
        <v>1</v>
      </c>
      <c r="I5995" s="8">
        <v>0</v>
      </c>
      <c r="J5995" s="8">
        <v>1</v>
      </c>
      <c r="K5995" s="9">
        <v>9.91</v>
      </c>
      <c r="L5995" s="6" t="s">
        <v>10</v>
      </c>
    </row>
    <row r="5996" spans="1:12">
      <c r="A5996" s="6" t="s">
        <v>49</v>
      </c>
      <c r="B5996" s="6"/>
      <c r="C5996" s="6" t="s">
        <v>6016</v>
      </c>
      <c r="D5996" s="6"/>
      <c r="E5996" s="6" t="s">
        <v>9</v>
      </c>
      <c r="F5996" s="7"/>
      <c r="G5996" s="8">
        <v>1</v>
      </c>
      <c r="H5996" s="8">
        <v>1</v>
      </c>
      <c r="I5996" s="8">
        <v>0</v>
      </c>
      <c r="J5996" s="8">
        <v>1</v>
      </c>
      <c r="K5996" s="9">
        <v>6.61</v>
      </c>
      <c r="L5996" s="6" t="s">
        <v>10</v>
      </c>
    </row>
    <row r="5997" spans="1:12">
      <c r="A5997" s="6" t="s">
        <v>49</v>
      </c>
      <c r="B5997" s="6"/>
      <c r="C5997" s="6" t="s">
        <v>6017</v>
      </c>
      <c r="D5997" s="6"/>
      <c r="E5997" s="6" t="s">
        <v>9</v>
      </c>
      <c r="F5997" s="7"/>
      <c r="G5997" s="8">
        <v>1</v>
      </c>
      <c r="H5997" s="8">
        <v>1</v>
      </c>
      <c r="I5997" s="8">
        <v>0</v>
      </c>
      <c r="J5997" s="8">
        <v>1</v>
      </c>
      <c r="K5997" s="9">
        <v>3.3</v>
      </c>
      <c r="L5997" s="6" t="s">
        <v>10</v>
      </c>
    </row>
    <row r="5998" spans="1:12">
      <c r="A5998" s="6" t="s">
        <v>49</v>
      </c>
      <c r="B5998" s="6"/>
      <c r="C5998" s="6" t="s">
        <v>6018</v>
      </c>
      <c r="D5998" s="6"/>
      <c r="E5998" s="6" t="s">
        <v>9</v>
      </c>
      <c r="F5998" s="7"/>
      <c r="G5998" s="8">
        <v>1</v>
      </c>
      <c r="H5998" s="8">
        <v>1</v>
      </c>
      <c r="I5998" s="8">
        <v>0</v>
      </c>
      <c r="J5998" s="8">
        <v>1</v>
      </c>
      <c r="K5998" s="9">
        <v>6.61</v>
      </c>
      <c r="L5998" s="6" t="s">
        <v>10</v>
      </c>
    </row>
    <row r="5999" spans="1:12">
      <c r="A5999" s="6" t="s">
        <v>49</v>
      </c>
      <c r="B5999" s="6"/>
      <c r="C5999" s="6" t="s">
        <v>6019</v>
      </c>
      <c r="D5999" s="6"/>
      <c r="E5999" s="6" t="s">
        <v>9</v>
      </c>
      <c r="F5999" s="7"/>
      <c r="G5999" s="8">
        <v>1</v>
      </c>
      <c r="H5999" s="8">
        <v>1</v>
      </c>
      <c r="I5999" s="8">
        <v>0</v>
      </c>
      <c r="J5999" s="8">
        <v>1</v>
      </c>
      <c r="K5999" s="9">
        <v>6.61</v>
      </c>
      <c r="L5999" s="6" t="s">
        <v>51</v>
      </c>
    </row>
    <row r="6000" spans="1:12">
      <c r="A6000" s="6" t="s">
        <v>49</v>
      </c>
      <c r="B6000" s="6"/>
      <c r="C6000" s="6" t="s">
        <v>6020</v>
      </c>
      <c r="D6000" s="6"/>
      <c r="E6000" s="6" t="s">
        <v>9</v>
      </c>
      <c r="F6000" s="7"/>
      <c r="G6000" s="8">
        <v>1</v>
      </c>
      <c r="H6000" s="8">
        <v>1</v>
      </c>
      <c r="I6000" s="8">
        <v>0</v>
      </c>
      <c r="J6000" s="8">
        <v>1</v>
      </c>
      <c r="K6000" s="9">
        <v>9.91</v>
      </c>
      <c r="L6000" s="6" t="s">
        <v>51</v>
      </c>
    </row>
    <row r="6001" spans="1:12">
      <c r="A6001" s="6" t="s">
        <v>49</v>
      </c>
      <c r="B6001" s="6"/>
      <c r="C6001" s="6" t="s">
        <v>6021</v>
      </c>
      <c r="D6001" s="6"/>
      <c r="E6001" s="6" t="s">
        <v>9</v>
      </c>
      <c r="F6001" s="7"/>
      <c r="G6001" s="8">
        <v>1</v>
      </c>
      <c r="H6001" s="8">
        <v>1</v>
      </c>
      <c r="I6001" s="8">
        <v>0</v>
      </c>
      <c r="J6001" s="8">
        <v>1</v>
      </c>
      <c r="K6001" s="9">
        <v>13</v>
      </c>
      <c r="L6001" s="6" t="s">
        <v>51</v>
      </c>
    </row>
    <row r="6002" spans="1:12">
      <c r="A6002" s="6" t="s">
        <v>49</v>
      </c>
      <c r="B6002" s="6"/>
      <c r="C6002" s="6" t="s">
        <v>6022</v>
      </c>
      <c r="D6002" s="6"/>
      <c r="E6002" s="6" t="s">
        <v>9</v>
      </c>
      <c r="F6002" s="7"/>
      <c r="G6002" s="8">
        <v>1</v>
      </c>
      <c r="H6002" s="8">
        <v>1</v>
      </c>
      <c r="I6002" s="8">
        <v>0</v>
      </c>
      <c r="J6002" s="8">
        <v>1</v>
      </c>
      <c r="K6002" s="9">
        <v>13</v>
      </c>
      <c r="L6002" s="6" t="s">
        <v>51</v>
      </c>
    </row>
    <row r="6003" spans="1:12">
      <c r="A6003" s="6" t="s">
        <v>49</v>
      </c>
      <c r="B6003" s="6"/>
      <c r="C6003" s="6" t="s">
        <v>6023</v>
      </c>
      <c r="D6003" s="6"/>
      <c r="E6003" s="6" t="s">
        <v>9</v>
      </c>
      <c r="F6003" s="7">
        <v>38657</v>
      </c>
      <c r="G6003" s="8">
        <v>1</v>
      </c>
      <c r="H6003" s="8">
        <v>1</v>
      </c>
      <c r="I6003" s="8">
        <v>0</v>
      </c>
      <c r="J6003" s="8">
        <v>1</v>
      </c>
      <c r="K6003" s="9">
        <v>3659</v>
      </c>
      <c r="L6003" s="6" t="s">
        <v>51</v>
      </c>
    </row>
    <row r="6004" spans="1:12">
      <c r="A6004" s="6" t="s">
        <v>49</v>
      </c>
      <c r="B6004" s="6"/>
      <c r="C6004" s="6" t="s">
        <v>6024</v>
      </c>
      <c r="D6004" s="6"/>
      <c r="E6004" s="6" t="s">
        <v>9</v>
      </c>
      <c r="F6004" s="7"/>
      <c r="G6004" s="8">
        <v>1</v>
      </c>
      <c r="H6004" s="8">
        <v>1</v>
      </c>
      <c r="I6004" s="8">
        <v>0</v>
      </c>
      <c r="J6004" s="8">
        <v>1</v>
      </c>
      <c r="K6004" s="9">
        <v>19</v>
      </c>
      <c r="L6004" s="6" t="s">
        <v>51</v>
      </c>
    </row>
    <row r="6005" spans="1:12">
      <c r="A6005" s="6" t="s">
        <v>49</v>
      </c>
      <c r="B6005" s="6"/>
      <c r="C6005" s="6" t="s">
        <v>6025</v>
      </c>
      <c r="D6005" s="6"/>
      <c r="E6005" s="6" t="s">
        <v>9</v>
      </c>
      <c r="F6005" s="7"/>
      <c r="G6005" s="8">
        <v>1</v>
      </c>
      <c r="H6005" s="8">
        <v>1</v>
      </c>
      <c r="I6005" s="8">
        <v>0</v>
      </c>
      <c r="J6005" s="8">
        <v>1</v>
      </c>
      <c r="K6005" s="9">
        <v>19</v>
      </c>
      <c r="L6005" s="6" t="s">
        <v>51</v>
      </c>
    </row>
    <row r="6006" spans="1:12">
      <c r="A6006" s="6" t="s">
        <v>49</v>
      </c>
      <c r="B6006" s="6"/>
      <c r="C6006" s="6" t="s">
        <v>6026</v>
      </c>
      <c r="D6006" s="6"/>
      <c r="E6006" s="6" t="s">
        <v>9</v>
      </c>
      <c r="F6006" s="7"/>
      <c r="G6006" s="8">
        <v>1</v>
      </c>
      <c r="H6006" s="8">
        <v>1</v>
      </c>
      <c r="I6006" s="8">
        <v>0</v>
      </c>
      <c r="J6006" s="8">
        <v>1</v>
      </c>
      <c r="K6006" s="9">
        <v>26</v>
      </c>
      <c r="L6006" s="6" t="s">
        <v>51</v>
      </c>
    </row>
    <row r="6007" spans="1:12">
      <c r="A6007" s="6" t="s">
        <v>49</v>
      </c>
      <c r="B6007" s="6"/>
      <c r="C6007" s="6" t="s">
        <v>6027</v>
      </c>
      <c r="D6007" s="6"/>
      <c r="E6007" s="6" t="s">
        <v>9</v>
      </c>
      <c r="F6007" s="7"/>
      <c r="G6007" s="8">
        <v>1</v>
      </c>
      <c r="H6007" s="8">
        <v>1</v>
      </c>
      <c r="I6007" s="8">
        <v>0</v>
      </c>
      <c r="J6007" s="8">
        <v>1</v>
      </c>
      <c r="K6007" s="9">
        <v>46</v>
      </c>
      <c r="L6007" s="6" t="s">
        <v>51</v>
      </c>
    </row>
    <row r="6008" spans="1:12">
      <c r="A6008" s="6" t="s">
        <v>49</v>
      </c>
      <c r="B6008" s="6"/>
      <c r="C6008" s="6" t="s">
        <v>6028</v>
      </c>
      <c r="D6008" s="6"/>
      <c r="E6008" s="6" t="s">
        <v>9</v>
      </c>
      <c r="F6008" s="7"/>
      <c r="G6008" s="8">
        <v>1</v>
      </c>
      <c r="H6008" s="8">
        <v>1</v>
      </c>
      <c r="I6008" s="8">
        <v>0</v>
      </c>
      <c r="J6008" s="8">
        <v>1</v>
      </c>
      <c r="K6008" s="9">
        <v>13</v>
      </c>
      <c r="L6008" s="6" t="s">
        <v>51</v>
      </c>
    </row>
    <row r="6009" spans="1:12">
      <c r="A6009" s="6" t="s">
        <v>49</v>
      </c>
      <c r="B6009" s="6"/>
      <c r="C6009" s="6" t="s">
        <v>6029</v>
      </c>
      <c r="D6009" s="6"/>
      <c r="E6009" s="6" t="s">
        <v>9</v>
      </c>
      <c r="F6009" s="7"/>
      <c r="G6009" s="8">
        <v>1</v>
      </c>
      <c r="H6009" s="8">
        <v>1</v>
      </c>
      <c r="I6009" s="8">
        <v>0</v>
      </c>
      <c r="J6009" s="8">
        <v>1</v>
      </c>
      <c r="K6009" s="9">
        <v>19</v>
      </c>
      <c r="L6009" s="6" t="s">
        <v>51</v>
      </c>
    </row>
    <row r="6010" spans="1:12">
      <c r="A6010" s="6" t="s">
        <v>49</v>
      </c>
      <c r="B6010" s="6"/>
      <c r="C6010" s="6" t="s">
        <v>6030</v>
      </c>
      <c r="D6010" s="6"/>
      <c r="E6010" s="6" t="s">
        <v>9</v>
      </c>
      <c r="F6010" s="7"/>
      <c r="G6010" s="8">
        <v>1</v>
      </c>
      <c r="H6010" s="8">
        <v>1</v>
      </c>
      <c r="I6010" s="8">
        <v>0</v>
      </c>
      <c r="J6010" s="8">
        <v>1</v>
      </c>
      <c r="K6010" s="9">
        <v>3.3</v>
      </c>
      <c r="L6010" s="6" t="s">
        <v>51</v>
      </c>
    </row>
    <row r="6011" spans="1:12">
      <c r="A6011" s="6" t="s">
        <v>49</v>
      </c>
      <c r="B6011" s="6"/>
      <c r="C6011" s="6" t="s">
        <v>6031</v>
      </c>
      <c r="D6011" s="6"/>
      <c r="E6011" s="6" t="s">
        <v>9</v>
      </c>
      <c r="F6011" s="7"/>
      <c r="G6011" s="8">
        <v>1</v>
      </c>
      <c r="H6011" s="8">
        <v>1</v>
      </c>
      <c r="I6011" s="8">
        <v>0</v>
      </c>
      <c r="J6011" s="8">
        <v>1</v>
      </c>
      <c r="K6011" s="9">
        <v>23</v>
      </c>
      <c r="L6011" s="6" t="s">
        <v>51</v>
      </c>
    </row>
    <row r="6012" spans="1:12">
      <c r="A6012" s="6" t="s">
        <v>49</v>
      </c>
      <c r="B6012" s="6"/>
      <c r="C6012" s="6" t="s">
        <v>6032</v>
      </c>
      <c r="D6012" s="6"/>
      <c r="E6012" s="6" t="s">
        <v>9</v>
      </c>
      <c r="F6012" s="7"/>
      <c r="G6012" s="8">
        <v>1</v>
      </c>
      <c r="H6012" s="8">
        <v>1</v>
      </c>
      <c r="I6012" s="8">
        <v>0</v>
      </c>
      <c r="J6012" s="8">
        <v>1</v>
      </c>
      <c r="K6012" s="9">
        <v>3.3</v>
      </c>
      <c r="L6012" s="6" t="s">
        <v>51</v>
      </c>
    </row>
    <row r="6013" spans="1:12">
      <c r="A6013" s="6" t="s">
        <v>49</v>
      </c>
      <c r="B6013" s="6"/>
      <c r="C6013" s="6" t="s">
        <v>6033</v>
      </c>
      <c r="D6013" s="6"/>
      <c r="E6013" s="6" t="s">
        <v>9</v>
      </c>
      <c r="F6013" s="7"/>
      <c r="G6013" s="8">
        <v>1</v>
      </c>
      <c r="H6013" s="8">
        <v>1</v>
      </c>
      <c r="I6013" s="8">
        <v>0</v>
      </c>
      <c r="J6013" s="8">
        <v>1</v>
      </c>
      <c r="K6013" s="9">
        <v>3.3</v>
      </c>
      <c r="L6013" s="6" t="s">
        <v>51</v>
      </c>
    </row>
    <row r="6014" spans="1:12">
      <c r="A6014" s="6" t="s">
        <v>49</v>
      </c>
      <c r="B6014" s="6"/>
      <c r="C6014" s="6" t="s">
        <v>6034</v>
      </c>
      <c r="D6014" s="6"/>
      <c r="E6014" s="6" t="s">
        <v>9</v>
      </c>
      <c r="F6014" s="7">
        <v>38657</v>
      </c>
      <c r="G6014" s="8">
        <v>1</v>
      </c>
      <c r="H6014" s="8">
        <v>1</v>
      </c>
      <c r="I6014" s="8">
        <v>0</v>
      </c>
      <c r="J6014" s="8">
        <v>1</v>
      </c>
      <c r="K6014" s="9">
        <v>1984</v>
      </c>
      <c r="L6014" s="6" t="s">
        <v>51</v>
      </c>
    </row>
    <row r="6015" spans="1:12">
      <c r="A6015" s="6" t="s">
        <v>49</v>
      </c>
      <c r="B6015" s="6"/>
      <c r="C6015" s="6" t="s">
        <v>6035</v>
      </c>
      <c r="D6015" s="6"/>
      <c r="E6015" s="6" t="s">
        <v>9</v>
      </c>
      <c r="F6015" s="7"/>
      <c r="G6015" s="8">
        <v>1</v>
      </c>
      <c r="H6015" s="8">
        <v>1</v>
      </c>
      <c r="I6015" s="8">
        <v>0</v>
      </c>
      <c r="J6015" s="8">
        <v>1</v>
      </c>
      <c r="K6015" s="9">
        <v>26</v>
      </c>
      <c r="L6015" s="6" t="s">
        <v>51</v>
      </c>
    </row>
    <row r="6016" spans="1:12">
      <c r="A6016" s="6" t="s">
        <v>49</v>
      </c>
      <c r="B6016" s="6"/>
      <c r="C6016" s="6" t="s">
        <v>6036</v>
      </c>
      <c r="D6016" s="6"/>
      <c r="E6016" s="6" t="s">
        <v>9</v>
      </c>
      <c r="F6016" s="7"/>
      <c r="G6016" s="8">
        <v>1</v>
      </c>
      <c r="H6016" s="8">
        <v>1</v>
      </c>
      <c r="I6016" s="8">
        <v>0</v>
      </c>
      <c r="J6016" s="8">
        <v>1</v>
      </c>
      <c r="K6016" s="9">
        <v>33</v>
      </c>
      <c r="L6016" s="6" t="s">
        <v>51</v>
      </c>
    </row>
    <row r="6017" spans="1:12">
      <c r="A6017" s="6" t="s">
        <v>49</v>
      </c>
      <c r="B6017" s="6"/>
      <c r="C6017" s="6" t="s">
        <v>6037</v>
      </c>
      <c r="D6017" s="6"/>
      <c r="E6017" s="6" t="s">
        <v>9</v>
      </c>
      <c r="F6017" s="7"/>
      <c r="G6017" s="8">
        <v>1</v>
      </c>
      <c r="H6017" s="8">
        <v>1</v>
      </c>
      <c r="I6017" s="8">
        <v>0</v>
      </c>
      <c r="J6017" s="8">
        <v>1</v>
      </c>
      <c r="K6017" s="9">
        <v>33</v>
      </c>
      <c r="L6017" s="6" t="s">
        <v>51</v>
      </c>
    </row>
    <row r="6018" spans="1:12">
      <c r="A6018" s="6" t="s">
        <v>49</v>
      </c>
      <c r="B6018" s="6"/>
      <c r="C6018" s="6" t="s">
        <v>6038</v>
      </c>
      <c r="D6018" s="6"/>
      <c r="E6018" s="6" t="s">
        <v>9</v>
      </c>
      <c r="F6018" s="7"/>
      <c r="G6018" s="8">
        <v>1</v>
      </c>
      <c r="H6018" s="8">
        <v>1</v>
      </c>
      <c r="I6018" s="8">
        <v>0</v>
      </c>
      <c r="J6018" s="8">
        <v>1</v>
      </c>
      <c r="K6018" s="9">
        <v>29</v>
      </c>
      <c r="L6018" s="6" t="s">
        <v>51</v>
      </c>
    </row>
    <row r="6019" spans="1:12">
      <c r="A6019" s="6" t="s">
        <v>49</v>
      </c>
      <c r="B6019" s="6"/>
      <c r="C6019" s="6" t="s">
        <v>6039</v>
      </c>
      <c r="D6019" s="6"/>
      <c r="E6019" s="6" t="s">
        <v>9</v>
      </c>
      <c r="F6019" s="7"/>
      <c r="G6019" s="8">
        <v>1</v>
      </c>
      <c r="H6019" s="8">
        <v>1</v>
      </c>
      <c r="I6019" s="8">
        <v>0</v>
      </c>
      <c r="J6019" s="8">
        <v>1</v>
      </c>
      <c r="K6019" s="9">
        <v>19</v>
      </c>
      <c r="L6019" s="6" t="s">
        <v>51</v>
      </c>
    </row>
    <row r="6020" spans="1:12">
      <c r="A6020" s="6" t="s">
        <v>49</v>
      </c>
      <c r="B6020" s="6"/>
      <c r="C6020" s="6" t="s">
        <v>6040</v>
      </c>
      <c r="D6020" s="6"/>
      <c r="E6020" s="6" t="s">
        <v>9</v>
      </c>
      <c r="F6020" s="7"/>
      <c r="G6020" s="8">
        <v>1</v>
      </c>
      <c r="H6020" s="8">
        <v>1</v>
      </c>
      <c r="I6020" s="8">
        <v>0</v>
      </c>
      <c r="J6020" s="8">
        <v>1</v>
      </c>
      <c r="K6020" s="9">
        <v>161</v>
      </c>
      <c r="L6020" s="6" t="s">
        <v>51</v>
      </c>
    </row>
    <row r="6021" spans="1:12">
      <c r="A6021" s="6" t="s">
        <v>49</v>
      </c>
      <c r="B6021" s="6"/>
      <c r="C6021" s="6" t="s">
        <v>6041</v>
      </c>
      <c r="D6021" s="6"/>
      <c r="E6021" s="6" t="s">
        <v>9</v>
      </c>
      <c r="F6021" s="7"/>
      <c r="G6021" s="8">
        <v>1</v>
      </c>
      <c r="H6021" s="8">
        <v>1</v>
      </c>
      <c r="I6021" s="8">
        <v>0</v>
      </c>
      <c r="J6021" s="8">
        <v>1</v>
      </c>
      <c r="K6021" s="9">
        <v>6.61</v>
      </c>
      <c r="L6021" s="6" t="s">
        <v>51</v>
      </c>
    </row>
    <row r="6022" spans="1:12">
      <c r="A6022" s="6" t="s">
        <v>49</v>
      </c>
      <c r="B6022" s="6"/>
      <c r="C6022" s="6" t="s">
        <v>6042</v>
      </c>
      <c r="D6022" s="6"/>
      <c r="E6022" s="6" t="s">
        <v>9</v>
      </c>
      <c r="F6022" s="7"/>
      <c r="G6022" s="8">
        <v>1</v>
      </c>
      <c r="H6022" s="8">
        <v>1</v>
      </c>
      <c r="I6022" s="8">
        <v>0</v>
      </c>
      <c r="J6022" s="8">
        <v>1</v>
      </c>
      <c r="K6022" s="9">
        <v>6.61</v>
      </c>
      <c r="L6022" s="6" t="s">
        <v>51</v>
      </c>
    </row>
    <row r="6023" spans="1:12">
      <c r="A6023" s="6" t="s">
        <v>49</v>
      </c>
      <c r="B6023" s="6"/>
      <c r="C6023" s="6" t="s">
        <v>6043</v>
      </c>
      <c r="D6023" s="6"/>
      <c r="E6023" s="6" t="s">
        <v>9</v>
      </c>
      <c r="F6023" s="7"/>
      <c r="G6023" s="8">
        <v>1</v>
      </c>
      <c r="H6023" s="8">
        <v>1</v>
      </c>
      <c r="I6023" s="8">
        <v>0</v>
      </c>
      <c r="J6023" s="8">
        <v>1</v>
      </c>
      <c r="K6023" s="9">
        <v>82</v>
      </c>
      <c r="L6023" s="6" t="s">
        <v>51</v>
      </c>
    </row>
    <row r="6024" spans="1:12">
      <c r="A6024" s="6" t="s">
        <v>49</v>
      </c>
      <c r="B6024" s="6"/>
      <c r="C6024" s="6" t="s">
        <v>6044</v>
      </c>
      <c r="D6024" s="6"/>
      <c r="E6024" s="6" t="s">
        <v>9</v>
      </c>
      <c r="F6024" s="7"/>
      <c r="G6024" s="8">
        <v>1</v>
      </c>
      <c r="H6024" s="8">
        <v>1</v>
      </c>
      <c r="I6024" s="8">
        <v>0</v>
      </c>
      <c r="J6024" s="8">
        <v>1</v>
      </c>
      <c r="K6024" s="9">
        <v>9.91</v>
      </c>
      <c r="L6024" s="6" t="s">
        <v>51</v>
      </c>
    </row>
    <row r="6025" spans="1:12">
      <c r="A6025" s="6" t="s">
        <v>49</v>
      </c>
      <c r="B6025" s="6"/>
      <c r="C6025" s="6" t="s">
        <v>6045</v>
      </c>
      <c r="D6025" s="6"/>
      <c r="E6025" s="6" t="s">
        <v>9</v>
      </c>
      <c r="F6025" s="7">
        <v>38657</v>
      </c>
      <c r="G6025" s="8">
        <v>1</v>
      </c>
      <c r="H6025" s="8">
        <v>1</v>
      </c>
      <c r="I6025" s="8">
        <v>0</v>
      </c>
      <c r="J6025" s="8">
        <v>1</v>
      </c>
      <c r="K6025" s="9">
        <v>3135</v>
      </c>
      <c r="L6025" s="6" t="s">
        <v>51</v>
      </c>
    </row>
    <row r="6026" spans="1:12">
      <c r="A6026" s="6" t="s">
        <v>49</v>
      </c>
      <c r="B6026" s="6"/>
      <c r="C6026" s="6" t="s">
        <v>6046</v>
      </c>
      <c r="D6026" s="6"/>
      <c r="E6026" s="6" t="s">
        <v>9</v>
      </c>
      <c r="F6026" s="7"/>
      <c r="G6026" s="8">
        <v>1</v>
      </c>
      <c r="H6026" s="8">
        <v>1</v>
      </c>
      <c r="I6026" s="8">
        <v>0</v>
      </c>
      <c r="J6026" s="8">
        <v>1</v>
      </c>
      <c r="K6026" s="9">
        <v>19.829999999999899</v>
      </c>
      <c r="L6026" s="6" t="s">
        <v>10</v>
      </c>
    </row>
    <row r="6027" spans="1:12">
      <c r="A6027" s="6" t="s">
        <v>49</v>
      </c>
      <c r="B6027" s="6"/>
      <c r="C6027" s="6" t="s">
        <v>6047</v>
      </c>
      <c r="D6027" s="6"/>
      <c r="E6027" s="6" t="s">
        <v>9</v>
      </c>
      <c r="F6027" s="7"/>
      <c r="G6027" s="8">
        <v>1</v>
      </c>
      <c r="H6027" s="8">
        <v>1</v>
      </c>
      <c r="I6027" s="8">
        <v>0</v>
      </c>
      <c r="J6027" s="8">
        <v>1</v>
      </c>
      <c r="K6027" s="9">
        <v>102.47</v>
      </c>
      <c r="L6027" s="6" t="s">
        <v>10</v>
      </c>
    </row>
    <row r="6028" spans="1:12">
      <c r="A6028" s="6" t="s">
        <v>49</v>
      </c>
      <c r="B6028" s="6"/>
      <c r="C6028" s="6" t="s">
        <v>6048</v>
      </c>
      <c r="D6028" s="6"/>
      <c r="E6028" s="6" t="s">
        <v>9</v>
      </c>
      <c r="F6028" s="7"/>
      <c r="G6028" s="8">
        <v>1</v>
      </c>
      <c r="H6028" s="8">
        <v>1</v>
      </c>
      <c r="I6028" s="8">
        <v>0</v>
      </c>
      <c r="J6028" s="8">
        <v>1</v>
      </c>
      <c r="K6028" s="9">
        <v>72</v>
      </c>
      <c r="L6028" s="6" t="s">
        <v>51</v>
      </c>
    </row>
    <row r="6029" spans="1:12">
      <c r="A6029" s="6" t="s">
        <v>49</v>
      </c>
      <c r="B6029" s="6"/>
      <c r="C6029" s="6" t="s">
        <v>6049</v>
      </c>
      <c r="D6029" s="6"/>
      <c r="E6029" s="6" t="s">
        <v>9</v>
      </c>
      <c r="F6029" s="7"/>
      <c r="G6029" s="8">
        <v>1</v>
      </c>
      <c r="H6029" s="8">
        <v>1</v>
      </c>
      <c r="I6029" s="8">
        <v>0</v>
      </c>
      <c r="J6029" s="8">
        <v>1</v>
      </c>
      <c r="K6029" s="9">
        <v>29</v>
      </c>
      <c r="L6029" s="6" t="s">
        <v>51</v>
      </c>
    </row>
    <row r="6030" spans="1:12">
      <c r="A6030" s="6" t="s">
        <v>49</v>
      </c>
      <c r="B6030" s="6"/>
      <c r="C6030" s="6" t="s">
        <v>6050</v>
      </c>
      <c r="D6030" s="6"/>
      <c r="E6030" s="6" t="s">
        <v>9</v>
      </c>
      <c r="F6030" s="7"/>
      <c r="G6030" s="8">
        <v>1</v>
      </c>
      <c r="H6030" s="8">
        <v>1</v>
      </c>
      <c r="I6030" s="8">
        <v>0</v>
      </c>
      <c r="J6030" s="8">
        <v>1</v>
      </c>
      <c r="K6030" s="9">
        <v>6.61</v>
      </c>
      <c r="L6030" s="6" t="s">
        <v>51</v>
      </c>
    </row>
    <row r="6031" spans="1:12">
      <c r="A6031" s="6" t="s">
        <v>49</v>
      </c>
      <c r="B6031" s="6"/>
      <c r="C6031" s="6" t="s">
        <v>6051</v>
      </c>
      <c r="D6031" s="6"/>
      <c r="E6031" s="6" t="s">
        <v>9</v>
      </c>
      <c r="F6031" s="7"/>
      <c r="G6031" s="8">
        <v>1</v>
      </c>
      <c r="H6031" s="8">
        <v>1</v>
      </c>
      <c r="I6031" s="8">
        <v>0</v>
      </c>
      <c r="J6031" s="8">
        <v>1</v>
      </c>
      <c r="K6031" s="9">
        <v>9.91</v>
      </c>
      <c r="L6031" s="6" t="s">
        <v>51</v>
      </c>
    </row>
    <row r="6032" spans="1:12">
      <c r="A6032" s="6" t="s">
        <v>49</v>
      </c>
      <c r="B6032" s="6"/>
      <c r="C6032" s="6" t="s">
        <v>6052</v>
      </c>
      <c r="D6032" s="6"/>
      <c r="E6032" s="6" t="s">
        <v>9</v>
      </c>
      <c r="F6032" s="7"/>
      <c r="G6032" s="8">
        <v>1</v>
      </c>
      <c r="H6032" s="8">
        <v>1</v>
      </c>
      <c r="I6032" s="8">
        <v>0</v>
      </c>
      <c r="J6032" s="8">
        <v>1</v>
      </c>
      <c r="K6032" s="9">
        <v>138</v>
      </c>
      <c r="L6032" s="6" t="s">
        <v>51</v>
      </c>
    </row>
    <row r="6033" spans="1:12">
      <c r="A6033" s="6" t="s">
        <v>49</v>
      </c>
      <c r="B6033" s="6"/>
      <c r="C6033" s="6" t="s">
        <v>6053</v>
      </c>
      <c r="D6033" s="6"/>
      <c r="E6033" s="6" t="s">
        <v>9</v>
      </c>
      <c r="F6033" s="7"/>
      <c r="G6033" s="8">
        <v>1</v>
      </c>
      <c r="H6033" s="8">
        <v>1</v>
      </c>
      <c r="I6033" s="8">
        <v>0</v>
      </c>
      <c r="J6033" s="8">
        <v>1</v>
      </c>
      <c r="K6033" s="9">
        <v>39</v>
      </c>
      <c r="L6033" s="6" t="s">
        <v>51</v>
      </c>
    </row>
    <row r="6034" spans="1:12">
      <c r="A6034" s="6" t="s">
        <v>49</v>
      </c>
      <c r="B6034" s="6"/>
      <c r="C6034" s="6" t="s">
        <v>6054</v>
      </c>
      <c r="D6034" s="6"/>
      <c r="E6034" s="6" t="s">
        <v>9</v>
      </c>
      <c r="F6034" s="7"/>
      <c r="G6034" s="8">
        <v>1</v>
      </c>
      <c r="H6034" s="8">
        <v>1</v>
      </c>
      <c r="I6034" s="8">
        <v>0</v>
      </c>
      <c r="J6034" s="8">
        <v>1</v>
      </c>
      <c r="K6034" s="9">
        <v>59</v>
      </c>
      <c r="L6034" s="6" t="s">
        <v>51</v>
      </c>
    </row>
    <row r="6035" spans="1:12">
      <c r="A6035" s="6" t="s">
        <v>49</v>
      </c>
      <c r="B6035" s="6"/>
      <c r="C6035" s="6" t="s">
        <v>6055</v>
      </c>
      <c r="D6035" s="6"/>
      <c r="E6035" s="6" t="s">
        <v>9</v>
      </c>
      <c r="F6035" s="7"/>
      <c r="G6035" s="8">
        <v>1</v>
      </c>
      <c r="H6035" s="8">
        <v>1</v>
      </c>
      <c r="I6035" s="8">
        <v>0</v>
      </c>
      <c r="J6035" s="8">
        <v>1</v>
      </c>
      <c r="K6035" s="9">
        <v>16</v>
      </c>
      <c r="L6035" s="6" t="s">
        <v>51</v>
      </c>
    </row>
    <row r="6036" spans="1:12">
      <c r="A6036" s="6" t="s">
        <v>49</v>
      </c>
      <c r="B6036" s="6"/>
      <c r="C6036" s="6" t="s">
        <v>6056</v>
      </c>
      <c r="D6036" s="6"/>
      <c r="E6036" s="6" t="s">
        <v>9</v>
      </c>
      <c r="F6036" s="7">
        <v>38657</v>
      </c>
      <c r="G6036" s="8">
        <v>1</v>
      </c>
      <c r="H6036" s="8">
        <v>1</v>
      </c>
      <c r="I6036" s="8">
        <v>0</v>
      </c>
      <c r="J6036" s="8">
        <v>1</v>
      </c>
      <c r="K6036" s="9">
        <v>15.07</v>
      </c>
      <c r="L6036" s="6" t="s">
        <v>51</v>
      </c>
    </row>
    <row r="6037" spans="1:12">
      <c r="A6037" s="6" t="s">
        <v>49</v>
      </c>
      <c r="B6037" s="6"/>
      <c r="C6037" s="6" t="s">
        <v>6057</v>
      </c>
      <c r="D6037" s="6"/>
      <c r="E6037" s="6" t="s">
        <v>9</v>
      </c>
      <c r="F6037" s="7">
        <v>38657</v>
      </c>
      <c r="G6037" s="8">
        <v>1</v>
      </c>
      <c r="H6037" s="8">
        <v>1</v>
      </c>
      <c r="I6037" s="8">
        <v>0</v>
      </c>
      <c r="J6037" s="8">
        <v>1</v>
      </c>
      <c r="K6037" s="9">
        <v>70</v>
      </c>
      <c r="L6037" s="6" t="s">
        <v>51</v>
      </c>
    </row>
    <row r="6038" spans="1:12">
      <c r="A6038" s="6" t="s">
        <v>49</v>
      </c>
      <c r="B6038" s="6"/>
      <c r="C6038" s="6" t="s">
        <v>6058</v>
      </c>
      <c r="D6038" s="6"/>
      <c r="E6038" s="6" t="s">
        <v>9</v>
      </c>
      <c r="F6038" s="7"/>
      <c r="G6038" s="8">
        <v>1</v>
      </c>
      <c r="H6038" s="8">
        <v>1</v>
      </c>
      <c r="I6038" s="8">
        <v>0</v>
      </c>
      <c r="J6038" s="8">
        <v>1</v>
      </c>
      <c r="K6038" s="9">
        <v>19</v>
      </c>
      <c r="L6038" s="6" t="s">
        <v>51</v>
      </c>
    </row>
    <row r="6039" spans="1:12">
      <c r="A6039" s="6" t="s">
        <v>49</v>
      </c>
      <c r="B6039" s="6"/>
      <c r="C6039" s="6" t="s">
        <v>6059</v>
      </c>
      <c r="D6039" s="6"/>
      <c r="E6039" s="6" t="s">
        <v>9</v>
      </c>
      <c r="F6039" s="7"/>
      <c r="G6039" s="8">
        <v>1</v>
      </c>
      <c r="H6039" s="8">
        <v>1</v>
      </c>
      <c r="I6039" s="8">
        <v>0</v>
      </c>
      <c r="J6039" s="8">
        <v>1</v>
      </c>
      <c r="K6039" s="9">
        <v>109</v>
      </c>
      <c r="L6039" s="6" t="s">
        <v>51</v>
      </c>
    </row>
    <row r="6040" spans="1:12">
      <c r="A6040" s="6" t="s">
        <v>49</v>
      </c>
      <c r="B6040" s="6"/>
      <c r="C6040" s="6" t="s">
        <v>6060</v>
      </c>
      <c r="D6040" s="6"/>
      <c r="E6040" s="6" t="s">
        <v>9</v>
      </c>
      <c r="F6040" s="7"/>
      <c r="G6040" s="8">
        <v>1</v>
      </c>
      <c r="H6040" s="8">
        <v>1</v>
      </c>
      <c r="I6040" s="8">
        <v>0</v>
      </c>
      <c r="J6040" s="8">
        <v>1</v>
      </c>
      <c r="K6040" s="9">
        <v>46</v>
      </c>
      <c r="L6040" s="6" t="s">
        <v>51</v>
      </c>
    </row>
    <row r="6041" spans="1:12">
      <c r="A6041" s="6" t="s">
        <v>49</v>
      </c>
      <c r="B6041" s="6"/>
      <c r="C6041" s="6" t="s">
        <v>6061</v>
      </c>
      <c r="D6041" s="6"/>
      <c r="E6041" s="6" t="s">
        <v>9</v>
      </c>
      <c r="F6041" s="7"/>
      <c r="G6041" s="8">
        <v>1</v>
      </c>
      <c r="H6041" s="8">
        <v>1</v>
      </c>
      <c r="I6041" s="8">
        <v>0</v>
      </c>
      <c r="J6041" s="8">
        <v>1</v>
      </c>
      <c r="K6041" s="9">
        <v>69</v>
      </c>
      <c r="L6041" s="6" t="s">
        <v>51</v>
      </c>
    </row>
    <row r="6042" spans="1:12">
      <c r="A6042" s="6" t="s">
        <v>49</v>
      </c>
      <c r="B6042" s="6"/>
      <c r="C6042" s="6" t="s">
        <v>6062</v>
      </c>
      <c r="D6042" s="6"/>
      <c r="E6042" s="6" t="s">
        <v>9</v>
      </c>
      <c r="F6042" s="7"/>
      <c r="G6042" s="8">
        <v>1</v>
      </c>
      <c r="H6042" s="8">
        <v>1</v>
      </c>
      <c r="I6042" s="8">
        <v>0</v>
      </c>
      <c r="J6042" s="8">
        <v>1</v>
      </c>
      <c r="K6042" s="9">
        <v>26</v>
      </c>
      <c r="L6042" s="6" t="s">
        <v>51</v>
      </c>
    </row>
    <row r="6043" spans="1:12">
      <c r="A6043" s="6" t="s">
        <v>49</v>
      </c>
      <c r="B6043" s="6"/>
      <c r="C6043" s="6" t="s">
        <v>6063</v>
      </c>
      <c r="D6043" s="6"/>
      <c r="E6043" s="6" t="s">
        <v>9</v>
      </c>
      <c r="F6043" s="7"/>
      <c r="G6043" s="8">
        <v>1</v>
      </c>
      <c r="H6043" s="8">
        <v>1</v>
      </c>
      <c r="I6043" s="8">
        <v>0</v>
      </c>
      <c r="J6043" s="8">
        <v>1</v>
      </c>
      <c r="K6043" s="9">
        <v>62</v>
      </c>
      <c r="L6043" s="6" t="s">
        <v>51</v>
      </c>
    </row>
    <row r="6044" spans="1:12">
      <c r="A6044" s="6" t="s">
        <v>49</v>
      </c>
      <c r="B6044" s="6"/>
      <c r="C6044" s="6" t="s">
        <v>6064</v>
      </c>
      <c r="D6044" s="6"/>
      <c r="E6044" s="6" t="s">
        <v>9</v>
      </c>
      <c r="F6044" s="7"/>
      <c r="G6044" s="8">
        <v>1</v>
      </c>
      <c r="H6044" s="8">
        <v>1</v>
      </c>
      <c r="I6044" s="8">
        <v>0</v>
      </c>
      <c r="J6044" s="8">
        <v>1</v>
      </c>
      <c r="K6044" s="9">
        <v>6.61</v>
      </c>
      <c r="L6044" s="6" t="s">
        <v>51</v>
      </c>
    </row>
    <row r="6045" spans="1:12">
      <c r="A6045" s="6" t="s">
        <v>49</v>
      </c>
      <c r="B6045" s="6"/>
      <c r="C6045" s="6" t="s">
        <v>6065</v>
      </c>
      <c r="D6045" s="6"/>
      <c r="E6045" s="6" t="s">
        <v>9</v>
      </c>
      <c r="F6045" s="7"/>
      <c r="G6045" s="8">
        <v>1</v>
      </c>
      <c r="H6045" s="8">
        <v>1</v>
      </c>
      <c r="I6045" s="8">
        <v>0</v>
      </c>
      <c r="J6045" s="8">
        <v>1</v>
      </c>
      <c r="K6045" s="9">
        <v>46</v>
      </c>
      <c r="L6045" s="6" t="s">
        <v>51</v>
      </c>
    </row>
    <row r="6046" spans="1:12">
      <c r="A6046" s="6" t="s">
        <v>49</v>
      </c>
      <c r="B6046" s="6"/>
      <c r="C6046" s="6" t="s">
        <v>6066</v>
      </c>
      <c r="D6046" s="6"/>
      <c r="E6046" s="6" t="s">
        <v>9</v>
      </c>
      <c r="F6046" s="7"/>
      <c r="G6046" s="8">
        <v>1</v>
      </c>
      <c r="H6046" s="8">
        <v>1</v>
      </c>
      <c r="I6046" s="8">
        <v>0</v>
      </c>
      <c r="J6046" s="8">
        <v>1</v>
      </c>
      <c r="K6046" s="9">
        <v>9.91</v>
      </c>
      <c r="L6046" s="6" t="s">
        <v>51</v>
      </c>
    </row>
    <row r="6047" spans="1:12">
      <c r="A6047" s="6" t="s">
        <v>49</v>
      </c>
      <c r="B6047" s="6"/>
      <c r="C6047" s="6" t="s">
        <v>6067</v>
      </c>
      <c r="D6047" s="6"/>
      <c r="E6047" s="6" t="s">
        <v>9</v>
      </c>
      <c r="F6047" s="7"/>
      <c r="G6047" s="8">
        <v>1</v>
      </c>
      <c r="H6047" s="8">
        <v>1</v>
      </c>
      <c r="I6047" s="8">
        <v>0</v>
      </c>
      <c r="J6047" s="8">
        <v>1</v>
      </c>
      <c r="K6047" s="9">
        <v>29</v>
      </c>
      <c r="L6047" s="6" t="s">
        <v>51</v>
      </c>
    </row>
    <row r="6048" spans="1:12">
      <c r="A6048" s="6" t="s">
        <v>49</v>
      </c>
      <c r="B6048" s="6"/>
      <c r="C6048" s="6" t="s">
        <v>6068</v>
      </c>
      <c r="D6048" s="6"/>
      <c r="E6048" s="6" t="s">
        <v>9</v>
      </c>
      <c r="F6048" s="7">
        <v>38657</v>
      </c>
      <c r="G6048" s="8">
        <v>1</v>
      </c>
      <c r="H6048" s="8">
        <v>1</v>
      </c>
      <c r="I6048" s="8">
        <v>0</v>
      </c>
      <c r="J6048" s="8">
        <v>1</v>
      </c>
      <c r="K6048" s="9">
        <v>76</v>
      </c>
      <c r="L6048" s="6" t="s">
        <v>51</v>
      </c>
    </row>
    <row r="6049" spans="1:12">
      <c r="A6049" s="6" t="s">
        <v>49</v>
      </c>
      <c r="B6049" s="6"/>
      <c r="C6049" s="6" t="s">
        <v>6069</v>
      </c>
      <c r="D6049" s="6"/>
      <c r="E6049" s="6" t="s">
        <v>9</v>
      </c>
      <c r="F6049" s="7"/>
      <c r="G6049" s="8">
        <v>1</v>
      </c>
      <c r="H6049" s="8">
        <v>1</v>
      </c>
      <c r="I6049" s="8">
        <v>0</v>
      </c>
      <c r="J6049" s="8">
        <v>1</v>
      </c>
      <c r="K6049" s="9">
        <v>3.3</v>
      </c>
      <c r="L6049" s="6" t="s">
        <v>51</v>
      </c>
    </row>
    <row r="6050" spans="1:12">
      <c r="A6050" s="6" t="s">
        <v>49</v>
      </c>
      <c r="B6050" s="6"/>
      <c r="C6050" s="6" t="s">
        <v>6070</v>
      </c>
      <c r="D6050" s="6"/>
      <c r="E6050" s="6" t="s">
        <v>9</v>
      </c>
      <c r="F6050" s="7"/>
      <c r="G6050" s="8">
        <v>1</v>
      </c>
      <c r="H6050" s="8">
        <v>1</v>
      </c>
      <c r="I6050" s="8">
        <v>0</v>
      </c>
      <c r="J6050" s="8">
        <v>1</v>
      </c>
      <c r="K6050" s="9">
        <v>26</v>
      </c>
      <c r="L6050" s="6" t="s">
        <v>51</v>
      </c>
    </row>
    <row r="6051" spans="1:12">
      <c r="A6051" s="6" t="s">
        <v>49</v>
      </c>
      <c r="B6051" s="6"/>
      <c r="C6051" s="6" t="s">
        <v>6071</v>
      </c>
      <c r="D6051" s="6"/>
      <c r="E6051" s="6" t="s">
        <v>9</v>
      </c>
      <c r="F6051" s="7"/>
      <c r="G6051" s="8">
        <v>1</v>
      </c>
      <c r="H6051" s="8">
        <v>1</v>
      </c>
      <c r="I6051" s="8">
        <v>0</v>
      </c>
      <c r="J6051" s="8">
        <v>1</v>
      </c>
      <c r="K6051" s="9">
        <v>6.61</v>
      </c>
      <c r="L6051" s="6" t="s">
        <v>51</v>
      </c>
    </row>
    <row r="6052" spans="1:12">
      <c r="A6052" s="6" t="s">
        <v>49</v>
      </c>
      <c r="B6052" s="6"/>
      <c r="C6052" s="6" t="s">
        <v>6072</v>
      </c>
      <c r="D6052" s="6"/>
      <c r="E6052" s="6" t="s">
        <v>9</v>
      </c>
      <c r="F6052" s="7"/>
      <c r="G6052" s="8">
        <v>1</v>
      </c>
      <c r="H6052" s="8">
        <v>1</v>
      </c>
      <c r="I6052" s="8">
        <v>0</v>
      </c>
      <c r="J6052" s="8">
        <v>1</v>
      </c>
      <c r="K6052" s="9">
        <v>23</v>
      </c>
      <c r="L6052" s="6" t="s">
        <v>4773</v>
      </c>
    </row>
    <row r="6053" spans="1:12">
      <c r="A6053" s="6" t="s">
        <v>49</v>
      </c>
      <c r="B6053" s="6"/>
      <c r="C6053" s="6" t="s">
        <v>6073</v>
      </c>
      <c r="D6053" s="6"/>
      <c r="E6053" s="6" t="s">
        <v>9</v>
      </c>
      <c r="F6053" s="7"/>
      <c r="G6053" s="8">
        <v>1</v>
      </c>
      <c r="H6053" s="8">
        <v>1</v>
      </c>
      <c r="I6053" s="8">
        <v>0</v>
      </c>
      <c r="J6053" s="8">
        <v>1</v>
      </c>
      <c r="K6053" s="9">
        <v>6.61</v>
      </c>
      <c r="L6053" s="6" t="s">
        <v>51</v>
      </c>
    </row>
    <row r="6054" spans="1:12">
      <c r="A6054" s="6" t="s">
        <v>49</v>
      </c>
      <c r="B6054" s="6"/>
      <c r="C6054" s="6" t="s">
        <v>6074</v>
      </c>
      <c r="D6054" s="6"/>
      <c r="E6054" s="6" t="s">
        <v>9</v>
      </c>
      <c r="F6054" s="7"/>
      <c r="G6054" s="8">
        <v>1</v>
      </c>
      <c r="H6054" s="8">
        <v>1</v>
      </c>
      <c r="I6054" s="8">
        <v>0</v>
      </c>
      <c r="J6054" s="8">
        <v>1</v>
      </c>
      <c r="K6054" s="9">
        <v>16</v>
      </c>
      <c r="L6054" s="6" t="s">
        <v>51</v>
      </c>
    </row>
    <row r="6055" spans="1:12">
      <c r="A6055" s="6" t="s">
        <v>49</v>
      </c>
      <c r="B6055" s="6"/>
      <c r="C6055" s="6" t="s">
        <v>6075</v>
      </c>
      <c r="D6055" s="6"/>
      <c r="E6055" s="6" t="s">
        <v>9</v>
      </c>
      <c r="F6055" s="7"/>
      <c r="G6055" s="8">
        <v>1</v>
      </c>
      <c r="H6055" s="8">
        <v>1</v>
      </c>
      <c r="I6055" s="8">
        <v>0</v>
      </c>
      <c r="J6055" s="8">
        <v>1</v>
      </c>
      <c r="K6055" s="9">
        <v>6.61</v>
      </c>
      <c r="L6055" s="6" t="s">
        <v>51</v>
      </c>
    </row>
    <row r="6056" spans="1:12">
      <c r="A6056" s="6" t="s">
        <v>49</v>
      </c>
      <c r="B6056" s="6"/>
      <c r="C6056" s="6" t="s">
        <v>6076</v>
      </c>
      <c r="D6056" s="6"/>
      <c r="E6056" s="6" t="s">
        <v>9</v>
      </c>
      <c r="F6056" s="7"/>
      <c r="G6056" s="8">
        <v>1</v>
      </c>
      <c r="H6056" s="8">
        <v>1</v>
      </c>
      <c r="I6056" s="8">
        <v>0</v>
      </c>
      <c r="J6056" s="8">
        <v>1</v>
      </c>
      <c r="K6056" s="9">
        <v>23</v>
      </c>
      <c r="L6056" s="6" t="s">
        <v>51</v>
      </c>
    </row>
    <row r="6057" spans="1:12">
      <c r="A6057" s="6" t="s">
        <v>49</v>
      </c>
      <c r="B6057" s="6"/>
      <c r="C6057" s="6" t="s">
        <v>6077</v>
      </c>
      <c r="D6057" s="6"/>
      <c r="E6057" s="6" t="s">
        <v>9</v>
      </c>
      <c r="F6057" s="7"/>
      <c r="G6057" s="8">
        <v>1</v>
      </c>
      <c r="H6057" s="8">
        <v>1</v>
      </c>
      <c r="I6057" s="8">
        <v>0</v>
      </c>
      <c r="J6057" s="8">
        <v>1</v>
      </c>
      <c r="K6057" s="9">
        <v>23</v>
      </c>
      <c r="L6057" s="6" t="s">
        <v>51</v>
      </c>
    </row>
    <row r="6058" spans="1:12">
      <c r="A6058" s="6" t="s">
        <v>49</v>
      </c>
      <c r="B6058" s="6"/>
      <c r="C6058" s="6" t="s">
        <v>6078</v>
      </c>
      <c r="D6058" s="6"/>
      <c r="E6058" s="6" t="s">
        <v>9</v>
      </c>
      <c r="F6058" s="7"/>
      <c r="G6058" s="8">
        <v>1</v>
      </c>
      <c r="H6058" s="8">
        <v>1</v>
      </c>
      <c r="I6058" s="8">
        <v>0</v>
      </c>
      <c r="J6058" s="8">
        <v>1</v>
      </c>
      <c r="K6058" s="9">
        <v>3.3</v>
      </c>
      <c r="L6058" s="6" t="s">
        <v>51</v>
      </c>
    </row>
    <row r="6059" spans="1:12">
      <c r="A6059" s="6" t="s">
        <v>49</v>
      </c>
      <c r="B6059" s="6"/>
      <c r="C6059" s="6" t="s">
        <v>6079</v>
      </c>
      <c r="D6059" s="6"/>
      <c r="E6059" s="6" t="s">
        <v>9</v>
      </c>
      <c r="F6059" s="7">
        <v>38657</v>
      </c>
      <c r="G6059" s="8">
        <v>1</v>
      </c>
      <c r="H6059" s="8">
        <v>1</v>
      </c>
      <c r="I6059" s="8">
        <v>0</v>
      </c>
      <c r="J6059" s="8">
        <v>1</v>
      </c>
      <c r="K6059" s="9">
        <v>4412</v>
      </c>
      <c r="L6059" s="6" t="s">
        <v>51</v>
      </c>
    </row>
    <row r="6060" spans="1:12">
      <c r="A6060" s="6" t="s">
        <v>49</v>
      </c>
      <c r="B6060" s="6"/>
      <c r="C6060" s="6" t="s">
        <v>6080</v>
      </c>
      <c r="D6060" s="6"/>
      <c r="E6060" s="6" t="s">
        <v>9</v>
      </c>
      <c r="F6060" s="7"/>
      <c r="G6060" s="8">
        <v>1</v>
      </c>
      <c r="H6060" s="8">
        <v>1</v>
      </c>
      <c r="I6060" s="8">
        <v>0</v>
      </c>
      <c r="J6060" s="8">
        <v>1</v>
      </c>
      <c r="K6060" s="9">
        <v>3.3</v>
      </c>
      <c r="L6060" s="6" t="s">
        <v>51</v>
      </c>
    </row>
    <row r="6061" spans="1:12">
      <c r="A6061" s="6" t="s">
        <v>49</v>
      </c>
      <c r="B6061" s="6"/>
      <c r="C6061" s="6" t="s">
        <v>6081</v>
      </c>
      <c r="D6061" s="6"/>
      <c r="E6061" s="6" t="s">
        <v>9</v>
      </c>
      <c r="F6061" s="7"/>
      <c r="G6061" s="8">
        <v>1</v>
      </c>
      <c r="H6061" s="8">
        <v>1</v>
      </c>
      <c r="I6061" s="8">
        <v>0</v>
      </c>
      <c r="J6061" s="8">
        <v>1</v>
      </c>
      <c r="K6061" s="9">
        <v>9.91</v>
      </c>
      <c r="L6061" s="6" t="s">
        <v>51</v>
      </c>
    </row>
    <row r="6062" spans="1:12">
      <c r="A6062" s="6" t="s">
        <v>49</v>
      </c>
      <c r="B6062" s="6"/>
      <c r="C6062" s="6" t="s">
        <v>6082</v>
      </c>
      <c r="D6062" s="6"/>
      <c r="E6062" s="6" t="s">
        <v>9</v>
      </c>
      <c r="F6062" s="7"/>
      <c r="G6062" s="8">
        <v>1</v>
      </c>
      <c r="H6062" s="8">
        <v>1</v>
      </c>
      <c r="I6062" s="8">
        <v>0</v>
      </c>
      <c r="J6062" s="8">
        <v>1</v>
      </c>
      <c r="K6062" s="9">
        <v>3.3</v>
      </c>
      <c r="L6062" s="6" t="s">
        <v>51</v>
      </c>
    </row>
    <row r="6063" spans="1:12">
      <c r="A6063" s="6" t="s">
        <v>49</v>
      </c>
      <c r="B6063" s="6"/>
      <c r="C6063" s="6" t="s">
        <v>6083</v>
      </c>
      <c r="D6063" s="6"/>
      <c r="E6063" s="6" t="s">
        <v>9</v>
      </c>
      <c r="F6063" s="7"/>
      <c r="G6063" s="8">
        <v>1</v>
      </c>
      <c r="H6063" s="8">
        <v>1</v>
      </c>
      <c r="I6063" s="8">
        <v>0</v>
      </c>
      <c r="J6063" s="8">
        <v>1</v>
      </c>
      <c r="K6063" s="9">
        <v>3.3</v>
      </c>
      <c r="L6063" s="6" t="s">
        <v>51</v>
      </c>
    </row>
    <row r="6064" spans="1:12">
      <c r="A6064" s="6" t="s">
        <v>49</v>
      </c>
      <c r="B6064" s="6"/>
      <c r="C6064" s="6" t="s">
        <v>6084</v>
      </c>
      <c r="D6064" s="6"/>
      <c r="E6064" s="6" t="s">
        <v>9</v>
      </c>
      <c r="F6064" s="7"/>
      <c r="G6064" s="8">
        <v>1</v>
      </c>
      <c r="H6064" s="8">
        <v>1</v>
      </c>
      <c r="I6064" s="8">
        <v>0</v>
      </c>
      <c r="J6064" s="8">
        <v>1</v>
      </c>
      <c r="K6064" s="9">
        <v>9.91</v>
      </c>
      <c r="L6064" s="6" t="s">
        <v>51</v>
      </c>
    </row>
    <row r="6065" spans="1:12">
      <c r="A6065" s="6" t="s">
        <v>49</v>
      </c>
      <c r="B6065" s="6"/>
      <c r="C6065" s="6" t="s">
        <v>6085</v>
      </c>
      <c r="D6065" s="6"/>
      <c r="E6065" s="6" t="s">
        <v>9</v>
      </c>
      <c r="F6065" s="7"/>
      <c r="G6065" s="8">
        <v>1</v>
      </c>
      <c r="H6065" s="8">
        <v>1</v>
      </c>
      <c r="I6065" s="8">
        <v>0</v>
      </c>
      <c r="J6065" s="8">
        <v>1</v>
      </c>
      <c r="K6065" s="9">
        <v>26</v>
      </c>
      <c r="L6065" s="6" t="s">
        <v>51</v>
      </c>
    </row>
    <row r="6066" spans="1:12">
      <c r="A6066" s="6" t="s">
        <v>49</v>
      </c>
      <c r="B6066" s="6"/>
      <c r="C6066" s="6" t="s">
        <v>6086</v>
      </c>
      <c r="D6066" s="6"/>
      <c r="E6066" s="6" t="s">
        <v>9</v>
      </c>
      <c r="F6066" s="7"/>
      <c r="G6066" s="8">
        <v>1</v>
      </c>
      <c r="H6066" s="8">
        <v>1</v>
      </c>
      <c r="I6066" s="8">
        <v>0</v>
      </c>
      <c r="J6066" s="8">
        <v>1</v>
      </c>
      <c r="K6066" s="9">
        <v>42</v>
      </c>
      <c r="L6066" s="6" t="s">
        <v>51</v>
      </c>
    </row>
    <row r="6067" spans="1:12">
      <c r="A6067" s="6" t="s">
        <v>49</v>
      </c>
      <c r="B6067" s="6"/>
      <c r="C6067" s="6" t="s">
        <v>6087</v>
      </c>
      <c r="D6067" s="6"/>
      <c r="E6067" s="6" t="s">
        <v>9</v>
      </c>
      <c r="F6067" s="7"/>
      <c r="G6067" s="8">
        <v>1</v>
      </c>
      <c r="H6067" s="8">
        <v>1</v>
      </c>
      <c r="I6067" s="8">
        <v>0</v>
      </c>
      <c r="J6067" s="8">
        <v>1</v>
      </c>
      <c r="K6067" s="9">
        <v>69</v>
      </c>
      <c r="L6067" s="6" t="s">
        <v>51</v>
      </c>
    </row>
    <row r="6068" spans="1:12">
      <c r="A6068" s="6" t="s">
        <v>49</v>
      </c>
      <c r="B6068" s="6"/>
      <c r="C6068" s="6" t="s">
        <v>6088</v>
      </c>
      <c r="D6068" s="6"/>
      <c r="E6068" s="6" t="s">
        <v>9</v>
      </c>
      <c r="F6068" s="7"/>
      <c r="G6068" s="8">
        <v>1</v>
      </c>
      <c r="H6068" s="8">
        <v>1</v>
      </c>
      <c r="I6068" s="8">
        <v>0</v>
      </c>
      <c r="J6068" s="8">
        <v>1</v>
      </c>
      <c r="K6068" s="9">
        <v>52</v>
      </c>
      <c r="L6068" s="6" t="s">
        <v>51</v>
      </c>
    </row>
    <row r="6069" spans="1:12">
      <c r="A6069" s="6" t="s">
        <v>49</v>
      </c>
      <c r="B6069" s="6"/>
      <c r="C6069" s="6" t="s">
        <v>6089</v>
      </c>
      <c r="D6069" s="6"/>
      <c r="E6069" s="6" t="s">
        <v>9</v>
      </c>
      <c r="F6069" s="7"/>
      <c r="G6069" s="8">
        <v>1</v>
      </c>
      <c r="H6069" s="8">
        <v>1</v>
      </c>
      <c r="I6069" s="8">
        <v>0</v>
      </c>
      <c r="J6069" s="8">
        <v>1</v>
      </c>
      <c r="K6069" s="9">
        <v>29</v>
      </c>
      <c r="L6069" s="6" t="s">
        <v>51</v>
      </c>
    </row>
    <row r="6070" spans="1:12">
      <c r="A6070" s="6" t="s">
        <v>49</v>
      </c>
      <c r="B6070" s="6"/>
      <c r="C6070" s="6" t="s">
        <v>6090</v>
      </c>
      <c r="D6070" s="6"/>
      <c r="E6070" s="6" t="s">
        <v>9</v>
      </c>
      <c r="F6070" s="7">
        <v>38657</v>
      </c>
      <c r="G6070" s="8">
        <v>1</v>
      </c>
      <c r="H6070" s="8">
        <v>1</v>
      </c>
      <c r="I6070" s="8">
        <v>0</v>
      </c>
      <c r="J6070" s="8">
        <v>1</v>
      </c>
      <c r="K6070" s="9">
        <v>567</v>
      </c>
      <c r="L6070" s="6" t="s">
        <v>51</v>
      </c>
    </row>
    <row r="6071" spans="1:12">
      <c r="A6071" s="6" t="s">
        <v>49</v>
      </c>
      <c r="B6071" s="6"/>
      <c r="C6071" s="6" t="s">
        <v>6091</v>
      </c>
      <c r="D6071" s="6"/>
      <c r="E6071" s="6" t="s">
        <v>9</v>
      </c>
      <c r="F6071" s="7"/>
      <c r="G6071" s="8">
        <v>1</v>
      </c>
      <c r="H6071" s="8">
        <v>1</v>
      </c>
      <c r="I6071" s="8">
        <v>0</v>
      </c>
      <c r="J6071" s="8">
        <v>1</v>
      </c>
      <c r="K6071" s="9">
        <v>39</v>
      </c>
      <c r="L6071" s="6" t="s">
        <v>51</v>
      </c>
    </row>
    <row r="6072" spans="1:12">
      <c r="A6072" s="6" t="s">
        <v>49</v>
      </c>
      <c r="B6072" s="6"/>
      <c r="C6072" s="6" t="s">
        <v>6092</v>
      </c>
      <c r="D6072" s="6"/>
      <c r="E6072" s="6" t="s">
        <v>9</v>
      </c>
      <c r="F6072" s="7"/>
      <c r="G6072" s="8">
        <v>1</v>
      </c>
      <c r="H6072" s="8">
        <v>1</v>
      </c>
      <c r="I6072" s="8">
        <v>0</v>
      </c>
      <c r="J6072" s="8">
        <v>1</v>
      </c>
      <c r="K6072" s="9">
        <v>3.3</v>
      </c>
      <c r="L6072" s="6" t="s">
        <v>51</v>
      </c>
    </row>
    <row r="6073" spans="1:12">
      <c r="A6073" s="6" t="s">
        <v>49</v>
      </c>
      <c r="B6073" s="6"/>
      <c r="C6073" s="6" t="s">
        <v>6093</v>
      </c>
      <c r="D6073" s="6"/>
      <c r="E6073" s="6" t="s">
        <v>9</v>
      </c>
      <c r="F6073" s="7"/>
      <c r="G6073" s="8">
        <v>1</v>
      </c>
      <c r="H6073" s="8">
        <v>1</v>
      </c>
      <c r="I6073" s="8">
        <v>0</v>
      </c>
      <c r="J6073" s="8">
        <v>1</v>
      </c>
      <c r="K6073" s="9">
        <v>6.61</v>
      </c>
      <c r="L6073" s="6" t="s">
        <v>6094</v>
      </c>
    </row>
    <row r="6074" spans="1:12">
      <c r="A6074" s="6" t="s">
        <v>49</v>
      </c>
      <c r="B6074" s="6"/>
      <c r="C6074" s="6" t="s">
        <v>6095</v>
      </c>
      <c r="D6074" s="6"/>
      <c r="E6074" s="6" t="s">
        <v>9</v>
      </c>
      <c r="F6074" s="7"/>
      <c r="G6074" s="8">
        <v>1</v>
      </c>
      <c r="H6074" s="8">
        <v>1</v>
      </c>
      <c r="I6074" s="8">
        <v>0</v>
      </c>
      <c r="J6074" s="8">
        <v>1</v>
      </c>
      <c r="K6074" s="9">
        <v>9.91</v>
      </c>
      <c r="L6074" s="6" t="s">
        <v>51</v>
      </c>
    </row>
    <row r="6075" spans="1:12">
      <c r="A6075" s="6" t="s">
        <v>49</v>
      </c>
      <c r="B6075" s="6"/>
      <c r="C6075" s="6" t="s">
        <v>6096</v>
      </c>
      <c r="D6075" s="6"/>
      <c r="E6075" s="6" t="s">
        <v>9</v>
      </c>
      <c r="F6075" s="7"/>
      <c r="G6075" s="8">
        <v>1</v>
      </c>
      <c r="H6075" s="8">
        <v>1</v>
      </c>
      <c r="I6075" s="8">
        <v>0</v>
      </c>
      <c r="J6075" s="8">
        <v>1</v>
      </c>
      <c r="K6075" s="9">
        <v>6.61</v>
      </c>
      <c r="L6075" s="6" t="s">
        <v>51</v>
      </c>
    </row>
    <row r="6076" spans="1:12">
      <c r="A6076" s="6" t="s">
        <v>49</v>
      </c>
      <c r="B6076" s="6"/>
      <c r="C6076" s="6" t="s">
        <v>6097</v>
      </c>
      <c r="D6076" s="6"/>
      <c r="E6076" s="6" t="s">
        <v>9</v>
      </c>
      <c r="F6076" s="7"/>
      <c r="G6076" s="8">
        <v>1</v>
      </c>
      <c r="H6076" s="8">
        <v>1</v>
      </c>
      <c r="I6076" s="8">
        <v>0</v>
      </c>
      <c r="J6076" s="8">
        <v>1</v>
      </c>
      <c r="K6076" s="9">
        <v>33</v>
      </c>
      <c r="L6076" s="6" t="s">
        <v>6094</v>
      </c>
    </row>
    <row r="6077" spans="1:12">
      <c r="A6077" s="6" t="s">
        <v>49</v>
      </c>
      <c r="B6077" s="6"/>
      <c r="C6077" s="6" t="s">
        <v>6098</v>
      </c>
      <c r="D6077" s="6"/>
      <c r="E6077" s="6" t="s">
        <v>9</v>
      </c>
      <c r="F6077" s="7"/>
      <c r="G6077" s="8">
        <v>1</v>
      </c>
      <c r="H6077" s="8">
        <v>1</v>
      </c>
      <c r="I6077" s="8">
        <v>0</v>
      </c>
      <c r="J6077" s="8">
        <v>1</v>
      </c>
      <c r="K6077" s="9">
        <v>16</v>
      </c>
      <c r="L6077" s="6" t="s">
        <v>6099</v>
      </c>
    </row>
    <row r="6078" spans="1:12">
      <c r="A6078" s="6" t="s">
        <v>49</v>
      </c>
      <c r="B6078" s="6"/>
      <c r="C6078" s="6" t="s">
        <v>6100</v>
      </c>
      <c r="D6078" s="6"/>
      <c r="E6078" s="6" t="s">
        <v>9</v>
      </c>
      <c r="F6078" s="7"/>
      <c r="G6078" s="8">
        <v>1</v>
      </c>
      <c r="H6078" s="8">
        <v>1</v>
      </c>
      <c r="I6078" s="8">
        <v>0</v>
      </c>
      <c r="J6078" s="8">
        <v>1</v>
      </c>
      <c r="K6078" s="9">
        <v>16.52</v>
      </c>
      <c r="L6078" s="6" t="s">
        <v>10</v>
      </c>
    </row>
    <row r="6079" spans="1:12">
      <c r="A6079" s="6" t="s">
        <v>49</v>
      </c>
      <c r="B6079" s="6"/>
      <c r="C6079" s="6" t="s">
        <v>6101</v>
      </c>
      <c r="D6079" s="6"/>
      <c r="E6079" s="6" t="s">
        <v>9</v>
      </c>
      <c r="F6079" s="7"/>
      <c r="G6079" s="8">
        <v>1</v>
      </c>
      <c r="H6079" s="8">
        <v>1</v>
      </c>
      <c r="I6079" s="8">
        <v>0</v>
      </c>
      <c r="J6079" s="8">
        <v>1</v>
      </c>
      <c r="K6079" s="9">
        <v>46</v>
      </c>
      <c r="L6079" s="6" t="s">
        <v>51</v>
      </c>
    </row>
    <row r="6080" spans="1:12">
      <c r="A6080" s="6" t="s">
        <v>49</v>
      </c>
      <c r="B6080" s="6"/>
      <c r="C6080" s="6" t="s">
        <v>6102</v>
      </c>
      <c r="D6080" s="6"/>
      <c r="E6080" s="6" t="s">
        <v>9</v>
      </c>
      <c r="F6080" s="7"/>
      <c r="G6080" s="8">
        <v>1</v>
      </c>
      <c r="H6080" s="8">
        <v>1</v>
      </c>
      <c r="I6080" s="8">
        <v>0</v>
      </c>
      <c r="J6080" s="8">
        <v>1</v>
      </c>
      <c r="K6080" s="9">
        <v>23</v>
      </c>
      <c r="L6080" s="6" t="s">
        <v>51</v>
      </c>
    </row>
    <row r="6081" spans="1:12">
      <c r="A6081" s="6" t="s">
        <v>49</v>
      </c>
      <c r="B6081" s="6"/>
      <c r="C6081" s="6" t="s">
        <v>6103</v>
      </c>
      <c r="D6081" s="6"/>
      <c r="E6081" s="6" t="s">
        <v>9</v>
      </c>
      <c r="F6081" s="7">
        <v>38657</v>
      </c>
      <c r="G6081" s="8">
        <v>1</v>
      </c>
      <c r="H6081" s="8">
        <v>1</v>
      </c>
      <c r="I6081" s="8">
        <v>0</v>
      </c>
      <c r="J6081" s="8">
        <v>1</v>
      </c>
      <c r="K6081" s="9">
        <v>232</v>
      </c>
      <c r="L6081" s="6" t="s">
        <v>51</v>
      </c>
    </row>
    <row r="6082" spans="1:12">
      <c r="A6082" s="6" t="s">
        <v>49</v>
      </c>
      <c r="B6082" s="6"/>
      <c r="C6082" s="6" t="s">
        <v>6104</v>
      </c>
      <c r="D6082" s="6"/>
      <c r="E6082" s="6" t="s">
        <v>9</v>
      </c>
      <c r="F6082" s="7"/>
      <c r="G6082" s="8">
        <v>1</v>
      </c>
      <c r="H6082" s="8">
        <v>1</v>
      </c>
      <c r="I6082" s="8">
        <v>0</v>
      </c>
      <c r="J6082" s="8">
        <v>1</v>
      </c>
      <c r="K6082" s="9">
        <v>16</v>
      </c>
      <c r="L6082" s="6" t="s">
        <v>51</v>
      </c>
    </row>
    <row r="6083" spans="1:12">
      <c r="A6083" s="6" t="s">
        <v>49</v>
      </c>
      <c r="B6083" s="6"/>
      <c r="C6083" s="6" t="s">
        <v>6105</v>
      </c>
      <c r="D6083" s="6"/>
      <c r="E6083" s="6" t="s">
        <v>9</v>
      </c>
      <c r="F6083" s="7"/>
      <c r="G6083" s="8">
        <v>1</v>
      </c>
      <c r="H6083" s="8">
        <v>1</v>
      </c>
      <c r="I6083" s="8">
        <v>0</v>
      </c>
      <c r="J6083" s="8">
        <v>1</v>
      </c>
      <c r="K6083" s="9">
        <v>52</v>
      </c>
      <c r="L6083" s="6" t="s">
        <v>51</v>
      </c>
    </row>
    <row r="6084" spans="1:12">
      <c r="A6084" s="6" t="s">
        <v>49</v>
      </c>
      <c r="B6084" s="6"/>
      <c r="C6084" s="6" t="s">
        <v>6106</v>
      </c>
      <c r="D6084" s="6"/>
      <c r="E6084" s="6" t="s">
        <v>9</v>
      </c>
      <c r="F6084" s="7"/>
      <c r="G6084" s="8">
        <v>1</v>
      </c>
      <c r="H6084" s="8">
        <v>1</v>
      </c>
      <c r="I6084" s="8">
        <v>0</v>
      </c>
      <c r="J6084" s="8">
        <v>1</v>
      </c>
      <c r="K6084" s="9">
        <v>33</v>
      </c>
      <c r="L6084" s="6" t="s">
        <v>51</v>
      </c>
    </row>
    <row r="6085" spans="1:12">
      <c r="A6085" s="6" t="s">
        <v>49</v>
      </c>
      <c r="B6085" s="6"/>
      <c r="C6085" s="6" t="s">
        <v>6107</v>
      </c>
      <c r="D6085" s="6"/>
      <c r="E6085" s="6" t="s">
        <v>9</v>
      </c>
      <c r="F6085" s="7"/>
      <c r="G6085" s="8">
        <v>1</v>
      </c>
      <c r="H6085" s="8">
        <v>1</v>
      </c>
      <c r="I6085" s="8">
        <v>0</v>
      </c>
      <c r="J6085" s="8">
        <v>1</v>
      </c>
      <c r="K6085" s="9">
        <v>36</v>
      </c>
      <c r="L6085" s="6" t="s">
        <v>51</v>
      </c>
    </row>
    <row r="6086" spans="1:12">
      <c r="A6086" s="6" t="s">
        <v>49</v>
      </c>
      <c r="B6086" s="6"/>
      <c r="C6086" s="6" t="s">
        <v>6108</v>
      </c>
      <c r="D6086" s="6"/>
      <c r="E6086" s="6" t="s">
        <v>9</v>
      </c>
      <c r="F6086" s="7"/>
      <c r="G6086" s="8">
        <v>1</v>
      </c>
      <c r="H6086" s="8">
        <v>1</v>
      </c>
      <c r="I6086" s="8">
        <v>0</v>
      </c>
      <c r="J6086" s="8">
        <v>1</v>
      </c>
      <c r="K6086" s="9">
        <v>23</v>
      </c>
      <c r="L6086" s="6" t="s">
        <v>51</v>
      </c>
    </row>
    <row r="6087" spans="1:12">
      <c r="A6087" s="6" t="s">
        <v>49</v>
      </c>
      <c r="B6087" s="6"/>
      <c r="C6087" s="6" t="s">
        <v>6109</v>
      </c>
      <c r="D6087" s="6"/>
      <c r="E6087" s="6" t="s">
        <v>9</v>
      </c>
      <c r="F6087" s="7"/>
      <c r="G6087" s="8">
        <v>1</v>
      </c>
      <c r="H6087" s="8">
        <v>1</v>
      </c>
      <c r="I6087" s="8">
        <v>0</v>
      </c>
      <c r="J6087" s="8">
        <v>1</v>
      </c>
      <c r="K6087" s="9">
        <v>13</v>
      </c>
      <c r="L6087" s="6" t="s">
        <v>51</v>
      </c>
    </row>
    <row r="6088" spans="1:12">
      <c r="A6088" s="6" t="s">
        <v>49</v>
      </c>
      <c r="B6088" s="6"/>
      <c r="C6088" s="6" t="s">
        <v>6110</v>
      </c>
      <c r="D6088" s="6"/>
      <c r="E6088" s="6" t="s">
        <v>9</v>
      </c>
      <c r="F6088" s="7"/>
      <c r="G6088" s="8">
        <v>1</v>
      </c>
      <c r="H6088" s="8">
        <v>1</v>
      </c>
      <c r="I6088" s="8">
        <v>0</v>
      </c>
      <c r="J6088" s="8">
        <v>1</v>
      </c>
      <c r="K6088" s="9">
        <v>33</v>
      </c>
      <c r="L6088" s="6" t="s">
        <v>51</v>
      </c>
    </row>
    <row r="6089" spans="1:12">
      <c r="A6089" s="6" t="s">
        <v>49</v>
      </c>
      <c r="B6089" s="6"/>
      <c r="C6089" s="6" t="s">
        <v>6111</v>
      </c>
      <c r="D6089" s="6"/>
      <c r="E6089" s="6" t="s">
        <v>9</v>
      </c>
      <c r="F6089" s="7"/>
      <c r="G6089" s="8">
        <v>1</v>
      </c>
      <c r="H6089" s="8">
        <v>1</v>
      </c>
      <c r="I6089" s="8">
        <v>0</v>
      </c>
      <c r="J6089" s="8">
        <v>1</v>
      </c>
      <c r="K6089" s="9">
        <v>6.61</v>
      </c>
      <c r="L6089" s="6" t="s">
        <v>51</v>
      </c>
    </row>
    <row r="6090" spans="1:12">
      <c r="A6090" s="6" t="s">
        <v>49</v>
      </c>
      <c r="B6090" s="6"/>
      <c r="C6090" s="6" t="s">
        <v>6112</v>
      </c>
      <c r="D6090" s="6"/>
      <c r="E6090" s="6" t="s">
        <v>9</v>
      </c>
      <c r="F6090" s="7"/>
      <c r="G6090" s="8">
        <v>1</v>
      </c>
      <c r="H6090" s="8">
        <v>1</v>
      </c>
      <c r="I6090" s="8">
        <v>0</v>
      </c>
      <c r="J6090" s="8">
        <v>1</v>
      </c>
      <c r="K6090" s="9">
        <v>300</v>
      </c>
      <c r="L6090" s="6" t="s">
        <v>4151</v>
      </c>
    </row>
    <row r="6091" spans="1:12">
      <c r="A6091" s="6" t="s">
        <v>49</v>
      </c>
      <c r="B6091" s="6"/>
      <c r="C6091" s="6" t="s">
        <v>6113</v>
      </c>
      <c r="D6091" s="6"/>
      <c r="E6091" s="6" t="s">
        <v>9</v>
      </c>
      <c r="F6091" s="7"/>
      <c r="G6091" s="8">
        <v>1</v>
      </c>
      <c r="H6091" s="8">
        <v>1</v>
      </c>
      <c r="I6091" s="8">
        <v>0</v>
      </c>
      <c r="J6091" s="8">
        <v>1</v>
      </c>
      <c r="K6091" s="9">
        <v>85</v>
      </c>
      <c r="L6091" s="6" t="s">
        <v>4151</v>
      </c>
    </row>
    <row r="6092" spans="1:12">
      <c r="A6092" s="6" t="s">
        <v>49</v>
      </c>
      <c r="B6092" s="6"/>
      <c r="C6092" s="6" t="s">
        <v>6114</v>
      </c>
      <c r="D6092" s="6"/>
      <c r="E6092" s="6" t="s">
        <v>9</v>
      </c>
      <c r="F6092" s="7">
        <v>38657</v>
      </c>
      <c r="G6092" s="8">
        <v>1</v>
      </c>
      <c r="H6092" s="8">
        <v>1</v>
      </c>
      <c r="I6092" s="8">
        <v>0</v>
      </c>
      <c r="J6092" s="8">
        <v>1</v>
      </c>
      <c r="K6092" s="9">
        <v>235</v>
      </c>
      <c r="L6092" s="6" t="s">
        <v>51</v>
      </c>
    </row>
    <row r="6093" spans="1:12">
      <c r="A6093" s="6" t="s">
        <v>49</v>
      </c>
      <c r="B6093" s="6"/>
      <c r="C6093" s="6" t="s">
        <v>6115</v>
      </c>
      <c r="D6093" s="6"/>
      <c r="E6093" s="6" t="s">
        <v>9</v>
      </c>
      <c r="F6093" s="7"/>
      <c r="G6093" s="8">
        <v>1</v>
      </c>
      <c r="H6093" s="8">
        <v>1</v>
      </c>
      <c r="I6093" s="8">
        <v>0</v>
      </c>
      <c r="J6093" s="8">
        <v>1</v>
      </c>
      <c r="K6093" s="9">
        <v>195</v>
      </c>
      <c r="L6093" s="6" t="s">
        <v>4151</v>
      </c>
    </row>
    <row r="6094" spans="1:12">
      <c r="A6094" s="6" t="s">
        <v>49</v>
      </c>
      <c r="B6094" s="6"/>
      <c r="C6094" s="6" t="s">
        <v>6116</v>
      </c>
      <c r="D6094" s="6"/>
      <c r="E6094" s="6" t="s">
        <v>9</v>
      </c>
      <c r="F6094" s="7"/>
      <c r="G6094" s="8">
        <v>1</v>
      </c>
      <c r="H6094" s="8">
        <v>1</v>
      </c>
      <c r="I6094" s="8">
        <v>0</v>
      </c>
      <c r="J6094" s="8">
        <v>1</v>
      </c>
      <c r="K6094" s="9">
        <v>251</v>
      </c>
      <c r="L6094" s="6" t="s">
        <v>4151</v>
      </c>
    </row>
    <row r="6095" spans="1:12">
      <c r="A6095" s="6" t="s">
        <v>49</v>
      </c>
      <c r="B6095" s="6"/>
      <c r="C6095" s="6" t="s">
        <v>6117</v>
      </c>
      <c r="D6095" s="6"/>
      <c r="E6095" s="6" t="s">
        <v>9</v>
      </c>
      <c r="F6095" s="7"/>
      <c r="G6095" s="8">
        <v>1</v>
      </c>
      <c r="H6095" s="8">
        <v>1</v>
      </c>
      <c r="I6095" s="8">
        <v>0</v>
      </c>
      <c r="J6095" s="8">
        <v>1</v>
      </c>
      <c r="K6095" s="9">
        <v>109</v>
      </c>
      <c r="L6095" s="6" t="s">
        <v>4151</v>
      </c>
    </row>
    <row r="6096" spans="1:12">
      <c r="A6096" s="6" t="s">
        <v>49</v>
      </c>
      <c r="B6096" s="6"/>
      <c r="C6096" s="6" t="s">
        <v>6118</v>
      </c>
      <c r="D6096" s="6"/>
      <c r="E6096" s="6" t="s">
        <v>9</v>
      </c>
      <c r="F6096" s="7"/>
      <c r="G6096" s="8">
        <v>1</v>
      </c>
      <c r="H6096" s="8">
        <v>1</v>
      </c>
      <c r="I6096" s="8">
        <v>0</v>
      </c>
      <c r="J6096" s="8">
        <v>1</v>
      </c>
      <c r="K6096" s="9">
        <v>1041</v>
      </c>
      <c r="L6096" s="6" t="s">
        <v>4151</v>
      </c>
    </row>
    <row r="6097" spans="1:12">
      <c r="A6097" s="6" t="s">
        <v>49</v>
      </c>
      <c r="B6097" s="6"/>
      <c r="C6097" s="6" t="s">
        <v>6119</v>
      </c>
      <c r="D6097" s="6"/>
      <c r="E6097" s="6" t="s">
        <v>9</v>
      </c>
      <c r="F6097" s="7"/>
      <c r="G6097" s="8">
        <v>1</v>
      </c>
      <c r="H6097" s="8">
        <v>1</v>
      </c>
      <c r="I6097" s="8">
        <v>0</v>
      </c>
      <c r="J6097" s="8">
        <v>1</v>
      </c>
      <c r="K6097" s="9">
        <v>2909</v>
      </c>
      <c r="L6097" s="6" t="s">
        <v>4151</v>
      </c>
    </row>
    <row r="6098" spans="1:12">
      <c r="A6098" s="6" t="s">
        <v>49</v>
      </c>
      <c r="B6098" s="6"/>
      <c r="C6098" s="6" t="s">
        <v>6120</v>
      </c>
      <c r="D6098" s="6"/>
      <c r="E6098" s="6" t="s">
        <v>9</v>
      </c>
      <c r="F6098" s="7">
        <v>42496</v>
      </c>
      <c r="G6098" s="8">
        <v>1</v>
      </c>
      <c r="H6098" s="8">
        <v>1</v>
      </c>
      <c r="I6098" s="8">
        <v>0</v>
      </c>
      <c r="J6098" s="8">
        <v>1</v>
      </c>
      <c r="K6098" s="9">
        <v>7.63</v>
      </c>
      <c r="L6098" s="6" t="s">
        <v>51</v>
      </c>
    </row>
    <row r="6099" spans="1:12">
      <c r="A6099" s="6" t="s">
        <v>49</v>
      </c>
      <c r="B6099" s="6"/>
      <c r="C6099" s="6" t="s">
        <v>6121</v>
      </c>
      <c r="D6099" s="6"/>
      <c r="E6099" s="6" t="s">
        <v>9</v>
      </c>
      <c r="F6099" s="7">
        <v>39407</v>
      </c>
      <c r="G6099" s="8">
        <v>323727</v>
      </c>
      <c r="H6099" s="8">
        <v>323727</v>
      </c>
      <c r="I6099" s="8">
        <v>0</v>
      </c>
      <c r="J6099" s="8">
        <v>323727</v>
      </c>
      <c r="K6099" s="9">
        <v>53</v>
      </c>
      <c r="L6099" s="6" t="s">
        <v>51</v>
      </c>
    </row>
    <row r="6100" spans="1:12">
      <c r="A6100" s="6" t="s">
        <v>49</v>
      </c>
      <c r="B6100" s="6"/>
      <c r="C6100" s="6" t="s">
        <v>6122</v>
      </c>
      <c r="D6100" s="6"/>
      <c r="E6100" s="6" t="s">
        <v>9</v>
      </c>
      <c r="F6100" s="7">
        <v>39407</v>
      </c>
      <c r="G6100" s="8">
        <v>1048463</v>
      </c>
      <c r="H6100" s="8">
        <v>1048463</v>
      </c>
      <c r="I6100" s="8">
        <v>0</v>
      </c>
      <c r="J6100" s="8">
        <v>1048463</v>
      </c>
      <c r="K6100" s="9">
        <v>171</v>
      </c>
      <c r="L6100" s="6" t="s">
        <v>51</v>
      </c>
    </row>
    <row r="6101" spans="1:12">
      <c r="A6101" s="6" t="s">
        <v>49</v>
      </c>
      <c r="B6101" s="6"/>
      <c r="C6101" s="6" t="s">
        <v>6123</v>
      </c>
      <c r="D6101" s="6"/>
      <c r="E6101" s="6" t="s">
        <v>9</v>
      </c>
      <c r="F6101" s="7">
        <v>38215</v>
      </c>
      <c r="G6101" s="8">
        <v>1</v>
      </c>
      <c r="H6101" s="8">
        <v>1</v>
      </c>
      <c r="I6101" s="8">
        <v>0</v>
      </c>
      <c r="J6101" s="8">
        <v>1</v>
      </c>
      <c r="K6101" s="9">
        <v>147</v>
      </c>
      <c r="L6101" s="6" t="s">
        <v>51</v>
      </c>
    </row>
    <row r="6102" spans="1:12">
      <c r="A6102" s="6" t="s">
        <v>49</v>
      </c>
      <c r="B6102" s="6"/>
      <c r="C6102" s="6" t="s">
        <v>6124</v>
      </c>
      <c r="D6102" s="6"/>
      <c r="E6102" s="6" t="s">
        <v>9</v>
      </c>
      <c r="F6102" s="7">
        <v>38657</v>
      </c>
      <c r="G6102" s="8">
        <v>1</v>
      </c>
      <c r="H6102" s="8">
        <v>1</v>
      </c>
      <c r="I6102" s="8">
        <v>0</v>
      </c>
      <c r="J6102" s="8">
        <v>1</v>
      </c>
      <c r="K6102" s="9">
        <v>78</v>
      </c>
      <c r="L6102" s="6" t="s">
        <v>51</v>
      </c>
    </row>
    <row r="6103" spans="1:12">
      <c r="A6103" s="6" t="s">
        <v>49</v>
      </c>
      <c r="B6103" s="6"/>
      <c r="C6103" s="6" t="s">
        <v>6125</v>
      </c>
      <c r="D6103" s="6"/>
      <c r="E6103" s="6" t="s">
        <v>9</v>
      </c>
      <c r="F6103" s="7">
        <v>38657</v>
      </c>
      <c r="G6103" s="8">
        <v>1</v>
      </c>
      <c r="H6103" s="8">
        <v>1</v>
      </c>
      <c r="I6103" s="8">
        <v>0</v>
      </c>
      <c r="J6103" s="8">
        <v>1</v>
      </c>
      <c r="K6103" s="9">
        <v>73</v>
      </c>
      <c r="L6103" s="6" t="s">
        <v>51</v>
      </c>
    </row>
    <row r="6104" spans="1:12">
      <c r="A6104" s="6" t="s">
        <v>49</v>
      </c>
      <c r="B6104" s="6"/>
      <c r="C6104" s="6" t="s">
        <v>6126</v>
      </c>
      <c r="D6104" s="6"/>
      <c r="E6104" s="6" t="s">
        <v>9</v>
      </c>
      <c r="F6104" s="7">
        <v>41379</v>
      </c>
      <c r="G6104" s="8">
        <v>24033</v>
      </c>
      <c r="H6104" s="8">
        <v>24033</v>
      </c>
      <c r="I6104" s="8">
        <v>0</v>
      </c>
      <c r="J6104" s="8">
        <v>24033</v>
      </c>
      <c r="K6104" s="9">
        <v>5.21</v>
      </c>
      <c r="L6104" s="6" t="s">
        <v>51</v>
      </c>
    </row>
    <row r="6105" spans="1:12">
      <c r="A6105" s="6" t="s">
        <v>49</v>
      </c>
      <c r="B6105" s="6"/>
      <c r="C6105" s="6" t="s">
        <v>6127</v>
      </c>
      <c r="D6105" s="6"/>
      <c r="E6105" s="6" t="s">
        <v>9</v>
      </c>
      <c r="F6105" s="7"/>
      <c r="G6105" s="8">
        <v>46825</v>
      </c>
      <c r="H6105" s="8">
        <v>46825</v>
      </c>
      <c r="I6105" s="8">
        <v>0</v>
      </c>
      <c r="J6105" s="8">
        <v>46825</v>
      </c>
      <c r="K6105" s="9">
        <v>9.16</v>
      </c>
      <c r="L6105" s="6" t="s">
        <v>23</v>
      </c>
    </row>
    <row r="6106" spans="1:12">
      <c r="A6106" s="6" t="s">
        <v>49</v>
      </c>
      <c r="B6106" s="6"/>
      <c r="C6106" s="6" t="s">
        <v>6128</v>
      </c>
      <c r="D6106" s="6"/>
      <c r="E6106" s="6" t="s">
        <v>9</v>
      </c>
      <c r="F6106" s="7">
        <v>38657</v>
      </c>
      <c r="G6106" s="8">
        <v>1</v>
      </c>
      <c r="H6106" s="8">
        <v>1</v>
      </c>
      <c r="I6106" s="8">
        <v>0</v>
      </c>
      <c r="J6106" s="8">
        <v>1</v>
      </c>
      <c r="K6106" s="9">
        <v>73</v>
      </c>
      <c r="L6106" s="6" t="s">
        <v>51</v>
      </c>
    </row>
    <row r="6107" spans="1:12">
      <c r="A6107" s="6" t="s">
        <v>49</v>
      </c>
      <c r="B6107" s="6"/>
      <c r="C6107" s="6" t="s">
        <v>6129</v>
      </c>
      <c r="D6107" s="6"/>
      <c r="E6107" s="6" t="s">
        <v>9</v>
      </c>
      <c r="F6107" s="7">
        <v>41365</v>
      </c>
      <c r="G6107" s="8">
        <v>26063</v>
      </c>
      <c r="H6107" s="8">
        <v>26063</v>
      </c>
      <c r="I6107" s="8">
        <v>0</v>
      </c>
      <c r="J6107" s="8">
        <v>26063</v>
      </c>
      <c r="K6107" s="9">
        <v>5.65</v>
      </c>
      <c r="L6107" s="6" t="s">
        <v>51</v>
      </c>
    </row>
    <row r="6108" spans="1:12">
      <c r="A6108" s="6" t="s">
        <v>49</v>
      </c>
      <c r="B6108" s="6"/>
      <c r="C6108" s="6" t="s">
        <v>6130</v>
      </c>
      <c r="D6108" s="6"/>
      <c r="E6108" s="6" t="s">
        <v>9</v>
      </c>
      <c r="F6108" s="7">
        <v>38657</v>
      </c>
      <c r="G6108" s="8">
        <v>1</v>
      </c>
      <c r="H6108" s="8">
        <v>1</v>
      </c>
      <c r="I6108" s="8">
        <v>0</v>
      </c>
      <c r="J6108" s="8">
        <v>1</v>
      </c>
      <c r="K6108" s="9">
        <v>30</v>
      </c>
      <c r="L6108" s="6" t="s">
        <v>51</v>
      </c>
    </row>
    <row r="6109" spans="1:12">
      <c r="A6109" s="6" t="s">
        <v>49</v>
      </c>
      <c r="B6109" s="6"/>
      <c r="C6109" s="6" t="s">
        <v>6131</v>
      </c>
      <c r="D6109" s="6"/>
      <c r="E6109" s="6" t="s">
        <v>9</v>
      </c>
      <c r="F6109" s="7">
        <v>38657</v>
      </c>
      <c r="G6109" s="8">
        <v>1</v>
      </c>
      <c r="H6109" s="8">
        <v>1</v>
      </c>
      <c r="I6109" s="8">
        <v>0</v>
      </c>
      <c r="J6109" s="8">
        <v>1</v>
      </c>
      <c r="K6109" s="9">
        <v>10</v>
      </c>
      <c r="L6109" s="6" t="s">
        <v>51</v>
      </c>
    </row>
    <row r="6110" spans="1:12">
      <c r="A6110" s="6" t="s">
        <v>49</v>
      </c>
      <c r="B6110" s="6"/>
      <c r="C6110" s="6" t="s">
        <v>6132</v>
      </c>
      <c r="D6110" s="6"/>
      <c r="E6110" s="6" t="s">
        <v>9</v>
      </c>
      <c r="F6110" s="7">
        <v>38657</v>
      </c>
      <c r="G6110" s="8">
        <v>1</v>
      </c>
      <c r="H6110" s="8">
        <v>1</v>
      </c>
      <c r="I6110" s="8">
        <v>0</v>
      </c>
      <c r="J6110" s="8">
        <v>1</v>
      </c>
      <c r="K6110" s="9">
        <v>108</v>
      </c>
      <c r="L6110" s="6" t="s">
        <v>51</v>
      </c>
    </row>
    <row r="6111" spans="1:12">
      <c r="A6111" s="6" t="s">
        <v>49</v>
      </c>
      <c r="B6111" s="6"/>
      <c r="C6111" s="6" t="s">
        <v>6133</v>
      </c>
      <c r="D6111" s="6"/>
      <c r="E6111" s="6" t="s">
        <v>9</v>
      </c>
      <c r="F6111" s="7">
        <v>38657</v>
      </c>
      <c r="G6111" s="8">
        <v>1</v>
      </c>
      <c r="H6111" s="8">
        <v>1</v>
      </c>
      <c r="I6111" s="8">
        <v>0</v>
      </c>
      <c r="J6111" s="8">
        <v>1</v>
      </c>
      <c r="K6111" s="9">
        <v>9.85</v>
      </c>
      <c r="L6111" s="6" t="s">
        <v>51</v>
      </c>
    </row>
    <row r="6112" spans="1:12">
      <c r="A6112" s="6" t="s">
        <v>49</v>
      </c>
      <c r="B6112" s="6"/>
      <c r="C6112" s="6" t="s">
        <v>6134</v>
      </c>
      <c r="D6112" s="6"/>
      <c r="E6112" s="6" t="s">
        <v>9</v>
      </c>
      <c r="F6112" s="7">
        <v>38657</v>
      </c>
      <c r="G6112" s="8">
        <v>1</v>
      </c>
      <c r="H6112" s="8">
        <v>1</v>
      </c>
      <c r="I6112" s="8">
        <v>0</v>
      </c>
      <c r="J6112" s="8">
        <v>1</v>
      </c>
      <c r="K6112" s="9">
        <v>9.5</v>
      </c>
      <c r="L6112" s="6" t="s">
        <v>51</v>
      </c>
    </row>
    <row r="6113" spans="1:12">
      <c r="A6113" s="6" t="s">
        <v>49</v>
      </c>
      <c r="B6113" s="6"/>
      <c r="C6113" s="6" t="s">
        <v>6135</v>
      </c>
      <c r="D6113" s="6"/>
      <c r="E6113" s="6" t="s">
        <v>9</v>
      </c>
      <c r="F6113" s="7">
        <v>38657</v>
      </c>
      <c r="G6113" s="8">
        <v>1</v>
      </c>
      <c r="H6113" s="8">
        <v>1</v>
      </c>
      <c r="I6113" s="8">
        <v>0</v>
      </c>
      <c r="J6113" s="8">
        <v>1</v>
      </c>
      <c r="K6113" s="9">
        <v>75</v>
      </c>
      <c r="L6113" s="6" t="s">
        <v>51</v>
      </c>
    </row>
    <row r="6114" spans="1:12">
      <c r="A6114" s="6" t="s">
        <v>49</v>
      </c>
      <c r="B6114" s="6"/>
      <c r="C6114" s="6" t="s">
        <v>6136</v>
      </c>
      <c r="D6114" s="6"/>
      <c r="E6114" s="6" t="s">
        <v>9</v>
      </c>
      <c r="F6114" s="7">
        <v>38657</v>
      </c>
      <c r="G6114" s="8">
        <v>1</v>
      </c>
      <c r="H6114" s="8">
        <v>1</v>
      </c>
      <c r="I6114" s="8">
        <v>0</v>
      </c>
      <c r="J6114" s="8">
        <v>1</v>
      </c>
      <c r="K6114" s="9">
        <v>9.44</v>
      </c>
      <c r="L6114" s="6" t="s">
        <v>51</v>
      </c>
    </row>
    <row r="6115" spans="1:12">
      <c r="A6115" s="6" t="s">
        <v>49</v>
      </c>
      <c r="B6115" s="6"/>
      <c r="C6115" s="6" t="s">
        <v>6137</v>
      </c>
      <c r="D6115" s="6"/>
      <c r="E6115" s="6" t="s">
        <v>9</v>
      </c>
      <c r="F6115" s="7">
        <v>38657</v>
      </c>
      <c r="G6115" s="8">
        <v>1</v>
      </c>
      <c r="H6115" s="8">
        <v>1</v>
      </c>
      <c r="I6115" s="8">
        <v>0</v>
      </c>
      <c r="J6115" s="8">
        <v>1</v>
      </c>
      <c r="K6115" s="9">
        <v>2293</v>
      </c>
      <c r="L6115" s="6" t="s">
        <v>51</v>
      </c>
    </row>
    <row r="6116" spans="1:12">
      <c r="A6116" s="6" t="s">
        <v>49</v>
      </c>
      <c r="B6116" s="6"/>
      <c r="C6116" s="6" t="s">
        <v>6138</v>
      </c>
      <c r="D6116" s="6"/>
      <c r="E6116" s="6" t="s">
        <v>9</v>
      </c>
      <c r="F6116" s="7">
        <v>43509</v>
      </c>
      <c r="G6116" s="8">
        <v>1</v>
      </c>
      <c r="H6116" s="8">
        <v>1</v>
      </c>
      <c r="I6116" s="8">
        <v>0</v>
      </c>
      <c r="J6116" s="8">
        <v>1</v>
      </c>
      <c r="K6116" s="9">
        <v>29</v>
      </c>
      <c r="L6116" s="6" t="s">
        <v>51</v>
      </c>
    </row>
    <row r="6117" spans="1:12">
      <c r="A6117" s="6" t="s">
        <v>49</v>
      </c>
      <c r="B6117" s="6"/>
      <c r="C6117" s="6" t="s">
        <v>6139</v>
      </c>
      <c r="D6117" s="6"/>
      <c r="E6117" s="6" t="s">
        <v>9</v>
      </c>
      <c r="F6117" s="7">
        <v>43509</v>
      </c>
      <c r="G6117" s="8">
        <v>1</v>
      </c>
      <c r="H6117" s="8">
        <v>1</v>
      </c>
      <c r="I6117" s="8">
        <v>0</v>
      </c>
      <c r="J6117" s="8">
        <v>1</v>
      </c>
      <c r="K6117" s="9">
        <v>32</v>
      </c>
      <c r="L6117" s="6" t="s">
        <v>51</v>
      </c>
    </row>
    <row r="6118" spans="1:12">
      <c r="A6118" s="6" t="s">
        <v>49</v>
      </c>
      <c r="B6118" s="6"/>
      <c r="C6118" s="6" t="s">
        <v>6140</v>
      </c>
      <c r="D6118" s="6"/>
      <c r="E6118" s="6" t="s">
        <v>9</v>
      </c>
      <c r="F6118" s="7">
        <v>43509</v>
      </c>
      <c r="G6118" s="8">
        <v>1</v>
      </c>
      <c r="H6118" s="8">
        <v>1</v>
      </c>
      <c r="I6118" s="8">
        <v>0</v>
      </c>
      <c r="J6118" s="8">
        <v>1</v>
      </c>
      <c r="K6118" s="9">
        <v>66</v>
      </c>
      <c r="L6118" s="6" t="s">
        <v>51</v>
      </c>
    </row>
    <row r="6119" spans="1:12">
      <c r="A6119" s="6" t="s">
        <v>49</v>
      </c>
      <c r="B6119" s="6"/>
      <c r="C6119" s="6" t="s">
        <v>6141</v>
      </c>
      <c r="D6119" s="6"/>
      <c r="E6119" s="6" t="s">
        <v>9</v>
      </c>
      <c r="F6119" s="7">
        <v>38657</v>
      </c>
      <c r="G6119" s="8">
        <v>1</v>
      </c>
      <c r="H6119" s="8">
        <v>1</v>
      </c>
      <c r="I6119" s="8">
        <v>0</v>
      </c>
      <c r="J6119" s="8">
        <v>1</v>
      </c>
      <c r="K6119" s="9">
        <v>1062</v>
      </c>
      <c r="L6119" s="6" t="s">
        <v>51</v>
      </c>
    </row>
    <row r="6120" spans="1:12">
      <c r="A6120" s="6" t="s">
        <v>49</v>
      </c>
      <c r="B6120" s="6"/>
      <c r="C6120" s="6" t="s">
        <v>6142</v>
      </c>
      <c r="D6120" s="6"/>
      <c r="E6120" s="6" t="s">
        <v>9</v>
      </c>
      <c r="F6120" s="7">
        <v>38657</v>
      </c>
      <c r="G6120" s="8">
        <v>1</v>
      </c>
      <c r="H6120" s="8">
        <v>1</v>
      </c>
      <c r="I6120" s="8">
        <v>0</v>
      </c>
      <c r="J6120" s="8">
        <v>1</v>
      </c>
      <c r="K6120" s="9">
        <v>2569</v>
      </c>
      <c r="L6120" s="6" t="s">
        <v>51</v>
      </c>
    </row>
    <row r="6121" spans="1:12">
      <c r="A6121" s="6" t="s">
        <v>49</v>
      </c>
      <c r="B6121" s="6"/>
      <c r="C6121" s="6" t="s">
        <v>6143</v>
      </c>
      <c r="D6121" s="6"/>
      <c r="E6121" s="6" t="s">
        <v>9</v>
      </c>
      <c r="F6121" s="7">
        <v>43343</v>
      </c>
      <c r="G6121" s="8">
        <v>134886</v>
      </c>
      <c r="H6121" s="8">
        <v>134886</v>
      </c>
      <c r="I6121" s="8">
        <v>0</v>
      </c>
      <c r="J6121" s="8">
        <v>134886</v>
      </c>
      <c r="K6121" s="9">
        <v>5.94</v>
      </c>
      <c r="L6121" s="6" t="s">
        <v>51</v>
      </c>
    </row>
    <row r="6122" spans="1:12">
      <c r="A6122" s="6" t="s">
        <v>49</v>
      </c>
      <c r="B6122" s="6"/>
      <c r="C6122" s="6" t="s">
        <v>6144</v>
      </c>
      <c r="D6122" s="6"/>
      <c r="E6122" s="6" t="s">
        <v>9</v>
      </c>
      <c r="F6122" s="7">
        <v>43343</v>
      </c>
      <c r="G6122" s="8">
        <v>1112701</v>
      </c>
      <c r="H6122" s="8">
        <v>1112701</v>
      </c>
      <c r="I6122" s="8">
        <v>0</v>
      </c>
      <c r="J6122" s="8">
        <v>1112701</v>
      </c>
      <c r="K6122" s="9">
        <v>49</v>
      </c>
      <c r="L6122" s="6" t="s">
        <v>51</v>
      </c>
    </row>
    <row r="6123" spans="1:12">
      <c r="A6123" s="6" t="s">
        <v>49</v>
      </c>
      <c r="B6123" s="6"/>
      <c r="C6123" s="6" t="s">
        <v>6145</v>
      </c>
      <c r="D6123" s="6"/>
      <c r="E6123" s="6" t="s">
        <v>9</v>
      </c>
      <c r="F6123" s="7">
        <v>43343</v>
      </c>
      <c r="G6123" s="8">
        <v>1771238</v>
      </c>
      <c r="H6123" s="8">
        <v>1771238</v>
      </c>
      <c r="I6123" s="8">
        <v>0</v>
      </c>
      <c r="J6123" s="8">
        <v>1771238</v>
      </c>
      <c r="K6123" s="9">
        <v>78</v>
      </c>
      <c r="L6123" s="6" t="s">
        <v>51</v>
      </c>
    </row>
    <row r="6124" spans="1:12">
      <c r="A6124" s="6" t="s">
        <v>49</v>
      </c>
      <c r="B6124" s="6"/>
      <c r="C6124" s="6" t="s">
        <v>6146</v>
      </c>
      <c r="D6124" s="6"/>
      <c r="E6124" s="6" t="s">
        <v>9</v>
      </c>
      <c r="F6124" s="7">
        <v>43353</v>
      </c>
      <c r="G6124" s="8">
        <v>893830</v>
      </c>
      <c r="H6124" s="8">
        <v>893830</v>
      </c>
      <c r="I6124" s="8">
        <v>0</v>
      </c>
      <c r="J6124" s="8">
        <v>893830</v>
      </c>
      <c r="K6124" s="9">
        <v>127</v>
      </c>
      <c r="L6124" s="6" t="s">
        <v>51</v>
      </c>
    </row>
    <row r="6125" spans="1:12">
      <c r="A6125" s="6" t="s">
        <v>49</v>
      </c>
      <c r="B6125" s="6"/>
      <c r="C6125" s="6" t="s">
        <v>6147</v>
      </c>
      <c r="D6125" s="6"/>
      <c r="E6125" s="6" t="s">
        <v>9</v>
      </c>
      <c r="F6125" s="7">
        <v>43353</v>
      </c>
      <c r="G6125" s="8">
        <v>5576005</v>
      </c>
      <c r="H6125" s="8">
        <v>5576005</v>
      </c>
      <c r="I6125" s="8">
        <v>0</v>
      </c>
      <c r="J6125" s="8">
        <v>5576005</v>
      </c>
      <c r="K6125" s="9">
        <v>366</v>
      </c>
      <c r="L6125" s="6" t="s">
        <v>51</v>
      </c>
    </row>
    <row r="6126" spans="1:12">
      <c r="A6126" s="6" t="s">
        <v>49</v>
      </c>
      <c r="B6126" s="6"/>
      <c r="C6126" s="6" t="s">
        <v>6148</v>
      </c>
      <c r="D6126" s="6"/>
      <c r="E6126" s="6" t="s">
        <v>9</v>
      </c>
      <c r="F6126" s="7">
        <v>43353</v>
      </c>
      <c r="G6126" s="8">
        <v>198055</v>
      </c>
      <c r="H6126" s="8">
        <v>198055</v>
      </c>
      <c r="I6126" s="8">
        <v>0</v>
      </c>
      <c r="J6126" s="8">
        <v>198055</v>
      </c>
      <c r="K6126" s="9">
        <v>13</v>
      </c>
      <c r="L6126" s="6" t="s">
        <v>51</v>
      </c>
    </row>
    <row r="6127" spans="1:12">
      <c r="A6127" s="6" t="s">
        <v>49</v>
      </c>
      <c r="B6127" s="6"/>
      <c r="C6127" s="6" t="s">
        <v>6149</v>
      </c>
      <c r="D6127" s="6"/>
      <c r="E6127" s="6" t="s">
        <v>9</v>
      </c>
      <c r="F6127" s="7">
        <v>43353</v>
      </c>
      <c r="G6127" s="8">
        <v>50428</v>
      </c>
      <c r="H6127" s="8">
        <v>50428</v>
      </c>
      <c r="I6127" s="8">
        <v>0</v>
      </c>
      <c r="J6127" s="8">
        <v>50428</v>
      </c>
      <c r="K6127" s="9">
        <v>3.31</v>
      </c>
      <c r="L6127" s="6" t="s">
        <v>51</v>
      </c>
    </row>
    <row r="6128" spans="1:12">
      <c r="A6128" s="6" t="s">
        <v>49</v>
      </c>
      <c r="B6128" s="6"/>
      <c r="C6128" s="6" t="s">
        <v>6150</v>
      </c>
      <c r="D6128" s="6"/>
      <c r="E6128" s="6" t="s">
        <v>9</v>
      </c>
      <c r="F6128" s="7">
        <v>43353</v>
      </c>
      <c r="G6128" s="8">
        <v>517990</v>
      </c>
      <c r="H6128" s="8">
        <v>517990</v>
      </c>
      <c r="I6128" s="8">
        <v>0</v>
      </c>
      <c r="J6128" s="8">
        <v>517990</v>
      </c>
      <c r="K6128" s="9">
        <v>34</v>
      </c>
      <c r="L6128" s="6" t="s">
        <v>51</v>
      </c>
    </row>
    <row r="6129" spans="1:12">
      <c r="A6129" s="6" t="s">
        <v>49</v>
      </c>
      <c r="B6129" s="6"/>
      <c r="C6129" s="6" t="s">
        <v>6151</v>
      </c>
      <c r="D6129" s="6"/>
      <c r="E6129" s="6" t="s">
        <v>9</v>
      </c>
      <c r="F6129" s="7">
        <v>43353</v>
      </c>
      <c r="G6129" s="8">
        <v>1950078</v>
      </c>
      <c r="H6129" s="8">
        <v>1950078</v>
      </c>
      <c r="I6129" s="8">
        <v>0</v>
      </c>
      <c r="J6129" s="8">
        <v>1950078</v>
      </c>
      <c r="K6129" s="9">
        <v>128</v>
      </c>
      <c r="L6129" s="6" t="s">
        <v>51</v>
      </c>
    </row>
    <row r="6130" spans="1:12">
      <c r="A6130" s="6" t="s">
        <v>49</v>
      </c>
      <c r="B6130" s="6"/>
      <c r="C6130" s="6" t="s">
        <v>6152</v>
      </c>
      <c r="D6130" s="6"/>
      <c r="E6130" s="6" t="s">
        <v>9</v>
      </c>
      <c r="F6130" s="7">
        <v>38657</v>
      </c>
      <c r="G6130" s="8">
        <v>1</v>
      </c>
      <c r="H6130" s="8">
        <v>1</v>
      </c>
      <c r="I6130" s="8">
        <v>0</v>
      </c>
      <c r="J6130" s="8">
        <v>1</v>
      </c>
      <c r="K6130" s="9">
        <v>235</v>
      </c>
      <c r="L6130" s="6" t="s">
        <v>51</v>
      </c>
    </row>
    <row r="6131" spans="1:12">
      <c r="A6131" s="6" t="s">
        <v>49</v>
      </c>
      <c r="B6131" s="6"/>
      <c r="C6131" s="6" t="s">
        <v>6153</v>
      </c>
      <c r="D6131" s="6"/>
      <c r="E6131" s="6" t="s">
        <v>9</v>
      </c>
      <c r="F6131" s="7">
        <v>43353</v>
      </c>
      <c r="G6131" s="8">
        <v>1645379</v>
      </c>
      <c r="H6131" s="8">
        <v>1645379</v>
      </c>
      <c r="I6131" s="8">
        <v>0</v>
      </c>
      <c r="J6131" s="8">
        <v>1645379</v>
      </c>
      <c r="K6131" s="9">
        <v>108</v>
      </c>
      <c r="L6131" s="6" t="s">
        <v>51</v>
      </c>
    </row>
    <row r="6132" spans="1:12">
      <c r="A6132" s="6" t="s">
        <v>49</v>
      </c>
      <c r="B6132" s="6"/>
      <c r="C6132" s="6" t="s">
        <v>6154</v>
      </c>
      <c r="D6132" s="6"/>
      <c r="E6132" s="6" t="s">
        <v>9</v>
      </c>
      <c r="F6132" s="7">
        <v>43353</v>
      </c>
      <c r="G6132" s="8">
        <v>3016527</v>
      </c>
      <c r="H6132" s="8">
        <v>3016527</v>
      </c>
      <c r="I6132" s="8">
        <v>0</v>
      </c>
      <c r="J6132" s="8">
        <v>3016527</v>
      </c>
      <c r="K6132" s="9">
        <v>198</v>
      </c>
      <c r="L6132" s="6" t="s">
        <v>51</v>
      </c>
    </row>
    <row r="6133" spans="1:12">
      <c r="A6133" s="6" t="s">
        <v>49</v>
      </c>
      <c r="B6133" s="6"/>
      <c r="C6133" s="6" t="s">
        <v>6155</v>
      </c>
      <c r="D6133" s="6"/>
      <c r="E6133" s="6" t="s">
        <v>9</v>
      </c>
      <c r="F6133" s="7">
        <v>43353</v>
      </c>
      <c r="G6133" s="8">
        <v>396110</v>
      </c>
      <c r="H6133" s="8">
        <v>396110</v>
      </c>
      <c r="I6133" s="8">
        <v>0</v>
      </c>
      <c r="J6133" s="8">
        <v>396110</v>
      </c>
      <c r="K6133" s="9">
        <v>26</v>
      </c>
      <c r="L6133" s="6" t="s">
        <v>51</v>
      </c>
    </row>
    <row r="6134" spans="1:12">
      <c r="A6134" s="6" t="s">
        <v>49</v>
      </c>
      <c r="B6134" s="6"/>
      <c r="C6134" s="6" t="s">
        <v>6156</v>
      </c>
      <c r="D6134" s="6"/>
      <c r="E6134" s="6" t="s">
        <v>9</v>
      </c>
      <c r="F6134" s="7">
        <v>43353</v>
      </c>
      <c r="G6134" s="8">
        <v>914</v>
      </c>
      <c r="H6134" s="8">
        <v>914</v>
      </c>
      <c r="I6134" s="8">
        <v>0</v>
      </c>
      <c r="J6134" s="8">
        <v>914</v>
      </c>
      <c r="K6134" s="9">
        <v>0.06</v>
      </c>
      <c r="L6134" s="6" t="s">
        <v>51</v>
      </c>
    </row>
    <row r="6135" spans="1:12">
      <c r="A6135" s="6" t="s">
        <v>49</v>
      </c>
      <c r="B6135" s="6"/>
      <c r="C6135" s="6" t="s">
        <v>6157</v>
      </c>
      <c r="D6135" s="6"/>
      <c r="E6135" s="6" t="s">
        <v>9</v>
      </c>
      <c r="F6135" s="7">
        <v>43353</v>
      </c>
      <c r="G6135" s="8">
        <v>3504</v>
      </c>
      <c r="H6135" s="8">
        <v>3504</v>
      </c>
      <c r="I6135" s="8">
        <v>0</v>
      </c>
      <c r="J6135" s="8">
        <v>3504</v>
      </c>
      <c r="K6135" s="9">
        <v>0.23</v>
      </c>
      <c r="L6135" s="6" t="s">
        <v>51</v>
      </c>
    </row>
    <row r="6136" spans="1:12">
      <c r="A6136" s="6" t="s">
        <v>49</v>
      </c>
      <c r="B6136" s="6"/>
      <c r="C6136" s="6" t="s">
        <v>6158</v>
      </c>
      <c r="D6136" s="6"/>
      <c r="E6136" s="6" t="s">
        <v>9</v>
      </c>
      <c r="F6136" s="7">
        <v>43549</v>
      </c>
      <c r="G6136" s="8">
        <v>72684</v>
      </c>
      <c r="H6136" s="8">
        <v>72684</v>
      </c>
      <c r="I6136" s="8">
        <v>0</v>
      </c>
      <c r="J6136" s="8">
        <v>72684</v>
      </c>
      <c r="K6136" s="9">
        <v>28.96</v>
      </c>
      <c r="L6136" s="6" t="s">
        <v>51</v>
      </c>
    </row>
    <row r="6137" spans="1:12">
      <c r="A6137" s="6" t="s">
        <v>49</v>
      </c>
      <c r="B6137" s="6"/>
      <c r="C6137" s="6" t="s">
        <v>6159</v>
      </c>
      <c r="D6137" s="6"/>
      <c r="E6137" s="6" t="s">
        <v>9</v>
      </c>
      <c r="F6137" s="7">
        <v>43549</v>
      </c>
      <c r="G6137" s="8">
        <v>107921</v>
      </c>
      <c r="H6137" s="8">
        <v>107921</v>
      </c>
      <c r="I6137" s="8">
        <v>0</v>
      </c>
      <c r="J6137" s="8">
        <v>107921</v>
      </c>
      <c r="K6137" s="9">
        <v>43</v>
      </c>
      <c r="L6137" s="6" t="s">
        <v>51</v>
      </c>
    </row>
    <row r="6138" spans="1:12">
      <c r="A6138" s="6" t="s">
        <v>49</v>
      </c>
      <c r="B6138" s="6"/>
      <c r="C6138" s="6" t="s">
        <v>6160</v>
      </c>
      <c r="D6138" s="6"/>
      <c r="E6138" s="6" t="s">
        <v>9</v>
      </c>
      <c r="F6138" s="7">
        <v>43514</v>
      </c>
      <c r="G6138" s="8">
        <v>5590</v>
      </c>
      <c r="H6138" s="8">
        <v>5590</v>
      </c>
      <c r="I6138" s="8">
        <v>0</v>
      </c>
      <c r="J6138" s="8">
        <v>5590</v>
      </c>
      <c r="K6138" s="9">
        <v>5.08</v>
      </c>
      <c r="L6138" s="6" t="s">
        <v>51</v>
      </c>
    </row>
    <row r="6139" spans="1:12">
      <c r="A6139" s="6" t="s">
        <v>49</v>
      </c>
      <c r="B6139" s="6"/>
      <c r="C6139" s="6" t="s">
        <v>6161</v>
      </c>
      <c r="D6139" s="6"/>
      <c r="E6139" s="6" t="s">
        <v>9</v>
      </c>
      <c r="F6139" s="7">
        <v>43514</v>
      </c>
      <c r="G6139" s="8">
        <v>297</v>
      </c>
      <c r="H6139" s="8">
        <v>297</v>
      </c>
      <c r="I6139" s="8">
        <v>0</v>
      </c>
      <c r="J6139" s="8">
        <v>297</v>
      </c>
      <c r="K6139" s="9">
        <v>0.27</v>
      </c>
      <c r="L6139" s="6" t="s">
        <v>51</v>
      </c>
    </row>
    <row r="6140" spans="1:12">
      <c r="A6140" s="6" t="s">
        <v>49</v>
      </c>
      <c r="B6140" s="6"/>
      <c r="C6140" s="6" t="s">
        <v>6162</v>
      </c>
      <c r="D6140" s="6"/>
      <c r="E6140" s="6" t="s">
        <v>9</v>
      </c>
      <c r="F6140" s="7">
        <v>43514</v>
      </c>
      <c r="G6140" s="8">
        <v>1529</v>
      </c>
      <c r="H6140" s="8">
        <v>1529</v>
      </c>
      <c r="I6140" s="8">
        <v>0</v>
      </c>
      <c r="J6140" s="8">
        <v>1529</v>
      </c>
      <c r="K6140" s="9">
        <v>1.39</v>
      </c>
      <c r="L6140" s="6" t="s">
        <v>51</v>
      </c>
    </row>
    <row r="6141" spans="1:12">
      <c r="A6141" s="6" t="s">
        <v>49</v>
      </c>
      <c r="B6141" s="6"/>
      <c r="C6141" s="6" t="s">
        <v>6163</v>
      </c>
      <c r="D6141" s="6"/>
      <c r="E6141" s="6" t="s">
        <v>9</v>
      </c>
      <c r="F6141" s="7">
        <v>38657</v>
      </c>
      <c r="G6141" s="8">
        <v>1</v>
      </c>
      <c r="H6141" s="8">
        <v>1</v>
      </c>
      <c r="I6141" s="8">
        <v>0</v>
      </c>
      <c r="J6141" s="8">
        <v>1</v>
      </c>
      <c r="K6141" s="9">
        <v>5.98</v>
      </c>
      <c r="L6141" s="6" t="s">
        <v>51</v>
      </c>
    </row>
    <row r="6142" spans="1:12">
      <c r="A6142" s="6" t="s">
        <v>49</v>
      </c>
      <c r="B6142" s="6"/>
      <c r="C6142" s="6" t="s">
        <v>6164</v>
      </c>
      <c r="D6142" s="6"/>
      <c r="E6142" s="6" t="s">
        <v>9</v>
      </c>
      <c r="F6142" s="7">
        <v>38657</v>
      </c>
      <c r="G6142" s="8">
        <v>1</v>
      </c>
      <c r="H6142" s="8">
        <v>1</v>
      </c>
      <c r="I6142" s="8">
        <v>0</v>
      </c>
      <c r="J6142" s="8">
        <v>1</v>
      </c>
      <c r="K6142" s="9">
        <v>194</v>
      </c>
      <c r="L6142" s="6" t="s">
        <v>51</v>
      </c>
    </row>
    <row r="6143" spans="1:12">
      <c r="A6143" s="6" t="s">
        <v>49</v>
      </c>
      <c r="B6143" s="6"/>
      <c r="C6143" s="6" t="s">
        <v>6165</v>
      </c>
      <c r="D6143" s="6"/>
      <c r="E6143" s="6" t="s">
        <v>9</v>
      </c>
      <c r="F6143" s="7">
        <v>43558</v>
      </c>
      <c r="G6143" s="8">
        <v>1</v>
      </c>
      <c r="H6143" s="8">
        <v>1</v>
      </c>
      <c r="I6143" s="8">
        <v>0</v>
      </c>
      <c r="J6143" s="8">
        <v>1</v>
      </c>
      <c r="K6143" s="9">
        <v>33</v>
      </c>
      <c r="L6143" s="6" t="s">
        <v>51</v>
      </c>
    </row>
    <row r="6144" spans="1:12">
      <c r="A6144" s="6" t="s">
        <v>49</v>
      </c>
      <c r="B6144" s="6"/>
      <c r="C6144" s="6" t="s">
        <v>6166</v>
      </c>
      <c r="D6144" s="6"/>
      <c r="E6144" s="6" t="s">
        <v>9</v>
      </c>
      <c r="F6144" s="7">
        <v>43558</v>
      </c>
      <c r="G6144" s="8">
        <v>1</v>
      </c>
      <c r="H6144" s="8">
        <v>1</v>
      </c>
      <c r="I6144" s="8">
        <v>0</v>
      </c>
      <c r="J6144" s="8">
        <v>1</v>
      </c>
      <c r="K6144" s="9">
        <v>30</v>
      </c>
      <c r="L6144" s="6" t="s">
        <v>51</v>
      </c>
    </row>
    <row r="6145" spans="1:12">
      <c r="A6145" s="6" t="s">
        <v>49</v>
      </c>
      <c r="B6145" s="6"/>
      <c r="C6145" s="6" t="s">
        <v>6167</v>
      </c>
      <c r="D6145" s="6"/>
      <c r="E6145" s="6" t="s">
        <v>9</v>
      </c>
      <c r="F6145" s="7">
        <v>43594</v>
      </c>
      <c r="G6145" s="8">
        <v>1</v>
      </c>
      <c r="H6145" s="8">
        <v>1</v>
      </c>
      <c r="I6145" s="8">
        <v>0</v>
      </c>
      <c r="J6145" s="8">
        <v>1</v>
      </c>
      <c r="K6145" s="9">
        <v>8.74</v>
      </c>
      <c r="L6145" s="6" t="s">
        <v>51</v>
      </c>
    </row>
    <row r="6146" spans="1:12">
      <c r="A6146" s="6" t="s">
        <v>49</v>
      </c>
      <c r="B6146" s="6"/>
      <c r="C6146" s="6" t="s">
        <v>6168</v>
      </c>
      <c r="D6146" s="6"/>
      <c r="E6146" s="6" t="s">
        <v>9</v>
      </c>
      <c r="F6146" s="7">
        <v>43609</v>
      </c>
      <c r="G6146" s="8">
        <v>1</v>
      </c>
      <c r="H6146" s="8">
        <v>1</v>
      </c>
      <c r="I6146" s="8">
        <v>0</v>
      </c>
      <c r="J6146" s="8">
        <v>1</v>
      </c>
      <c r="K6146" s="9">
        <v>10.39</v>
      </c>
      <c r="L6146" s="6" t="s">
        <v>51</v>
      </c>
    </row>
    <row r="6147" spans="1:12">
      <c r="A6147" s="6" t="s">
        <v>49</v>
      </c>
      <c r="B6147" s="6"/>
      <c r="C6147" s="6" t="s">
        <v>6169</v>
      </c>
      <c r="D6147" s="6"/>
      <c r="E6147" s="6" t="s">
        <v>9</v>
      </c>
      <c r="F6147" s="7">
        <v>43538</v>
      </c>
      <c r="G6147" s="8">
        <v>1</v>
      </c>
      <c r="H6147" s="8">
        <v>1</v>
      </c>
      <c r="I6147" s="8">
        <v>0</v>
      </c>
      <c r="J6147" s="8">
        <v>1</v>
      </c>
      <c r="K6147" s="9">
        <v>12</v>
      </c>
      <c r="L6147" s="6" t="s">
        <v>51</v>
      </c>
    </row>
    <row r="6148" spans="1:12">
      <c r="A6148" s="6" t="s">
        <v>49</v>
      </c>
      <c r="B6148" s="6"/>
      <c r="C6148" s="6" t="s">
        <v>6169</v>
      </c>
      <c r="D6148" s="6" t="s">
        <v>6170</v>
      </c>
      <c r="E6148" s="6" t="s">
        <v>9</v>
      </c>
      <c r="F6148" s="7"/>
      <c r="G6148" s="8">
        <v>0</v>
      </c>
      <c r="H6148" s="8">
        <v>0</v>
      </c>
      <c r="I6148" s="8">
        <v>0</v>
      </c>
      <c r="J6148" s="8">
        <v>-1</v>
      </c>
      <c r="K6148" s="9"/>
      <c r="L6148" s="6"/>
    </row>
    <row r="6149" spans="1:12">
      <c r="A6149" s="6" t="s">
        <v>49</v>
      </c>
      <c r="B6149" s="6"/>
      <c r="C6149" s="6" t="s">
        <v>6172</v>
      </c>
      <c r="D6149" s="6"/>
      <c r="E6149" s="6" t="s">
        <v>9</v>
      </c>
      <c r="F6149" s="7">
        <v>43717</v>
      </c>
      <c r="G6149" s="8">
        <v>1</v>
      </c>
      <c r="H6149" s="8">
        <v>1</v>
      </c>
      <c r="I6149" s="8">
        <v>0</v>
      </c>
      <c r="J6149" s="8">
        <v>1</v>
      </c>
      <c r="K6149" s="9">
        <v>0.13</v>
      </c>
      <c r="L6149" s="6" t="s">
        <v>51</v>
      </c>
    </row>
    <row r="6150" spans="1:12">
      <c r="A6150" s="6" t="s">
        <v>49</v>
      </c>
      <c r="B6150" s="6"/>
      <c r="C6150" s="6" t="s">
        <v>6173</v>
      </c>
      <c r="D6150" s="6"/>
      <c r="E6150" s="6" t="s">
        <v>9</v>
      </c>
      <c r="F6150" s="7">
        <v>37707</v>
      </c>
      <c r="G6150" s="8">
        <v>53352</v>
      </c>
      <c r="H6150" s="8">
        <v>53352</v>
      </c>
      <c r="I6150" s="8">
        <v>0</v>
      </c>
      <c r="J6150" s="8">
        <v>53352</v>
      </c>
      <c r="K6150" s="9">
        <v>468</v>
      </c>
      <c r="L6150" s="6" t="s">
        <v>51</v>
      </c>
    </row>
    <row r="6151" spans="1:12">
      <c r="A6151" s="6" t="s">
        <v>49</v>
      </c>
      <c r="B6151" s="6"/>
      <c r="C6151" s="6" t="s">
        <v>6174</v>
      </c>
      <c r="D6151" s="6"/>
      <c r="E6151" s="6" t="s">
        <v>9</v>
      </c>
      <c r="F6151" s="7">
        <v>37707</v>
      </c>
      <c r="G6151" s="8">
        <v>51756</v>
      </c>
      <c r="H6151" s="8">
        <v>51756</v>
      </c>
      <c r="I6151" s="8">
        <v>0</v>
      </c>
      <c r="J6151" s="8">
        <v>51756</v>
      </c>
      <c r="K6151" s="9">
        <v>454</v>
      </c>
      <c r="L6151" s="6" t="s">
        <v>51</v>
      </c>
    </row>
    <row r="6152" spans="1:12">
      <c r="A6152" s="6" t="s">
        <v>49</v>
      </c>
      <c r="B6152" s="6"/>
      <c r="C6152" s="6" t="s">
        <v>6175</v>
      </c>
      <c r="D6152" s="6"/>
      <c r="E6152" s="6" t="s">
        <v>9</v>
      </c>
      <c r="F6152" s="7">
        <v>38657</v>
      </c>
      <c r="G6152" s="8">
        <v>1</v>
      </c>
      <c r="H6152" s="8">
        <v>1</v>
      </c>
      <c r="I6152" s="8">
        <v>0</v>
      </c>
      <c r="J6152" s="8">
        <v>1</v>
      </c>
      <c r="K6152" s="9">
        <v>236</v>
      </c>
      <c r="L6152" s="6" t="s">
        <v>51</v>
      </c>
    </row>
    <row r="6153" spans="1:12">
      <c r="A6153" s="6" t="s">
        <v>49</v>
      </c>
      <c r="B6153" s="6"/>
      <c r="C6153" s="6" t="s">
        <v>6176</v>
      </c>
      <c r="D6153" s="6"/>
      <c r="E6153" s="6" t="s">
        <v>9</v>
      </c>
      <c r="F6153" s="7">
        <v>37707</v>
      </c>
      <c r="G6153" s="8">
        <v>52668</v>
      </c>
      <c r="H6153" s="8">
        <v>52668</v>
      </c>
      <c r="I6153" s="8">
        <v>0</v>
      </c>
      <c r="J6153" s="8">
        <v>52668</v>
      </c>
      <c r="K6153" s="9">
        <v>462</v>
      </c>
      <c r="L6153" s="6" t="s">
        <v>51</v>
      </c>
    </row>
    <row r="6154" spans="1:12">
      <c r="A6154" s="6" t="s">
        <v>49</v>
      </c>
      <c r="B6154" s="6"/>
      <c r="C6154" s="6" t="s">
        <v>6177</v>
      </c>
      <c r="D6154" s="6"/>
      <c r="E6154" s="6" t="s">
        <v>9</v>
      </c>
      <c r="F6154" s="7">
        <v>37707</v>
      </c>
      <c r="G6154" s="8">
        <v>53922</v>
      </c>
      <c r="H6154" s="8">
        <v>53922</v>
      </c>
      <c r="I6154" s="8">
        <v>0</v>
      </c>
      <c r="J6154" s="8">
        <v>53922</v>
      </c>
      <c r="K6154" s="9">
        <v>473</v>
      </c>
      <c r="L6154" s="6" t="s">
        <v>51</v>
      </c>
    </row>
    <row r="6155" spans="1:12">
      <c r="A6155" s="6" t="s">
        <v>49</v>
      </c>
      <c r="B6155" s="6"/>
      <c r="C6155" s="6" t="s">
        <v>6178</v>
      </c>
      <c r="D6155" s="6"/>
      <c r="E6155" s="6" t="s">
        <v>9</v>
      </c>
      <c r="F6155" s="7">
        <v>37707</v>
      </c>
      <c r="G6155" s="8">
        <v>54036</v>
      </c>
      <c r="H6155" s="8">
        <v>54036</v>
      </c>
      <c r="I6155" s="8">
        <v>0</v>
      </c>
      <c r="J6155" s="8">
        <v>54036</v>
      </c>
      <c r="K6155" s="9">
        <v>474</v>
      </c>
      <c r="L6155" s="6" t="s">
        <v>51</v>
      </c>
    </row>
    <row r="6156" spans="1:12">
      <c r="A6156" s="6" t="s">
        <v>49</v>
      </c>
      <c r="B6156" s="6"/>
      <c r="C6156" s="6" t="s">
        <v>6179</v>
      </c>
      <c r="D6156" s="6"/>
      <c r="E6156" s="6" t="s">
        <v>9</v>
      </c>
      <c r="F6156" s="7">
        <v>43630</v>
      </c>
      <c r="G6156" s="8">
        <v>1</v>
      </c>
      <c r="H6156" s="8">
        <v>1</v>
      </c>
      <c r="I6156" s="8">
        <v>0</v>
      </c>
      <c r="J6156" s="8">
        <v>1</v>
      </c>
      <c r="K6156" s="9">
        <v>12</v>
      </c>
      <c r="L6156" s="6" t="s">
        <v>51</v>
      </c>
    </row>
    <row r="6157" spans="1:12">
      <c r="A6157" s="6" t="s">
        <v>49</v>
      </c>
      <c r="B6157" s="6"/>
      <c r="C6157" s="6" t="s">
        <v>6180</v>
      </c>
      <c r="D6157" s="6"/>
      <c r="E6157" s="6" t="s">
        <v>9</v>
      </c>
      <c r="F6157" s="7">
        <v>43630</v>
      </c>
      <c r="G6157" s="8">
        <v>1</v>
      </c>
      <c r="H6157" s="8">
        <v>1</v>
      </c>
      <c r="I6157" s="8">
        <v>0</v>
      </c>
      <c r="J6157" s="8">
        <v>1</v>
      </c>
      <c r="K6157" s="9">
        <v>12</v>
      </c>
      <c r="L6157" s="6" t="s">
        <v>51</v>
      </c>
    </row>
    <row r="6158" spans="1:12">
      <c r="A6158" s="6" t="s">
        <v>49</v>
      </c>
      <c r="B6158" s="6"/>
      <c r="C6158" s="6" t="s">
        <v>6181</v>
      </c>
      <c r="D6158" s="6"/>
      <c r="E6158" s="6" t="s">
        <v>9</v>
      </c>
      <c r="F6158" s="7">
        <v>43630</v>
      </c>
      <c r="G6158" s="8">
        <v>1</v>
      </c>
      <c r="H6158" s="8">
        <v>1</v>
      </c>
      <c r="I6158" s="8">
        <v>0</v>
      </c>
      <c r="J6158" s="8">
        <v>1</v>
      </c>
      <c r="K6158" s="9">
        <v>16</v>
      </c>
      <c r="L6158" s="6" t="s">
        <v>51</v>
      </c>
    </row>
    <row r="6159" spans="1:12">
      <c r="A6159" s="6" t="s">
        <v>49</v>
      </c>
      <c r="B6159" s="6"/>
      <c r="C6159" s="6" t="s">
        <v>6182</v>
      </c>
      <c r="D6159" s="6"/>
      <c r="E6159" s="6" t="s">
        <v>9</v>
      </c>
      <c r="F6159" s="7">
        <v>38657</v>
      </c>
      <c r="G6159" s="8">
        <v>1</v>
      </c>
      <c r="H6159" s="8">
        <v>1</v>
      </c>
      <c r="I6159" s="8">
        <v>0</v>
      </c>
      <c r="J6159" s="8">
        <v>1</v>
      </c>
      <c r="K6159" s="9">
        <v>20</v>
      </c>
      <c r="L6159" s="6" t="s">
        <v>51</v>
      </c>
    </row>
    <row r="6160" spans="1:12">
      <c r="A6160" s="6" t="s">
        <v>49</v>
      </c>
      <c r="B6160" s="6"/>
      <c r="C6160" s="6" t="s">
        <v>6183</v>
      </c>
      <c r="D6160" s="6"/>
      <c r="E6160" s="6" t="s">
        <v>9</v>
      </c>
      <c r="F6160" s="7">
        <v>38657</v>
      </c>
      <c r="G6160" s="8">
        <v>1</v>
      </c>
      <c r="H6160" s="8">
        <v>1</v>
      </c>
      <c r="I6160" s="8">
        <v>0</v>
      </c>
      <c r="J6160" s="8">
        <v>1</v>
      </c>
      <c r="K6160" s="9">
        <v>17</v>
      </c>
      <c r="L6160" s="6" t="s">
        <v>51</v>
      </c>
    </row>
    <row r="6161" spans="1:12">
      <c r="A6161" s="6" t="s">
        <v>49</v>
      </c>
      <c r="B6161" s="6"/>
      <c r="C6161" s="6" t="s">
        <v>6184</v>
      </c>
      <c r="D6161" s="6"/>
      <c r="E6161" s="6" t="s">
        <v>9</v>
      </c>
      <c r="F6161" s="7">
        <v>38657</v>
      </c>
      <c r="G6161" s="8">
        <v>1</v>
      </c>
      <c r="H6161" s="8">
        <v>1</v>
      </c>
      <c r="I6161" s="8">
        <v>0</v>
      </c>
      <c r="J6161" s="8">
        <v>1</v>
      </c>
      <c r="K6161" s="9">
        <v>12</v>
      </c>
      <c r="L6161" s="6" t="s">
        <v>51</v>
      </c>
    </row>
    <row r="6162" spans="1:12">
      <c r="A6162" s="6" t="s">
        <v>49</v>
      </c>
      <c r="B6162" s="6"/>
      <c r="C6162" s="6" t="s">
        <v>6185</v>
      </c>
      <c r="D6162" s="6"/>
      <c r="E6162" s="6" t="s">
        <v>9</v>
      </c>
      <c r="F6162" s="7">
        <v>38657</v>
      </c>
      <c r="G6162" s="8">
        <v>1</v>
      </c>
      <c r="H6162" s="8">
        <v>1</v>
      </c>
      <c r="I6162" s="8">
        <v>0</v>
      </c>
      <c r="J6162" s="8">
        <v>1</v>
      </c>
      <c r="K6162" s="9">
        <v>17</v>
      </c>
      <c r="L6162" s="6" t="s">
        <v>6186</v>
      </c>
    </row>
    <row r="6163" spans="1:12">
      <c r="A6163" s="6" t="s">
        <v>49</v>
      </c>
      <c r="B6163" s="6"/>
      <c r="C6163" s="6" t="s">
        <v>6187</v>
      </c>
      <c r="D6163" s="6"/>
      <c r="E6163" s="6" t="s">
        <v>9</v>
      </c>
      <c r="F6163" s="7">
        <v>38657</v>
      </c>
      <c r="G6163" s="8">
        <v>1</v>
      </c>
      <c r="H6163" s="8">
        <v>1</v>
      </c>
      <c r="I6163" s="8">
        <v>0</v>
      </c>
      <c r="J6163" s="8">
        <v>1</v>
      </c>
      <c r="K6163" s="9">
        <v>309</v>
      </c>
      <c r="L6163" s="6" t="s">
        <v>51</v>
      </c>
    </row>
    <row r="6164" spans="1:12">
      <c r="A6164" s="6" t="s">
        <v>49</v>
      </c>
      <c r="B6164" s="6"/>
      <c r="C6164" s="6" t="s">
        <v>6188</v>
      </c>
      <c r="D6164" s="6"/>
      <c r="E6164" s="6" t="s">
        <v>9</v>
      </c>
      <c r="F6164" s="7">
        <v>38657</v>
      </c>
      <c r="G6164" s="8">
        <v>1</v>
      </c>
      <c r="H6164" s="8">
        <v>1</v>
      </c>
      <c r="I6164" s="8">
        <v>0</v>
      </c>
      <c r="J6164" s="8">
        <v>1</v>
      </c>
      <c r="K6164" s="9">
        <v>15</v>
      </c>
      <c r="L6164" s="6" t="s">
        <v>51</v>
      </c>
    </row>
    <row r="6165" spans="1:12">
      <c r="A6165" s="6" t="s">
        <v>49</v>
      </c>
      <c r="B6165" s="6"/>
      <c r="C6165" s="6" t="s">
        <v>6189</v>
      </c>
      <c r="D6165" s="6"/>
      <c r="E6165" s="6" t="s">
        <v>9</v>
      </c>
      <c r="F6165" s="7">
        <v>38657</v>
      </c>
      <c r="G6165" s="8">
        <v>1</v>
      </c>
      <c r="H6165" s="8">
        <v>1</v>
      </c>
      <c r="I6165" s="8">
        <v>0</v>
      </c>
      <c r="J6165" s="8">
        <v>1</v>
      </c>
      <c r="K6165" s="9">
        <v>62</v>
      </c>
      <c r="L6165" s="6" t="s">
        <v>51</v>
      </c>
    </row>
    <row r="6166" spans="1:12">
      <c r="A6166" s="6" t="s">
        <v>49</v>
      </c>
      <c r="B6166" s="6"/>
      <c r="C6166" s="6" t="s">
        <v>6190</v>
      </c>
      <c r="D6166" s="6"/>
      <c r="E6166" s="6" t="s">
        <v>9</v>
      </c>
      <c r="F6166" s="7">
        <v>38657</v>
      </c>
      <c r="G6166" s="8">
        <v>1</v>
      </c>
      <c r="H6166" s="8">
        <v>1</v>
      </c>
      <c r="I6166" s="8">
        <v>0</v>
      </c>
      <c r="J6166" s="8">
        <v>1</v>
      </c>
      <c r="K6166" s="9">
        <v>9.99</v>
      </c>
      <c r="L6166" s="6" t="s">
        <v>51</v>
      </c>
    </row>
    <row r="6167" spans="1:12">
      <c r="A6167" s="6" t="s">
        <v>49</v>
      </c>
      <c r="B6167" s="6"/>
      <c r="C6167" s="6" t="s">
        <v>6191</v>
      </c>
      <c r="D6167" s="6"/>
      <c r="E6167" s="6" t="s">
        <v>9</v>
      </c>
      <c r="F6167" s="7">
        <v>38657</v>
      </c>
      <c r="G6167" s="8">
        <v>1</v>
      </c>
      <c r="H6167" s="8">
        <v>1</v>
      </c>
      <c r="I6167" s="8">
        <v>0</v>
      </c>
      <c r="J6167" s="8">
        <v>1</v>
      </c>
      <c r="K6167" s="9">
        <v>9.1999999999999904</v>
      </c>
      <c r="L6167" s="6" t="s">
        <v>51</v>
      </c>
    </row>
    <row r="6168" spans="1:12">
      <c r="A6168" s="6" t="s">
        <v>49</v>
      </c>
      <c r="B6168" s="6"/>
      <c r="C6168" s="6" t="s">
        <v>6192</v>
      </c>
      <c r="D6168" s="6"/>
      <c r="E6168" s="6" t="s">
        <v>9</v>
      </c>
      <c r="F6168" s="7">
        <v>38657</v>
      </c>
      <c r="G6168" s="8">
        <v>1</v>
      </c>
      <c r="H6168" s="8">
        <v>1</v>
      </c>
      <c r="I6168" s="8">
        <v>0</v>
      </c>
      <c r="J6168" s="8">
        <v>1</v>
      </c>
      <c r="K6168" s="9">
        <v>48.88</v>
      </c>
      <c r="L6168" s="6" t="s">
        <v>51</v>
      </c>
    </row>
    <row r="6169" spans="1:12">
      <c r="A6169" s="6" t="s">
        <v>49</v>
      </c>
      <c r="B6169" s="6"/>
      <c r="C6169" s="6" t="s">
        <v>6193</v>
      </c>
      <c r="D6169" s="6"/>
      <c r="E6169" s="6" t="s">
        <v>9</v>
      </c>
      <c r="F6169" s="7">
        <v>38657</v>
      </c>
      <c r="G6169" s="8">
        <v>1</v>
      </c>
      <c r="H6169" s="8">
        <v>1</v>
      </c>
      <c r="I6169" s="8">
        <v>0</v>
      </c>
      <c r="J6169" s="8">
        <v>1</v>
      </c>
      <c r="K6169" s="9">
        <v>43</v>
      </c>
      <c r="L6169" s="6" t="s">
        <v>51</v>
      </c>
    </row>
    <row r="6170" spans="1:12">
      <c r="A6170" s="6" t="s">
        <v>49</v>
      </c>
      <c r="B6170" s="6"/>
      <c r="C6170" s="6" t="s">
        <v>6194</v>
      </c>
      <c r="D6170" s="6"/>
      <c r="E6170" s="6" t="s">
        <v>9</v>
      </c>
      <c r="F6170" s="7">
        <v>41365</v>
      </c>
      <c r="G6170" s="8">
        <v>1</v>
      </c>
      <c r="H6170" s="8">
        <v>1</v>
      </c>
      <c r="I6170" s="8">
        <v>0</v>
      </c>
      <c r="J6170" s="8">
        <v>1</v>
      </c>
      <c r="K6170" s="9">
        <v>6.85</v>
      </c>
      <c r="L6170" s="6" t="s">
        <v>51</v>
      </c>
    </row>
    <row r="6171" spans="1:12">
      <c r="A6171" s="6" t="s">
        <v>49</v>
      </c>
      <c r="B6171" s="6"/>
      <c r="C6171" s="6" t="s">
        <v>6195</v>
      </c>
      <c r="D6171" s="6"/>
      <c r="E6171" s="6" t="s">
        <v>9</v>
      </c>
      <c r="F6171" s="7">
        <v>41365</v>
      </c>
      <c r="G6171" s="8">
        <v>1</v>
      </c>
      <c r="H6171" s="8">
        <v>1</v>
      </c>
      <c r="I6171" s="8">
        <v>0</v>
      </c>
      <c r="J6171" s="8">
        <v>1</v>
      </c>
      <c r="K6171" s="9">
        <v>6.02</v>
      </c>
      <c r="L6171" s="6" t="s">
        <v>51</v>
      </c>
    </row>
    <row r="6172" spans="1:12">
      <c r="A6172" s="6" t="s">
        <v>49</v>
      </c>
      <c r="B6172" s="6"/>
      <c r="C6172" s="6" t="s">
        <v>6196</v>
      </c>
      <c r="D6172" s="6"/>
      <c r="E6172" s="6" t="s">
        <v>9</v>
      </c>
      <c r="F6172" s="7">
        <v>38657</v>
      </c>
      <c r="G6172" s="8">
        <v>1</v>
      </c>
      <c r="H6172" s="8">
        <v>1</v>
      </c>
      <c r="I6172" s="8">
        <v>0</v>
      </c>
      <c r="J6172" s="8">
        <v>1</v>
      </c>
      <c r="K6172" s="9">
        <v>520</v>
      </c>
      <c r="L6172" s="6" t="s">
        <v>51</v>
      </c>
    </row>
    <row r="6173" spans="1:12">
      <c r="A6173" s="6" t="s">
        <v>49</v>
      </c>
      <c r="B6173" s="6"/>
      <c r="C6173" s="6" t="s">
        <v>6197</v>
      </c>
      <c r="D6173" s="6"/>
      <c r="E6173" s="6" t="s">
        <v>9</v>
      </c>
      <c r="F6173" s="7">
        <v>41850</v>
      </c>
      <c r="G6173" s="8">
        <v>244489</v>
      </c>
      <c r="H6173" s="8">
        <v>244489</v>
      </c>
      <c r="I6173" s="8">
        <v>0</v>
      </c>
      <c r="J6173" s="8">
        <v>244489</v>
      </c>
      <c r="K6173" s="9">
        <v>53</v>
      </c>
      <c r="L6173" s="6" t="s">
        <v>51</v>
      </c>
    </row>
    <row r="6174" spans="1:12">
      <c r="A6174" s="6" t="s">
        <v>49</v>
      </c>
      <c r="B6174" s="6"/>
      <c r="C6174" s="6" t="s">
        <v>6198</v>
      </c>
      <c r="D6174" s="6"/>
      <c r="E6174" s="6" t="s">
        <v>9</v>
      </c>
      <c r="F6174" s="7">
        <v>38657</v>
      </c>
      <c r="G6174" s="8">
        <v>1</v>
      </c>
      <c r="H6174" s="8">
        <v>1</v>
      </c>
      <c r="I6174" s="8">
        <v>0</v>
      </c>
      <c r="J6174" s="8">
        <v>1</v>
      </c>
      <c r="K6174" s="9">
        <v>568</v>
      </c>
      <c r="L6174" s="6" t="s">
        <v>51</v>
      </c>
    </row>
    <row r="6175" spans="1:12">
      <c r="A6175" s="6" t="s">
        <v>49</v>
      </c>
      <c r="B6175" s="6"/>
      <c r="C6175" s="6" t="s">
        <v>6199</v>
      </c>
      <c r="D6175" s="6"/>
      <c r="E6175" s="6" t="s">
        <v>9</v>
      </c>
      <c r="F6175" s="7">
        <v>41843</v>
      </c>
      <c r="G6175" s="8">
        <v>69195</v>
      </c>
      <c r="H6175" s="8">
        <v>69195</v>
      </c>
      <c r="I6175" s="8">
        <v>0</v>
      </c>
      <c r="J6175" s="8">
        <v>69195</v>
      </c>
      <c r="K6175" s="9">
        <v>15</v>
      </c>
      <c r="L6175" s="6" t="s">
        <v>51</v>
      </c>
    </row>
    <row r="6176" spans="1:12">
      <c r="A6176" s="6" t="s">
        <v>49</v>
      </c>
      <c r="B6176" s="6"/>
      <c r="C6176" s="6" t="s">
        <v>6200</v>
      </c>
      <c r="D6176" s="6"/>
      <c r="E6176" s="6" t="s">
        <v>9</v>
      </c>
      <c r="F6176" s="7">
        <v>43797</v>
      </c>
      <c r="G6176" s="8">
        <v>191082</v>
      </c>
      <c r="H6176" s="8">
        <v>191082</v>
      </c>
      <c r="I6176" s="8">
        <v>0</v>
      </c>
      <c r="J6176" s="8">
        <v>191082</v>
      </c>
      <c r="K6176" s="9">
        <v>45</v>
      </c>
      <c r="L6176" s="6" t="s">
        <v>51</v>
      </c>
    </row>
    <row r="6177" spans="1:12">
      <c r="A6177" s="6" t="s">
        <v>49</v>
      </c>
      <c r="B6177" s="6"/>
      <c r="C6177" s="6" t="s">
        <v>6201</v>
      </c>
      <c r="D6177" s="6"/>
      <c r="E6177" s="6" t="s">
        <v>9</v>
      </c>
      <c r="F6177" s="7">
        <v>43797</v>
      </c>
      <c r="G6177" s="8">
        <v>1430993</v>
      </c>
      <c r="H6177" s="8">
        <v>1430993</v>
      </c>
      <c r="I6177" s="8">
        <v>0</v>
      </c>
      <c r="J6177" s="8">
        <v>1430993</v>
      </c>
      <c r="K6177" s="9">
        <v>337</v>
      </c>
      <c r="L6177" s="6" t="s">
        <v>51</v>
      </c>
    </row>
    <row r="6178" spans="1:12">
      <c r="A6178" s="6" t="s">
        <v>49</v>
      </c>
      <c r="B6178" s="6"/>
      <c r="C6178" s="6" t="s">
        <v>6202</v>
      </c>
      <c r="D6178" s="6"/>
      <c r="E6178" s="6" t="s">
        <v>9</v>
      </c>
      <c r="F6178" s="7">
        <v>43797</v>
      </c>
      <c r="G6178" s="8">
        <v>165605</v>
      </c>
      <c r="H6178" s="8">
        <v>165605</v>
      </c>
      <c r="I6178" s="8">
        <v>0</v>
      </c>
      <c r="J6178" s="8">
        <v>165605</v>
      </c>
      <c r="K6178" s="9">
        <v>39</v>
      </c>
      <c r="L6178" s="6" t="s">
        <v>51</v>
      </c>
    </row>
    <row r="6179" spans="1:12">
      <c r="A6179" s="6" t="s">
        <v>49</v>
      </c>
      <c r="B6179" s="6"/>
      <c r="C6179" s="6" t="s">
        <v>6203</v>
      </c>
      <c r="D6179" s="6"/>
      <c r="E6179" s="6" t="s">
        <v>9</v>
      </c>
      <c r="F6179" s="7">
        <v>43797</v>
      </c>
      <c r="G6179" s="8">
        <v>1188955</v>
      </c>
      <c r="H6179" s="8">
        <v>1188955</v>
      </c>
      <c r="I6179" s="8">
        <v>0</v>
      </c>
      <c r="J6179" s="8">
        <v>1188955</v>
      </c>
      <c r="K6179" s="9">
        <v>280</v>
      </c>
      <c r="L6179" s="6" t="s">
        <v>51</v>
      </c>
    </row>
    <row r="6180" spans="1:12">
      <c r="A6180" s="6" t="s">
        <v>49</v>
      </c>
      <c r="B6180" s="6"/>
      <c r="C6180" s="6" t="s">
        <v>6204</v>
      </c>
      <c r="D6180" s="6"/>
      <c r="E6180" s="6" t="s">
        <v>9</v>
      </c>
      <c r="F6180" s="7">
        <v>43797</v>
      </c>
      <c r="G6180" s="8">
        <v>39575</v>
      </c>
      <c r="H6180" s="8">
        <v>39575</v>
      </c>
      <c r="I6180" s="8">
        <v>0</v>
      </c>
      <c r="J6180" s="8">
        <v>39575</v>
      </c>
      <c r="K6180" s="9">
        <v>9.32</v>
      </c>
      <c r="L6180" s="6" t="s">
        <v>51</v>
      </c>
    </row>
    <row r="6181" spans="1:12">
      <c r="A6181" s="6" t="s">
        <v>49</v>
      </c>
      <c r="B6181" s="6"/>
      <c r="C6181" s="6" t="s">
        <v>6205</v>
      </c>
      <c r="D6181" s="6"/>
      <c r="E6181" s="6" t="s">
        <v>9</v>
      </c>
      <c r="F6181" s="7">
        <v>43594</v>
      </c>
      <c r="G6181" s="8">
        <v>1</v>
      </c>
      <c r="H6181" s="8">
        <v>1</v>
      </c>
      <c r="I6181" s="8">
        <v>0</v>
      </c>
      <c r="J6181" s="8">
        <v>1</v>
      </c>
      <c r="K6181" s="9">
        <v>42</v>
      </c>
      <c r="L6181" s="6" t="s">
        <v>51</v>
      </c>
    </row>
    <row r="6182" spans="1:12">
      <c r="A6182" s="6" t="s">
        <v>49</v>
      </c>
      <c r="B6182" s="6"/>
      <c r="C6182" s="6" t="s">
        <v>6206</v>
      </c>
      <c r="D6182" s="6"/>
      <c r="E6182" s="6" t="s">
        <v>9</v>
      </c>
      <c r="F6182" s="7">
        <v>43810</v>
      </c>
      <c r="G6182" s="8">
        <v>1</v>
      </c>
      <c r="H6182" s="8">
        <v>1</v>
      </c>
      <c r="I6182" s="8">
        <v>0</v>
      </c>
      <c r="J6182" s="8">
        <v>1</v>
      </c>
      <c r="K6182" s="9">
        <v>57.67</v>
      </c>
      <c r="L6182" s="6" t="s">
        <v>10</v>
      </c>
    </row>
    <row r="6183" spans="1:12">
      <c r="A6183" s="6" t="s">
        <v>49</v>
      </c>
      <c r="B6183" s="6"/>
      <c r="C6183" s="6" t="s">
        <v>6207</v>
      </c>
      <c r="D6183" s="6"/>
      <c r="E6183" s="6" t="s">
        <v>9</v>
      </c>
      <c r="F6183" s="7">
        <v>43906</v>
      </c>
      <c r="G6183" s="8">
        <v>1</v>
      </c>
      <c r="H6183" s="8">
        <v>1</v>
      </c>
      <c r="I6183" s="8">
        <v>0</v>
      </c>
      <c r="J6183" s="8">
        <v>1</v>
      </c>
      <c r="K6183" s="9">
        <v>485.25</v>
      </c>
      <c r="L6183" s="6" t="s">
        <v>51</v>
      </c>
    </row>
    <row r="6184" spans="1:12">
      <c r="A6184" s="6" t="s">
        <v>49</v>
      </c>
      <c r="B6184" s="6"/>
      <c r="C6184" s="6" t="s">
        <v>6208</v>
      </c>
      <c r="D6184" s="6"/>
      <c r="E6184" s="6" t="s">
        <v>9</v>
      </c>
      <c r="F6184" s="7">
        <v>43857</v>
      </c>
      <c r="G6184" s="8">
        <v>1</v>
      </c>
      <c r="H6184" s="8">
        <v>1</v>
      </c>
      <c r="I6184" s="8">
        <v>0</v>
      </c>
      <c r="J6184" s="8">
        <v>1</v>
      </c>
      <c r="K6184" s="9">
        <v>5.36</v>
      </c>
      <c r="L6184" s="6" t="s">
        <v>51</v>
      </c>
    </row>
    <row r="6185" spans="1:12">
      <c r="A6185" s="6" t="s">
        <v>49</v>
      </c>
      <c r="B6185" s="6"/>
      <c r="C6185" s="6" t="s">
        <v>6209</v>
      </c>
      <c r="D6185" s="6"/>
      <c r="E6185" s="6" t="s">
        <v>9</v>
      </c>
      <c r="F6185" s="7">
        <v>38657</v>
      </c>
      <c r="G6185" s="8">
        <v>1</v>
      </c>
      <c r="H6185" s="8">
        <v>1</v>
      </c>
      <c r="I6185" s="8">
        <v>0</v>
      </c>
      <c r="J6185" s="8">
        <v>1</v>
      </c>
      <c r="K6185" s="9">
        <v>3572</v>
      </c>
      <c r="L6185" s="6" t="s">
        <v>51</v>
      </c>
    </row>
    <row r="6186" spans="1:12">
      <c r="A6186" s="6" t="s">
        <v>49</v>
      </c>
      <c r="B6186" s="6"/>
      <c r="C6186" s="6" t="s">
        <v>6210</v>
      </c>
      <c r="D6186" s="6"/>
      <c r="E6186" s="6" t="s">
        <v>9</v>
      </c>
      <c r="F6186" s="7">
        <v>43857</v>
      </c>
      <c r="G6186" s="8">
        <v>1</v>
      </c>
      <c r="H6186" s="8">
        <v>1</v>
      </c>
      <c r="I6186" s="8">
        <v>0</v>
      </c>
      <c r="J6186" s="8">
        <v>1</v>
      </c>
      <c r="K6186" s="9">
        <v>18.73</v>
      </c>
      <c r="L6186" s="6" t="s">
        <v>51</v>
      </c>
    </row>
    <row r="6187" spans="1:12">
      <c r="A6187" s="6" t="s">
        <v>49</v>
      </c>
      <c r="B6187" s="6"/>
      <c r="C6187" s="6" t="s">
        <v>6211</v>
      </c>
      <c r="D6187" s="6"/>
      <c r="E6187" s="6" t="s">
        <v>9</v>
      </c>
      <c r="F6187" s="7">
        <v>43857</v>
      </c>
      <c r="G6187" s="8">
        <v>1</v>
      </c>
      <c r="H6187" s="8">
        <v>1</v>
      </c>
      <c r="I6187" s="8">
        <v>0</v>
      </c>
      <c r="J6187" s="8">
        <v>1</v>
      </c>
      <c r="K6187" s="9">
        <v>63.87</v>
      </c>
      <c r="L6187" s="6" t="s">
        <v>51</v>
      </c>
    </row>
    <row r="6188" spans="1:12">
      <c r="A6188" s="6" t="s">
        <v>49</v>
      </c>
      <c r="B6188" s="6"/>
      <c r="C6188" s="6" t="s">
        <v>6212</v>
      </c>
      <c r="D6188" s="6"/>
      <c r="E6188" s="6" t="s">
        <v>9</v>
      </c>
      <c r="F6188" s="7">
        <v>43857</v>
      </c>
      <c r="G6188" s="8">
        <v>1</v>
      </c>
      <c r="H6188" s="8">
        <v>1</v>
      </c>
      <c r="I6188" s="8">
        <v>0</v>
      </c>
      <c r="J6188" s="8">
        <v>1</v>
      </c>
      <c r="K6188" s="9">
        <v>5.77</v>
      </c>
      <c r="L6188" s="6" t="s">
        <v>51</v>
      </c>
    </row>
    <row r="6189" spans="1:12">
      <c r="A6189" s="6" t="s">
        <v>49</v>
      </c>
      <c r="B6189" s="6"/>
      <c r="C6189" s="6" t="s">
        <v>6213</v>
      </c>
      <c r="D6189" s="6"/>
      <c r="E6189" s="6" t="s">
        <v>9</v>
      </c>
      <c r="F6189" s="7">
        <v>43857</v>
      </c>
      <c r="G6189" s="8">
        <v>1</v>
      </c>
      <c r="H6189" s="8">
        <v>1</v>
      </c>
      <c r="I6189" s="8">
        <v>0</v>
      </c>
      <c r="J6189" s="8">
        <v>1</v>
      </c>
      <c r="K6189" s="9">
        <v>38.67</v>
      </c>
      <c r="L6189" s="6" t="s">
        <v>51</v>
      </c>
    </row>
    <row r="6190" spans="1:12">
      <c r="A6190" s="6" t="s">
        <v>49</v>
      </c>
      <c r="B6190" s="6"/>
      <c r="C6190" s="6" t="s">
        <v>6214</v>
      </c>
      <c r="D6190" s="6"/>
      <c r="E6190" s="6" t="s">
        <v>9</v>
      </c>
      <c r="F6190" s="7">
        <v>43857</v>
      </c>
      <c r="G6190" s="8">
        <v>1</v>
      </c>
      <c r="H6190" s="8">
        <v>1</v>
      </c>
      <c r="I6190" s="8">
        <v>0</v>
      </c>
      <c r="J6190" s="8">
        <v>1</v>
      </c>
      <c r="K6190" s="9">
        <v>97.12</v>
      </c>
      <c r="L6190" s="6" t="s">
        <v>51</v>
      </c>
    </row>
    <row r="6191" spans="1:12">
      <c r="A6191" s="6" t="s">
        <v>49</v>
      </c>
      <c r="B6191" s="6"/>
      <c r="C6191" s="6" t="s">
        <v>6215</v>
      </c>
      <c r="D6191" s="6"/>
      <c r="E6191" s="6" t="s">
        <v>9</v>
      </c>
      <c r="F6191" s="7">
        <v>38657</v>
      </c>
      <c r="G6191" s="8">
        <v>21727</v>
      </c>
      <c r="H6191" s="8">
        <v>21727</v>
      </c>
      <c r="I6191" s="8">
        <v>0</v>
      </c>
      <c r="J6191" s="8">
        <v>21727</v>
      </c>
      <c r="K6191" s="9">
        <v>4.71</v>
      </c>
      <c r="L6191" s="6" t="s">
        <v>51</v>
      </c>
    </row>
    <row r="6192" spans="1:12">
      <c r="A6192" s="6" t="s">
        <v>49</v>
      </c>
      <c r="B6192" s="6"/>
      <c r="C6192" s="6" t="s">
        <v>6216</v>
      </c>
      <c r="D6192" s="6"/>
      <c r="E6192" s="6" t="s">
        <v>9</v>
      </c>
      <c r="F6192" s="7">
        <v>43951</v>
      </c>
      <c r="G6192" s="8">
        <v>1</v>
      </c>
      <c r="H6192" s="8">
        <v>1</v>
      </c>
      <c r="I6192" s="8">
        <v>0</v>
      </c>
      <c r="J6192" s="8">
        <v>1</v>
      </c>
      <c r="K6192" s="9">
        <v>100</v>
      </c>
      <c r="L6192" s="6" t="s">
        <v>51</v>
      </c>
    </row>
    <row r="6193" spans="1:12">
      <c r="A6193" s="6" t="s">
        <v>49</v>
      </c>
      <c r="B6193" s="6"/>
      <c r="C6193" s="6" t="s">
        <v>6217</v>
      </c>
      <c r="D6193" s="6"/>
      <c r="E6193" s="6" t="s">
        <v>9</v>
      </c>
      <c r="F6193" s="7">
        <v>43951</v>
      </c>
      <c r="G6193" s="8">
        <v>1</v>
      </c>
      <c r="H6193" s="8">
        <v>1</v>
      </c>
      <c r="I6193" s="8">
        <v>0</v>
      </c>
      <c r="J6193" s="8">
        <v>1</v>
      </c>
      <c r="K6193" s="9">
        <v>330</v>
      </c>
      <c r="L6193" s="6" t="s">
        <v>51</v>
      </c>
    </row>
    <row r="6194" spans="1:12">
      <c r="A6194" s="6" t="s">
        <v>49</v>
      </c>
      <c r="B6194" s="6"/>
      <c r="C6194" s="6" t="s">
        <v>6218</v>
      </c>
      <c r="D6194" s="6"/>
      <c r="E6194" s="6" t="s">
        <v>9</v>
      </c>
      <c r="F6194" s="7">
        <v>43990</v>
      </c>
      <c r="G6194" s="8">
        <v>1</v>
      </c>
      <c r="H6194" s="8">
        <v>1</v>
      </c>
      <c r="I6194" s="8">
        <v>0</v>
      </c>
      <c r="J6194" s="8">
        <v>1</v>
      </c>
      <c r="K6194" s="9">
        <v>932</v>
      </c>
      <c r="L6194" s="6" t="s">
        <v>51</v>
      </c>
    </row>
    <row r="6195" spans="1:12">
      <c r="A6195" s="6" t="s">
        <v>49</v>
      </c>
      <c r="B6195" s="6"/>
      <c r="C6195" s="6" t="s">
        <v>6219</v>
      </c>
      <c r="D6195" s="6"/>
      <c r="E6195" s="6" t="s">
        <v>9</v>
      </c>
      <c r="F6195" s="7">
        <v>38657</v>
      </c>
      <c r="G6195" s="8">
        <v>1</v>
      </c>
      <c r="H6195" s="8">
        <v>1</v>
      </c>
      <c r="I6195" s="8">
        <v>0</v>
      </c>
      <c r="J6195" s="8">
        <v>1</v>
      </c>
      <c r="K6195" s="9">
        <v>5.55</v>
      </c>
      <c r="L6195" s="6" t="s">
        <v>51</v>
      </c>
    </row>
    <row r="6196" spans="1:12">
      <c r="A6196" s="6" t="s">
        <v>49</v>
      </c>
      <c r="B6196" s="6"/>
      <c r="C6196" s="6" t="s">
        <v>6220</v>
      </c>
      <c r="D6196" s="6"/>
      <c r="E6196" s="6" t="s">
        <v>9</v>
      </c>
      <c r="F6196" s="7">
        <v>43990</v>
      </c>
      <c r="G6196" s="8">
        <v>1</v>
      </c>
      <c r="H6196" s="8">
        <v>1</v>
      </c>
      <c r="I6196" s="8">
        <v>0</v>
      </c>
      <c r="J6196" s="8">
        <v>1</v>
      </c>
      <c r="K6196" s="9">
        <v>24</v>
      </c>
      <c r="L6196" s="6" t="s">
        <v>51</v>
      </c>
    </row>
    <row r="6197" spans="1:12">
      <c r="A6197" s="6" t="s">
        <v>49</v>
      </c>
      <c r="B6197" s="6"/>
      <c r="C6197" s="6" t="s">
        <v>6221</v>
      </c>
      <c r="D6197" s="6"/>
      <c r="E6197" s="6" t="s">
        <v>9</v>
      </c>
      <c r="F6197" s="7">
        <v>43990</v>
      </c>
      <c r="G6197" s="8">
        <v>1</v>
      </c>
      <c r="H6197" s="8">
        <v>1</v>
      </c>
      <c r="I6197" s="8">
        <v>0</v>
      </c>
      <c r="J6197" s="8">
        <v>1</v>
      </c>
      <c r="K6197" s="9">
        <v>1345</v>
      </c>
      <c r="L6197" s="6" t="s">
        <v>51</v>
      </c>
    </row>
    <row r="6198" spans="1:12">
      <c r="A6198" s="6" t="s">
        <v>49</v>
      </c>
      <c r="B6198" s="6"/>
      <c r="C6198" s="6" t="s">
        <v>6222</v>
      </c>
      <c r="D6198" s="6"/>
      <c r="E6198" s="6" t="s">
        <v>9</v>
      </c>
      <c r="F6198" s="7">
        <v>43990</v>
      </c>
      <c r="G6198" s="8">
        <v>1</v>
      </c>
      <c r="H6198" s="8">
        <v>1</v>
      </c>
      <c r="I6198" s="8">
        <v>0</v>
      </c>
      <c r="J6198" s="8">
        <v>1</v>
      </c>
      <c r="K6198" s="9">
        <v>270</v>
      </c>
      <c r="L6198" s="6" t="s">
        <v>51</v>
      </c>
    </row>
    <row r="6199" spans="1:12">
      <c r="A6199" s="6" t="s">
        <v>49</v>
      </c>
      <c r="B6199" s="6"/>
      <c r="C6199" s="6" t="s">
        <v>6223</v>
      </c>
      <c r="D6199" s="6"/>
      <c r="E6199" s="6" t="s">
        <v>9</v>
      </c>
      <c r="F6199" s="7">
        <v>43990</v>
      </c>
      <c r="G6199" s="8">
        <v>1</v>
      </c>
      <c r="H6199" s="8">
        <v>1</v>
      </c>
      <c r="I6199" s="8">
        <v>0</v>
      </c>
      <c r="J6199" s="8">
        <v>1</v>
      </c>
      <c r="K6199" s="9">
        <v>70</v>
      </c>
      <c r="L6199" s="6" t="s">
        <v>51</v>
      </c>
    </row>
    <row r="6200" spans="1:12">
      <c r="A6200" s="6" t="s">
        <v>49</v>
      </c>
      <c r="B6200" s="6"/>
      <c r="C6200" s="6" t="s">
        <v>6224</v>
      </c>
      <c r="D6200" s="6"/>
      <c r="E6200" s="6" t="s">
        <v>9</v>
      </c>
      <c r="F6200" s="7">
        <v>43990</v>
      </c>
      <c r="G6200" s="8">
        <v>1</v>
      </c>
      <c r="H6200" s="8">
        <v>1</v>
      </c>
      <c r="I6200" s="8">
        <v>0</v>
      </c>
      <c r="J6200" s="8">
        <v>1</v>
      </c>
      <c r="K6200" s="9">
        <v>29</v>
      </c>
      <c r="L6200" s="6" t="s">
        <v>51</v>
      </c>
    </row>
    <row r="6201" spans="1:12">
      <c r="A6201" s="6" t="s">
        <v>49</v>
      </c>
      <c r="B6201" s="6"/>
      <c r="C6201" s="6" t="s">
        <v>6225</v>
      </c>
      <c r="D6201" s="6"/>
      <c r="E6201" s="6" t="s">
        <v>9</v>
      </c>
      <c r="F6201" s="7">
        <v>43448</v>
      </c>
      <c r="G6201" s="8">
        <v>1</v>
      </c>
      <c r="H6201" s="8">
        <v>1</v>
      </c>
      <c r="I6201" s="8">
        <v>0</v>
      </c>
      <c r="J6201" s="8">
        <v>1</v>
      </c>
      <c r="K6201" s="9">
        <v>5.74</v>
      </c>
      <c r="L6201" s="6" t="s">
        <v>51</v>
      </c>
    </row>
    <row r="6202" spans="1:12">
      <c r="A6202" s="6" t="s">
        <v>49</v>
      </c>
      <c r="B6202" s="6"/>
      <c r="C6202" s="6" t="s">
        <v>6226</v>
      </c>
      <c r="D6202" s="6"/>
      <c r="E6202" s="6" t="s">
        <v>9</v>
      </c>
      <c r="F6202" s="7">
        <v>43978</v>
      </c>
      <c r="G6202" s="8">
        <v>1</v>
      </c>
      <c r="H6202" s="8">
        <v>1</v>
      </c>
      <c r="I6202" s="8">
        <v>0</v>
      </c>
      <c r="J6202" s="8">
        <v>1</v>
      </c>
      <c r="K6202" s="9">
        <v>6.92</v>
      </c>
      <c r="L6202" s="6" t="s">
        <v>51</v>
      </c>
    </row>
    <row r="6203" spans="1:12">
      <c r="A6203" s="6" t="s">
        <v>49</v>
      </c>
      <c r="B6203" s="6"/>
      <c r="C6203" s="6" t="s">
        <v>6227</v>
      </c>
      <c r="D6203" s="6"/>
      <c r="E6203" s="6" t="s">
        <v>9</v>
      </c>
      <c r="F6203" s="7">
        <v>43978</v>
      </c>
      <c r="G6203" s="8">
        <v>1</v>
      </c>
      <c r="H6203" s="8">
        <v>1</v>
      </c>
      <c r="I6203" s="8">
        <v>0</v>
      </c>
      <c r="J6203" s="8">
        <v>1</v>
      </c>
      <c r="K6203" s="9">
        <v>4.9800000000000004</v>
      </c>
      <c r="L6203" s="6" t="s">
        <v>51</v>
      </c>
    </row>
    <row r="6204" spans="1:12">
      <c r="A6204" s="6" t="s">
        <v>49</v>
      </c>
      <c r="B6204" s="6"/>
      <c r="C6204" s="6" t="s">
        <v>6228</v>
      </c>
      <c r="D6204" s="6"/>
      <c r="E6204" s="6" t="s">
        <v>9</v>
      </c>
      <c r="F6204" s="7">
        <v>43978</v>
      </c>
      <c r="G6204" s="8">
        <v>1</v>
      </c>
      <c r="H6204" s="8">
        <v>1</v>
      </c>
      <c r="I6204" s="8">
        <v>0</v>
      </c>
      <c r="J6204" s="8">
        <v>1</v>
      </c>
      <c r="K6204" s="9">
        <v>133</v>
      </c>
      <c r="L6204" s="6" t="s">
        <v>51</v>
      </c>
    </row>
    <row r="6205" spans="1:12">
      <c r="A6205" s="6" t="s">
        <v>49</v>
      </c>
      <c r="B6205" s="6"/>
      <c r="C6205" s="6" t="s">
        <v>6229</v>
      </c>
      <c r="D6205" s="6"/>
      <c r="E6205" s="6" t="s">
        <v>9</v>
      </c>
      <c r="F6205" s="7">
        <v>43978</v>
      </c>
      <c r="G6205" s="8">
        <v>1</v>
      </c>
      <c r="H6205" s="8">
        <v>1</v>
      </c>
      <c r="I6205" s="8">
        <v>0</v>
      </c>
      <c r="J6205" s="8">
        <v>1</v>
      </c>
      <c r="K6205" s="9">
        <v>795</v>
      </c>
      <c r="L6205" s="6" t="s">
        <v>51</v>
      </c>
    </row>
    <row r="6206" spans="1:12">
      <c r="A6206" s="6" t="s">
        <v>49</v>
      </c>
      <c r="B6206" s="6"/>
      <c r="C6206" s="6" t="s">
        <v>6230</v>
      </c>
      <c r="D6206" s="6"/>
      <c r="E6206" s="6" t="s">
        <v>9</v>
      </c>
      <c r="F6206" s="7">
        <v>38657</v>
      </c>
      <c r="G6206" s="8">
        <v>1</v>
      </c>
      <c r="H6206" s="8">
        <v>1</v>
      </c>
      <c r="I6206" s="8">
        <v>0</v>
      </c>
      <c r="J6206" s="8">
        <v>1</v>
      </c>
      <c r="K6206" s="9">
        <v>1681</v>
      </c>
      <c r="L6206" s="6" t="s">
        <v>51</v>
      </c>
    </row>
    <row r="6207" spans="1:12">
      <c r="A6207" s="6" t="s">
        <v>49</v>
      </c>
      <c r="B6207" s="6"/>
      <c r="C6207" s="6" t="s">
        <v>6231</v>
      </c>
      <c r="D6207" s="6"/>
      <c r="E6207" s="6" t="s">
        <v>9</v>
      </c>
      <c r="F6207" s="7">
        <v>43978</v>
      </c>
      <c r="G6207" s="8">
        <v>1</v>
      </c>
      <c r="H6207" s="8">
        <v>1</v>
      </c>
      <c r="I6207" s="8">
        <v>0</v>
      </c>
      <c r="J6207" s="8">
        <v>1</v>
      </c>
      <c r="K6207" s="9">
        <v>4.09</v>
      </c>
      <c r="L6207" s="6" t="s">
        <v>51</v>
      </c>
    </row>
    <row r="6208" spans="1:12">
      <c r="A6208" s="6" t="s">
        <v>49</v>
      </c>
      <c r="B6208" s="6"/>
      <c r="C6208" s="6" t="s">
        <v>6232</v>
      </c>
      <c r="D6208" s="6"/>
      <c r="E6208" s="6" t="s">
        <v>9</v>
      </c>
      <c r="F6208" s="7">
        <v>44061</v>
      </c>
      <c r="G6208" s="8">
        <v>1</v>
      </c>
      <c r="H6208" s="8">
        <v>1</v>
      </c>
      <c r="I6208" s="8">
        <v>0</v>
      </c>
      <c r="J6208" s="8">
        <v>1</v>
      </c>
      <c r="K6208" s="9">
        <v>294</v>
      </c>
      <c r="L6208" s="6" t="s">
        <v>51</v>
      </c>
    </row>
    <row r="6209" spans="1:12">
      <c r="A6209" s="6" t="s">
        <v>49</v>
      </c>
      <c r="B6209" s="6"/>
      <c r="C6209" s="6" t="s">
        <v>6233</v>
      </c>
      <c r="D6209" s="6"/>
      <c r="E6209" s="6" t="s">
        <v>9</v>
      </c>
      <c r="F6209" s="7">
        <v>44061</v>
      </c>
      <c r="G6209" s="8">
        <v>1</v>
      </c>
      <c r="H6209" s="8">
        <v>1</v>
      </c>
      <c r="I6209" s="8">
        <v>0</v>
      </c>
      <c r="J6209" s="8">
        <v>1</v>
      </c>
      <c r="K6209" s="9">
        <v>75</v>
      </c>
      <c r="L6209" s="6" t="s">
        <v>51</v>
      </c>
    </row>
    <row r="6210" spans="1:12">
      <c r="A6210" s="6" t="s">
        <v>49</v>
      </c>
      <c r="B6210" s="6"/>
      <c r="C6210" s="6" t="s">
        <v>6234</v>
      </c>
      <c r="D6210" s="6"/>
      <c r="E6210" s="6" t="s">
        <v>9</v>
      </c>
      <c r="F6210" s="7">
        <v>44061</v>
      </c>
      <c r="G6210" s="8">
        <v>1</v>
      </c>
      <c r="H6210" s="8">
        <v>1</v>
      </c>
      <c r="I6210" s="8">
        <v>0</v>
      </c>
      <c r="J6210" s="8">
        <v>1</v>
      </c>
      <c r="K6210" s="9">
        <v>31</v>
      </c>
      <c r="L6210" s="6" t="s">
        <v>51</v>
      </c>
    </row>
    <row r="6211" spans="1:12">
      <c r="A6211" s="6" t="s">
        <v>49</v>
      </c>
      <c r="B6211" s="6"/>
      <c r="C6211" s="6" t="s">
        <v>6235</v>
      </c>
      <c r="D6211" s="6"/>
      <c r="E6211" s="6" t="s">
        <v>9</v>
      </c>
      <c r="F6211" s="7">
        <v>44061</v>
      </c>
      <c r="G6211" s="8">
        <v>1</v>
      </c>
      <c r="H6211" s="8">
        <v>1</v>
      </c>
      <c r="I6211" s="8">
        <v>0</v>
      </c>
      <c r="J6211" s="8">
        <v>1</v>
      </c>
      <c r="K6211" s="9">
        <v>459</v>
      </c>
      <c r="L6211" s="6" t="s">
        <v>51</v>
      </c>
    </row>
    <row r="6212" spans="1:12">
      <c r="A6212" s="6" t="s">
        <v>49</v>
      </c>
      <c r="B6212" s="6"/>
      <c r="C6212" s="6" t="s">
        <v>6236</v>
      </c>
      <c r="D6212" s="6"/>
      <c r="E6212" s="6" t="s">
        <v>9</v>
      </c>
      <c r="F6212" s="7">
        <v>44061</v>
      </c>
      <c r="G6212" s="8">
        <v>1</v>
      </c>
      <c r="H6212" s="8">
        <v>1</v>
      </c>
      <c r="I6212" s="8">
        <v>0</v>
      </c>
      <c r="J6212" s="8">
        <v>1</v>
      </c>
      <c r="K6212" s="9">
        <v>22</v>
      </c>
      <c r="L6212" s="6" t="s">
        <v>51</v>
      </c>
    </row>
    <row r="6213" spans="1:12">
      <c r="A6213" s="6" t="s">
        <v>49</v>
      </c>
      <c r="B6213" s="6"/>
      <c r="C6213" s="6" t="s">
        <v>6237</v>
      </c>
      <c r="D6213" s="6"/>
      <c r="E6213" s="6" t="s">
        <v>9</v>
      </c>
      <c r="F6213" s="7">
        <v>44061</v>
      </c>
      <c r="G6213" s="8">
        <v>1</v>
      </c>
      <c r="H6213" s="8">
        <v>1</v>
      </c>
      <c r="I6213" s="8">
        <v>0</v>
      </c>
      <c r="J6213" s="8">
        <v>1</v>
      </c>
      <c r="K6213" s="9">
        <v>22</v>
      </c>
      <c r="L6213" s="6" t="s">
        <v>51</v>
      </c>
    </row>
    <row r="6214" spans="1:12">
      <c r="A6214" s="6" t="s">
        <v>49</v>
      </c>
      <c r="B6214" s="6"/>
      <c r="C6214" s="6" t="s">
        <v>6238</v>
      </c>
      <c r="D6214" s="6"/>
      <c r="E6214" s="6" t="s">
        <v>9</v>
      </c>
      <c r="F6214" s="7">
        <v>44061</v>
      </c>
      <c r="G6214" s="8">
        <v>1</v>
      </c>
      <c r="H6214" s="8">
        <v>1</v>
      </c>
      <c r="I6214" s="8">
        <v>0</v>
      </c>
      <c r="J6214" s="8">
        <v>1</v>
      </c>
      <c r="K6214" s="9">
        <v>1362</v>
      </c>
      <c r="L6214" s="6" t="s">
        <v>51</v>
      </c>
    </row>
    <row r="6215" spans="1:12">
      <c r="A6215" s="6" t="s">
        <v>49</v>
      </c>
      <c r="B6215" s="6"/>
      <c r="C6215" s="6" t="s">
        <v>6239</v>
      </c>
      <c r="D6215" s="6"/>
      <c r="E6215" s="6" t="s">
        <v>9</v>
      </c>
      <c r="F6215" s="7">
        <v>44061</v>
      </c>
      <c r="G6215" s="8">
        <v>1</v>
      </c>
      <c r="H6215" s="8">
        <v>1</v>
      </c>
      <c r="I6215" s="8">
        <v>0</v>
      </c>
      <c r="J6215" s="8">
        <v>1</v>
      </c>
      <c r="K6215" s="9">
        <v>37</v>
      </c>
      <c r="L6215" s="6" t="s">
        <v>51</v>
      </c>
    </row>
    <row r="6216" spans="1:12">
      <c r="A6216" s="6" t="s">
        <v>49</v>
      </c>
      <c r="B6216" s="6"/>
      <c r="C6216" s="6" t="s">
        <v>6240</v>
      </c>
      <c r="D6216" s="6"/>
      <c r="E6216" s="6" t="s">
        <v>9</v>
      </c>
      <c r="F6216" s="7">
        <v>44061</v>
      </c>
      <c r="G6216" s="8">
        <v>1</v>
      </c>
      <c r="H6216" s="8">
        <v>1</v>
      </c>
      <c r="I6216" s="8">
        <v>0</v>
      </c>
      <c r="J6216" s="8">
        <v>1</v>
      </c>
      <c r="K6216" s="9">
        <v>757</v>
      </c>
      <c r="L6216" s="6" t="s">
        <v>51</v>
      </c>
    </row>
    <row r="6217" spans="1:12">
      <c r="A6217" s="6" t="s">
        <v>49</v>
      </c>
      <c r="B6217" s="6"/>
      <c r="C6217" s="6" t="s">
        <v>6241</v>
      </c>
      <c r="D6217" s="6"/>
      <c r="E6217" s="6" t="s">
        <v>9</v>
      </c>
      <c r="F6217" s="7">
        <v>41493</v>
      </c>
      <c r="G6217" s="8">
        <v>1</v>
      </c>
      <c r="H6217" s="8">
        <v>1</v>
      </c>
      <c r="I6217" s="8">
        <v>0</v>
      </c>
      <c r="J6217" s="8">
        <v>1</v>
      </c>
      <c r="K6217" s="9">
        <v>1.93</v>
      </c>
      <c r="L6217" s="6" t="s">
        <v>51</v>
      </c>
    </row>
    <row r="6218" spans="1:12">
      <c r="A6218" s="6" t="s">
        <v>49</v>
      </c>
      <c r="B6218" s="6"/>
      <c r="C6218" s="6" t="s">
        <v>6242</v>
      </c>
      <c r="D6218" s="6"/>
      <c r="E6218" s="6" t="s">
        <v>9</v>
      </c>
      <c r="F6218" s="7">
        <v>44061</v>
      </c>
      <c r="G6218" s="8">
        <v>1</v>
      </c>
      <c r="H6218" s="8">
        <v>1</v>
      </c>
      <c r="I6218" s="8">
        <v>0</v>
      </c>
      <c r="J6218" s="8">
        <v>1</v>
      </c>
      <c r="K6218" s="9">
        <v>6.26</v>
      </c>
      <c r="L6218" s="6" t="s">
        <v>51</v>
      </c>
    </row>
    <row r="6219" spans="1:12">
      <c r="A6219" s="6" t="s">
        <v>49</v>
      </c>
      <c r="B6219" s="6"/>
      <c r="C6219" s="6" t="s">
        <v>6243</v>
      </c>
      <c r="D6219" s="6"/>
      <c r="E6219" s="6" t="s">
        <v>9</v>
      </c>
      <c r="F6219" s="7">
        <v>44061</v>
      </c>
      <c r="G6219" s="8">
        <v>1</v>
      </c>
      <c r="H6219" s="8">
        <v>1</v>
      </c>
      <c r="I6219" s="8">
        <v>0</v>
      </c>
      <c r="J6219" s="8">
        <v>1</v>
      </c>
      <c r="K6219" s="9">
        <v>172</v>
      </c>
      <c r="L6219" s="6" t="s">
        <v>51</v>
      </c>
    </row>
    <row r="6220" spans="1:12">
      <c r="A6220" s="6" t="s">
        <v>49</v>
      </c>
      <c r="B6220" s="6"/>
      <c r="C6220" s="6" t="s">
        <v>6244</v>
      </c>
      <c r="D6220" s="6"/>
      <c r="E6220" s="6" t="s">
        <v>9</v>
      </c>
      <c r="F6220" s="7">
        <v>44061</v>
      </c>
      <c r="G6220" s="8">
        <v>1</v>
      </c>
      <c r="H6220" s="8">
        <v>1</v>
      </c>
      <c r="I6220" s="8">
        <v>0</v>
      </c>
      <c r="J6220" s="8">
        <v>1</v>
      </c>
      <c r="K6220" s="9">
        <v>145</v>
      </c>
      <c r="L6220" s="6" t="s">
        <v>51</v>
      </c>
    </row>
    <row r="6221" spans="1:12">
      <c r="A6221" s="6" t="s">
        <v>49</v>
      </c>
      <c r="B6221" s="6"/>
      <c r="C6221" s="6" t="s">
        <v>6245</v>
      </c>
      <c r="D6221" s="6"/>
      <c r="E6221" s="6" t="s">
        <v>9</v>
      </c>
      <c r="F6221" s="7">
        <v>44061</v>
      </c>
      <c r="G6221" s="8">
        <v>1</v>
      </c>
      <c r="H6221" s="8">
        <v>1</v>
      </c>
      <c r="I6221" s="8">
        <v>0</v>
      </c>
      <c r="J6221" s="8">
        <v>1</v>
      </c>
      <c r="K6221" s="9">
        <v>1004</v>
      </c>
      <c r="L6221" s="6" t="s">
        <v>51</v>
      </c>
    </row>
    <row r="6222" spans="1:12">
      <c r="A6222" s="6" t="s">
        <v>49</v>
      </c>
      <c r="B6222" s="6"/>
      <c r="C6222" s="6" t="s">
        <v>6246</v>
      </c>
      <c r="D6222" s="6"/>
      <c r="E6222" s="6" t="s">
        <v>9</v>
      </c>
      <c r="F6222" s="7">
        <v>44061</v>
      </c>
      <c r="G6222" s="8">
        <v>1</v>
      </c>
      <c r="H6222" s="8">
        <v>1</v>
      </c>
      <c r="I6222" s="8">
        <v>0</v>
      </c>
      <c r="J6222" s="8">
        <v>1</v>
      </c>
      <c r="K6222" s="9">
        <v>2.39</v>
      </c>
      <c r="L6222" s="6" t="s">
        <v>51</v>
      </c>
    </row>
    <row r="6223" spans="1:12">
      <c r="A6223" s="6" t="s">
        <v>49</v>
      </c>
      <c r="B6223" s="6"/>
      <c r="C6223" s="6" t="s">
        <v>6247</v>
      </c>
      <c r="D6223" s="6"/>
      <c r="E6223" s="6" t="s">
        <v>9</v>
      </c>
      <c r="F6223" s="7">
        <v>44061</v>
      </c>
      <c r="G6223" s="8">
        <v>1</v>
      </c>
      <c r="H6223" s="8">
        <v>1</v>
      </c>
      <c r="I6223" s="8">
        <v>0</v>
      </c>
      <c r="J6223" s="8">
        <v>1</v>
      </c>
      <c r="K6223" s="9">
        <v>149</v>
      </c>
      <c r="L6223" s="6" t="s">
        <v>51</v>
      </c>
    </row>
    <row r="6224" spans="1:12">
      <c r="A6224" s="6" t="s">
        <v>49</v>
      </c>
      <c r="B6224" s="6"/>
      <c r="C6224" s="6" t="s">
        <v>6248</v>
      </c>
      <c r="D6224" s="6"/>
      <c r="E6224" s="6" t="s">
        <v>9</v>
      </c>
      <c r="F6224" s="7">
        <v>44061</v>
      </c>
      <c r="G6224" s="8">
        <v>1</v>
      </c>
      <c r="H6224" s="8">
        <v>1</v>
      </c>
      <c r="I6224" s="8">
        <v>0</v>
      </c>
      <c r="J6224" s="8">
        <v>1</v>
      </c>
      <c r="K6224" s="9">
        <v>50</v>
      </c>
      <c r="L6224" s="6" t="s">
        <v>51</v>
      </c>
    </row>
    <row r="6225" spans="1:12">
      <c r="A6225" s="6" t="s">
        <v>49</v>
      </c>
      <c r="B6225" s="6"/>
      <c r="C6225" s="6" t="s">
        <v>6249</v>
      </c>
      <c r="D6225" s="6"/>
      <c r="E6225" s="6" t="s">
        <v>9</v>
      </c>
      <c r="F6225" s="7">
        <v>44061</v>
      </c>
      <c r="G6225" s="8">
        <v>1</v>
      </c>
      <c r="H6225" s="8">
        <v>1</v>
      </c>
      <c r="I6225" s="8">
        <v>0</v>
      </c>
      <c r="J6225" s="8">
        <v>1</v>
      </c>
      <c r="K6225" s="9">
        <v>11</v>
      </c>
      <c r="L6225" s="6" t="s">
        <v>51</v>
      </c>
    </row>
    <row r="6226" spans="1:12">
      <c r="A6226" s="6" t="s">
        <v>49</v>
      </c>
      <c r="B6226" s="6"/>
      <c r="C6226" s="6" t="s">
        <v>6250</v>
      </c>
      <c r="D6226" s="6"/>
      <c r="E6226" s="6" t="s">
        <v>9</v>
      </c>
      <c r="F6226" s="7">
        <v>38657</v>
      </c>
      <c r="G6226" s="8">
        <v>1</v>
      </c>
      <c r="H6226" s="8">
        <v>1</v>
      </c>
      <c r="I6226" s="8">
        <v>0</v>
      </c>
      <c r="J6226" s="8">
        <v>1</v>
      </c>
      <c r="K6226" s="9">
        <v>55</v>
      </c>
      <c r="L6226" s="6" t="s">
        <v>51</v>
      </c>
    </row>
    <row r="6227" spans="1:12">
      <c r="A6227" s="6" t="s">
        <v>49</v>
      </c>
      <c r="B6227" s="6"/>
      <c r="C6227" s="6" t="s">
        <v>6251</v>
      </c>
      <c r="D6227" s="6"/>
      <c r="E6227" s="6" t="s">
        <v>9</v>
      </c>
      <c r="F6227" s="7">
        <v>38657</v>
      </c>
      <c r="G6227" s="8">
        <v>1</v>
      </c>
      <c r="H6227" s="8">
        <v>1</v>
      </c>
      <c r="I6227" s="8">
        <v>0</v>
      </c>
      <c r="J6227" s="8">
        <v>1</v>
      </c>
      <c r="K6227" s="9">
        <v>4.5999999999999899</v>
      </c>
      <c r="L6227" s="6" t="s">
        <v>51</v>
      </c>
    </row>
    <row r="6228" spans="1:12">
      <c r="A6228" s="6" t="s">
        <v>49</v>
      </c>
      <c r="B6228" s="6"/>
      <c r="C6228" s="6" t="s">
        <v>6252</v>
      </c>
      <c r="D6228" s="6"/>
      <c r="E6228" s="6" t="s">
        <v>9</v>
      </c>
      <c r="F6228" s="7">
        <v>44097</v>
      </c>
      <c r="G6228" s="8">
        <v>1</v>
      </c>
      <c r="H6228" s="8">
        <v>1</v>
      </c>
      <c r="I6228" s="8">
        <v>0</v>
      </c>
      <c r="J6228" s="8">
        <v>1</v>
      </c>
      <c r="K6228" s="9">
        <v>7.26</v>
      </c>
      <c r="L6228" s="6" t="s">
        <v>51</v>
      </c>
    </row>
    <row r="6229" spans="1:12">
      <c r="A6229" s="6" t="s">
        <v>49</v>
      </c>
      <c r="B6229" s="6"/>
      <c r="C6229" s="6" t="s">
        <v>6253</v>
      </c>
      <c r="D6229" s="6"/>
      <c r="E6229" s="6" t="s">
        <v>9</v>
      </c>
      <c r="F6229" s="7">
        <v>44097</v>
      </c>
      <c r="G6229" s="8">
        <v>1</v>
      </c>
      <c r="H6229" s="8">
        <v>1</v>
      </c>
      <c r="I6229" s="8">
        <v>0</v>
      </c>
      <c r="J6229" s="8">
        <v>1</v>
      </c>
      <c r="K6229" s="9">
        <v>9.16</v>
      </c>
      <c r="L6229" s="6" t="s">
        <v>51</v>
      </c>
    </row>
    <row r="6230" spans="1:12">
      <c r="A6230" s="6" t="s">
        <v>49</v>
      </c>
      <c r="B6230" s="6"/>
      <c r="C6230" s="6" t="s">
        <v>6254</v>
      </c>
      <c r="D6230" s="6"/>
      <c r="E6230" s="6" t="s">
        <v>9</v>
      </c>
      <c r="F6230" s="7">
        <v>44102</v>
      </c>
      <c r="G6230" s="8">
        <v>1</v>
      </c>
      <c r="H6230" s="8">
        <v>1</v>
      </c>
      <c r="I6230" s="8">
        <v>0</v>
      </c>
      <c r="J6230" s="8">
        <v>1</v>
      </c>
      <c r="K6230" s="9">
        <v>2002</v>
      </c>
      <c r="L6230" s="6" t="s">
        <v>51</v>
      </c>
    </row>
    <row r="6231" spans="1:12">
      <c r="A6231" s="6" t="s">
        <v>49</v>
      </c>
      <c r="B6231" s="6"/>
      <c r="C6231" s="6" t="s">
        <v>6255</v>
      </c>
      <c r="D6231" s="6"/>
      <c r="E6231" s="6" t="s">
        <v>9</v>
      </c>
      <c r="F6231" s="7">
        <v>44102</v>
      </c>
      <c r="G6231" s="8">
        <v>1</v>
      </c>
      <c r="H6231" s="8">
        <v>1</v>
      </c>
      <c r="I6231" s="8">
        <v>0</v>
      </c>
      <c r="J6231" s="8">
        <v>1</v>
      </c>
      <c r="K6231" s="9">
        <v>1128</v>
      </c>
      <c r="L6231" s="6" t="s">
        <v>51</v>
      </c>
    </row>
    <row r="6232" spans="1:12">
      <c r="A6232" s="6" t="s">
        <v>49</v>
      </c>
      <c r="B6232" s="6"/>
      <c r="C6232" s="6" t="s">
        <v>6256</v>
      </c>
      <c r="D6232" s="6"/>
      <c r="E6232" s="6" t="s">
        <v>9</v>
      </c>
      <c r="F6232" s="7">
        <v>44102</v>
      </c>
      <c r="G6232" s="8">
        <v>1</v>
      </c>
      <c r="H6232" s="8">
        <v>1</v>
      </c>
      <c r="I6232" s="8">
        <v>0</v>
      </c>
      <c r="J6232" s="8">
        <v>1</v>
      </c>
      <c r="K6232" s="9">
        <v>631</v>
      </c>
      <c r="L6232" s="6" t="s">
        <v>51</v>
      </c>
    </row>
    <row r="6233" spans="1:12">
      <c r="A6233" s="6" t="s">
        <v>49</v>
      </c>
      <c r="B6233" s="6"/>
      <c r="C6233" s="6" t="s">
        <v>6257</v>
      </c>
      <c r="D6233" s="6"/>
      <c r="E6233" s="6" t="s">
        <v>9</v>
      </c>
      <c r="F6233" s="7">
        <v>44102</v>
      </c>
      <c r="G6233" s="8">
        <v>1</v>
      </c>
      <c r="H6233" s="8">
        <v>1</v>
      </c>
      <c r="I6233" s="8">
        <v>0</v>
      </c>
      <c r="J6233" s="8">
        <v>1</v>
      </c>
      <c r="K6233" s="9">
        <v>660</v>
      </c>
      <c r="L6233" s="6" t="s">
        <v>51</v>
      </c>
    </row>
    <row r="6234" spans="1:12">
      <c r="A6234" s="6" t="s">
        <v>49</v>
      </c>
      <c r="B6234" s="6"/>
      <c r="C6234" s="6" t="s">
        <v>6258</v>
      </c>
      <c r="D6234" s="6"/>
      <c r="E6234" s="6" t="s">
        <v>9</v>
      </c>
      <c r="F6234" s="7">
        <v>44102</v>
      </c>
      <c r="G6234" s="8">
        <v>1</v>
      </c>
      <c r="H6234" s="8">
        <v>1</v>
      </c>
      <c r="I6234" s="8">
        <v>0</v>
      </c>
      <c r="J6234" s="8">
        <v>1</v>
      </c>
      <c r="K6234" s="9">
        <v>603</v>
      </c>
      <c r="L6234" s="6" t="s">
        <v>51</v>
      </c>
    </row>
    <row r="6235" spans="1:12">
      <c r="A6235" s="6" t="s">
        <v>49</v>
      </c>
      <c r="B6235" s="6"/>
      <c r="C6235" s="6" t="s">
        <v>6259</v>
      </c>
      <c r="D6235" s="6"/>
      <c r="E6235" s="6" t="s">
        <v>9</v>
      </c>
      <c r="F6235" s="7">
        <v>44102</v>
      </c>
      <c r="G6235" s="8">
        <v>1</v>
      </c>
      <c r="H6235" s="8">
        <v>1</v>
      </c>
      <c r="I6235" s="8">
        <v>0</v>
      </c>
      <c r="J6235" s="8">
        <v>1</v>
      </c>
      <c r="K6235" s="9">
        <v>603</v>
      </c>
      <c r="L6235" s="6" t="s">
        <v>51</v>
      </c>
    </row>
    <row r="6236" spans="1:12">
      <c r="A6236" s="6" t="s">
        <v>49</v>
      </c>
      <c r="B6236" s="6"/>
      <c r="C6236" s="6" t="s">
        <v>6260</v>
      </c>
      <c r="D6236" s="6"/>
      <c r="E6236" s="6" t="s">
        <v>9</v>
      </c>
      <c r="F6236" s="7">
        <v>44102</v>
      </c>
      <c r="G6236" s="8">
        <v>1</v>
      </c>
      <c r="H6236" s="8">
        <v>1</v>
      </c>
      <c r="I6236" s="8">
        <v>0</v>
      </c>
      <c r="J6236" s="8">
        <v>1</v>
      </c>
      <c r="K6236" s="9">
        <v>660</v>
      </c>
      <c r="L6236" s="6" t="s">
        <v>51</v>
      </c>
    </row>
    <row r="6237" spans="1:12">
      <c r="A6237" s="6" t="s">
        <v>49</v>
      </c>
      <c r="B6237" s="6"/>
      <c r="C6237" s="6" t="s">
        <v>6261</v>
      </c>
      <c r="D6237" s="6"/>
      <c r="E6237" s="6" t="s">
        <v>9</v>
      </c>
      <c r="F6237" s="7">
        <v>44102</v>
      </c>
      <c r="G6237" s="8">
        <v>1</v>
      </c>
      <c r="H6237" s="8">
        <v>1</v>
      </c>
      <c r="I6237" s="8">
        <v>0</v>
      </c>
      <c r="J6237" s="8">
        <v>1</v>
      </c>
      <c r="K6237" s="9">
        <v>856</v>
      </c>
      <c r="L6237" s="6" t="s">
        <v>51</v>
      </c>
    </row>
    <row r="6238" spans="1:12">
      <c r="A6238" s="6" t="s">
        <v>49</v>
      </c>
      <c r="B6238" s="6"/>
      <c r="C6238" s="6" t="s">
        <v>6262</v>
      </c>
      <c r="D6238" s="6"/>
      <c r="E6238" s="6" t="s">
        <v>9</v>
      </c>
      <c r="F6238" s="7">
        <v>38657</v>
      </c>
      <c r="G6238" s="8">
        <v>1</v>
      </c>
      <c r="H6238" s="8">
        <v>1</v>
      </c>
      <c r="I6238" s="8">
        <v>0</v>
      </c>
      <c r="J6238" s="8">
        <v>1</v>
      </c>
      <c r="K6238" s="9">
        <v>93.63</v>
      </c>
      <c r="L6238" s="6" t="s">
        <v>51</v>
      </c>
    </row>
    <row r="6239" spans="1:12">
      <c r="A6239" s="6" t="s">
        <v>49</v>
      </c>
      <c r="B6239" s="6"/>
      <c r="C6239" s="6" t="s">
        <v>6263</v>
      </c>
      <c r="D6239" s="6"/>
      <c r="E6239" s="6" t="s">
        <v>9</v>
      </c>
      <c r="F6239" s="7">
        <v>44102</v>
      </c>
      <c r="G6239" s="8">
        <v>1</v>
      </c>
      <c r="H6239" s="8">
        <v>1</v>
      </c>
      <c r="I6239" s="8">
        <v>0</v>
      </c>
      <c r="J6239" s="8">
        <v>1</v>
      </c>
      <c r="K6239" s="9">
        <v>420</v>
      </c>
      <c r="L6239" s="6" t="s">
        <v>51</v>
      </c>
    </row>
    <row r="6240" spans="1:12">
      <c r="A6240" s="6" t="s">
        <v>49</v>
      </c>
      <c r="B6240" s="6"/>
      <c r="C6240" s="6" t="s">
        <v>6264</v>
      </c>
      <c r="D6240" s="6"/>
      <c r="E6240" s="6" t="s">
        <v>9</v>
      </c>
      <c r="F6240" s="7">
        <v>44102</v>
      </c>
      <c r="G6240" s="8">
        <v>1</v>
      </c>
      <c r="H6240" s="8">
        <v>1</v>
      </c>
      <c r="I6240" s="8">
        <v>0</v>
      </c>
      <c r="J6240" s="8">
        <v>1</v>
      </c>
      <c r="K6240" s="9">
        <v>604</v>
      </c>
      <c r="L6240" s="6" t="s">
        <v>51</v>
      </c>
    </row>
    <row r="6241" spans="1:12">
      <c r="A6241" s="6" t="s">
        <v>49</v>
      </c>
      <c r="B6241" s="6"/>
      <c r="C6241" s="6" t="s">
        <v>6265</v>
      </c>
      <c r="D6241" s="6"/>
      <c r="E6241" s="6" t="s">
        <v>9</v>
      </c>
      <c r="F6241" s="7">
        <v>44102</v>
      </c>
      <c r="G6241" s="8">
        <v>1</v>
      </c>
      <c r="H6241" s="8">
        <v>1</v>
      </c>
      <c r="I6241" s="8">
        <v>0</v>
      </c>
      <c r="J6241" s="8">
        <v>1</v>
      </c>
      <c r="K6241" s="9">
        <v>419</v>
      </c>
      <c r="L6241" s="6" t="s">
        <v>51</v>
      </c>
    </row>
    <row r="6242" spans="1:12">
      <c r="A6242" s="6" t="s">
        <v>49</v>
      </c>
      <c r="B6242" s="6"/>
      <c r="C6242" s="6" t="s">
        <v>6266</v>
      </c>
      <c r="D6242" s="6"/>
      <c r="E6242" s="6" t="s">
        <v>9</v>
      </c>
      <c r="F6242" s="7">
        <v>44102</v>
      </c>
      <c r="G6242" s="8">
        <v>1</v>
      </c>
      <c r="H6242" s="8">
        <v>1</v>
      </c>
      <c r="I6242" s="8">
        <v>0</v>
      </c>
      <c r="J6242" s="8">
        <v>1</v>
      </c>
      <c r="K6242" s="9">
        <v>855</v>
      </c>
      <c r="L6242" s="6" t="s">
        <v>51</v>
      </c>
    </row>
    <row r="6243" spans="1:12">
      <c r="A6243" s="6" t="s">
        <v>49</v>
      </c>
      <c r="B6243" s="6"/>
      <c r="C6243" s="6" t="s">
        <v>6267</v>
      </c>
      <c r="D6243" s="6"/>
      <c r="E6243" s="6" t="s">
        <v>9</v>
      </c>
      <c r="F6243" s="7">
        <v>44102</v>
      </c>
      <c r="G6243" s="8">
        <v>1</v>
      </c>
      <c r="H6243" s="8">
        <v>1</v>
      </c>
      <c r="I6243" s="8">
        <v>0</v>
      </c>
      <c r="J6243" s="8">
        <v>1</v>
      </c>
      <c r="K6243" s="9">
        <v>982</v>
      </c>
      <c r="L6243" s="6" t="s">
        <v>51</v>
      </c>
    </row>
    <row r="6244" spans="1:12">
      <c r="A6244" s="6" t="s">
        <v>49</v>
      </c>
      <c r="B6244" s="6"/>
      <c r="C6244" s="6" t="s">
        <v>6268</v>
      </c>
      <c r="D6244" s="6"/>
      <c r="E6244" s="6" t="s">
        <v>9</v>
      </c>
      <c r="F6244" s="7">
        <v>44102</v>
      </c>
      <c r="G6244" s="8">
        <v>1</v>
      </c>
      <c r="H6244" s="8">
        <v>1</v>
      </c>
      <c r="I6244" s="8">
        <v>0</v>
      </c>
      <c r="J6244" s="8">
        <v>1</v>
      </c>
      <c r="K6244" s="9">
        <v>2496</v>
      </c>
      <c r="L6244" s="6" t="s">
        <v>51</v>
      </c>
    </row>
    <row r="6245" spans="1:12">
      <c r="A6245" s="6" t="s">
        <v>49</v>
      </c>
      <c r="B6245" s="6"/>
      <c r="C6245" s="6" t="s">
        <v>6269</v>
      </c>
      <c r="D6245" s="6"/>
      <c r="E6245" s="6" t="s">
        <v>9</v>
      </c>
      <c r="F6245" s="7">
        <v>44102</v>
      </c>
      <c r="G6245" s="8">
        <v>1</v>
      </c>
      <c r="H6245" s="8">
        <v>1</v>
      </c>
      <c r="I6245" s="8">
        <v>0</v>
      </c>
      <c r="J6245" s="8">
        <v>1</v>
      </c>
      <c r="K6245" s="9">
        <v>710</v>
      </c>
      <c r="L6245" s="6" t="s">
        <v>51</v>
      </c>
    </row>
    <row r="6246" spans="1:12">
      <c r="A6246" s="6" t="s">
        <v>49</v>
      </c>
      <c r="B6246" s="6"/>
      <c r="C6246" s="6" t="s">
        <v>6270</v>
      </c>
      <c r="D6246" s="6"/>
      <c r="E6246" s="6" t="s">
        <v>9</v>
      </c>
      <c r="F6246" s="7">
        <v>44102</v>
      </c>
      <c r="G6246" s="8">
        <v>1</v>
      </c>
      <c r="H6246" s="8">
        <v>1</v>
      </c>
      <c r="I6246" s="8">
        <v>0</v>
      </c>
      <c r="J6246" s="8">
        <v>1</v>
      </c>
      <c r="K6246" s="9">
        <v>708</v>
      </c>
      <c r="L6246" s="6" t="s">
        <v>51</v>
      </c>
    </row>
    <row r="6247" spans="1:12">
      <c r="A6247" s="6" t="s">
        <v>49</v>
      </c>
      <c r="B6247" s="6"/>
      <c r="C6247" s="6" t="s">
        <v>6271</v>
      </c>
      <c r="D6247" s="6"/>
      <c r="E6247" s="6" t="s">
        <v>9</v>
      </c>
      <c r="F6247" s="7">
        <v>44102</v>
      </c>
      <c r="G6247" s="8">
        <v>1</v>
      </c>
      <c r="H6247" s="8">
        <v>1</v>
      </c>
      <c r="I6247" s="8">
        <v>0</v>
      </c>
      <c r="J6247" s="8">
        <v>1</v>
      </c>
      <c r="K6247" s="9">
        <v>585</v>
      </c>
      <c r="L6247" s="6" t="s">
        <v>51</v>
      </c>
    </row>
    <row r="6248" spans="1:12">
      <c r="A6248" s="6" t="s">
        <v>49</v>
      </c>
      <c r="B6248" s="6"/>
      <c r="C6248" s="6" t="s">
        <v>6272</v>
      </c>
      <c r="D6248" s="6"/>
      <c r="E6248" s="6" t="s">
        <v>9</v>
      </c>
      <c r="F6248" s="7">
        <v>44102</v>
      </c>
      <c r="G6248" s="8">
        <v>1</v>
      </c>
      <c r="H6248" s="8">
        <v>1</v>
      </c>
      <c r="I6248" s="8">
        <v>0</v>
      </c>
      <c r="J6248" s="8">
        <v>1</v>
      </c>
      <c r="K6248" s="9">
        <v>350</v>
      </c>
      <c r="L6248" s="6" t="s">
        <v>51</v>
      </c>
    </row>
    <row r="6249" spans="1:12">
      <c r="A6249" s="6" t="s">
        <v>49</v>
      </c>
      <c r="B6249" s="6"/>
      <c r="C6249" s="6" t="s">
        <v>6273</v>
      </c>
      <c r="D6249" s="6"/>
      <c r="E6249" s="6" t="s">
        <v>9</v>
      </c>
      <c r="F6249" s="7">
        <v>38657</v>
      </c>
      <c r="G6249" s="8">
        <v>1</v>
      </c>
      <c r="H6249" s="8">
        <v>1</v>
      </c>
      <c r="I6249" s="8">
        <v>0</v>
      </c>
      <c r="J6249" s="8">
        <v>1</v>
      </c>
      <c r="K6249" s="9">
        <v>26</v>
      </c>
      <c r="L6249" s="6" t="s">
        <v>51</v>
      </c>
    </row>
    <row r="6250" spans="1:12">
      <c r="A6250" s="6" t="s">
        <v>49</v>
      </c>
      <c r="B6250" s="6"/>
      <c r="C6250" s="6" t="s">
        <v>6274</v>
      </c>
      <c r="D6250" s="6"/>
      <c r="E6250" s="6" t="s">
        <v>9</v>
      </c>
      <c r="F6250" s="7">
        <v>38657</v>
      </c>
      <c r="G6250" s="8">
        <v>1</v>
      </c>
      <c r="H6250" s="8">
        <v>1</v>
      </c>
      <c r="I6250" s="8">
        <v>0</v>
      </c>
      <c r="J6250" s="8">
        <v>1</v>
      </c>
      <c r="K6250" s="9">
        <v>6.22</v>
      </c>
      <c r="L6250" s="6" t="s">
        <v>51</v>
      </c>
    </row>
    <row r="6251" spans="1:12">
      <c r="A6251" s="6" t="s">
        <v>49</v>
      </c>
      <c r="B6251" s="6"/>
      <c r="C6251" s="6" t="s">
        <v>6275</v>
      </c>
      <c r="D6251" s="6"/>
      <c r="E6251" s="6" t="s">
        <v>9</v>
      </c>
      <c r="F6251" s="7">
        <v>44102</v>
      </c>
      <c r="G6251" s="8">
        <v>1</v>
      </c>
      <c r="H6251" s="8">
        <v>1</v>
      </c>
      <c r="I6251" s="8">
        <v>0</v>
      </c>
      <c r="J6251" s="8">
        <v>1</v>
      </c>
      <c r="K6251" s="9">
        <v>350</v>
      </c>
      <c r="L6251" s="6" t="s">
        <v>51</v>
      </c>
    </row>
    <row r="6252" spans="1:12">
      <c r="A6252" s="6" t="s">
        <v>49</v>
      </c>
      <c r="B6252" s="6"/>
      <c r="C6252" s="6" t="s">
        <v>6276</v>
      </c>
      <c r="D6252" s="6"/>
      <c r="E6252" s="6" t="s">
        <v>9</v>
      </c>
      <c r="F6252" s="7">
        <v>44102</v>
      </c>
      <c r="G6252" s="8">
        <v>1</v>
      </c>
      <c r="H6252" s="8">
        <v>1</v>
      </c>
      <c r="I6252" s="8">
        <v>0</v>
      </c>
      <c r="J6252" s="8">
        <v>1</v>
      </c>
      <c r="K6252" s="9">
        <v>829</v>
      </c>
      <c r="L6252" s="6" t="s">
        <v>51</v>
      </c>
    </row>
    <row r="6253" spans="1:12">
      <c r="A6253" s="6" t="s">
        <v>49</v>
      </c>
      <c r="B6253" s="6"/>
      <c r="C6253" s="6" t="s">
        <v>6277</v>
      </c>
      <c r="D6253" s="6"/>
      <c r="E6253" s="6" t="s">
        <v>9</v>
      </c>
      <c r="F6253" s="7">
        <v>44102</v>
      </c>
      <c r="G6253" s="8">
        <v>1</v>
      </c>
      <c r="H6253" s="8">
        <v>1</v>
      </c>
      <c r="I6253" s="8">
        <v>0</v>
      </c>
      <c r="J6253" s="8">
        <v>1</v>
      </c>
      <c r="K6253" s="9">
        <v>885</v>
      </c>
      <c r="L6253" s="6" t="s">
        <v>51</v>
      </c>
    </row>
    <row r="6254" spans="1:12">
      <c r="A6254" s="6" t="s">
        <v>49</v>
      </c>
      <c r="B6254" s="6"/>
      <c r="C6254" s="6" t="s">
        <v>6278</v>
      </c>
      <c r="D6254" s="6"/>
      <c r="E6254" s="6" t="s">
        <v>9</v>
      </c>
      <c r="F6254" s="7">
        <v>44102</v>
      </c>
      <c r="G6254" s="8">
        <v>1</v>
      </c>
      <c r="H6254" s="8">
        <v>1</v>
      </c>
      <c r="I6254" s="8">
        <v>0</v>
      </c>
      <c r="J6254" s="8">
        <v>1</v>
      </c>
      <c r="K6254" s="9">
        <v>340</v>
      </c>
      <c r="L6254" s="6" t="s">
        <v>51</v>
      </c>
    </row>
    <row r="6255" spans="1:12">
      <c r="A6255" s="6" t="s">
        <v>49</v>
      </c>
      <c r="B6255" s="6"/>
      <c r="C6255" s="6" t="s">
        <v>6279</v>
      </c>
      <c r="D6255" s="6"/>
      <c r="E6255" s="6" t="s">
        <v>9</v>
      </c>
      <c r="F6255" s="7">
        <v>38657</v>
      </c>
      <c r="G6255" s="8">
        <v>1</v>
      </c>
      <c r="H6255" s="8">
        <v>1</v>
      </c>
      <c r="I6255" s="8">
        <v>0</v>
      </c>
      <c r="J6255" s="8">
        <v>1</v>
      </c>
      <c r="K6255" s="9">
        <v>479.31</v>
      </c>
      <c r="L6255" s="6" t="s">
        <v>51</v>
      </c>
    </row>
    <row r="6256" spans="1:12">
      <c r="A6256" s="6" t="s">
        <v>49</v>
      </c>
      <c r="B6256" s="6"/>
      <c r="C6256" s="6" t="s">
        <v>6280</v>
      </c>
      <c r="D6256" s="6"/>
      <c r="E6256" s="6" t="s">
        <v>9</v>
      </c>
      <c r="F6256" s="7">
        <v>38657</v>
      </c>
      <c r="G6256" s="8">
        <v>1</v>
      </c>
      <c r="H6256" s="8">
        <v>1</v>
      </c>
      <c r="I6256" s="8">
        <v>0</v>
      </c>
      <c r="J6256" s="8">
        <v>1</v>
      </c>
      <c r="K6256" s="9">
        <v>505.51</v>
      </c>
      <c r="L6256" s="6" t="s">
        <v>51</v>
      </c>
    </row>
    <row r="6257" spans="1:12">
      <c r="A6257" s="6" t="s">
        <v>49</v>
      </c>
      <c r="B6257" s="6"/>
      <c r="C6257" s="6" t="s">
        <v>6281</v>
      </c>
      <c r="D6257" s="6"/>
      <c r="E6257" s="6" t="s">
        <v>9</v>
      </c>
      <c r="F6257" s="7">
        <v>38657</v>
      </c>
      <c r="G6257" s="8">
        <v>1</v>
      </c>
      <c r="H6257" s="8">
        <v>1</v>
      </c>
      <c r="I6257" s="8">
        <v>0</v>
      </c>
      <c r="J6257" s="8">
        <v>1</v>
      </c>
      <c r="K6257" s="9">
        <v>229.41</v>
      </c>
      <c r="L6257" s="6" t="s">
        <v>51</v>
      </c>
    </row>
    <row r="6258" spans="1:12">
      <c r="A6258" s="6" t="s">
        <v>49</v>
      </c>
      <c r="B6258" s="6"/>
      <c r="C6258" s="6" t="s">
        <v>6282</v>
      </c>
      <c r="D6258" s="6"/>
      <c r="E6258" s="6" t="s">
        <v>9</v>
      </c>
      <c r="F6258" s="7">
        <v>38657</v>
      </c>
      <c r="G6258" s="8">
        <v>1</v>
      </c>
      <c r="H6258" s="8">
        <v>1</v>
      </c>
      <c r="I6258" s="8">
        <v>0</v>
      </c>
      <c r="J6258" s="8">
        <v>1</v>
      </c>
      <c r="K6258" s="9">
        <v>55.37</v>
      </c>
      <c r="L6258" s="6" t="s">
        <v>51</v>
      </c>
    </row>
    <row r="6259" spans="1:12">
      <c r="A6259" s="6" t="s">
        <v>49</v>
      </c>
      <c r="B6259" s="6"/>
      <c r="C6259" s="6" t="s">
        <v>6283</v>
      </c>
      <c r="D6259" s="6"/>
      <c r="E6259" s="6" t="s">
        <v>9</v>
      </c>
      <c r="F6259" s="7">
        <v>38657</v>
      </c>
      <c r="G6259" s="8">
        <v>1</v>
      </c>
      <c r="H6259" s="8">
        <v>1</v>
      </c>
      <c r="I6259" s="8">
        <v>0</v>
      </c>
      <c r="J6259" s="8">
        <v>1</v>
      </c>
      <c r="K6259" s="9">
        <v>73.61</v>
      </c>
      <c r="L6259" s="6" t="s">
        <v>51</v>
      </c>
    </row>
    <row r="6260" spans="1:12">
      <c r="A6260" s="6" t="s">
        <v>49</v>
      </c>
      <c r="B6260" s="6"/>
      <c r="C6260" s="6" t="s">
        <v>6284</v>
      </c>
      <c r="D6260" s="6"/>
      <c r="E6260" s="6" t="s">
        <v>9</v>
      </c>
      <c r="F6260" s="7">
        <v>38657</v>
      </c>
      <c r="G6260" s="8">
        <v>1</v>
      </c>
      <c r="H6260" s="8">
        <v>1</v>
      </c>
      <c r="I6260" s="8">
        <v>0</v>
      </c>
      <c r="J6260" s="8">
        <v>1</v>
      </c>
      <c r="K6260" s="9">
        <v>393.95</v>
      </c>
      <c r="L6260" s="6" t="s">
        <v>51</v>
      </c>
    </row>
    <row r="6261" spans="1:12">
      <c r="A6261" s="6" t="s">
        <v>49</v>
      </c>
      <c r="B6261" s="6"/>
      <c r="C6261" s="6" t="s">
        <v>6285</v>
      </c>
      <c r="D6261" s="6"/>
      <c r="E6261" s="6" t="s">
        <v>9</v>
      </c>
      <c r="F6261" s="7">
        <v>38657</v>
      </c>
      <c r="G6261" s="8">
        <v>1</v>
      </c>
      <c r="H6261" s="8">
        <v>1</v>
      </c>
      <c r="I6261" s="8">
        <v>0</v>
      </c>
      <c r="J6261" s="8">
        <v>1</v>
      </c>
      <c r="K6261" s="9">
        <v>79.040000000000006</v>
      </c>
      <c r="L6261" s="6" t="s">
        <v>51</v>
      </c>
    </row>
    <row r="6262" spans="1:12">
      <c r="A6262" s="6" t="s">
        <v>49</v>
      </c>
      <c r="B6262" s="6"/>
      <c r="C6262" s="6" t="s">
        <v>6286</v>
      </c>
      <c r="D6262" s="6"/>
      <c r="E6262" s="6" t="s">
        <v>9</v>
      </c>
      <c r="F6262" s="7">
        <v>38657</v>
      </c>
      <c r="G6262" s="8">
        <v>1</v>
      </c>
      <c r="H6262" s="8">
        <v>1</v>
      </c>
      <c r="I6262" s="8">
        <v>0</v>
      </c>
      <c r="J6262" s="8">
        <v>1</v>
      </c>
      <c r="K6262" s="9">
        <v>197.76</v>
      </c>
      <c r="L6262" s="6" t="s">
        <v>51</v>
      </c>
    </row>
    <row r="6263" spans="1:12">
      <c r="A6263" s="6" t="s">
        <v>49</v>
      </c>
      <c r="B6263" s="6"/>
      <c r="C6263" s="6" t="s">
        <v>6287</v>
      </c>
      <c r="D6263" s="6"/>
      <c r="E6263" s="6" t="s">
        <v>9</v>
      </c>
      <c r="F6263" s="7">
        <v>38657</v>
      </c>
      <c r="G6263" s="8">
        <v>1</v>
      </c>
      <c r="H6263" s="8">
        <v>1</v>
      </c>
      <c r="I6263" s="8">
        <v>0</v>
      </c>
      <c r="J6263" s="8">
        <v>1</v>
      </c>
      <c r="K6263" s="9">
        <v>79.010000000000005</v>
      </c>
      <c r="L6263" s="6" t="s">
        <v>51</v>
      </c>
    </row>
    <row r="6264" spans="1:12">
      <c r="A6264" s="6" t="s">
        <v>49</v>
      </c>
      <c r="B6264" s="6"/>
      <c r="C6264" s="6" t="s">
        <v>6288</v>
      </c>
      <c r="D6264" s="6"/>
      <c r="E6264" s="6" t="s">
        <v>9</v>
      </c>
      <c r="F6264" s="7">
        <v>38657</v>
      </c>
      <c r="G6264" s="8">
        <v>1</v>
      </c>
      <c r="H6264" s="8">
        <v>1</v>
      </c>
      <c r="I6264" s="8">
        <v>0</v>
      </c>
      <c r="J6264" s="8">
        <v>1</v>
      </c>
      <c r="K6264" s="9">
        <v>14.04</v>
      </c>
      <c r="L6264" s="6" t="s">
        <v>51</v>
      </c>
    </row>
    <row r="6265" spans="1:12">
      <c r="A6265" s="6" t="s">
        <v>49</v>
      </c>
      <c r="B6265" s="6"/>
      <c r="C6265" s="6" t="s">
        <v>6289</v>
      </c>
      <c r="D6265" s="6"/>
      <c r="E6265" s="6" t="s">
        <v>9</v>
      </c>
      <c r="F6265" s="7">
        <v>38657</v>
      </c>
      <c r="G6265" s="8">
        <v>1</v>
      </c>
      <c r="H6265" s="8">
        <v>1</v>
      </c>
      <c r="I6265" s="8">
        <v>0</v>
      </c>
      <c r="J6265" s="8">
        <v>1</v>
      </c>
      <c r="K6265" s="9">
        <v>2.0699999999999901</v>
      </c>
      <c r="L6265" s="6" t="s">
        <v>51</v>
      </c>
    </row>
    <row r="6266" spans="1:12">
      <c r="A6266" s="6" t="s">
        <v>49</v>
      </c>
      <c r="B6266" s="6"/>
      <c r="C6266" s="6" t="s">
        <v>6290</v>
      </c>
      <c r="D6266" s="6"/>
      <c r="E6266" s="6" t="s">
        <v>9</v>
      </c>
      <c r="F6266" s="7">
        <v>38657</v>
      </c>
      <c r="G6266" s="8">
        <v>1</v>
      </c>
      <c r="H6266" s="8">
        <v>1</v>
      </c>
      <c r="I6266" s="8">
        <v>0</v>
      </c>
      <c r="J6266" s="8">
        <v>1</v>
      </c>
      <c r="K6266" s="9">
        <v>2.34</v>
      </c>
      <c r="L6266" s="6" t="s">
        <v>51</v>
      </c>
    </row>
    <row r="6267" spans="1:12">
      <c r="A6267" s="6" t="s">
        <v>49</v>
      </c>
      <c r="B6267" s="6"/>
      <c r="C6267" s="6" t="s">
        <v>6291</v>
      </c>
      <c r="D6267" s="6"/>
      <c r="E6267" s="6" t="s">
        <v>9</v>
      </c>
      <c r="F6267" s="7">
        <v>38657</v>
      </c>
      <c r="G6267" s="8">
        <v>1</v>
      </c>
      <c r="H6267" s="8">
        <v>1</v>
      </c>
      <c r="I6267" s="8">
        <v>0</v>
      </c>
      <c r="J6267" s="8">
        <v>1</v>
      </c>
      <c r="K6267" s="9">
        <v>11.8</v>
      </c>
      <c r="L6267" s="6" t="s">
        <v>51</v>
      </c>
    </row>
    <row r="6268" spans="1:12">
      <c r="A6268" s="6" t="s">
        <v>49</v>
      </c>
      <c r="B6268" s="6"/>
      <c r="C6268" s="6" t="s">
        <v>6292</v>
      </c>
      <c r="D6268" s="6"/>
      <c r="E6268" s="6" t="s">
        <v>9</v>
      </c>
      <c r="F6268" s="7">
        <v>38657</v>
      </c>
      <c r="G6268" s="8">
        <v>1</v>
      </c>
      <c r="H6268" s="8">
        <v>1</v>
      </c>
      <c r="I6268" s="8">
        <v>0</v>
      </c>
      <c r="J6268" s="8">
        <v>1</v>
      </c>
      <c r="K6268" s="9">
        <v>8.3000000000000007</v>
      </c>
      <c r="L6268" s="6" t="s">
        <v>51</v>
      </c>
    </row>
    <row r="6269" spans="1:12">
      <c r="A6269" s="6" t="s">
        <v>49</v>
      </c>
      <c r="B6269" s="6"/>
      <c r="C6269" s="6" t="s">
        <v>6293</v>
      </c>
      <c r="D6269" s="6"/>
      <c r="E6269" s="6" t="s">
        <v>9</v>
      </c>
      <c r="F6269" s="7">
        <v>41499</v>
      </c>
      <c r="G6269" s="8">
        <v>1</v>
      </c>
      <c r="H6269" s="8">
        <v>1</v>
      </c>
      <c r="I6269" s="8">
        <v>0</v>
      </c>
      <c r="J6269" s="8">
        <v>1</v>
      </c>
      <c r="K6269" s="9">
        <v>10.33</v>
      </c>
      <c r="L6269" s="6" t="s">
        <v>51</v>
      </c>
    </row>
    <row r="6270" spans="1:12">
      <c r="A6270" s="6" t="s">
        <v>49</v>
      </c>
      <c r="B6270" s="6"/>
      <c r="C6270" s="6" t="s">
        <v>6294</v>
      </c>
      <c r="D6270" s="6"/>
      <c r="E6270" s="6" t="s">
        <v>9</v>
      </c>
      <c r="F6270" s="7">
        <v>41499</v>
      </c>
      <c r="G6270" s="8">
        <v>1</v>
      </c>
      <c r="H6270" s="8">
        <v>1</v>
      </c>
      <c r="I6270" s="8">
        <v>0</v>
      </c>
      <c r="J6270" s="8">
        <v>1</v>
      </c>
      <c r="K6270" s="9">
        <v>19</v>
      </c>
      <c r="L6270" s="6" t="s">
        <v>51</v>
      </c>
    </row>
    <row r="6271" spans="1:12">
      <c r="A6271" s="6" t="s">
        <v>49</v>
      </c>
      <c r="B6271" s="6"/>
      <c r="C6271" s="6" t="s">
        <v>6295</v>
      </c>
      <c r="D6271" s="6"/>
      <c r="E6271" s="6" t="s">
        <v>9</v>
      </c>
      <c r="F6271" s="7">
        <v>41493</v>
      </c>
      <c r="G6271" s="8">
        <v>1</v>
      </c>
      <c r="H6271" s="8">
        <v>1</v>
      </c>
      <c r="I6271" s="8">
        <v>0</v>
      </c>
      <c r="J6271" s="8">
        <v>1</v>
      </c>
      <c r="K6271" s="9">
        <v>1.94</v>
      </c>
      <c r="L6271" s="6" t="s">
        <v>51</v>
      </c>
    </row>
    <row r="6272" spans="1:12">
      <c r="A6272" s="6" t="s">
        <v>49</v>
      </c>
      <c r="B6272" s="6"/>
      <c r="C6272" s="6" t="s">
        <v>6296</v>
      </c>
      <c r="D6272" s="6"/>
      <c r="E6272" s="6" t="s">
        <v>9</v>
      </c>
      <c r="F6272" s="7">
        <v>41514</v>
      </c>
      <c r="G6272" s="8">
        <v>1</v>
      </c>
      <c r="H6272" s="8">
        <v>1</v>
      </c>
      <c r="I6272" s="8">
        <v>0</v>
      </c>
      <c r="J6272" s="8">
        <v>1</v>
      </c>
      <c r="K6272" s="9">
        <v>15</v>
      </c>
      <c r="L6272" s="6" t="s">
        <v>51</v>
      </c>
    </row>
    <row r="6273" spans="1:12">
      <c r="A6273" s="6" t="s">
        <v>49</v>
      </c>
      <c r="B6273" s="6"/>
      <c r="C6273" s="6" t="s">
        <v>6297</v>
      </c>
      <c r="D6273" s="6"/>
      <c r="E6273" s="6" t="s">
        <v>9</v>
      </c>
      <c r="F6273" s="7">
        <v>41527</v>
      </c>
      <c r="G6273" s="8">
        <v>1</v>
      </c>
      <c r="H6273" s="8">
        <v>1</v>
      </c>
      <c r="I6273" s="8">
        <v>0</v>
      </c>
      <c r="J6273" s="8">
        <v>1</v>
      </c>
      <c r="K6273" s="9">
        <v>16</v>
      </c>
      <c r="L6273" s="6" t="s">
        <v>51</v>
      </c>
    </row>
    <row r="6274" spans="1:12">
      <c r="A6274" s="6" t="s">
        <v>49</v>
      </c>
      <c r="B6274" s="6"/>
      <c r="C6274" s="6" t="s">
        <v>6298</v>
      </c>
      <c r="D6274" s="6"/>
      <c r="E6274" s="6" t="s">
        <v>9</v>
      </c>
      <c r="F6274" s="7">
        <v>41730</v>
      </c>
      <c r="G6274" s="8">
        <v>1</v>
      </c>
      <c r="H6274" s="8">
        <v>1</v>
      </c>
      <c r="I6274" s="8">
        <v>0</v>
      </c>
      <c r="J6274" s="8">
        <v>1</v>
      </c>
      <c r="K6274" s="9">
        <v>4.5</v>
      </c>
      <c r="L6274" s="6" t="s">
        <v>51</v>
      </c>
    </row>
    <row r="6275" spans="1:12">
      <c r="A6275" s="6" t="s">
        <v>49</v>
      </c>
      <c r="B6275" s="6"/>
      <c r="C6275" s="6" t="s">
        <v>6299</v>
      </c>
      <c r="D6275" s="6"/>
      <c r="E6275" s="6" t="s">
        <v>9</v>
      </c>
      <c r="F6275" s="7">
        <v>38657</v>
      </c>
      <c r="G6275" s="8">
        <v>1</v>
      </c>
      <c r="H6275" s="8">
        <v>1</v>
      </c>
      <c r="I6275" s="8">
        <v>0</v>
      </c>
      <c r="J6275" s="8">
        <v>1</v>
      </c>
      <c r="K6275" s="9">
        <v>0.99</v>
      </c>
      <c r="L6275" s="6" t="s">
        <v>51</v>
      </c>
    </row>
    <row r="6276" spans="1:12">
      <c r="A6276" s="6" t="s">
        <v>49</v>
      </c>
      <c r="B6276" s="6"/>
      <c r="C6276" s="6" t="s">
        <v>6300</v>
      </c>
      <c r="D6276" s="6"/>
      <c r="E6276" s="6" t="s">
        <v>9</v>
      </c>
      <c r="F6276" s="7">
        <v>38657</v>
      </c>
      <c r="G6276" s="8">
        <v>1</v>
      </c>
      <c r="H6276" s="8">
        <v>1</v>
      </c>
      <c r="I6276" s="8">
        <v>0</v>
      </c>
      <c r="J6276" s="8">
        <v>1</v>
      </c>
      <c r="K6276" s="9">
        <v>56</v>
      </c>
      <c r="L6276" s="6" t="s">
        <v>51</v>
      </c>
    </row>
    <row r="6277" spans="1:12">
      <c r="A6277" s="6" t="s">
        <v>49</v>
      </c>
      <c r="B6277" s="6"/>
      <c r="C6277" s="6" t="s">
        <v>6301</v>
      </c>
      <c r="D6277" s="6"/>
      <c r="E6277" s="6" t="s">
        <v>9</v>
      </c>
      <c r="F6277" s="7">
        <v>41730</v>
      </c>
      <c r="G6277" s="8">
        <v>1</v>
      </c>
      <c r="H6277" s="8">
        <v>1</v>
      </c>
      <c r="I6277" s="8">
        <v>0</v>
      </c>
      <c r="J6277" s="8">
        <v>1</v>
      </c>
      <c r="K6277" s="9">
        <v>14.4</v>
      </c>
      <c r="L6277" s="6" t="s">
        <v>51</v>
      </c>
    </row>
    <row r="6278" spans="1:12">
      <c r="A6278" s="6" t="s">
        <v>49</v>
      </c>
      <c r="B6278" s="6"/>
      <c r="C6278" s="6" t="s">
        <v>6302</v>
      </c>
      <c r="D6278" s="6"/>
      <c r="E6278" s="6" t="s">
        <v>9</v>
      </c>
      <c r="F6278" s="7">
        <v>38657</v>
      </c>
      <c r="G6278" s="8">
        <v>1</v>
      </c>
      <c r="H6278" s="8">
        <v>1</v>
      </c>
      <c r="I6278" s="8">
        <v>0</v>
      </c>
      <c r="J6278" s="8">
        <v>1</v>
      </c>
      <c r="K6278" s="9">
        <v>218.92</v>
      </c>
      <c r="L6278" s="6" t="s">
        <v>51</v>
      </c>
    </row>
    <row r="6279" spans="1:12">
      <c r="A6279" s="6" t="s">
        <v>49</v>
      </c>
      <c r="B6279" s="6"/>
      <c r="C6279" s="6" t="s">
        <v>6303</v>
      </c>
      <c r="D6279" s="6"/>
      <c r="E6279" s="6" t="s">
        <v>9</v>
      </c>
      <c r="F6279" s="7">
        <v>38657</v>
      </c>
      <c r="G6279" s="8">
        <v>1</v>
      </c>
      <c r="H6279" s="8">
        <v>1</v>
      </c>
      <c r="I6279" s="8">
        <v>0</v>
      </c>
      <c r="J6279" s="8">
        <v>1</v>
      </c>
      <c r="K6279" s="9">
        <v>56.4</v>
      </c>
      <c r="L6279" s="6" t="s">
        <v>51</v>
      </c>
    </row>
    <row r="6280" spans="1:12">
      <c r="A6280" s="6" t="s">
        <v>49</v>
      </c>
      <c r="B6280" s="6"/>
      <c r="C6280" s="6" t="s">
        <v>6304</v>
      </c>
      <c r="D6280" s="6"/>
      <c r="E6280" s="6" t="s">
        <v>9</v>
      </c>
      <c r="F6280" s="7">
        <v>38657</v>
      </c>
      <c r="G6280" s="8">
        <v>1</v>
      </c>
      <c r="H6280" s="8">
        <v>1</v>
      </c>
      <c r="I6280" s="8">
        <v>0</v>
      </c>
      <c r="J6280" s="8">
        <v>1</v>
      </c>
      <c r="K6280" s="9">
        <v>6.2</v>
      </c>
      <c r="L6280" s="6" t="s">
        <v>51</v>
      </c>
    </row>
    <row r="6281" spans="1:12">
      <c r="A6281" s="6" t="s">
        <v>49</v>
      </c>
      <c r="B6281" s="6"/>
      <c r="C6281" s="6" t="s">
        <v>6305</v>
      </c>
      <c r="D6281" s="6"/>
      <c r="E6281" s="6" t="s">
        <v>9</v>
      </c>
      <c r="F6281" s="7">
        <v>38657</v>
      </c>
      <c r="G6281" s="8">
        <v>1</v>
      </c>
      <c r="H6281" s="8">
        <v>1</v>
      </c>
      <c r="I6281" s="8">
        <v>0</v>
      </c>
      <c r="J6281" s="8">
        <v>1</v>
      </c>
      <c r="K6281" s="9">
        <v>44</v>
      </c>
      <c r="L6281" s="6" t="s">
        <v>51</v>
      </c>
    </row>
    <row r="6282" spans="1:12">
      <c r="A6282" s="6" t="s">
        <v>49</v>
      </c>
      <c r="B6282" s="6"/>
      <c r="C6282" s="6" t="s">
        <v>6306</v>
      </c>
      <c r="D6282" s="6"/>
      <c r="E6282" s="6" t="s">
        <v>9</v>
      </c>
      <c r="F6282" s="7">
        <v>38657</v>
      </c>
      <c r="G6282" s="8">
        <v>1</v>
      </c>
      <c r="H6282" s="8">
        <v>1</v>
      </c>
      <c r="I6282" s="8">
        <v>0</v>
      </c>
      <c r="J6282" s="8">
        <v>1</v>
      </c>
      <c r="K6282" s="9">
        <v>725</v>
      </c>
      <c r="L6282" s="6" t="s">
        <v>51</v>
      </c>
    </row>
    <row r="6283" spans="1:12">
      <c r="A6283" s="6" t="s">
        <v>49</v>
      </c>
      <c r="B6283" s="6"/>
      <c r="C6283" s="6" t="s">
        <v>6307</v>
      </c>
      <c r="D6283" s="6"/>
      <c r="E6283" s="6" t="s">
        <v>9</v>
      </c>
      <c r="F6283" s="7">
        <v>41481</v>
      </c>
      <c r="G6283" s="8">
        <v>1</v>
      </c>
      <c r="H6283" s="8">
        <v>1</v>
      </c>
      <c r="I6283" s="8">
        <v>0</v>
      </c>
      <c r="J6283" s="8">
        <v>1</v>
      </c>
      <c r="K6283" s="9">
        <v>38</v>
      </c>
      <c r="L6283" s="6" t="s">
        <v>51</v>
      </c>
    </row>
    <row r="6284" spans="1:12">
      <c r="A6284" s="6" t="s">
        <v>49</v>
      </c>
      <c r="B6284" s="6"/>
      <c r="C6284" s="6" t="s">
        <v>6308</v>
      </c>
      <c r="D6284" s="6"/>
      <c r="E6284" s="6" t="s">
        <v>9</v>
      </c>
      <c r="F6284" s="7">
        <v>38657</v>
      </c>
      <c r="G6284" s="8">
        <v>1</v>
      </c>
      <c r="H6284" s="8">
        <v>1</v>
      </c>
      <c r="I6284" s="8">
        <v>0</v>
      </c>
      <c r="J6284" s="8">
        <v>1</v>
      </c>
      <c r="K6284" s="9">
        <v>445</v>
      </c>
      <c r="L6284" s="6" t="s">
        <v>51</v>
      </c>
    </row>
    <row r="6285" spans="1:12">
      <c r="A6285" s="6" t="s">
        <v>49</v>
      </c>
      <c r="B6285" s="6"/>
      <c r="C6285" s="6" t="s">
        <v>6309</v>
      </c>
      <c r="D6285" s="6"/>
      <c r="E6285" s="6" t="s">
        <v>9</v>
      </c>
      <c r="F6285" s="7">
        <v>38657</v>
      </c>
      <c r="G6285" s="8">
        <v>1</v>
      </c>
      <c r="H6285" s="8">
        <v>1</v>
      </c>
      <c r="I6285" s="8">
        <v>0</v>
      </c>
      <c r="J6285" s="8">
        <v>1</v>
      </c>
      <c r="K6285" s="9">
        <v>9.89</v>
      </c>
      <c r="L6285" s="6" t="s">
        <v>51</v>
      </c>
    </row>
    <row r="6286" spans="1:12">
      <c r="A6286" s="6" t="s">
        <v>49</v>
      </c>
      <c r="B6286" s="6"/>
      <c r="C6286" s="6" t="s">
        <v>6310</v>
      </c>
      <c r="D6286" s="6"/>
      <c r="E6286" s="6" t="s">
        <v>9</v>
      </c>
      <c r="F6286" s="7">
        <v>38657</v>
      </c>
      <c r="G6286" s="8">
        <v>1</v>
      </c>
      <c r="H6286" s="8">
        <v>1</v>
      </c>
      <c r="I6286" s="8">
        <v>0</v>
      </c>
      <c r="J6286" s="8">
        <v>1</v>
      </c>
      <c r="K6286" s="9">
        <v>18</v>
      </c>
      <c r="L6286" s="6" t="s">
        <v>51</v>
      </c>
    </row>
    <row r="6287" spans="1:12">
      <c r="A6287" s="6" t="s">
        <v>49</v>
      </c>
      <c r="B6287" s="6"/>
      <c r="C6287" s="6" t="s">
        <v>6311</v>
      </c>
      <c r="D6287" s="6"/>
      <c r="E6287" s="6" t="s">
        <v>9</v>
      </c>
      <c r="F6287" s="7">
        <v>38657</v>
      </c>
      <c r="G6287" s="8">
        <v>1</v>
      </c>
      <c r="H6287" s="8">
        <v>1</v>
      </c>
      <c r="I6287" s="8">
        <v>0</v>
      </c>
      <c r="J6287" s="8">
        <v>1</v>
      </c>
      <c r="K6287" s="9">
        <v>9.2799999999999905</v>
      </c>
      <c r="L6287" s="6" t="s">
        <v>51</v>
      </c>
    </row>
    <row r="6288" spans="1:12">
      <c r="A6288" s="6" t="s">
        <v>49</v>
      </c>
      <c r="B6288" s="6"/>
      <c r="C6288" s="6" t="s">
        <v>6312</v>
      </c>
      <c r="D6288" s="6"/>
      <c r="E6288" s="6" t="s">
        <v>9</v>
      </c>
      <c r="F6288" s="7">
        <v>38657</v>
      </c>
      <c r="G6288" s="8">
        <v>1</v>
      </c>
      <c r="H6288" s="8">
        <v>1</v>
      </c>
      <c r="I6288" s="8">
        <v>0</v>
      </c>
      <c r="J6288" s="8">
        <v>1</v>
      </c>
      <c r="K6288" s="9">
        <v>9.69</v>
      </c>
      <c r="L6288" s="6" t="s">
        <v>51</v>
      </c>
    </row>
    <row r="6289" spans="1:12">
      <c r="A6289" s="6" t="s">
        <v>49</v>
      </c>
      <c r="B6289" s="6"/>
      <c r="C6289" s="6" t="s">
        <v>6313</v>
      </c>
      <c r="D6289" s="6"/>
      <c r="E6289" s="6" t="s">
        <v>9</v>
      </c>
      <c r="F6289" s="7">
        <v>38657</v>
      </c>
      <c r="G6289" s="8">
        <v>1</v>
      </c>
      <c r="H6289" s="8">
        <v>1</v>
      </c>
      <c r="I6289" s="8">
        <v>0</v>
      </c>
      <c r="J6289" s="8">
        <v>1</v>
      </c>
      <c r="K6289" s="9">
        <v>6.6</v>
      </c>
      <c r="L6289" s="6" t="s">
        <v>51</v>
      </c>
    </row>
    <row r="6290" spans="1:12">
      <c r="A6290" s="6" t="s">
        <v>49</v>
      </c>
      <c r="B6290" s="6"/>
      <c r="C6290" s="6" t="s">
        <v>6314</v>
      </c>
      <c r="D6290" s="6"/>
      <c r="E6290" s="6" t="s">
        <v>9</v>
      </c>
      <c r="F6290" s="7">
        <v>38657</v>
      </c>
      <c r="G6290" s="8">
        <v>1</v>
      </c>
      <c r="H6290" s="8">
        <v>1</v>
      </c>
      <c r="I6290" s="8">
        <v>0</v>
      </c>
      <c r="J6290" s="8">
        <v>1</v>
      </c>
      <c r="K6290" s="9">
        <v>4.95</v>
      </c>
      <c r="L6290" s="6" t="s">
        <v>51</v>
      </c>
    </row>
    <row r="6291" spans="1:12">
      <c r="A6291" s="6" t="s">
        <v>49</v>
      </c>
      <c r="B6291" s="6"/>
      <c r="C6291" s="6" t="s">
        <v>6315</v>
      </c>
      <c r="D6291" s="6"/>
      <c r="E6291" s="6" t="s">
        <v>9</v>
      </c>
      <c r="F6291" s="7">
        <v>38657</v>
      </c>
      <c r="G6291" s="8">
        <v>1</v>
      </c>
      <c r="H6291" s="8">
        <v>1</v>
      </c>
      <c r="I6291" s="8">
        <v>0</v>
      </c>
      <c r="J6291" s="8">
        <v>1</v>
      </c>
      <c r="K6291" s="9">
        <v>15</v>
      </c>
      <c r="L6291" s="6" t="s">
        <v>51</v>
      </c>
    </row>
    <row r="6292" spans="1:12">
      <c r="A6292" s="6" t="s">
        <v>49</v>
      </c>
      <c r="B6292" s="6"/>
      <c r="C6292" s="6" t="s">
        <v>6316</v>
      </c>
      <c r="D6292" s="6"/>
      <c r="E6292" s="6" t="s">
        <v>9</v>
      </c>
      <c r="F6292" s="7">
        <v>38657</v>
      </c>
      <c r="G6292" s="8">
        <v>1</v>
      </c>
      <c r="H6292" s="8">
        <v>1</v>
      </c>
      <c r="I6292" s="8">
        <v>0</v>
      </c>
      <c r="J6292" s="8">
        <v>1</v>
      </c>
      <c r="K6292" s="9">
        <v>9.6</v>
      </c>
      <c r="L6292" s="6" t="s">
        <v>51</v>
      </c>
    </row>
    <row r="6293" spans="1:12">
      <c r="A6293" s="6" t="s">
        <v>49</v>
      </c>
      <c r="B6293" s="6"/>
      <c r="C6293" s="6" t="s">
        <v>6317</v>
      </c>
      <c r="D6293" s="6"/>
      <c r="E6293" s="6" t="s">
        <v>9</v>
      </c>
      <c r="F6293" s="7">
        <v>38657</v>
      </c>
      <c r="G6293" s="8">
        <v>1</v>
      </c>
      <c r="H6293" s="8">
        <v>1</v>
      </c>
      <c r="I6293" s="8">
        <v>0</v>
      </c>
      <c r="J6293" s="8">
        <v>1</v>
      </c>
      <c r="K6293" s="9">
        <v>8.74</v>
      </c>
      <c r="L6293" s="6" t="s">
        <v>51</v>
      </c>
    </row>
    <row r="6294" spans="1:12">
      <c r="A6294" s="6" t="s">
        <v>49</v>
      </c>
      <c r="B6294" s="6"/>
      <c r="C6294" s="6" t="s">
        <v>6318</v>
      </c>
      <c r="D6294" s="6"/>
      <c r="E6294" s="6" t="s">
        <v>9</v>
      </c>
      <c r="F6294" s="7">
        <v>38657</v>
      </c>
      <c r="G6294" s="8">
        <v>1</v>
      </c>
      <c r="H6294" s="8">
        <v>1</v>
      </c>
      <c r="I6294" s="8">
        <v>0</v>
      </c>
      <c r="J6294" s="8">
        <v>1</v>
      </c>
      <c r="K6294" s="9">
        <v>13</v>
      </c>
      <c r="L6294" s="6" t="s">
        <v>51</v>
      </c>
    </row>
    <row r="6295" spans="1:12">
      <c r="A6295" s="6" t="s">
        <v>49</v>
      </c>
      <c r="B6295" s="6"/>
      <c r="C6295" s="6" t="s">
        <v>6319</v>
      </c>
      <c r="D6295" s="6"/>
      <c r="E6295" s="6" t="s">
        <v>9</v>
      </c>
      <c r="F6295" s="7">
        <v>38657</v>
      </c>
      <c r="G6295" s="8">
        <v>1</v>
      </c>
      <c r="H6295" s="8">
        <v>1</v>
      </c>
      <c r="I6295" s="8">
        <v>0</v>
      </c>
      <c r="J6295" s="8">
        <v>1</v>
      </c>
      <c r="K6295" s="9">
        <v>13</v>
      </c>
      <c r="L6295" s="6" t="s">
        <v>51</v>
      </c>
    </row>
    <row r="6296" spans="1:12">
      <c r="A6296" s="6" t="s">
        <v>49</v>
      </c>
      <c r="B6296" s="6"/>
      <c r="C6296" s="6" t="s">
        <v>6320</v>
      </c>
      <c r="D6296" s="6"/>
      <c r="E6296" s="6" t="s">
        <v>9</v>
      </c>
      <c r="F6296" s="7">
        <v>38657</v>
      </c>
      <c r="G6296" s="8">
        <v>1</v>
      </c>
      <c r="H6296" s="8">
        <v>1</v>
      </c>
      <c r="I6296" s="8">
        <v>0</v>
      </c>
      <c r="J6296" s="8">
        <v>1</v>
      </c>
      <c r="K6296" s="9">
        <v>9.9</v>
      </c>
      <c r="L6296" s="6" t="s">
        <v>51</v>
      </c>
    </row>
    <row r="6297" spans="1:12">
      <c r="A6297" s="6" t="s">
        <v>49</v>
      </c>
      <c r="B6297" s="6"/>
      <c r="C6297" s="6" t="s">
        <v>6321</v>
      </c>
      <c r="D6297" s="6"/>
      <c r="E6297" s="6" t="s">
        <v>9</v>
      </c>
      <c r="F6297" s="7">
        <v>38657</v>
      </c>
      <c r="G6297" s="8">
        <v>1</v>
      </c>
      <c r="H6297" s="8">
        <v>1</v>
      </c>
      <c r="I6297" s="8">
        <v>0</v>
      </c>
      <c r="J6297" s="8">
        <v>1</v>
      </c>
      <c r="K6297" s="9">
        <v>28</v>
      </c>
      <c r="L6297" s="6" t="s">
        <v>51</v>
      </c>
    </row>
    <row r="6298" spans="1:12">
      <c r="A6298" s="6" t="s">
        <v>49</v>
      </c>
      <c r="B6298" s="6"/>
      <c r="C6298" s="6" t="s">
        <v>6322</v>
      </c>
      <c r="D6298" s="6"/>
      <c r="E6298" s="6" t="s">
        <v>9</v>
      </c>
      <c r="F6298" s="7">
        <v>38657</v>
      </c>
      <c r="G6298" s="8">
        <v>1</v>
      </c>
      <c r="H6298" s="8">
        <v>1</v>
      </c>
      <c r="I6298" s="8">
        <v>0</v>
      </c>
      <c r="J6298" s="8">
        <v>1</v>
      </c>
      <c r="K6298" s="9">
        <v>8.19</v>
      </c>
      <c r="L6298" s="6" t="s">
        <v>51</v>
      </c>
    </row>
    <row r="6299" spans="1:12">
      <c r="A6299" s="6" t="s">
        <v>49</v>
      </c>
      <c r="B6299" s="6"/>
      <c r="C6299" s="6" t="s">
        <v>6323</v>
      </c>
      <c r="D6299" s="6"/>
      <c r="E6299" s="6" t="s">
        <v>9</v>
      </c>
      <c r="F6299" s="7">
        <v>38657</v>
      </c>
      <c r="G6299" s="8">
        <v>1</v>
      </c>
      <c r="H6299" s="8">
        <v>1</v>
      </c>
      <c r="I6299" s="8">
        <v>0</v>
      </c>
      <c r="J6299" s="8">
        <v>1</v>
      </c>
      <c r="K6299" s="9">
        <v>14</v>
      </c>
      <c r="L6299" s="6" t="s">
        <v>51</v>
      </c>
    </row>
    <row r="6300" spans="1:12">
      <c r="A6300" s="6" t="s">
        <v>49</v>
      </c>
      <c r="B6300" s="6"/>
      <c r="C6300" s="6" t="s">
        <v>6324</v>
      </c>
      <c r="D6300" s="6"/>
      <c r="E6300" s="6" t="s">
        <v>9</v>
      </c>
      <c r="F6300" s="7">
        <v>38657</v>
      </c>
      <c r="G6300" s="8">
        <v>1</v>
      </c>
      <c r="H6300" s="8">
        <v>1</v>
      </c>
      <c r="I6300" s="8">
        <v>0</v>
      </c>
      <c r="J6300" s="8">
        <v>1</v>
      </c>
      <c r="K6300" s="9">
        <v>9</v>
      </c>
      <c r="L6300" s="6" t="s">
        <v>51</v>
      </c>
    </row>
    <row r="6301" spans="1:12">
      <c r="A6301" s="6" t="s">
        <v>49</v>
      </c>
      <c r="B6301" s="6"/>
      <c r="C6301" s="6" t="s">
        <v>6325</v>
      </c>
      <c r="D6301" s="6"/>
      <c r="E6301" s="6" t="s">
        <v>9</v>
      </c>
      <c r="F6301" s="7">
        <v>38657</v>
      </c>
      <c r="G6301" s="8">
        <v>1</v>
      </c>
      <c r="H6301" s="8">
        <v>1</v>
      </c>
      <c r="I6301" s="8">
        <v>0</v>
      </c>
      <c r="J6301" s="8">
        <v>1</v>
      </c>
      <c r="K6301" s="9">
        <v>31</v>
      </c>
      <c r="L6301" s="6" t="s">
        <v>51</v>
      </c>
    </row>
    <row r="6302" spans="1:12">
      <c r="A6302" s="6" t="s">
        <v>49</v>
      </c>
      <c r="B6302" s="6"/>
      <c r="C6302" s="6" t="s">
        <v>6326</v>
      </c>
      <c r="D6302" s="6"/>
      <c r="E6302" s="6" t="s">
        <v>9</v>
      </c>
      <c r="F6302" s="7">
        <v>38657</v>
      </c>
      <c r="G6302" s="8">
        <v>1</v>
      </c>
      <c r="H6302" s="8">
        <v>1</v>
      </c>
      <c r="I6302" s="8">
        <v>0</v>
      </c>
      <c r="J6302" s="8">
        <v>1</v>
      </c>
      <c r="K6302" s="9">
        <v>26</v>
      </c>
      <c r="L6302" s="6" t="s">
        <v>51</v>
      </c>
    </row>
    <row r="6303" spans="1:12">
      <c r="A6303" s="6" t="s">
        <v>49</v>
      </c>
      <c r="B6303" s="6"/>
      <c r="C6303" s="6" t="s">
        <v>6327</v>
      </c>
      <c r="D6303" s="6"/>
      <c r="E6303" s="6" t="s">
        <v>9</v>
      </c>
      <c r="F6303" s="7">
        <v>38657</v>
      </c>
      <c r="G6303" s="8">
        <v>1</v>
      </c>
      <c r="H6303" s="8">
        <v>1</v>
      </c>
      <c r="I6303" s="8">
        <v>0</v>
      </c>
      <c r="J6303" s="8">
        <v>1</v>
      </c>
      <c r="K6303" s="9">
        <v>9.91</v>
      </c>
      <c r="L6303" s="6" t="s">
        <v>51</v>
      </c>
    </row>
    <row r="6304" spans="1:12">
      <c r="A6304" s="6" t="s">
        <v>49</v>
      </c>
      <c r="B6304" s="6"/>
      <c r="C6304" s="6" t="s">
        <v>6328</v>
      </c>
      <c r="D6304" s="6"/>
      <c r="E6304" s="6" t="s">
        <v>9</v>
      </c>
      <c r="F6304" s="7">
        <v>38657</v>
      </c>
      <c r="G6304" s="8">
        <v>1</v>
      </c>
      <c r="H6304" s="8">
        <v>1</v>
      </c>
      <c r="I6304" s="8">
        <v>0</v>
      </c>
      <c r="J6304" s="8">
        <v>1</v>
      </c>
      <c r="K6304" s="9">
        <v>38.020000000000003</v>
      </c>
      <c r="L6304" s="6" t="s">
        <v>51</v>
      </c>
    </row>
    <row r="6305" spans="1:12">
      <c r="A6305" s="6" t="s">
        <v>49</v>
      </c>
      <c r="B6305" s="6"/>
      <c r="C6305" s="6" t="s">
        <v>6329</v>
      </c>
      <c r="D6305" s="6"/>
      <c r="E6305" s="6" t="s">
        <v>9</v>
      </c>
      <c r="F6305" s="7">
        <v>38657</v>
      </c>
      <c r="G6305" s="8">
        <v>1</v>
      </c>
      <c r="H6305" s="8">
        <v>1</v>
      </c>
      <c r="I6305" s="8">
        <v>0</v>
      </c>
      <c r="J6305" s="8">
        <v>1</v>
      </c>
      <c r="K6305" s="9">
        <v>1</v>
      </c>
      <c r="L6305" s="6" t="s">
        <v>51</v>
      </c>
    </row>
    <row r="6306" spans="1:12">
      <c r="A6306" s="6" t="s">
        <v>49</v>
      </c>
      <c r="B6306" s="6"/>
      <c r="C6306" s="6" t="s">
        <v>6330</v>
      </c>
      <c r="D6306" s="6"/>
      <c r="E6306" s="6" t="s">
        <v>9</v>
      </c>
      <c r="F6306" s="7">
        <v>38657</v>
      </c>
      <c r="G6306" s="8">
        <v>1</v>
      </c>
      <c r="H6306" s="8">
        <v>1</v>
      </c>
      <c r="I6306" s="8">
        <v>0</v>
      </c>
      <c r="J6306" s="8">
        <v>1</v>
      </c>
      <c r="K6306" s="9">
        <v>27.3</v>
      </c>
      <c r="L6306" s="6" t="s">
        <v>51</v>
      </c>
    </row>
    <row r="6307" spans="1:12">
      <c r="A6307" s="6" t="s">
        <v>49</v>
      </c>
      <c r="B6307" s="6"/>
      <c r="C6307" s="6" t="s">
        <v>6331</v>
      </c>
      <c r="D6307" s="6"/>
      <c r="E6307" s="6" t="s">
        <v>9</v>
      </c>
      <c r="F6307" s="7">
        <v>38657</v>
      </c>
      <c r="G6307" s="8">
        <v>1</v>
      </c>
      <c r="H6307" s="8">
        <v>1</v>
      </c>
      <c r="I6307" s="8">
        <v>0</v>
      </c>
      <c r="J6307" s="8">
        <v>1</v>
      </c>
      <c r="K6307" s="9">
        <v>17.190000000000001</v>
      </c>
      <c r="L6307" s="6" t="s">
        <v>51</v>
      </c>
    </row>
    <row r="6308" spans="1:12">
      <c r="A6308" s="6" t="s">
        <v>49</v>
      </c>
      <c r="B6308" s="6"/>
      <c r="C6308" s="6" t="s">
        <v>6332</v>
      </c>
      <c r="D6308" s="6"/>
      <c r="E6308" s="6" t="s">
        <v>9</v>
      </c>
      <c r="F6308" s="7">
        <v>38657</v>
      </c>
      <c r="G6308" s="8">
        <v>1</v>
      </c>
      <c r="H6308" s="8">
        <v>1</v>
      </c>
      <c r="I6308" s="8">
        <v>0</v>
      </c>
      <c r="J6308" s="8">
        <v>1</v>
      </c>
      <c r="K6308" s="9">
        <v>7.93</v>
      </c>
      <c r="L6308" s="6" t="s">
        <v>51</v>
      </c>
    </row>
    <row r="6309" spans="1:12">
      <c r="A6309" s="6" t="s">
        <v>49</v>
      </c>
      <c r="B6309" s="6"/>
      <c r="C6309" s="6" t="s">
        <v>6333</v>
      </c>
      <c r="D6309" s="6"/>
      <c r="E6309" s="6" t="s">
        <v>9</v>
      </c>
      <c r="F6309" s="7">
        <v>38657</v>
      </c>
      <c r="G6309" s="8">
        <v>1</v>
      </c>
      <c r="H6309" s="8">
        <v>1</v>
      </c>
      <c r="I6309" s="8">
        <v>0</v>
      </c>
      <c r="J6309" s="8">
        <v>1</v>
      </c>
      <c r="K6309" s="9">
        <v>10.74</v>
      </c>
      <c r="L6309" s="6" t="s">
        <v>51</v>
      </c>
    </row>
    <row r="6310" spans="1:12">
      <c r="A6310" s="6" t="s">
        <v>49</v>
      </c>
      <c r="B6310" s="6"/>
      <c r="C6310" s="6" t="s">
        <v>6334</v>
      </c>
      <c r="D6310" s="6"/>
      <c r="E6310" s="6" t="s">
        <v>9</v>
      </c>
      <c r="F6310" s="7">
        <v>38657</v>
      </c>
      <c r="G6310" s="8">
        <v>1</v>
      </c>
      <c r="H6310" s="8">
        <v>1</v>
      </c>
      <c r="I6310" s="8">
        <v>0</v>
      </c>
      <c r="J6310" s="8">
        <v>1</v>
      </c>
      <c r="K6310" s="9">
        <v>3.3</v>
      </c>
      <c r="L6310" s="6" t="s">
        <v>51</v>
      </c>
    </row>
    <row r="6311" spans="1:12">
      <c r="A6311" s="6" t="s">
        <v>49</v>
      </c>
      <c r="B6311" s="6"/>
      <c r="C6311" s="6" t="s">
        <v>6335</v>
      </c>
      <c r="D6311" s="6"/>
      <c r="E6311" s="6" t="s">
        <v>9</v>
      </c>
      <c r="F6311" s="7">
        <v>41220</v>
      </c>
      <c r="G6311" s="8">
        <v>1</v>
      </c>
      <c r="H6311" s="8">
        <v>1</v>
      </c>
      <c r="I6311" s="8">
        <v>0</v>
      </c>
      <c r="J6311" s="8">
        <v>1</v>
      </c>
      <c r="K6311" s="9">
        <v>44</v>
      </c>
      <c r="L6311" s="6" t="s">
        <v>51</v>
      </c>
    </row>
    <row r="6312" spans="1:12">
      <c r="A6312" s="6" t="s">
        <v>49</v>
      </c>
      <c r="B6312" s="6"/>
      <c r="C6312" s="6" t="s">
        <v>6336</v>
      </c>
      <c r="D6312" s="6"/>
      <c r="E6312" s="6" t="s">
        <v>9</v>
      </c>
      <c r="F6312" s="7">
        <v>38657</v>
      </c>
      <c r="G6312" s="8">
        <v>1</v>
      </c>
      <c r="H6312" s="8">
        <v>1</v>
      </c>
      <c r="I6312" s="8">
        <v>0</v>
      </c>
      <c r="J6312" s="8">
        <v>1</v>
      </c>
      <c r="K6312" s="9">
        <v>17</v>
      </c>
      <c r="L6312" s="6" t="s">
        <v>51</v>
      </c>
    </row>
    <row r="6313" spans="1:12">
      <c r="A6313" s="6" t="s">
        <v>49</v>
      </c>
      <c r="B6313" s="6"/>
      <c r="C6313" s="6" t="s">
        <v>6337</v>
      </c>
      <c r="D6313" s="6"/>
      <c r="E6313" s="6" t="s">
        <v>9</v>
      </c>
      <c r="F6313" s="7">
        <v>38657</v>
      </c>
      <c r="G6313" s="8">
        <v>1</v>
      </c>
      <c r="H6313" s="8">
        <v>1</v>
      </c>
      <c r="I6313" s="8">
        <v>0</v>
      </c>
      <c r="J6313" s="8">
        <v>1</v>
      </c>
      <c r="K6313" s="9">
        <v>7.92</v>
      </c>
      <c r="L6313" s="6" t="s">
        <v>51</v>
      </c>
    </row>
    <row r="6314" spans="1:12">
      <c r="A6314" s="6" t="s">
        <v>49</v>
      </c>
      <c r="B6314" s="6"/>
      <c r="C6314" s="6" t="s">
        <v>6338</v>
      </c>
      <c r="D6314" s="6"/>
      <c r="E6314" s="6" t="s">
        <v>9</v>
      </c>
      <c r="F6314" s="7">
        <v>38657</v>
      </c>
      <c r="G6314" s="8">
        <v>1</v>
      </c>
      <c r="H6314" s="8">
        <v>1</v>
      </c>
      <c r="I6314" s="8">
        <v>0</v>
      </c>
      <c r="J6314" s="8">
        <v>1</v>
      </c>
      <c r="K6314" s="9">
        <v>0.81</v>
      </c>
      <c r="L6314" s="6" t="s">
        <v>51</v>
      </c>
    </row>
    <row r="6315" spans="1:12">
      <c r="A6315" s="6" t="s">
        <v>49</v>
      </c>
      <c r="B6315" s="6"/>
      <c r="C6315" s="6" t="s">
        <v>6339</v>
      </c>
      <c r="D6315" s="6"/>
      <c r="E6315" s="6" t="s">
        <v>9</v>
      </c>
      <c r="F6315" s="7">
        <v>38657</v>
      </c>
      <c r="G6315" s="8">
        <v>1</v>
      </c>
      <c r="H6315" s="8">
        <v>1</v>
      </c>
      <c r="I6315" s="8">
        <v>0</v>
      </c>
      <c r="J6315" s="8">
        <v>1</v>
      </c>
      <c r="K6315" s="9">
        <v>23.41</v>
      </c>
      <c r="L6315" s="6" t="s">
        <v>51</v>
      </c>
    </row>
    <row r="6316" spans="1:12">
      <c r="A6316" s="6" t="s">
        <v>49</v>
      </c>
      <c r="B6316" s="6"/>
      <c r="C6316" s="6" t="s">
        <v>6340</v>
      </c>
      <c r="D6316" s="6"/>
      <c r="E6316" s="6" t="s">
        <v>9</v>
      </c>
      <c r="F6316" s="7">
        <v>38657</v>
      </c>
      <c r="G6316" s="8">
        <v>1</v>
      </c>
      <c r="H6316" s="8">
        <v>1</v>
      </c>
      <c r="I6316" s="8">
        <v>0</v>
      </c>
      <c r="J6316" s="8">
        <v>1</v>
      </c>
      <c r="K6316" s="9">
        <v>3.25</v>
      </c>
      <c r="L6316" s="6" t="s">
        <v>51</v>
      </c>
    </row>
    <row r="6317" spans="1:12">
      <c r="A6317" s="6" t="s">
        <v>49</v>
      </c>
      <c r="B6317" s="6"/>
      <c r="C6317" s="6" t="s">
        <v>6341</v>
      </c>
      <c r="D6317" s="6"/>
      <c r="E6317" s="6" t="s">
        <v>9</v>
      </c>
      <c r="F6317" s="7">
        <v>38657</v>
      </c>
      <c r="G6317" s="8">
        <v>1</v>
      </c>
      <c r="H6317" s="8">
        <v>1</v>
      </c>
      <c r="I6317" s="8">
        <v>0</v>
      </c>
      <c r="J6317" s="8">
        <v>1</v>
      </c>
      <c r="K6317" s="9">
        <v>17.190000000000001</v>
      </c>
      <c r="L6317" s="6" t="s">
        <v>51</v>
      </c>
    </row>
    <row r="6318" spans="1:12">
      <c r="A6318" s="6" t="s">
        <v>49</v>
      </c>
      <c r="B6318" s="6"/>
      <c r="C6318" s="6" t="s">
        <v>6342</v>
      </c>
      <c r="D6318" s="6"/>
      <c r="E6318" s="6" t="s">
        <v>9</v>
      </c>
      <c r="F6318" s="7">
        <v>38657</v>
      </c>
      <c r="G6318" s="8">
        <v>1</v>
      </c>
      <c r="H6318" s="8">
        <v>1</v>
      </c>
      <c r="I6318" s="8">
        <v>0</v>
      </c>
      <c r="J6318" s="8">
        <v>1</v>
      </c>
      <c r="K6318" s="9">
        <v>13.22</v>
      </c>
      <c r="L6318" s="6" t="s">
        <v>51</v>
      </c>
    </row>
    <row r="6319" spans="1:12">
      <c r="A6319" s="6" t="s">
        <v>49</v>
      </c>
      <c r="B6319" s="6"/>
      <c r="C6319" s="6" t="s">
        <v>6343</v>
      </c>
      <c r="D6319" s="6"/>
      <c r="E6319" s="6" t="s">
        <v>9</v>
      </c>
      <c r="F6319" s="7">
        <v>38657</v>
      </c>
      <c r="G6319" s="8">
        <v>1</v>
      </c>
      <c r="H6319" s="8">
        <v>1</v>
      </c>
      <c r="I6319" s="8">
        <v>0</v>
      </c>
      <c r="J6319" s="8">
        <v>1</v>
      </c>
      <c r="K6319" s="9">
        <v>17</v>
      </c>
      <c r="L6319" s="6" t="s">
        <v>51</v>
      </c>
    </row>
    <row r="6320" spans="1:12">
      <c r="A6320" s="6" t="s">
        <v>49</v>
      </c>
      <c r="B6320" s="6"/>
      <c r="C6320" s="6" t="s">
        <v>6344</v>
      </c>
      <c r="D6320" s="6"/>
      <c r="E6320" s="6" t="s">
        <v>9</v>
      </c>
      <c r="F6320" s="7">
        <v>38657</v>
      </c>
      <c r="G6320" s="8">
        <v>1</v>
      </c>
      <c r="H6320" s="8">
        <v>1</v>
      </c>
      <c r="I6320" s="8">
        <v>0</v>
      </c>
      <c r="J6320" s="8">
        <v>1</v>
      </c>
      <c r="K6320" s="9">
        <v>12.59</v>
      </c>
      <c r="L6320" s="6" t="s">
        <v>51</v>
      </c>
    </row>
    <row r="6321" spans="1:12">
      <c r="A6321" s="6" t="s">
        <v>49</v>
      </c>
      <c r="B6321" s="6"/>
      <c r="C6321" s="6" t="s">
        <v>6345</v>
      </c>
      <c r="D6321" s="6"/>
      <c r="E6321" s="6" t="s">
        <v>9</v>
      </c>
      <c r="F6321" s="7">
        <v>38657</v>
      </c>
      <c r="G6321" s="8">
        <v>1</v>
      </c>
      <c r="H6321" s="8">
        <v>1</v>
      </c>
      <c r="I6321" s="8">
        <v>0</v>
      </c>
      <c r="J6321" s="8">
        <v>1</v>
      </c>
      <c r="K6321" s="9">
        <v>41.32</v>
      </c>
      <c r="L6321" s="6" t="s">
        <v>51</v>
      </c>
    </row>
    <row r="6322" spans="1:12">
      <c r="A6322" s="6" t="s">
        <v>49</v>
      </c>
      <c r="B6322" s="6"/>
      <c r="C6322" s="6" t="s">
        <v>6346</v>
      </c>
      <c r="D6322" s="6"/>
      <c r="E6322" s="6" t="s">
        <v>9</v>
      </c>
      <c r="F6322" s="7">
        <v>38657</v>
      </c>
      <c r="G6322" s="8">
        <v>1</v>
      </c>
      <c r="H6322" s="8">
        <v>1</v>
      </c>
      <c r="I6322" s="8">
        <v>0</v>
      </c>
      <c r="J6322" s="8">
        <v>1</v>
      </c>
      <c r="K6322" s="9">
        <v>12</v>
      </c>
      <c r="L6322" s="6" t="s">
        <v>51</v>
      </c>
    </row>
    <row r="6323" spans="1:12">
      <c r="A6323" s="6" t="s">
        <v>49</v>
      </c>
      <c r="B6323" s="6"/>
      <c r="C6323" s="6" t="s">
        <v>6347</v>
      </c>
      <c r="D6323" s="6"/>
      <c r="E6323" s="6" t="s">
        <v>9</v>
      </c>
      <c r="F6323" s="7">
        <v>38657</v>
      </c>
      <c r="G6323" s="8">
        <v>1</v>
      </c>
      <c r="H6323" s="8">
        <v>1</v>
      </c>
      <c r="I6323" s="8">
        <v>0</v>
      </c>
      <c r="J6323" s="8">
        <v>1</v>
      </c>
      <c r="K6323" s="9">
        <v>19</v>
      </c>
      <c r="L6323" s="6" t="s">
        <v>51</v>
      </c>
    </row>
    <row r="6324" spans="1:12">
      <c r="A6324" s="6" t="s">
        <v>49</v>
      </c>
      <c r="B6324" s="6"/>
      <c r="C6324" s="6" t="s">
        <v>6348</v>
      </c>
      <c r="D6324" s="6"/>
      <c r="E6324" s="6" t="s">
        <v>9</v>
      </c>
      <c r="F6324" s="7">
        <v>38657</v>
      </c>
      <c r="G6324" s="8">
        <v>1</v>
      </c>
      <c r="H6324" s="8">
        <v>1</v>
      </c>
      <c r="I6324" s="8">
        <v>0</v>
      </c>
      <c r="J6324" s="8">
        <v>1</v>
      </c>
      <c r="K6324" s="9">
        <v>59</v>
      </c>
      <c r="L6324" s="6" t="s">
        <v>51</v>
      </c>
    </row>
    <row r="6325" spans="1:12">
      <c r="A6325" s="6" t="s">
        <v>49</v>
      </c>
      <c r="B6325" s="6"/>
      <c r="C6325" s="6" t="s">
        <v>6349</v>
      </c>
      <c r="D6325" s="6"/>
      <c r="E6325" s="6" t="s">
        <v>9</v>
      </c>
      <c r="F6325" s="7">
        <v>38657</v>
      </c>
      <c r="G6325" s="8">
        <v>1</v>
      </c>
      <c r="H6325" s="8">
        <v>1</v>
      </c>
      <c r="I6325" s="8">
        <v>0</v>
      </c>
      <c r="J6325" s="8">
        <v>1</v>
      </c>
      <c r="K6325" s="9">
        <v>119</v>
      </c>
      <c r="L6325" s="6" t="s">
        <v>51</v>
      </c>
    </row>
    <row r="6326" spans="1:12">
      <c r="A6326" s="6" t="s">
        <v>49</v>
      </c>
      <c r="B6326" s="6"/>
      <c r="C6326" s="6" t="s">
        <v>6350</v>
      </c>
      <c r="D6326" s="6"/>
      <c r="E6326" s="6" t="s">
        <v>9</v>
      </c>
      <c r="F6326" s="7">
        <v>38657</v>
      </c>
      <c r="G6326" s="8">
        <v>1</v>
      </c>
      <c r="H6326" s="8">
        <v>1</v>
      </c>
      <c r="I6326" s="8">
        <v>0</v>
      </c>
      <c r="J6326" s="8">
        <v>1</v>
      </c>
      <c r="K6326" s="9">
        <v>23.17</v>
      </c>
      <c r="L6326" s="6" t="s">
        <v>51</v>
      </c>
    </row>
    <row r="6327" spans="1:12">
      <c r="A6327" s="6" t="s">
        <v>49</v>
      </c>
      <c r="B6327" s="6"/>
      <c r="C6327" s="6" t="s">
        <v>6351</v>
      </c>
      <c r="D6327" s="6"/>
      <c r="E6327" s="6" t="s">
        <v>9</v>
      </c>
      <c r="F6327" s="7">
        <v>38657</v>
      </c>
      <c r="G6327" s="8">
        <v>1</v>
      </c>
      <c r="H6327" s="8">
        <v>1</v>
      </c>
      <c r="I6327" s="8">
        <v>0</v>
      </c>
      <c r="J6327" s="8">
        <v>1</v>
      </c>
      <c r="K6327" s="9">
        <v>11</v>
      </c>
      <c r="L6327" s="6" t="s">
        <v>51</v>
      </c>
    </row>
    <row r="6328" spans="1:12">
      <c r="A6328" s="6" t="s">
        <v>49</v>
      </c>
      <c r="B6328" s="6"/>
      <c r="C6328" s="6" t="s">
        <v>6352</v>
      </c>
      <c r="D6328" s="6"/>
      <c r="E6328" s="6" t="s">
        <v>9</v>
      </c>
      <c r="F6328" s="7">
        <v>38657</v>
      </c>
      <c r="G6328" s="8">
        <v>1</v>
      </c>
      <c r="H6328" s="8">
        <v>1</v>
      </c>
      <c r="I6328" s="8">
        <v>0</v>
      </c>
      <c r="J6328" s="8">
        <v>1</v>
      </c>
      <c r="K6328" s="9">
        <v>6.61</v>
      </c>
      <c r="L6328" s="6" t="s">
        <v>51</v>
      </c>
    </row>
    <row r="6329" spans="1:12">
      <c r="A6329" s="6" t="s">
        <v>49</v>
      </c>
      <c r="B6329" s="6"/>
      <c r="C6329" s="6" t="s">
        <v>6353</v>
      </c>
      <c r="D6329" s="6"/>
      <c r="E6329" s="6" t="s">
        <v>9</v>
      </c>
      <c r="F6329" s="7">
        <v>38657</v>
      </c>
      <c r="G6329" s="8">
        <v>1</v>
      </c>
      <c r="H6329" s="8">
        <v>1</v>
      </c>
      <c r="I6329" s="8">
        <v>0</v>
      </c>
      <c r="J6329" s="8">
        <v>1</v>
      </c>
      <c r="K6329" s="9">
        <v>34.31</v>
      </c>
      <c r="L6329" s="6" t="s">
        <v>51</v>
      </c>
    </row>
    <row r="6330" spans="1:12">
      <c r="A6330" s="6" t="s">
        <v>49</v>
      </c>
      <c r="B6330" s="6"/>
      <c r="C6330" s="6" t="s">
        <v>6354</v>
      </c>
      <c r="D6330" s="6"/>
      <c r="E6330" s="6" t="s">
        <v>9</v>
      </c>
      <c r="F6330" s="7">
        <v>38657</v>
      </c>
      <c r="G6330" s="8">
        <v>1</v>
      </c>
      <c r="H6330" s="8">
        <v>1</v>
      </c>
      <c r="I6330" s="8">
        <v>0</v>
      </c>
      <c r="J6330" s="8">
        <v>1</v>
      </c>
      <c r="K6330" s="9">
        <v>41.88</v>
      </c>
      <c r="L6330" s="6" t="s">
        <v>51</v>
      </c>
    </row>
    <row r="6331" spans="1:12">
      <c r="A6331" s="6" t="s">
        <v>49</v>
      </c>
      <c r="B6331" s="6"/>
      <c r="C6331" s="6" t="s">
        <v>6355</v>
      </c>
      <c r="D6331" s="6"/>
      <c r="E6331" s="6" t="s">
        <v>9</v>
      </c>
      <c r="F6331" s="7">
        <v>40224</v>
      </c>
      <c r="G6331" s="8">
        <v>1</v>
      </c>
      <c r="H6331" s="8">
        <v>1</v>
      </c>
      <c r="I6331" s="8">
        <v>0</v>
      </c>
      <c r="J6331" s="8">
        <v>1</v>
      </c>
      <c r="K6331" s="9">
        <v>2.82</v>
      </c>
      <c r="L6331" s="6" t="s">
        <v>51</v>
      </c>
    </row>
    <row r="6332" spans="1:12">
      <c r="A6332" s="6" t="s">
        <v>49</v>
      </c>
      <c r="B6332" s="6"/>
      <c r="C6332" s="6" t="s">
        <v>6356</v>
      </c>
      <c r="D6332" s="6"/>
      <c r="E6332" s="6" t="s">
        <v>9</v>
      </c>
      <c r="F6332" s="7">
        <v>38657</v>
      </c>
      <c r="G6332" s="8">
        <v>1</v>
      </c>
      <c r="H6332" s="8">
        <v>1</v>
      </c>
      <c r="I6332" s="8">
        <v>0</v>
      </c>
      <c r="J6332" s="8">
        <v>1</v>
      </c>
      <c r="K6332" s="9">
        <v>29.78</v>
      </c>
      <c r="L6332" s="6" t="s">
        <v>51</v>
      </c>
    </row>
    <row r="6333" spans="1:12">
      <c r="A6333" s="6" t="s">
        <v>49</v>
      </c>
      <c r="B6333" s="6"/>
      <c r="C6333" s="6" t="s">
        <v>6357</v>
      </c>
      <c r="D6333" s="6"/>
      <c r="E6333" s="6" t="s">
        <v>9</v>
      </c>
      <c r="F6333" s="7">
        <v>38657</v>
      </c>
      <c r="G6333" s="8">
        <v>1</v>
      </c>
      <c r="H6333" s="8">
        <v>1</v>
      </c>
      <c r="I6333" s="8">
        <v>0</v>
      </c>
      <c r="J6333" s="8">
        <v>1</v>
      </c>
      <c r="K6333" s="9">
        <v>9.98</v>
      </c>
      <c r="L6333" s="6" t="s">
        <v>51</v>
      </c>
    </row>
    <row r="6334" spans="1:12">
      <c r="A6334" s="6" t="s">
        <v>49</v>
      </c>
      <c r="B6334" s="6"/>
      <c r="C6334" s="6" t="s">
        <v>6358</v>
      </c>
      <c r="D6334" s="6"/>
      <c r="E6334" s="6" t="s">
        <v>9</v>
      </c>
      <c r="F6334" s="7">
        <v>38657</v>
      </c>
      <c r="G6334" s="8">
        <v>1</v>
      </c>
      <c r="H6334" s="8">
        <v>1</v>
      </c>
      <c r="I6334" s="8">
        <v>0</v>
      </c>
      <c r="J6334" s="8">
        <v>1</v>
      </c>
      <c r="K6334" s="9">
        <v>19</v>
      </c>
      <c r="L6334" s="6" t="s">
        <v>51</v>
      </c>
    </row>
    <row r="6335" spans="1:12">
      <c r="A6335" s="6" t="s">
        <v>49</v>
      </c>
      <c r="B6335" s="6"/>
      <c r="C6335" s="6" t="s">
        <v>6359</v>
      </c>
      <c r="D6335" s="6"/>
      <c r="E6335" s="6" t="s">
        <v>9</v>
      </c>
      <c r="F6335" s="7">
        <v>38657</v>
      </c>
      <c r="G6335" s="8">
        <v>1</v>
      </c>
      <c r="H6335" s="8">
        <v>1</v>
      </c>
      <c r="I6335" s="8">
        <v>0</v>
      </c>
      <c r="J6335" s="8">
        <v>1</v>
      </c>
      <c r="K6335" s="9">
        <v>15.66</v>
      </c>
      <c r="L6335" s="6" t="s">
        <v>51</v>
      </c>
    </row>
    <row r="6336" spans="1:12">
      <c r="A6336" s="6" t="s">
        <v>49</v>
      </c>
      <c r="B6336" s="6"/>
      <c r="C6336" s="6" t="s">
        <v>6360</v>
      </c>
      <c r="D6336" s="6"/>
      <c r="E6336" s="6" t="s">
        <v>9</v>
      </c>
      <c r="F6336" s="7">
        <v>38657</v>
      </c>
      <c r="G6336" s="8">
        <v>1</v>
      </c>
      <c r="H6336" s="8">
        <v>1</v>
      </c>
      <c r="I6336" s="8">
        <v>0</v>
      </c>
      <c r="J6336" s="8">
        <v>1</v>
      </c>
      <c r="K6336" s="9">
        <v>48.84</v>
      </c>
      <c r="L6336" s="6" t="s">
        <v>51</v>
      </c>
    </row>
    <row r="6337" spans="1:12">
      <c r="A6337" s="6" t="s">
        <v>49</v>
      </c>
      <c r="B6337" s="6"/>
      <c r="C6337" s="6" t="s">
        <v>6361</v>
      </c>
      <c r="D6337" s="6"/>
      <c r="E6337" s="6" t="s">
        <v>9</v>
      </c>
      <c r="F6337" s="7">
        <v>38657</v>
      </c>
      <c r="G6337" s="8">
        <v>1</v>
      </c>
      <c r="H6337" s="8">
        <v>1</v>
      </c>
      <c r="I6337" s="8">
        <v>0</v>
      </c>
      <c r="J6337" s="8">
        <v>1</v>
      </c>
      <c r="K6337" s="9">
        <v>50</v>
      </c>
      <c r="L6337" s="6" t="s">
        <v>51</v>
      </c>
    </row>
    <row r="6338" spans="1:12">
      <c r="A6338" s="6" t="s">
        <v>49</v>
      </c>
      <c r="B6338" s="6"/>
      <c r="C6338" s="6" t="s">
        <v>6362</v>
      </c>
      <c r="D6338" s="6"/>
      <c r="E6338" s="6" t="s">
        <v>9</v>
      </c>
      <c r="F6338" s="7">
        <v>38657</v>
      </c>
      <c r="G6338" s="8">
        <v>1</v>
      </c>
      <c r="H6338" s="8">
        <v>1</v>
      </c>
      <c r="I6338" s="8">
        <v>0</v>
      </c>
      <c r="J6338" s="8">
        <v>1</v>
      </c>
      <c r="K6338" s="9">
        <v>16</v>
      </c>
      <c r="L6338" s="6" t="s">
        <v>51</v>
      </c>
    </row>
    <row r="6339" spans="1:12">
      <c r="A6339" s="6" t="s">
        <v>49</v>
      </c>
      <c r="B6339" s="6"/>
      <c r="C6339" s="6" t="s">
        <v>6363</v>
      </c>
      <c r="D6339" s="6"/>
      <c r="E6339" s="6" t="s">
        <v>9</v>
      </c>
      <c r="F6339" s="7">
        <v>38657</v>
      </c>
      <c r="G6339" s="8">
        <v>1</v>
      </c>
      <c r="H6339" s="8">
        <v>1</v>
      </c>
      <c r="I6339" s="8">
        <v>0</v>
      </c>
      <c r="J6339" s="8">
        <v>1</v>
      </c>
      <c r="K6339" s="9">
        <v>11.87</v>
      </c>
      <c r="L6339" s="6" t="s">
        <v>51</v>
      </c>
    </row>
    <row r="6340" spans="1:12">
      <c r="A6340" s="6" t="s">
        <v>49</v>
      </c>
      <c r="B6340" s="6"/>
      <c r="C6340" s="6" t="s">
        <v>6364</v>
      </c>
      <c r="D6340" s="6"/>
      <c r="E6340" s="6" t="s">
        <v>9</v>
      </c>
      <c r="F6340" s="7">
        <v>38657</v>
      </c>
      <c r="G6340" s="8">
        <v>1</v>
      </c>
      <c r="H6340" s="8">
        <v>1</v>
      </c>
      <c r="I6340" s="8">
        <v>0</v>
      </c>
      <c r="J6340" s="8">
        <v>1</v>
      </c>
      <c r="K6340" s="9">
        <v>57.58</v>
      </c>
      <c r="L6340" s="6" t="s">
        <v>51</v>
      </c>
    </row>
    <row r="6341" spans="1:12">
      <c r="A6341" s="6" t="s">
        <v>49</v>
      </c>
      <c r="B6341" s="6"/>
      <c r="C6341" s="6" t="s">
        <v>6365</v>
      </c>
      <c r="D6341" s="6"/>
      <c r="E6341" s="6" t="s">
        <v>9</v>
      </c>
      <c r="F6341" s="7">
        <v>38657</v>
      </c>
      <c r="G6341" s="8">
        <v>1</v>
      </c>
      <c r="H6341" s="8">
        <v>1</v>
      </c>
      <c r="I6341" s="8">
        <v>0</v>
      </c>
      <c r="J6341" s="8">
        <v>1</v>
      </c>
      <c r="K6341" s="9">
        <v>3.47</v>
      </c>
      <c r="L6341" s="6" t="s">
        <v>51</v>
      </c>
    </row>
    <row r="6342" spans="1:12">
      <c r="A6342" s="6" t="s">
        <v>49</v>
      </c>
      <c r="B6342" s="6"/>
      <c r="C6342" s="6" t="s">
        <v>6366</v>
      </c>
      <c r="D6342" s="6"/>
      <c r="E6342" s="6" t="s">
        <v>9</v>
      </c>
      <c r="F6342" s="7">
        <v>40224</v>
      </c>
      <c r="G6342" s="8">
        <v>25650</v>
      </c>
      <c r="H6342" s="8">
        <v>25650</v>
      </c>
      <c r="I6342" s="8">
        <v>0</v>
      </c>
      <c r="J6342" s="8">
        <v>25650</v>
      </c>
      <c r="K6342" s="9">
        <v>5.13</v>
      </c>
      <c r="L6342" s="6" t="s">
        <v>51</v>
      </c>
    </row>
    <row r="6343" spans="1:12">
      <c r="A6343" s="6" t="s">
        <v>49</v>
      </c>
      <c r="B6343" s="6"/>
      <c r="C6343" s="6" t="s">
        <v>6367</v>
      </c>
      <c r="D6343" s="6"/>
      <c r="E6343" s="6" t="s">
        <v>9</v>
      </c>
      <c r="F6343" s="7">
        <v>38657</v>
      </c>
      <c r="G6343" s="8">
        <v>1</v>
      </c>
      <c r="H6343" s="8">
        <v>1</v>
      </c>
      <c r="I6343" s="8">
        <v>0</v>
      </c>
      <c r="J6343" s="8">
        <v>1</v>
      </c>
      <c r="K6343" s="9">
        <v>423</v>
      </c>
      <c r="L6343" s="6" t="s">
        <v>51</v>
      </c>
    </row>
    <row r="6344" spans="1:12">
      <c r="A6344" s="6" t="s">
        <v>49</v>
      </c>
      <c r="B6344" s="6"/>
      <c r="C6344" s="6" t="s">
        <v>6368</v>
      </c>
      <c r="D6344" s="6"/>
      <c r="E6344" s="6" t="s">
        <v>9</v>
      </c>
      <c r="F6344" s="7">
        <v>38657</v>
      </c>
      <c r="G6344" s="8">
        <v>1</v>
      </c>
      <c r="H6344" s="8">
        <v>1</v>
      </c>
      <c r="I6344" s="8">
        <v>0</v>
      </c>
      <c r="J6344" s="8">
        <v>1</v>
      </c>
      <c r="K6344" s="9">
        <v>26</v>
      </c>
      <c r="L6344" s="6" t="s">
        <v>51</v>
      </c>
    </row>
    <row r="6345" spans="1:12">
      <c r="A6345" s="6" t="s">
        <v>49</v>
      </c>
      <c r="B6345" s="6"/>
      <c r="C6345" s="6" t="s">
        <v>6369</v>
      </c>
      <c r="D6345" s="6"/>
      <c r="E6345" s="6" t="s">
        <v>9</v>
      </c>
      <c r="F6345" s="7">
        <v>38657</v>
      </c>
      <c r="G6345" s="8">
        <v>1</v>
      </c>
      <c r="H6345" s="8">
        <v>1</v>
      </c>
      <c r="I6345" s="8">
        <v>0</v>
      </c>
      <c r="J6345" s="8">
        <v>1</v>
      </c>
      <c r="K6345" s="9">
        <v>19</v>
      </c>
      <c r="L6345" s="6" t="s">
        <v>51</v>
      </c>
    </row>
    <row r="6346" spans="1:12">
      <c r="A6346" s="6" t="s">
        <v>49</v>
      </c>
      <c r="B6346" s="6"/>
      <c r="C6346" s="6" t="s">
        <v>6370</v>
      </c>
      <c r="D6346" s="6"/>
      <c r="E6346" s="6" t="s">
        <v>9</v>
      </c>
      <c r="F6346" s="7">
        <v>38657</v>
      </c>
      <c r="G6346" s="8">
        <v>1</v>
      </c>
      <c r="H6346" s="8">
        <v>1</v>
      </c>
      <c r="I6346" s="8">
        <v>0</v>
      </c>
      <c r="J6346" s="8">
        <v>1</v>
      </c>
      <c r="K6346" s="9">
        <v>19</v>
      </c>
      <c r="L6346" s="6" t="s">
        <v>51</v>
      </c>
    </row>
    <row r="6347" spans="1:12">
      <c r="A6347" s="6" t="s">
        <v>49</v>
      </c>
      <c r="B6347" s="6"/>
      <c r="C6347" s="6" t="s">
        <v>6371</v>
      </c>
      <c r="D6347" s="6"/>
      <c r="E6347" s="6" t="s">
        <v>9</v>
      </c>
      <c r="F6347" s="7">
        <v>38657</v>
      </c>
      <c r="G6347" s="8">
        <v>1</v>
      </c>
      <c r="H6347" s="8">
        <v>1</v>
      </c>
      <c r="I6347" s="8">
        <v>0</v>
      </c>
      <c r="J6347" s="8">
        <v>1</v>
      </c>
      <c r="K6347" s="9">
        <v>3.3</v>
      </c>
      <c r="L6347" s="6" t="s">
        <v>51</v>
      </c>
    </row>
    <row r="6348" spans="1:12">
      <c r="A6348" s="6" t="s">
        <v>49</v>
      </c>
      <c r="B6348" s="6"/>
      <c r="C6348" s="6" t="s">
        <v>6372</v>
      </c>
      <c r="D6348" s="6"/>
      <c r="E6348" s="6" t="s">
        <v>9</v>
      </c>
      <c r="F6348" s="7">
        <v>38657</v>
      </c>
      <c r="G6348" s="8">
        <v>1</v>
      </c>
      <c r="H6348" s="8">
        <v>1</v>
      </c>
      <c r="I6348" s="8">
        <v>0</v>
      </c>
      <c r="J6348" s="8">
        <v>1</v>
      </c>
      <c r="K6348" s="9">
        <v>19</v>
      </c>
      <c r="L6348" s="6" t="s">
        <v>51</v>
      </c>
    </row>
    <row r="6349" spans="1:12">
      <c r="A6349" s="6" t="s">
        <v>49</v>
      </c>
      <c r="B6349" s="6"/>
      <c r="C6349" s="6" t="s">
        <v>6373</v>
      </c>
      <c r="D6349" s="6"/>
      <c r="E6349" s="6" t="s">
        <v>9</v>
      </c>
      <c r="F6349" s="7">
        <v>38657</v>
      </c>
      <c r="G6349" s="8">
        <v>1</v>
      </c>
      <c r="H6349" s="8">
        <v>1</v>
      </c>
      <c r="I6349" s="8">
        <v>0</v>
      </c>
      <c r="J6349" s="8">
        <v>1</v>
      </c>
      <c r="K6349" s="9">
        <v>6.61</v>
      </c>
      <c r="L6349" s="6" t="s">
        <v>51</v>
      </c>
    </row>
    <row r="6350" spans="1:12">
      <c r="A6350" s="6" t="s">
        <v>49</v>
      </c>
      <c r="B6350" s="6"/>
      <c r="C6350" s="6" t="s">
        <v>6374</v>
      </c>
      <c r="D6350" s="6"/>
      <c r="E6350" s="6" t="s">
        <v>9</v>
      </c>
      <c r="F6350" s="7">
        <v>38657</v>
      </c>
      <c r="G6350" s="8">
        <v>1</v>
      </c>
      <c r="H6350" s="8">
        <v>1</v>
      </c>
      <c r="I6350" s="8">
        <v>0</v>
      </c>
      <c r="J6350" s="8">
        <v>1</v>
      </c>
      <c r="K6350" s="9">
        <v>10</v>
      </c>
      <c r="L6350" s="6" t="s">
        <v>51</v>
      </c>
    </row>
    <row r="6351" spans="1:12">
      <c r="A6351" s="6" t="s">
        <v>49</v>
      </c>
      <c r="B6351" s="6"/>
      <c r="C6351" s="6" t="s">
        <v>6375</v>
      </c>
      <c r="D6351" s="6"/>
      <c r="E6351" s="6" t="s">
        <v>9</v>
      </c>
      <c r="F6351" s="7">
        <v>38657</v>
      </c>
      <c r="G6351" s="8">
        <v>1</v>
      </c>
      <c r="H6351" s="8">
        <v>1</v>
      </c>
      <c r="I6351" s="8">
        <v>0</v>
      </c>
      <c r="J6351" s="8">
        <v>1</v>
      </c>
      <c r="K6351" s="9">
        <v>16</v>
      </c>
      <c r="L6351" s="6" t="s">
        <v>51</v>
      </c>
    </row>
    <row r="6352" spans="1:12">
      <c r="A6352" s="6" t="s">
        <v>49</v>
      </c>
      <c r="B6352" s="6"/>
      <c r="C6352" s="6" t="s">
        <v>6376</v>
      </c>
      <c r="D6352" s="6"/>
      <c r="E6352" s="6" t="s">
        <v>9</v>
      </c>
      <c r="F6352" s="7">
        <v>38657</v>
      </c>
      <c r="G6352" s="8">
        <v>1</v>
      </c>
      <c r="H6352" s="8">
        <v>1</v>
      </c>
      <c r="I6352" s="8">
        <v>0</v>
      </c>
      <c r="J6352" s="8">
        <v>1</v>
      </c>
      <c r="K6352" s="9">
        <v>6.61</v>
      </c>
      <c r="L6352" s="6" t="s">
        <v>51</v>
      </c>
    </row>
    <row r="6353" spans="1:12">
      <c r="A6353" s="6" t="s">
        <v>49</v>
      </c>
      <c r="B6353" s="6"/>
      <c r="C6353" s="6" t="s">
        <v>6377</v>
      </c>
      <c r="D6353" s="6"/>
      <c r="E6353" s="6" t="s">
        <v>9</v>
      </c>
      <c r="F6353" s="7">
        <v>40224</v>
      </c>
      <c r="G6353" s="8">
        <v>21000</v>
      </c>
      <c r="H6353" s="8">
        <v>21000</v>
      </c>
      <c r="I6353" s="8">
        <v>0</v>
      </c>
      <c r="J6353" s="8">
        <v>21000</v>
      </c>
      <c r="K6353" s="9">
        <v>4.2</v>
      </c>
      <c r="L6353" s="6" t="s">
        <v>51</v>
      </c>
    </row>
    <row r="6354" spans="1:12">
      <c r="A6354" s="6" t="s">
        <v>49</v>
      </c>
      <c r="B6354" s="6"/>
      <c r="C6354" s="6" t="s">
        <v>6378</v>
      </c>
      <c r="D6354" s="6"/>
      <c r="E6354" s="6" t="s">
        <v>9</v>
      </c>
      <c r="F6354" s="7">
        <v>38657</v>
      </c>
      <c r="G6354" s="8">
        <v>1</v>
      </c>
      <c r="H6354" s="8">
        <v>1</v>
      </c>
      <c r="I6354" s="8">
        <v>0</v>
      </c>
      <c r="J6354" s="8">
        <v>1</v>
      </c>
      <c r="K6354" s="9">
        <v>19</v>
      </c>
      <c r="L6354" s="6" t="s">
        <v>51</v>
      </c>
    </row>
    <row r="6355" spans="1:12">
      <c r="A6355" s="6" t="s">
        <v>49</v>
      </c>
      <c r="B6355" s="6"/>
      <c r="C6355" s="6" t="s">
        <v>6379</v>
      </c>
      <c r="D6355" s="6"/>
      <c r="E6355" s="6" t="s">
        <v>9</v>
      </c>
      <c r="F6355" s="7">
        <v>38657</v>
      </c>
      <c r="G6355" s="8">
        <v>1</v>
      </c>
      <c r="H6355" s="8">
        <v>1</v>
      </c>
      <c r="I6355" s="8">
        <v>0</v>
      </c>
      <c r="J6355" s="8">
        <v>1</v>
      </c>
      <c r="K6355" s="9">
        <v>5.0199999999999898</v>
      </c>
      <c r="L6355" s="6" t="s">
        <v>51</v>
      </c>
    </row>
    <row r="6356" spans="1:12">
      <c r="A6356" s="6" t="s">
        <v>49</v>
      </c>
      <c r="B6356" s="6"/>
      <c r="C6356" s="6" t="s">
        <v>6380</v>
      </c>
      <c r="D6356" s="6"/>
      <c r="E6356" s="6" t="s">
        <v>9</v>
      </c>
      <c r="F6356" s="7">
        <v>38657</v>
      </c>
      <c r="G6356" s="8">
        <v>1</v>
      </c>
      <c r="H6356" s="8">
        <v>1</v>
      </c>
      <c r="I6356" s="8">
        <v>0</v>
      </c>
      <c r="J6356" s="8">
        <v>1</v>
      </c>
      <c r="K6356" s="9">
        <v>36</v>
      </c>
      <c r="L6356" s="6" t="s">
        <v>51</v>
      </c>
    </row>
    <row r="6357" spans="1:12">
      <c r="A6357" s="6" t="s">
        <v>49</v>
      </c>
      <c r="B6357" s="6"/>
      <c r="C6357" s="6" t="s">
        <v>6381</v>
      </c>
      <c r="D6357" s="6"/>
      <c r="E6357" s="6" t="s">
        <v>9</v>
      </c>
      <c r="F6357" s="7">
        <v>38657</v>
      </c>
      <c r="G6357" s="8">
        <v>1</v>
      </c>
      <c r="H6357" s="8">
        <v>1</v>
      </c>
      <c r="I6357" s="8">
        <v>0</v>
      </c>
      <c r="J6357" s="8">
        <v>1</v>
      </c>
      <c r="K6357" s="9">
        <v>67.680000000000007</v>
      </c>
      <c r="L6357" s="6" t="s">
        <v>51</v>
      </c>
    </row>
    <row r="6358" spans="1:12">
      <c r="A6358" s="6" t="s">
        <v>49</v>
      </c>
      <c r="B6358" s="6"/>
      <c r="C6358" s="6" t="s">
        <v>6382</v>
      </c>
      <c r="D6358" s="6"/>
      <c r="E6358" s="6" t="s">
        <v>9</v>
      </c>
      <c r="F6358" s="7">
        <v>38657</v>
      </c>
      <c r="G6358" s="8">
        <v>1</v>
      </c>
      <c r="H6358" s="8">
        <v>1</v>
      </c>
      <c r="I6358" s="8">
        <v>0</v>
      </c>
      <c r="J6358" s="8">
        <v>1</v>
      </c>
      <c r="K6358" s="9">
        <v>6</v>
      </c>
      <c r="L6358" s="6" t="s">
        <v>51</v>
      </c>
    </row>
    <row r="6359" spans="1:12">
      <c r="A6359" s="6" t="s">
        <v>49</v>
      </c>
      <c r="B6359" s="6"/>
      <c r="C6359" s="6" t="s">
        <v>6383</v>
      </c>
      <c r="D6359" s="6"/>
      <c r="E6359" s="6" t="s">
        <v>9</v>
      </c>
      <c r="F6359" s="7">
        <v>38657</v>
      </c>
      <c r="G6359" s="8">
        <v>1</v>
      </c>
      <c r="H6359" s="8">
        <v>1</v>
      </c>
      <c r="I6359" s="8">
        <v>0</v>
      </c>
      <c r="J6359" s="8">
        <v>1</v>
      </c>
      <c r="K6359" s="9">
        <v>46</v>
      </c>
      <c r="L6359" s="6" t="s">
        <v>51</v>
      </c>
    </row>
    <row r="6360" spans="1:12">
      <c r="A6360" s="6" t="s">
        <v>49</v>
      </c>
      <c r="B6360" s="6"/>
      <c r="C6360" s="6" t="s">
        <v>6384</v>
      </c>
      <c r="D6360" s="6"/>
      <c r="E6360" s="6" t="s">
        <v>9</v>
      </c>
      <c r="F6360" s="7">
        <v>38657</v>
      </c>
      <c r="G6360" s="8">
        <v>1</v>
      </c>
      <c r="H6360" s="8">
        <v>1</v>
      </c>
      <c r="I6360" s="8">
        <v>0</v>
      </c>
      <c r="J6360" s="8">
        <v>1</v>
      </c>
      <c r="K6360" s="9">
        <v>14</v>
      </c>
      <c r="L6360" s="6" t="s">
        <v>51</v>
      </c>
    </row>
    <row r="6361" spans="1:12">
      <c r="A6361" s="6" t="s">
        <v>49</v>
      </c>
      <c r="B6361" s="6"/>
      <c r="C6361" s="6" t="s">
        <v>6385</v>
      </c>
      <c r="D6361" s="6"/>
      <c r="E6361" s="6" t="s">
        <v>9</v>
      </c>
      <c r="F6361" s="7">
        <v>38657</v>
      </c>
      <c r="G6361" s="8">
        <v>1</v>
      </c>
      <c r="H6361" s="8">
        <v>1</v>
      </c>
      <c r="I6361" s="8">
        <v>0</v>
      </c>
      <c r="J6361" s="8">
        <v>1</v>
      </c>
      <c r="K6361" s="9">
        <v>13</v>
      </c>
      <c r="L6361" s="6" t="s">
        <v>51</v>
      </c>
    </row>
    <row r="6362" spans="1:12">
      <c r="A6362" s="6" t="s">
        <v>49</v>
      </c>
      <c r="B6362" s="6"/>
      <c r="C6362" s="6" t="s">
        <v>6386</v>
      </c>
      <c r="D6362" s="6"/>
      <c r="E6362" s="6" t="s">
        <v>9</v>
      </c>
      <c r="F6362" s="7">
        <v>38657</v>
      </c>
      <c r="G6362" s="8">
        <v>1</v>
      </c>
      <c r="H6362" s="8">
        <v>1</v>
      </c>
      <c r="I6362" s="8">
        <v>0</v>
      </c>
      <c r="J6362" s="8">
        <v>1</v>
      </c>
      <c r="K6362" s="9">
        <v>45</v>
      </c>
      <c r="L6362" s="6" t="s">
        <v>51</v>
      </c>
    </row>
    <row r="6363" spans="1:12">
      <c r="A6363" s="6" t="s">
        <v>49</v>
      </c>
      <c r="B6363" s="6"/>
      <c r="C6363" s="6" t="s">
        <v>6387</v>
      </c>
      <c r="D6363" s="6"/>
      <c r="E6363" s="6" t="s">
        <v>9</v>
      </c>
      <c r="F6363" s="7">
        <v>38657</v>
      </c>
      <c r="G6363" s="8">
        <v>1</v>
      </c>
      <c r="H6363" s="8">
        <v>1</v>
      </c>
      <c r="I6363" s="8">
        <v>0</v>
      </c>
      <c r="J6363" s="8">
        <v>1</v>
      </c>
      <c r="K6363" s="9">
        <v>88</v>
      </c>
      <c r="L6363" s="6" t="s">
        <v>51</v>
      </c>
    </row>
    <row r="6364" spans="1:12">
      <c r="A6364" s="6" t="s">
        <v>49</v>
      </c>
      <c r="B6364" s="6"/>
      <c r="C6364" s="6" t="s">
        <v>6388</v>
      </c>
      <c r="D6364" s="6"/>
      <c r="E6364" s="6" t="s">
        <v>9</v>
      </c>
      <c r="F6364" s="7">
        <v>40224</v>
      </c>
      <c r="G6364" s="8">
        <v>11900</v>
      </c>
      <c r="H6364" s="8">
        <v>11900</v>
      </c>
      <c r="I6364" s="8">
        <v>0</v>
      </c>
      <c r="J6364" s="8">
        <v>11900</v>
      </c>
      <c r="K6364" s="9">
        <v>2.38</v>
      </c>
      <c r="L6364" s="6" t="s">
        <v>51</v>
      </c>
    </row>
    <row r="6365" spans="1:12">
      <c r="A6365" s="6" t="s">
        <v>49</v>
      </c>
      <c r="B6365" s="6"/>
      <c r="C6365" s="6" t="s">
        <v>6389</v>
      </c>
      <c r="D6365" s="6"/>
      <c r="E6365" s="6" t="s">
        <v>9</v>
      </c>
      <c r="F6365" s="7">
        <v>38657</v>
      </c>
      <c r="G6365" s="8">
        <v>1</v>
      </c>
      <c r="H6365" s="8">
        <v>1</v>
      </c>
      <c r="I6365" s="8">
        <v>0</v>
      </c>
      <c r="J6365" s="8">
        <v>1</v>
      </c>
      <c r="K6365" s="9">
        <v>84</v>
      </c>
      <c r="L6365" s="6" t="s">
        <v>51</v>
      </c>
    </row>
    <row r="6366" spans="1:12">
      <c r="A6366" s="6" t="s">
        <v>49</v>
      </c>
      <c r="B6366" s="6"/>
      <c r="C6366" s="6" t="s">
        <v>6390</v>
      </c>
      <c r="D6366" s="6"/>
      <c r="E6366" s="6" t="s">
        <v>9</v>
      </c>
      <c r="F6366" s="7">
        <v>38657</v>
      </c>
      <c r="G6366" s="8">
        <v>1</v>
      </c>
      <c r="H6366" s="8">
        <v>1</v>
      </c>
      <c r="I6366" s="8">
        <v>0</v>
      </c>
      <c r="J6366" s="8">
        <v>1</v>
      </c>
      <c r="K6366" s="9">
        <v>67.959999999999894</v>
      </c>
      <c r="L6366" s="6" t="s">
        <v>51</v>
      </c>
    </row>
    <row r="6367" spans="1:12">
      <c r="A6367" s="6" t="s">
        <v>49</v>
      </c>
      <c r="B6367" s="6"/>
      <c r="C6367" s="6" t="s">
        <v>6391</v>
      </c>
      <c r="D6367" s="6"/>
      <c r="E6367" s="6" t="s">
        <v>9</v>
      </c>
      <c r="F6367" s="7">
        <v>38657</v>
      </c>
      <c r="G6367" s="8">
        <v>1</v>
      </c>
      <c r="H6367" s="8">
        <v>1</v>
      </c>
      <c r="I6367" s="8">
        <v>0</v>
      </c>
      <c r="J6367" s="8">
        <v>1</v>
      </c>
      <c r="K6367" s="9">
        <v>6.7</v>
      </c>
      <c r="L6367" s="6" t="s">
        <v>51</v>
      </c>
    </row>
    <row r="6368" spans="1:12">
      <c r="A6368" s="6" t="s">
        <v>49</v>
      </c>
      <c r="B6368" s="6"/>
      <c r="C6368" s="6" t="s">
        <v>6392</v>
      </c>
      <c r="D6368" s="6"/>
      <c r="E6368" s="6" t="s">
        <v>9</v>
      </c>
      <c r="F6368" s="7">
        <v>38657</v>
      </c>
      <c r="G6368" s="8">
        <v>1</v>
      </c>
      <c r="H6368" s="8">
        <v>1</v>
      </c>
      <c r="I6368" s="8">
        <v>0</v>
      </c>
      <c r="J6368" s="8">
        <v>1</v>
      </c>
      <c r="K6368" s="9">
        <v>1.46</v>
      </c>
      <c r="L6368" s="6" t="s">
        <v>51</v>
      </c>
    </row>
    <row r="6369" spans="1:12">
      <c r="A6369" s="6" t="s">
        <v>49</v>
      </c>
      <c r="B6369" s="6"/>
      <c r="C6369" s="6" t="s">
        <v>6393</v>
      </c>
      <c r="D6369" s="6"/>
      <c r="E6369" s="6" t="s">
        <v>9</v>
      </c>
      <c r="F6369" s="7">
        <v>38657</v>
      </c>
      <c r="G6369" s="8">
        <v>1</v>
      </c>
      <c r="H6369" s="8">
        <v>1</v>
      </c>
      <c r="I6369" s="8">
        <v>0</v>
      </c>
      <c r="J6369" s="8">
        <v>1</v>
      </c>
      <c r="K6369" s="9">
        <v>3</v>
      </c>
      <c r="L6369" s="6" t="s">
        <v>51</v>
      </c>
    </row>
    <row r="6370" spans="1:12">
      <c r="A6370" s="6" t="s">
        <v>49</v>
      </c>
      <c r="B6370" s="6"/>
      <c r="C6370" s="6" t="s">
        <v>6394</v>
      </c>
      <c r="D6370" s="6"/>
      <c r="E6370" s="6" t="s">
        <v>9</v>
      </c>
      <c r="F6370" s="7">
        <v>38657</v>
      </c>
      <c r="G6370" s="8">
        <v>1</v>
      </c>
      <c r="H6370" s="8">
        <v>1</v>
      </c>
      <c r="I6370" s="8">
        <v>0</v>
      </c>
      <c r="J6370" s="8">
        <v>1</v>
      </c>
      <c r="K6370" s="9">
        <v>19.079999999999899</v>
      </c>
      <c r="L6370" s="6" t="s">
        <v>51</v>
      </c>
    </row>
    <row r="6371" spans="1:12">
      <c r="A6371" s="6" t="s">
        <v>49</v>
      </c>
      <c r="B6371" s="6"/>
      <c r="C6371" s="6" t="s">
        <v>6395</v>
      </c>
      <c r="D6371" s="6"/>
      <c r="E6371" s="6" t="s">
        <v>9</v>
      </c>
      <c r="F6371" s="7">
        <v>38657</v>
      </c>
      <c r="G6371" s="8">
        <v>1</v>
      </c>
      <c r="H6371" s="8">
        <v>1</v>
      </c>
      <c r="I6371" s="8">
        <v>0</v>
      </c>
      <c r="J6371" s="8">
        <v>1</v>
      </c>
      <c r="K6371" s="9">
        <v>39</v>
      </c>
      <c r="L6371" s="6" t="s">
        <v>51</v>
      </c>
    </row>
    <row r="6372" spans="1:12">
      <c r="A6372" s="6" t="s">
        <v>49</v>
      </c>
      <c r="B6372" s="6"/>
      <c r="C6372" s="6" t="s">
        <v>6396</v>
      </c>
      <c r="D6372" s="6"/>
      <c r="E6372" s="6" t="s">
        <v>9</v>
      </c>
      <c r="F6372" s="7">
        <v>38657</v>
      </c>
      <c r="G6372" s="8">
        <v>1</v>
      </c>
      <c r="H6372" s="8">
        <v>1</v>
      </c>
      <c r="I6372" s="8">
        <v>0</v>
      </c>
      <c r="J6372" s="8">
        <v>1</v>
      </c>
      <c r="K6372" s="9">
        <v>57</v>
      </c>
      <c r="L6372" s="6" t="s">
        <v>51</v>
      </c>
    </row>
    <row r="6373" spans="1:12">
      <c r="A6373" s="6" t="s">
        <v>49</v>
      </c>
      <c r="B6373" s="6"/>
      <c r="C6373" s="6" t="s">
        <v>6397</v>
      </c>
      <c r="D6373" s="6"/>
      <c r="E6373" s="6" t="s">
        <v>9</v>
      </c>
      <c r="F6373" s="7">
        <v>38657</v>
      </c>
      <c r="G6373" s="8">
        <v>1</v>
      </c>
      <c r="H6373" s="8">
        <v>1</v>
      </c>
      <c r="I6373" s="8">
        <v>0</v>
      </c>
      <c r="J6373" s="8">
        <v>1</v>
      </c>
      <c r="K6373" s="9">
        <v>14</v>
      </c>
      <c r="L6373" s="6" t="s">
        <v>51</v>
      </c>
    </row>
    <row r="6374" spans="1:12">
      <c r="A6374" s="6" t="s">
        <v>49</v>
      </c>
      <c r="B6374" s="6"/>
      <c r="C6374" s="6" t="s">
        <v>6398</v>
      </c>
      <c r="D6374" s="6"/>
      <c r="E6374" s="6" t="s">
        <v>9</v>
      </c>
      <c r="F6374" s="7">
        <v>38657</v>
      </c>
      <c r="G6374" s="8">
        <v>1</v>
      </c>
      <c r="H6374" s="8">
        <v>1</v>
      </c>
      <c r="I6374" s="8">
        <v>0</v>
      </c>
      <c r="J6374" s="8">
        <v>1</v>
      </c>
      <c r="K6374" s="9">
        <v>16</v>
      </c>
      <c r="L6374" s="6" t="s">
        <v>51</v>
      </c>
    </row>
    <row r="6375" spans="1:12">
      <c r="A6375" s="6" t="s">
        <v>49</v>
      </c>
      <c r="B6375" s="6"/>
      <c r="C6375" s="6" t="s">
        <v>6399</v>
      </c>
      <c r="D6375" s="6"/>
      <c r="E6375" s="6" t="s">
        <v>9</v>
      </c>
      <c r="F6375" s="7">
        <v>38657</v>
      </c>
      <c r="G6375" s="8">
        <v>1</v>
      </c>
      <c r="H6375" s="8">
        <v>1</v>
      </c>
      <c r="I6375" s="8">
        <v>0</v>
      </c>
      <c r="J6375" s="8">
        <v>1</v>
      </c>
      <c r="K6375" s="9">
        <v>26</v>
      </c>
      <c r="L6375" s="6" t="s">
        <v>51</v>
      </c>
    </row>
    <row r="6376" spans="1:12">
      <c r="A6376" s="6" t="s">
        <v>49</v>
      </c>
      <c r="B6376" s="6"/>
      <c r="C6376" s="6" t="s">
        <v>6400</v>
      </c>
      <c r="D6376" s="6"/>
      <c r="E6376" s="6" t="s">
        <v>9</v>
      </c>
      <c r="F6376" s="7">
        <v>38657</v>
      </c>
      <c r="G6376" s="8">
        <v>1</v>
      </c>
      <c r="H6376" s="8">
        <v>1</v>
      </c>
      <c r="I6376" s="8">
        <v>0</v>
      </c>
      <c r="J6376" s="8">
        <v>1</v>
      </c>
      <c r="K6376" s="9">
        <v>19</v>
      </c>
      <c r="L6376" s="6" t="s">
        <v>51</v>
      </c>
    </row>
    <row r="6377" spans="1:12">
      <c r="A6377" s="6" t="s">
        <v>49</v>
      </c>
      <c r="B6377" s="6"/>
      <c r="C6377" s="6" t="s">
        <v>6401</v>
      </c>
      <c r="D6377" s="6"/>
      <c r="E6377" s="6" t="s">
        <v>9</v>
      </c>
      <c r="F6377" s="7">
        <v>38657</v>
      </c>
      <c r="G6377" s="8">
        <v>1</v>
      </c>
      <c r="H6377" s="8">
        <v>1</v>
      </c>
      <c r="I6377" s="8">
        <v>0</v>
      </c>
      <c r="J6377" s="8">
        <v>1</v>
      </c>
      <c r="K6377" s="9">
        <v>515</v>
      </c>
      <c r="L6377" s="6" t="s">
        <v>51</v>
      </c>
    </row>
    <row r="6378" spans="1:12">
      <c r="A6378" s="6" t="s">
        <v>49</v>
      </c>
      <c r="B6378" s="6"/>
      <c r="C6378" s="6" t="s">
        <v>6402</v>
      </c>
      <c r="D6378" s="6"/>
      <c r="E6378" s="6" t="s">
        <v>9</v>
      </c>
      <c r="F6378" s="7">
        <v>38657</v>
      </c>
      <c r="G6378" s="8">
        <v>1</v>
      </c>
      <c r="H6378" s="8">
        <v>1</v>
      </c>
      <c r="I6378" s="8">
        <v>0</v>
      </c>
      <c r="J6378" s="8">
        <v>1</v>
      </c>
      <c r="K6378" s="9">
        <v>246</v>
      </c>
      <c r="L6378" s="6" t="s">
        <v>51</v>
      </c>
    </row>
    <row r="6379" spans="1:12">
      <c r="A6379" s="6" t="s">
        <v>49</v>
      </c>
      <c r="B6379" s="6"/>
      <c r="C6379" s="6" t="s">
        <v>6403</v>
      </c>
      <c r="D6379" s="6"/>
      <c r="E6379" s="6" t="s">
        <v>9</v>
      </c>
      <c r="F6379" s="7">
        <v>38657</v>
      </c>
      <c r="G6379" s="8">
        <v>1</v>
      </c>
      <c r="H6379" s="8">
        <v>1</v>
      </c>
      <c r="I6379" s="8">
        <v>0</v>
      </c>
      <c r="J6379" s="8">
        <v>1</v>
      </c>
      <c r="K6379" s="9">
        <v>167</v>
      </c>
      <c r="L6379" s="6" t="s">
        <v>51</v>
      </c>
    </row>
    <row r="6380" spans="1:12">
      <c r="A6380" s="6" t="s">
        <v>49</v>
      </c>
      <c r="B6380" s="6"/>
      <c r="C6380" s="6" t="s">
        <v>6404</v>
      </c>
      <c r="D6380" s="6"/>
      <c r="E6380" s="6" t="s">
        <v>9</v>
      </c>
      <c r="F6380" s="7">
        <v>40785</v>
      </c>
      <c r="G6380" s="8">
        <v>1</v>
      </c>
      <c r="H6380" s="8">
        <v>1</v>
      </c>
      <c r="I6380" s="8">
        <v>0</v>
      </c>
      <c r="J6380" s="8">
        <v>1</v>
      </c>
      <c r="K6380" s="9">
        <v>2.0699999999999901</v>
      </c>
      <c r="L6380" s="6" t="s">
        <v>51</v>
      </c>
    </row>
    <row r="6381" spans="1:12">
      <c r="A6381" s="6" t="s">
        <v>49</v>
      </c>
      <c r="B6381" s="6"/>
      <c r="C6381" s="6" t="s">
        <v>6405</v>
      </c>
      <c r="D6381" s="6"/>
      <c r="E6381" s="6" t="s">
        <v>9</v>
      </c>
      <c r="F6381" s="7">
        <v>40785</v>
      </c>
      <c r="G6381" s="8">
        <v>1</v>
      </c>
      <c r="H6381" s="8">
        <v>1</v>
      </c>
      <c r="I6381" s="8">
        <v>0</v>
      </c>
      <c r="J6381" s="8">
        <v>1</v>
      </c>
      <c r="K6381" s="9">
        <v>0.2</v>
      </c>
      <c r="L6381" s="6" t="s">
        <v>51</v>
      </c>
    </row>
    <row r="6382" spans="1:12">
      <c r="A6382" s="6" t="s">
        <v>49</v>
      </c>
      <c r="B6382" s="6"/>
      <c r="C6382" s="6" t="s">
        <v>6406</v>
      </c>
      <c r="D6382" s="6"/>
      <c r="E6382" s="6" t="s">
        <v>9</v>
      </c>
      <c r="F6382" s="7">
        <v>40808</v>
      </c>
      <c r="G6382" s="8">
        <v>1</v>
      </c>
      <c r="H6382" s="8">
        <v>1</v>
      </c>
      <c r="I6382" s="8">
        <v>0</v>
      </c>
      <c r="J6382" s="8">
        <v>1</v>
      </c>
      <c r="K6382" s="9">
        <v>361</v>
      </c>
      <c r="L6382" s="6" t="s">
        <v>51</v>
      </c>
    </row>
    <row r="6383" spans="1:12">
      <c r="A6383" s="6" t="s">
        <v>49</v>
      </c>
      <c r="B6383" s="6"/>
      <c r="C6383" s="6" t="s">
        <v>6407</v>
      </c>
      <c r="D6383" s="6"/>
      <c r="E6383" s="6" t="s">
        <v>9</v>
      </c>
      <c r="F6383" s="7">
        <v>38657</v>
      </c>
      <c r="G6383" s="8">
        <v>1</v>
      </c>
      <c r="H6383" s="8">
        <v>1</v>
      </c>
      <c r="I6383" s="8">
        <v>0</v>
      </c>
      <c r="J6383" s="8">
        <v>1</v>
      </c>
      <c r="K6383" s="9">
        <v>51</v>
      </c>
      <c r="L6383" s="6" t="s">
        <v>51</v>
      </c>
    </row>
    <row r="6384" spans="1:12">
      <c r="A6384" s="6" t="s">
        <v>49</v>
      </c>
      <c r="B6384" s="6"/>
      <c r="C6384" s="6" t="s">
        <v>6408</v>
      </c>
      <c r="D6384" s="6"/>
      <c r="E6384" s="6" t="s">
        <v>9</v>
      </c>
      <c r="F6384" s="7">
        <v>40808</v>
      </c>
      <c r="G6384" s="8">
        <v>1</v>
      </c>
      <c r="H6384" s="8">
        <v>1</v>
      </c>
      <c r="I6384" s="8">
        <v>0</v>
      </c>
      <c r="J6384" s="8">
        <v>1</v>
      </c>
      <c r="K6384" s="9">
        <v>56</v>
      </c>
      <c r="L6384" s="6" t="s">
        <v>51</v>
      </c>
    </row>
    <row r="6385" spans="1:12">
      <c r="A6385" s="6" t="s">
        <v>49</v>
      </c>
      <c r="B6385" s="6"/>
      <c r="C6385" s="6" t="s">
        <v>6409</v>
      </c>
      <c r="D6385" s="6"/>
      <c r="E6385" s="6" t="s">
        <v>9</v>
      </c>
      <c r="F6385" s="7">
        <v>38657</v>
      </c>
      <c r="G6385" s="8">
        <v>1</v>
      </c>
      <c r="H6385" s="8">
        <v>1</v>
      </c>
      <c r="I6385" s="8">
        <v>0</v>
      </c>
      <c r="J6385" s="8">
        <v>1</v>
      </c>
      <c r="K6385" s="9">
        <v>481</v>
      </c>
      <c r="L6385" s="6" t="s">
        <v>51</v>
      </c>
    </row>
    <row r="6386" spans="1:12">
      <c r="A6386" s="6" t="s">
        <v>49</v>
      </c>
      <c r="B6386" s="6"/>
      <c r="C6386" s="6" t="s">
        <v>6410</v>
      </c>
      <c r="D6386" s="6"/>
      <c r="E6386" s="6" t="s">
        <v>9</v>
      </c>
      <c r="F6386" s="7">
        <v>38657</v>
      </c>
      <c r="G6386" s="8">
        <v>1</v>
      </c>
      <c r="H6386" s="8">
        <v>1</v>
      </c>
      <c r="I6386" s="8">
        <v>0</v>
      </c>
      <c r="J6386" s="8">
        <v>1</v>
      </c>
      <c r="K6386" s="9">
        <v>36</v>
      </c>
      <c r="L6386" s="6" t="s">
        <v>51</v>
      </c>
    </row>
    <row r="6387" spans="1:12">
      <c r="A6387" s="6" t="s">
        <v>49</v>
      </c>
      <c r="B6387" s="6"/>
      <c r="C6387" s="6" t="s">
        <v>6411</v>
      </c>
      <c r="D6387" s="6"/>
      <c r="E6387" s="6" t="s">
        <v>9</v>
      </c>
      <c r="F6387" s="7">
        <v>38657</v>
      </c>
      <c r="G6387" s="8">
        <v>1</v>
      </c>
      <c r="H6387" s="8">
        <v>1</v>
      </c>
      <c r="I6387" s="8">
        <v>0</v>
      </c>
      <c r="J6387" s="8">
        <v>1</v>
      </c>
      <c r="K6387" s="9">
        <v>3.3</v>
      </c>
      <c r="L6387" s="6" t="s">
        <v>51</v>
      </c>
    </row>
    <row r="6388" spans="1:12">
      <c r="A6388" s="6" t="s">
        <v>49</v>
      </c>
      <c r="B6388" s="6"/>
      <c r="C6388" s="6" t="s">
        <v>6412</v>
      </c>
      <c r="D6388" s="6"/>
      <c r="E6388" s="6" t="s">
        <v>9</v>
      </c>
      <c r="F6388" s="7">
        <v>38657</v>
      </c>
      <c r="G6388" s="8">
        <v>1</v>
      </c>
      <c r="H6388" s="8">
        <v>1</v>
      </c>
      <c r="I6388" s="8">
        <v>0</v>
      </c>
      <c r="J6388" s="8">
        <v>1</v>
      </c>
      <c r="K6388" s="9">
        <v>134</v>
      </c>
      <c r="L6388" s="6" t="s">
        <v>51</v>
      </c>
    </row>
    <row r="6389" spans="1:12">
      <c r="A6389" s="6" t="s">
        <v>49</v>
      </c>
      <c r="B6389" s="6"/>
      <c r="C6389" s="6" t="s">
        <v>6413</v>
      </c>
      <c r="D6389" s="6"/>
      <c r="E6389" s="6" t="s">
        <v>9</v>
      </c>
      <c r="F6389" s="7">
        <v>38657</v>
      </c>
      <c r="G6389" s="8">
        <v>1</v>
      </c>
      <c r="H6389" s="8">
        <v>1</v>
      </c>
      <c r="I6389" s="8">
        <v>0</v>
      </c>
      <c r="J6389" s="8">
        <v>1</v>
      </c>
      <c r="K6389" s="9">
        <v>55</v>
      </c>
      <c r="L6389" s="6" t="s">
        <v>51</v>
      </c>
    </row>
    <row r="6390" spans="1:12">
      <c r="A6390" s="6" t="s">
        <v>49</v>
      </c>
      <c r="B6390" s="6"/>
      <c r="C6390" s="6" t="s">
        <v>6414</v>
      </c>
      <c r="D6390" s="6"/>
      <c r="E6390" s="6" t="s">
        <v>9</v>
      </c>
      <c r="F6390" s="7">
        <v>38657</v>
      </c>
      <c r="G6390" s="8">
        <v>1</v>
      </c>
      <c r="H6390" s="8">
        <v>1</v>
      </c>
      <c r="I6390" s="8">
        <v>0</v>
      </c>
      <c r="J6390" s="8">
        <v>1</v>
      </c>
      <c r="K6390" s="9">
        <v>28</v>
      </c>
      <c r="L6390" s="6" t="s">
        <v>51</v>
      </c>
    </row>
    <row r="6391" spans="1:12">
      <c r="A6391" s="6" t="s">
        <v>49</v>
      </c>
      <c r="B6391" s="6"/>
      <c r="C6391" s="6" t="s">
        <v>6415</v>
      </c>
      <c r="D6391" s="6"/>
      <c r="E6391" s="6" t="s">
        <v>9</v>
      </c>
      <c r="F6391" s="7">
        <v>38657</v>
      </c>
      <c r="G6391" s="8">
        <v>1</v>
      </c>
      <c r="H6391" s="8">
        <v>1</v>
      </c>
      <c r="I6391" s="8">
        <v>0</v>
      </c>
      <c r="J6391" s="8">
        <v>1</v>
      </c>
      <c r="K6391" s="9">
        <v>35</v>
      </c>
      <c r="L6391" s="6" t="s">
        <v>51</v>
      </c>
    </row>
    <row r="6392" spans="1:12">
      <c r="A6392" s="6" t="s">
        <v>49</v>
      </c>
      <c r="B6392" s="6"/>
      <c r="C6392" s="6" t="s">
        <v>6416</v>
      </c>
      <c r="D6392" s="6"/>
      <c r="E6392" s="6" t="s">
        <v>9</v>
      </c>
      <c r="F6392" s="7">
        <v>38657</v>
      </c>
      <c r="G6392" s="8">
        <v>1</v>
      </c>
      <c r="H6392" s="8">
        <v>1</v>
      </c>
      <c r="I6392" s="8">
        <v>0</v>
      </c>
      <c r="J6392" s="8">
        <v>1</v>
      </c>
      <c r="K6392" s="9">
        <v>63</v>
      </c>
      <c r="L6392" s="6" t="s">
        <v>51</v>
      </c>
    </row>
    <row r="6393" spans="1:12">
      <c r="A6393" s="6" t="s">
        <v>49</v>
      </c>
      <c r="B6393" s="6"/>
      <c r="C6393" s="6" t="s">
        <v>6417</v>
      </c>
      <c r="D6393" s="6"/>
      <c r="E6393" s="6" t="s">
        <v>9</v>
      </c>
      <c r="F6393" s="7">
        <v>38657</v>
      </c>
      <c r="G6393" s="8">
        <v>1</v>
      </c>
      <c r="H6393" s="8">
        <v>1</v>
      </c>
      <c r="I6393" s="8">
        <v>0</v>
      </c>
      <c r="J6393" s="8">
        <v>1</v>
      </c>
      <c r="K6393" s="9">
        <v>97</v>
      </c>
      <c r="L6393" s="6" t="s">
        <v>51</v>
      </c>
    </row>
    <row r="6394" spans="1:12">
      <c r="A6394" s="6" t="s">
        <v>49</v>
      </c>
      <c r="B6394" s="6"/>
      <c r="C6394" s="6" t="s">
        <v>6418</v>
      </c>
      <c r="D6394" s="6"/>
      <c r="E6394" s="6" t="s">
        <v>9</v>
      </c>
      <c r="F6394" s="7">
        <v>38657</v>
      </c>
      <c r="G6394" s="8">
        <v>1</v>
      </c>
      <c r="H6394" s="8">
        <v>1</v>
      </c>
      <c r="I6394" s="8">
        <v>0</v>
      </c>
      <c r="J6394" s="8">
        <v>1</v>
      </c>
      <c r="K6394" s="9">
        <v>73</v>
      </c>
      <c r="L6394" s="6" t="s">
        <v>51</v>
      </c>
    </row>
    <row r="6395" spans="1:12">
      <c r="A6395" s="6" t="s">
        <v>49</v>
      </c>
      <c r="B6395" s="6"/>
      <c r="C6395" s="6" t="s">
        <v>6419</v>
      </c>
      <c r="D6395" s="6"/>
      <c r="E6395" s="6" t="s">
        <v>9</v>
      </c>
      <c r="F6395" s="7">
        <v>38657</v>
      </c>
      <c r="G6395" s="8">
        <v>1</v>
      </c>
      <c r="H6395" s="8">
        <v>1</v>
      </c>
      <c r="I6395" s="8">
        <v>0</v>
      </c>
      <c r="J6395" s="8">
        <v>1</v>
      </c>
      <c r="K6395" s="9">
        <v>11</v>
      </c>
      <c r="L6395" s="6" t="s">
        <v>51</v>
      </c>
    </row>
    <row r="6396" spans="1:12">
      <c r="A6396" s="6" t="s">
        <v>49</v>
      </c>
      <c r="B6396" s="6"/>
      <c r="C6396" s="6" t="s">
        <v>6420</v>
      </c>
      <c r="D6396" s="6"/>
      <c r="E6396" s="6" t="s">
        <v>9</v>
      </c>
      <c r="F6396" s="7">
        <v>38657</v>
      </c>
      <c r="G6396" s="8">
        <v>1</v>
      </c>
      <c r="H6396" s="8">
        <v>1</v>
      </c>
      <c r="I6396" s="8">
        <v>0</v>
      </c>
      <c r="J6396" s="8">
        <v>1</v>
      </c>
      <c r="K6396" s="9">
        <v>71</v>
      </c>
      <c r="L6396" s="6" t="s">
        <v>51</v>
      </c>
    </row>
    <row r="6397" spans="1:12">
      <c r="A6397" s="6" t="s">
        <v>49</v>
      </c>
      <c r="B6397" s="6"/>
      <c r="C6397" s="6" t="s">
        <v>6421</v>
      </c>
      <c r="D6397" s="6"/>
      <c r="E6397" s="6" t="s">
        <v>9</v>
      </c>
      <c r="F6397" s="7">
        <v>38657</v>
      </c>
      <c r="G6397" s="8">
        <v>1</v>
      </c>
      <c r="H6397" s="8">
        <v>1</v>
      </c>
      <c r="I6397" s="8">
        <v>0</v>
      </c>
      <c r="J6397" s="8">
        <v>1</v>
      </c>
      <c r="K6397" s="9">
        <v>87</v>
      </c>
      <c r="L6397" s="6" t="s">
        <v>51</v>
      </c>
    </row>
    <row r="6398" spans="1:12">
      <c r="A6398" s="6" t="s">
        <v>49</v>
      </c>
      <c r="B6398" s="6"/>
      <c r="C6398" s="6" t="s">
        <v>6422</v>
      </c>
      <c r="D6398" s="6"/>
      <c r="E6398" s="6" t="s">
        <v>9</v>
      </c>
      <c r="F6398" s="7">
        <v>38657</v>
      </c>
      <c r="G6398" s="8">
        <v>1</v>
      </c>
      <c r="H6398" s="8">
        <v>1</v>
      </c>
      <c r="I6398" s="8">
        <v>0</v>
      </c>
      <c r="J6398" s="8">
        <v>1</v>
      </c>
      <c r="K6398" s="9">
        <v>23</v>
      </c>
      <c r="L6398" s="6" t="s">
        <v>51</v>
      </c>
    </row>
    <row r="6399" spans="1:12">
      <c r="A6399" s="6" t="s">
        <v>49</v>
      </c>
      <c r="B6399" s="6"/>
      <c r="C6399" s="6" t="s">
        <v>6423</v>
      </c>
      <c r="D6399" s="6"/>
      <c r="E6399" s="6" t="s">
        <v>9</v>
      </c>
      <c r="F6399" s="7">
        <v>38657</v>
      </c>
      <c r="G6399" s="8">
        <v>1</v>
      </c>
      <c r="H6399" s="8">
        <v>1</v>
      </c>
      <c r="I6399" s="8">
        <v>0</v>
      </c>
      <c r="J6399" s="8">
        <v>1</v>
      </c>
      <c r="K6399" s="9">
        <v>4.47</v>
      </c>
      <c r="L6399" s="6" t="s">
        <v>51</v>
      </c>
    </row>
    <row r="6400" spans="1:12">
      <c r="A6400" s="6" t="s">
        <v>49</v>
      </c>
      <c r="B6400" s="6"/>
      <c r="C6400" s="6" t="s">
        <v>6424</v>
      </c>
      <c r="D6400" s="6"/>
      <c r="E6400" s="6" t="s">
        <v>9</v>
      </c>
      <c r="F6400" s="7">
        <v>38657</v>
      </c>
      <c r="G6400" s="8">
        <v>1</v>
      </c>
      <c r="H6400" s="8">
        <v>1</v>
      </c>
      <c r="I6400" s="8">
        <v>0</v>
      </c>
      <c r="J6400" s="8">
        <v>1</v>
      </c>
      <c r="K6400" s="9">
        <v>6.9</v>
      </c>
      <c r="L6400" s="6" t="s">
        <v>51</v>
      </c>
    </row>
    <row r="6401" spans="1:12">
      <c r="A6401" s="6" t="s">
        <v>49</v>
      </c>
      <c r="B6401" s="6"/>
      <c r="C6401" s="6" t="s">
        <v>6425</v>
      </c>
      <c r="D6401" s="6"/>
      <c r="E6401" s="6" t="s">
        <v>9</v>
      </c>
      <c r="F6401" s="7">
        <v>38657</v>
      </c>
      <c r="G6401" s="8">
        <v>1</v>
      </c>
      <c r="H6401" s="8">
        <v>1</v>
      </c>
      <c r="I6401" s="8">
        <v>0</v>
      </c>
      <c r="J6401" s="8">
        <v>1</v>
      </c>
      <c r="K6401" s="9">
        <v>17</v>
      </c>
      <c r="L6401" s="6" t="s">
        <v>51</v>
      </c>
    </row>
    <row r="6402" spans="1:12">
      <c r="A6402" s="6" t="s">
        <v>49</v>
      </c>
      <c r="B6402" s="6"/>
      <c r="C6402" s="6" t="s">
        <v>6426</v>
      </c>
      <c r="D6402" s="6"/>
      <c r="E6402" s="6" t="s">
        <v>9</v>
      </c>
      <c r="F6402" s="7">
        <v>38657</v>
      </c>
      <c r="G6402" s="8">
        <v>1</v>
      </c>
      <c r="H6402" s="8">
        <v>1</v>
      </c>
      <c r="I6402" s="8">
        <v>0</v>
      </c>
      <c r="J6402" s="8">
        <v>1</v>
      </c>
      <c r="K6402" s="9">
        <v>4.4800000000000004</v>
      </c>
      <c r="L6402" s="6" t="s">
        <v>51</v>
      </c>
    </row>
    <row r="6403" spans="1:12">
      <c r="A6403" s="6" t="s">
        <v>49</v>
      </c>
      <c r="B6403" s="6"/>
      <c r="C6403" s="6" t="s">
        <v>6427</v>
      </c>
      <c r="D6403" s="6"/>
      <c r="E6403" s="6" t="s">
        <v>9</v>
      </c>
      <c r="F6403" s="7">
        <v>38657</v>
      </c>
      <c r="G6403" s="8">
        <v>1</v>
      </c>
      <c r="H6403" s="8">
        <v>1</v>
      </c>
      <c r="I6403" s="8">
        <v>0</v>
      </c>
      <c r="J6403" s="8">
        <v>1</v>
      </c>
      <c r="K6403" s="9">
        <v>18</v>
      </c>
      <c r="L6403" s="6" t="s">
        <v>51</v>
      </c>
    </row>
    <row r="6404" spans="1:12">
      <c r="A6404" s="6" t="s">
        <v>49</v>
      </c>
      <c r="B6404" s="6"/>
      <c r="C6404" s="6" t="s">
        <v>6428</v>
      </c>
      <c r="D6404" s="6"/>
      <c r="E6404" s="6" t="s">
        <v>9</v>
      </c>
      <c r="F6404" s="7">
        <v>38657</v>
      </c>
      <c r="G6404" s="8">
        <v>1</v>
      </c>
      <c r="H6404" s="8">
        <v>1</v>
      </c>
      <c r="I6404" s="8">
        <v>0</v>
      </c>
      <c r="J6404" s="8">
        <v>1</v>
      </c>
      <c r="K6404" s="9">
        <v>55</v>
      </c>
      <c r="L6404" s="6" t="s">
        <v>51</v>
      </c>
    </row>
    <row r="6405" spans="1:12">
      <c r="A6405" s="6" t="s">
        <v>49</v>
      </c>
      <c r="B6405" s="6"/>
      <c r="C6405" s="6" t="s">
        <v>6429</v>
      </c>
      <c r="D6405" s="6"/>
      <c r="E6405" s="6" t="s">
        <v>9</v>
      </c>
      <c r="F6405" s="7">
        <v>38657</v>
      </c>
      <c r="G6405" s="8">
        <v>1</v>
      </c>
      <c r="H6405" s="8">
        <v>1</v>
      </c>
      <c r="I6405" s="8">
        <v>0</v>
      </c>
      <c r="J6405" s="8">
        <v>1</v>
      </c>
      <c r="K6405" s="9">
        <v>56</v>
      </c>
      <c r="L6405" s="6" t="s">
        <v>51</v>
      </c>
    </row>
    <row r="6406" spans="1:12">
      <c r="A6406" s="6" t="s">
        <v>49</v>
      </c>
      <c r="B6406" s="6"/>
      <c r="C6406" s="6" t="s">
        <v>6430</v>
      </c>
      <c r="D6406" s="6"/>
      <c r="E6406" s="6" t="s">
        <v>9</v>
      </c>
      <c r="F6406" s="7">
        <v>38657</v>
      </c>
      <c r="G6406" s="8">
        <v>1</v>
      </c>
      <c r="H6406" s="8">
        <v>1</v>
      </c>
      <c r="I6406" s="8">
        <v>0</v>
      </c>
      <c r="J6406" s="8">
        <v>1</v>
      </c>
      <c r="K6406" s="9">
        <v>22</v>
      </c>
      <c r="L6406" s="6" t="s">
        <v>51</v>
      </c>
    </row>
    <row r="6407" spans="1:12">
      <c r="A6407" s="6" t="s">
        <v>49</v>
      </c>
      <c r="B6407" s="6"/>
      <c r="C6407" s="6" t="s">
        <v>6431</v>
      </c>
      <c r="D6407" s="6"/>
      <c r="E6407" s="6" t="s">
        <v>9</v>
      </c>
      <c r="F6407" s="7">
        <v>38657</v>
      </c>
      <c r="G6407" s="8">
        <v>1</v>
      </c>
      <c r="H6407" s="8">
        <v>1</v>
      </c>
      <c r="I6407" s="8">
        <v>0</v>
      </c>
      <c r="J6407" s="8">
        <v>1</v>
      </c>
      <c r="K6407" s="9">
        <v>64</v>
      </c>
      <c r="L6407" s="6" t="s">
        <v>51</v>
      </c>
    </row>
    <row r="6408" spans="1:12">
      <c r="A6408" s="6" t="s">
        <v>49</v>
      </c>
      <c r="B6408" s="6"/>
      <c r="C6408" s="6" t="s">
        <v>6432</v>
      </c>
      <c r="D6408" s="6"/>
      <c r="E6408" s="6" t="s">
        <v>9</v>
      </c>
      <c r="F6408" s="7">
        <v>38657</v>
      </c>
      <c r="G6408" s="8">
        <v>1</v>
      </c>
      <c r="H6408" s="8">
        <v>1</v>
      </c>
      <c r="I6408" s="8">
        <v>0</v>
      </c>
      <c r="J6408" s="8">
        <v>1</v>
      </c>
      <c r="K6408" s="9">
        <v>8.7799999999999905</v>
      </c>
      <c r="L6408" s="6" t="s">
        <v>51</v>
      </c>
    </row>
    <row r="6409" spans="1:12">
      <c r="A6409" s="6" t="s">
        <v>49</v>
      </c>
      <c r="B6409" s="6"/>
      <c r="C6409" s="6" t="s">
        <v>6433</v>
      </c>
      <c r="D6409" s="6"/>
      <c r="E6409" s="6" t="s">
        <v>9</v>
      </c>
      <c r="F6409" s="7">
        <v>38657</v>
      </c>
      <c r="G6409" s="8">
        <v>1</v>
      </c>
      <c r="H6409" s="8">
        <v>1</v>
      </c>
      <c r="I6409" s="8">
        <v>0</v>
      </c>
      <c r="J6409" s="8">
        <v>1</v>
      </c>
      <c r="K6409" s="9">
        <v>33</v>
      </c>
      <c r="L6409" s="6" t="s">
        <v>51</v>
      </c>
    </row>
    <row r="6410" spans="1:12">
      <c r="A6410" s="6" t="s">
        <v>49</v>
      </c>
      <c r="B6410" s="6"/>
      <c r="C6410" s="6" t="s">
        <v>6434</v>
      </c>
      <c r="D6410" s="6"/>
      <c r="E6410" s="6" t="s">
        <v>9</v>
      </c>
      <c r="F6410" s="7">
        <v>38657</v>
      </c>
      <c r="G6410" s="8">
        <v>1</v>
      </c>
      <c r="H6410" s="8">
        <v>1</v>
      </c>
      <c r="I6410" s="8">
        <v>0</v>
      </c>
      <c r="J6410" s="8">
        <v>1</v>
      </c>
      <c r="K6410" s="9">
        <v>55</v>
      </c>
      <c r="L6410" s="6" t="s">
        <v>51</v>
      </c>
    </row>
    <row r="6411" spans="1:12">
      <c r="A6411" s="6" t="s">
        <v>49</v>
      </c>
      <c r="B6411" s="6"/>
      <c r="C6411" s="6" t="s">
        <v>6435</v>
      </c>
      <c r="D6411" s="6"/>
      <c r="E6411" s="6" t="s">
        <v>9</v>
      </c>
      <c r="F6411" s="7">
        <v>38657</v>
      </c>
      <c r="G6411" s="8">
        <v>1</v>
      </c>
      <c r="H6411" s="8">
        <v>1</v>
      </c>
      <c r="I6411" s="8">
        <v>0</v>
      </c>
      <c r="J6411" s="8">
        <v>1</v>
      </c>
      <c r="K6411" s="9">
        <v>18</v>
      </c>
      <c r="L6411" s="6" t="s">
        <v>51</v>
      </c>
    </row>
    <row r="6412" spans="1:12">
      <c r="A6412" s="6" t="s">
        <v>49</v>
      </c>
      <c r="B6412" s="6"/>
      <c r="C6412" s="6" t="s">
        <v>6436</v>
      </c>
      <c r="D6412" s="6"/>
      <c r="E6412" s="6" t="s">
        <v>9</v>
      </c>
      <c r="F6412" s="7">
        <v>38657</v>
      </c>
      <c r="G6412" s="8">
        <v>1</v>
      </c>
      <c r="H6412" s="8">
        <v>1</v>
      </c>
      <c r="I6412" s="8">
        <v>0</v>
      </c>
      <c r="J6412" s="8">
        <v>1</v>
      </c>
      <c r="K6412" s="9">
        <v>48</v>
      </c>
      <c r="L6412" s="6" t="s">
        <v>51</v>
      </c>
    </row>
    <row r="6413" spans="1:12">
      <c r="A6413" s="6" t="s">
        <v>49</v>
      </c>
      <c r="B6413" s="6"/>
      <c r="C6413" s="6" t="s">
        <v>6437</v>
      </c>
      <c r="D6413" s="6"/>
      <c r="E6413" s="6" t="s">
        <v>9</v>
      </c>
      <c r="F6413" s="7">
        <v>38657</v>
      </c>
      <c r="G6413" s="8">
        <v>1</v>
      </c>
      <c r="H6413" s="8">
        <v>1</v>
      </c>
      <c r="I6413" s="8">
        <v>0</v>
      </c>
      <c r="J6413" s="8">
        <v>1</v>
      </c>
      <c r="K6413" s="9">
        <v>18</v>
      </c>
      <c r="L6413" s="6" t="s">
        <v>51</v>
      </c>
    </row>
    <row r="6414" spans="1:12">
      <c r="A6414" s="6" t="s">
        <v>49</v>
      </c>
      <c r="B6414" s="6"/>
      <c r="C6414" s="6" t="s">
        <v>6438</v>
      </c>
      <c r="D6414" s="6"/>
      <c r="E6414" s="6" t="s">
        <v>9</v>
      </c>
      <c r="F6414" s="7">
        <v>38657</v>
      </c>
      <c r="G6414" s="8">
        <v>1</v>
      </c>
      <c r="H6414" s="8">
        <v>1</v>
      </c>
      <c r="I6414" s="8">
        <v>0</v>
      </c>
      <c r="J6414" s="8">
        <v>1</v>
      </c>
      <c r="K6414" s="9">
        <v>4.8499999999999899</v>
      </c>
      <c r="L6414" s="6" t="s">
        <v>51</v>
      </c>
    </row>
    <row r="6415" spans="1:12">
      <c r="A6415" s="6" t="s">
        <v>49</v>
      </c>
      <c r="B6415" s="6"/>
      <c r="C6415" s="6" t="s">
        <v>6439</v>
      </c>
      <c r="D6415" s="6"/>
      <c r="E6415" s="6" t="s">
        <v>9</v>
      </c>
      <c r="F6415" s="7">
        <v>38657</v>
      </c>
      <c r="G6415" s="8">
        <v>1</v>
      </c>
      <c r="H6415" s="8">
        <v>1</v>
      </c>
      <c r="I6415" s="8">
        <v>0</v>
      </c>
      <c r="J6415" s="8">
        <v>1</v>
      </c>
      <c r="K6415" s="9">
        <v>84</v>
      </c>
      <c r="L6415" s="6" t="s">
        <v>51</v>
      </c>
    </row>
    <row r="6416" spans="1:12">
      <c r="A6416" s="6" t="s">
        <v>49</v>
      </c>
      <c r="B6416" s="6"/>
      <c r="C6416" s="6" t="s">
        <v>6440</v>
      </c>
      <c r="D6416" s="6"/>
      <c r="E6416" s="6" t="s">
        <v>9</v>
      </c>
      <c r="F6416" s="7">
        <v>38657</v>
      </c>
      <c r="G6416" s="8">
        <v>1</v>
      </c>
      <c r="H6416" s="8">
        <v>1</v>
      </c>
      <c r="I6416" s="8">
        <v>0</v>
      </c>
      <c r="J6416" s="8">
        <v>1</v>
      </c>
      <c r="K6416" s="9">
        <v>57</v>
      </c>
      <c r="L6416" s="6" t="s">
        <v>51</v>
      </c>
    </row>
    <row r="6417" spans="1:12">
      <c r="A6417" s="6" t="s">
        <v>49</v>
      </c>
      <c r="B6417" s="6"/>
      <c r="C6417" s="6" t="s">
        <v>6441</v>
      </c>
      <c r="D6417" s="6"/>
      <c r="E6417" s="6" t="s">
        <v>9</v>
      </c>
      <c r="F6417" s="7">
        <v>38657</v>
      </c>
      <c r="G6417" s="8">
        <v>1</v>
      </c>
      <c r="H6417" s="8">
        <v>1</v>
      </c>
      <c r="I6417" s="8">
        <v>0</v>
      </c>
      <c r="J6417" s="8">
        <v>1</v>
      </c>
      <c r="K6417" s="9">
        <v>585</v>
      </c>
      <c r="L6417" s="6" t="s">
        <v>51</v>
      </c>
    </row>
    <row r="6418" spans="1:12">
      <c r="A6418" s="6" t="s">
        <v>49</v>
      </c>
      <c r="B6418" s="6"/>
      <c r="C6418" s="6" t="s">
        <v>6442</v>
      </c>
      <c r="D6418" s="6"/>
      <c r="E6418" s="6" t="s">
        <v>9</v>
      </c>
      <c r="F6418" s="7">
        <v>40350</v>
      </c>
      <c r="G6418" s="8">
        <v>1</v>
      </c>
      <c r="H6418" s="8">
        <v>1</v>
      </c>
      <c r="I6418" s="8">
        <v>0</v>
      </c>
      <c r="J6418" s="8">
        <v>1</v>
      </c>
      <c r="K6418" s="9">
        <v>36</v>
      </c>
      <c r="L6418" s="6" t="s">
        <v>51</v>
      </c>
    </row>
    <row r="6419" spans="1:12">
      <c r="A6419" s="6" t="s">
        <v>49</v>
      </c>
      <c r="B6419" s="6"/>
      <c r="C6419" s="6" t="s">
        <v>6443</v>
      </c>
      <c r="D6419" s="6"/>
      <c r="E6419" s="6" t="s">
        <v>9</v>
      </c>
      <c r="F6419" s="7">
        <v>40350</v>
      </c>
      <c r="G6419" s="8">
        <v>1</v>
      </c>
      <c r="H6419" s="8">
        <v>1</v>
      </c>
      <c r="I6419" s="8">
        <v>0</v>
      </c>
      <c r="J6419" s="8">
        <v>1</v>
      </c>
      <c r="K6419" s="9">
        <v>29</v>
      </c>
      <c r="L6419" s="6" t="s">
        <v>51</v>
      </c>
    </row>
    <row r="6420" spans="1:12">
      <c r="A6420" s="6" t="s">
        <v>49</v>
      </c>
      <c r="B6420" s="6"/>
      <c r="C6420" s="6" t="s">
        <v>6444</v>
      </c>
      <c r="D6420" s="6"/>
      <c r="E6420" s="6" t="s">
        <v>9</v>
      </c>
      <c r="F6420" s="7">
        <v>38657</v>
      </c>
      <c r="G6420" s="8">
        <v>1</v>
      </c>
      <c r="H6420" s="8">
        <v>1</v>
      </c>
      <c r="I6420" s="8">
        <v>0</v>
      </c>
      <c r="J6420" s="8">
        <v>1</v>
      </c>
      <c r="K6420" s="9">
        <v>19</v>
      </c>
      <c r="L6420" s="6" t="s">
        <v>51</v>
      </c>
    </row>
    <row r="6421" spans="1:12">
      <c r="A6421" s="6" t="s">
        <v>49</v>
      </c>
      <c r="B6421" s="6"/>
      <c r="C6421" s="6" t="s">
        <v>6445</v>
      </c>
      <c r="D6421" s="6"/>
      <c r="E6421" s="6" t="s">
        <v>9</v>
      </c>
      <c r="F6421" s="7">
        <v>38657</v>
      </c>
      <c r="G6421" s="8">
        <v>1</v>
      </c>
      <c r="H6421" s="8">
        <v>1</v>
      </c>
      <c r="I6421" s="8">
        <v>0</v>
      </c>
      <c r="J6421" s="8">
        <v>1</v>
      </c>
      <c r="K6421" s="9">
        <v>1443</v>
      </c>
      <c r="L6421" s="6" t="s">
        <v>51</v>
      </c>
    </row>
    <row r="6422" spans="1:12">
      <c r="A6422" s="6" t="s">
        <v>49</v>
      </c>
      <c r="B6422" s="6"/>
      <c r="C6422" s="6" t="s">
        <v>6446</v>
      </c>
      <c r="D6422" s="6"/>
      <c r="E6422" s="6" t="s">
        <v>9</v>
      </c>
      <c r="F6422" s="7">
        <v>40350</v>
      </c>
      <c r="G6422" s="8">
        <v>1</v>
      </c>
      <c r="H6422" s="8">
        <v>1</v>
      </c>
      <c r="I6422" s="8">
        <v>0</v>
      </c>
      <c r="J6422" s="8">
        <v>1</v>
      </c>
      <c r="K6422" s="9">
        <v>1.6</v>
      </c>
      <c r="L6422" s="6" t="s">
        <v>51</v>
      </c>
    </row>
    <row r="6423" spans="1:12">
      <c r="A6423" s="6" t="s">
        <v>49</v>
      </c>
      <c r="B6423" s="6"/>
      <c r="C6423" s="6" t="s">
        <v>6447</v>
      </c>
      <c r="D6423" s="6"/>
      <c r="E6423" s="6" t="s">
        <v>9</v>
      </c>
      <c r="F6423" s="7">
        <v>38657</v>
      </c>
      <c r="G6423" s="8">
        <v>1</v>
      </c>
      <c r="H6423" s="8">
        <v>1</v>
      </c>
      <c r="I6423" s="8">
        <v>0</v>
      </c>
      <c r="J6423" s="8">
        <v>1</v>
      </c>
      <c r="K6423" s="9">
        <v>64</v>
      </c>
      <c r="L6423" s="6" t="s">
        <v>51</v>
      </c>
    </row>
    <row r="6424" spans="1:12">
      <c r="A6424" s="6" t="s">
        <v>49</v>
      </c>
      <c r="B6424" s="6"/>
      <c r="C6424" s="6" t="s">
        <v>6448</v>
      </c>
      <c r="D6424" s="6"/>
      <c r="E6424" s="6" t="s">
        <v>9</v>
      </c>
      <c r="F6424" s="7">
        <v>38657</v>
      </c>
      <c r="G6424" s="8">
        <v>1</v>
      </c>
      <c r="H6424" s="8">
        <v>1</v>
      </c>
      <c r="I6424" s="8">
        <v>0</v>
      </c>
      <c r="J6424" s="8">
        <v>1</v>
      </c>
      <c r="K6424" s="9">
        <v>59</v>
      </c>
      <c r="L6424" s="6" t="s">
        <v>51</v>
      </c>
    </row>
    <row r="6425" spans="1:12">
      <c r="A6425" s="6" t="s">
        <v>49</v>
      </c>
      <c r="B6425" s="6"/>
      <c r="C6425" s="6" t="s">
        <v>6449</v>
      </c>
      <c r="D6425" s="6"/>
      <c r="E6425" s="6" t="s">
        <v>9</v>
      </c>
      <c r="F6425" s="7">
        <v>38657</v>
      </c>
      <c r="G6425" s="8">
        <v>1</v>
      </c>
      <c r="H6425" s="8">
        <v>1</v>
      </c>
      <c r="I6425" s="8">
        <v>0</v>
      </c>
      <c r="J6425" s="8">
        <v>1</v>
      </c>
      <c r="K6425" s="9">
        <v>68</v>
      </c>
      <c r="L6425" s="6" t="s">
        <v>51</v>
      </c>
    </row>
    <row r="6426" spans="1:12">
      <c r="A6426" s="6" t="s">
        <v>49</v>
      </c>
      <c r="B6426" s="6"/>
      <c r="C6426" s="6" t="s">
        <v>6450</v>
      </c>
      <c r="D6426" s="6"/>
      <c r="E6426" s="6" t="s">
        <v>9</v>
      </c>
      <c r="F6426" s="7">
        <v>38657</v>
      </c>
      <c r="G6426" s="8">
        <v>1</v>
      </c>
      <c r="H6426" s="8">
        <v>1</v>
      </c>
      <c r="I6426" s="8">
        <v>0</v>
      </c>
      <c r="J6426" s="8">
        <v>1</v>
      </c>
      <c r="K6426" s="9">
        <v>59</v>
      </c>
      <c r="L6426" s="6" t="s">
        <v>51</v>
      </c>
    </row>
    <row r="6427" spans="1:12">
      <c r="A6427" s="6" t="s">
        <v>49</v>
      </c>
      <c r="B6427" s="6"/>
      <c r="C6427" s="6" t="s">
        <v>6451</v>
      </c>
      <c r="D6427" s="6"/>
      <c r="E6427" s="6" t="s">
        <v>9</v>
      </c>
      <c r="F6427" s="7">
        <v>38657</v>
      </c>
      <c r="G6427" s="8">
        <v>1</v>
      </c>
      <c r="H6427" s="8">
        <v>1</v>
      </c>
      <c r="I6427" s="8">
        <v>0</v>
      </c>
      <c r="J6427" s="8">
        <v>1</v>
      </c>
      <c r="K6427" s="9">
        <v>68</v>
      </c>
      <c r="L6427" s="6" t="s">
        <v>51</v>
      </c>
    </row>
    <row r="6428" spans="1:12">
      <c r="A6428" s="6" t="s">
        <v>49</v>
      </c>
      <c r="B6428" s="6"/>
      <c r="C6428" s="6" t="s">
        <v>6452</v>
      </c>
      <c r="D6428" s="6"/>
      <c r="E6428" s="6" t="s">
        <v>9</v>
      </c>
      <c r="F6428" s="7">
        <v>38657</v>
      </c>
      <c r="G6428" s="8">
        <v>1</v>
      </c>
      <c r="H6428" s="8">
        <v>1</v>
      </c>
      <c r="I6428" s="8">
        <v>0</v>
      </c>
      <c r="J6428" s="8">
        <v>1</v>
      </c>
      <c r="K6428" s="9">
        <v>62</v>
      </c>
      <c r="L6428" s="6" t="s">
        <v>51</v>
      </c>
    </row>
    <row r="6429" spans="1:12">
      <c r="A6429" s="6" t="s">
        <v>49</v>
      </c>
      <c r="B6429" s="6"/>
      <c r="C6429" s="6" t="s">
        <v>6453</v>
      </c>
      <c r="D6429" s="6"/>
      <c r="E6429" s="6" t="s">
        <v>9</v>
      </c>
      <c r="F6429" s="7">
        <v>38657</v>
      </c>
      <c r="G6429" s="8">
        <v>1</v>
      </c>
      <c r="H6429" s="8">
        <v>1</v>
      </c>
      <c r="I6429" s="8">
        <v>0</v>
      </c>
      <c r="J6429" s="8">
        <v>1</v>
      </c>
      <c r="K6429" s="9">
        <v>69</v>
      </c>
      <c r="L6429" s="6" t="s">
        <v>51</v>
      </c>
    </row>
    <row r="6430" spans="1:12">
      <c r="A6430" s="6" t="s">
        <v>49</v>
      </c>
      <c r="B6430" s="6"/>
      <c r="C6430" s="6" t="s">
        <v>6454</v>
      </c>
      <c r="D6430" s="6"/>
      <c r="E6430" s="6" t="s">
        <v>9</v>
      </c>
      <c r="F6430" s="7">
        <v>38657</v>
      </c>
      <c r="G6430" s="8">
        <v>1</v>
      </c>
      <c r="H6430" s="8">
        <v>1</v>
      </c>
      <c r="I6430" s="8">
        <v>0</v>
      </c>
      <c r="J6430" s="8">
        <v>1</v>
      </c>
      <c r="K6430" s="9">
        <v>70</v>
      </c>
      <c r="L6430" s="6" t="s">
        <v>51</v>
      </c>
    </row>
    <row r="6431" spans="1:12">
      <c r="A6431" s="6" t="s">
        <v>49</v>
      </c>
      <c r="B6431" s="6"/>
      <c r="C6431" s="6" t="s">
        <v>6455</v>
      </c>
      <c r="D6431" s="6"/>
      <c r="E6431" s="6" t="s">
        <v>9</v>
      </c>
      <c r="F6431" s="7">
        <v>38657</v>
      </c>
      <c r="G6431" s="8">
        <v>1</v>
      </c>
      <c r="H6431" s="8">
        <v>1</v>
      </c>
      <c r="I6431" s="8">
        <v>0</v>
      </c>
      <c r="J6431" s="8">
        <v>1</v>
      </c>
      <c r="K6431" s="9">
        <v>19</v>
      </c>
      <c r="L6431" s="6" t="s">
        <v>51</v>
      </c>
    </row>
    <row r="6432" spans="1:12">
      <c r="A6432" s="6" t="s">
        <v>49</v>
      </c>
      <c r="B6432" s="6"/>
      <c r="C6432" s="6" t="s">
        <v>6456</v>
      </c>
      <c r="D6432" s="6"/>
      <c r="E6432" s="6" t="s">
        <v>9</v>
      </c>
      <c r="F6432" s="7">
        <v>38657</v>
      </c>
      <c r="G6432" s="8">
        <v>1</v>
      </c>
      <c r="H6432" s="8">
        <v>1</v>
      </c>
      <c r="I6432" s="8">
        <v>0</v>
      </c>
      <c r="J6432" s="8">
        <v>1</v>
      </c>
      <c r="K6432" s="9">
        <v>73</v>
      </c>
      <c r="L6432" s="6" t="s">
        <v>51</v>
      </c>
    </row>
    <row r="6433" spans="1:12">
      <c r="A6433" s="6" t="s">
        <v>49</v>
      </c>
      <c r="B6433" s="6"/>
      <c r="C6433" s="6" t="s">
        <v>6457</v>
      </c>
      <c r="D6433" s="6"/>
      <c r="E6433" s="6" t="s">
        <v>9</v>
      </c>
      <c r="F6433" s="7">
        <v>38657</v>
      </c>
      <c r="G6433" s="8">
        <v>1</v>
      </c>
      <c r="H6433" s="8">
        <v>1</v>
      </c>
      <c r="I6433" s="8">
        <v>0</v>
      </c>
      <c r="J6433" s="8">
        <v>1</v>
      </c>
      <c r="K6433" s="9">
        <v>16</v>
      </c>
      <c r="L6433" s="6" t="s">
        <v>51</v>
      </c>
    </row>
    <row r="6434" spans="1:12">
      <c r="A6434" s="6" t="s">
        <v>49</v>
      </c>
      <c r="B6434" s="6"/>
      <c r="C6434" s="6" t="s">
        <v>6458</v>
      </c>
      <c r="D6434" s="6"/>
      <c r="E6434" s="6" t="s">
        <v>9</v>
      </c>
      <c r="F6434" s="7">
        <v>38657</v>
      </c>
      <c r="G6434" s="8">
        <v>1</v>
      </c>
      <c r="H6434" s="8">
        <v>1</v>
      </c>
      <c r="I6434" s="8">
        <v>0</v>
      </c>
      <c r="J6434" s="8">
        <v>1</v>
      </c>
      <c r="K6434" s="9">
        <v>33</v>
      </c>
      <c r="L6434" s="6" t="s">
        <v>51</v>
      </c>
    </row>
    <row r="6435" spans="1:12">
      <c r="A6435" s="6" t="s">
        <v>49</v>
      </c>
      <c r="B6435" s="6"/>
      <c r="C6435" s="6" t="s">
        <v>6459</v>
      </c>
      <c r="D6435" s="6"/>
      <c r="E6435" s="6" t="s">
        <v>9</v>
      </c>
      <c r="F6435" s="7">
        <v>38657</v>
      </c>
      <c r="G6435" s="8">
        <v>1</v>
      </c>
      <c r="H6435" s="8">
        <v>1</v>
      </c>
      <c r="I6435" s="8">
        <v>0</v>
      </c>
      <c r="J6435" s="8">
        <v>1</v>
      </c>
      <c r="K6435" s="9">
        <v>11</v>
      </c>
      <c r="L6435" s="6" t="s">
        <v>51</v>
      </c>
    </row>
    <row r="6436" spans="1:12">
      <c r="A6436" s="6" t="s">
        <v>49</v>
      </c>
      <c r="B6436" s="6"/>
      <c r="C6436" s="6" t="s">
        <v>6460</v>
      </c>
      <c r="D6436" s="6"/>
      <c r="E6436" s="6" t="s">
        <v>9</v>
      </c>
      <c r="F6436" s="7">
        <v>38657</v>
      </c>
      <c r="G6436" s="8">
        <v>1</v>
      </c>
      <c r="H6436" s="8">
        <v>1</v>
      </c>
      <c r="I6436" s="8">
        <v>0</v>
      </c>
      <c r="J6436" s="8">
        <v>1</v>
      </c>
      <c r="K6436" s="9">
        <v>7.56</v>
      </c>
      <c r="L6436" s="6" t="s">
        <v>51</v>
      </c>
    </row>
    <row r="6437" spans="1:12">
      <c r="A6437" s="6" t="s">
        <v>49</v>
      </c>
      <c r="B6437" s="6"/>
      <c r="C6437" s="6" t="s">
        <v>6461</v>
      </c>
      <c r="D6437" s="6"/>
      <c r="E6437" s="6" t="s">
        <v>9</v>
      </c>
      <c r="F6437" s="7">
        <v>38657</v>
      </c>
      <c r="G6437" s="8">
        <v>1</v>
      </c>
      <c r="H6437" s="8">
        <v>1</v>
      </c>
      <c r="I6437" s="8">
        <v>0</v>
      </c>
      <c r="J6437" s="8">
        <v>1</v>
      </c>
      <c r="K6437" s="9">
        <v>45</v>
      </c>
      <c r="L6437" s="6" t="s">
        <v>51</v>
      </c>
    </row>
    <row r="6438" spans="1:12">
      <c r="A6438" s="6" t="s">
        <v>49</v>
      </c>
      <c r="B6438" s="6"/>
      <c r="C6438" s="6" t="s">
        <v>6462</v>
      </c>
      <c r="D6438" s="6"/>
      <c r="E6438" s="6" t="s">
        <v>9</v>
      </c>
      <c r="F6438" s="7">
        <v>38657</v>
      </c>
      <c r="G6438" s="8">
        <v>1</v>
      </c>
      <c r="H6438" s="8">
        <v>1</v>
      </c>
      <c r="I6438" s="8">
        <v>0</v>
      </c>
      <c r="J6438" s="8">
        <v>1</v>
      </c>
      <c r="K6438" s="9">
        <v>56</v>
      </c>
      <c r="L6438" s="6" t="s">
        <v>51</v>
      </c>
    </row>
    <row r="6439" spans="1:12">
      <c r="A6439" s="6" t="s">
        <v>49</v>
      </c>
      <c r="B6439" s="6"/>
      <c r="C6439" s="6" t="s">
        <v>6463</v>
      </c>
      <c r="D6439" s="6"/>
      <c r="E6439" s="6" t="s">
        <v>9</v>
      </c>
      <c r="F6439" s="7">
        <v>38657</v>
      </c>
      <c r="G6439" s="8">
        <v>1</v>
      </c>
      <c r="H6439" s="8">
        <v>1</v>
      </c>
      <c r="I6439" s="8">
        <v>0</v>
      </c>
      <c r="J6439" s="8">
        <v>1</v>
      </c>
      <c r="K6439" s="9">
        <v>45</v>
      </c>
      <c r="L6439" s="6" t="s">
        <v>51</v>
      </c>
    </row>
    <row r="6440" spans="1:12">
      <c r="A6440" s="6" t="s">
        <v>49</v>
      </c>
      <c r="B6440" s="6"/>
      <c r="C6440" s="6" t="s">
        <v>6464</v>
      </c>
      <c r="D6440" s="6"/>
      <c r="E6440" s="6" t="s">
        <v>9</v>
      </c>
      <c r="F6440" s="7">
        <v>38657</v>
      </c>
      <c r="G6440" s="8">
        <v>1</v>
      </c>
      <c r="H6440" s="8">
        <v>1</v>
      </c>
      <c r="I6440" s="8">
        <v>0</v>
      </c>
      <c r="J6440" s="8">
        <v>1</v>
      </c>
      <c r="K6440" s="9">
        <v>17</v>
      </c>
      <c r="L6440" s="6" t="s">
        <v>51</v>
      </c>
    </row>
    <row r="6441" spans="1:12">
      <c r="A6441" s="6" t="s">
        <v>49</v>
      </c>
      <c r="B6441" s="6"/>
      <c r="C6441" s="6" t="s">
        <v>6465</v>
      </c>
      <c r="D6441" s="6"/>
      <c r="E6441" s="6" t="s">
        <v>9</v>
      </c>
      <c r="F6441" s="7">
        <v>38657</v>
      </c>
      <c r="G6441" s="8">
        <v>1</v>
      </c>
      <c r="H6441" s="8">
        <v>1</v>
      </c>
      <c r="I6441" s="8">
        <v>0</v>
      </c>
      <c r="J6441" s="8">
        <v>1</v>
      </c>
      <c r="K6441" s="9">
        <v>58</v>
      </c>
      <c r="L6441" s="6" t="s">
        <v>51</v>
      </c>
    </row>
    <row r="6442" spans="1:12">
      <c r="A6442" s="6" t="s">
        <v>49</v>
      </c>
      <c r="B6442" s="6"/>
      <c r="C6442" s="6" t="s">
        <v>6466</v>
      </c>
      <c r="D6442" s="6"/>
      <c r="E6442" s="6" t="s">
        <v>9</v>
      </c>
      <c r="F6442" s="7">
        <v>38657</v>
      </c>
      <c r="G6442" s="8">
        <v>1</v>
      </c>
      <c r="H6442" s="8">
        <v>1</v>
      </c>
      <c r="I6442" s="8">
        <v>0</v>
      </c>
      <c r="J6442" s="8">
        <v>1</v>
      </c>
      <c r="K6442" s="9">
        <v>16</v>
      </c>
      <c r="L6442" s="6" t="s">
        <v>51</v>
      </c>
    </row>
    <row r="6443" spans="1:12">
      <c r="A6443" s="6" t="s">
        <v>49</v>
      </c>
      <c r="B6443" s="6"/>
      <c r="C6443" s="6" t="s">
        <v>6467</v>
      </c>
      <c r="D6443" s="6"/>
      <c r="E6443" s="6" t="s">
        <v>9</v>
      </c>
      <c r="F6443" s="7">
        <v>38657</v>
      </c>
      <c r="G6443" s="8">
        <v>1</v>
      </c>
      <c r="H6443" s="8">
        <v>1</v>
      </c>
      <c r="I6443" s="8">
        <v>0</v>
      </c>
      <c r="J6443" s="8">
        <v>1</v>
      </c>
      <c r="K6443" s="9">
        <v>79</v>
      </c>
      <c r="L6443" s="6" t="s">
        <v>51</v>
      </c>
    </row>
    <row r="6444" spans="1:12">
      <c r="A6444" s="6" t="s">
        <v>49</v>
      </c>
      <c r="B6444" s="6"/>
      <c r="C6444" s="6" t="s">
        <v>6468</v>
      </c>
      <c r="D6444" s="6"/>
      <c r="E6444" s="6" t="s">
        <v>9</v>
      </c>
      <c r="F6444" s="7">
        <v>38657</v>
      </c>
      <c r="G6444" s="8">
        <v>1</v>
      </c>
      <c r="H6444" s="8">
        <v>1</v>
      </c>
      <c r="I6444" s="8">
        <v>0</v>
      </c>
      <c r="J6444" s="8">
        <v>1</v>
      </c>
      <c r="K6444" s="9">
        <v>34</v>
      </c>
      <c r="L6444" s="6" t="s">
        <v>51</v>
      </c>
    </row>
    <row r="6445" spans="1:12">
      <c r="A6445" s="6" t="s">
        <v>49</v>
      </c>
      <c r="B6445" s="6"/>
      <c r="C6445" s="6" t="s">
        <v>6469</v>
      </c>
      <c r="D6445" s="6"/>
      <c r="E6445" s="6" t="s">
        <v>9</v>
      </c>
      <c r="F6445" s="7">
        <v>38657</v>
      </c>
      <c r="G6445" s="8">
        <v>1</v>
      </c>
      <c r="H6445" s="8">
        <v>1</v>
      </c>
      <c r="I6445" s="8">
        <v>0</v>
      </c>
      <c r="J6445" s="8">
        <v>1</v>
      </c>
      <c r="K6445" s="9">
        <v>31</v>
      </c>
      <c r="L6445" s="6" t="s">
        <v>51</v>
      </c>
    </row>
    <row r="6446" spans="1:12">
      <c r="A6446" s="6" t="s">
        <v>49</v>
      </c>
      <c r="B6446" s="6"/>
      <c r="C6446" s="6" t="s">
        <v>6470</v>
      </c>
      <c r="D6446" s="6"/>
      <c r="E6446" s="6" t="s">
        <v>9</v>
      </c>
      <c r="F6446" s="7">
        <v>38657</v>
      </c>
      <c r="G6446" s="8">
        <v>1</v>
      </c>
      <c r="H6446" s="8">
        <v>1</v>
      </c>
      <c r="I6446" s="8">
        <v>0</v>
      </c>
      <c r="J6446" s="8">
        <v>1</v>
      </c>
      <c r="K6446" s="9">
        <v>35</v>
      </c>
      <c r="L6446" s="6" t="s">
        <v>51</v>
      </c>
    </row>
    <row r="6447" spans="1:12">
      <c r="A6447" s="6" t="s">
        <v>49</v>
      </c>
      <c r="B6447" s="6"/>
      <c r="C6447" s="6" t="s">
        <v>6471</v>
      </c>
      <c r="D6447" s="6"/>
      <c r="E6447" s="6" t="s">
        <v>9</v>
      </c>
      <c r="F6447" s="7">
        <v>38657</v>
      </c>
      <c r="G6447" s="8">
        <v>1</v>
      </c>
      <c r="H6447" s="8">
        <v>1</v>
      </c>
      <c r="I6447" s="8">
        <v>0</v>
      </c>
      <c r="J6447" s="8">
        <v>1</v>
      </c>
      <c r="K6447" s="9">
        <v>4.4000000000000004</v>
      </c>
      <c r="L6447" s="6" t="s">
        <v>51</v>
      </c>
    </row>
    <row r="6448" spans="1:12">
      <c r="A6448" s="6" t="s">
        <v>49</v>
      </c>
      <c r="B6448" s="6"/>
      <c r="C6448" s="6" t="s">
        <v>6472</v>
      </c>
      <c r="D6448" s="6"/>
      <c r="E6448" s="6" t="s">
        <v>9</v>
      </c>
      <c r="F6448" s="7">
        <v>38657</v>
      </c>
      <c r="G6448" s="8">
        <v>1</v>
      </c>
      <c r="H6448" s="8">
        <v>1</v>
      </c>
      <c r="I6448" s="8">
        <v>0</v>
      </c>
      <c r="J6448" s="8">
        <v>1</v>
      </c>
      <c r="K6448" s="9">
        <v>20</v>
      </c>
      <c r="L6448" s="6" t="s">
        <v>51</v>
      </c>
    </row>
    <row r="6449" spans="1:12">
      <c r="A6449" s="6" t="s">
        <v>49</v>
      </c>
      <c r="B6449" s="6"/>
      <c r="C6449" s="6" t="s">
        <v>6473</v>
      </c>
      <c r="D6449" s="6"/>
      <c r="E6449" s="6" t="s">
        <v>9</v>
      </c>
      <c r="F6449" s="7">
        <v>38657</v>
      </c>
      <c r="G6449" s="8">
        <v>1</v>
      </c>
      <c r="H6449" s="8">
        <v>1</v>
      </c>
      <c r="I6449" s="8">
        <v>0</v>
      </c>
      <c r="J6449" s="8">
        <v>1</v>
      </c>
      <c r="K6449" s="9">
        <v>14</v>
      </c>
      <c r="L6449" s="6" t="s">
        <v>51</v>
      </c>
    </row>
    <row r="6450" spans="1:12">
      <c r="A6450" s="6" t="s">
        <v>49</v>
      </c>
      <c r="B6450" s="6"/>
      <c r="C6450" s="6" t="s">
        <v>6474</v>
      </c>
      <c r="D6450" s="6"/>
      <c r="E6450" s="6" t="s">
        <v>9</v>
      </c>
      <c r="F6450" s="7">
        <v>38657</v>
      </c>
      <c r="G6450" s="8">
        <v>1</v>
      </c>
      <c r="H6450" s="8">
        <v>1</v>
      </c>
      <c r="I6450" s="8">
        <v>0</v>
      </c>
      <c r="J6450" s="8">
        <v>1</v>
      </c>
      <c r="K6450" s="9">
        <v>19</v>
      </c>
      <c r="L6450" s="6" t="s">
        <v>51</v>
      </c>
    </row>
    <row r="6451" spans="1:12">
      <c r="A6451" s="6" t="s">
        <v>49</v>
      </c>
      <c r="B6451" s="6"/>
      <c r="C6451" s="6" t="s">
        <v>6475</v>
      </c>
      <c r="D6451" s="6"/>
      <c r="E6451" s="6" t="s">
        <v>9</v>
      </c>
      <c r="F6451" s="7">
        <v>38657</v>
      </c>
      <c r="G6451" s="8">
        <v>1</v>
      </c>
      <c r="H6451" s="8">
        <v>1</v>
      </c>
      <c r="I6451" s="8">
        <v>0</v>
      </c>
      <c r="J6451" s="8">
        <v>1</v>
      </c>
      <c r="K6451" s="9">
        <v>9.1300000000000008</v>
      </c>
      <c r="L6451" s="6" t="s">
        <v>51</v>
      </c>
    </row>
    <row r="6452" spans="1:12">
      <c r="A6452" s="6" t="s">
        <v>49</v>
      </c>
      <c r="B6452" s="6"/>
      <c r="C6452" s="6" t="s">
        <v>6476</v>
      </c>
      <c r="D6452" s="6"/>
      <c r="E6452" s="6" t="s">
        <v>9</v>
      </c>
      <c r="F6452" s="7">
        <v>38657</v>
      </c>
      <c r="G6452" s="8">
        <v>1</v>
      </c>
      <c r="H6452" s="8">
        <v>1</v>
      </c>
      <c r="I6452" s="8">
        <v>0</v>
      </c>
      <c r="J6452" s="8">
        <v>1</v>
      </c>
      <c r="K6452" s="9">
        <v>6.61</v>
      </c>
      <c r="L6452" s="6" t="s">
        <v>51</v>
      </c>
    </row>
    <row r="6453" spans="1:12">
      <c r="A6453" s="6" t="s">
        <v>49</v>
      </c>
      <c r="B6453" s="6"/>
      <c r="C6453" s="6" t="s">
        <v>6477</v>
      </c>
      <c r="D6453" s="6"/>
      <c r="E6453" s="6" t="s">
        <v>9</v>
      </c>
      <c r="F6453" s="7">
        <v>38657</v>
      </c>
      <c r="G6453" s="8">
        <v>1</v>
      </c>
      <c r="H6453" s="8">
        <v>1</v>
      </c>
      <c r="I6453" s="8">
        <v>0</v>
      </c>
      <c r="J6453" s="8">
        <v>1</v>
      </c>
      <c r="K6453" s="9">
        <v>26</v>
      </c>
      <c r="L6453" s="6" t="s">
        <v>51</v>
      </c>
    </row>
    <row r="6454" spans="1:12">
      <c r="A6454" s="6" t="s">
        <v>49</v>
      </c>
      <c r="B6454" s="6"/>
      <c r="C6454" s="6" t="s">
        <v>6478</v>
      </c>
      <c r="D6454" s="6"/>
      <c r="E6454" s="6" t="s">
        <v>9</v>
      </c>
      <c r="F6454" s="7">
        <v>38657</v>
      </c>
      <c r="G6454" s="8">
        <v>1</v>
      </c>
      <c r="H6454" s="8">
        <v>1</v>
      </c>
      <c r="I6454" s="8">
        <v>0</v>
      </c>
      <c r="J6454" s="8">
        <v>1</v>
      </c>
      <c r="K6454" s="9">
        <v>5.17</v>
      </c>
      <c r="L6454" s="6" t="s">
        <v>51</v>
      </c>
    </row>
    <row r="6455" spans="1:12">
      <c r="A6455" s="6" t="s">
        <v>49</v>
      </c>
      <c r="B6455" s="6"/>
      <c r="C6455" s="6" t="s">
        <v>6479</v>
      </c>
      <c r="D6455" s="6"/>
      <c r="E6455" s="6" t="s">
        <v>9</v>
      </c>
      <c r="F6455" s="7">
        <v>38657</v>
      </c>
      <c r="G6455" s="8">
        <v>1</v>
      </c>
      <c r="H6455" s="8">
        <v>1</v>
      </c>
      <c r="I6455" s="8">
        <v>0</v>
      </c>
      <c r="J6455" s="8">
        <v>1</v>
      </c>
      <c r="K6455" s="9">
        <v>5.28</v>
      </c>
      <c r="L6455" s="6" t="s">
        <v>51</v>
      </c>
    </row>
    <row r="6456" spans="1:12">
      <c r="A6456" s="6" t="s">
        <v>49</v>
      </c>
      <c r="B6456" s="6"/>
      <c r="C6456" s="6" t="s">
        <v>6480</v>
      </c>
      <c r="D6456" s="6"/>
      <c r="E6456" s="6" t="s">
        <v>9</v>
      </c>
      <c r="F6456" s="7">
        <v>38657</v>
      </c>
      <c r="G6456" s="8">
        <v>1</v>
      </c>
      <c r="H6456" s="8">
        <v>1</v>
      </c>
      <c r="I6456" s="8">
        <v>0</v>
      </c>
      <c r="J6456" s="8">
        <v>1</v>
      </c>
      <c r="K6456" s="9">
        <v>521</v>
      </c>
      <c r="L6456" s="6" t="s">
        <v>51</v>
      </c>
    </row>
    <row r="6457" spans="1:12">
      <c r="A6457" s="6" t="s">
        <v>49</v>
      </c>
      <c r="B6457" s="6"/>
      <c r="C6457" s="6" t="s">
        <v>6481</v>
      </c>
      <c r="D6457" s="6"/>
      <c r="E6457" s="6" t="s">
        <v>9</v>
      </c>
      <c r="F6457" s="7">
        <v>38657</v>
      </c>
      <c r="G6457" s="8">
        <v>1</v>
      </c>
      <c r="H6457" s="8">
        <v>1</v>
      </c>
      <c r="I6457" s="8">
        <v>0</v>
      </c>
      <c r="J6457" s="8">
        <v>1</v>
      </c>
      <c r="K6457" s="9">
        <v>5</v>
      </c>
      <c r="L6457" s="6" t="s">
        <v>51</v>
      </c>
    </row>
    <row r="6458" spans="1:12">
      <c r="A6458" s="6" t="s">
        <v>49</v>
      </c>
      <c r="B6458" s="6"/>
      <c r="C6458" s="6" t="s">
        <v>6482</v>
      </c>
      <c r="D6458" s="6"/>
      <c r="E6458" s="6" t="s">
        <v>9</v>
      </c>
      <c r="F6458" s="7">
        <v>38657</v>
      </c>
      <c r="G6458" s="8">
        <v>1</v>
      </c>
      <c r="H6458" s="8">
        <v>1</v>
      </c>
      <c r="I6458" s="8">
        <v>0</v>
      </c>
      <c r="J6458" s="8">
        <v>1</v>
      </c>
      <c r="K6458" s="9">
        <v>6.66</v>
      </c>
      <c r="L6458" s="6" t="s">
        <v>51</v>
      </c>
    </row>
    <row r="6459" spans="1:12">
      <c r="A6459" s="6" t="s">
        <v>49</v>
      </c>
      <c r="B6459" s="6"/>
      <c r="C6459" s="6" t="s">
        <v>6483</v>
      </c>
      <c r="D6459" s="6"/>
      <c r="E6459" s="6" t="s">
        <v>9</v>
      </c>
      <c r="F6459" s="7">
        <v>38657</v>
      </c>
      <c r="G6459" s="8">
        <v>1</v>
      </c>
      <c r="H6459" s="8">
        <v>1</v>
      </c>
      <c r="I6459" s="8">
        <v>0</v>
      </c>
      <c r="J6459" s="8">
        <v>1</v>
      </c>
      <c r="K6459" s="9">
        <v>75</v>
      </c>
      <c r="L6459" s="6" t="s">
        <v>51</v>
      </c>
    </row>
    <row r="6460" spans="1:12">
      <c r="A6460" s="6" t="s">
        <v>49</v>
      </c>
      <c r="B6460" s="6"/>
      <c r="C6460" s="6" t="s">
        <v>6484</v>
      </c>
      <c r="D6460" s="6"/>
      <c r="E6460" s="6" t="s">
        <v>9</v>
      </c>
      <c r="F6460" s="7">
        <v>38657</v>
      </c>
      <c r="G6460" s="8">
        <v>1</v>
      </c>
      <c r="H6460" s="8">
        <v>1</v>
      </c>
      <c r="I6460" s="8">
        <v>0</v>
      </c>
      <c r="J6460" s="8">
        <v>1</v>
      </c>
      <c r="K6460" s="9">
        <v>15</v>
      </c>
      <c r="L6460" s="6" t="s">
        <v>51</v>
      </c>
    </row>
    <row r="6461" spans="1:12">
      <c r="A6461" s="6" t="s">
        <v>49</v>
      </c>
      <c r="B6461" s="6"/>
      <c r="C6461" s="6" t="s">
        <v>6485</v>
      </c>
      <c r="D6461" s="6"/>
      <c r="E6461" s="6" t="s">
        <v>9</v>
      </c>
      <c r="F6461" s="7">
        <v>38657</v>
      </c>
      <c r="G6461" s="8">
        <v>1</v>
      </c>
      <c r="H6461" s="8">
        <v>1</v>
      </c>
      <c r="I6461" s="8">
        <v>0</v>
      </c>
      <c r="J6461" s="8">
        <v>1</v>
      </c>
      <c r="K6461" s="9">
        <v>2.06</v>
      </c>
      <c r="L6461" s="6" t="s">
        <v>51</v>
      </c>
    </row>
    <row r="6462" spans="1:12">
      <c r="A6462" s="6" t="s">
        <v>49</v>
      </c>
      <c r="B6462" s="6"/>
      <c r="C6462" s="6" t="s">
        <v>6486</v>
      </c>
      <c r="D6462" s="6"/>
      <c r="E6462" s="6" t="s">
        <v>9</v>
      </c>
      <c r="F6462" s="7">
        <v>38657</v>
      </c>
      <c r="G6462" s="8">
        <v>1</v>
      </c>
      <c r="H6462" s="8">
        <v>1</v>
      </c>
      <c r="I6462" s="8">
        <v>0</v>
      </c>
      <c r="J6462" s="8">
        <v>1</v>
      </c>
      <c r="K6462" s="9">
        <v>26</v>
      </c>
      <c r="L6462" s="6" t="s">
        <v>51</v>
      </c>
    </row>
    <row r="6463" spans="1:12">
      <c r="A6463" s="6" t="s">
        <v>49</v>
      </c>
      <c r="B6463" s="6"/>
      <c r="C6463" s="6" t="s">
        <v>6487</v>
      </c>
      <c r="D6463" s="6"/>
      <c r="E6463" s="6" t="s">
        <v>9</v>
      </c>
      <c r="F6463" s="7">
        <v>38657</v>
      </c>
      <c r="G6463" s="8">
        <v>1</v>
      </c>
      <c r="H6463" s="8">
        <v>1</v>
      </c>
      <c r="I6463" s="8">
        <v>0</v>
      </c>
      <c r="J6463" s="8">
        <v>1</v>
      </c>
      <c r="K6463" s="9">
        <v>33</v>
      </c>
      <c r="L6463" s="6" t="s">
        <v>51</v>
      </c>
    </row>
    <row r="6464" spans="1:12">
      <c r="A6464" s="6" t="s">
        <v>49</v>
      </c>
      <c r="B6464" s="6"/>
      <c r="C6464" s="6" t="s">
        <v>6488</v>
      </c>
      <c r="D6464" s="6"/>
      <c r="E6464" s="6" t="s">
        <v>9</v>
      </c>
      <c r="F6464" s="7">
        <v>38657</v>
      </c>
      <c r="G6464" s="8">
        <v>1</v>
      </c>
      <c r="H6464" s="8">
        <v>1</v>
      </c>
      <c r="I6464" s="8">
        <v>0</v>
      </c>
      <c r="J6464" s="8">
        <v>1</v>
      </c>
      <c r="K6464" s="9">
        <v>33</v>
      </c>
      <c r="L6464" s="6" t="s">
        <v>51</v>
      </c>
    </row>
    <row r="6465" spans="1:12">
      <c r="A6465" s="6" t="s">
        <v>49</v>
      </c>
      <c r="B6465" s="6"/>
      <c r="C6465" s="6" t="s">
        <v>6489</v>
      </c>
      <c r="D6465" s="6"/>
      <c r="E6465" s="6" t="s">
        <v>9</v>
      </c>
      <c r="F6465" s="7">
        <v>38657</v>
      </c>
      <c r="G6465" s="8">
        <v>1</v>
      </c>
      <c r="H6465" s="8">
        <v>1</v>
      </c>
      <c r="I6465" s="8">
        <v>0</v>
      </c>
      <c r="J6465" s="8">
        <v>1</v>
      </c>
      <c r="K6465" s="9">
        <v>46</v>
      </c>
      <c r="L6465" s="6" t="s">
        <v>51</v>
      </c>
    </row>
    <row r="6466" spans="1:12">
      <c r="A6466" s="6" t="s">
        <v>49</v>
      </c>
      <c r="B6466" s="6"/>
      <c r="C6466" s="6" t="s">
        <v>6490</v>
      </c>
      <c r="D6466" s="6"/>
      <c r="E6466" s="6" t="s">
        <v>9</v>
      </c>
      <c r="F6466" s="7">
        <v>38657</v>
      </c>
      <c r="G6466" s="8">
        <v>1</v>
      </c>
      <c r="H6466" s="8">
        <v>1</v>
      </c>
      <c r="I6466" s="8">
        <v>0</v>
      </c>
      <c r="J6466" s="8">
        <v>1</v>
      </c>
      <c r="K6466" s="9">
        <v>59</v>
      </c>
      <c r="L6466" s="6" t="s">
        <v>51</v>
      </c>
    </row>
    <row r="6467" spans="1:12">
      <c r="A6467" s="6" t="s">
        <v>49</v>
      </c>
      <c r="B6467" s="6"/>
      <c r="C6467" s="6" t="s">
        <v>6491</v>
      </c>
      <c r="D6467" s="6"/>
      <c r="E6467" s="6" t="s">
        <v>9</v>
      </c>
      <c r="F6467" s="7">
        <v>38657</v>
      </c>
      <c r="G6467" s="8">
        <v>1</v>
      </c>
      <c r="H6467" s="8">
        <v>1</v>
      </c>
      <c r="I6467" s="8">
        <v>0</v>
      </c>
      <c r="J6467" s="8">
        <v>1</v>
      </c>
      <c r="K6467" s="9">
        <v>46</v>
      </c>
      <c r="L6467" s="6" t="s">
        <v>51</v>
      </c>
    </row>
    <row r="6468" spans="1:12">
      <c r="A6468" s="6" t="s">
        <v>49</v>
      </c>
      <c r="B6468" s="6"/>
      <c r="C6468" s="6" t="s">
        <v>6492</v>
      </c>
      <c r="D6468" s="6"/>
      <c r="E6468" s="6" t="s">
        <v>9</v>
      </c>
      <c r="F6468" s="7">
        <v>38657</v>
      </c>
      <c r="G6468" s="8">
        <v>1</v>
      </c>
      <c r="H6468" s="8">
        <v>1</v>
      </c>
      <c r="I6468" s="8">
        <v>0</v>
      </c>
      <c r="J6468" s="8">
        <v>1</v>
      </c>
      <c r="K6468" s="9">
        <v>42</v>
      </c>
      <c r="L6468" s="6" t="s">
        <v>51</v>
      </c>
    </row>
    <row r="6469" spans="1:12">
      <c r="A6469" s="6" t="s">
        <v>49</v>
      </c>
      <c r="B6469" s="6"/>
      <c r="C6469" s="6" t="s">
        <v>6493</v>
      </c>
      <c r="D6469" s="6"/>
      <c r="E6469" s="6" t="s">
        <v>9</v>
      </c>
      <c r="F6469" s="7">
        <v>38657</v>
      </c>
      <c r="G6469" s="8">
        <v>1</v>
      </c>
      <c r="H6469" s="8">
        <v>1</v>
      </c>
      <c r="I6469" s="8">
        <v>0</v>
      </c>
      <c r="J6469" s="8">
        <v>1</v>
      </c>
      <c r="K6469" s="9">
        <v>42</v>
      </c>
      <c r="L6469" s="6" t="s">
        <v>51</v>
      </c>
    </row>
    <row r="6470" spans="1:12">
      <c r="A6470" s="6" t="s">
        <v>49</v>
      </c>
      <c r="B6470" s="6"/>
      <c r="C6470" s="6" t="s">
        <v>6494</v>
      </c>
      <c r="D6470" s="6"/>
      <c r="E6470" s="6" t="s">
        <v>9</v>
      </c>
      <c r="F6470" s="7">
        <v>38657</v>
      </c>
      <c r="G6470" s="8">
        <v>1</v>
      </c>
      <c r="H6470" s="8">
        <v>1</v>
      </c>
      <c r="I6470" s="8">
        <v>0</v>
      </c>
      <c r="J6470" s="8">
        <v>1</v>
      </c>
      <c r="K6470" s="9">
        <v>19</v>
      </c>
      <c r="L6470" s="6" t="s">
        <v>51</v>
      </c>
    </row>
    <row r="6471" spans="1:12">
      <c r="A6471" s="6" t="s">
        <v>49</v>
      </c>
      <c r="B6471" s="6"/>
      <c r="C6471" s="6" t="s">
        <v>6495</v>
      </c>
      <c r="D6471" s="6"/>
      <c r="E6471" s="6" t="s">
        <v>9</v>
      </c>
      <c r="F6471" s="7">
        <v>38657</v>
      </c>
      <c r="G6471" s="8">
        <v>1</v>
      </c>
      <c r="H6471" s="8">
        <v>1</v>
      </c>
      <c r="I6471" s="8">
        <v>0</v>
      </c>
      <c r="J6471" s="8">
        <v>1</v>
      </c>
      <c r="K6471" s="9">
        <v>19</v>
      </c>
      <c r="L6471" s="6" t="s">
        <v>51</v>
      </c>
    </row>
    <row r="6472" spans="1:12">
      <c r="A6472" s="6" t="s">
        <v>49</v>
      </c>
      <c r="B6472" s="6"/>
      <c r="C6472" s="6" t="s">
        <v>6496</v>
      </c>
      <c r="D6472" s="6"/>
      <c r="E6472" s="6" t="s">
        <v>9</v>
      </c>
      <c r="F6472" s="7">
        <v>38657</v>
      </c>
      <c r="G6472" s="8">
        <v>1</v>
      </c>
      <c r="H6472" s="8">
        <v>1</v>
      </c>
      <c r="I6472" s="8">
        <v>0</v>
      </c>
      <c r="J6472" s="8">
        <v>1</v>
      </c>
      <c r="K6472" s="9">
        <v>72</v>
      </c>
      <c r="L6472" s="6" t="s">
        <v>51</v>
      </c>
    </row>
    <row r="6473" spans="1:12">
      <c r="A6473" s="6" t="s">
        <v>49</v>
      </c>
      <c r="B6473" s="6"/>
      <c r="C6473" s="6" t="s">
        <v>6497</v>
      </c>
      <c r="D6473" s="6"/>
      <c r="E6473" s="6" t="s">
        <v>9</v>
      </c>
      <c r="F6473" s="7">
        <v>38657</v>
      </c>
      <c r="G6473" s="8">
        <v>1</v>
      </c>
      <c r="H6473" s="8">
        <v>1</v>
      </c>
      <c r="I6473" s="8">
        <v>0</v>
      </c>
      <c r="J6473" s="8">
        <v>1</v>
      </c>
      <c r="K6473" s="9">
        <v>39</v>
      </c>
      <c r="L6473" s="6" t="s">
        <v>51</v>
      </c>
    </row>
    <row r="6474" spans="1:12">
      <c r="A6474" s="6" t="s">
        <v>49</v>
      </c>
      <c r="B6474" s="6"/>
      <c r="C6474" s="6" t="s">
        <v>6498</v>
      </c>
      <c r="D6474" s="6"/>
      <c r="E6474" s="6" t="s">
        <v>9</v>
      </c>
      <c r="F6474" s="7">
        <v>38657</v>
      </c>
      <c r="G6474" s="8">
        <v>1</v>
      </c>
      <c r="H6474" s="8">
        <v>1</v>
      </c>
      <c r="I6474" s="8">
        <v>0</v>
      </c>
      <c r="J6474" s="8">
        <v>1</v>
      </c>
      <c r="K6474" s="9">
        <v>67</v>
      </c>
      <c r="L6474" s="6" t="s">
        <v>51</v>
      </c>
    </row>
    <row r="6475" spans="1:12">
      <c r="A6475" s="6" t="s">
        <v>49</v>
      </c>
      <c r="B6475" s="6"/>
      <c r="C6475" s="6" t="s">
        <v>6499</v>
      </c>
      <c r="D6475" s="6"/>
      <c r="E6475" s="6" t="s">
        <v>9</v>
      </c>
      <c r="F6475" s="7">
        <v>38657</v>
      </c>
      <c r="G6475" s="8">
        <v>1</v>
      </c>
      <c r="H6475" s="8">
        <v>1</v>
      </c>
      <c r="I6475" s="8">
        <v>0</v>
      </c>
      <c r="J6475" s="8">
        <v>1</v>
      </c>
      <c r="K6475" s="9">
        <v>19</v>
      </c>
      <c r="L6475" s="6" t="s">
        <v>51</v>
      </c>
    </row>
    <row r="6476" spans="1:12">
      <c r="A6476" s="6" t="s">
        <v>49</v>
      </c>
      <c r="B6476" s="6"/>
      <c r="C6476" s="6" t="s">
        <v>6500</v>
      </c>
      <c r="D6476" s="6"/>
      <c r="E6476" s="6" t="s">
        <v>9</v>
      </c>
      <c r="F6476" s="7">
        <v>38657</v>
      </c>
      <c r="G6476" s="8">
        <v>1</v>
      </c>
      <c r="H6476" s="8">
        <v>1</v>
      </c>
      <c r="I6476" s="8">
        <v>0</v>
      </c>
      <c r="J6476" s="8">
        <v>1</v>
      </c>
      <c r="K6476" s="9">
        <v>58</v>
      </c>
      <c r="L6476" s="6" t="s">
        <v>51</v>
      </c>
    </row>
    <row r="6477" spans="1:12">
      <c r="A6477" s="6" t="s">
        <v>49</v>
      </c>
      <c r="B6477" s="6"/>
      <c r="C6477" s="6" t="s">
        <v>6501</v>
      </c>
      <c r="D6477" s="6"/>
      <c r="E6477" s="6" t="s">
        <v>9</v>
      </c>
      <c r="F6477" s="7">
        <v>38657</v>
      </c>
      <c r="G6477" s="8">
        <v>1</v>
      </c>
      <c r="H6477" s="8">
        <v>1</v>
      </c>
      <c r="I6477" s="8">
        <v>0</v>
      </c>
      <c r="J6477" s="8">
        <v>1</v>
      </c>
      <c r="K6477" s="9">
        <v>124</v>
      </c>
      <c r="L6477" s="6" t="s">
        <v>51</v>
      </c>
    </row>
    <row r="6478" spans="1:12">
      <c r="A6478" s="6" t="s">
        <v>49</v>
      </c>
      <c r="B6478" s="6"/>
      <c r="C6478" s="6" t="s">
        <v>6502</v>
      </c>
      <c r="D6478" s="6"/>
      <c r="E6478" s="6" t="s">
        <v>9</v>
      </c>
      <c r="F6478" s="7">
        <v>39503</v>
      </c>
      <c r="G6478" s="8">
        <v>711601</v>
      </c>
      <c r="H6478" s="8">
        <v>711601</v>
      </c>
      <c r="I6478" s="8">
        <v>0</v>
      </c>
      <c r="J6478" s="8">
        <v>711601</v>
      </c>
      <c r="K6478" s="9">
        <v>58</v>
      </c>
      <c r="L6478" s="6" t="s">
        <v>51</v>
      </c>
    </row>
    <row r="6479" spans="1:12">
      <c r="A6479" s="6" t="s">
        <v>49</v>
      </c>
      <c r="B6479" s="6"/>
      <c r="C6479" s="6" t="s">
        <v>6503</v>
      </c>
      <c r="D6479" s="6"/>
      <c r="E6479" s="6" t="s">
        <v>9</v>
      </c>
      <c r="F6479" s="7">
        <v>39503</v>
      </c>
      <c r="G6479" s="8">
        <v>963160</v>
      </c>
      <c r="H6479" s="8">
        <v>963160</v>
      </c>
      <c r="I6479" s="8">
        <v>0</v>
      </c>
      <c r="J6479" s="8">
        <v>963160</v>
      </c>
      <c r="K6479" s="9">
        <v>79</v>
      </c>
      <c r="L6479" s="6" t="s">
        <v>51</v>
      </c>
    </row>
    <row r="6480" spans="1:12">
      <c r="A6480" s="6" t="s">
        <v>49</v>
      </c>
      <c r="B6480" s="6"/>
      <c r="C6480" s="6" t="s">
        <v>6504</v>
      </c>
      <c r="D6480" s="6"/>
      <c r="E6480" s="6" t="s">
        <v>9</v>
      </c>
      <c r="F6480" s="7">
        <v>39503</v>
      </c>
      <c r="G6480" s="8">
        <v>1730179</v>
      </c>
      <c r="H6480" s="8">
        <v>1730179</v>
      </c>
      <c r="I6480" s="8">
        <v>0</v>
      </c>
      <c r="J6480" s="8">
        <v>1730179</v>
      </c>
      <c r="K6480" s="9">
        <v>142</v>
      </c>
      <c r="L6480" s="6" t="s">
        <v>51</v>
      </c>
    </row>
    <row r="6481" spans="1:12">
      <c r="A6481" s="6" t="s">
        <v>49</v>
      </c>
      <c r="B6481" s="6"/>
      <c r="C6481" s="6" t="s">
        <v>6505</v>
      </c>
      <c r="D6481" s="6"/>
      <c r="E6481" s="6" t="s">
        <v>9</v>
      </c>
      <c r="F6481" s="7">
        <v>38657</v>
      </c>
      <c r="G6481" s="8">
        <v>1</v>
      </c>
      <c r="H6481" s="8">
        <v>1</v>
      </c>
      <c r="I6481" s="8">
        <v>0</v>
      </c>
      <c r="J6481" s="8">
        <v>1</v>
      </c>
      <c r="K6481" s="9">
        <v>40</v>
      </c>
      <c r="L6481" s="6" t="s">
        <v>51</v>
      </c>
    </row>
    <row r="6482" spans="1:12">
      <c r="A6482" s="6" t="s">
        <v>49</v>
      </c>
      <c r="B6482" s="6"/>
      <c r="C6482" s="6" t="s">
        <v>6506</v>
      </c>
      <c r="D6482" s="6"/>
      <c r="E6482" s="6" t="s">
        <v>9</v>
      </c>
      <c r="F6482" s="7">
        <v>38657</v>
      </c>
      <c r="G6482" s="8">
        <v>1</v>
      </c>
      <c r="H6482" s="8">
        <v>1</v>
      </c>
      <c r="I6482" s="8">
        <v>0</v>
      </c>
      <c r="J6482" s="8">
        <v>1</v>
      </c>
      <c r="K6482" s="9">
        <v>56</v>
      </c>
      <c r="L6482" s="6" t="s">
        <v>51</v>
      </c>
    </row>
    <row r="6483" spans="1:12">
      <c r="A6483" s="6" t="s">
        <v>49</v>
      </c>
      <c r="B6483" s="6"/>
      <c r="C6483" s="6" t="s">
        <v>6507</v>
      </c>
      <c r="D6483" s="6"/>
      <c r="E6483" s="6" t="s">
        <v>9</v>
      </c>
      <c r="F6483" s="7">
        <v>38657</v>
      </c>
      <c r="G6483" s="8">
        <v>1</v>
      </c>
      <c r="H6483" s="8">
        <v>1</v>
      </c>
      <c r="I6483" s="8">
        <v>0</v>
      </c>
      <c r="J6483" s="8">
        <v>1</v>
      </c>
      <c r="K6483" s="9">
        <v>36</v>
      </c>
      <c r="L6483" s="6" t="s">
        <v>51</v>
      </c>
    </row>
    <row r="6484" spans="1:12">
      <c r="A6484" s="6" t="s">
        <v>49</v>
      </c>
      <c r="B6484" s="6"/>
      <c r="C6484" s="6" t="s">
        <v>6508</v>
      </c>
      <c r="D6484" s="6"/>
      <c r="E6484" s="6" t="s">
        <v>9</v>
      </c>
      <c r="F6484" s="7">
        <v>38657</v>
      </c>
      <c r="G6484" s="8">
        <v>1</v>
      </c>
      <c r="H6484" s="8">
        <v>1</v>
      </c>
      <c r="I6484" s="8">
        <v>0</v>
      </c>
      <c r="J6484" s="8">
        <v>1</v>
      </c>
      <c r="K6484" s="9">
        <v>18</v>
      </c>
      <c r="L6484" s="6" t="s">
        <v>51</v>
      </c>
    </row>
    <row r="6485" spans="1:12">
      <c r="A6485" s="6" t="s">
        <v>49</v>
      </c>
      <c r="B6485" s="6"/>
      <c r="C6485" s="6" t="s">
        <v>6509</v>
      </c>
      <c r="D6485" s="6"/>
      <c r="E6485" s="6" t="s">
        <v>9</v>
      </c>
      <c r="F6485" s="7">
        <v>38657</v>
      </c>
      <c r="G6485" s="8">
        <v>1</v>
      </c>
      <c r="H6485" s="8">
        <v>1</v>
      </c>
      <c r="I6485" s="8">
        <v>0</v>
      </c>
      <c r="J6485" s="8">
        <v>1</v>
      </c>
      <c r="K6485" s="9">
        <v>189</v>
      </c>
      <c r="L6485" s="6" t="s">
        <v>51</v>
      </c>
    </row>
    <row r="6486" spans="1:12">
      <c r="A6486" s="6" t="s">
        <v>49</v>
      </c>
      <c r="B6486" s="6"/>
      <c r="C6486" s="6" t="s">
        <v>6510</v>
      </c>
      <c r="D6486" s="6"/>
      <c r="E6486" s="6" t="s">
        <v>9</v>
      </c>
      <c r="F6486" s="7">
        <v>38657</v>
      </c>
      <c r="G6486" s="8">
        <v>1</v>
      </c>
      <c r="H6486" s="8">
        <v>1</v>
      </c>
      <c r="I6486" s="8">
        <v>0</v>
      </c>
      <c r="J6486" s="8">
        <v>1</v>
      </c>
      <c r="K6486" s="9">
        <v>102</v>
      </c>
      <c r="L6486" s="6" t="s">
        <v>51</v>
      </c>
    </row>
    <row r="6487" spans="1:12">
      <c r="A6487" s="6" t="s">
        <v>49</v>
      </c>
      <c r="B6487" s="6"/>
      <c r="C6487" s="6" t="s">
        <v>6511</v>
      </c>
      <c r="D6487" s="6"/>
      <c r="E6487" s="6" t="s">
        <v>9</v>
      </c>
      <c r="F6487" s="7">
        <v>38657</v>
      </c>
      <c r="G6487" s="8">
        <v>1</v>
      </c>
      <c r="H6487" s="8">
        <v>1</v>
      </c>
      <c r="I6487" s="8">
        <v>0</v>
      </c>
      <c r="J6487" s="8">
        <v>1</v>
      </c>
      <c r="K6487" s="9">
        <v>296</v>
      </c>
      <c r="L6487" s="6" t="s">
        <v>51</v>
      </c>
    </row>
    <row r="6488" spans="1:12">
      <c r="A6488" s="6" t="s">
        <v>49</v>
      </c>
      <c r="B6488" s="6"/>
      <c r="C6488" s="6" t="s">
        <v>6512</v>
      </c>
      <c r="D6488" s="6"/>
      <c r="E6488" s="6" t="s">
        <v>9</v>
      </c>
      <c r="F6488" s="7">
        <v>38657</v>
      </c>
      <c r="G6488" s="8">
        <v>1</v>
      </c>
      <c r="H6488" s="8">
        <v>1</v>
      </c>
      <c r="I6488" s="8">
        <v>0</v>
      </c>
      <c r="J6488" s="8">
        <v>1</v>
      </c>
      <c r="K6488" s="9">
        <v>423</v>
      </c>
      <c r="L6488" s="6" t="s">
        <v>51</v>
      </c>
    </row>
    <row r="6489" spans="1:12">
      <c r="A6489" s="6" t="s">
        <v>49</v>
      </c>
      <c r="B6489" s="6"/>
      <c r="C6489" s="6" t="s">
        <v>6513</v>
      </c>
      <c r="D6489" s="6"/>
      <c r="E6489" s="6" t="s">
        <v>9</v>
      </c>
      <c r="F6489" s="7">
        <v>38657</v>
      </c>
      <c r="G6489" s="8">
        <v>1</v>
      </c>
      <c r="H6489" s="8">
        <v>1</v>
      </c>
      <c r="I6489" s="8">
        <v>0</v>
      </c>
      <c r="J6489" s="8">
        <v>1</v>
      </c>
      <c r="K6489" s="9">
        <v>486</v>
      </c>
      <c r="L6489" s="6" t="s">
        <v>51</v>
      </c>
    </row>
    <row r="6490" spans="1:12">
      <c r="A6490" s="6" t="s">
        <v>49</v>
      </c>
      <c r="B6490" s="6"/>
      <c r="C6490" s="6" t="s">
        <v>6514</v>
      </c>
      <c r="D6490" s="6"/>
      <c r="E6490" s="6" t="s">
        <v>9</v>
      </c>
      <c r="F6490" s="7">
        <v>38657</v>
      </c>
      <c r="G6490" s="8">
        <v>1</v>
      </c>
      <c r="H6490" s="8">
        <v>1</v>
      </c>
      <c r="I6490" s="8">
        <v>0</v>
      </c>
      <c r="J6490" s="8">
        <v>1</v>
      </c>
      <c r="K6490" s="9">
        <v>49</v>
      </c>
      <c r="L6490" s="6" t="s">
        <v>51</v>
      </c>
    </row>
    <row r="6491" spans="1:12">
      <c r="A6491" s="6" t="s">
        <v>49</v>
      </c>
      <c r="B6491" s="6"/>
      <c r="C6491" s="6" t="s">
        <v>6515</v>
      </c>
      <c r="D6491" s="6"/>
      <c r="E6491" s="6" t="s">
        <v>9</v>
      </c>
      <c r="F6491" s="7">
        <v>38657</v>
      </c>
      <c r="G6491" s="8">
        <v>1</v>
      </c>
      <c r="H6491" s="8">
        <v>1</v>
      </c>
      <c r="I6491" s="8">
        <v>0</v>
      </c>
      <c r="J6491" s="8">
        <v>1</v>
      </c>
      <c r="K6491" s="9">
        <v>16</v>
      </c>
      <c r="L6491" s="6" t="s">
        <v>51</v>
      </c>
    </row>
    <row r="6492" spans="1:12">
      <c r="A6492" s="6" t="s">
        <v>49</v>
      </c>
      <c r="B6492" s="6"/>
      <c r="C6492" s="6" t="s">
        <v>6516</v>
      </c>
      <c r="D6492" s="6"/>
      <c r="E6492" s="6" t="s">
        <v>9</v>
      </c>
      <c r="F6492" s="7">
        <v>38657</v>
      </c>
      <c r="G6492" s="8">
        <v>1</v>
      </c>
      <c r="H6492" s="8">
        <v>1</v>
      </c>
      <c r="I6492" s="8">
        <v>0</v>
      </c>
      <c r="J6492" s="8">
        <v>1</v>
      </c>
      <c r="K6492" s="9">
        <v>26</v>
      </c>
      <c r="L6492" s="6" t="s">
        <v>51</v>
      </c>
    </row>
    <row r="6493" spans="1:12">
      <c r="A6493" s="6" t="s">
        <v>49</v>
      </c>
      <c r="B6493" s="6"/>
      <c r="C6493" s="6" t="s">
        <v>6517</v>
      </c>
      <c r="D6493" s="6"/>
      <c r="E6493" s="6" t="s">
        <v>9</v>
      </c>
      <c r="F6493" s="7">
        <v>38657</v>
      </c>
      <c r="G6493" s="8">
        <v>1</v>
      </c>
      <c r="H6493" s="8">
        <v>1</v>
      </c>
      <c r="I6493" s="8">
        <v>0</v>
      </c>
      <c r="J6493" s="8">
        <v>1</v>
      </c>
      <c r="K6493" s="9">
        <v>132.52000000000001</v>
      </c>
      <c r="L6493" s="6" t="s">
        <v>51</v>
      </c>
    </row>
    <row r="6494" spans="1:12">
      <c r="A6494" s="6" t="s">
        <v>49</v>
      </c>
      <c r="B6494" s="6"/>
      <c r="C6494" s="6" t="s">
        <v>6518</v>
      </c>
      <c r="D6494" s="6"/>
      <c r="E6494" s="6" t="s">
        <v>9</v>
      </c>
      <c r="F6494" s="7">
        <v>38657</v>
      </c>
      <c r="G6494" s="8">
        <v>1</v>
      </c>
      <c r="H6494" s="8">
        <v>1</v>
      </c>
      <c r="I6494" s="8">
        <v>0</v>
      </c>
      <c r="J6494" s="8">
        <v>1</v>
      </c>
      <c r="K6494" s="9">
        <v>12</v>
      </c>
      <c r="L6494" s="6" t="s">
        <v>51</v>
      </c>
    </row>
    <row r="6495" spans="1:12">
      <c r="A6495" s="6" t="s">
        <v>49</v>
      </c>
      <c r="B6495" s="6"/>
      <c r="C6495" s="6" t="s">
        <v>6519</v>
      </c>
      <c r="D6495" s="6"/>
      <c r="E6495" s="6" t="s">
        <v>9</v>
      </c>
      <c r="F6495" s="7">
        <v>38657</v>
      </c>
      <c r="G6495" s="8">
        <v>1</v>
      </c>
      <c r="H6495" s="8">
        <v>1</v>
      </c>
      <c r="I6495" s="8">
        <v>0</v>
      </c>
      <c r="J6495" s="8">
        <v>1</v>
      </c>
      <c r="K6495" s="9">
        <v>13</v>
      </c>
      <c r="L6495" s="6" t="s">
        <v>51</v>
      </c>
    </row>
    <row r="6496" spans="1:12">
      <c r="A6496" s="6" t="s">
        <v>49</v>
      </c>
      <c r="B6496" s="6"/>
      <c r="C6496" s="6" t="s">
        <v>6520</v>
      </c>
      <c r="D6496" s="6"/>
      <c r="E6496" s="6" t="s">
        <v>9</v>
      </c>
      <c r="F6496" s="7">
        <v>38657</v>
      </c>
      <c r="G6496" s="8">
        <v>1</v>
      </c>
      <c r="H6496" s="8">
        <v>1</v>
      </c>
      <c r="I6496" s="8">
        <v>0</v>
      </c>
      <c r="J6496" s="8">
        <v>1</v>
      </c>
      <c r="K6496" s="9">
        <v>6.61</v>
      </c>
      <c r="L6496" s="6" t="s">
        <v>51</v>
      </c>
    </row>
    <row r="6497" spans="1:12">
      <c r="A6497" s="6" t="s">
        <v>49</v>
      </c>
      <c r="B6497" s="6"/>
      <c r="C6497" s="6" t="s">
        <v>6521</v>
      </c>
      <c r="D6497" s="6"/>
      <c r="E6497" s="6" t="s">
        <v>9</v>
      </c>
      <c r="F6497" s="7">
        <v>38657</v>
      </c>
      <c r="G6497" s="8">
        <v>1</v>
      </c>
      <c r="H6497" s="8">
        <v>1</v>
      </c>
      <c r="I6497" s="8">
        <v>0</v>
      </c>
      <c r="J6497" s="8">
        <v>1</v>
      </c>
      <c r="K6497" s="9">
        <v>1296</v>
      </c>
      <c r="L6497" s="6" t="s">
        <v>51</v>
      </c>
    </row>
    <row r="6498" spans="1:12">
      <c r="A6498" s="6" t="s">
        <v>49</v>
      </c>
      <c r="B6498" s="6"/>
      <c r="C6498" s="6" t="s">
        <v>6522</v>
      </c>
      <c r="D6498" s="6"/>
      <c r="E6498" s="6" t="s">
        <v>9</v>
      </c>
      <c r="F6498" s="7">
        <v>38657</v>
      </c>
      <c r="G6498" s="8">
        <v>1</v>
      </c>
      <c r="H6498" s="8">
        <v>1</v>
      </c>
      <c r="I6498" s="8">
        <v>0</v>
      </c>
      <c r="J6498" s="8">
        <v>1</v>
      </c>
      <c r="K6498" s="9">
        <v>49</v>
      </c>
      <c r="L6498" s="6" t="s">
        <v>51</v>
      </c>
    </row>
    <row r="6499" spans="1:12">
      <c r="A6499" s="6" t="s">
        <v>49</v>
      </c>
      <c r="B6499" s="6"/>
      <c r="C6499" s="6" t="s">
        <v>6523</v>
      </c>
      <c r="D6499" s="6"/>
      <c r="E6499" s="6" t="s">
        <v>9</v>
      </c>
      <c r="F6499" s="7">
        <v>38657</v>
      </c>
      <c r="G6499" s="8">
        <v>1</v>
      </c>
      <c r="H6499" s="8">
        <v>1</v>
      </c>
      <c r="I6499" s="8">
        <v>0</v>
      </c>
      <c r="J6499" s="8">
        <v>1</v>
      </c>
      <c r="K6499" s="9">
        <v>9.91</v>
      </c>
      <c r="L6499" s="6" t="s">
        <v>51</v>
      </c>
    </row>
    <row r="6500" spans="1:12">
      <c r="A6500" s="6" t="s">
        <v>49</v>
      </c>
      <c r="B6500" s="6"/>
      <c r="C6500" s="6" t="s">
        <v>6524</v>
      </c>
      <c r="D6500" s="6"/>
      <c r="E6500" s="6" t="s">
        <v>9</v>
      </c>
      <c r="F6500" s="7">
        <v>38657</v>
      </c>
      <c r="G6500" s="8">
        <v>1</v>
      </c>
      <c r="H6500" s="8">
        <v>1</v>
      </c>
      <c r="I6500" s="8">
        <v>0</v>
      </c>
      <c r="J6500" s="8">
        <v>1</v>
      </c>
      <c r="K6500" s="9">
        <v>37</v>
      </c>
      <c r="L6500" s="6" t="s">
        <v>51</v>
      </c>
    </row>
    <row r="6501" spans="1:12">
      <c r="A6501" s="6" t="s">
        <v>49</v>
      </c>
      <c r="B6501" s="6"/>
      <c r="C6501" s="6" t="s">
        <v>6525</v>
      </c>
      <c r="D6501" s="6"/>
      <c r="E6501" s="6" t="s">
        <v>9</v>
      </c>
      <c r="F6501" s="7">
        <v>38657</v>
      </c>
      <c r="G6501" s="8">
        <v>1</v>
      </c>
      <c r="H6501" s="8">
        <v>1</v>
      </c>
      <c r="I6501" s="8">
        <v>0</v>
      </c>
      <c r="J6501" s="8">
        <v>1</v>
      </c>
      <c r="K6501" s="9">
        <v>31</v>
      </c>
      <c r="L6501" s="6" t="s">
        <v>51</v>
      </c>
    </row>
    <row r="6502" spans="1:12">
      <c r="A6502" s="6" t="s">
        <v>49</v>
      </c>
      <c r="B6502" s="6"/>
      <c r="C6502" s="6" t="s">
        <v>6526</v>
      </c>
      <c r="D6502" s="6"/>
      <c r="E6502" s="6" t="s">
        <v>9</v>
      </c>
      <c r="F6502" s="7">
        <v>38657</v>
      </c>
      <c r="G6502" s="8">
        <v>1</v>
      </c>
      <c r="H6502" s="8">
        <v>1</v>
      </c>
      <c r="I6502" s="8">
        <v>0</v>
      </c>
      <c r="J6502" s="8">
        <v>1</v>
      </c>
      <c r="K6502" s="9">
        <v>27</v>
      </c>
      <c r="L6502" s="6" t="s">
        <v>51</v>
      </c>
    </row>
    <row r="6503" spans="1:12">
      <c r="A6503" s="6" t="s">
        <v>49</v>
      </c>
      <c r="B6503" s="6"/>
      <c r="C6503" s="6" t="s">
        <v>6527</v>
      </c>
      <c r="D6503" s="6"/>
      <c r="E6503" s="6" t="s">
        <v>9</v>
      </c>
      <c r="F6503" s="7">
        <v>38657</v>
      </c>
      <c r="G6503" s="8">
        <v>1</v>
      </c>
      <c r="H6503" s="8">
        <v>1</v>
      </c>
      <c r="I6503" s="8">
        <v>0</v>
      </c>
      <c r="J6503" s="8">
        <v>1</v>
      </c>
      <c r="K6503" s="9">
        <v>9.9</v>
      </c>
      <c r="L6503" s="6" t="s">
        <v>51</v>
      </c>
    </row>
    <row r="6504" spans="1:12">
      <c r="A6504" s="6" t="s">
        <v>49</v>
      </c>
      <c r="B6504" s="6"/>
      <c r="C6504" s="6" t="s">
        <v>6528</v>
      </c>
      <c r="D6504" s="6"/>
      <c r="E6504" s="6" t="s">
        <v>9</v>
      </c>
      <c r="F6504" s="7">
        <v>38657</v>
      </c>
      <c r="G6504" s="8">
        <v>1</v>
      </c>
      <c r="H6504" s="8">
        <v>1</v>
      </c>
      <c r="I6504" s="8">
        <v>0</v>
      </c>
      <c r="J6504" s="8">
        <v>1</v>
      </c>
      <c r="K6504" s="9">
        <v>12</v>
      </c>
      <c r="L6504" s="6" t="s">
        <v>51</v>
      </c>
    </row>
    <row r="6505" spans="1:12">
      <c r="A6505" s="6" t="s">
        <v>49</v>
      </c>
      <c r="B6505" s="6"/>
      <c r="C6505" s="6" t="s">
        <v>6529</v>
      </c>
      <c r="D6505" s="6"/>
      <c r="E6505" s="6" t="s">
        <v>9</v>
      </c>
      <c r="F6505" s="7">
        <v>38657</v>
      </c>
      <c r="G6505" s="8">
        <v>1</v>
      </c>
      <c r="H6505" s="8">
        <v>1</v>
      </c>
      <c r="I6505" s="8">
        <v>0</v>
      </c>
      <c r="J6505" s="8">
        <v>1</v>
      </c>
      <c r="K6505" s="9">
        <v>12</v>
      </c>
      <c r="L6505" s="6" t="s">
        <v>51</v>
      </c>
    </row>
    <row r="6506" spans="1:12">
      <c r="A6506" s="6" t="s">
        <v>49</v>
      </c>
      <c r="B6506" s="6"/>
      <c r="C6506" s="6" t="s">
        <v>6530</v>
      </c>
      <c r="D6506" s="6"/>
      <c r="E6506" s="6" t="s">
        <v>9</v>
      </c>
      <c r="F6506" s="7">
        <v>38657</v>
      </c>
      <c r="G6506" s="8">
        <v>1</v>
      </c>
      <c r="H6506" s="8">
        <v>1</v>
      </c>
      <c r="I6506" s="8">
        <v>0</v>
      </c>
      <c r="J6506" s="8">
        <v>1</v>
      </c>
      <c r="K6506" s="9">
        <v>9.24</v>
      </c>
      <c r="L6506" s="6" t="s">
        <v>51</v>
      </c>
    </row>
    <row r="6507" spans="1:12">
      <c r="A6507" s="6" t="s">
        <v>49</v>
      </c>
      <c r="B6507" s="6"/>
      <c r="C6507" s="6" t="s">
        <v>6531</v>
      </c>
      <c r="D6507" s="6"/>
      <c r="E6507" s="6" t="s">
        <v>9</v>
      </c>
      <c r="F6507" s="7">
        <v>38657</v>
      </c>
      <c r="G6507" s="8">
        <v>1</v>
      </c>
      <c r="H6507" s="8">
        <v>1</v>
      </c>
      <c r="I6507" s="8">
        <v>0</v>
      </c>
      <c r="J6507" s="8">
        <v>1</v>
      </c>
      <c r="K6507" s="9">
        <v>2.2400000000000002</v>
      </c>
      <c r="L6507" s="6" t="s">
        <v>51</v>
      </c>
    </row>
    <row r="6508" spans="1:12">
      <c r="A6508" s="6" t="s">
        <v>49</v>
      </c>
      <c r="B6508" s="6"/>
      <c r="C6508" s="6" t="s">
        <v>6532</v>
      </c>
      <c r="D6508" s="6"/>
      <c r="E6508" s="6" t="s">
        <v>9</v>
      </c>
      <c r="F6508" s="7">
        <v>38657</v>
      </c>
      <c r="G6508" s="8">
        <v>1</v>
      </c>
      <c r="H6508" s="8">
        <v>1</v>
      </c>
      <c r="I6508" s="8">
        <v>0</v>
      </c>
      <c r="J6508" s="8">
        <v>1</v>
      </c>
      <c r="K6508" s="9">
        <v>12</v>
      </c>
      <c r="L6508" s="6" t="s">
        <v>51</v>
      </c>
    </row>
    <row r="6509" spans="1:12">
      <c r="A6509" s="6" t="s">
        <v>49</v>
      </c>
      <c r="B6509" s="6"/>
      <c r="C6509" s="6" t="s">
        <v>6533</v>
      </c>
      <c r="D6509" s="6"/>
      <c r="E6509" s="6" t="s">
        <v>9</v>
      </c>
      <c r="F6509" s="7">
        <v>38657</v>
      </c>
      <c r="G6509" s="8">
        <v>1</v>
      </c>
      <c r="H6509" s="8">
        <v>1</v>
      </c>
      <c r="I6509" s="8">
        <v>0</v>
      </c>
      <c r="J6509" s="8">
        <v>1</v>
      </c>
      <c r="K6509" s="9">
        <v>19</v>
      </c>
      <c r="L6509" s="6" t="s">
        <v>51</v>
      </c>
    </row>
    <row r="6510" spans="1:12">
      <c r="A6510" s="6" t="s">
        <v>49</v>
      </c>
      <c r="B6510" s="6"/>
      <c r="C6510" s="6" t="s">
        <v>6534</v>
      </c>
      <c r="D6510" s="6"/>
      <c r="E6510" s="6" t="s">
        <v>9</v>
      </c>
      <c r="F6510" s="7">
        <v>38657</v>
      </c>
      <c r="G6510" s="8">
        <v>1</v>
      </c>
      <c r="H6510" s="8">
        <v>1</v>
      </c>
      <c r="I6510" s="8">
        <v>0</v>
      </c>
      <c r="J6510" s="8">
        <v>1</v>
      </c>
      <c r="K6510" s="9">
        <v>9.3000000000000007</v>
      </c>
      <c r="L6510" s="6" t="s">
        <v>51</v>
      </c>
    </row>
    <row r="6511" spans="1:12">
      <c r="A6511" s="6" t="s">
        <v>49</v>
      </c>
      <c r="B6511" s="6"/>
      <c r="C6511" s="6" t="s">
        <v>6535</v>
      </c>
      <c r="D6511" s="6"/>
      <c r="E6511" s="6" t="s">
        <v>9</v>
      </c>
      <c r="F6511" s="7">
        <v>38657</v>
      </c>
      <c r="G6511" s="8">
        <v>1</v>
      </c>
      <c r="H6511" s="8">
        <v>1</v>
      </c>
      <c r="I6511" s="8">
        <v>0</v>
      </c>
      <c r="J6511" s="8">
        <v>1</v>
      </c>
      <c r="K6511" s="9">
        <v>14</v>
      </c>
      <c r="L6511" s="6" t="s">
        <v>51</v>
      </c>
    </row>
    <row r="6512" spans="1:12">
      <c r="A6512" s="6" t="s">
        <v>49</v>
      </c>
      <c r="B6512" s="6"/>
      <c r="C6512" s="6" t="s">
        <v>6536</v>
      </c>
      <c r="D6512" s="6"/>
      <c r="E6512" s="6" t="s">
        <v>9</v>
      </c>
      <c r="F6512" s="7">
        <v>38657</v>
      </c>
      <c r="G6512" s="8">
        <v>1</v>
      </c>
      <c r="H6512" s="8">
        <v>1</v>
      </c>
      <c r="I6512" s="8">
        <v>0</v>
      </c>
      <c r="J6512" s="8">
        <v>1</v>
      </c>
      <c r="K6512" s="9">
        <v>14</v>
      </c>
      <c r="L6512" s="6" t="s">
        <v>51</v>
      </c>
    </row>
    <row r="6513" spans="1:12">
      <c r="A6513" s="6" t="s">
        <v>49</v>
      </c>
      <c r="B6513" s="6"/>
      <c r="C6513" s="6" t="s">
        <v>6537</v>
      </c>
      <c r="D6513" s="6"/>
      <c r="E6513" s="6" t="s">
        <v>9</v>
      </c>
      <c r="F6513" s="7">
        <v>38657</v>
      </c>
      <c r="G6513" s="8">
        <v>1</v>
      </c>
      <c r="H6513" s="8">
        <v>1</v>
      </c>
      <c r="I6513" s="8">
        <v>0</v>
      </c>
      <c r="J6513" s="8">
        <v>1</v>
      </c>
      <c r="K6513" s="9">
        <v>13</v>
      </c>
      <c r="L6513" s="6" t="s">
        <v>51</v>
      </c>
    </row>
    <row r="6514" spans="1:12">
      <c r="A6514" s="6" t="s">
        <v>49</v>
      </c>
      <c r="B6514" s="6"/>
      <c r="C6514" s="6" t="s">
        <v>6538</v>
      </c>
      <c r="D6514" s="6"/>
      <c r="E6514" s="6" t="s">
        <v>9</v>
      </c>
      <c r="F6514" s="7">
        <v>38657</v>
      </c>
      <c r="G6514" s="8">
        <v>1</v>
      </c>
      <c r="H6514" s="8">
        <v>1</v>
      </c>
      <c r="I6514" s="8">
        <v>0</v>
      </c>
      <c r="J6514" s="8">
        <v>1</v>
      </c>
      <c r="K6514" s="9">
        <v>16</v>
      </c>
      <c r="L6514" s="6" t="s">
        <v>51</v>
      </c>
    </row>
    <row r="6515" spans="1:12">
      <c r="A6515" s="6" t="s">
        <v>49</v>
      </c>
      <c r="B6515" s="6"/>
      <c r="C6515" s="6" t="s">
        <v>6539</v>
      </c>
      <c r="D6515" s="6"/>
      <c r="E6515" s="6" t="s">
        <v>9</v>
      </c>
      <c r="F6515" s="7">
        <v>38657</v>
      </c>
      <c r="G6515" s="8">
        <v>1</v>
      </c>
      <c r="H6515" s="8">
        <v>1</v>
      </c>
      <c r="I6515" s="8">
        <v>0</v>
      </c>
      <c r="J6515" s="8">
        <v>1</v>
      </c>
      <c r="K6515" s="9">
        <v>7.35</v>
      </c>
      <c r="L6515" s="6" t="s">
        <v>51</v>
      </c>
    </row>
    <row r="6516" spans="1:12">
      <c r="A6516" s="6" t="s">
        <v>49</v>
      </c>
      <c r="B6516" s="6"/>
      <c r="C6516" s="6" t="s">
        <v>6540</v>
      </c>
      <c r="D6516" s="6"/>
      <c r="E6516" s="6" t="s">
        <v>9</v>
      </c>
      <c r="F6516" s="7">
        <v>38657</v>
      </c>
      <c r="G6516" s="8">
        <v>1</v>
      </c>
      <c r="H6516" s="8">
        <v>1</v>
      </c>
      <c r="I6516" s="8">
        <v>0</v>
      </c>
      <c r="J6516" s="8">
        <v>1</v>
      </c>
      <c r="K6516" s="9">
        <v>6.75</v>
      </c>
      <c r="L6516" s="6" t="s">
        <v>51</v>
      </c>
    </row>
    <row r="6517" spans="1:12">
      <c r="A6517" s="6" t="s">
        <v>49</v>
      </c>
      <c r="B6517" s="6"/>
      <c r="C6517" s="6" t="s">
        <v>6541</v>
      </c>
      <c r="D6517" s="6"/>
      <c r="E6517" s="6" t="s">
        <v>9</v>
      </c>
      <c r="F6517" s="7">
        <v>38657</v>
      </c>
      <c r="G6517" s="8">
        <v>1</v>
      </c>
      <c r="H6517" s="8">
        <v>1</v>
      </c>
      <c r="I6517" s="8">
        <v>0</v>
      </c>
      <c r="J6517" s="8">
        <v>1</v>
      </c>
      <c r="K6517" s="9">
        <v>5.85</v>
      </c>
      <c r="L6517" s="6" t="s">
        <v>51</v>
      </c>
    </row>
    <row r="6518" spans="1:12">
      <c r="A6518" s="6" t="s">
        <v>49</v>
      </c>
      <c r="B6518" s="6"/>
      <c r="C6518" s="6" t="s">
        <v>6542</v>
      </c>
      <c r="D6518" s="6"/>
      <c r="E6518" s="6" t="s">
        <v>9</v>
      </c>
      <c r="F6518" s="7">
        <v>38657</v>
      </c>
      <c r="G6518" s="8">
        <v>1</v>
      </c>
      <c r="H6518" s="8">
        <v>1</v>
      </c>
      <c r="I6518" s="8">
        <v>0</v>
      </c>
      <c r="J6518" s="8">
        <v>1</v>
      </c>
      <c r="K6518" s="9">
        <v>2.88</v>
      </c>
      <c r="L6518" s="6" t="s">
        <v>51</v>
      </c>
    </row>
    <row r="6519" spans="1:12">
      <c r="A6519" s="6" t="s">
        <v>49</v>
      </c>
      <c r="B6519" s="6"/>
      <c r="C6519" s="6" t="s">
        <v>6543</v>
      </c>
      <c r="D6519" s="6"/>
      <c r="E6519" s="6" t="s">
        <v>9</v>
      </c>
      <c r="F6519" s="7">
        <v>38657</v>
      </c>
      <c r="G6519" s="8">
        <v>1</v>
      </c>
      <c r="H6519" s="8">
        <v>1</v>
      </c>
      <c r="I6519" s="8">
        <v>0</v>
      </c>
      <c r="J6519" s="8">
        <v>1</v>
      </c>
      <c r="K6519" s="9">
        <v>1.8</v>
      </c>
      <c r="L6519" s="6" t="s">
        <v>51</v>
      </c>
    </row>
    <row r="6520" spans="1:12">
      <c r="A6520" s="6" t="s">
        <v>49</v>
      </c>
      <c r="B6520" s="6"/>
      <c r="C6520" s="6" t="s">
        <v>6544</v>
      </c>
      <c r="D6520" s="6"/>
      <c r="E6520" s="6" t="s">
        <v>9</v>
      </c>
      <c r="F6520" s="7">
        <v>38657</v>
      </c>
      <c r="G6520" s="8">
        <v>1</v>
      </c>
      <c r="H6520" s="8">
        <v>1</v>
      </c>
      <c r="I6520" s="8">
        <v>0</v>
      </c>
      <c r="J6520" s="8">
        <v>1</v>
      </c>
      <c r="K6520" s="9">
        <v>13</v>
      </c>
      <c r="L6520" s="6" t="s">
        <v>51</v>
      </c>
    </row>
    <row r="6521" spans="1:12">
      <c r="A6521" s="6" t="s">
        <v>49</v>
      </c>
      <c r="B6521" s="6"/>
      <c r="C6521" s="6" t="s">
        <v>6545</v>
      </c>
      <c r="D6521" s="6"/>
      <c r="E6521" s="6" t="s">
        <v>9</v>
      </c>
      <c r="F6521" s="7">
        <v>38657</v>
      </c>
      <c r="G6521" s="8">
        <v>1</v>
      </c>
      <c r="H6521" s="8">
        <v>1</v>
      </c>
      <c r="I6521" s="8">
        <v>0</v>
      </c>
      <c r="J6521" s="8">
        <v>1</v>
      </c>
      <c r="K6521" s="9">
        <v>2.2200000000000002</v>
      </c>
      <c r="L6521" s="6" t="s">
        <v>51</v>
      </c>
    </row>
    <row r="6522" spans="1:12">
      <c r="A6522" s="6" t="s">
        <v>49</v>
      </c>
      <c r="B6522" s="6"/>
      <c r="C6522" s="6" t="s">
        <v>6546</v>
      </c>
      <c r="D6522" s="6"/>
      <c r="E6522" s="6" t="s">
        <v>9</v>
      </c>
      <c r="F6522" s="7">
        <v>38657</v>
      </c>
      <c r="G6522" s="8">
        <v>1</v>
      </c>
      <c r="H6522" s="8">
        <v>1</v>
      </c>
      <c r="I6522" s="8">
        <v>0</v>
      </c>
      <c r="J6522" s="8">
        <v>1</v>
      </c>
      <c r="K6522" s="9">
        <v>29</v>
      </c>
      <c r="L6522" s="6" t="s">
        <v>51</v>
      </c>
    </row>
    <row r="6523" spans="1:12">
      <c r="A6523" s="6" t="s">
        <v>49</v>
      </c>
      <c r="B6523" s="6"/>
      <c r="C6523" s="6" t="s">
        <v>6547</v>
      </c>
      <c r="D6523" s="6"/>
      <c r="E6523" s="6" t="s">
        <v>9</v>
      </c>
      <c r="F6523" s="7">
        <v>38657</v>
      </c>
      <c r="G6523" s="8">
        <v>1</v>
      </c>
      <c r="H6523" s="8">
        <v>1</v>
      </c>
      <c r="I6523" s="8">
        <v>0</v>
      </c>
      <c r="J6523" s="8">
        <v>1</v>
      </c>
      <c r="K6523" s="9">
        <v>23</v>
      </c>
      <c r="L6523" s="6" t="s">
        <v>51</v>
      </c>
    </row>
    <row r="6524" spans="1:12">
      <c r="A6524" s="6" t="s">
        <v>49</v>
      </c>
      <c r="B6524" s="6"/>
      <c r="C6524" s="6" t="s">
        <v>6548</v>
      </c>
      <c r="D6524" s="6"/>
      <c r="E6524" s="6" t="s">
        <v>9</v>
      </c>
      <c r="F6524" s="7">
        <v>38657</v>
      </c>
      <c r="G6524" s="8">
        <v>1</v>
      </c>
      <c r="H6524" s="8">
        <v>1</v>
      </c>
      <c r="I6524" s="8">
        <v>0</v>
      </c>
      <c r="J6524" s="8">
        <v>1</v>
      </c>
      <c r="K6524" s="9">
        <v>10</v>
      </c>
      <c r="L6524" s="6" t="s">
        <v>51</v>
      </c>
    </row>
    <row r="6525" spans="1:12">
      <c r="A6525" s="6" t="s">
        <v>49</v>
      </c>
      <c r="B6525" s="6"/>
      <c r="C6525" s="6" t="s">
        <v>6549</v>
      </c>
      <c r="D6525" s="6"/>
      <c r="E6525" s="6" t="s">
        <v>9</v>
      </c>
      <c r="F6525" s="7">
        <v>38657</v>
      </c>
      <c r="G6525" s="8">
        <v>1</v>
      </c>
      <c r="H6525" s="8">
        <v>1</v>
      </c>
      <c r="I6525" s="8">
        <v>0</v>
      </c>
      <c r="J6525" s="8">
        <v>1</v>
      </c>
      <c r="K6525" s="9">
        <v>8.67</v>
      </c>
      <c r="L6525" s="6" t="s">
        <v>51</v>
      </c>
    </row>
    <row r="6526" spans="1:12">
      <c r="A6526" s="6" t="s">
        <v>49</v>
      </c>
      <c r="B6526" s="6"/>
      <c r="C6526" s="6" t="s">
        <v>6550</v>
      </c>
      <c r="D6526" s="6"/>
      <c r="E6526" s="6" t="s">
        <v>9</v>
      </c>
      <c r="F6526" s="7">
        <v>38657</v>
      </c>
      <c r="G6526" s="8">
        <v>1</v>
      </c>
      <c r="H6526" s="8">
        <v>1</v>
      </c>
      <c r="I6526" s="8">
        <v>0</v>
      </c>
      <c r="J6526" s="8">
        <v>1</v>
      </c>
      <c r="K6526" s="9">
        <v>20</v>
      </c>
      <c r="L6526" s="6" t="s">
        <v>51</v>
      </c>
    </row>
    <row r="6527" spans="1:12">
      <c r="A6527" s="6" t="s">
        <v>49</v>
      </c>
      <c r="B6527" s="6"/>
      <c r="C6527" s="6" t="s">
        <v>6551</v>
      </c>
      <c r="D6527" s="6"/>
      <c r="E6527" s="6" t="s">
        <v>9</v>
      </c>
      <c r="F6527" s="7">
        <v>38657</v>
      </c>
      <c r="G6527" s="8">
        <v>1</v>
      </c>
      <c r="H6527" s="8">
        <v>1</v>
      </c>
      <c r="I6527" s="8">
        <v>0</v>
      </c>
      <c r="J6527" s="8">
        <v>1</v>
      </c>
      <c r="K6527" s="9">
        <v>19</v>
      </c>
      <c r="L6527" s="6" t="s">
        <v>51</v>
      </c>
    </row>
    <row r="6528" spans="1:12">
      <c r="A6528" s="6" t="s">
        <v>49</v>
      </c>
      <c r="B6528" s="6"/>
      <c r="C6528" s="6" t="s">
        <v>6552</v>
      </c>
      <c r="D6528" s="6"/>
      <c r="E6528" s="6" t="s">
        <v>9</v>
      </c>
      <c r="F6528" s="7">
        <v>38657</v>
      </c>
      <c r="G6528" s="8">
        <v>1</v>
      </c>
      <c r="H6528" s="8">
        <v>1</v>
      </c>
      <c r="I6528" s="8">
        <v>0</v>
      </c>
      <c r="J6528" s="8">
        <v>1</v>
      </c>
      <c r="K6528" s="9">
        <v>13</v>
      </c>
      <c r="L6528" s="6" t="s">
        <v>51</v>
      </c>
    </row>
    <row r="6529" spans="1:12">
      <c r="A6529" s="6" t="s">
        <v>49</v>
      </c>
      <c r="B6529" s="6"/>
      <c r="C6529" s="6" t="s">
        <v>6553</v>
      </c>
      <c r="D6529" s="6"/>
      <c r="E6529" s="6" t="s">
        <v>9</v>
      </c>
      <c r="F6529" s="7">
        <v>38657</v>
      </c>
      <c r="G6529" s="8">
        <v>1</v>
      </c>
      <c r="H6529" s="8">
        <v>1</v>
      </c>
      <c r="I6529" s="8">
        <v>0</v>
      </c>
      <c r="J6529" s="8">
        <v>1</v>
      </c>
      <c r="K6529" s="9">
        <v>20</v>
      </c>
      <c r="L6529" s="6" t="s">
        <v>51</v>
      </c>
    </row>
    <row r="6530" spans="1:12">
      <c r="A6530" s="6" t="s">
        <v>49</v>
      </c>
      <c r="B6530" s="6"/>
      <c r="C6530" s="6" t="s">
        <v>6554</v>
      </c>
      <c r="D6530" s="6"/>
      <c r="E6530" s="6" t="s">
        <v>9</v>
      </c>
      <c r="F6530" s="7">
        <v>38657</v>
      </c>
      <c r="G6530" s="8">
        <v>1</v>
      </c>
      <c r="H6530" s="8">
        <v>1</v>
      </c>
      <c r="I6530" s="8">
        <v>0</v>
      </c>
      <c r="J6530" s="8">
        <v>1</v>
      </c>
      <c r="K6530" s="9">
        <v>4.08</v>
      </c>
      <c r="L6530" s="6" t="s">
        <v>51</v>
      </c>
    </row>
    <row r="6531" spans="1:12">
      <c r="A6531" s="6" t="s">
        <v>49</v>
      </c>
      <c r="B6531" s="6"/>
      <c r="C6531" s="6" t="s">
        <v>6555</v>
      </c>
      <c r="D6531" s="6"/>
      <c r="E6531" s="6" t="s">
        <v>9</v>
      </c>
      <c r="F6531" s="7">
        <v>38657</v>
      </c>
      <c r="G6531" s="8">
        <v>1</v>
      </c>
      <c r="H6531" s="8">
        <v>1</v>
      </c>
      <c r="I6531" s="8">
        <v>0</v>
      </c>
      <c r="J6531" s="8">
        <v>1</v>
      </c>
      <c r="K6531" s="9">
        <v>39</v>
      </c>
      <c r="L6531" s="6" t="s">
        <v>51</v>
      </c>
    </row>
    <row r="6532" spans="1:12">
      <c r="A6532" s="6" t="s">
        <v>49</v>
      </c>
      <c r="B6532" s="6"/>
      <c r="C6532" s="6" t="s">
        <v>6556</v>
      </c>
      <c r="D6532" s="6"/>
      <c r="E6532" s="6" t="s">
        <v>9</v>
      </c>
      <c r="F6532" s="7">
        <v>38657</v>
      </c>
      <c r="G6532" s="8">
        <v>1</v>
      </c>
      <c r="H6532" s="8">
        <v>1</v>
      </c>
      <c r="I6532" s="8">
        <v>0</v>
      </c>
      <c r="J6532" s="8">
        <v>1</v>
      </c>
      <c r="K6532" s="9">
        <v>4.5</v>
      </c>
      <c r="L6532" s="6" t="s">
        <v>51</v>
      </c>
    </row>
    <row r="6533" spans="1:12">
      <c r="A6533" s="6" t="s">
        <v>49</v>
      </c>
      <c r="B6533" s="6"/>
      <c r="C6533" s="6" t="s">
        <v>6557</v>
      </c>
      <c r="D6533" s="6"/>
      <c r="E6533" s="6" t="s">
        <v>9</v>
      </c>
      <c r="F6533" s="7">
        <v>38657</v>
      </c>
      <c r="G6533" s="8">
        <v>1</v>
      </c>
      <c r="H6533" s="8">
        <v>1</v>
      </c>
      <c r="I6533" s="8">
        <v>0</v>
      </c>
      <c r="J6533" s="8">
        <v>1</v>
      </c>
      <c r="K6533" s="9">
        <v>14</v>
      </c>
      <c r="L6533" s="6" t="s">
        <v>51</v>
      </c>
    </row>
    <row r="6534" spans="1:12">
      <c r="A6534" s="6" t="s">
        <v>49</v>
      </c>
      <c r="B6534" s="6"/>
      <c r="C6534" s="6" t="s">
        <v>6558</v>
      </c>
      <c r="D6534" s="6"/>
      <c r="E6534" s="6" t="s">
        <v>9</v>
      </c>
      <c r="F6534" s="7">
        <v>38657</v>
      </c>
      <c r="G6534" s="8">
        <v>1</v>
      </c>
      <c r="H6534" s="8">
        <v>1</v>
      </c>
      <c r="I6534" s="8">
        <v>0</v>
      </c>
      <c r="J6534" s="8">
        <v>1</v>
      </c>
      <c r="K6534" s="9">
        <v>13</v>
      </c>
      <c r="L6534" s="6" t="s">
        <v>51</v>
      </c>
    </row>
    <row r="6535" spans="1:12">
      <c r="A6535" s="6" t="s">
        <v>49</v>
      </c>
      <c r="B6535" s="6"/>
      <c r="C6535" s="6" t="s">
        <v>6559</v>
      </c>
      <c r="D6535" s="6"/>
      <c r="E6535" s="6" t="s">
        <v>9</v>
      </c>
      <c r="F6535" s="7">
        <v>38657</v>
      </c>
      <c r="G6535" s="8">
        <v>1</v>
      </c>
      <c r="H6535" s="8">
        <v>1</v>
      </c>
      <c r="I6535" s="8">
        <v>0</v>
      </c>
      <c r="J6535" s="8">
        <v>1</v>
      </c>
      <c r="K6535" s="9">
        <v>7.86</v>
      </c>
      <c r="L6535" s="6" t="s">
        <v>51</v>
      </c>
    </row>
    <row r="6536" spans="1:12">
      <c r="A6536" s="6" t="s">
        <v>49</v>
      </c>
      <c r="B6536" s="6"/>
      <c r="C6536" s="6" t="s">
        <v>6560</v>
      </c>
      <c r="D6536" s="6"/>
      <c r="E6536" s="6" t="s">
        <v>9</v>
      </c>
      <c r="F6536" s="7">
        <v>38657</v>
      </c>
      <c r="G6536" s="8">
        <v>1</v>
      </c>
      <c r="H6536" s="8">
        <v>1</v>
      </c>
      <c r="I6536" s="8">
        <v>0</v>
      </c>
      <c r="J6536" s="8">
        <v>1</v>
      </c>
      <c r="K6536" s="9">
        <v>19</v>
      </c>
      <c r="L6536" s="6" t="s">
        <v>51</v>
      </c>
    </row>
    <row r="6537" spans="1:12">
      <c r="A6537" s="6" t="s">
        <v>49</v>
      </c>
      <c r="B6537" s="6"/>
      <c r="C6537" s="6" t="s">
        <v>6561</v>
      </c>
      <c r="D6537" s="6"/>
      <c r="E6537" s="6" t="s">
        <v>9</v>
      </c>
      <c r="F6537" s="7">
        <v>38657</v>
      </c>
      <c r="G6537" s="8">
        <v>1</v>
      </c>
      <c r="H6537" s="8">
        <v>1</v>
      </c>
      <c r="I6537" s="8">
        <v>0</v>
      </c>
      <c r="J6537" s="8">
        <v>1</v>
      </c>
      <c r="K6537" s="9">
        <v>150</v>
      </c>
      <c r="L6537" s="6" t="s">
        <v>51</v>
      </c>
    </row>
    <row r="6538" spans="1:12">
      <c r="A6538" s="6" t="s">
        <v>49</v>
      </c>
      <c r="B6538" s="6"/>
      <c r="C6538" s="6" t="s">
        <v>6562</v>
      </c>
      <c r="D6538" s="6"/>
      <c r="E6538" s="6" t="s">
        <v>9</v>
      </c>
      <c r="F6538" s="7">
        <v>39381</v>
      </c>
      <c r="G6538" s="8">
        <v>134900</v>
      </c>
      <c r="H6538" s="8">
        <v>134900</v>
      </c>
      <c r="I6538" s="8">
        <v>0</v>
      </c>
      <c r="J6538" s="8">
        <v>134900</v>
      </c>
      <c r="K6538" s="9">
        <v>19</v>
      </c>
      <c r="L6538" s="6" t="s">
        <v>51</v>
      </c>
    </row>
    <row r="6539" spans="1:12">
      <c r="A6539" s="6" t="s">
        <v>49</v>
      </c>
      <c r="B6539" s="6"/>
      <c r="C6539" s="6" t="s">
        <v>6563</v>
      </c>
      <c r="D6539" s="6"/>
      <c r="E6539" s="6" t="s">
        <v>9</v>
      </c>
      <c r="F6539" s="7">
        <v>38657</v>
      </c>
      <c r="G6539" s="8">
        <v>1</v>
      </c>
      <c r="H6539" s="8">
        <v>1</v>
      </c>
      <c r="I6539" s="8">
        <v>0</v>
      </c>
      <c r="J6539" s="8">
        <v>1</v>
      </c>
      <c r="K6539" s="9">
        <v>152</v>
      </c>
      <c r="L6539" s="6" t="s">
        <v>51</v>
      </c>
    </row>
    <row r="6540" spans="1:12">
      <c r="A6540" s="6" t="s">
        <v>49</v>
      </c>
      <c r="B6540" s="6"/>
      <c r="C6540" s="6" t="s">
        <v>6564</v>
      </c>
      <c r="D6540" s="6"/>
      <c r="E6540" s="6" t="s">
        <v>9</v>
      </c>
      <c r="F6540" s="7">
        <v>38657</v>
      </c>
      <c r="G6540" s="8">
        <v>1</v>
      </c>
      <c r="H6540" s="8">
        <v>1</v>
      </c>
      <c r="I6540" s="8">
        <v>0</v>
      </c>
      <c r="J6540" s="8">
        <v>1</v>
      </c>
      <c r="K6540" s="9">
        <v>155</v>
      </c>
      <c r="L6540" s="6" t="s">
        <v>51</v>
      </c>
    </row>
    <row r="6541" spans="1:12">
      <c r="A6541" s="6" t="s">
        <v>49</v>
      </c>
      <c r="B6541" s="6"/>
      <c r="C6541" s="6" t="s">
        <v>6565</v>
      </c>
      <c r="D6541" s="6"/>
      <c r="E6541" s="6" t="s">
        <v>9</v>
      </c>
      <c r="F6541" s="7">
        <v>38657</v>
      </c>
      <c r="G6541" s="8">
        <v>1</v>
      </c>
      <c r="H6541" s="8">
        <v>1</v>
      </c>
      <c r="I6541" s="8">
        <v>0</v>
      </c>
      <c r="J6541" s="8">
        <v>1</v>
      </c>
      <c r="K6541" s="9">
        <v>150</v>
      </c>
      <c r="L6541" s="6" t="s">
        <v>51</v>
      </c>
    </row>
    <row r="6542" spans="1:12">
      <c r="A6542" s="6" t="s">
        <v>49</v>
      </c>
      <c r="B6542" s="6"/>
      <c r="C6542" s="6" t="s">
        <v>6566</v>
      </c>
      <c r="D6542" s="6"/>
      <c r="E6542" s="6" t="s">
        <v>9</v>
      </c>
      <c r="F6542" s="7">
        <v>38657</v>
      </c>
      <c r="G6542" s="8">
        <v>1</v>
      </c>
      <c r="H6542" s="8">
        <v>1</v>
      </c>
      <c r="I6542" s="8">
        <v>0</v>
      </c>
      <c r="J6542" s="8">
        <v>1</v>
      </c>
      <c r="K6542" s="9">
        <v>3.3</v>
      </c>
      <c r="L6542" s="6" t="s">
        <v>51</v>
      </c>
    </row>
    <row r="6543" spans="1:12">
      <c r="A6543" s="6" t="s">
        <v>49</v>
      </c>
      <c r="B6543" s="6"/>
      <c r="C6543" s="6" t="s">
        <v>6567</v>
      </c>
      <c r="D6543" s="6"/>
      <c r="E6543" s="6" t="s">
        <v>9</v>
      </c>
      <c r="F6543" s="7">
        <v>38657</v>
      </c>
      <c r="G6543" s="8">
        <v>1</v>
      </c>
      <c r="H6543" s="8">
        <v>1</v>
      </c>
      <c r="I6543" s="8">
        <v>0</v>
      </c>
      <c r="J6543" s="8">
        <v>1</v>
      </c>
      <c r="K6543" s="9">
        <v>132</v>
      </c>
      <c r="L6543" s="6" t="s">
        <v>51</v>
      </c>
    </row>
    <row r="6544" spans="1:12">
      <c r="A6544" s="6" t="s">
        <v>49</v>
      </c>
      <c r="B6544" s="6"/>
      <c r="C6544" s="6" t="s">
        <v>6568</v>
      </c>
      <c r="D6544" s="6"/>
      <c r="E6544" s="6" t="s">
        <v>9</v>
      </c>
      <c r="F6544" s="7">
        <v>38657</v>
      </c>
      <c r="G6544" s="8">
        <v>1</v>
      </c>
      <c r="H6544" s="8">
        <v>1</v>
      </c>
      <c r="I6544" s="8">
        <v>0</v>
      </c>
      <c r="J6544" s="8">
        <v>1</v>
      </c>
      <c r="K6544" s="9">
        <v>48</v>
      </c>
      <c r="L6544" s="6" t="s">
        <v>51</v>
      </c>
    </row>
    <row r="6545" spans="1:12">
      <c r="A6545" s="6" t="s">
        <v>49</v>
      </c>
      <c r="B6545" s="6"/>
      <c r="C6545" s="6" t="s">
        <v>6569</v>
      </c>
      <c r="D6545" s="6"/>
      <c r="E6545" s="6" t="s">
        <v>9</v>
      </c>
      <c r="F6545" s="7">
        <v>38657</v>
      </c>
      <c r="G6545" s="8">
        <v>1</v>
      </c>
      <c r="H6545" s="8">
        <v>1</v>
      </c>
      <c r="I6545" s="8">
        <v>0</v>
      </c>
      <c r="J6545" s="8">
        <v>1</v>
      </c>
      <c r="K6545" s="9">
        <v>44</v>
      </c>
      <c r="L6545" s="6" t="s">
        <v>51</v>
      </c>
    </row>
    <row r="6546" spans="1:12">
      <c r="A6546" s="6" t="s">
        <v>49</v>
      </c>
      <c r="B6546" s="6"/>
      <c r="C6546" s="6" t="s">
        <v>6570</v>
      </c>
      <c r="D6546" s="6"/>
      <c r="E6546" s="6" t="s">
        <v>9</v>
      </c>
      <c r="F6546" s="7">
        <v>38657</v>
      </c>
      <c r="G6546" s="8">
        <v>1</v>
      </c>
      <c r="H6546" s="8">
        <v>1</v>
      </c>
      <c r="I6546" s="8">
        <v>0</v>
      </c>
      <c r="J6546" s="8">
        <v>1</v>
      </c>
      <c r="K6546" s="9">
        <v>26</v>
      </c>
      <c r="L6546" s="6" t="s">
        <v>51</v>
      </c>
    </row>
    <row r="6547" spans="1:12">
      <c r="A6547" s="6" t="s">
        <v>49</v>
      </c>
      <c r="B6547" s="6"/>
      <c r="C6547" s="6" t="s">
        <v>6571</v>
      </c>
      <c r="D6547" s="6"/>
      <c r="E6547" s="6" t="s">
        <v>9</v>
      </c>
      <c r="F6547" s="7">
        <v>38657</v>
      </c>
      <c r="G6547" s="8">
        <v>1</v>
      </c>
      <c r="H6547" s="8">
        <v>1</v>
      </c>
      <c r="I6547" s="8">
        <v>0</v>
      </c>
      <c r="J6547" s="8">
        <v>1</v>
      </c>
      <c r="K6547" s="9">
        <v>109</v>
      </c>
      <c r="L6547" s="6" t="s">
        <v>51</v>
      </c>
    </row>
    <row r="6548" spans="1:12">
      <c r="A6548" s="6" t="s">
        <v>49</v>
      </c>
      <c r="B6548" s="6"/>
      <c r="C6548" s="6" t="s">
        <v>6572</v>
      </c>
      <c r="D6548" s="6"/>
      <c r="E6548" s="6" t="s">
        <v>9</v>
      </c>
      <c r="F6548" s="7">
        <v>38657</v>
      </c>
      <c r="G6548" s="8">
        <v>1</v>
      </c>
      <c r="H6548" s="8">
        <v>1</v>
      </c>
      <c r="I6548" s="8">
        <v>0</v>
      </c>
      <c r="J6548" s="8">
        <v>1</v>
      </c>
      <c r="K6548" s="9">
        <v>47</v>
      </c>
      <c r="L6548" s="6" t="s">
        <v>51</v>
      </c>
    </row>
    <row r="6549" spans="1:12">
      <c r="A6549" s="6" t="s">
        <v>49</v>
      </c>
      <c r="B6549" s="6"/>
      <c r="C6549" s="6" t="s">
        <v>6573</v>
      </c>
      <c r="D6549" s="6"/>
      <c r="E6549" s="6" t="s">
        <v>9</v>
      </c>
      <c r="F6549" s="7">
        <v>38657</v>
      </c>
      <c r="G6549" s="8">
        <v>1</v>
      </c>
      <c r="H6549" s="8">
        <v>1</v>
      </c>
      <c r="I6549" s="8">
        <v>0</v>
      </c>
      <c r="J6549" s="8">
        <v>1</v>
      </c>
      <c r="K6549" s="9">
        <v>51</v>
      </c>
      <c r="L6549" s="6" t="s">
        <v>51</v>
      </c>
    </row>
    <row r="6550" spans="1:12">
      <c r="A6550" s="6" t="s">
        <v>49</v>
      </c>
      <c r="B6550" s="6"/>
      <c r="C6550" s="6" t="s">
        <v>6574</v>
      </c>
      <c r="D6550" s="6"/>
      <c r="E6550" s="6" t="s">
        <v>9</v>
      </c>
      <c r="F6550" s="7">
        <v>38657</v>
      </c>
      <c r="G6550" s="8">
        <v>1</v>
      </c>
      <c r="H6550" s="8">
        <v>1</v>
      </c>
      <c r="I6550" s="8">
        <v>0</v>
      </c>
      <c r="J6550" s="8">
        <v>1</v>
      </c>
      <c r="K6550" s="9">
        <v>101</v>
      </c>
      <c r="L6550" s="6" t="s">
        <v>51</v>
      </c>
    </row>
    <row r="6551" spans="1:12">
      <c r="A6551" s="6" t="s">
        <v>49</v>
      </c>
      <c r="B6551" s="6"/>
      <c r="C6551" s="6" t="s">
        <v>6575</v>
      </c>
      <c r="D6551" s="6"/>
      <c r="E6551" s="6" t="s">
        <v>9</v>
      </c>
      <c r="F6551" s="7">
        <v>38657</v>
      </c>
      <c r="G6551" s="8">
        <v>1</v>
      </c>
      <c r="H6551" s="8">
        <v>1</v>
      </c>
      <c r="I6551" s="8">
        <v>0</v>
      </c>
      <c r="J6551" s="8">
        <v>1</v>
      </c>
      <c r="K6551" s="9">
        <v>48</v>
      </c>
      <c r="L6551" s="6" t="s">
        <v>51</v>
      </c>
    </row>
    <row r="6552" spans="1:12">
      <c r="A6552" s="6" t="s">
        <v>49</v>
      </c>
      <c r="B6552" s="6"/>
      <c r="C6552" s="6" t="s">
        <v>6576</v>
      </c>
      <c r="D6552" s="6"/>
      <c r="E6552" s="6" t="s">
        <v>9</v>
      </c>
      <c r="F6552" s="7">
        <v>38657</v>
      </c>
      <c r="G6552" s="8">
        <v>1</v>
      </c>
      <c r="H6552" s="8">
        <v>1</v>
      </c>
      <c r="I6552" s="8">
        <v>0</v>
      </c>
      <c r="J6552" s="8">
        <v>1</v>
      </c>
      <c r="K6552" s="9">
        <v>47</v>
      </c>
      <c r="L6552" s="6" t="s">
        <v>51</v>
      </c>
    </row>
    <row r="6553" spans="1:12">
      <c r="A6553" s="6" t="s">
        <v>49</v>
      </c>
      <c r="B6553" s="6"/>
      <c r="C6553" s="6" t="s">
        <v>6577</v>
      </c>
      <c r="D6553" s="6"/>
      <c r="E6553" s="6" t="s">
        <v>9</v>
      </c>
      <c r="F6553" s="7">
        <v>38657</v>
      </c>
      <c r="G6553" s="8">
        <v>1</v>
      </c>
      <c r="H6553" s="8">
        <v>1</v>
      </c>
      <c r="I6553" s="8">
        <v>0</v>
      </c>
      <c r="J6553" s="8">
        <v>1</v>
      </c>
      <c r="K6553" s="9">
        <v>23</v>
      </c>
      <c r="L6553" s="6" t="s">
        <v>51</v>
      </c>
    </row>
    <row r="6554" spans="1:12">
      <c r="A6554" s="6" t="s">
        <v>49</v>
      </c>
      <c r="B6554" s="6"/>
      <c r="C6554" s="6" t="s">
        <v>6578</v>
      </c>
      <c r="D6554" s="6"/>
      <c r="E6554" s="6" t="s">
        <v>9</v>
      </c>
      <c r="F6554" s="7">
        <v>38657</v>
      </c>
      <c r="G6554" s="8">
        <v>1</v>
      </c>
      <c r="H6554" s="8">
        <v>1</v>
      </c>
      <c r="I6554" s="8">
        <v>0</v>
      </c>
      <c r="J6554" s="8">
        <v>1</v>
      </c>
      <c r="K6554" s="9">
        <v>71</v>
      </c>
      <c r="L6554" s="6" t="s">
        <v>51</v>
      </c>
    </row>
    <row r="6555" spans="1:12">
      <c r="A6555" s="6" t="s">
        <v>49</v>
      </c>
      <c r="B6555" s="6"/>
      <c r="C6555" s="6" t="s">
        <v>6579</v>
      </c>
      <c r="D6555" s="6"/>
      <c r="E6555" s="6" t="s">
        <v>9</v>
      </c>
      <c r="F6555" s="7">
        <v>38657</v>
      </c>
      <c r="G6555" s="8">
        <v>1</v>
      </c>
      <c r="H6555" s="8">
        <v>1</v>
      </c>
      <c r="I6555" s="8">
        <v>0</v>
      </c>
      <c r="J6555" s="8">
        <v>1</v>
      </c>
      <c r="K6555" s="9">
        <v>89</v>
      </c>
      <c r="L6555" s="6" t="s">
        <v>51</v>
      </c>
    </row>
    <row r="6556" spans="1:12">
      <c r="A6556" s="6" t="s">
        <v>49</v>
      </c>
      <c r="B6556" s="6"/>
      <c r="C6556" s="6" t="s">
        <v>6580</v>
      </c>
      <c r="D6556" s="6"/>
      <c r="E6556" s="6" t="s">
        <v>9</v>
      </c>
      <c r="F6556" s="7">
        <v>38657</v>
      </c>
      <c r="G6556" s="8">
        <v>1</v>
      </c>
      <c r="H6556" s="8">
        <v>1</v>
      </c>
      <c r="I6556" s="8">
        <v>0</v>
      </c>
      <c r="J6556" s="8">
        <v>1</v>
      </c>
      <c r="K6556" s="9">
        <v>26</v>
      </c>
      <c r="L6556" s="6" t="s">
        <v>51</v>
      </c>
    </row>
    <row r="6557" spans="1:12">
      <c r="A6557" s="6" t="s">
        <v>49</v>
      </c>
      <c r="B6557" s="6"/>
      <c r="C6557" s="6" t="s">
        <v>6581</v>
      </c>
      <c r="D6557" s="6"/>
      <c r="E6557" s="6" t="s">
        <v>9</v>
      </c>
      <c r="F6557" s="7">
        <v>38657</v>
      </c>
      <c r="G6557" s="8">
        <v>1</v>
      </c>
      <c r="H6557" s="8">
        <v>1</v>
      </c>
      <c r="I6557" s="8">
        <v>0</v>
      </c>
      <c r="J6557" s="8">
        <v>1</v>
      </c>
      <c r="K6557" s="9">
        <v>145</v>
      </c>
      <c r="L6557" s="6" t="s">
        <v>51</v>
      </c>
    </row>
    <row r="6558" spans="1:12">
      <c r="A6558" s="6" t="s">
        <v>49</v>
      </c>
      <c r="B6558" s="6"/>
      <c r="C6558" s="6" t="s">
        <v>6582</v>
      </c>
      <c r="D6558" s="6"/>
      <c r="E6558" s="6" t="s">
        <v>9</v>
      </c>
      <c r="F6558" s="7">
        <v>38657</v>
      </c>
      <c r="G6558" s="8">
        <v>1</v>
      </c>
      <c r="H6558" s="8">
        <v>1</v>
      </c>
      <c r="I6558" s="8">
        <v>0</v>
      </c>
      <c r="J6558" s="8">
        <v>1</v>
      </c>
      <c r="K6558" s="9">
        <v>41</v>
      </c>
      <c r="L6558" s="6" t="s">
        <v>51</v>
      </c>
    </row>
    <row r="6559" spans="1:12">
      <c r="A6559" s="6" t="s">
        <v>49</v>
      </c>
      <c r="B6559" s="6"/>
      <c r="C6559" s="6" t="s">
        <v>6583</v>
      </c>
      <c r="D6559" s="6"/>
      <c r="E6559" s="6" t="s">
        <v>9</v>
      </c>
      <c r="F6559" s="7">
        <v>38657</v>
      </c>
      <c r="G6559" s="8">
        <v>1</v>
      </c>
      <c r="H6559" s="8">
        <v>1</v>
      </c>
      <c r="I6559" s="8">
        <v>0</v>
      </c>
      <c r="J6559" s="8">
        <v>1</v>
      </c>
      <c r="K6559" s="9">
        <v>105</v>
      </c>
      <c r="L6559" s="6" t="s">
        <v>51</v>
      </c>
    </row>
    <row r="6560" spans="1:12">
      <c r="A6560" s="6" t="s">
        <v>49</v>
      </c>
      <c r="B6560" s="6"/>
      <c r="C6560" s="6" t="s">
        <v>6584</v>
      </c>
      <c r="D6560" s="6"/>
      <c r="E6560" s="6" t="s">
        <v>9</v>
      </c>
      <c r="F6560" s="7">
        <v>38657</v>
      </c>
      <c r="G6560" s="8">
        <v>1</v>
      </c>
      <c r="H6560" s="8">
        <v>1</v>
      </c>
      <c r="I6560" s="8">
        <v>0</v>
      </c>
      <c r="J6560" s="8">
        <v>1</v>
      </c>
      <c r="K6560" s="9">
        <v>63</v>
      </c>
      <c r="L6560" s="6" t="s">
        <v>51</v>
      </c>
    </row>
    <row r="6561" spans="1:12">
      <c r="A6561" s="6" t="s">
        <v>49</v>
      </c>
      <c r="B6561" s="6"/>
      <c r="C6561" s="6" t="s">
        <v>6585</v>
      </c>
      <c r="D6561" s="6"/>
      <c r="E6561" s="6" t="s">
        <v>9</v>
      </c>
      <c r="F6561" s="7">
        <v>38657</v>
      </c>
      <c r="G6561" s="8">
        <v>1</v>
      </c>
      <c r="H6561" s="8">
        <v>1</v>
      </c>
      <c r="I6561" s="8">
        <v>0</v>
      </c>
      <c r="J6561" s="8">
        <v>1</v>
      </c>
      <c r="K6561" s="9">
        <v>95</v>
      </c>
      <c r="L6561" s="6" t="s">
        <v>51</v>
      </c>
    </row>
    <row r="6562" spans="1:12">
      <c r="A6562" s="6" t="s">
        <v>49</v>
      </c>
      <c r="B6562" s="6"/>
      <c r="C6562" s="6" t="s">
        <v>6586</v>
      </c>
      <c r="D6562" s="6"/>
      <c r="E6562" s="6" t="s">
        <v>9</v>
      </c>
      <c r="F6562" s="7">
        <v>38657</v>
      </c>
      <c r="G6562" s="8">
        <v>1</v>
      </c>
      <c r="H6562" s="8">
        <v>1</v>
      </c>
      <c r="I6562" s="8">
        <v>0</v>
      </c>
      <c r="J6562" s="8">
        <v>1</v>
      </c>
      <c r="K6562" s="9">
        <v>121</v>
      </c>
      <c r="L6562" s="6" t="s">
        <v>51</v>
      </c>
    </row>
    <row r="6563" spans="1:12">
      <c r="A6563" s="6" t="s">
        <v>49</v>
      </c>
      <c r="B6563" s="6"/>
      <c r="C6563" s="6" t="s">
        <v>6587</v>
      </c>
      <c r="D6563" s="6"/>
      <c r="E6563" s="6" t="s">
        <v>9</v>
      </c>
      <c r="F6563" s="7">
        <v>38657</v>
      </c>
      <c r="G6563" s="8">
        <v>1</v>
      </c>
      <c r="H6563" s="8">
        <v>1</v>
      </c>
      <c r="I6563" s="8">
        <v>0</v>
      </c>
      <c r="J6563" s="8">
        <v>1</v>
      </c>
      <c r="K6563" s="9">
        <v>119</v>
      </c>
      <c r="L6563" s="6" t="s">
        <v>51</v>
      </c>
    </row>
    <row r="6564" spans="1:12">
      <c r="A6564" s="6" t="s">
        <v>49</v>
      </c>
      <c r="B6564" s="6"/>
      <c r="C6564" s="6" t="s">
        <v>6588</v>
      </c>
      <c r="D6564" s="6"/>
      <c r="E6564" s="6" t="s">
        <v>9</v>
      </c>
      <c r="F6564" s="7">
        <v>38657</v>
      </c>
      <c r="G6564" s="8">
        <v>1</v>
      </c>
      <c r="H6564" s="8">
        <v>1</v>
      </c>
      <c r="I6564" s="8">
        <v>0</v>
      </c>
      <c r="J6564" s="8">
        <v>1</v>
      </c>
      <c r="K6564" s="9">
        <v>36</v>
      </c>
      <c r="L6564" s="6" t="s">
        <v>51</v>
      </c>
    </row>
    <row r="6565" spans="1:12">
      <c r="A6565" s="6" t="s">
        <v>49</v>
      </c>
      <c r="B6565" s="6"/>
      <c r="C6565" s="6" t="s">
        <v>6589</v>
      </c>
      <c r="D6565" s="6"/>
      <c r="E6565" s="6" t="s">
        <v>9</v>
      </c>
      <c r="F6565" s="7">
        <v>38657</v>
      </c>
      <c r="G6565" s="8">
        <v>1</v>
      </c>
      <c r="H6565" s="8">
        <v>1</v>
      </c>
      <c r="I6565" s="8">
        <v>0</v>
      </c>
      <c r="J6565" s="8">
        <v>1</v>
      </c>
      <c r="K6565" s="9">
        <v>17</v>
      </c>
      <c r="L6565" s="6" t="s">
        <v>51</v>
      </c>
    </row>
    <row r="6566" spans="1:12">
      <c r="A6566" s="6" t="s">
        <v>49</v>
      </c>
      <c r="B6566" s="6"/>
      <c r="C6566" s="6" t="s">
        <v>6590</v>
      </c>
      <c r="D6566" s="6"/>
      <c r="E6566" s="6" t="s">
        <v>9</v>
      </c>
      <c r="F6566" s="7">
        <v>38657</v>
      </c>
      <c r="G6566" s="8">
        <v>1</v>
      </c>
      <c r="H6566" s="8">
        <v>1</v>
      </c>
      <c r="I6566" s="8">
        <v>0</v>
      </c>
      <c r="J6566" s="8">
        <v>1</v>
      </c>
      <c r="K6566" s="9">
        <v>91</v>
      </c>
      <c r="L6566" s="6" t="s">
        <v>51</v>
      </c>
    </row>
    <row r="6567" spans="1:12">
      <c r="A6567" s="6" t="s">
        <v>49</v>
      </c>
      <c r="B6567" s="6"/>
      <c r="C6567" s="6" t="s">
        <v>6591</v>
      </c>
      <c r="D6567" s="6"/>
      <c r="E6567" s="6" t="s">
        <v>9</v>
      </c>
      <c r="F6567" s="7">
        <v>38657</v>
      </c>
      <c r="G6567" s="8">
        <v>1</v>
      </c>
      <c r="H6567" s="8">
        <v>1</v>
      </c>
      <c r="I6567" s="8">
        <v>0</v>
      </c>
      <c r="J6567" s="8">
        <v>1</v>
      </c>
      <c r="K6567" s="9">
        <v>79</v>
      </c>
      <c r="L6567" s="6" t="s">
        <v>51</v>
      </c>
    </row>
    <row r="6568" spans="1:12">
      <c r="A6568" s="6" t="s">
        <v>49</v>
      </c>
      <c r="B6568" s="6"/>
      <c r="C6568" s="6" t="s">
        <v>6592</v>
      </c>
      <c r="D6568" s="6"/>
      <c r="E6568" s="6" t="s">
        <v>9</v>
      </c>
      <c r="F6568" s="7">
        <v>38657</v>
      </c>
      <c r="G6568" s="8">
        <v>1</v>
      </c>
      <c r="H6568" s="8">
        <v>1</v>
      </c>
      <c r="I6568" s="8">
        <v>0</v>
      </c>
      <c r="J6568" s="8">
        <v>1</v>
      </c>
      <c r="K6568" s="9">
        <v>72</v>
      </c>
      <c r="L6568" s="6" t="s">
        <v>51</v>
      </c>
    </row>
    <row r="6569" spans="1:12">
      <c r="A6569" s="6" t="s">
        <v>49</v>
      </c>
      <c r="B6569" s="6"/>
      <c r="C6569" s="6" t="s">
        <v>6593</v>
      </c>
      <c r="D6569" s="6"/>
      <c r="E6569" s="6" t="s">
        <v>9</v>
      </c>
      <c r="F6569" s="7">
        <v>38657</v>
      </c>
      <c r="G6569" s="8">
        <v>1</v>
      </c>
      <c r="H6569" s="8">
        <v>1</v>
      </c>
      <c r="I6569" s="8">
        <v>0</v>
      </c>
      <c r="J6569" s="8">
        <v>1</v>
      </c>
      <c r="K6569" s="9">
        <v>221</v>
      </c>
      <c r="L6569" s="6" t="s">
        <v>51</v>
      </c>
    </row>
    <row r="6570" spans="1:12">
      <c r="A6570" s="6" t="s">
        <v>49</v>
      </c>
      <c r="B6570" s="6"/>
      <c r="C6570" s="6" t="s">
        <v>6594</v>
      </c>
      <c r="D6570" s="6"/>
      <c r="E6570" s="6" t="s">
        <v>9</v>
      </c>
      <c r="F6570" s="7">
        <v>38657</v>
      </c>
      <c r="G6570" s="8">
        <v>1</v>
      </c>
      <c r="H6570" s="8">
        <v>1</v>
      </c>
      <c r="I6570" s="8">
        <v>0</v>
      </c>
      <c r="J6570" s="8">
        <v>1</v>
      </c>
      <c r="K6570" s="9">
        <v>9.91</v>
      </c>
      <c r="L6570" s="6" t="s">
        <v>51</v>
      </c>
    </row>
    <row r="6571" spans="1:12">
      <c r="A6571" s="6" t="s">
        <v>49</v>
      </c>
      <c r="B6571" s="6"/>
      <c r="C6571" s="6" t="s">
        <v>6595</v>
      </c>
      <c r="D6571" s="6"/>
      <c r="E6571" s="6" t="s">
        <v>9</v>
      </c>
      <c r="F6571" s="7">
        <v>38657</v>
      </c>
      <c r="G6571" s="8">
        <v>1</v>
      </c>
      <c r="H6571" s="8">
        <v>1</v>
      </c>
      <c r="I6571" s="8">
        <v>0</v>
      </c>
      <c r="J6571" s="8">
        <v>1</v>
      </c>
      <c r="K6571" s="9">
        <v>211</v>
      </c>
      <c r="L6571" s="6" t="s">
        <v>51</v>
      </c>
    </row>
    <row r="6572" spans="1:12">
      <c r="A6572" s="6" t="s">
        <v>49</v>
      </c>
      <c r="B6572" s="6"/>
      <c r="C6572" s="6" t="s">
        <v>6596</v>
      </c>
      <c r="D6572" s="6"/>
      <c r="E6572" s="6" t="s">
        <v>9</v>
      </c>
      <c r="F6572" s="7">
        <v>38657</v>
      </c>
      <c r="G6572" s="8">
        <v>1</v>
      </c>
      <c r="H6572" s="8">
        <v>1</v>
      </c>
      <c r="I6572" s="8">
        <v>0</v>
      </c>
      <c r="J6572" s="8">
        <v>1</v>
      </c>
      <c r="K6572" s="9">
        <v>16</v>
      </c>
      <c r="L6572" s="6" t="s">
        <v>51</v>
      </c>
    </row>
    <row r="6573" spans="1:12">
      <c r="A6573" s="6" t="s">
        <v>49</v>
      </c>
      <c r="B6573" s="6"/>
      <c r="C6573" s="6" t="s">
        <v>6597</v>
      </c>
      <c r="D6573" s="6"/>
      <c r="E6573" s="6" t="s">
        <v>9</v>
      </c>
      <c r="F6573" s="7">
        <v>38657</v>
      </c>
      <c r="G6573" s="8">
        <v>1</v>
      </c>
      <c r="H6573" s="8">
        <v>1</v>
      </c>
      <c r="I6573" s="8">
        <v>0</v>
      </c>
      <c r="J6573" s="8">
        <v>1</v>
      </c>
      <c r="K6573" s="9">
        <v>9.75</v>
      </c>
      <c r="L6573" s="6" t="s">
        <v>51</v>
      </c>
    </row>
    <row r="6574" spans="1:12">
      <c r="A6574" s="6" t="s">
        <v>49</v>
      </c>
      <c r="B6574" s="6"/>
      <c r="C6574" s="6" t="s">
        <v>6598</v>
      </c>
      <c r="D6574" s="6"/>
      <c r="E6574" s="6" t="s">
        <v>9</v>
      </c>
      <c r="F6574" s="7">
        <v>38657</v>
      </c>
      <c r="G6574" s="8">
        <v>1</v>
      </c>
      <c r="H6574" s="8">
        <v>1</v>
      </c>
      <c r="I6574" s="8">
        <v>0</v>
      </c>
      <c r="J6574" s="8">
        <v>1</v>
      </c>
      <c r="K6574" s="9">
        <v>15</v>
      </c>
      <c r="L6574" s="6" t="s">
        <v>51</v>
      </c>
    </row>
    <row r="6575" spans="1:12">
      <c r="A6575" s="6" t="s">
        <v>49</v>
      </c>
      <c r="B6575" s="6"/>
      <c r="C6575" s="6" t="s">
        <v>6599</v>
      </c>
      <c r="D6575" s="6"/>
      <c r="E6575" s="6" t="s">
        <v>9</v>
      </c>
      <c r="F6575" s="7">
        <v>38657</v>
      </c>
      <c r="G6575" s="8">
        <v>1</v>
      </c>
      <c r="H6575" s="8">
        <v>1</v>
      </c>
      <c r="I6575" s="8">
        <v>0</v>
      </c>
      <c r="J6575" s="8">
        <v>1</v>
      </c>
      <c r="K6575" s="9">
        <v>52</v>
      </c>
      <c r="L6575" s="6" t="s">
        <v>51</v>
      </c>
    </row>
    <row r="6576" spans="1:12">
      <c r="A6576" s="6" t="s">
        <v>49</v>
      </c>
      <c r="B6576" s="6"/>
      <c r="C6576" s="6" t="s">
        <v>6600</v>
      </c>
      <c r="D6576" s="6"/>
      <c r="E6576" s="6" t="s">
        <v>9</v>
      </c>
      <c r="F6576" s="7">
        <v>38657</v>
      </c>
      <c r="G6576" s="8">
        <v>1</v>
      </c>
      <c r="H6576" s="8">
        <v>1</v>
      </c>
      <c r="I6576" s="8">
        <v>0</v>
      </c>
      <c r="J6576" s="8">
        <v>1</v>
      </c>
      <c r="K6576" s="9">
        <v>119</v>
      </c>
      <c r="L6576" s="6" t="s">
        <v>51</v>
      </c>
    </row>
    <row r="6577" spans="1:12">
      <c r="A6577" s="6" t="s">
        <v>49</v>
      </c>
      <c r="B6577" s="6"/>
      <c r="C6577" s="6" t="s">
        <v>6601</v>
      </c>
      <c r="D6577" s="6"/>
      <c r="E6577" s="6" t="s">
        <v>9</v>
      </c>
      <c r="F6577" s="7">
        <v>38657</v>
      </c>
      <c r="G6577" s="8">
        <v>1</v>
      </c>
      <c r="H6577" s="8">
        <v>1</v>
      </c>
      <c r="I6577" s="8">
        <v>0</v>
      </c>
      <c r="J6577" s="8">
        <v>1</v>
      </c>
      <c r="K6577" s="9">
        <v>59</v>
      </c>
      <c r="L6577" s="6" t="s">
        <v>51</v>
      </c>
    </row>
    <row r="6578" spans="1:12">
      <c r="A6578" s="6" t="s">
        <v>49</v>
      </c>
      <c r="B6578" s="6"/>
      <c r="C6578" s="6" t="s">
        <v>6602</v>
      </c>
      <c r="D6578" s="6"/>
      <c r="E6578" s="6" t="s">
        <v>9</v>
      </c>
      <c r="F6578" s="7">
        <v>38657</v>
      </c>
      <c r="G6578" s="8">
        <v>1</v>
      </c>
      <c r="H6578" s="8">
        <v>1</v>
      </c>
      <c r="I6578" s="8">
        <v>0</v>
      </c>
      <c r="J6578" s="8">
        <v>1</v>
      </c>
      <c r="K6578" s="9">
        <v>46</v>
      </c>
      <c r="L6578" s="6" t="s">
        <v>51</v>
      </c>
    </row>
    <row r="6579" spans="1:12">
      <c r="A6579" s="6" t="s">
        <v>49</v>
      </c>
      <c r="B6579" s="6"/>
      <c r="C6579" s="6" t="s">
        <v>6603</v>
      </c>
      <c r="D6579" s="6"/>
      <c r="E6579" s="6" t="s">
        <v>9</v>
      </c>
      <c r="F6579" s="7">
        <v>38657</v>
      </c>
      <c r="G6579" s="8">
        <v>1</v>
      </c>
      <c r="H6579" s="8">
        <v>1</v>
      </c>
      <c r="I6579" s="8">
        <v>0</v>
      </c>
      <c r="J6579" s="8">
        <v>1</v>
      </c>
      <c r="K6579" s="9">
        <v>62</v>
      </c>
      <c r="L6579" s="6" t="s">
        <v>51</v>
      </c>
    </row>
    <row r="6580" spans="1:12">
      <c r="A6580" s="6" t="s">
        <v>49</v>
      </c>
      <c r="B6580" s="6"/>
      <c r="C6580" s="6" t="s">
        <v>6604</v>
      </c>
      <c r="D6580" s="6"/>
      <c r="E6580" s="6" t="s">
        <v>9</v>
      </c>
      <c r="F6580" s="7">
        <v>38657</v>
      </c>
      <c r="G6580" s="8">
        <v>1</v>
      </c>
      <c r="H6580" s="8">
        <v>1</v>
      </c>
      <c r="I6580" s="8">
        <v>0</v>
      </c>
      <c r="J6580" s="8">
        <v>1</v>
      </c>
      <c r="K6580" s="9">
        <v>62</v>
      </c>
      <c r="L6580" s="6" t="s">
        <v>51</v>
      </c>
    </row>
    <row r="6581" spans="1:12">
      <c r="A6581" s="6" t="s">
        <v>49</v>
      </c>
      <c r="B6581" s="6"/>
      <c r="C6581" s="6" t="s">
        <v>6605</v>
      </c>
      <c r="D6581" s="6"/>
      <c r="E6581" s="6" t="s">
        <v>9</v>
      </c>
      <c r="F6581" s="7">
        <v>38657</v>
      </c>
      <c r="G6581" s="8">
        <v>1</v>
      </c>
      <c r="H6581" s="8">
        <v>1</v>
      </c>
      <c r="I6581" s="8">
        <v>0</v>
      </c>
      <c r="J6581" s="8">
        <v>1</v>
      </c>
      <c r="K6581" s="9">
        <v>58</v>
      </c>
      <c r="L6581" s="6" t="s">
        <v>51</v>
      </c>
    </row>
    <row r="6582" spans="1:12">
      <c r="A6582" s="6" t="s">
        <v>49</v>
      </c>
      <c r="B6582" s="6"/>
      <c r="C6582" s="6" t="s">
        <v>6606</v>
      </c>
      <c r="D6582" s="6"/>
      <c r="E6582" s="6" t="s">
        <v>9</v>
      </c>
      <c r="F6582" s="7">
        <v>38657</v>
      </c>
      <c r="G6582" s="8">
        <v>1</v>
      </c>
      <c r="H6582" s="8">
        <v>1</v>
      </c>
      <c r="I6582" s="8">
        <v>0</v>
      </c>
      <c r="J6582" s="8">
        <v>1</v>
      </c>
      <c r="K6582" s="9">
        <v>78</v>
      </c>
      <c r="L6582" s="6" t="s">
        <v>51</v>
      </c>
    </row>
    <row r="6583" spans="1:12">
      <c r="A6583" s="6" t="s">
        <v>49</v>
      </c>
      <c r="B6583" s="6"/>
      <c r="C6583" s="6" t="s">
        <v>6607</v>
      </c>
      <c r="D6583" s="6"/>
      <c r="E6583" s="6" t="s">
        <v>9</v>
      </c>
      <c r="F6583" s="7">
        <v>38657</v>
      </c>
      <c r="G6583" s="8">
        <v>1</v>
      </c>
      <c r="H6583" s="8">
        <v>1</v>
      </c>
      <c r="I6583" s="8">
        <v>0</v>
      </c>
      <c r="J6583" s="8">
        <v>1</v>
      </c>
      <c r="K6583" s="9">
        <v>249</v>
      </c>
      <c r="L6583" s="6" t="s">
        <v>51</v>
      </c>
    </row>
    <row r="6584" spans="1:12">
      <c r="A6584" s="6" t="s">
        <v>49</v>
      </c>
      <c r="B6584" s="6"/>
      <c r="C6584" s="6" t="s">
        <v>6608</v>
      </c>
      <c r="D6584" s="6"/>
      <c r="E6584" s="6" t="s">
        <v>9</v>
      </c>
      <c r="F6584" s="7">
        <v>38657</v>
      </c>
      <c r="G6584" s="8">
        <v>1</v>
      </c>
      <c r="H6584" s="8">
        <v>1</v>
      </c>
      <c r="I6584" s="8">
        <v>0</v>
      </c>
      <c r="J6584" s="8">
        <v>1</v>
      </c>
      <c r="K6584" s="9">
        <v>40</v>
      </c>
      <c r="L6584" s="6" t="s">
        <v>51</v>
      </c>
    </row>
    <row r="6585" spans="1:12">
      <c r="A6585" s="6" t="s">
        <v>49</v>
      </c>
      <c r="B6585" s="6"/>
      <c r="C6585" s="6" t="s">
        <v>6609</v>
      </c>
      <c r="D6585" s="6"/>
      <c r="E6585" s="6" t="s">
        <v>9</v>
      </c>
      <c r="F6585" s="7">
        <v>38657</v>
      </c>
      <c r="G6585" s="8">
        <v>1</v>
      </c>
      <c r="H6585" s="8">
        <v>1</v>
      </c>
      <c r="I6585" s="8">
        <v>0</v>
      </c>
      <c r="J6585" s="8">
        <v>1</v>
      </c>
      <c r="K6585" s="9">
        <v>104</v>
      </c>
      <c r="L6585" s="6" t="s">
        <v>51</v>
      </c>
    </row>
    <row r="6586" spans="1:12">
      <c r="A6586" s="6" t="s">
        <v>49</v>
      </c>
      <c r="B6586" s="6"/>
      <c r="C6586" s="6" t="s">
        <v>6610</v>
      </c>
      <c r="D6586" s="6"/>
      <c r="E6586" s="6" t="s">
        <v>9</v>
      </c>
      <c r="F6586" s="7">
        <v>38657</v>
      </c>
      <c r="G6586" s="8">
        <v>1</v>
      </c>
      <c r="H6586" s="8">
        <v>1</v>
      </c>
      <c r="I6586" s="8">
        <v>0</v>
      </c>
      <c r="J6586" s="8">
        <v>1</v>
      </c>
      <c r="K6586" s="9">
        <v>112</v>
      </c>
      <c r="L6586" s="6" t="s">
        <v>51</v>
      </c>
    </row>
    <row r="6587" spans="1:12">
      <c r="A6587" s="6" t="s">
        <v>49</v>
      </c>
      <c r="B6587" s="6"/>
      <c r="C6587" s="6" t="s">
        <v>6611</v>
      </c>
      <c r="D6587" s="6"/>
      <c r="E6587" s="6" t="s">
        <v>9</v>
      </c>
      <c r="F6587" s="7">
        <v>38657</v>
      </c>
      <c r="G6587" s="8">
        <v>1</v>
      </c>
      <c r="H6587" s="8">
        <v>1</v>
      </c>
      <c r="I6587" s="8">
        <v>0</v>
      </c>
      <c r="J6587" s="8">
        <v>1</v>
      </c>
      <c r="K6587" s="9">
        <v>130</v>
      </c>
      <c r="L6587" s="6" t="s">
        <v>51</v>
      </c>
    </row>
    <row r="6588" spans="1:12">
      <c r="A6588" s="6" t="s">
        <v>49</v>
      </c>
      <c r="B6588" s="6"/>
      <c r="C6588" s="6" t="s">
        <v>6612</v>
      </c>
      <c r="D6588" s="6"/>
      <c r="E6588" s="6" t="s">
        <v>9</v>
      </c>
      <c r="F6588" s="7">
        <v>38657</v>
      </c>
      <c r="G6588" s="8">
        <v>1</v>
      </c>
      <c r="H6588" s="8">
        <v>1</v>
      </c>
      <c r="I6588" s="8">
        <v>0</v>
      </c>
      <c r="J6588" s="8">
        <v>1</v>
      </c>
      <c r="K6588" s="9">
        <v>5.48</v>
      </c>
      <c r="L6588" s="6" t="s">
        <v>51</v>
      </c>
    </row>
    <row r="6589" spans="1:12">
      <c r="A6589" s="6" t="s">
        <v>49</v>
      </c>
      <c r="B6589" s="6"/>
      <c r="C6589" s="6" t="s">
        <v>6613</v>
      </c>
      <c r="D6589" s="6"/>
      <c r="E6589" s="6" t="s">
        <v>9</v>
      </c>
      <c r="F6589" s="7">
        <v>38657</v>
      </c>
      <c r="G6589" s="8">
        <v>1</v>
      </c>
      <c r="H6589" s="8">
        <v>1</v>
      </c>
      <c r="I6589" s="8">
        <v>0</v>
      </c>
      <c r="J6589" s="8">
        <v>1</v>
      </c>
      <c r="K6589" s="9">
        <v>84</v>
      </c>
      <c r="L6589" s="6" t="s">
        <v>51</v>
      </c>
    </row>
    <row r="6590" spans="1:12">
      <c r="A6590" s="6" t="s">
        <v>49</v>
      </c>
      <c r="B6590" s="6"/>
      <c r="C6590" s="6" t="s">
        <v>6614</v>
      </c>
      <c r="D6590" s="6"/>
      <c r="E6590" s="6" t="s">
        <v>9</v>
      </c>
      <c r="F6590" s="7">
        <v>38657</v>
      </c>
      <c r="G6590" s="8">
        <v>1</v>
      </c>
      <c r="H6590" s="8">
        <v>1</v>
      </c>
      <c r="I6590" s="8">
        <v>0</v>
      </c>
      <c r="J6590" s="8">
        <v>1</v>
      </c>
      <c r="K6590" s="9">
        <v>65</v>
      </c>
      <c r="L6590" s="6" t="s">
        <v>51</v>
      </c>
    </row>
    <row r="6591" spans="1:12">
      <c r="A6591" s="6" t="s">
        <v>49</v>
      </c>
      <c r="B6591" s="6"/>
      <c r="C6591" s="6" t="s">
        <v>6615</v>
      </c>
      <c r="D6591" s="6"/>
      <c r="E6591" s="6" t="s">
        <v>9</v>
      </c>
      <c r="F6591" s="7">
        <v>38657</v>
      </c>
      <c r="G6591" s="8">
        <v>1</v>
      </c>
      <c r="H6591" s="8">
        <v>1</v>
      </c>
      <c r="I6591" s="8">
        <v>0</v>
      </c>
      <c r="J6591" s="8">
        <v>1</v>
      </c>
      <c r="K6591" s="9">
        <v>106</v>
      </c>
      <c r="L6591" s="6" t="s">
        <v>51</v>
      </c>
    </row>
    <row r="6592" spans="1:12">
      <c r="A6592" s="6" t="s">
        <v>49</v>
      </c>
      <c r="B6592" s="6"/>
      <c r="C6592" s="6" t="s">
        <v>6616</v>
      </c>
      <c r="D6592" s="6"/>
      <c r="E6592" s="6" t="s">
        <v>9</v>
      </c>
      <c r="F6592" s="7">
        <v>38657</v>
      </c>
      <c r="G6592" s="8">
        <v>1</v>
      </c>
      <c r="H6592" s="8">
        <v>1</v>
      </c>
      <c r="I6592" s="8">
        <v>0</v>
      </c>
      <c r="J6592" s="8">
        <v>1</v>
      </c>
      <c r="K6592" s="9">
        <v>204</v>
      </c>
      <c r="L6592" s="6" t="s">
        <v>51</v>
      </c>
    </row>
    <row r="6593" spans="1:12">
      <c r="A6593" s="6" t="s">
        <v>49</v>
      </c>
      <c r="B6593" s="6"/>
      <c r="C6593" s="6" t="s">
        <v>6617</v>
      </c>
      <c r="D6593" s="6"/>
      <c r="E6593" s="6" t="s">
        <v>9</v>
      </c>
      <c r="F6593" s="7">
        <v>38657</v>
      </c>
      <c r="G6593" s="8">
        <v>1</v>
      </c>
      <c r="H6593" s="8">
        <v>1</v>
      </c>
      <c r="I6593" s="8">
        <v>0</v>
      </c>
      <c r="J6593" s="8">
        <v>1</v>
      </c>
      <c r="K6593" s="9">
        <v>143</v>
      </c>
      <c r="L6593" s="6" t="s">
        <v>51</v>
      </c>
    </row>
    <row r="6594" spans="1:12">
      <c r="A6594" s="6" t="s">
        <v>49</v>
      </c>
      <c r="B6594" s="6"/>
      <c r="C6594" s="6" t="s">
        <v>6618</v>
      </c>
      <c r="D6594" s="6"/>
      <c r="E6594" s="6" t="s">
        <v>9</v>
      </c>
      <c r="F6594" s="7">
        <v>38657</v>
      </c>
      <c r="G6594" s="8">
        <v>1</v>
      </c>
      <c r="H6594" s="8">
        <v>1</v>
      </c>
      <c r="I6594" s="8">
        <v>0</v>
      </c>
      <c r="J6594" s="8">
        <v>1</v>
      </c>
      <c r="K6594" s="9">
        <v>148</v>
      </c>
      <c r="L6594" s="6" t="s">
        <v>51</v>
      </c>
    </row>
    <row r="6595" spans="1:12">
      <c r="A6595" s="6" t="s">
        <v>49</v>
      </c>
      <c r="B6595" s="6"/>
      <c r="C6595" s="6" t="s">
        <v>6619</v>
      </c>
      <c r="D6595" s="6"/>
      <c r="E6595" s="6" t="s">
        <v>9</v>
      </c>
      <c r="F6595" s="7">
        <v>38657</v>
      </c>
      <c r="G6595" s="8">
        <v>1</v>
      </c>
      <c r="H6595" s="8">
        <v>1</v>
      </c>
      <c r="I6595" s="8">
        <v>0</v>
      </c>
      <c r="J6595" s="8">
        <v>1</v>
      </c>
      <c r="K6595" s="9">
        <v>90</v>
      </c>
      <c r="L6595" s="6" t="s">
        <v>51</v>
      </c>
    </row>
    <row r="6596" spans="1:12">
      <c r="A6596" s="6" t="s">
        <v>49</v>
      </c>
      <c r="B6596" s="6"/>
      <c r="C6596" s="6" t="s">
        <v>6620</v>
      </c>
      <c r="D6596" s="6"/>
      <c r="E6596" s="6" t="s">
        <v>9</v>
      </c>
      <c r="F6596" s="7">
        <v>38657</v>
      </c>
      <c r="G6596" s="8">
        <v>1</v>
      </c>
      <c r="H6596" s="8">
        <v>1</v>
      </c>
      <c r="I6596" s="8">
        <v>0</v>
      </c>
      <c r="J6596" s="8">
        <v>1</v>
      </c>
      <c r="K6596" s="9">
        <v>34</v>
      </c>
      <c r="L6596" s="6" t="s">
        <v>51</v>
      </c>
    </row>
    <row r="6597" spans="1:12">
      <c r="A6597" s="6" t="s">
        <v>49</v>
      </c>
      <c r="B6597" s="6"/>
      <c r="C6597" s="6" t="s">
        <v>6621</v>
      </c>
      <c r="D6597" s="6"/>
      <c r="E6597" s="6" t="s">
        <v>9</v>
      </c>
      <c r="F6597" s="7">
        <v>38657</v>
      </c>
      <c r="G6597" s="8">
        <v>1</v>
      </c>
      <c r="H6597" s="8">
        <v>1</v>
      </c>
      <c r="I6597" s="8">
        <v>0</v>
      </c>
      <c r="J6597" s="8">
        <v>1</v>
      </c>
      <c r="K6597" s="9">
        <v>13</v>
      </c>
      <c r="L6597" s="6" t="s">
        <v>51</v>
      </c>
    </row>
    <row r="6598" spans="1:12">
      <c r="A6598" s="6" t="s">
        <v>49</v>
      </c>
      <c r="B6598" s="6"/>
      <c r="C6598" s="6" t="s">
        <v>6622</v>
      </c>
      <c r="D6598" s="6"/>
      <c r="E6598" s="6" t="s">
        <v>9</v>
      </c>
      <c r="F6598" s="7">
        <v>38657</v>
      </c>
      <c r="G6598" s="8">
        <v>1</v>
      </c>
      <c r="H6598" s="8">
        <v>1</v>
      </c>
      <c r="I6598" s="8">
        <v>0</v>
      </c>
      <c r="J6598" s="8">
        <v>1</v>
      </c>
      <c r="K6598" s="9">
        <v>38</v>
      </c>
      <c r="L6598" s="6" t="s">
        <v>51</v>
      </c>
    </row>
    <row r="6599" spans="1:12">
      <c r="A6599" s="6" t="s">
        <v>49</v>
      </c>
      <c r="B6599" s="6"/>
      <c r="C6599" s="6" t="s">
        <v>6623</v>
      </c>
      <c r="D6599" s="6"/>
      <c r="E6599" s="6" t="s">
        <v>9</v>
      </c>
      <c r="F6599" s="7">
        <v>38657</v>
      </c>
      <c r="G6599" s="8">
        <v>1</v>
      </c>
      <c r="H6599" s="8">
        <v>1</v>
      </c>
      <c r="I6599" s="8">
        <v>0</v>
      </c>
      <c r="J6599" s="8">
        <v>1</v>
      </c>
      <c r="K6599" s="9">
        <v>79</v>
      </c>
      <c r="L6599" s="6" t="s">
        <v>51</v>
      </c>
    </row>
    <row r="6600" spans="1:12">
      <c r="A6600" s="6" t="s">
        <v>49</v>
      </c>
      <c r="B6600" s="6"/>
      <c r="C6600" s="6" t="s">
        <v>6624</v>
      </c>
      <c r="D6600" s="6"/>
      <c r="E6600" s="6" t="s">
        <v>9</v>
      </c>
      <c r="F6600" s="7">
        <v>38657</v>
      </c>
      <c r="G6600" s="8">
        <v>1</v>
      </c>
      <c r="H6600" s="8">
        <v>1</v>
      </c>
      <c r="I6600" s="8">
        <v>0</v>
      </c>
      <c r="J6600" s="8">
        <v>1</v>
      </c>
      <c r="K6600" s="9">
        <v>68</v>
      </c>
      <c r="L6600" s="6" t="s">
        <v>51</v>
      </c>
    </row>
    <row r="6601" spans="1:12">
      <c r="A6601" s="6" t="s">
        <v>49</v>
      </c>
      <c r="B6601" s="6"/>
      <c r="C6601" s="6" t="s">
        <v>6625</v>
      </c>
      <c r="D6601" s="6"/>
      <c r="E6601" s="6" t="s">
        <v>9</v>
      </c>
      <c r="F6601" s="7">
        <v>38657</v>
      </c>
      <c r="G6601" s="8">
        <v>1</v>
      </c>
      <c r="H6601" s="8">
        <v>1</v>
      </c>
      <c r="I6601" s="8">
        <v>0</v>
      </c>
      <c r="J6601" s="8">
        <v>1</v>
      </c>
      <c r="K6601" s="9">
        <v>69</v>
      </c>
      <c r="L6601" s="6" t="s">
        <v>51</v>
      </c>
    </row>
    <row r="6602" spans="1:12">
      <c r="A6602" s="6" t="s">
        <v>49</v>
      </c>
      <c r="B6602" s="6"/>
      <c r="C6602" s="6" t="s">
        <v>6626</v>
      </c>
      <c r="D6602" s="6"/>
      <c r="E6602" s="6" t="s">
        <v>9</v>
      </c>
      <c r="F6602" s="7">
        <v>38657</v>
      </c>
      <c r="G6602" s="8">
        <v>1</v>
      </c>
      <c r="H6602" s="8">
        <v>1</v>
      </c>
      <c r="I6602" s="8">
        <v>0</v>
      </c>
      <c r="J6602" s="8">
        <v>1</v>
      </c>
      <c r="K6602" s="9">
        <v>81</v>
      </c>
      <c r="L6602" s="6" t="s">
        <v>51</v>
      </c>
    </row>
    <row r="6603" spans="1:12">
      <c r="A6603" s="6" t="s">
        <v>49</v>
      </c>
      <c r="B6603" s="6"/>
      <c r="C6603" s="6" t="s">
        <v>6627</v>
      </c>
      <c r="D6603" s="6"/>
      <c r="E6603" s="6" t="s">
        <v>9</v>
      </c>
      <c r="F6603" s="7">
        <v>38657</v>
      </c>
      <c r="G6603" s="8">
        <v>1</v>
      </c>
      <c r="H6603" s="8">
        <v>1</v>
      </c>
      <c r="I6603" s="8">
        <v>0</v>
      </c>
      <c r="J6603" s="8">
        <v>1</v>
      </c>
      <c r="K6603" s="9">
        <v>72</v>
      </c>
      <c r="L6603" s="6" t="s">
        <v>51</v>
      </c>
    </row>
    <row r="6604" spans="1:12">
      <c r="A6604" s="6" t="s">
        <v>49</v>
      </c>
      <c r="B6604" s="6"/>
      <c r="C6604" s="6" t="s">
        <v>6628</v>
      </c>
      <c r="D6604" s="6"/>
      <c r="E6604" s="6" t="s">
        <v>9</v>
      </c>
      <c r="F6604" s="7">
        <v>38657</v>
      </c>
      <c r="G6604" s="8">
        <v>1</v>
      </c>
      <c r="H6604" s="8">
        <v>1</v>
      </c>
      <c r="I6604" s="8">
        <v>0</v>
      </c>
      <c r="J6604" s="8">
        <v>1</v>
      </c>
      <c r="K6604" s="9">
        <v>80</v>
      </c>
      <c r="L6604" s="6" t="s">
        <v>51</v>
      </c>
    </row>
    <row r="6605" spans="1:12">
      <c r="A6605" s="6" t="s">
        <v>49</v>
      </c>
      <c r="B6605" s="6"/>
      <c r="C6605" s="6" t="s">
        <v>6629</v>
      </c>
      <c r="D6605" s="6"/>
      <c r="E6605" s="6" t="s">
        <v>9</v>
      </c>
      <c r="F6605" s="7">
        <v>38657</v>
      </c>
      <c r="G6605" s="8">
        <v>1</v>
      </c>
      <c r="H6605" s="8">
        <v>1</v>
      </c>
      <c r="I6605" s="8">
        <v>0</v>
      </c>
      <c r="J6605" s="8">
        <v>1</v>
      </c>
      <c r="K6605" s="9">
        <v>38</v>
      </c>
      <c r="L6605" s="6" t="s">
        <v>51</v>
      </c>
    </row>
    <row r="6606" spans="1:12">
      <c r="A6606" s="6" t="s">
        <v>49</v>
      </c>
      <c r="B6606" s="6"/>
      <c r="C6606" s="6" t="s">
        <v>6630</v>
      </c>
      <c r="D6606" s="6"/>
      <c r="E6606" s="6" t="s">
        <v>9</v>
      </c>
      <c r="F6606" s="7">
        <v>38657</v>
      </c>
      <c r="G6606" s="8">
        <v>1</v>
      </c>
      <c r="H6606" s="8">
        <v>1</v>
      </c>
      <c r="I6606" s="8">
        <v>0</v>
      </c>
      <c r="J6606" s="8">
        <v>1</v>
      </c>
      <c r="K6606" s="9">
        <v>41</v>
      </c>
      <c r="L6606" s="6" t="s">
        <v>51</v>
      </c>
    </row>
    <row r="6607" spans="1:12">
      <c r="A6607" s="6" t="s">
        <v>49</v>
      </c>
      <c r="B6607" s="6"/>
      <c r="C6607" s="6" t="s">
        <v>6631</v>
      </c>
      <c r="D6607" s="6"/>
      <c r="E6607" s="6" t="s">
        <v>9</v>
      </c>
      <c r="F6607" s="7">
        <v>38657</v>
      </c>
      <c r="G6607" s="8">
        <v>1</v>
      </c>
      <c r="H6607" s="8">
        <v>1</v>
      </c>
      <c r="I6607" s="8">
        <v>0</v>
      </c>
      <c r="J6607" s="8">
        <v>1</v>
      </c>
      <c r="K6607" s="9">
        <v>90</v>
      </c>
      <c r="L6607" s="6" t="s">
        <v>51</v>
      </c>
    </row>
    <row r="6608" spans="1:12">
      <c r="A6608" s="6" t="s">
        <v>49</v>
      </c>
      <c r="B6608" s="6"/>
      <c r="C6608" s="6" t="s">
        <v>6632</v>
      </c>
      <c r="D6608" s="6"/>
      <c r="E6608" s="6" t="s">
        <v>9</v>
      </c>
      <c r="F6608" s="7">
        <v>38657</v>
      </c>
      <c r="G6608" s="8">
        <v>1</v>
      </c>
      <c r="H6608" s="8">
        <v>1</v>
      </c>
      <c r="I6608" s="8">
        <v>0</v>
      </c>
      <c r="J6608" s="8">
        <v>1</v>
      </c>
      <c r="K6608" s="9">
        <v>378.64</v>
      </c>
      <c r="L6608" s="6" t="s">
        <v>51</v>
      </c>
    </row>
    <row r="6609" spans="1:12">
      <c r="A6609" s="6" t="s">
        <v>49</v>
      </c>
      <c r="B6609" s="6"/>
      <c r="C6609" s="6" t="s">
        <v>6633</v>
      </c>
      <c r="D6609" s="6"/>
      <c r="E6609" s="6" t="s">
        <v>9</v>
      </c>
      <c r="F6609" s="7">
        <v>38657</v>
      </c>
      <c r="G6609" s="8">
        <v>1</v>
      </c>
      <c r="H6609" s="8">
        <v>1</v>
      </c>
      <c r="I6609" s="8">
        <v>0</v>
      </c>
      <c r="J6609" s="8">
        <v>1</v>
      </c>
      <c r="K6609" s="9">
        <v>16</v>
      </c>
      <c r="L6609" s="6" t="s">
        <v>51</v>
      </c>
    </row>
    <row r="6610" spans="1:12">
      <c r="A6610" s="6" t="s">
        <v>49</v>
      </c>
      <c r="B6610" s="6"/>
      <c r="C6610" s="6" t="s">
        <v>6634</v>
      </c>
      <c r="D6610" s="6"/>
      <c r="E6610" s="6" t="s">
        <v>9</v>
      </c>
      <c r="F6610" s="7">
        <v>38657</v>
      </c>
      <c r="G6610" s="8">
        <v>1</v>
      </c>
      <c r="H6610" s="8">
        <v>1</v>
      </c>
      <c r="I6610" s="8">
        <v>0</v>
      </c>
      <c r="J6610" s="8">
        <v>1</v>
      </c>
      <c r="K6610" s="9">
        <v>67</v>
      </c>
      <c r="L6610" s="6" t="s">
        <v>51</v>
      </c>
    </row>
    <row r="6611" spans="1:12">
      <c r="A6611" s="6" t="s">
        <v>49</v>
      </c>
      <c r="B6611" s="6"/>
      <c r="C6611" s="6" t="s">
        <v>6635</v>
      </c>
      <c r="D6611" s="6"/>
      <c r="E6611" s="6" t="s">
        <v>9</v>
      </c>
      <c r="F6611" s="7">
        <v>38657</v>
      </c>
      <c r="G6611" s="8">
        <v>1</v>
      </c>
      <c r="H6611" s="8">
        <v>1</v>
      </c>
      <c r="I6611" s="8">
        <v>0</v>
      </c>
      <c r="J6611" s="8">
        <v>1</v>
      </c>
      <c r="K6611" s="9">
        <v>103</v>
      </c>
      <c r="L6611" s="6" t="s">
        <v>51</v>
      </c>
    </row>
    <row r="6612" spans="1:12">
      <c r="A6612" s="6" t="s">
        <v>49</v>
      </c>
      <c r="B6612" s="6"/>
      <c r="C6612" s="6" t="s">
        <v>6636</v>
      </c>
      <c r="D6612" s="6"/>
      <c r="E6612" s="6" t="s">
        <v>9</v>
      </c>
      <c r="F6612" s="7">
        <v>38657</v>
      </c>
      <c r="G6612" s="8">
        <v>1</v>
      </c>
      <c r="H6612" s="8">
        <v>1</v>
      </c>
      <c r="I6612" s="8">
        <v>0</v>
      </c>
      <c r="J6612" s="8">
        <v>1</v>
      </c>
      <c r="K6612" s="9">
        <v>35</v>
      </c>
      <c r="L6612" s="6" t="s">
        <v>51</v>
      </c>
    </row>
    <row r="6613" spans="1:12">
      <c r="A6613" s="6" t="s">
        <v>49</v>
      </c>
      <c r="B6613" s="6"/>
      <c r="C6613" s="6" t="s">
        <v>6637</v>
      </c>
      <c r="D6613" s="6"/>
      <c r="E6613" s="6" t="s">
        <v>9</v>
      </c>
      <c r="F6613" s="7">
        <v>38657</v>
      </c>
      <c r="G6613" s="8">
        <v>1</v>
      </c>
      <c r="H6613" s="8">
        <v>1</v>
      </c>
      <c r="I6613" s="8">
        <v>0</v>
      </c>
      <c r="J6613" s="8">
        <v>1</v>
      </c>
      <c r="K6613" s="9">
        <v>64.62</v>
      </c>
      <c r="L6613" s="6" t="s">
        <v>51</v>
      </c>
    </row>
    <row r="6614" spans="1:12">
      <c r="A6614" s="6" t="s">
        <v>49</v>
      </c>
      <c r="B6614" s="6"/>
      <c r="C6614" s="6" t="s">
        <v>6638</v>
      </c>
      <c r="D6614" s="6"/>
      <c r="E6614" s="6" t="s">
        <v>9</v>
      </c>
      <c r="F6614" s="7">
        <v>38657</v>
      </c>
      <c r="G6614" s="8">
        <v>1</v>
      </c>
      <c r="H6614" s="8">
        <v>1</v>
      </c>
      <c r="I6614" s="8">
        <v>0</v>
      </c>
      <c r="J6614" s="8">
        <v>1</v>
      </c>
      <c r="K6614" s="9">
        <v>58.5</v>
      </c>
      <c r="L6614" s="6" t="s">
        <v>51</v>
      </c>
    </row>
    <row r="6615" spans="1:12">
      <c r="A6615" s="6" t="s">
        <v>49</v>
      </c>
      <c r="B6615" s="6"/>
      <c r="C6615" s="6" t="s">
        <v>6639</v>
      </c>
      <c r="D6615" s="6"/>
      <c r="E6615" s="6" t="s">
        <v>9</v>
      </c>
      <c r="F6615" s="7"/>
      <c r="G6615" s="8">
        <v>1</v>
      </c>
      <c r="H6615" s="8">
        <v>1</v>
      </c>
      <c r="I6615" s="8">
        <v>0</v>
      </c>
      <c r="J6615" s="8">
        <v>1</v>
      </c>
      <c r="K6615" s="9">
        <v>79</v>
      </c>
      <c r="L6615" s="6" t="s">
        <v>51</v>
      </c>
    </row>
    <row r="6616" spans="1:12">
      <c r="A6616" s="6" t="s">
        <v>49</v>
      </c>
      <c r="B6616" s="6"/>
      <c r="C6616" s="6" t="s">
        <v>6640</v>
      </c>
      <c r="D6616" s="6"/>
      <c r="E6616" s="6" t="s">
        <v>9</v>
      </c>
      <c r="F6616" s="7">
        <v>38657</v>
      </c>
      <c r="G6616" s="8">
        <v>1</v>
      </c>
      <c r="H6616" s="8">
        <v>1</v>
      </c>
      <c r="I6616" s="8">
        <v>0</v>
      </c>
      <c r="J6616" s="8">
        <v>1</v>
      </c>
      <c r="K6616" s="9">
        <v>84.78</v>
      </c>
      <c r="L6616" s="6" t="s">
        <v>51</v>
      </c>
    </row>
    <row r="6617" spans="1:12">
      <c r="A6617" s="6" t="s">
        <v>49</v>
      </c>
      <c r="B6617" s="6"/>
      <c r="C6617" s="6" t="s">
        <v>6641</v>
      </c>
      <c r="D6617" s="6"/>
      <c r="E6617" s="6" t="s">
        <v>9</v>
      </c>
      <c r="F6617" s="7">
        <v>38657</v>
      </c>
      <c r="G6617" s="8">
        <v>1</v>
      </c>
      <c r="H6617" s="8">
        <v>1</v>
      </c>
      <c r="I6617" s="8">
        <v>0</v>
      </c>
      <c r="J6617" s="8">
        <v>1</v>
      </c>
      <c r="K6617" s="9">
        <v>2.97</v>
      </c>
      <c r="L6617" s="6" t="s">
        <v>51</v>
      </c>
    </row>
    <row r="6618" spans="1:12">
      <c r="A6618" s="6" t="s">
        <v>49</v>
      </c>
      <c r="B6618" s="6"/>
      <c r="C6618" s="6" t="s">
        <v>6642</v>
      </c>
      <c r="D6618" s="6"/>
      <c r="E6618" s="6" t="s">
        <v>9</v>
      </c>
      <c r="F6618" s="7">
        <v>38657</v>
      </c>
      <c r="G6618" s="8">
        <v>1</v>
      </c>
      <c r="H6618" s="8">
        <v>1</v>
      </c>
      <c r="I6618" s="8">
        <v>0</v>
      </c>
      <c r="J6618" s="8">
        <v>1</v>
      </c>
      <c r="K6618" s="9">
        <v>35</v>
      </c>
      <c r="L6618" s="6" t="s">
        <v>51</v>
      </c>
    </row>
    <row r="6619" spans="1:12">
      <c r="A6619" s="6" t="s">
        <v>49</v>
      </c>
      <c r="B6619" s="6"/>
      <c r="C6619" s="6" t="s">
        <v>6643</v>
      </c>
      <c r="D6619" s="6"/>
      <c r="E6619" s="6" t="s">
        <v>9</v>
      </c>
      <c r="F6619" s="7">
        <v>38657</v>
      </c>
      <c r="G6619" s="8">
        <v>1</v>
      </c>
      <c r="H6619" s="8">
        <v>1</v>
      </c>
      <c r="I6619" s="8">
        <v>0</v>
      </c>
      <c r="J6619" s="8">
        <v>1</v>
      </c>
      <c r="K6619" s="9">
        <v>16</v>
      </c>
      <c r="L6619" s="6" t="s">
        <v>51</v>
      </c>
    </row>
    <row r="6620" spans="1:12">
      <c r="A6620" s="6" t="s">
        <v>49</v>
      </c>
      <c r="B6620" s="6"/>
      <c r="C6620" s="6" t="s">
        <v>6644</v>
      </c>
      <c r="D6620" s="6"/>
      <c r="E6620" s="6" t="s">
        <v>9</v>
      </c>
      <c r="F6620" s="7">
        <v>38657</v>
      </c>
      <c r="G6620" s="8">
        <v>1</v>
      </c>
      <c r="H6620" s="8">
        <v>1</v>
      </c>
      <c r="I6620" s="8">
        <v>0</v>
      </c>
      <c r="J6620" s="8">
        <v>1</v>
      </c>
      <c r="K6620" s="9">
        <v>3.3</v>
      </c>
      <c r="L6620" s="6" t="s">
        <v>51</v>
      </c>
    </row>
    <row r="6621" spans="1:12">
      <c r="A6621" s="6" t="s">
        <v>49</v>
      </c>
      <c r="B6621" s="6"/>
      <c r="C6621" s="6" t="s">
        <v>6645</v>
      </c>
      <c r="D6621" s="6"/>
      <c r="E6621" s="6" t="s">
        <v>9</v>
      </c>
      <c r="F6621" s="7">
        <v>40785</v>
      </c>
      <c r="G6621" s="8">
        <v>1</v>
      </c>
      <c r="H6621" s="8">
        <v>1</v>
      </c>
      <c r="I6621" s="8">
        <v>0</v>
      </c>
      <c r="J6621" s="8">
        <v>1</v>
      </c>
      <c r="K6621" s="9">
        <v>11</v>
      </c>
      <c r="L6621" s="6" t="s">
        <v>51</v>
      </c>
    </row>
    <row r="6622" spans="1:12">
      <c r="A6622" s="6" t="s">
        <v>49</v>
      </c>
      <c r="B6622" s="6"/>
      <c r="C6622" s="6" t="s">
        <v>6646</v>
      </c>
      <c r="D6622" s="6"/>
      <c r="E6622" s="6" t="s">
        <v>9</v>
      </c>
      <c r="F6622" s="7">
        <v>40785</v>
      </c>
      <c r="G6622" s="8">
        <v>1</v>
      </c>
      <c r="H6622" s="8">
        <v>1</v>
      </c>
      <c r="I6622" s="8">
        <v>0</v>
      </c>
      <c r="J6622" s="8">
        <v>1</v>
      </c>
      <c r="K6622" s="9">
        <v>12</v>
      </c>
      <c r="L6622" s="6" t="s">
        <v>51</v>
      </c>
    </row>
    <row r="6623" spans="1:12">
      <c r="A6623" s="6" t="s">
        <v>49</v>
      </c>
      <c r="B6623" s="6"/>
      <c r="C6623" s="6" t="s">
        <v>6647</v>
      </c>
      <c r="D6623" s="6"/>
      <c r="E6623" s="6" t="s">
        <v>9</v>
      </c>
      <c r="F6623" s="7">
        <v>40808</v>
      </c>
      <c r="G6623" s="8">
        <v>1</v>
      </c>
      <c r="H6623" s="8">
        <v>1</v>
      </c>
      <c r="I6623" s="8">
        <v>0</v>
      </c>
      <c r="J6623" s="8">
        <v>1</v>
      </c>
      <c r="K6623" s="9">
        <v>43</v>
      </c>
      <c r="L6623" s="6" t="s">
        <v>51</v>
      </c>
    </row>
    <row r="6624" spans="1:12">
      <c r="A6624" s="6" t="s">
        <v>49</v>
      </c>
      <c r="B6624" s="6"/>
      <c r="C6624" s="6" t="s">
        <v>6648</v>
      </c>
      <c r="D6624" s="6"/>
      <c r="E6624" s="6" t="s">
        <v>9</v>
      </c>
      <c r="F6624" s="7">
        <v>38657</v>
      </c>
      <c r="G6624" s="8">
        <v>1</v>
      </c>
      <c r="H6624" s="8">
        <v>1</v>
      </c>
      <c r="I6624" s="8">
        <v>0</v>
      </c>
      <c r="J6624" s="8">
        <v>1</v>
      </c>
      <c r="K6624" s="9">
        <v>14</v>
      </c>
      <c r="L6624" s="6" t="s">
        <v>51</v>
      </c>
    </row>
    <row r="6625" spans="1:12">
      <c r="A6625" s="6" t="s">
        <v>49</v>
      </c>
      <c r="B6625" s="6"/>
      <c r="C6625" s="6" t="s">
        <v>6649</v>
      </c>
      <c r="D6625" s="6"/>
      <c r="E6625" s="6" t="s">
        <v>9</v>
      </c>
      <c r="F6625" s="7">
        <v>38657</v>
      </c>
      <c r="G6625" s="8">
        <v>1</v>
      </c>
      <c r="H6625" s="8">
        <v>1</v>
      </c>
      <c r="I6625" s="8">
        <v>0</v>
      </c>
      <c r="J6625" s="8">
        <v>1</v>
      </c>
      <c r="K6625" s="9">
        <v>3.42</v>
      </c>
      <c r="L6625" s="6" t="s">
        <v>51</v>
      </c>
    </row>
    <row r="6626" spans="1:12">
      <c r="A6626" s="6" t="s">
        <v>49</v>
      </c>
      <c r="B6626" s="6"/>
      <c r="C6626" s="6" t="s">
        <v>6650</v>
      </c>
      <c r="D6626" s="6"/>
      <c r="E6626" s="6" t="s">
        <v>9</v>
      </c>
      <c r="F6626" s="7">
        <v>38657</v>
      </c>
      <c r="G6626" s="8">
        <v>1</v>
      </c>
      <c r="H6626" s="8">
        <v>1</v>
      </c>
      <c r="I6626" s="8">
        <v>0</v>
      </c>
      <c r="J6626" s="8">
        <v>1</v>
      </c>
      <c r="K6626" s="9">
        <v>39</v>
      </c>
      <c r="L6626" s="6" t="s">
        <v>51</v>
      </c>
    </row>
    <row r="6627" spans="1:12">
      <c r="A6627" s="6" t="s">
        <v>49</v>
      </c>
      <c r="B6627" s="6"/>
      <c r="C6627" s="6" t="s">
        <v>6651</v>
      </c>
      <c r="D6627" s="6"/>
      <c r="E6627" s="6" t="s">
        <v>9</v>
      </c>
      <c r="F6627" s="7">
        <v>38657</v>
      </c>
      <c r="G6627" s="8">
        <v>1</v>
      </c>
      <c r="H6627" s="8">
        <v>1</v>
      </c>
      <c r="I6627" s="8">
        <v>0</v>
      </c>
      <c r="J6627" s="8">
        <v>1</v>
      </c>
      <c r="K6627" s="9">
        <v>27</v>
      </c>
      <c r="L6627" s="6" t="s">
        <v>51</v>
      </c>
    </row>
    <row r="6628" spans="1:12">
      <c r="A6628" s="6" t="s">
        <v>49</v>
      </c>
      <c r="B6628" s="6"/>
      <c r="C6628" s="6" t="s">
        <v>6652</v>
      </c>
      <c r="D6628" s="6"/>
      <c r="E6628" s="6" t="s">
        <v>9</v>
      </c>
      <c r="F6628" s="7">
        <v>38657</v>
      </c>
      <c r="G6628" s="8">
        <v>1</v>
      </c>
      <c r="H6628" s="8">
        <v>1</v>
      </c>
      <c r="I6628" s="8">
        <v>0</v>
      </c>
      <c r="J6628" s="8">
        <v>1</v>
      </c>
      <c r="K6628" s="9">
        <v>148</v>
      </c>
      <c r="L6628" s="6" t="s">
        <v>51</v>
      </c>
    </row>
    <row r="6629" spans="1:12">
      <c r="A6629" s="6" t="s">
        <v>49</v>
      </c>
      <c r="B6629" s="6"/>
      <c r="C6629" s="6" t="s">
        <v>6653</v>
      </c>
      <c r="D6629" s="6"/>
      <c r="E6629" s="6" t="s">
        <v>9</v>
      </c>
      <c r="F6629" s="7">
        <v>38657</v>
      </c>
      <c r="G6629" s="8">
        <v>1</v>
      </c>
      <c r="H6629" s="8">
        <v>1</v>
      </c>
      <c r="I6629" s="8">
        <v>0</v>
      </c>
      <c r="J6629" s="8">
        <v>1</v>
      </c>
      <c r="K6629" s="9">
        <v>3.89</v>
      </c>
      <c r="L6629" s="6" t="s">
        <v>51</v>
      </c>
    </row>
    <row r="6630" spans="1:12">
      <c r="A6630" s="6" t="s">
        <v>49</v>
      </c>
      <c r="B6630" s="6"/>
      <c r="C6630" s="6" t="s">
        <v>6654</v>
      </c>
      <c r="D6630" s="6"/>
      <c r="E6630" s="6" t="s">
        <v>9</v>
      </c>
      <c r="F6630" s="7">
        <v>38657</v>
      </c>
      <c r="G6630" s="8">
        <v>1</v>
      </c>
      <c r="H6630" s="8">
        <v>1</v>
      </c>
      <c r="I6630" s="8">
        <v>0</v>
      </c>
      <c r="J6630" s="8">
        <v>1</v>
      </c>
      <c r="K6630" s="9">
        <v>86</v>
      </c>
      <c r="L6630" s="6" t="s">
        <v>51</v>
      </c>
    </row>
    <row r="6631" spans="1:12">
      <c r="A6631" s="6" t="s">
        <v>49</v>
      </c>
      <c r="B6631" s="6"/>
      <c r="C6631" s="6" t="s">
        <v>6655</v>
      </c>
      <c r="D6631" s="6"/>
      <c r="E6631" s="6" t="s">
        <v>9</v>
      </c>
      <c r="F6631" s="7">
        <v>38657</v>
      </c>
      <c r="G6631" s="8">
        <v>1</v>
      </c>
      <c r="H6631" s="8">
        <v>1</v>
      </c>
      <c r="I6631" s="8">
        <v>0</v>
      </c>
      <c r="J6631" s="8">
        <v>1</v>
      </c>
      <c r="K6631" s="9">
        <v>9.91</v>
      </c>
      <c r="L6631" s="6" t="s">
        <v>51</v>
      </c>
    </row>
    <row r="6632" spans="1:12">
      <c r="A6632" s="6" t="s">
        <v>49</v>
      </c>
      <c r="B6632" s="6"/>
      <c r="C6632" s="6" t="s">
        <v>6656</v>
      </c>
      <c r="D6632" s="6"/>
      <c r="E6632" s="6" t="s">
        <v>9</v>
      </c>
      <c r="F6632" s="7">
        <v>38657</v>
      </c>
      <c r="G6632" s="8">
        <v>1</v>
      </c>
      <c r="H6632" s="8">
        <v>1</v>
      </c>
      <c r="I6632" s="8">
        <v>0</v>
      </c>
      <c r="J6632" s="8">
        <v>1</v>
      </c>
      <c r="K6632" s="9">
        <v>4.96</v>
      </c>
      <c r="L6632" s="6" t="s">
        <v>51</v>
      </c>
    </row>
    <row r="6633" spans="1:12">
      <c r="A6633" s="6" t="s">
        <v>49</v>
      </c>
      <c r="B6633" s="6"/>
      <c r="C6633" s="6" t="s">
        <v>6657</v>
      </c>
      <c r="D6633" s="6"/>
      <c r="E6633" s="6" t="s">
        <v>9</v>
      </c>
      <c r="F6633" s="7">
        <v>38657</v>
      </c>
      <c r="G6633" s="8">
        <v>1</v>
      </c>
      <c r="H6633" s="8">
        <v>1</v>
      </c>
      <c r="I6633" s="8">
        <v>0</v>
      </c>
      <c r="J6633" s="8">
        <v>1</v>
      </c>
      <c r="K6633" s="9">
        <v>21</v>
      </c>
      <c r="L6633" s="6" t="s">
        <v>51</v>
      </c>
    </row>
    <row r="6634" spans="1:12">
      <c r="A6634" s="6" t="s">
        <v>49</v>
      </c>
      <c r="B6634" s="6"/>
      <c r="C6634" s="6" t="s">
        <v>6658</v>
      </c>
      <c r="D6634" s="6"/>
      <c r="E6634" s="6" t="s">
        <v>9</v>
      </c>
      <c r="F6634" s="7">
        <v>38657</v>
      </c>
      <c r="G6634" s="8">
        <v>1</v>
      </c>
      <c r="H6634" s="8">
        <v>1</v>
      </c>
      <c r="I6634" s="8">
        <v>0</v>
      </c>
      <c r="J6634" s="8">
        <v>1</v>
      </c>
      <c r="K6634" s="9">
        <v>2.1</v>
      </c>
      <c r="L6634" s="6" t="s">
        <v>51</v>
      </c>
    </row>
    <row r="6635" spans="1:12">
      <c r="A6635" s="6" t="s">
        <v>49</v>
      </c>
      <c r="B6635" s="6"/>
      <c r="C6635" s="6" t="s">
        <v>6659</v>
      </c>
      <c r="D6635" s="6"/>
      <c r="E6635" s="6" t="s">
        <v>9</v>
      </c>
      <c r="F6635" s="7">
        <v>38657</v>
      </c>
      <c r="G6635" s="8">
        <v>1</v>
      </c>
      <c r="H6635" s="8">
        <v>1</v>
      </c>
      <c r="I6635" s="8">
        <v>0</v>
      </c>
      <c r="J6635" s="8">
        <v>1</v>
      </c>
      <c r="K6635" s="9">
        <v>27</v>
      </c>
      <c r="L6635" s="6" t="s">
        <v>51</v>
      </c>
    </row>
    <row r="6636" spans="1:12">
      <c r="A6636" s="6" t="s">
        <v>49</v>
      </c>
      <c r="B6636" s="6"/>
      <c r="C6636" s="6" t="s">
        <v>6660</v>
      </c>
      <c r="D6636" s="6"/>
      <c r="E6636" s="6" t="s">
        <v>9</v>
      </c>
      <c r="F6636" s="7">
        <v>38657</v>
      </c>
      <c r="G6636" s="8">
        <v>1</v>
      </c>
      <c r="H6636" s="8">
        <v>1</v>
      </c>
      <c r="I6636" s="8">
        <v>0</v>
      </c>
      <c r="J6636" s="8">
        <v>1</v>
      </c>
      <c r="K6636" s="9">
        <v>16</v>
      </c>
      <c r="L6636" s="6" t="s">
        <v>51</v>
      </c>
    </row>
    <row r="6637" spans="1:12">
      <c r="A6637" s="6" t="s">
        <v>49</v>
      </c>
      <c r="B6637" s="6"/>
      <c r="C6637" s="6" t="s">
        <v>6661</v>
      </c>
      <c r="D6637" s="6"/>
      <c r="E6637" s="6" t="s">
        <v>9</v>
      </c>
      <c r="F6637" s="7">
        <v>38657</v>
      </c>
      <c r="G6637" s="8">
        <v>1</v>
      </c>
      <c r="H6637" s="8">
        <v>1</v>
      </c>
      <c r="I6637" s="8">
        <v>0</v>
      </c>
      <c r="J6637" s="8">
        <v>1</v>
      </c>
      <c r="K6637" s="9">
        <v>15</v>
      </c>
      <c r="L6637" s="6" t="s">
        <v>51</v>
      </c>
    </row>
    <row r="6638" spans="1:12">
      <c r="A6638" s="6" t="s">
        <v>49</v>
      </c>
      <c r="B6638" s="6"/>
      <c r="C6638" s="6" t="s">
        <v>6662</v>
      </c>
      <c r="D6638" s="6"/>
      <c r="E6638" s="6" t="s">
        <v>9</v>
      </c>
      <c r="F6638" s="7">
        <v>38657</v>
      </c>
      <c r="G6638" s="8">
        <v>1</v>
      </c>
      <c r="H6638" s="8">
        <v>1</v>
      </c>
      <c r="I6638" s="8">
        <v>0</v>
      </c>
      <c r="J6638" s="8">
        <v>1</v>
      </c>
      <c r="K6638" s="9">
        <v>32</v>
      </c>
      <c r="L6638" s="6" t="s">
        <v>51</v>
      </c>
    </row>
    <row r="6639" spans="1:12">
      <c r="A6639" s="6" t="s">
        <v>49</v>
      </c>
      <c r="B6639" s="6"/>
      <c r="C6639" s="6" t="s">
        <v>6663</v>
      </c>
      <c r="D6639" s="6"/>
      <c r="E6639" s="6" t="s">
        <v>9</v>
      </c>
      <c r="F6639" s="7">
        <v>38657</v>
      </c>
      <c r="G6639" s="8">
        <v>1</v>
      </c>
      <c r="H6639" s="8">
        <v>1</v>
      </c>
      <c r="I6639" s="8">
        <v>0</v>
      </c>
      <c r="J6639" s="8">
        <v>1</v>
      </c>
      <c r="K6639" s="9">
        <v>29.6</v>
      </c>
      <c r="L6639" s="6" t="s">
        <v>51</v>
      </c>
    </row>
    <row r="6640" spans="1:12">
      <c r="A6640" s="6" t="s">
        <v>49</v>
      </c>
      <c r="B6640" s="6"/>
      <c r="C6640" s="6" t="s">
        <v>6664</v>
      </c>
      <c r="D6640" s="6"/>
      <c r="E6640" s="6" t="s">
        <v>9</v>
      </c>
      <c r="F6640" s="7">
        <v>38657</v>
      </c>
      <c r="G6640" s="8">
        <v>1</v>
      </c>
      <c r="H6640" s="8">
        <v>1</v>
      </c>
      <c r="I6640" s="8">
        <v>0</v>
      </c>
      <c r="J6640" s="8">
        <v>1</v>
      </c>
      <c r="K6640" s="9">
        <v>6.7</v>
      </c>
      <c r="L6640" s="6" t="s">
        <v>51</v>
      </c>
    </row>
    <row r="6641" spans="1:12">
      <c r="A6641" s="6" t="s">
        <v>49</v>
      </c>
      <c r="B6641" s="6"/>
      <c r="C6641" s="6" t="s">
        <v>6665</v>
      </c>
      <c r="D6641" s="6"/>
      <c r="E6641" s="6" t="s">
        <v>9</v>
      </c>
      <c r="F6641" s="7">
        <v>38657</v>
      </c>
      <c r="G6641" s="8">
        <v>1</v>
      </c>
      <c r="H6641" s="8">
        <v>1</v>
      </c>
      <c r="I6641" s="8">
        <v>0</v>
      </c>
      <c r="J6641" s="8">
        <v>1</v>
      </c>
      <c r="K6641" s="9">
        <v>9.8000000000000007</v>
      </c>
      <c r="L6641" s="6" t="s">
        <v>51</v>
      </c>
    </row>
    <row r="6642" spans="1:12">
      <c r="A6642" s="6" t="s">
        <v>49</v>
      </c>
      <c r="B6642" s="6"/>
      <c r="C6642" s="6" t="s">
        <v>6666</v>
      </c>
      <c r="D6642" s="6"/>
      <c r="E6642" s="6" t="s">
        <v>9</v>
      </c>
      <c r="F6642" s="7">
        <v>38657</v>
      </c>
      <c r="G6642" s="8">
        <v>1</v>
      </c>
      <c r="H6642" s="8">
        <v>1</v>
      </c>
      <c r="I6642" s="8">
        <v>0</v>
      </c>
      <c r="J6642" s="8">
        <v>1</v>
      </c>
      <c r="K6642" s="9">
        <v>46</v>
      </c>
      <c r="L6642" s="6" t="s">
        <v>51</v>
      </c>
    </row>
    <row r="6643" spans="1:12">
      <c r="A6643" s="6" t="s">
        <v>49</v>
      </c>
      <c r="B6643" s="6"/>
      <c r="C6643" s="6" t="s">
        <v>6667</v>
      </c>
      <c r="D6643" s="6"/>
      <c r="E6643" s="6" t="s">
        <v>9</v>
      </c>
      <c r="F6643" s="7">
        <v>38657</v>
      </c>
      <c r="G6643" s="8">
        <v>1</v>
      </c>
      <c r="H6643" s="8">
        <v>1</v>
      </c>
      <c r="I6643" s="8">
        <v>0</v>
      </c>
      <c r="J6643" s="8">
        <v>1</v>
      </c>
      <c r="K6643" s="9">
        <v>11</v>
      </c>
      <c r="L6643" s="6" t="s">
        <v>51</v>
      </c>
    </row>
    <row r="6644" spans="1:12">
      <c r="A6644" s="6" t="s">
        <v>49</v>
      </c>
      <c r="B6644" s="6"/>
      <c r="C6644" s="6" t="s">
        <v>6668</v>
      </c>
      <c r="D6644" s="6"/>
      <c r="E6644" s="6" t="s">
        <v>9</v>
      </c>
      <c r="F6644" s="7">
        <v>38657</v>
      </c>
      <c r="G6644" s="8">
        <v>1</v>
      </c>
      <c r="H6644" s="8">
        <v>1</v>
      </c>
      <c r="I6644" s="8">
        <v>0</v>
      </c>
      <c r="J6644" s="8">
        <v>1</v>
      </c>
      <c r="K6644" s="9">
        <v>235</v>
      </c>
      <c r="L6644" s="6" t="s">
        <v>51</v>
      </c>
    </row>
    <row r="6645" spans="1:12">
      <c r="A6645" s="6" t="s">
        <v>49</v>
      </c>
      <c r="B6645" s="6"/>
      <c r="C6645" s="6" t="s">
        <v>6669</v>
      </c>
      <c r="D6645" s="6"/>
      <c r="E6645" s="6" t="s">
        <v>9</v>
      </c>
      <c r="F6645" s="7">
        <v>38657</v>
      </c>
      <c r="G6645" s="8">
        <v>1</v>
      </c>
      <c r="H6645" s="8">
        <v>1</v>
      </c>
      <c r="I6645" s="8">
        <v>0</v>
      </c>
      <c r="J6645" s="8">
        <v>1</v>
      </c>
      <c r="K6645" s="9">
        <v>59</v>
      </c>
      <c r="L6645" s="6" t="s">
        <v>51</v>
      </c>
    </row>
    <row r="6646" spans="1:12">
      <c r="A6646" s="6" t="s">
        <v>49</v>
      </c>
      <c r="B6646" s="6"/>
      <c r="C6646" s="6" t="s">
        <v>6670</v>
      </c>
      <c r="D6646" s="6"/>
      <c r="E6646" s="6" t="s">
        <v>9</v>
      </c>
      <c r="F6646" s="7">
        <v>38657</v>
      </c>
      <c r="G6646" s="8">
        <v>1</v>
      </c>
      <c r="H6646" s="8">
        <v>1</v>
      </c>
      <c r="I6646" s="8">
        <v>0</v>
      </c>
      <c r="J6646" s="8">
        <v>1</v>
      </c>
      <c r="K6646" s="9">
        <v>166</v>
      </c>
      <c r="L6646" s="6" t="s">
        <v>51</v>
      </c>
    </row>
    <row r="6647" spans="1:12">
      <c r="A6647" s="6" t="s">
        <v>49</v>
      </c>
      <c r="B6647" s="6"/>
      <c r="C6647" s="6" t="s">
        <v>6671</v>
      </c>
      <c r="D6647" s="6"/>
      <c r="E6647" s="6" t="s">
        <v>9</v>
      </c>
      <c r="F6647" s="7">
        <v>38657</v>
      </c>
      <c r="G6647" s="8">
        <v>1</v>
      </c>
      <c r="H6647" s="8">
        <v>1</v>
      </c>
      <c r="I6647" s="8">
        <v>0</v>
      </c>
      <c r="J6647" s="8">
        <v>1</v>
      </c>
      <c r="K6647" s="9">
        <v>12</v>
      </c>
      <c r="L6647" s="6" t="s">
        <v>51</v>
      </c>
    </row>
    <row r="6648" spans="1:12">
      <c r="A6648" s="6" t="s">
        <v>49</v>
      </c>
      <c r="B6648" s="6"/>
      <c r="C6648" s="6" t="s">
        <v>6672</v>
      </c>
      <c r="D6648" s="6"/>
      <c r="E6648" s="6" t="s">
        <v>9</v>
      </c>
      <c r="F6648" s="7">
        <v>38657</v>
      </c>
      <c r="G6648" s="8">
        <v>1</v>
      </c>
      <c r="H6648" s="8">
        <v>1</v>
      </c>
      <c r="I6648" s="8">
        <v>0</v>
      </c>
      <c r="J6648" s="8">
        <v>1</v>
      </c>
      <c r="K6648" s="9">
        <v>13</v>
      </c>
      <c r="L6648" s="6" t="s">
        <v>51</v>
      </c>
    </row>
    <row r="6649" spans="1:12">
      <c r="A6649" s="6" t="s">
        <v>49</v>
      </c>
      <c r="B6649" s="6"/>
      <c r="C6649" s="6" t="s">
        <v>6673</v>
      </c>
      <c r="D6649" s="6"/>
      <c r="E6649" s="6" t="s">
        <v>9</v>
      </c>
      <c r="F6649" s="7">
        <v>38657</v>
      </c>
      <c r="G6649" s="8">
        <v>1</v>
      </c>
      <c r="H6649" s="8">
        <v>1</v>
      </c>
      <c r="I6649" s="8">
        <v>0</v>
      </c>
      <c r="J6649" s="8">
        <v>1</v>
      </c>
      <c r="K6649" s="9">
        <v>7.98</v>
      </c>
      <c r="L6649" s="6" t="s">
        <v>51</v>
      </c>
    </row>
    <row r="6650" spans="1:12">
      <c r="A6650" s="6" t="s">
        <v>49</v>
      </c>
      <c r="B6650" s="6"/>
      <c r="C6650" s="6" t="s">
        <v>6674</v>
      </c>
      <c r="D6650" s="6"/>
      <c r="E6650" s="6" t="s">
        <v>9</v>
      </c>
      <c r="F6650" s="7">
        <v>38657</v>
      </c>
      <c r="G6650" s="8">
        <v>1</v>
      </c>
      <c r="H6650" s="8">
        <v>1</v>
      </c>
      <c r="I6650" s="8">
        <v>0</v>
      </c>
      <c r="J6650" s="8">
        <v>1</v>
      </c>
      <c r="K6650" s="9">
        <v>9.36</v>
      </c>
      <c r="L6650" s="6" t="s">
        <v>51</v>
      </c>
    </row>
    <row r="6651" spans="1:12">
      <c r="A6651" s="6" t="s">
        <v>49</v>
      </c>
      <c r="B6651" s="6"/>
      <c r="C6651" s="6" t="s">
        <v>6675</v>
      </c>
      <c r="D6651" s="6"/>
      <c r="E6651" s="6" t="s">
        <v>9</v>
      </c>
      <c r="F6651" s="7">
        <v>38657</v>
      </c>
      <c r="G6651" s="8">
        <v>1</v>
      </c>
      <c r="H6651" s="8">
        <v>1</v>
      </c>
      <c r="I6651" s="8">
        <v>0</v>
      </c>
      <c r="J6651" s="8">
        <v>1</v>
      </c>
      <c r="K6651" s="9">
        <v>16</v>
      </c>
      <c r="L6651" s="6" t="s">
        <v>51</v>
      </c>
    </row>
    <row r="6652" spans="1:12">
      <c r="A6652" s="6" t="s">
        <v>49</v>
      </c>
      <c r="B6652" s="6"/>
      <c r="C6652" s="6" t="s">
        <v>6676</v>
      </c>
      <c r="D6652" s="6"/>
      <c r="E6652" s="6" t="s">
        <v>9</v>
      </c>
      <c r="F6652" s="7">
        <v>38657</v>
      </c>
      <c r="G6652" s="8">
        <v>1</v>
      </c>
      <c r="H6652" s="8">
        <v>1</v>
      </c>
      <c r="I6652" s="8">
        <v>0</v>
      </c>
      <c r="J6652" s="8">
        <v>1</v>
      </c>
      <c r="K6652" s="9">
        <v>5.13</v>
      </c>
      <c r="L6652" s="6" t="s">
        <v>51</v>
      </c>
    </row>
    <row r="6653" spans="1:12">
      <c r="A6653" s="6" t="s">
        <v>49</v>
      </c>
      <c r="B6653" s="6"/>
      <c r="C6653" s="6" t="s">
        <v>6677</v>
      </c>
      <c r="D6653" s="6"/>
      <c r="E6653" s="6" t="s">
        <v>9</v>
      </c>
      <c r="F6653" s="7">
        <v>38657</v>
      </c>
      <c r="G6653" s="8">
        <v>1</v>
      </c>
      <c r="H6653" s="8">
        <v>1</v>
      </c>
      <c r="I6653" s="8">
        <v>0</v>
      </c>
      <c r="J6653" s="8">
        <v>1</v>
      </c>
      <c r="K6653" s="9">
        <v>19</v>
      </c>
      <c r="L6653" s="6" t="s">
        <v>51</v>
      </c>
    </row>
    <row r="6654" spans="1:12">
      <c r="A6654" s="6" t="s">
        <v>49</v>
      </c>
      <c r="B6654" s="6"/>
      <c r="C6654" s="6" t="s">
        <v>6678</v>
      </c>
      <c r="D6654" s="6"/>
      <c r="E6654" s="6" t="s">
        <v>9</v>
      </c>
      <c r="F6654" s="7">
        <v>38657</v>
      </c>
      <c r="G6654" s="8">
        <v>1</v>
      </c>
      <c r="H6654" s="8">
        <v>1</v>
      </c>
      <c r="I6654" s="8">
        <v>0</v>
      </c>
      <c r="J6654" s="8">
        <v>1</v>
      </c>
      <c r="K6654" s="9">
        <v>23</v>
      </c>
      <c r="L6654" s="6" t="s">
        <v>51</v>
      </c>
    </row>
    <row r="6655" spans="1:12">
      <c r="A6655" s="6" t="s">
        <v>49</v>
      </c>
      <c r="B6655" s="6"/>
      <c r="C6655" s="6" t="s">
        <v>6679</v>
      </c>
      <c r="D6655" s="6"/>
      <c r="E6655" s="6" t="s">
        <v>9</v>
      </c>
      <c r="F6655" s="7">
        <v>38657</v>
      </c>
      <c r="G6655" s="8">
        <v>1</v>
      </c>
      <c r="H6655" s="8">
        <v>1</v>
      </c>
      <c r="I6655" s="8">
        <v>0</v>
      </c>
      <c r="J6655" s="8">
        <v>1</v>
      </c>
      <c r="K6655" s="9">
        <v>9.6</v>
      </c>
      <c r="L6655" s="6" t="s">
        <v>51</v>
      </c>
    </row>
    <row r="6656" spans="1:12">
      <c r="A6656" s="6" t="s">
        <v>49</v>
      </c>
      <c r="B6656" s="6"/>
      <c r="C6656" s="6" t="s">
        <v>6680</v>
      </c>
      <c r="D6656" s="6"/>
      <c r="E6656" s="6" t="s">
        <v>9</v>
      </c>
      <c r="F6656" s="7">
        <v>38657</v>
      </c>
      <c r="G6656" s="8">
        <v>1</v>
      </c>
      <c r="H6656" s="8">
        <v>1</v>
      </c>
      <c r="I6656" s="8">
        <v>0</v>
      </c>
      <c r="J6656" s="8">
        <v>1</v>
      </c>
      <c r="K6656" s="9">
        <v>34</v>
      </c>
      <c r="L6656" s="6" t="s">
        <v>51</v>
      </c>
    </row>
    <row r="6657" spans="1:12">
      <c r="A6657" s="6" t="s">
        <v>49</v>
      </c>
      <c r="B6657" s="6"/>
      <c r="C6657" s="6" t="s">
        <v>6681</v>
      </c>
      <c r="D6657" s="6"/>
      <c r="E6657" s="6" t="s">
        <v>9</v>
      </c>
      <c r="F6657" s="7">
        <v>38657</v>
      </c>
      <c r="G6657" s="8">
        <v>1</v>
      </c>
      <c r="H6657" s="8">
        <v>1</v>
      </c>
      <c r="I6657" s="8">
        <v>0</v>
      </c>
      <c r="J6657" s="8">
        <v>1</v>
      </c>
      <c r="K6657" s="9">
        <v>20</v>
      </c>
      <c r="L6657" s="6" t="s">
        <v>51</v>
      </c>
    </row>
    <row r="6658" spans="1:12">
      <c r="A6658" s="6" t="s">
        <v>49</v>
      </c>
      <c r="B6658" s="6"/>
      <c r="C6658" s="6" t="s">
        <v>6682</v>
      </c>
      <c r="D6658" s="6"/>
      <c r="E6658" s="6" t="s">
        <v>9</v>
      </c>
      <c r="F6658" s="7">
        <v>38657</v>
      </c>
      <c r="G6658" s="8">
        <v>1</v>
      </c>
      <c r="H6658" s="8">
        <v>1</v>
      </c>
      <c r="I6658" s="8">
        <v>0</v>
      </c>
      <c r="J6658" s="8">
        <v>1</v>
      </c>
      <c r="K6658" s="9">
        <v>17</v>
      </c>
      <c r="L6658" s="6" t="s">
        <v>51</v>
      </c>
    </row>
    <row r="6659" spans="1:12">
      <c r="A6659" s="6" t="s">
        <v>49</v>
      </c>
      <c r="B6659" s="6"/>
      <c r="C6659" s="6" t="s">
        <v>6683</v>
      </c>
      <c r="D6659" s="6"/>
      <c r="E6659" s="6" t="s">
        <v>9</v>
      </c>
      <c r="F6659" s="7">
        <v>38657</v>
      </c>
      <c r="G6659" s="8">
        <v>1</v>
      </c>
      <c r="H6659" s="8">
        <v>1</v>
      </c>
      <c r="I6659" s="8">
        <v>0</v>
      </c>
      <c r="J6659" s="8">
        <v>1</v>
      </c>
      <c r="K6659" s="9">
        <v>5.98</v>
      </c>
      <c r="L6659" s="6" t="s">
        <v>51</v>
      </c>
    </row>
    <row r="6660" spans="1:12">
      <c r="A6660" s="6" t="s">
        <v>49</v>
      </c>
      <c r="B6660" s="6"/>
      <c r="C6660" s="6" t="s">
        <v>6684</v>
      </c>
      <c r="D6660" s="6"/>
      <c r="E6660" s="6" t="s">
        <v>9</v>
      </c>
      <c r="F6660" s="7">
        <v>38657</v>
      </c>
      <c r="G6660" s="8">
        <v>1</v>
      </c>
      <c r="H6660" s="8">
        <v>1</v>
      </c>
      <c r="I6660" s="8">
        <v>0</v>
      </c>
      <c r="J6660" s="8">
        <v>1</v>
      </c>
      <c r="K6660" s="9">
        <v>23</v>
      </c>
      <c r="L6660" s="6" t="s">
        <v>51</v>
      </c>
    </row>
    <row r="6661" spans="1:12">
      <c r="A6661" s="6" t="s">
        <v>49</v>
      </c>
      <c r="B6661" s="6"/>
      <c r="C6661" s="6" t="s">
        <v>6685</v>
      </c>
      <c r="D6661" s="6"/>
      <c r="E6661" s="6" t="s">
        <v>9</v>
      </c>
      <c r="F6661" s="7">
        <v>38657</v>
      </c>
      <c r="G6661" s="8">
        <v>1</v>
      </c>
      <c r="H6661" s="8">
        <v>1</v>
      </c>
      <c r="I6661" s="8">
        <v>0</v>
      </c>
      <c r="J6661" s="8">
        <v>1</v>
      </c>
      <c r="K6661" s="9">
        <v>21</v>
      </c>
      <c r="L6661" s="6" t="s">
        <v>51</v>
      </c>
    </row>
    <row r="6662" spans="1:12">
      <c r="A6662" s="6" t="s">
        <v>49</v>
      </c>
      <c r="B6662" s="6"/>
      <c r="C6662" s="6" t="s">
        <v>6686</v>
      </c>
      <c r="D6662" s="6"/>
      <c r="E6662" s="6" t="s">
        <v>9</v>
      </c>
      <c r="F6662" s="7">
        <v>38657</v>
      </c>
      <c r="G6662" s="8">
        <v>1</v>
      </c>
      <c r="H6662" s="8">
        <v>1</v>
      </c>
      <c r="I6662" s="8">
        <v>0</v>
      </c>
      <c r="J6662" s="8">
        <v>1</v>
      </c>
      <c r="K6662" s="9">
        <v>6.63</v>
      </c>
      <c r="L6662" s="6" t="s">
        <v>51</v>
      </c>
    </row>
    <row r="6663" spans="1:12">
      <c r="A6663" s="6" t="s">
        <v>49</v>
      </c>
      <c r="B6663" s="6"/>
      <c r="C6663" s="6" t="s">
        <v>6687</v>
      </c>
      <c r="D6663" s="6"/>
      <c r="E6663" s="6" t="s">
        <v>9</v>
      </c>
      <c r="F6663" s="7">
        <v>38657</v>
      </c>
      <c r="G6663" s="8">
        <v>1</v>
      </c>
      <c r="H6663" s="8">
        <v>1</v>
      </c>
      <c r="I6663" s="8">
        <v>0</v>
      </c>
      <c r="J6663" s="8">
        <v>1</v>
      </c>
      <c r="K6663" s="9">
        <v>7.12</v>
      </c>
      <c r="L6663" s="6" t="s">
        <v>51</v>
      </c>
    </row>
    <row r="6664" spans="1:12">
      <c r="A6664" s="6" t="s">
        <v>49</v>
      </c>
      <c r="B6664" s="6"/>
      <c r="C6664" s="6" t="s">
        <v>6688</v>
      </c>
      <c r="D6664" s="6"/>
      <c r="E6664" s="6" t="s">
        <v>9</v>
      </c>
      <c r="F6664" s="7">
        <v>38657</v>
      </c>
      <c r="G6664" s="8">
        <v>1</v>
      </c>
      <c r="H6664" s="8">
        <v>1</v>
      </c>
      <c r="I6664" s="8">
        <v>0</v>
      </c>
      <c r="J6664" s="8">
        <v>1</v>
      </c>
      <c r="K6664" s="9">
        <v>52</v>
      </c>
      <c r="L6664" s="6" t="s">
        <v>51</v>
      </c>
    </row>
    <row r="6665" spans="1:12">
      <c r="A6665" s="6" t="s">
        <v>49</v>
      </c>
      <c r="B6665" s="6"/>
      <c r="C6665" s="6" t="s">
        <v>6689</v>
      </c>
      <c r="D6665" s="6"/>
      <c r="E6665" s="6" t="s">
        <v>9</v>
      </c>
      <c r="F6665" s="7">
        <v>38657</v>
      </c>
      <c r="G6665" s="8">
        <v>1</v>
      </c>
      <c r="H6665" s="8">
        <v>1</v>
      </c>
      <c r="I6665" s="8">
        <v>0</v>
      </c>
      <c r="J6665" s="8">
        <v>1</v>
      </c>
      <c r="K6665" s="9">
        <v>11</v>
      </c>
      <c r="L6665" s="6" t="s">
        <v>51</v>
      </c>
    </row>
    <row r="6666" spans="1:12">
      <c r="A6666" s="6" t="s">
        <v>49</v>
      </c>
      <c r="B6666" s="6"/>
      <c r="C6666" s="6" t="s">
        <v>6690</v>
      </c>
      <c r="D6666" s="6"/>
      <c r="E6666" s="6" t="s">
        <v>9</v>
      </c>
      <c r="F6666" s="7">
        <v>38657</v>
      </c>
      <c r="G6666" s="8">
        <v>1</v>
      </c>
      <c r="H6666" s="8">
        <v>1</v>
      </c>
      <c r="I6666" s="8">
        <v>0</v>
      </c>
      <c r="J6666" s="8">
        <v>1</v>
      </c>
      <c r="K6666" s="9">
        <v>46</v>
      </c>
      <c r="L6666" s="6" t="s">
        <v>51</v>
      </c>
    </row>
    <row r="6667" spans="1:12">
      <c r="A6667" s="6" t="s">
        <v>49</v>
      </c>
      <c r="B6667" s="6"/>
      <c r="C6667" s="6" t="s">
        <v>6691</v>
      </c>
      <c r="D6667" s="6"/>
      <c r="E6667" s="6" t="s">
        <v>9</v>
      </c>
      <c r="F6667" s="7">
        <v>38657</v>
      </c>
      <c r="G6667" s="8">
        <v>1</v>
      </c>
      <c r="H6667" s="8">
        <v>1</v>
      </c>
      <c r="I6667" s="8">
        <v>0</v>
      </c>
      <c r="J6667" s="8">
        <v>1</v>
      </c>
      <c r="K6667" s="9">
        <v>9.91</v>
      </c>
      <c r="L6667" s="6" t="s">
        <v>51</v>
      </c>
    </row>
    <row r="6668" spans="1:12">
      <c r="A6668" s="6" t="s">
        <v>49</v>
      </c>
      <c r="B6668" s="6"/>
      <c r="C6668" s="6" t="s">
        <v>6692</v>
      </c>
      <c r="D6668" s="6"/>
      <c r="E6668" s="6" t="s">
        <v>9</v>
      </c>
      <c r="F6668" s="7">
        <v>38657</v>
      </c>
      <c r="G6668" s="8">
        <v>1</v>
      </c>
      <c r="H6668" s="8">
        <v>1</v>
      </c>
      <c r="I6668" s="8">
        <v>0</v>
      </c>
      <c r="J6668" s="8">
        <v>1</v>
      </c>
      <c r="K6668" s="9">
        <v>148</v>
      </c>
      <c r="L6668" s="6" t="s">
        <v>51</v>
      </c>
    </row>
    <row r="6669" spans="1:12">
      <c r="A6669" s="6" t="s">
        <v>49</v>
      </c>
      <c r="B6669" s="6"/>
      <c r="C6669" s="6" t="s">
        <v>6693</v>
      </c>
      <c r="D6669" s="6"/>
      <c r="E6669" s="6" t="s">
        <v>9</v>
      </c>
      <c r="F6669" s="7">
        <v>38657</v>
      </c>
      <c r="G6669" s="8">
        <v>1</v>
      </c>
      <c r="H6669" s="8">
        <v>1</v>
      </c>
      <c r="I6669" s="8">
        <v>0</v>
      </c>
      <c r="J6669" s="8">
        <v>1</v>
      </c>
      <c r="K6669" s="9">
        <v>26</v>
      </c>
      <c r="L6669" s="6" t="s">
        <v>51</v>
      </c>
    </row>
    <row r="6670" spans="1:12">
      <c r="A6670" s="6" t="s">
        <v>49</v>
      </c>
      <c r="B6670" s="6"/>
      <c r="C6670" s="6" t="s">
        <v>6694</v>
      </c>
      <c r="D6670" s="6"/>
      <c r="E6670" s="6" t="s">
        <v>9</v>
      </c>
      <c r="F6670" s="7">
        <v>38657</v>
      </c>
      <c r="G6670" s="8">
        <v>1</v>
      </c>
      <c r="H6670" s="8">
        <v>1</v>
      </c>
      <c r="I6670" s="8">
        <v>0</v>
      </c>
      <c r="J6670" s="8">
        <v>1</v>
      </c>
      <c r="K6670" s="9">
        <v>49</v>
      </c>
      <c r="L6670" s="6" t="s">
        <v>51</v>
      </c>
    </row>
    <row r="6671" spans="1:12">
      <c r="A6671" s="6" t="s">
        <v>49</v>
      </c>
      <c r="B6671" s="6"/>
      <c r="C6671" s="6" t="s">
        <v>6695</v>
      </c>
      <c r="D6671" s="6"/>
      <c r="E6671" s="6" t="s">
        <v>9</v>
      </c>
      <c r="F6671" s="7">
        <v>38657</v>
      </c>
      <c r="G6671" s="8">
        <v>1</v>
      </c>
      <c r="H6671" s="8">
        <v>1</v>
      </c>
      <c r="I6671" s="8">
        <v>0</v>
      </c>
      <c r="J6671" s="8">
        <v>1</v>
      </c>
      <c r="K6671" s="9">
        <v>23</v>
      </c>
      <c r="L6671" s="6" t="s">
        <v>51</v>
      </c>
    </row>
    <row r="6672" spans="1:12">
      <c r="A6672" s="6" t="s">
        <v>49</v>
      </c>
      <c r="B6672" s="6"/>
      <c r="C6672" s="6" t="s">
        <v>6696</v>
      </c>
      <c r="D6672" s="6"/>
      <c r="E6672" s="6" t="s">
        <v>9</v>
      </c>
      <c r="F6672" s="7">
        <v>38657</v>
      </c>
      <c r="G6672" s="8">
        <v>1</v>
      </c>
      <c r="H6672" s="8">
        <v>1</v>
      </c>
      <c r="I6672" s="8">
        <v>0</v>
      </c>
      <c r="J6672" s="8">
        <v>1</v>
      </c>
      <c r="K6672" s="9">
        <v>23</v>
      </c>
      <c r="L6672" s="6" t="s">
        <v>51</v>
      </c>
    </row>
    <row r="6673" spans="1:12">
      <c r="A6673" s="6" t="s">
        <v>49</v>
      </c>
      <c r="B6673" s="6"/>
      <c r="C6673" s="6" t="s">
        <v>6697</v>
      </c>
      <c r="D6673" s="6"/>
      <c r="E6673" s="6" t="s">
        <v>9</v>
      </c>
      <c r="F6673" s="7">
        <v>38657</v>
      </c>
      <c r="G6673" s="8">
        <v>1</v>
      </c>
      <c r="H6673" s="8">
        <v>1</v>
      </c>
      <c r="I6673" s="8">
        <v>0</v>
      </c>
      <c r="J6673" s="8">
        <v>1</v>
      </c>
      <c r="K6673" s="9">
        <v>23</v>
      </c>
      <c r="L6673" s="6" t="s">
        <v>51</v>
      </c>
    </row>
    <row r="6674" spans="1:12">
      <c r="A6674" s="6" t="s">
        <v>49</v>
      </c>
      <c r="B6674" s="6"/>
      <c r="C6674" s="6" t="s">
        <v>6698</v>
      </c>
      <c r="D6674" s="6"/>
      <c r="E6674" s="6" t="s">
        <v>9</v>
      </c>
      <c r="F6674" s="7">
        <v>38657</v>
      </c>
      <c r="G6674" s="8">
        <v>1</v>
      </c>
      <c r="H6674" s="8">
        <v>1</v>
      </c>
      <c r="I6674" s="8">
        <v>0</v>
      </c>
      <c r="J6674" s="8">
        <v>1</v>
      </c>
      <c r="K6674" s="9">
        <v>29</v>
      </c>
      <c r="L6674" s="6" t="s">
        <v>51</v>
      </c>
    </row>
    <row r="6675" spans="1:12">
      <c r="A6675" s="6" t="s">
        <v>49</v>
      </c>
      <c r="B6675" s="6"/>
      <c r="C6675" s="6" t="s">
        <v>6699</v>
      </c>
      <c r="D6675" s="6"/>
      <c r="E6675" s="6" t="s">
        <v>9</v>
      </c>
      <c r="F6675" s="7">
        <v>38657</v>
      </c>
      <c r="G6675" s="8">
        <v>1</v>
      </c>
      <c r="H6675" s="8">
        <v>1</v>
      </c>
      <c r="I6675" s="8">
        <v>0</v>
      </c>
      <c r="J6675" s="8">
        <v>1</v>
      </c>
      <c r="K6675" s="9">
        <v>145</v>
      </c>
      <c r="L6675" s="6" t="s">
        <v>51</v>
      </c>
    </row>
    <row r="6676" spans="1:12">
      <c r="A6676" s="6" t="s">
        <v>49</v>
      </c>
      <c r="B6676" s="6"/>
      <c r="C6676" s="6" t="s">
        <v>6700</v>
      </c>
      <c r="D6676" s="6"/>
      <c r="E6676" s="6" t="s">
        <v>9</v>
      </c>
      <c r="F6676" s="7">
        <v>38657</v>
      </c>
      <c r="G6676" s="8">
        <v>1</v>
      </c>
      <c r="H6676" s="8">
        <v>1</v>
      </c>
      <c r="I6676" s="8">
        <v>0</v>
      </c>
      <c r="J6676" s="8">
        <v>1</v>
      </c>
      <c r="K6676" s="9">
        <v>26</v>
      </c>
      <c r="L6676" s="6" t="s">
        <v>51</v>
      </c>
    </row>
    <row r="6677" spans="1:12">
      <c r="A6677" s="6" t="s">
        <v>49</v>
      </c>
      <c r="B6677" s="6"/>
      <c r="C6677" s="6" t="s">
        <v>6701</v>
      </c>
      <c r="D6677" s="6"/>
      <c r="E6677" s="6" t="s">
        <v>9</v>
      </c>
      <c r="F6677" s="7">
        <v>38657</v>
      </c>
      <c r="G6677" s="8">
        <v>1</v>
      </c>
      <c r="H6677" s="8">
        <v>1</v>
      </c>
      <c r="I6677" s="8">
        <v>0</v>
      </c>
      <c r="J6677" s="8">
        <v>1</v>
      </c>
      <c r="K6677" s="9">
        <v>6.61</v>
      </c>
      <c r="L6677" s="6" t="s">
        <v>51</v>
      </c>
    </row>
    <row r="6678" spans="1:12">
      <c r="A6678" s="6" t="s">
        <v>49</v>
      </c>
      <c r="B6678" s="6"/>
      <c r="C6678" s="6" t="s">
        <v>6702</v>
      </c>
      <c r="D6678" s="6"/>
      <c r="E6678" s="6" t="s">
        <v>9</v>
      </c>
      <c r="F6678" s="7">
        <v>38657</v>
      </c>
      <c r="G6678" s="8">
        <v>1</v>
      </c>
      <c r="H6678" s="8">
        <v>1</v>
      </c>
      <c r="I6678" s="8">
        <v>0</v>
      </c>
      <c r="J6678" s="8">
        <v>1</v>
      </c>
      <c r="K6678" s="9">
        <v>24</v>
      </c>
      <c r="L6678" s="6" t="s">
        <v>51</v>
      </c>
    </row>
    <row r="6679" spans="1:12">
      <c r="A6679" s="6" t="s">
        <v>49</v>
      </c>
      <c r="B6679" s="6"/>
      <c r="C6679" s="6" t="s">
        <v>6703</v>
      </c>
      <c r="D6679" s="6"/>
      <c r="E6679" s="6" t="s">
        <v>9</v>
      </c>
      <c r="F6679" s="7">
        <v>38657</v>
      </c>
      <c r="G6679" s="8">
        <v>1</v>
      </c>
      <c r="H6679" s="8">
        <v>1</v>
      </c>
      <c r="I6679" s="8">
        <v>0</v>
      </c>
      <c r="J6679" s="8">
        <v>1</v>
      </c>
      <c r="K6679" s="9">
        <v>16</v>
      </c>
      <c r="L6679" s="6" t="s">
        <v>51</v>
      </c>
    </row>
    <row r="6680" spans="1:12">
      <c r="A6680" s="6" t="s">
        <v>49</v>
      </c>
      <c r="B6680" s="6"/>
      <c r="C6680" s="6" t="s">
        <v>6704</v>
      </c>
      <c r="D6680" s="6"/>
      <c r="E6680" s="6" t="s">
        <v>9</v>
      </c>
      <c r="F6680" s="7">
        <v>38657</v>
      </c>
      <c r="G6680" s="8">
        <v>1</v>
      </c>
      <c r="H6680" s="8">
        <v>1</v>
      </c>
      <c r="I6680" s="8">
        <v>0</v>
      </c>
      <c r="J6680" s="8">
        <v>1</v>
      </c>
      <c r="K6680" s="9">
        <v>1.99</v>
      </c>
      <c r="L6680" s="6" t="s">
        <v>51</v>
      </c>
    </row>
    <row r="6681" spans="1:12">
      <c r="A6681" s="6" t="s">
        <v>49</v>
      </c>
      <c r="B6681" s="6"/>
      <c r="C6681" s="6" t="s">
        <v>6705</v>
      </c>
      <c r="D6681" s="6"/>
      <c r="E6681" s="6" t="s">
        <v>9</v>
      </c>
      <c r="F6681" s="7">
        <v>38657</v>
      </c>
      <c r="G6681" s="8">
        <v>1</v>
      </c>
      <c r="H6681" s="8">
        <v>1</v>
      </c>
      <c r="I6681" s="8">
        <v>0</v>
      </c>
      <c r="J6681" s="8">
        <v>1</v>
      </c>
      <c r="K6681" s="9">
        <v>11.67</v>
      </c>
      <c r="L6681" s="6" t="s">
        <v>51</v>
      </c>
    </row>
    <row r="6682" spans="1:12">
      <c r="A6682" s="6" t="s">
        <v>49</v>
      </c>
      <c r="B6682" s="6"/>
      <c r="C6682" s="6" t="s">
        <v>6706</v>
      </c>
      <c r="D6682" s="6"/>
      <c r="E6682" s="6" t="s">
        <v>9</v>
      </c>
      <c r="F6682" s="7">
        <v>38657</v>
      </c>
      <c r="G6682" s="8">
        <v>1</v>
      </c>
      <c r="H6682" s="8">
        <v>1</v>
      </c>
      <c r="I6682" s="8">
        <v>0</v>
      </c>
      <c r="J6682" s="8">
        <v>1</v>
      </c>
      <c r="K6682" s="9">
        <v>23.08</v>
      </c>
      <c r="L6682" s="6" t="s">
        <v>51</v>
      </c>
    </row>
    <row r="6683" spans="1:12">
      <c r="A6683" s="6" t="s">
        <v>49</v>
      </c>
      <c r="B6683" s="6"/>
      <c r="C6683" s="6" t="s">
        <v>6707</v>
      </c>
      <c r="D6683" s="6"/>
      <c r="E6683" s="6" t="s">
        <v>9</v>
      </c>
      <c r="F6683" s="7">
        <v>38657</v>
      </c>
      <c r="G6683" s="8">
        <v>1</v>
      </c>
      <c r="H6683" s="8">
        <v>1</v>
      </c>
      <c r="I6683" s="8">
        <v>0</v>
      </c>
      <c r="J6683" s="8">
        <v>1</v>
      </c>
      <c r="K6683" s="9">
        <v>7.46</v>
      </c>
      <c r="L6683" s="6" t="s">
        <v>51</v>
      </c>
    </row>
    <row r="6684" spans="1:12">
      <c r="A6684" s="6" t="s">
        <v>49</v>
      </c>
      <c r="B6684" s="6"/>
      <c r="C6684" s="6" t="s">
        <v>6708</v>
      </c>
      <c r="D6684" s="6"/>
      <c r="E6684" s="6" t="s">
        <v>9</v>
      </c>
      <c r="F6684" s="7">
        <v>38657</v>
      </c>
      <c r="G6684" s="8">
        <v>1</v>
      </c>
      <c r="H6684" s="8">
        <v>1</v>
      </c>
      <c r="I6684" s="8">
        <v>0</v>
      </c>
      <c r="J6684" s="8">
        <v>1</v>
      </c>
      <c r="K6684" s="9">
        <v>18.34</v>
      </c>
      <c r="L6684" s="6" t="s">
        <v>51</v>
      </c>
    </row>
    <row r="6685" spans="1:12">
      <c r="A6685" s="6" t="s">
        <v>49</v>
      </c>
      <c r="B6685" s="6"/>
      <c r="C6685" s="6" t="s">
        <v>6709</v>
      </c>
      <c r="D6685" s="6"/>
      <c r="E6685" s="6" t="s">
        <v>9</v>
      </c>
      <c r="F6685" s="7">
        <v>38657</v>
      </c>
      <c r="G6685" s="8">
        <v>1</v>
      </c>
      <c r="H6685" s="8">
        <v>1</v>
      </c>
      <c r="I6685" s="8">
        <v>0</v>
      </c>
      <c r="J6685" s="8">
        <v>1</v>
      </c>
      <c r="K6685" s="9">
        <v>4.07</v>
      </c>
      <c r="L6685" s="6" t="s">
        <v>51</v>
      </c>
    </row>
    <row r="6686" spans="1:12">
      <c r="A6686" s="6" t="s">
        <v>49</v>
      </c>
      <c r="B6686" s="6"/>
      <c r="C6686" s="6" t="s">
        <v>6710</v>
      </c>
      <c r="D6686" s="6"/>
      <c r="E6686" s="6" t="s">
        <v>9</v>
      </c>
      <c r="F6686" s="7">
        <v>38657</v>
      </c>
      <c r="G6686" s="8">
        <v>1</v>
      </c>
      <c r="H6686" s="8">
        <v>1</v>
      </c>
      <c r="I6686" s="8">
        <v>0</v>
      </c>
      <c r="J6686" s="8">
        <v>1</v>
      </c>
      <c r="K6686" s="9">
        <v>62</v>
      </c>
      <c r="L6686" s="6" t="s">
        <v>51</v>
      </c>
    </row>
    <row r="6687" spans="1:12">
      <c r="A6687" s="6" t="s">
        <v>49</v>
      </c>
      <c r="B6687" s="6"/>
      <c r="C6687" s="6" t="s">
        <v>6711</v>
      </c>
      <c r="D6687" s="6"/>
      <c r="E6687" s="6" t="s">
        <v>9</v>
      </c>
      <c r="F6687" s="7">
        <v>38657</v>
      </c>
      <c r="G6687" s="8">
        <v>1</v>
      </c>
      <c r="H6687" s="8">
        <v>1</v>
      </c>
      <c r="I6687" s="8">
        <v>0</v>
      </c>
      <c r="J6687" s="8">
        <v>1</v>
      </c>
      <c r="K6687" s="9">
        <v>152.86000000000001</v>
      </c>
      <c r="L6687" s="6" t="s">
        <v>51</v>
      </c>
    </row>
    <row r="6688" spans="1:12">
      <c r="A6688" s="6" t="s">
        <v>49</v>
      </c>
      <c r="B6688" s="6"/>
      <c r="C6688" s="6" t="s">
        <v>6712</v>
      </c>
      <c r="D6688" s="6"/>
      <c r="E6688" s="6" t="s">
        <v>9</v>
      </c>
      <c r="F6688" s="7">
        <v>38657</v>
      </c>
      <c r="G6688" s="8">
        <v>1</v>
      </c>
      <c r="H6688" s="8">
        <v>1</v>
      </c>
      <c r="I6688" s="8">
        <v>0</v>
      </c>
      <c r="J6688" s="8">
        <v>1</v>
      </c>
      <c r="K6688" s="9">
        <v>51.91</v>
      </c>
      <c r="L6688" s="6" t="s">
        <v>51</v>
      </c>
    </row>
    <row r="6689" spans="1:12">
      <c r="A6689" s="6" t="s">
        <v>49</v>
      </c>
      <c r="B6689" s="6"/>
      <c r="C6689" s="6" t="s">
        <v>6713</v>
      </c>
      <c r="D6689" s="6"/>
      <c r="E6689" s="6" t="s">
        <v>9</v>
      </c>
      <c r="F6689" s="7">
        <v>38657</v>
      </c>
      <c r="G6689" s="8">
        <v>1</v>
      </c>
      <c r="H6689" s="8">
        <v>1</v>
      </c>
      <c r="I6689" s="8">
        <v>0</v>
      </c>
      <c r="J6689" s="8">
        <v>1</v>
      </c>
      <c r="K6689" s="9">
        <v>3.36</v>
      </c>
      <c r="L6689" s="6" t="s">
        <v>51</v>
      </c>
    </row>
    <row r="6690" spans="1:12">
      <c r="A6690" s="6" t="s">
        <v>49</v>
      </c>
      <c r="B6690" s="6"/>
      <c r="C6690" s="6" t="s">
        <v>6714</v>
      </c>
      <c r="D6690" s="6"/>
      <c r="E6690" s="6" t="s">
        <v>9</v>
      </c>
      <c r="F6690" s="7">
        <v>38657</v>
      </c>
      <c r="G6690" s="8">
        <v>1</v>
      </c>
      <c r="H6690" s="8">
        <v>1</v>
      </c>
      <c r="I6690" s="8">
        <v>0</v>
      </c>
      <c r="J6690" s="8">
        <v>1</v>
      </c>
      <c r="K6690" s="9">
        <v>75</v>
      </c>
      <c r="L6690" s="6" t="s">
        <v>51</v>
      </c>
    </row>
    <row r="6691" spans="1:12">
      <c r="A6691" s="6" t="s">
        <v>49</v>
      </c>
      <c r="B6691" s="6"/>
      <c r="C6691" s="6" t="s">
        <v>6715</v>
      </c>
      <c r="D6691" s="6"/>
      <c r="E6691" s="6" t="s">
        <v>9</v>
      </c>
      <c r="F6691" s="7">
        <v>38657</v>
      </c>
      <c r="G6691" s="8">
        <v>1</v>
      </c>
      <c r="H6691" s="8">
        <v>1</v>
      </c>
      <c r="I6691" s="8">
        <v>0</v>
      </c>
      <c r="J6691" s="8">
        <v>1</v>
      </c>
      <c r="K6691" s="9">
        <v>3906</v>
      </c>
      <c r="L6691" s="6" t="s">
        <v>51</v>
      </c>
    </row>
    <row r="6692" spans="1:12">
      <c r="A6692" s="6" t="s">
        <v>49</v>
      </c>
      <c r="B6692" s="6"/>
      <c r="C6692" s="6" t="s">
        <v>6716</v>
      </c>
      <c r="D6692" s="6"/>
      <c r="E6692" s="6" t="s">
        <v>9</v>
      </c>
      <c r="F6692" s="7">
        <v>38657</v>
      </c>
      <c r="G6692" s="8">
        <v>1</v>
      </c>
      <c r="H6692" s="8">
        <v>1</v>
      </c>
      <c r="I6692" s="8">
        <v>0</v>
      </c>
      <c r="J6692" s="8">
        <v>1</v>
      </c>
      <c r="K6692" s="9">
        <v>638</v>
      </c>
      <c r="L6692" s="6" t="s">
        <v>51</v>
      </c>
    </row>
    <row r="6693" spans="1:12">
      <c r="A6693" s="6" t="s">
        <v>49</v>
      </c>
      <c r="B6693" s="6"/>
      <c r="C6693" s="6" t="s">
        <v>6717</v>
      </c>
      <c r="D6693" s="6"/>
      <c r="E6693" s="6" t="s">
        <v>9</v>
      </c>
      <c r="F6693" s="7">
        <v>38657</v>
      </c>
      <c r="G6693" s="8">
        <v>1</v>
      </c>
      <c r="H6693" s="8">
        <v>1</v>
      </c>
      <c r="I6693" s="8">
        <v>0</v>
      </c>
      <c r="J6693" s="8">
        <v>1</v>
      </c>
      <c r="K6693" s="9">
        <v>327</v>
      </c>
      <c r="L6693" s="6" t="s">
        <v>51</v>
      </c>
    </row>
    <row r="6694" spans="1:12">
      <c r="A6694" s="6" t="s">
        <v>49</v>
      </c>
      <c r="B6694" s="6"/>
      <c r="C6694" s="6" t="s">
        <v>6718</v>
      </c>
      <c r="D6694" s="6"/>
      <c r="E6694" s="6" t="s">
        <v>9</v>
      </c>
      <c r="F6694" s="7">
        <v>38657</v>
      </c>
      <c r="G6694" s="8">
        <v>1</v>
      </c>
      <c r="H6694" s="8">
        <v>1</v>
      </c>
      <c r="I6694" s="8">
        <v>0</v>
      </c>
      <c r="J6694" s="8">
        <v>1</v>
      </c>
      <c r="K6694" s="9">
        <v>553</v>
      </c>
      <c r="L6694" s="6" t="s">
        <v>51</v>
      </c>
    </row>
    <row r="6695" spans="1:12">
      <c r="A6695" s="6" t="s">
        <v>49</v>
      </c>
      <c r="B6695" s="6"/>
      <c r="C6695" s="6" t="s">
        <v>6719</v>
      </c>
      <c r="D6695" s="6"/>
      <c r="E6695" s="6" t="s">
        <v>9</v>
      </c>
      <c r="F6695" s="7">
        <v>38657</v>
      </c>
      <c r="G6695" s="8">
        <v>1</v>
      </c>
      <c r="H6695" s="8">
        <v>1</v>
      </c>
      <c r="I6695" s="8">
        <v>0</v>
      </c>
      <c r="J6695" s="8">
        <v>1</v>
      </c>
      <c r="K6695" s="9">
        <v>1347</v>
      </c>
      <c r="L6695" s="6" t="s">
        <v>51</v>
      </c>
    </row>
    <row r="6696" spans="1:12">
      <c r="A6696" s="6" t="s">
        <v>49</v>
      </c>
      <c r="B6696" s="6"/>
      <c r="C6696" s="6" t="s">
        <v>6720</v>
      </c>
      <c r="D6696" s="6"/>
      <c r="E6696" s="6" t="s">
        <v>9</v>
      </c>
      <c r="F6696" s="7">
        <v>38657</v>
      </c>
      <c r="G6696" s="8">
        <v>1</v>
      </c>
      <c r="H6696" s="8">
        <v>1</v>
      </c>
      <c r="I6696" s="8">
        <v>0</v>
      </c>
      <c r="J6696" s="8">
        <v>1</v>
      </c>
      <c r="K6696" s="9">
        <v>460</v>
      </c>
      <c r="L6696" s="6" t="s">
        <v>51</v>
      </c>
    </row>
    <row r="6697" spans="1:12">
      <c r="A6697" s="6" t="s">
        <v>49</v>
      </c>
      <c r="B6697" s="6"/>
      <c r="C6697" s="6" t="s">
        <v>6721</v>
      </c>
      <c r="D6697" s="6"/>
      <c r="E6697" s="6" t="s">
        <v>9</v>
      </c>
      <c r="F6697" s="7">
        <v>38657</v>
      </c>
      <c r="G6697" s="8">
        <v>1</v>
      </c>
      <c r="H6697" s="8">
        <v>1</v>
      </c>
      <c r="I6697" s="8">
        <v>0</v>
      </c>
      <c r="J6697" s="8">
        <v>1</v>
      </c>
      <c r="K6697" s="9">
        <v>6.61</v>
      </c>
      <c r="L6697" s="6" t="s">
        <v>51</v>
      </c>
    </row>
    <row r="6698" spans="1:12">
      <c r="A6698" s="6" t="s">
        <v>49</v>
      </c>
      <c r="B6698" s="6"/>
      <c r="C6698" s="6" t="s">
        <v>6722</v>
      </c>
      <c r="D6698" s="6"/>
      <c r="E6698" s="6" t="s">
        <v>9</v>
      </c>
      <c r="F6698" s="7">
        <v>38657</v>
      </c>
      <c r="G6698" s="8">
        <v>1</v>
      </c>
      <c r="H6698" s="8">
        <v>1</v>
      </c>
      <c r="I6698" s="8">
        <v>0</v>
      </c>
      <c r="J6698" s="8">
        <v>1</v>
      </c>
      <c r="K6698" s="9">
        <v>1173</v>
      </c>
      <c r="L6698" s="6" t="s">
        <v>51</v>
      </c>
    </row>
    <row r="6699" spans="1:12">
      <c r="A6699" s="6" t="s">
        <v>49</v>
      </c>
      <c r="B6699" s="6"/>
      <c r="C6699" s="6" t="s">
        <v>6723</v>
      </c>
      <c r="D6699" s="6"/>
      <c r="E6699" s="6" t="s">
        <v>9</v>
      </c>
      <c r="F6699" s="7">
        <v>38657</v>
      </c>
      <c r="G6699" s="8">
        <v>1</v>
      </c>
      <c r="H6699" s="8">
        <v>1</v>
      </c>
      <c r="I6699" s="8">
        <v>0</v>
      </c>
      <c r="J6699" s="8">
        <v>1</v>
      </c>
      <c r="K6699" s="9">
        <v>939</v>
      </c>
      <c r="L6699" s="6" t="s">
        <v>51</v>
      </c>
    </row>
    <row r="6700" spans="1:12">
      <c r="A6700" s="6" t="s">
        <v>49</v>
      </c>
      <c r="B6700" s="6"/>
      <c r="C6700" s="6" t="s">
        <v>6724</v>
      </c>
      <c r="D6700" s="6"/>
      <c r="E6700" s="6" t="s">
        <v>9</v>
      </c>
      <c r="F6700" s="7">
        <v>38657</v>
      </c>
      <c r="G6700" s="8">
        <v>1</v>
      </c>
      <c r="H6700" s="8">
        <v>1</v>
      </c>
      <c r="I6700" s="8">
        <v>0</v>
      </c>
      <c r="J6700" s="8">
        <v>1</v>
      </c>
      <c r="K6700" s="9">
        <v>5867</v>
      </c>
      <c r="L6700" s="6" t="s">
        <v>51</v>
      </c>
    </row>
    <row r="6701" spans="1:12">
      <c r="A6701" s="6" t="s">
        <v>49</v>
      </c>
      <c r="B6701" s="6"/>
      <c r="C6701" s="6" t="s">
        <v>6725</v>
      </c>
      <c r="D6701" s="6"/>
      <c r="E6701" s="6" t="s">
        <v>9</v>
      </c>
      <c r="F6701" s="7">
        <v>38657</v>
      </c>
      <c r="G6701" s="8">
        <v>1</v>
      </c>
      <c r="H6701" s="8">
        <v>1</v>
      </c>
      <c r="I6701" s="8">
        <v>0</v>
      </c>
      <c r="J6701" s="8">
        <v>1</v>
      </c>
      <c r="K6701" s="9">
        <v>142</v>
      </c>
      <c r="L6701" s="6" t="s">
        <v>51</v>
      </c>
    </row>
    <row r="6702" spans="1:12">
      <c r="A6702" s="6" t="s">
        <v>49</v>
      </c>
      <c r="B6702" s="6"/>
      <c r="C6702" s="6" t="s">
        <v>6726</v>
      </c>
      <c r="D6702" s="6"/>
      <c r="E6702" s="6" t="s">
        <v>9</v>
      </c>
      <c r="F6702" s="7">
        <v>38657</v>
      </c>
      <c r="G6702" s="8">
        <v>1</v>
      </c>
      <c r="H6702" s="8">
        <v>1</v>
      </c>
      <c r="I6702" s="8">
        <v>0</v>
      </c>
      <c r="J6702" s="8">
        <v>1</v>
      </c>
      <c r="K6702" s="9">
        <v>3631</v>
      </c>
      <c r="L6702" s="6" t="s">
        <v>51</v>
      </c>
    </row>
    <row r="6703" spans="1:12">
      <c r="A6703" s="6" t="s">
        <v>49</v>
      </c>
      <c r="B6703" s="6"/>
      <c r="C6703" s="6" t="s">
        <v>6727</v>
      </c>
      <c r="D6703" s="6"/>
      <c r="E6703" s="6" t="s">
        <v>9</v>
      </c>
      <c r="F6703" s="7">
        <v>38657</v>
      </c>
      <c r="G6703" s="8">
        <v>1</v>
      </c>
      <c r="H6703" s="8">
        <v>1</v>
      </c>
      <c r="I6703" s="8">
        <v>0</v>
      </c>
      <c r="J6703" s="8">
        <v>1</v>
      </c>
      <c r="K6703" s="9">
        <v>3344</v>
      </c>
      <c r="L6703" s="6" t="s">
        <v>51</v>
      </c>
    </row>
    <row r="6704" spans="1:12">
      <c r="A6704" s="6" t="s">
        <v>49</v>
      </c>
      <c r="B6704" s="6"/>
      <c r="C6704" s="6" t="s">
        <v>6728</v>
      </c>
      <c r="D6704" s="6"/>
      <c r="E6704" s="6" t="s">
        <v>9</v>
      </c>
      <c r="F6704" s="7">
        <v>38657</v>
      </c>
      <c r="G6704" s="8">
        <v>1</v>
      </c>
      <c r="H6704" s="8">
        <v>1</v>
      </c>
      <c r="I6704" s="8">
        <v>0</v>
      </c>
      <c r="J6704" s="8">
        <v>1</v>
      </c>
      <c r="K6704" s="9">
        <v>460</v>
      </c>
      <c r="L6704" s="6" t="s">
        <v>51</v>
      </c>
    </row>
    <row r="6705" spans="1:12">
      <c r="A6705" s="6" t="s">
        <v>49</v>
      </c>
      <c r="B6705" s="6"/>
      <c r="C6705" s="6" t="s">
        <v>6729</v>
      </c>
      <c r="D6705" s="6"/>
      <c r="E6705" s="6" t="s">
        <v>9</v>
      </c>
      <c r="F6705" s="7">
        <v>38657</v>
      </c>
      <c r="G6705" s="8">
        <v>1</v>
      </c>
      <c r="H6705" s="8">
        <v>1</v>
      </c>
      <c r="I6705" s="8">
        <v>0</v>
      </c>
      <c r="J6705" s="8">
        <v>1</v>
      </c>
      <c r="K6705" s="9">
        <v>2772</v>
      </c>
      <c r="L6705" s="6" t="s">
        <v>51</v>
      </c>
    </row>
    <row r="6706" spans="1:12">
      <c r="A6706" s="6" t="s">
        <v>49</v>
      </c>
      <c r="B6706" s="6"/>
      <c r="C6706" s="6" t="s">
        <v>6730</v>
      </c>
      <c r="D6706" s="6"/>
      <c r="E6706" s="6" t="s">
        <v>9</v>
      </c>
      <c r="F6706" s="7">
        <v>38657</v>
      </c>
      <c r="G6706" s="8">
        <v>1</v>
      </c>
      <c r="H6706" s="8">
        <v>1</v>
      </c>
      <c r="I6706" s="8">
        <v>0</v>
      </c>
      <c r="J6706" s="8">
        <v>1</v>
      </c>
      <c r="K6706" s="9">
        <v>4563</v>
      </c>
      <c r="L6706" s="6" t="s">
        <v>51</v>
      </c>
    </row>
    <row r="6707" spans="1:12">
      <c r="A6707" s="6" t="s">
        <v>49</v>
      </c>
      <c r="B6707" s="6"/>
      <c r="C6707" s="6" t="s">
        <v>6731</v>
      </c>
      <c r="D6707" s="6"/>
      <c r="E6707" s="6" t="s">
        <v>9</v>
      </c>
      <c r="F6707" s="7">
        <v>38657</v>
      </c>
      <c r="G6707" s="8">
        <v>1</v>
      </c>
      <c r="H6707" s="8">
        <v>1</v>
      </c>
      <c r="I6707" s="8">
        <v>0</v>
      </c>
      <c r="J6707" s="8">
        <v>1</v>
      </c>
      <c r="K6707" s="9">
        <v>438</v>
      </c>
      <c r="L6707" s="6" t="s">
        <v>51</v>
      </c>
    </row>
    <row r="6708" spans="1:12">
      <c r="A6708" s="6" t="s">
        <v>49</v>
      </c>
      <c r="B6708" s="6"/>
      <c r="C6708" s="6" t="s">
        <v>6732</v>
      </c>
      <c r="D6708" s="6"/>
      <c r="E6708" s="6" t="s">
        <v>9</v>
      </c>
      <c r="F6708" s="7">
        <v>38657</v>
      </c>
      <c r="G6708" s="8">
        <v>1</v>
      </c>
      <c r="H6708" s="8">
        <v>1</v>
      </c>
      <c r="I6708" s="8">
        <v>0</v>
      </c>
      <c r="J6708" s="8">
        <v>1</v>
      </c>
      <c r="K6708" s="9">
        <v>16</v>
      </c>
      <c r="L6708" s="6" t="s">
        <v>51</v>
      </c>
    </row>
    <row r="6709" spans="1:12">
      <c r="A6709" s="6" t="s">
        <v>49</v>
      </c>
      <c r="B6709" s="6"/>
      <c r="C6709" s="6" t="s">
        <v>6733</v>
      </c>
      <c r="D6709" s="6"/>
      <c r="E6709" s="6" t="s">
        <v>9</v>
      </c>
      <c r="F6709" s="7">
        <v>38657</v>
      </c>
      <c r="G6709" s="8">
        <v>1</v>
      </c>
      <c r="H6709" s="8">
        <v>1</v>
      </c>
      <c r="I6709" s="8">
        <v>0</v>
      </c>
      <c r="J6709" s="8">
        <v>1</v>
      </c>
      <c r="K6709" s="9">
        <v>8.35</v>
      </c>
      <c r="L6709" s="6" t="s">
        <v>51</v>
      </c>
    </row>
    <row r="6710" spans="1:12">
      <c r="A6710" s="6" t="s">
        <v>49</v>
      </c>
      <c r="B6710" s="6"/>
      <c r="C6710" s="6" t="s">
        <v>6734</v>
      </c>
      <c r="D6710" s="6"/>
      <c r="E6710" s="6" t="s">
        <v>9</v>
      </c>
      <c r="F6710" s="7">
        <v>38657</v>
      </c>
      <c r="G6710" s="8">
        <v>1</v>
      </c>
      <c r="H6710" s="8">
        <v>1</v>
      </c>
      <c r="I6710" s="8">
        <v>0</v>
      </c>
      <c r="J6710" s="8">
        <v>1</v>
      </c>
      <c r="K6710" s="9">
        <v>598</v>
      </c>
      <c r="L6710" s="6" t="s">
        <v>51</v>
      </c>
    </row>
    <row r="6711" spans="1:12">
      <c r="A6711" s="6" t="s">
        <v>49</v>
      </c>
      <c r="B6711" s="6"/>
      <c r="C6711" s="6" t="s">
        <v>6735</v>
      </c>
      <c r="D6711" s="6"/>
      <c r="E6711" s="6" t="s">
        <v>9</v>
      </c>
      <c r="F6711" s="7">
        <v>38657</v>
      </c>
      <c r="G6711" s="8">
        <v>1</v>
      </c>
      <c r="H6711" s="8">
        <v>1</v>
      </c>
      <c r="I6711" s="8">
        <v>0</v>
      </c>
      <c r="J6711" s="8">
        <v>1</v>
      </c>
      <c r="K6711" s="9">
        <v>85</v>
      </c>
      <c r="L6711" s="6" t="s">
        <v>51</v>
      </c>
    </row>
    <row r="6712" spans="1:12">
      <c r="A6712" s="6" t="s">
        <v>49</v>
      </c>
      <c r="B6712" s="6"/>
      <c r="C6712" s="6" t="s">
        <v>6736</v>
      </c>
      <c r="D6712" s="6"/>
      <c r="E6712" s="6" t="s">
        <v>9</v>
      </c>
      <c r="F6712" s="7">
        <v>38657</v>
      </c>
      <c r="G6712" s="8">
        <v>1</v>
      </c>
      <c r="H6712" s="8">
        <v>1</v>
      </c>
      <c r="I6712" s="8">
        <v>0</v>
      </c>
      <c r="J6712" s="8">
        <v>1</v>
      </c>
      <c r="K6712" s="9">
        <v>116</v>
      </c>
      <c r="L6712" s="6" t="s">
        <v>51</v>
      </c>
    </row>
    <row r="6713" spans="1:12">
      <c r="A6713" s="6" t="s">
        <v>49</v>
      </c>
      <c r="B6713" s="6"/>
      <c r="C6713" s="6" t="s">
        <v>6737</v>
      </c>
      <c r="D6713" s="6"/>
      <c r="E6713" s="6" t="s">
        <v>9</v>
      </c>
      <c r="F6713" s="7">
        <v>38657</v>
      </c>
      <c r="G6713" s="8">
        <v>1</v>
      </c>
      <c r="H6713" s="8">
        <v>1</v>
      </c>
      <c r="I6713" s="8">
        <v>0</v>
      </c>
      <c r="J6713" s="8">
        <v>1</v>
      </c>
      <c r="K6713" s="9">
        <v>116</v>
      </c>
      <c r="L6713" s="6" t="s">
        <v>51</v>
      </c>
    </row>
    <row r="6714" spans="1:12">
      <c r="A6714" s="6" t="s">
        <v>49</v>
      </c>
      <c r="B6714" s="6"/>
      <c r="C6714" s="6" t="s">
        <v>6738</v>
      </c>
      <c r="D6714" s="6"/>
      <c r="E6714" s="6" t="s">
        <v>9</v>
      </c>
      <c r="F6714" s="7">
        <v>38657</v>
      </c>
      <c r="G6714" s="8">
        <v>1</v>
      </c>
      <c r="H6714" s="8">
        <v>1</v>
      </c>
      <c r="I6714" s="8">
        <v>0</v>
      </c>
      <c r="J6714" s="8">
        <v>1</v>
      </c>
      <c r="K6714" s="9">
        <v>116</v>
      </c>
      <c r="L6714" s="6" t="s">
        <v>51</v>
      </c>
    </row>
    <row r="6715" spans="1:12">
      <c r="A6715" s="6" t="s">
        <v>49</v>
      </c>
      <c r="B6715" s="6"/>
      <c r="C6715" s="6" t="s">
        <v>6739</v>
      </c>
      <c r="D6715" s="6"/>
      <c r="E6715" s="6" t="s">
        <v>9</v>
      </c>
      <c r="F6715" s="7">
        <v>38657</v>
      </c>
      <c r="G6715" s="8">
        <v>1</v>
      </c>
      <c r="H6715" s="8">
        <v>1</v>
      </c>
      <c r="I6715" s="8">
        <v>0</v>
      </c>
      <c r="J6715" s="8">
        <v>1</v>
      </c>
      <c r="K6715" s="9">
        <v>116</v>
      </c>
      <c r="L6715" s="6" t="s">
        <v>51</v>
      </c>
    </row>
    <row r="6716" spans="1:12">
      <c r="A6716" s="6" t="s">
        <v>49</v>
      </c>
      <c r="B6716" s="6"/>
      <c r="C6716" s="6" t="s">
        <v>6740</v>
      </c>
      <c r="D6716" s="6"/>
      <c r="E6716" s="6" t="s">
        <v>9</v>
      </c>
      <c r="F6716" s="7">
        <v>38657</v>
      </c>
      <c r="G6716" s="8">
        <v>1</v>
      </c>
      <c r="H6716" s="8">
        <v>1</v>
      </c>
      <c r="I6716" s="8">
        <v>0</v>
      </c>
      <c r="J6716" s="8">
        <v>1</v>
      </c>
      <c r="K6716" s="9">
        <v>116</v>
      </c>
      <c r="L6716" s="6" t="s">
        <v>51</v>
      </c>
    </row>
    <row r="6717" spans="1:12">
      <c r="A6717" s="6" t="s">
        <v>49</v>
      </c>
      <c r="B6717" s="6"/>
      <c r="C6717" s="6" t="s">
        <v>6741</v>
      </c>
      <c r="D6717" s="6"/>
      <c r="E6717" s="6" t="s">
        <v>9</v>
      </c>
      <c r="F6717" s="7">
        <v>38657</v>
      </c>
      <c r="G6717" s="8">
        <v>1</v>
      </c>
      <c r="H6717" s="8">
        <v>1</v>
      </c>
      <c r="I6717" s="8">
        <v>0</v>
      </c>
      <c r="J6717" s="8">
        <v>1</v>
      </c>
      <c r="K6717" s="9">
        <v>116</v>
      </c>
      <c r="L6717" s="6" t="s">
        <v>51</v>
      </c>
    </row>
    <row r="6718" spans="1:12">
      <c r="A6718" s="6" t="s">
        <v>49</v>
      </c>
      <c r="B6718" s="6"/>
      <c r="C6718" s="6" t="s">
        <v>6742</v>
      </c>
      <c r="D6718" s="6"/>
      <c r="E6718" s="6" t="s">
        <v>9</v>
      </c>
      <c r="F6718" s="7">
        <v>38657</v>
      </c>
      <c r="G6718" s="8">
        <v>1</v>
      </c>
      <c r="H6718" s="8">
        <v>1</v>
      </c>
      <c r="I6718" s="8">
        <v>0</v>
      </c>
      <c r="J6718" s="8">
        <v>1</v>
      </c>
      <c r="K6718" s="9">
        <v>116</v>
      </c>
      <c r="L6718" s="6" t="s">
        <v>51</v>
      </c>
    </row>
    <row r="6719" spans="1:12">
      <c r="A6719" s="6" t="s">
        <v>49</v>
      </c>
      <c r="B6719" s="6"/>
      <c r="C6719" s="6" t="s">
        <v>6743</v>
      </c>
      <c r="D6719" s="6"/>
      <c r="E6719" s="6" t="s">
        <v>9</v>
      </c>
      <c r="F6719" s="7">
        <v>38657</v>
      </c>
      <c r="G6719" s="8">
        <v>1</v>
      </c>
      <c r="H6719" s="8">
        <v>1</v>
      </c>
      <c r="I6719" s="8">
        <v>0</v>
      </c>
      <c r="J6719" s="8">
        <v>1</v>
      </c>
      <c r="K6719" s="9">
        <v>79</v>
      </c>
      <c r="L6719" s="6" t="s">
        <v>51</v>
      </c>
    </row>
    <row r="6720" spans="1:12">
      <c r="A6720" s="6" t="s">
        <v>49</v>
      </c>
      <c r="B6720" s="6"/>
      <c r="C6720" s="6" t="s">
        <v>6744</v>
      </c>
      <c r="D6720" s="6"/>
      <c r="E6720" s="6" t="s">
        <v>9</v>
      </c>
      <c r="F6720" s="7">
        <v>38657</v>
      </c>
      <c r="G6720" s="8">
        <v>1</v>
      </c>
      <c r="H6720" s="8">
        <v>1</v>
      </c>
      <c r="I6720" s="8">
        <v>0</v>
      </c>
      <c r="J6720" s="8">
        <v>1</v>
      </c>
      <c r="K6720" s="9">
        <v>159.33000000000001</v>
      </c>
      <c r="L6720" s="6" t="s">
        <v>51</v>
      </c>
    </row>
    <row r="6721" spans="1:12">
      <c r="A6721" s="6" t="s">
        <v>49</v>
      </c>
      <c r="B6721" s="6"/>
      <c r="C6721" s="6" t="s">
        <v>6745</v>
      </c>
      <c r="D6721" s="6"/>
      <c r="E6721" s="6" t="s">
        <v>9</v>
      </c>
      <c r="F6721" s="7">
        <v>38657</v>
      </c>
      <c r="G6721" s="8">
        <v>1</v>
      </c>
      <c r="H6721" s="8">
        <v>1</v>
      </c>
      <c r="I6721" s="8">
        <v>0</v>
      </c>
      <c r="J6721" s="8">
        <v>1</v>
      </c>
      <c r="K6721" s="9">
        <v>6.61</v>
      </c>
      <c r="L6721" s="6" t="s">
        <v>51</v>
      </c>
    </row>
    <row r="6722" spans="1:12">
      <c r="A6722" s="6" t="s">
        <v>49</v>
      </c>
      <c r="B6722" s="6"/>
      <c r="C6722" s="6" t="s">
        <v>6746</v>
      </c>
      <c r="D6722" s="6"/>
      <c r="E6722" s="6" t="s">
        <v>9</v>
      </c>
      <c r="F6722" s="7">
        <v>38657</v>
      </c>
      <c r="G6722" s="8">
        <v>1</v>
      </c>
      <c r="H6722" s="8">
        <v>1</v>
      </c>
      <c r="I6722" s="8">
        <v>0</v>
      </c>
      <c r="J6722" s="8">
        <v>1</v>
      </c>
      <c r="K6722" s="9">
        <v>116</v>
      </c>
      <c r="L6722" s="6" t="s">
        <v>51</v>
      </c>
    </row>
    <row r="6723" spans="1:12">
      <c r="A6723" s="6" t="s">
        <v>49</v>
      </c>
      <c r="B6723" s="6"/>
      <c r="C6723" s="6" t="s">
        <v>6747</v>
      </c>
      <c r="D6723" s="6"/>
      <c r="E6723" s="6" t="s">
        <v>9</v>
      </c>
      <c r="F6723" s="7">
        <v>38657</v>
      </c>
      <c r="G6723" s="8">
        <v>1</v>
      </c>
      <c r="H6723" s="8">
        <v>1</v>
      </c>
      <c r="I6723" s="8">
        <v>0</v>
      </c>
      <c r="J6723" s="8">
        <v>1</v>
      </c>
      <c r="K6723" s="9">
        <v>116</v>
      </c>
      <c r="L6723" s="6" t="s">
        <v>51</v>
      </c>
    </row>
    <row r="6724" spans="1:12">
      <c r="A6724" s="6" t="s">
        <v>49</v>
      </c>
      <c r="B6724" s="6"/>
      <c r="C6724" s="6" t="s">
        <v>6748</v>
      </c>
      <c r="D6724" s="6"/>
      <c r="E6724" s="6" t="s">
        <v>9</v>
      </c>
      <c r="F6724" s="7">
        <v>38657</v>
      </c>
      <c r="G6724" s="8">
        <v>1</v>
      </c>
      <c r="H6724" s="8">
        <v>1</v>
      </c>
      <c r="I6724" s="8">
        <v>0</v>
      </c>
      <c r="J6724" s="8">
        <v>1</v>
      </c>
      <c r="K6724" s="9">
        <v>116</v>
      </c>
      <c r="L6724" s="6" t="s">
        <v>51</v>
      </c>
    </row>
    <row r="6725" spans="1:12">
      <c r="A6725" s="6" t="s">
        <v>49</v>
      </c>
      <c r="B6725" s="6"/>
      <c r="C6725" s="6" t="s">
        <v>6749</v>
      </c>
      <c r="D6725" s="6"/>
      <c r="E6725" s="6" t="s">
        <v>9</v>
      </c>
      <c r="F6725" s="7">
        <v>38657</v>
      </c>
      <c r="G6725" s="8">
        <v>1</v>
      </c>
      <c r="H6725" s="8">
        <v>1</v>
      </c>
      <c r="I6725" s="8">
        <v>0</v>
      </c>
      <c r="J6725" s="8">
        <v>1</v>
      </c>
      <c r="K6725" s="9">
        <v>116</v>
      </c>
      <c r="L6725" s="6" t="s">
        <v>51</v>
      </c>
    </row>
    <row r="6726" spans="1:12">
      <c r="A6726" s="6" t="s">
        <v>49</v>
      </c>
      <c r="B6726" s="6"/>
      <c r="C6726" s="6" t="s">
        <v>6750</v>
      </c>
      <c r="D6726" s="6"/>
      <c r="E6726" s="6" t="s">
        <v>9</v>
      </c>
      <c r="F6726" s="7">
        <v>38657</v>
      </c>
      <c r="G6726" s="8">
        <v>1</v>
      </c>
      <c r="H6726" s="8">
        <v>1</v>
      </c>
      <c r="I6726" s="8">
        <v>0</v>
      </c>
      <c r="J6726" s="8">
        <v>1</v>
      </c>
      <c r="K6726" s="9">
        <v>58</v>
      </c>
      <c r="L6726" s="6" t="s">
        <v>51</v>
      </c>
    </row>
    <row r="6727" spans="1:12">
      <c r="A6727" s="6" t="s">
        <v>49</v>
      </c>
      <c r="B6727" s="6"/>
      <c r="C6727" s="6" t="s">
        <v>6751</v>
      </c>
      <c r="D6727" s="6"/>
      <c r="E6727" s="6" t="s">
        <v>9</v>
      </c>
      <c r="F6727" s="7">
        <v>38657</v>
      </c>
      <c r="G6727" s="8">
        <v>1</v>
      </c>
      <c r="H6727" s="8">
        <v>1</v>
      </c>
      <c r="I6727" s="8">
        <v>0</v>
      </c>
      <c r="J6727" s="8">
        <v>1</v>
      </c>
      <c r="K6727" s="9">
        <v>58</v>
      </c>
      <c r="L6727" s="6" t="s">
        <v>51</v>
      </c>
    </row>
    <row r="6728" spans="1:12">
      <c r="A6728" s="6" t="s">
        <v>49</v>
      </c>
      <c r="B6728" s="6"/>
      <c r="C6728" s="6" t="s">
        <v>6752</v>
      </c>
      <c r="D6728" s="6"/>
      <c r="E6728" s="6" t="s">
        <v>9</v>
      </c>
      <c r="F6728" s="7">
        <v>38657</v>
      </c>
      <c r="G6728" s="8">
        <v>1</v>
      </c>
      <c r="H6728" s="8">
        <v>1</v>
      </c>
      <c r="I6728" s="8">
        <v>0</v>
      </c>
      <c r="J6728" s="8">
        <v>1</v>
      </c>
      <c r="K6728" s="9">
        <v>116</v>
      </c>
      <c r="L6728" s="6" t="s">
        <v>51</v>
      </c>
    </row>
    <row r="6729" spans="1:12">
      <c r="A6729" s="6" t="s">
        <v>49</v>
      </c>
      <c r="B6729" s="6"/>
      <c r="C6729" s="6" t="s">
        <v>6753</v>
      </c>
      <c r="D6729" s="6"/>
      <c r="E6729" s="6" t="s">
        <v>9</v>
      </c>
      <c r="F6729" s="7">
        <v>38657</v>
      </c>
      <c r="G6729" s="8">
        <v>1</v>
      </c>
      <c r="H6729" s="8">
        <v>1</v>
      </c>
      <c r="I6729" s="8">
        <v>0</v>
      </c>
      <c r="J6729" s="8">
        <v>1</v>
      </c>
      <c r="K6729" s="9">
        <v>116</v>
      </c>
      <c r="L6729" s="6" t="s">
        <v>51</v>
      </c>
    </row>
    <row r="6730" spans="1:12">
      <c r="A6730" s="6" t="s">
        <v>49</v>
      </c>
      <c r="B6730" s="6"/>
      <c r="C6730" s="6" t="s">
        <v>6754</v>
      </c>
      <c r="D6730" s="6"/>
      <c r="E6730" s="6" t="s">
        <v>9</v>
      </c>
      <c r="F6730" s="7">
        <v>38657</v>
      </c>
      <c r="G6730" s="8">
        <v>1</v>
      </c>
      <c r="H6730" s="8">
        <v>1</v>
      </c>
      <c r="I6730" s="8">
        <v>0</v>
      </c>
      <c r="J6730" s="8">
        <v>1</v>
      </c>
      <c r="K6730" s="9">
        <v>116</v>
      </c>
      <c r="L6730" s="6" t="s">
        <v>51</v>
      </c>
    </row>
    <row r="6731" spans="1:12">
      <c r="A6731" s="6" t="s">
        <v>49</v>
      </c>
      <c r="B6731" s="6"/>
      <c r="C6731" s="6" t="s">
        <v>6755</v>
      </c>
      <c r="D6731" s="6"/>
      <c r="E6731" s="6" t="s">
        <v>9</v>
      </c>
      <c r="F6731" s="7">
        <v>38657</v>
      </c>
      <c r="G6731" s="8">
        <v>1</v>
      </c>
      <c r="H6731" s="8">
        <v>1</v>
      </c>
      <c r="I6731" s="8">
        <v>0</v>
      </c>
      <c r="J6731" s="8">
        <v>1</v>
      </c>
      <c r="K6731" s="9">
        <v>116</v>
      </c>
      <c r="L6731" s="6" t="s">
        <v>51</v>
      </c>
    </row>
    <row r="6732" spans="1:12">
      <c r="A6732" s="6" t="s">
        <v>49</v>
      </c>
      <c r="B6732" s="6"/>
      <c r="C6732" s="6" t="s">
        <v>6756</v>
      </c>
      <c r="D6732" s="6"/>
      <c r="E6732" s="6" t="s">
        <v>9</v>
      </c>
      <c r="F6732" s="7">
        <v>38657</v>
      </c>
      <c r="G6732" s="8">
        <v>1</v>
      </c>
      <c r="H6732" s="8">
        <v>1</v>
      </c>
      <c r="I6732" s="8">
        <v>0</v>
      </c>
      <c r="J6732" s="8">
        <v>1</v>
      </c>
      <c r="K6732" s="9">
        <v>33</v>
      </c>
      <c r="L6732" s="6" t="s">
        <v>51</v>
      </c>
    </row>
    <row r="6733" spans="1:12">
      <c r="A6733" s="6" t="s">
        <v>49</v>
      </c>
      <c r="B6733" s="6"/>
      <c r="C6733" s="6" t="s">
        <v>6757</v>
      </c>
      <c r="D6733" s="6"/>
      <c r="E6733" s="6" t="s">
        <v>9</v>
      </c>
      <c r="F6733" s="7">
        <v>38657</v>
      </c>
      <c r="G6733" s="8">
        <v>1</v>
      </c>
      <c r="H6733" s="8">
        <v>1</v>
      </c>
      <c r="I6733" s="8">
        <v>0</v>
      </c>
      <c r="J6733" s="8">
        <v>1</v>
      </c>
      <c r="K6733" s="9">
        <v>100</v>
      </c>
      <c r="L6733" s="6" t="s">
        <v>51</v>
      </c>
    </row>
    <row r="6734" spans="1:12">
      <c r="A6734" s="6" t="s">
        <v>49</v>
      </c>
      <c r="B6734" s="6"/>
      <c r="C6734" s="6" t="s">
        <v>6758</v>
      </c>
      <c r="D6734" s="6"/>
      <c r="E6734" s="6" t="s">
        <v>9</v>
      </c>
      <c r="F6734" s="7">
        <v>38657</v>
      </c>
      <c r="G6734" s="8">
        <v>1</v>
      </c>
      <c r="H6734" s="8">
        <v>1</v>
      </c>
      <c r="I6734" s="8">
        <v>0</v>
      </c>
      <c r="J6734" s="8">
        <v>1</v>
      </c>
      <c r="K6734" s="9">
        <v>54</v>
      </c>
      <c r="L6734" s="6" t="s">
        <v>51</v>
      </c>
    </row>
    <row r="6735" spans="1:12">
      <c r="A6735" s="6" t="s">
        <v>49</v>
      </c>
      <c r="B6735" s="6"/>
      <c r="C6735" s="6" t="s">
        <v>6759</v>
      </c>
      <c r="D6735" s="6"/>
      <c r="E6735" s="6" t="s">
        <v>9</v>
      </c>
      <c r="F6735" s="7">
        <v>38657</v>
      </c>
      <c r="G6735" s="8">
        <v>1</v>
      </c>
      <c r="H6735" s="8">
        <v>1</v>
      </c>
      <c r="I6735" s="8">
        <v>0</v>
      </c>
      <c r="J6735" s="8">
        <v>1</v>
      </c>
      <c r="K6735" s="9">
        <v>117</v>
      </c>
      <c r="L6735" s="6" t="s">
        <v>51</v>
      </c>
    </row>
    <row r="6736" spans="1:12">
      <c r="A6736" s="6" t="s">
        <v>49</v>
      </c>
      <c r="B6736" s="6"/>
      <c r="C6736" s="6" t="s">
        <v>6760</v>
      </c>
      <c r="D6736" s="6"/>
      <c r="E6736" s="6" t="s">
        <v>9</v>
      </c>
      <c r="F6736" s="7">
        <v>38657</v>
      </c>
      <c r="G6736" s="8">
        <v>1</v>
      </c>
      <c r="H6736" s="8">
        <v>1</v>
      </c>
      <c r="I6736" s="8">
        <v>0</v>
      </c>
      <c r="J6736" s="8">
        <v>1</v>
      </c>
      <c r="K6736" s="9">
        <v>122</v>
      </c>
      <c r="L6736" s="6" t="s">
        <v>51</v>
      </c>
    </row>
    <row r="6737" spans="1:12">
      <c r="A6737" s="6" t="s">
        <v>49</v>
      </c>
      <c r="B6737" s="6"/>
      <c r="C6737" s="6" t="s">
        <v>6761</v>
      </c>
      <c r="D6737" s="6"/>
      <c r="E6737" s="6" t="s">
        <v>9</v>
      </c>
      <c r="F6737" s="7">
        <v>38657</v>
      </c>
      <c r="G6737" s="8">
        <v>1</v>
      </c>
      <c r="H6737" s="8">
        <v>1</v>
      </c>
      <c r="I6737" s="8">
        <v>0</v>
      </c>
      <c r="J6737" s="8">
        <v>1</v>
      </c>
      <c r="K6737" s="9">
        <v>122</v>
      </c>
      <c r="L6737" s="6" t="s">
        <v>51</v>
      </c>
    </row>
    <row r="6738" spans="1:12">
      <c r="A6738" s="6" t="s">
        <v>49</v>
      </c>
      <c r="B6738" s="6"/>
      <c r="C6738" s="6" t="s">
        <v>6762</v>
      </c>
      <c r="D6738" s="6"/>
      <c r="E6738" s="6" t="s">
        <v>9</v>
      </c>
      <c r="F6738" s="7">
        <v>38657</v>
      </c>
      <c r="G6738" s="8">
        <v>1</v>
      </c>
      <c r="H6738" s="8">
        <v>1</v>
      </c>
      <c r="I6738" s="8">
        <v>0</v>
      </c>
      <c r="J6738" s="8">
        <v>1</v>
      </c>
      <c r="K6738" s="9">
        <v>123</v>
      </c>
      <c r="L6738" s="6" t="s">
        <v>51</v>
      </c>
    </row>
    <row r="6739" spans="1:12">
      <c r="A6739" s="6" t="s">
        <v>49</v>
      </c>
      <c r="B6739" s="6"/>
      <c r="C6739" s="6" t="s">
        <v>6763</v>
      </c>
      <c r="D6739" s="6"/>
      <c r="E6739" s="6" t="s">
        <v>9</v>
      </c>
      <c r="F6739" s="7">
        <v>38657</v>
      </c>
      <c r="G6739" s="8">
        <v>1</v>
      </c>
      <c r="H6739" s="8">
        <v>1</v>
      </c>
      <c r="I6739" s="8">
        <v>0</v>
      </c>
      <c r="J6739" s="8">
        <v>1</v>
      </c>
      <c r="K6739" s="9">
        <v>123</v>
      </c>
      <c r="L6739" s="6" t="s">
        <v>51</v>
      </c>
    </row>
    <row r="6740" spans="1:12">
      <c r="A6740" s="6" t="s">
        <v>49</v>
      </c>
      <c r="B6740" s="6"/>
      <c r="C6740" s="6" t="s">
        <v>6764</v>
      </c>
      <c r="D6740" s="6"/>
      <c r="E6740" s="6" t="s">
        <v>9</v>
      </c>
      <c r="F6740" s="7">
        <v>38657</v>
      </c>
      <c r="G6740" s="8">
        <v>1</v>
      </c>
      <c r="H6740" s="8">
        <v>1</v>
      </c>
      <c r="I6740" s="8">
        <v>0</v>
      </c>
      <c r="J6740" s="8">
        <v>1</v>
      </c>
      <c r="K6740" s="9">
        <v>123</v>
      </c>
      <c r="L6740" s="6" t="s">
        <v>51</v>
      </c>
    </row>
    <row r="6741" spans="1:12">
      <c r="A6741" s="6" t="s">
        <v>49</v>
      </c>
      <c r="B6741" s="6"/>
      <c r="C6741" s="6" t="s">
        <v>6765</v>
      </c>
      <c r="D6741" s="6"/>
      <c r="E6741" s="6" t="s">
        <v>9</v>
      </c>
      <c r="F6741" s="7">
        <v>38657</v>
      </c>
      <c r="G6741" s="8">
        <v>1</v>
      </c>
      <c r="H6741" s="8">
        <v>1</v>
      </c>
      <c r="I6741" s="8">
        <v>0</v>
      </c>
      <c r="J6741" s="8">
        <v>1</v>
      </c>
      <c r="K6741" s="9">
        <v>134</v>
      </c>
      <c r="L6741" s="6" t="s">
        <v>51</v>
      </c>
    </row>
    <row r="6742" spans="1:12">
      <c r="A6742" s="6" t="s">
        <v>49</v>
      </c>
      <c r="B6742" s="6"/>
      <c r="C6742" s="6" t="s">
        <v>6766</v>
      </c>
      <c r="D6742" s="6"/>
      <c r="E6742" s="6" t="s">
        <v>9</v>
      </c>
      <c r="F6742" s="7">
        <v>38657</v>
      </c>
      <c r="G6742" s="8">
        <v>1</v>
      </c>
      <c r="H6742" s="8">
        <v>1</v>
      </c>
      <c r="I6742" s="8">
        <v>0</v>
      </c>
      <c r="J6742" s="8">
        <v>1</v>
      </c>
      <c r="K6742" s="9">
        <v>109</v>
      </c>
      <c r="L6742" s="6" t="s">
        <v>51</v>
      </c>
    </row>
    <row r="6743" spans="1:12">
      <c r="A6743" s="6" t="s">
        <v>49</v>
      </c>
      <c r="B6743" s="6"/>
      <c r="C6743" s="6" t="s">
        <v>6767</v>
      </c>
      <c r="D6743" s="6"/>
      <c r="E6743" s="6" t="s">
        <v>9</v>
      </c>
      <c r="F6743" s="7">
        <v>38657</v>
      </c>
      <c r="G6743" s="8">
        <v>1</v>
      </c>
      <c r="H6743" s="8">
        <v>1</v>
      </c>
      <c r="I6743" s="8">
        <v>0</v>
      </c>
      <c r="J6743" s="8">
        <v>1</v>
      </c>
      <c r="K6743" s="9">
        <v>112</v>
      </c>
      <c r="L6743" s="6" t="s">
        <v>51</v>
      </c>
    </row>
    <row r="6744" spans="1:12">
      <c r="A6744" s="6" t="s">
        <v>49</v>
      </c>
      <c r="B6744" s="6"/>
      <c r="C6744" s="6" t="s">
        <v>6768</v>
      </c>
      <c r="D6744" s="6"/>
      <c r="E6744" s="6" t="s">
        <v>9</v>
      </c>
      <c r="F6744" s="7">
        <v>38657</v>
      </c>
      <c r="G6744" s="8">
        <v>1</v>
      </c>
      <c r="H6744" s="8">
        <v>1</v>
      </c>
      <c r="I6744" s="8">
        <v>0</v>
      </c>
      <c r="J6744" s="8">
        <v>1</v>
      </c>
      <c r="K6744" s="9">
        <v>116</v>
      </c>
      <c r="L6744" s="6" t="s">
        <v>51</v>
      </c>
    </row>
    <row r="6745" spans="1:12">
      <c r="A6745" s="6" t="s">
        <v>49</v>
      </c>
      <c r="B6745" s="6"/>
      <c r="C6745" s="6" t="s">
        <v>6769</v>
      </c>
      <c r="D6745" s="6"/>
      <c r="E6745" s="6" t="s">
        <v>9</v>
      </c>
      <c r="F6745" s="7">
        <v>38657</v>
      </c>
      <c r="G6745" s="8">
        <v>1</v>
      </c>
      <c r="H6745" s="8">
        <v>1</v>
      </c>
      <c r="I6745" s="8">
        <v>0</v>
      </c>
      <c r="J6745" s="8">
        <v>1</v>
      </c>
      <c r="K6745" s="9">
        <v>116</v>
      </c>
      <c r="L6745" s="6" t="s">
        <v>51</v>
      </c>
    </row>
    <row r="6746" spans="1:12">
      <c r="A6746" s="6" t="s">
        <v>49</v>
      </c>
      <c r="B6746" s="6"/>
      <c r="C6746" s="6" t="s">
        <v>6770</v>
      </c>
      <c r="D6746" s="6"/>
      <c r="E6746" s="6" t="s">
        <v>9</v>
      </c>
      <c r="F6746" s="7">
        <v>38657</v>
      </c>
      <c r="G6746" s="8">
        <v>1</v>
      </c>
      <c r="H6746" s="8">
        <v>1</v>
      </c>
      <c r="I6746" s="8">
        <v>0</v>
      </c>
      <c r="J6746" s="8">
        <v>1</v>
      </c>
      <c r="K6746" s="9">
        <v>116</v>
      </c>
      <c r="L6746" s="6" t="s">
        <v>51</v>
      </c>
    </row>
    <row r="6747" spans="1:12">
      <c r="A6747" s="6" t="s">
        <v>49</v>
      </c>
      <c r="B6747" s="6"/>
      <c r="C6747" s="6" t="s">
        <v>6771</v>
      </c>
      <c r="D6747" s="6"/>
      <c r="E6747" s="6" t="s">
        <v>9</v>
      </c>
      <c r="F6747" s="7">
        <v>38657</v>
      </c>
      <c r="G6747" s="8">
        <v>1</v>
      </c>
      <c r="H6747" s="8">
        <v>1</v>
      </c>
      <c r="I6747" s="8">
        <v>0</v>
      </c>
      <c r="J6747" s="8">
        <v>1</v>
      </c>
      <c r="K6747" s="9">
        <v>116</v>
      </c>
      <c r="L6747" s="6" t="s">
        <v>51</v>
      </c>
    </row>
    <row r="6748" spans="1:12">
      <c r="A6748" s="6" t="s">
        <v>49</v>
      </c>
      <c r="B6748" s="6"/>
      <c r="C6748" s="6" t="s">
        <v>6772</v>
      </c>
      <c r="D6748" s="6"/>
      <c r="E6748" s="6" t="s">
        <v>9</v>
      </c>
      <c r="F6748" s="7">
        <v>38657</v>
      </c>
      <c r="G6748" s="8">
        <v>1</v>
      </c>
      <c r="H6748" s="8">
        <v>1</v>
      </c>
      <c r="I6748" s="8">
        <v>0</v>
      </c>
      <c r="J6748" s="8">
        <v>1</v>
      </c>
      <c r="K6748" s="9">
        <v>116</v>
      </c>
      <c r="L6748" s="6" t="s">
        <v>51</v>
      </c>
    </row>
    <row r="6749" spans="1:12">
      <c r="A6749" s="6" t="s">
        <v>49</v>
      </c>
      <c r="B6749" s="6"/>
      <c r="C6749" s="6" t="s">
        <v>6773</v>
      </c>
      <c r="D6749" s="6"/>
      <c r="E6749" s="6" t="s">
        <v>9</v>
      </c>
      <c r="F6749" s="7">
        <v>38657</v>
      </c>
      <c r="G6749" s="8">
        <v>1</v>
      </c>
      <c r="H6749" s="8">
        <v>1</v>
      </c>
      <c r="I6749" s="8">
        <v>0</v>
      </c>
      <c r="J6749" s="8">
        <v>1</v>
      </c>
      <c r="K6749" s="9">
        <v>116</v>
      </c>
      <c r="L6749" s="6" t="s">
        <v>51</v>
      </c>
    </row>
    <row r="6750" spans="1:12">
      <c r="A6750" s="6" t="s">
        <v>49</v>
      </c>
      <c r="B6750" s="6"/>
      <c r="C6750" s="6" t="s">
        <v>6774</v>
      </c>
      <c r="D6750" s="6"/>
      <c r="E6750" s="6" t="s">
        <v>9</v>
      </c>
      <c r="F6750" s="7">
        <v>38657</v>
      </c>
      <c r="G6750" s="8">
        <v>1</v>
      </c>
      <c r="H6750" s="8">
        <v>1</v>
      </c>
      <c r="I6750" s="8">
        <v>0</v>
      </c>
      <c r="J6750" s="8">
        <v>1</v>
      </c>
      <c r="K6750" s="9">
        <v>116</v>
      </c>
      <c r="L6750" s="6" t="s">
        <v>51</v>
      </c>
    </row>
    <row r="6751" spans="1:12">
      <c r="A6751" s="6" t="s">
        <v>49</v>
      </c>
      <c r="B6751" s="6"/>
      <c r="C6751" s="6" t="s">
        <v>6775</v>
      </c>
      <c r="D6751" s="6"/>
      <c r="E6751" s="6" t="s">
        <v>9</v>
      </c>
      <c r="F6751" s="7">
        <v>38657</v>
      </c>
      <c r="G6751" s="8">
        <v>1</v>
      </c>
      <c r="H6751" s="8">
        <v>1</v>
      </c>
      <c r="I6751" s="8">
        <v>0</v>
      </c>
      <c r="J6751" s="8">
        <v>1</v>
      </c>
      <c r="K6751" s="9">
        <v>58</v>
      </c>
      <c r="L6751" s="6" t="s">
        <v>51</v>
      </c>
    </row>
    <row r="6752" spans="1:12">
      <c r="A6752" s="6" t="s">
        <v>49</v>
      </c>
      <c r="B6752" s="6"/>
      <c r="C6752" s="6" t="s">
        <v>6776</v>
      </c>
      <c r="D6752" s="6"/>
      <c r="E6752" s="6" t="s">
        <v>9</v>
      </c>
      <c r="F6752" s="7">
        <v>38657</v>
      </c>
      <c r="G6752" s="8">
        <v>1</v>
      </c>
      <c r="H6752" s="8">
        <v>1</v>
      </c>
      <c r="I6752" s="8">
        <v>0</v>
      </c>
      <c r="J6752" s="8">
        <v>1</v>
      </c>
      <c r="K6752" s="9">
        <v>58</v>
      </c>
      <c r="L6752" s="6" t="s">
        <v>51</v>
      </c>
    </row>
    <row r="6753" spans="1:12">
      <c r="A6753" s="6" t="s">
        <v>49</v>
      </c>
      <c r="B6753" s="6"/>
      <c r="C6753" s="6" t="s">
        <v>6777</v>
      </c>
      <c r="D6753" s="6"/>
      <c r="E6753" s="6" t="s">
        <v>9</v>
      </c>
      <c r="F6753" s="7">
        <v>38657</v>
      </c>
      <c r="G6753" s="8">
        <v>1</v>
      </c>
      <c r="H6753" s="8">
        <v>1</v>
      </c>
      <c r="I6753" s="8">
        <v>0</v>
      </c>
      <c r="J6753" s="8">
        <v>1</v>
      </c>
      <c r="K6753" s="9">
        <v>116</v>
      </c>
      <c r="L6753" s="6" t="s">
        <v>51</v>
      </c>
    </row>
    <row r="6754" spans="1:12">
      <c r="A6754" s="6" t="s">
        <v>49</v>
      </c>
      <c r="B6754" s="6"/>
      <c r="C6754" s="6" t="s">
        <v>6778</v>
      </c>
      <c r="D6754" s="6"/>
      <c r="E6754" s="6" t="s">
        <v>9</v>
      </c>
      <c r="F6754" s="7">
        <v>38657</v>
      </c>
      <c r="G6754" s="8">
        <v>1</v>
      </c>
      <c r="H6754" s="8">
        <v>1</v>
      </c>
      <c r="I6754" s="8">
        <v>0</v>
      </c>
      <c r="J6754" s="8">
        <v>1</v>
      </c>
      <c r="K6754" s="9">
        <v>42</v>
      </c>
      <c r="L6754" s="6" t="s">
        <v>51</v>
      </c>
    </row>
    <row r="6755" spans="1:12">
      <c r="A6755" s="6" t="s">
        <v>49</v>
      </c>
      <c r="B6755" s="6"/>
      <c r="C6755" s="6" t="s">
        <v>6779</v>
      </c>
      <c r="D6755" s="6"/>
      <c r="E6755" s="6" t="s">
        <v>9</v>
      </c>
      <c r="F6755" s="7">
        <v>38657</v>
      </c>
      <c r="G6755" s="8">
        <v>1</v>
      </c>
      <c r="H6755" s="8">
        <v>1</v>
      </c>
      <c r="I6755" s="8">
        <v>0</v>
      </c>
      <c r="J6755" s="8">
        <v>1</v>
      </c>
      <c r="K6755" s="9">
        <v>116</v>
      </c>
      <c r="L6755" s="6" t="s">
        <v>51</v>
      </c>
    </row>
    <row r="6756" spans="1:12">
      <c r="A6756" s="6" t="s">
        <v>49</v>
      </c>
      <c r="B6756" s="6"/>
      <c r="C6756" s="6" t="s">
        <v>6780</v>
      </c>
      <c r="D6756" s="6"/>
      <c r="E6756" s="6" t="s">
        <v>9</v>
      </c>
      <c r="F6756" s="7">
        <v>38657</v>
      </c>
      <c r="G6756" s="8">
        <v>1</v>
      </c>
      <c r="H6756" s="8">
        <v>1</v>
      </c>
      <c r="I6756" s="8">
        <v>0</v>
      </c>
      <c r="J6756" s="8">
        <v>1</v>
      </c>
      <c r="K6756" s="9">
        <v>116</v>
      </c>
      <c r="L6756" s="6" t="s">
        <v>51</v>
      </c>
    </row>
    <row r="6757" spans="1:12">
      <c r="A6757" s="6" t="s">
        <v>49</v>
      </c>
      <c r="B6757" s="6"/>
      <c r="C6757" s="6" t="s">
        <v>6781</v>
      </c>
      <c r="D6757" s="6"/>
      <c r="E6757" s="6" t="s">
        <v>9</v>
      </c>
      <c r="F6757" s="7">
        <v>38657</v>
      </c>
      <c r="G6757" s="8">
        <v>1</v>
      </c>
      <c r="H6757" s="8">
        <v>1</v>
      </c>
      <c r="I6757" s="8">
        <v>0</v>
      </c>
      <c r="J6757" s="8">
        <v>1</v>
      </c>
      <c r="K6757" s="9">
        <v>123</v>
      </c>
      <c r="L6757" s="6" t="s">
        <v>51</v>
      </c>
    </row>
    <row r="6758" spans="1:12">
      <c r="A6758" s="6" t="s">
        <v>49</v>
      </c>
      <c r="B6758" s="6"/>
      <c r="C6758" s="6" t="s">
        <v>6782</v>
      </c>
      <c r="D6758" s="6"/>
      <c r="E6758" s="6" t="s">
        <v>9</v>
      </c>
      <c r="F6758" s="7">
        <v>38657</v>
      </c>
      <c r="G6758" s="8">
        <v>1</v>
      </c>
      <c r="H6758" s="8">
        <v>1</v>
      </c>
      <c r="I6758" s="8">
        <v>0</v>
      </c>
      <c r="J6758" s="8">
        <v>1</v>
      </c>
      <c r="K6758" s="9">
        <v>108</v>
      </c>
      <c r="L6758" s="6" t="s">
        <v>51</v>
      </c>
    </row>
    <row r="6759" spans="1:12">
      <c r="A6759" s="6" t="s">
        <v>49</v>
      </c>
      <c r="B6759" s="6"/>
      <c r="C6759" s="6" t="s">
        <v>6783</v>
      </c>
      <c r="D6759" s="6"/>
      <c r="E6759" s="6" t="s">
        <v>9</v>
      </c>
      <c r="F6759" s="7">
        <v>38657</v>
      </c>
      <c r="G6759" s="8">
        <v>1</v>
      </c>
      <c r="H6759" s="8">
        <v>1</v>
      </c>
      <c r="I6759" s="8">
        <v>0</v>
      </c>
      <c r="J6759" s="8">
        <v>1</v>
      </c>
      <c r="K6759" s="9">
        <v>123</v>
      </c>
      <c r="L6759" s="6" t="s">
        <v>51</v>
      </c>
    </row>
    <row r="6760" spans="1:12">
      <c r="A6760" s="6" t="s">
        <v>49</v>
      </c>
      <c r="B6760" s="6"/>
      <c r="C6760" s="6" t="s">
        <v>6784</v>
      </c>
      <c r="D6760" s="6"/>
      <c r="E6760" s="6" t="s">
        <v>9</v>
      </c>
      <c r="F6760" s="7">
        <v>38657</v>
      </c>
      <c r="G6760" s="8">
        <v>1</v>
      </c>
      <c r="H6760" s="8">
        <v>1</v>
      </c>
      <c r="I6760" s="8">
        <v>0</v>
      </c>
      <c r="J6760" s="8">
        <v>1</v>
      </c>
      <c r="K6760" s="9">
        <v>109</v>
      </c>
      <c r="L6760" s="6" t="s">
        <v>51</v>
      </c>
    </row>
    <row r="6761" spans="1:12">
      <c r="A6761" s="6" t="s">
        <v>49</v>
      </c>
      <c r="B6761" s="6"/>
      <c r="C6761" s="6" t="s">
        <v>6785</v>
      </c>
      <c r="D6761" s="6"/>
      <c r="E6761" s="6" t="s">
        <v>9</v>
      </c>
      <c r="F6761" s="7">
        <v>38657</v>
      </c>
      <c r="G6761" s="8">
        <v>1</v>
      </c>
      <c r="H6761" s="8">
        <v>1</v>
      </c>
      <c r="I6761" s="8">
        <v>0</v>
      </c>
      <c r="J6761" s="8">
        <v>1</v>
      </c>
      <c r="K6761" s="9">
        <v>116</v>
      </c>
      <c r="L6761" s="6" t="s">
        <v>51</v>
      </c>
    </row>
    <row r="6762" spans="1:12">
      <c r="A6762" s="6" t="s">
        <v>49</v>
      </c>
      <c r="B6762" s="6"/>
      <c r="C6762" s="6" t="s">
        <v>6786</v>
      </c>
      <c r="D6762" s="6"/>
      <c r="E6762" s="6" t="s">
        <v>9</v>
      </c>
      <c r="F6762" s="7">
        <v>38657</v>
      </c>
      <c r="G6762" s="8">
        <v>1</v>
      </c>
      <c r="H6762" s="8">
        <v>1</v>
      </c>
      <c r="I6762" s="8">
        <v>0</v>
      </c>
      <c r="J6762" s="8">
        <v>1</v>
      </c>
      <c r="K6762" s="9">
        <v>113</v>
      </c>
      <c r="L6762" s="6" t="s">
        <v>51</v>
      </c>
    </row>
    <row r="6763" spans="1:12">
      <c r="A6763" s="6" t="s">
        <v>49</v>
      </c>
      <c r="B6763" s="6"/>
      <c r="C6763" s="6" t="s">
        <v>6787</v>
      </c>
      <c r="D6763" s="6"/>
      <c r="E6763" s="6" t="s">
        <v>9</v>
      </c>
      <c r="F6763" s="7">
        <v>38657</v>
      </c>
      <c r="G6763" s="8">
        <v>1</v>
      </c>
      <c r="H6763" s="8">
        <v>1</v>
      </c>
      <c r="I6763" s="8">
        <v>0</v>
      </c>
      <c r="J6763" s="8">
        <v>1</v>
      </c>
      <c r="K6763" s="9">
        <v>482</v>
      </c>
      <c r="L6763" s="6" t="s">
        <v>51</v>
      </c>
    </row>
    <row r="6764" spans="1:12">
      <c r="A6764" s="6" t="s">
        <v>49</v>
      </c>
      <c r="B6764" s="6"/>
      <c r="C6764" s="6" t="s">
        <v>6788</v>
      </c>
      <c r="D6764" s="6"/>
      <c r="E6764" s="6" t="s">
        <v>9</v>
      </c>
      <c r="F6764" s="7">
        <v>38657</v>
      </c>
      <c r="G6764" s="8">
        <v>1</v>
      </c>
      <c r="H6764" s="8">
        <v>1</v>
      </c>
      <c r="I6764" s="8">
        <v>0</v>
      </c>
      <c r="J6764" s="8">
        <v>1</v>
      </c>
      <c r="K6764" s="9">
        <v>9.51</v>
      </c>
      <c r="L6764" s="6" t="s">
        <v>51</v>
      </c>
    </row>
    <row r="6765" spans="1:12">
      <c r="A6765" s="6" t="s">
        <v>49</v>
      </c>
      <c r="B6765" s="6"/>
      <c r="C6765" s="6" t="s">
        <v>6789</v>
      </c>
      <c r="D6765" s="6"/>
      <c r="E6765" s="6" t="s">
        <v>9</v>
      </c>
      <c r="F6765" s="7">
        <v>38657</v>
      </c>
      <c r="G6765" s="8">
        <v>1</v>
      </c>
      <c r="H6765" s="8">
        <v>1</v>
      </c>
      <c r="I6765" s="8">
        <v>0</v>
      </c>
      <c r="J6765" s="8">
        <v>1</v>
      </c>
      <c r="K6765" s="9">
        <v>59</v>
      </c>
      <c r="L6765" s="6" t="s">
        <v>51</v>
      </c>
    </row>
    <row r="6766" spans="1:12">
      <c r="A6766" s="6" t="s">
        <v>49</v>
      </c>
      <c r="B6766" s="6"/>
      <c r="C6766" s="6" t="s">
        <v>6790</v>
      </c>
      <c r="D6766" s="6"/>
      <c r="E6766" s="6" t="s">
        <v>9</v>
      </c>
      <c r="F6766" s="7">
        <v>38657</v>
      </c>
      <c r="G6766" s="8">
        <v>1</v>
      </c>
      <c r="H6766" s="8">
        <v>1</v>
      </c>
      <c r="I6766" s="8">
        <v>0</v>
      </c>
      <c r="J6766" s="8">
        <v>1</v>
      </c>
      <c r="K6766" s="9">
        <v>88</v>
      </c>
      <c r="L6766" s="6" t="s">
        <v>51</v>
      </c>
    </row>
    <row r="6767" spans="1:12">
      <c r="A6767" s="6" t="s">
        <v>49</v>
      </c>
      <c r="B6767" s="6"/>
      <c r="C6767" s="6" t="s">
        <v>6791</v>
      </c>
      <c r="D6767" s="6"/>
      <c r="E6767" s="6" t="s">
        <v>9</v>
      </c>
      <c r="F6767" s="7">
        <v>38657</v>
      </c>
      <c r="G6767" s="8">
        <v>1</v>
      </c>
      <c r="H6767" s="8">
        <v>1</v>
      </c>
      <c r="I6767" s="8">
        <v>0</v>
      </c>
      <c r="J6767" s="8">
        <v>1</v>
      </c>
      <c r="K6767" s="9">
        <v>97</v>
      </c>
      <c r="L6767" s="6" t="s">
        <v>51</v>
      </c>
    </row>
    <row r="6768" spans="1:12">
      <c r="A6768" s="6" t="s">
        <v>49</v>
      </c>
      <c r="B6768" s="6"/>
      <c r="C6768" s="6" t="s">
        <v>6792</v>
      </c>
      <c r="D6768" s="6"/>
      <c r="E6768" s="6" t="s">
        <v>9</v>
      </c>
      <c r="F6768" s="7">
        <v>41481</v>
      </c>
      <c r="G6768" s="8">
        <v>1</v>
      </c>
      <c r="H6768" s="8">
        <v>1</v>
      </c>
      <c r="I6768" s="8">
        <v>0</v>
      </c>
      <c r="J6768" s="8">
        <v>1</v>
      </c>
      <c r="K6768" s="9">
        <v>362</v>
      </c>
      <c r="L6768" s="6" t="s">
        <v>51</v>
      </c>
    </row>
    <row r="6769" spans="1:12">
      <c r="A6769" s="6" t="s">
        <v>49</v>
      </c>
      <c r="B6769" s="6"/>
      <c r="C6769" s="6" t="s">
        <v>6793</v>
      </c>
      <c r="D6769" s="6"/>
      <c r="E6769" s="6" t="s">
        <v>9</v>
      </c>
      <c r="F6769" s="7">
        <v>41249</v>
      </c>
      <c r="G6769" s="8">
        <v>36252</v>
      </c>
      <c r="H6769" s="8">
        <v>36252</v>
      </c>
      <c r="I6769" s="8">
        <v>0</v>
      </c>
      <c r="J6769" s="8">
        <v>36252</v>
      </c>
      <c r="K6769" s="9">
        <v>318</v>
      </c>
      <c r="L6769" s="6" t="s">
        <v>4773</v>
      </c>
    </row>
    <row r="6770" spans="1:12">
      <c r="A6770" s="6" t="s">
        <v>49</v>
      </c>
      <c r="B6770" s="6"/>
      <c r="C6770" s="6" t="s">
        <v>6794</v>
      </c>
      <c r="D6770" s="6"/>
      <c r="E6770" s="6" t="s">
        <v>9</v>
      </c>
      <c r="F6770" s="7">
        <v>38657</v>
      </c>
      <c r="G6770" s="8">
        <v>1</v>
      </c>
      <c r="H6770" s="8">
        <v>1</v>
      </c>
      <c r="I6770" s="8">
        <v>0</v>
      </c>
      <c r="J6770" s="8">
        <v>1</v>
      </c>
      <c r="K6770" s="9">
        <v>458</v>
      </c>
      <c r="L6770" s="6" t="s">
        <v>51</v>
      </c>
    </row>
    <row r="6771" spans="1:12">
      <c r="A6771" s="6" t="s">
        <v>49</v>
      </c>
      <c r="B6771" s="6"/>
      <c r="C6771" s="6" t="s">
        <v>6795</v>
      </c>
      <c r="D6771" s="6"/>
      <c r="E6771" s="6" t="s">
        <v>9</v>
      </c>
      <c r="F6771" s="7">
        <v>38657</v>
      </c>
      <c r="G6771" s="8">
        <v>1</v>
      </c>
      <c r="H6771" s="8">
        <v>1</v>
      </c>
      <c r="I6771" s="8">
        <v>0</v>
      </c>
      <c r="J6771" s="8">
        <v>1</v>
      </c>
      <c r="K6771" s="9">
        <v>102</v>
      </c>
      <c r="L6771" s="6" t="s">
        <v>51</v>
      </c>
    </row>
    <row r="6772" spans="1:12">
      <c r="A6772" s="6" t="s">
        <v>49</v>
      </c>
      <c r="B6772" s="6"/>
      <c r="C6772" s="6" t="s">
        <v>6796</v>
      </c>
      <c r="D6772" s="6"/>
      <c r="E6772" s="6" t="s">
        <v>9</v>
      </c>
      <c r="F6772" s="7">
        <v>38657</v>
      </c>
      <c r="G6772" s="8">
        <v>1</v>
      </c>
      <c r="H6772" s="8">
        <v>1</v>
      </c>
      <c r="I6772" s="8">
        <v>0</v>
      </c>
      <c r="J6772" s="8">
        <v>1</v>
      </c>
      <c r="K6772" s="9">
        <v>57</v>
      </c>
      <c r="L6772" s="6" t="s">
        <v>51</v>
      </c>
    </row>
    <row r="6773" spans="1:12">
      <c r="A6773" s="6" t="s">
        <v>49</v>
      </c>
      <c r="B6773" s="6"/>
      <c r="C6773" s="6" t="s">
        <v>6797</v>
      </c>
      <c r="D6773" s="6"/>
      <c r="E6773" s="6" t="s">
        <v>9</v>
      </c>
      <c r="F6773" s="7">
        <v>38657</v>
      </c>
      <c r="G6773" s="8">
        <v>1</v>
      </c>
      <c r="H6773" s="8">
        <v>1</v>
      </c>
      <c r="I6773" s="8">
        <v>0</v>
      </c>
      <c r="J6773" s="8">
        <v>1</v>
      </c>
      <c r="K6773" s="9">
        <v>114</v>
      </c>
      <c r="L6773" s="6" t="s">
        <v>51</v>
      </c>
    </row>
    <row r="6774" spans="1:12">
      <c r="A6774" s="6" t="s">
        <v>49</v>
      </c>
      <c r="B6774" s="6"/>
      <c r="C6774" s="6" t="s">
        <v>6798</v>
      </c>
      <c r="D6774" s="6"/>
      <c r="E6774" s="6" t="s">
        <v>9</v>
      </c>
      <c r="F6774" s="7">
        <v>38657</v>
      </c>
      <c r="G6774" s="8">
        <v>1</v>
      </c>
      <c r="H6774" s="8">
        <v>1</v>
      </c>
      <c r="I6774" s="8">
        <v>0</v>
      </c>
      <c r="J6774" s="8">
        <v>1</v>
      </c>
      <c r="K6774" s="9">
        <v>114</v>
      </c>
      <c r="L6774" s="6" t="s">
        <v>51</v>
      </c>
    </row>
    <row r="6775" spans="1:12">
      <c r="A6775" s="6" t="s">
        <v>49</v>
      </c>
      <c r="B6775" s="6"/>
      <c r="C6775" s="6" t="s">
        <v>6799</v>
      </c>
      <c r="D6775" s="6"/>
      <c r="E6775" s="6" t="s">
        <v>9</v>
      </c>
      <c r="F6775" s="7">
        <v>38657</v>
      </c>
      <c r="G6775" s="8">
        <v>1</v>
      </c>
      <c r="H6775" s="8">
        <v>1</v>
      </c>
      <c r="I6775" s="8">
        <v>0</v>
      </c>
      <c r="J6775" s="8">
        <v>1</v>
      </c>
      <c r="K6775" s="9">
        <v>59</v>
      </c>
      <c r="L6775" s="6" t="s">
        <v>51</v>
      </c>
    </row>
    <row r="6776" spans="1:12">
      <c r="A6776" s="6" t="s">
        <v>49</v>
      </c>
      <c r="B6776" s="6"/>
      <c r="C6776" s="6" t="s">
        <v>6800</v>
      </c>
      <c r="D6776" s="6"/>
      <c r="E6776" s="6" t="s">
        <v>9</v>
      </c>
      <c r="F6776" s="7">
        <v>38657</v>
      </c>
      <c r="G6776" s="8">
        <v>1</v>
      </c>
      <c r="H6776" s="8">
        <v>1</v>
      </c>
      <c r="I6776" s="8">
        <v>0</v>
      </c>
      <c r="J6776" s="8">
        <v>1</v>
      </c>
      <c r="K6776" s="9">
        <v>138</v>
      </c>
      <c r="L6776" s="6" t="s">
        <v>51</v>
      </c>
    </row>
    <row r="6777" spans="1:12">
      <c r="A6777" s="6" t="s">
        <v>49</v>
      </c>
      <c r="B6777" s="6"/>
      <c r="C6777" s="6" t="s">
        <v>6801</v>
      </c>
      <c r="D6777" s="6"/>
      <c r="E6777" s="6" t="s">
        <v>9</v>
      </c>
      <c r="F6777" s="7">
        <v>38657</v>
      </c>
      <c r="G6777" s="8">
        <v>1</v>
      </c>
      <c r="H6777" s="8">
        <v>1</v>
      </c>
      <c r="I6777" s="8">
        <v>0</v>
      </c>
      <c r="J6777" s="8">
        <v>1</v>
      </c>
      <c r="K6777" s="9">
        <v>55</v>
      </c>
      <c r="L6777" s="6" t="s">
        <v>51</v>
      </c>
    </row>
    <row r="6778" spans="1:12">
      <c r="A6778" s="6" t="s">
        <v>49</v>
      </c>
      <c r="B6778" s="6"/>
      <c r="C6778" s="6" t="s">
        <v>6802</v>
      </c>
      <c r="D6778" s="6"/>
      <c r="E6778" s="6" t="s">
        <v>9</v>
      </c>
      <c r="F6778" s="7">
        <v>38657</v>
      </c>
      <c r="G6778" s="8">
        <v>1</v>
      </c>
      <c r="H6778" s="8">
        <v>1</v>
      </c>
      <c r="I6778" s="8">
        <v>0</v>
      </c>
      <c r="J6778" s="8">
        <v>1</v>
      </c>
      <c r="K6778" s="9">
        <v>38</v>
      </c>
      <c r="L6778" s="6" t="s">
        <v>51</v>
      </c>
    </row>
    <row r="6779" spans="1:12">
      <c r="A6779" s="6" t="s">
        <v>49</v>
      </c>
      <c r="B6779" s="6"/>
      <c r="C6779" s="6" t="s">
        <v>6803</v>
      </c>
      <c r="D6779" s="6"/>
      <c r="E6779" s="6" t="s">
        <v>9</v>
      </c>
      <c r="F6779" s="7">
        <v>38657</v>
      </c>
      <c r="G6779" s="8">
        <v>1</v>
      </c>
      <c r="H6779" s="8">
        <v>1</v>
      </c>
      <c r="I6779" s="8">
        <v>0</v>
      </c>
      <c r="J6779" s="8">
        <v>1</v>
      </c>
      <c r="K6779" s="9">
        <v>76</v>
      </c>
      <c r="L6779" s="6" t="s">
        <v>51</v>
      </c>
    </row>
    <row r="6780" spans="1:12">
      <c r="A6780" s="6" t="s">
        <v>49</v>
      </c>
      <c r="B6780" s="6"/>
      <c r="C6780" s="6" t="s">
        <v>6804</v>
      </c>
      <c r="D6780" s="6"/>
      <c r="E6780" s="6" t="s">
        <v>9</v>
      </c>
      <c r="F6780" s="7">
        <v>38657</v>
      </c>
      <c r="G6780" s="8">
        <v>1</v>
      </c>
      <c r="H6780" s="8">
        <v>1</v>
      </c>
      <c r="I6780" s="8">
        <v>0</v>
      </c>
      <c r="J6780" s="8">
        <v>1</v>
      </c>
      <c r="K6780" s="9">
        <v>650</v>
      </c>
      <c r="L6780" s="6" t="s">
        <v>51</v>
      </c>
    </row>
    <row r="6781" spans="1:12">
      <c r="A6781" s="6" t="s">
        <v>49</v>
      </c>
      <c r="B6781" s="6"/>
      <c r="C6781" s="6" t="s">
        <v>6805</v>
      </c>
      <c r="D6781" s="6"/>
      <c r="E6781" s="6" t="s">
        <v>9</v>
      </c>
      <c r="F6781" s="7">
        <v>38657</v>
      </c>
      <c r="G6781" s="8">
        <v>1</v>
      </c>
      <c r="H6781" s="8">
        <v>1</v>
      </c>
      <c r="I6781" s="8">
        <v>0</v>
      </c>
      <c r="J6781" s="8">
        <v>1</v>
      </c>
      <c r="K6781" s="9">
        <v>1935</v>
      </c>
      <c r="L6781" s="6" t="s">
        <v>51</v>
      </c>
    </row>
    <row r="6782" spans="1:12">
      <c r="A6782" s="6" t="s">
        <v>49</v>
      </c>
      <c r="B6782" s="6"/>
      <c r="C6782" s="6" t="s">
        <v>6806</v>
      </c>
      <c r="D6782" s="6"/>
      <c r="E6782" s="6" t="s">
        <v>9</v>
      </c>
      <c r="F6782" s="7">
        <v>38657</v>
      </c>
      <c r="G6782" s="8">
        <v>1</v>
      </c>
      <c r="H6782" s="8">
        <v>1</v>
      </c>
      <c r="I6782" s="8">
        <v>0</v>
      </c>
      <c r="J6782" s="8">
        <v>1</v>
      </c>
      <c r="K6782" s="9">
        <v>193</v>
      </c>
      <c r="L6782" s="6" t="s">
        <v>51</v>
      </c>
    </row>
    <row r="6783" spans="1:12">
      <c r="A6783" s="6" t="s">
        <v>49</v>
      </c>
      <c r="B6783" s="6"/>
      <c r="C6783" s="6" t="s">
        <v>6807</v>
      </c>
      <c r="D6783" s="6"/>
      <c r="E6783" s="6" t="s">
        <v>9</v>
      </c>
      <c r="F6783" s="7">
        <v>38657</v>
      </c>
      <c r="G6783" s="8">
        <v>1</v>
      </c>
      <c r="H6783" s="8">
        <v>1</v>
      </c>
      <c r="I6783" s="8">
        <v>0</v>
      </c>
      <c r="J6783" s="8">
        <v>1</v>
      </c>
      <c r="K6783" s="9">
        <v>258</v>
      </c>
      <c r="L6783" s="6" t="s">
        <v>51</v>
      </c>
    </row>
    <row r="6784" spans="1:12">
      <c r="A6784" s="6" t="s">
        <v>49</v>
      </c>
      <c r="B6784" s="6"/>
      <c r="C6784" s="6" t="s">
        <v>6808</v>
      </c>
      <c r="D6784" s="6"/>
      <c r="E6784" s="6" t="s">
        <v>9</v>
      </c>
      <c r="F6784" s="7">
        <v>38657</v>
      </c>
      <c r="G6784" s="8">
        <v>1</v>
      </c>
      <c r="H6784" s="8">
        <v>1</v>
      </c>
      <c r="I6784" s="8">
        <v>0</v>
      </c>
      <c r="J6784" s="8">
        <v>1</v>
      </c>
      <c r="K6784" s="9">
        <v>294</v>
      </c>
      <c r="L6784" s="6" t="s">
        <v>51</v>
      </c>
    </row>
    <row r="6785" spans="1:12">
      <c r="A6785" s="6" t="s">
        <v>49</v>
      </c>
      <c r="B6785" s="6"/>
      <c r="C6785" s="6" t="s">
        <v>6809</v>
      </c>
      <c r="D6785" s="6"/>
      <c r="E6785" s="6" t="s">
        <v>9</v>
      </c>
      <c r="F6785" s="7">
        <v>38657</v>
      </c>
      <c r="G6785" s="8">
        <v>1</v>
      </c>
      <c r="H6785" s="8">
        <v>1</v>
      </c>
      <c r="I6785" s="8">
        <v>0</v>
      </c>
      <c r="J6785" s="8">
        <v>1</v>
      </c>
      <c r="K6785" s="9">
        <v>1242</v>
      </c>
      <c r="L6785" s="6" t="s">
        <v>51</v>
      </c>
    </row>
    <row r="6786" spans="1:12">
      <c r="A6786" s="6" t="s">
        <v>49</v>
      </c>
      <c r="B6786" s="6"/>
      <c r="C6786" s="6" t="s">
        <v>6810</v>
      </c>
      <c r="D6786" s="6"/>
      <c r="E6786" s="6" t="s">
        <v>9</v>
      </c>
      <c r="F6786" s="7">
        <v>38657</v>
      </c>
      <c r="G6786" s="8">
        <v>1</v>
      </c>
      <c r="H6786" s="8">
        <v>1</v>
      </c>
      <c r="I6786" s="8">
        <v>0</v>
      </c>
      <c r="J6786" s="8">
        <v>1</v>
      </c>
      <c r="K6786" s="9">
        <v>900</v>
      </c>
      <c r="L6786" s="6" t="s">
        <v>51</v>
      </c>
    </row>
    <row r="6787" spans="1:12">
      <c r="A6787" s="6" t="s">
        <v>49</v>
      </c>
      <c r="B6787" s="6"/>
      <c r="C6787" s="6" t="s">
        <v>6811</v>
      </c>
      <c r="D6787" s="6"/>
      <c r="E6787" s="6" t="s">
        <v>9</v>
      </c>
      <c r="F6787" s="7">
        <v>38657</v>
      </c>
      <c r="G6787" s="8">
        <v>1</v>
      </c>
      <c r="H6787" s="8">
        <v>1</v>
      </c>
      <c r="I6787" s="8">
        <v>0</v>
      </c>
      <c r="J6787" s="8">
        <v>1</v>
      </c>
      <c r="K6787" s="9">
        <v>46</v>
      </c>
      <c r="L6787" s="6" t="s">
        <v>51</v>
      </c>
    </row>
    <row r="6788" spans="1:12">
      <c r="A6788" s="6" t="s">
        <v>49</v>
      </c>
      <c r="B6788" s="6"/>
      <c r="C6788" s="6" t="s">
        <v>6812</v>
      </c>
      <c r="D6788" s="6"/>
      <c r="E6788" s="6" t="s">
        <v>9</v>
      </c>
      <c r="F6788" s="7">
        <v>38657</v>
      </c>
      <c r="G6788" s="8">
        <v>1</v>
      </c>
      <c r="H6788" s="8">
        <v>1</v>
      </c>
      <c r="I6788" s="8">
        <v>0</v>
      </c>
      <c r="J6788" s="8">
        <v>1</v>
      </c>
      <c r="K6788" s="9">
        <v>1119</v>
      </c>
      <c r="L6788" s="6" t="s">
        <v>51</v>
      </c>
    </row>
    <row r="6789" spans="1:12">
      <c r="A6789" s="6" t="s">
        <v>49</v>
      </c>
      <c r="B6789" s="6"/>
      <c r="C6789" s="6" t="s">
        <v>6813</v>
      </c>
      <c r="D6789" s="6"/>
      <c r="E6789" s="6" t="s">
        <v>9</v>
      </c>
      <c r="F6789" s="7">
        <v>38657</v>
      </c>
      <c r="G6789" s="8">
        <v>1</v>
      </c>
      <c r="H6789" s="8">
        <v>1</v>
      </c>
      <c r="I6789" s="8">
        <v>0</v>
      </c>
      <c r="J6789" s="8">
        <v>1</v>
      </c>
      <c r="K6789" s="9">
        <v>82</v>
      </c>
      <c r="L6789" s="6" t="s">
        <v>51</v>
      </c>
    </row>
    <row r="6790" spans="1:12">
      <c r="A6790" s="6" t="s">
        <v>49</v>
      </c>
      <c r="B6790" s="6"/>
      <c r="C6790" s="6" t="s">
        <v>6814</v>
      </c>
      <c r="D6790" s="6"/>
      <c r="E6790" s="6" t="s">
        <v>9</v>
      </c>
      <c r="F6790" s="7">
        <v>38657</v>
      </c>
      <c r="G6790" s="8">
        <v>1</v>
      </c>
      <c r="H6790" s="8">
        <v>1</v>
      </c>
      <c r="I6790" s="8">
        <v>0</v>
      </c>
      <c r="J6790" s="8">
        <v>1</v>
      </c>
      <c r="K6790" s="9">
        <v>94</v>
      </c>
      <c r="L6790" s="6" t="s">
        <v>51</v>
      </c>
    </row>
    <row r="6791" spans="1:12">
      <c r="A6791" s="6" t="s">
        <v>49</v>
      </c>
      <c r="B6791" s="6"/>
      <c r="C6791" s="6" t="s">
        <v>6815</v>
      </c>
      <c r="D6791" s="6"/>
      <c r="E6791" s="6" t="s">
        <v>9</v>
      </c>
      <c r="F6791" s="7">
        <v>38657</v>
      </c>
      <c r="G6791" s="8">
        <v>1</v>
      </c>
      <c r="H6791" s="8">
        <v>1</v>
      </c>
      <c r="I6791" s="8">
        <v>0</v>
      </c>
      <c r="J6791" s="8">
        <v>1</v>
      </c>
      <c r="K6791" s="9">
        <v>47</v>
      </c>
      <c r="L6791" s="6" t="s">
        <v>51</v>
      </c>
    </row>
    <row r="6792" spans="1:12">
      <c r="A6792" s="6" t="s">
        <v>49</v>
      </c>
      <c r="B6792" s="6"/>
      <c r="C6792" s="6" t="s">
        <v>6816</v>
      </c>
      <c r="D6792" s="6"/>
      <c r="E6792" s="6" t="s">
        <v>9</v>
      </c>
      <c r="F6792" s="7">
        <v>38657</v>
      </c>
      <c r="G6792" s="8">
        <v>1</v>
      </c>
      <c r="H6792" s="8">
        <v>1</v>
      </c>
      <c r="I6792" s="8">
        <v>0</v>
      </c>
      <c r="J6792" s="8">
        <v>1</v>
      </c>
      <c r="K6792" s="9">
        <v>88</v>
      </c>
      <c r="L6792" s="6" t="s">
        <v>51</v>
      </c>
    </row>
    <row r="6793" spans="1:12">
      <c r="A6793" s="6" t="s">
        <v>49</v>
      </c>
      <c r="B6793" s="6"/>
      <c r="C6793" s="6" t="s">
        <v>6817</v>
      </c>
      <c r="D6793" s="6"/>
      <c r="E6793" s="6" t="s">
        <v>9</v>
      </c>
      <c r="F6793" s="7">
        <v>38657</v>
      </c>
      <c r="G6793" s="8">
        <v>1</v>
      </c>
      <c r="H6793" s="8">
        <v>1</v>
      </c>
      <c r="I6793" s="8">
        <v>0</v>
      </c>
      <c r="J6793" s="8">
        <v>1</v>
      </c>
      <c r="K6793" s="9">
        <v>8.94</v>
      </c>
      <c r="L6793" s="6" t="s">
        <v>51</v>
      </c>
    </row>
    <row r="6794" spans="1:12">
      <c r="A6794" s="6" t="s">
        <v>49</v>
      </c>
      <c r="B6794" s="6"/>
      <c r="C6794" s="6" t="s">
        <v>6818</v>
      </c>
      <c r="D6794" s="6"/>
      <c r="E6794" s="6" t="s">
        <v>9</v>
      </c>
      <c r="F6794" s="7">
        <v>38657</v>
      </c>
      <c r="G6794" s="8">
        <v>1</v>
      </c>
      <c r="H6794" s="8">
        <v>1</v>
      </c>
      <c r="I6794" s="8">
        <v>0</v>
      </c>
      <c r="J6794" s="8">
        <v>1</v>
      </c>
      <c r="K6794" s="9">
        <v>29.99</v>
      </c>
      <c r="L6794" s="6" t="s">
        <v>51</v>
      </c>
    </row>
    <row r="6795" spans="1:12">
      <c r="A6795" s="6" t="s">
        <v>49</v>
      </c>
      <c r="B6795" s="6"/>
      <c r="C6795" s="6" t="s">
        <v>6819</v>
      </c>
      <c r="D6795" s="6"/>
      <c r="E6795" s="6" t="s">
        <v>9</v>
      </c>
      <c r="F6795" s="7">
        <v>38657</v>
      </c>
      <c r="G6795" s="8">
        <v>1</v>
      </c>
      <c r="H6795" s="8">
        <v>1</v>
      </c>
      <c r="I6795" s="8">
        <v>0</v>
      </c>
      <c r="J6795" s="8">
        <v>1</v>
      </c>
      <c r="K6795" s="9">
        <v>2.4</v>
      </c>
      <c r="L6795" s="6" t="s">
        <v>51</v>
      </c>
    </row>
    <row r="6796" spans="1:12">
      <c r="A6796" s="6" t="s">
        <v>49</v>
      </c>
      <c r="B6796" s="6"/>
      <c r="C6796" s="6" t="s">
        <v>6820</v>
      </c>
      <c r="D6796" s="6"/>
      <c r="E6796" s="6" t="s">
        <v>9</v>
      </c>
      <c r="F6796" s="7">
        <v>38657</v>
      </c>
      <c r="G6796" s="8">
        <v>1</v>
      </c>
      <c r="H6796" s="8">
        <v>1</v>
      </c>
      <c r="I6796" s="8">
        <v>0</v>
      </c>
      <c r="J6796" s="8">
        <v>1</v>
      </c>
      <c r="K6796" s="9">
        <v>2.34</v>
      </c>
      <c r="L6796" s="6" t="s">
        <v>51</v>
      </c>
    </row>
    <row r="6797" spans="1:12">
      <c r="A6797" s="6" t="s">
        <v>49</v>
      </c>
      <c r="B6797" s="6"/>
      <c r="C6797" s="6" t="s">
        <v>6821</v>
      </c>
      <c r="D6797" s="6"/>
      <c r="E6797" s="6" t="s">
        <v>9</v>
      </c>
      <c r="F6797" s="7">
        <v>38657</v>
      </c>
      <c r="G6797" s="8">
        <v>1</v>
      </c>
      <c r="H6797" s="8">
        <v>1</v>
      </c>
      <c r="I6797" s="8">
        <v>0</v>
      </c>
      <c r="J6797" s="8">
        <v>1</v>
      </c>
      <c r="K6797" s="9">
        <v>100</v>
      </c>
      <c r="L6797" s="6" t="s">
        <v>51</v>
      </c>
    </row>
    <row r="6798" spans="1:12">
      <c r="A6798" s="6" t="s">
        <v>49</v>
      </c>
      <c r="B6798" s="6"/>
      <c r="C6798" s="6" t="s">
        <v>6822</v>
      </c>
      <c r="D6798" s="6"/>
      <c r="E6798" s="6" t="s">
        <v>9</v>
      </c>
      <c r="F6798" s="7">
        <v>38657</v>
      </c>
      <c r="G6798" s="8">
        <v>1</v>
      </c>
      <c r="H6798" s="8">
        <v>1</v>
      </c>
      <c r="I6798" s="8">
        <v>0</v>
      </c>
      <c r="J6798" s="8">
        <v>1</v>
      </c>
      <c r="K6798" s="9">
        <v>9.91</v>
      </c>
      <c r="L6798" s="6" t="s">
        <v>51</v>
      </c>
    </row>
    <row r="6799" spans="1:12">
      <c r="A6799" s="6" t="s">
        <v>49</v>
      </c>
      <c r="B6799" s="6"/>
      <c r="C6799" s="6" t="s">
        <v>6823</v>
      </c>
      <c r="D6799" s="6"/>
      <c r="E6799" s="6" t="s">
        <v>9</v>
      </c>
      <c r="F6799" s="7">
        <v>38657</v>
      </c>
      <c r="G6799" s="8">
        <v>1</v>
      </c>
      <c r="H6799" s="8">
        <v>1</v>
      </c>
      <c r="I6799" s="8">
        <v>0</v>
      </c>
      <c r="J6799" s="8">
        <v>1</v>
      </c>
      <c r="K6799" s="9">
        <v>8</v>
      </c>
      <c r="L6799" s="6" t="s">
        <v>51</v>
      </c>
    </row>
    <row r="6800" spans="1:12">
      <c r="A6800" s="6" t="s">
        <v>49</v>
      </c>
      <c r="B6800" s="6"/>
      <c r="C6800" s="6" t="s">
        <v>6824</v>
      </c>
      <c r="D6800" s="6"/>
      <c r="E6800" s="6" t="s">
        <v>9</v>
      </c>
      <c r="F6800" s="7">
        <v>38657</v>
      </c>
      <c r="G6800" s="8">
        <v>1</v>
      </c>
      <c r="H6800" s="8">
        <v>1</v>
      </c>
      <c r="I6800" s="8">
        <v>0</v>
      </c>
      <c r="J6800" s="8">
        <v>1</v>
      </c>
      <c r="K6800" s="9">
        <v>30</v>
      </c>
      <c r="L6800" s="6" t="s">
        <v>51</v>
      </c>
    </row>
    <row r="6801" spans="1:12">
      <c r="A6801" s="6" t="s">
        <v>49</v>
      </c>
      <c r="B6801" s="6"/>
      <c r="C6801" s="6" t="s">
        <v>6825</v>
      </c>
      <c r="D6801" s="6"/>
      <c r="E6801" s="6" t="s">
        <v>9</v>
      </c>
      <c r="F6801" s="7">
        <v>38657</v>
      </c>
      <c r="G6801" s="8">
        <v>1</v>
      </c>
      <c r="H6801" s="8">
        <v>1</v>
      </c>
      <c r="I6801" s="8">
        <v>0</v>
      </c>
      <c r="J6801" s="8">
        <v>1</v>
      </c>
      <c r="K6801" s="9">
        <v>213</v>
      </c>
      <c r="L6801" s="6" t="s">
        <v>51</v>
      </c>
    </row>
    <row r="6802" spans="1:12">
      <c r="A6802" s="6" t="s">
        <v>49</v>
      </c>
      <c r="B6802" s="6"/>
      <c r="C6802" s="6" t="s">
        <v>6826</v>
      </c>
      <c r="D6802" s="6"/>
      <c r="E6802" s="6" t="s">
        <v>9</v>
      </c>
      <c r="F6802" s="7">
        <v>38657</v>
      </c>
      <c r="G6802" s="8">
        <v>1</v>
      </c>
      <c r="H6802" s="8">
        <v>1</v>
      </c>
      <c r="I6802" s="8">
        <v>0</v>
      </c>
      <c r="J6802" s="8">
        <v>1</v>
      </c>
      <c r="K6802" s="9">
        <v>61</v>
      </c>
      <c r="L6802" s="6" t="s">
        <v>51</v>
      </c>
    </row>
    <row r="6803" spans="1:12">
      <c r="A6803" s="6" t="s">
        <v>49</v>
      </c>
      <c r="B6803" s="6"/>
      <c r="C6803" s="6" t="s">
        <v>6827</v>
      </c>
      <c r="D6803" s="6"/>
      <c r="E6803" s="6" t="s">
        <v>9</v>
      </c>
      <c r="F6803" s="7">
        <v>38657</v>
      </c>
      <c r="G6803" s="8">
        <v>1</v>
      </c>
      <c r="H6803" s="8">
        <v>1</v>
      </c>
      <c r="I6803" s="8">
        <v>0</v>
      </c>
      <c r="J6803" s="8">
        <v>1</v>
      </c>
      <c r="K6803" s="9">
        <v>1747</v>
      </c>
      <c r="L6803" s="6" t="s">
        <v>51</v>
      </c>
    </row>
    <row r="6804" spans="1:12">
      <c r="A6804" s="6" t="s">
        <v>49</v>
      </c>
      <c r="B6804" s="6"/>
      <c r="C6804" s="6" t="s">
        <v>6828</v>
      </c>
      <c r="D6804" s="6"/>
      <c r="E6804" s="6" t="s">
        <v>9</v>
      </c>
      <c r="F6804" s="7">
        <v>38657</v>
      </c>
      <c r="G6804" s="8">
        <v>1</v>
      </c>
      <c r="H6804" s="8">
        <v>1</v>
      </c>
      <c r="I6804" s="8">
        <v>0</v>
      </c>
      <c r="J6804" s="8">
        <v>1</v>
      </c>
      <c r="K6804" s="9">
        <v>103</v>
      </c>
      <c r="L6804" s="6" t="s">
        <v>51</v>
      </c>
    </row>
    <row r="6805" spans="1:12">
      <c r="A6805" s="6" t="s">
        <v>49</v>
      </c>
      <c r="B6805" s="6"/>
      <c r="C6805" s="6" t="s">
        <v>6829</v>
      </c>
      <c r="D6805" s="6"/>
      <c r="E6805" s="6" t="s">
        <v>9</v>
      </c>
      <c r="F6805" s="7">
        <v>38657</v>
      </c>
      <c r="G6805" s="8">
        <v>1</v>
      </c>
      <c r="H6805" s="8">
        <v>1</v>
      </c>
      <c r="I6805" s="8">
        <v>0</v>
      </c>
      <c r="J6805" s="8">
        <v>1</v>
      </c>
      <c r="K6805" s="9">
        <v>663</v>
      </c>
      <c r="L6805" s="6" t="s">
        <v>51</v>
      </c>
    </row>
    <row r="6806" spans="1:12">
      <c r="A6806" s="6" t="s">
        <v>49</v>
      </c>
      <c r="B6806" s="6"/>
      <c r="C6806" s="6" t="s">
        <v>6830</v>
      </c>
      <c r="D6806" s="6"/>
      <c r="E6806" s="6" t="s">
        <v>9</v>
      </c>
      <c r="F6806" s="7">
        <v>38657</v>
      </c>
      <c r="G6806" s="8">
        <v>1</v>
      </c>
      <c r="H6806" s="8">
        <v>1</v>
      </c>
      <c r="I6806" s="8">
        <v>0</v>
      </c>
      <c r="J6806" s="8">
        <v>1</v>
      </c>
      <c r="K6806" s="9">
        <v>6.18</v>
      </c>
      <c r="L6806" s="6" t="s">
        <v>51</v>
      </c>
    </row>
    <row r="6807" spans="1:12">
      <c r="A6807" s="6" t="s">
        <v>49</v>
      </c>
      <c r="B6807" s="6"/>
      <c r="C6807" s="6" t="s">
        <v>6831</v>
      </c>
      <c r="D6807" s="6"/>
      <c r="E6807" s="6" t="s">
        <v>9</v>
      </c>
      <c r="F6807" s="7">
        <v>38657</v>
      </c>
      <c r="G6807" s="8">
        <v>1</v>
      </c>
      <c r="H6807" s="8">
        <v>1</v>
      </c>
      <c r="I6807" s="8">
        <v>0</v>
      </c>
      <c r="J6807" s="8">
        <v>1</v>
      </c>
      <c r="K6807" s="9">
        <v>317</v>
      </c>
      <c r="L6807" s="6" t="s">
        <v>51</v>
      </c>
    </row>
    <row r="6808" spans="1:12">
      <c r="A6808" s="6" t="s">
        <v>49</v>
      </c>
      <c r="B6808" s="6"/>
      <c r="C6808" s="6" t="s">
        <v>6832</v>
      </c>
      <c r="D6808" s="6"/>
      <c r="E6808" s="6" t="s">
        <v>9</v>
      </c>
      <c r="F6808" s="7">
        <v>38657</v>
      </c>
      <c r="G6808" s="8">
        <v>1</v>
      </c>
      <c r="H6808" s="8">
        <v>1</v>
      </c>
      <c r="I6808" s="8">
        <v>0</v>
      </c>
      <c r="J6808" s="8">
        <v>1</v>
      </c>
      <c r="K6808" s="9">
        <v>187</v>
      </c>
      <c r="L6808" s="6" t="s">
        <v>51</v>
      </c>
    </row>
    <row r="6809" spans="1:12">
      <c r="A6809" s="6" t="s">
        <v>49</v>
      </c>
      <c r="B6809" s="6"/>
      <c r="C6809" s="6" t="s">
        <v>6833</v>
      </c>
      <c r="D6809" s="6"/>
      <c r="E6809" s="6" t="s">
        <v>9</v>
      </c>
      <c r="F6809" s="7">
        <v>38657</v>
      </c>
      <c r="G6809" s="8">
        <v>1</v>
      </c>
      <c r="H6809" s="8">
        <v>1</v>
      </c>
      <c r="I6809" s="8">
        <v>0</v>
      </c>
      <c r="J6809" s="8">
        <v>1</v>
      </c>
      <c r="K6809" s="9">
        <v>46</v>
      </c>
      <c r="L6809" s="6" t="s">
        <v>51</v>
      </c>
    </row>
    <row r="6810" spans="1:12">
      <c r="A6810" s="6" t="s">
        <v>49</v>
      </c>
      <c r="B6810" s="6"/>
      <c r="C6810" s="6" t="s">
        <v>6834</v>
      </c>
      <c r="D6810" s="6"/>
      <c r="E6810" s="6" t="s">
        <v>9</v>
      </c>
      <c r="F6810" s="7">
        <v>38657</v>
      </c>
      <c r="G6810" s="8">
        <v>1</v>
      </c>
      <c r="H6810" s="8">
        <v>1</v>
      </c>
      <c r="I6810" s="8">
        <v>0</v>
      </c>
      <c r="J6810" s="8">
        <v>1</v>
      </c>
      <c r="K6810" s="9">
        <v>84</v>
      </c>
      <c r="L6810" s="6" t="s">
        <v>51</v>
      </c>
    </row>
    <row r="6811" spans="1:12">
      <c r="A6811" s="6" t="s">
        <v>49</v>
      </c>
      <c r="B6811" s="6"/>
      <c r="C6811" s="6" t="s">
        <v>6835</v>
      </c>
      <c r="D6811" s="6"/>
      <c r="E6811" s="6" t="s">
        <v>9</v>
      </c>
      <c r="F6811" s="7">
        <v>38657</v>
      </c>
      <c r="G6811" s="8">
        <v>1</v>
      </c>
      <c r="H6811" s="8">
        <v>1</v>
      </c>
      <c r="I6811" s="8">
        <v>0</v>
      </c>
      <c r="J6811" s="8">
        <v>1</v>
      </c>
      <c r="K6811" s="9">
        <v>173</v>
      </c>
      <c r="L6811" s="6" t="s">
        <v>51</v>
      </c>
    </row>
    <row r="6812" spans="1:12">
      <c r="A6812" s="6" t="s">
        <v>49</v>
      </c>
      <c r="B6812" s="6"/>
      <c r="C6812" s="6" t="s">
        <v>6836</v>
      </c>
      <c r="D6812" s="6"/>
      <c r="E6812" s="6" t="s">
        <v>9</v>
      </c>
      <c r="F6812" s="7">
        <v>38657</v>
      </c>
      <c r="G6812" s="8">
        <v>1</v>
      </c>
      <c r="H6812" s="8">
        <v>1</v>
      </c>
      <c r="I6812" s="8">
        <v>0</v>
      </c>
      <c r="J6812" s="8">
        <v>1</v>
      </c>
      <c r="K6812" s="9">
        <v>35</v>
      </c>
      <c r="L6812" s="6" t="s">
        <v>51</v>
      </c>
    </row>
    <row r="6813" spans="1:12">
      <c r="A6813" s="6" t="s">
        <v>49</v>
      </c>
      <c r="B6813" s="6"/>
      <c r="C6813" s="6" t="s">
        <v>6837</v>
      </c>
      <c r="D6813" s="6"/>
      <c r="E6813" s="6" t="s">
        <v>9</v>
      </c>
      <c r="F6813" s="7">
        <v>38657</v>
      </c>
      <c r="G6813" s="8">
        <v>1</v>
      </c>
      <c r="H6813" s="8">
        <v>1</v>
      </c>
      <c r="I6813" s="8">
        <v>0</v>
      </c>
      <c r="J6813" s="8">
        <v>1</v>
      </c>
      <c r="K6813" s="9">
        <v>356</v>
      </c>
      <c r="L6813" s="6" t="s">
        <v>51</v>
      </c>
    </row>
    <row r="6814" spans="1:12">
      <c r="A6814" s="6" t="s">
        <v>49</v>
      </c>
      <c r="B6814" s="6"/>
      <c r="C6814" s="6" t="s">
        <v>6838</v>
      </c>
      <c r="D6814" s="6"/>
      <c r="E6814" s="6" t="s">
        <v>9</v>
      </c>
      <c r="F6814" s="7">
        <v>38657</v>
      </c>
      <c r="G6814" s="8">
        <v>1</v>
      </c>
      <c r="H6814" s="8">
        <v>1</v>
      </c>
      <c r="I6814" s="8">
        <v>0</v>
      </c>
      <c r="J6814" s="8">
        <v>1</v>
      </c>
      <c r="K6814" s="9">
        <v>962</v>
      </c>
      <c r="L6814" s="6" t="s">
        <v>51</v>
      </c>
    </row>
    <row r="6815" spans="1:12">
      <c r="A6815" s="6" t="s">
        <v>49</v>
      </c>
      <c r="B6815" s="6"/>
      <c r="C6815" s="6" t="s">
        <v>6839</v>
      </c>
      <c r="D6815" s="6"/>
      <c r="E6815" s="6" t="s">
        <v>9</v>
      </c>
      <c r="F6815" s="7">
        <v>38657</v>
      </c>
      <c r="G6815" s="8">
        <v>1</v>
      </c>
      <c r="H6815" s="8">
        <v>1</v>
      </c>
      <c r="I6815" s="8">
        <v>0</v>
      </c>
      <c r="J6815" s="8">
        <v>1</v>
      </c>
      <c r="K6815" s="9">
        <v>32</v>
      </c>
      <c r="L6815" s="6" t="s">
        <v>51</v>
      </c>
    </row>
    <row r="6816" spans="1:12">
      <c r="A6816" s="6" t="s">
        <v>49</v>
      </c>
      <c r="B6816" s="6"/>
      <c r="C6816" s="6" t="s">
        <v>6840</v>
      </c>
      <c r="D6816" s="6"/>
      <c r="E6816" s="6" t="s">
        <v>9</v>
      </c>
      <c r="F6816" s="7">
        <v>38657</v>
      </c>
      <c r="G6816" s="8">
        <v>1</v>
      </c>
      <c r="H6816" s="8">
        <v>1</v>
      </c>
      <c r="I6816" s="8">
        <v>0</v>
      </c>
      <c r="J6816" s="8">
        <v>1</v>
      </c>
      <c r="K6816" s="9">
        <v>20</v>
      </c>
      <c r="L6816" s="6" t="s">
        <v>51</v>
      </c>
    </row>
    <row r="6817" spans="1:12">
      <c r="A6817" s="6" t="s">
        <v>49</v>
      </c>
      <c r="B6817" s="6"/>
      <c r="C6817" s="6" t="s">
        <v>6841</v>
      </c>
      <c r="D6817" s="6"/>
      <c r="E6817" s="6" t="s">
        <v>9</v>
      </c>
      <c r="F6817" s="7">
        <v>38657</v>
      </c>
      <c r="G6817" s="8">
        <v>1</v>
      </c>
      <c r="H6817" s="8">
        <v>1</v>
      </c>
      <c r="I6817" s="8">
        <v>0</v>
      </c>
      <c r="J6817" s="8">
        <v>1</v>
      </c>
      <c r="K6817" s="9">
        <v>9.76</v>
      </c>
      <c r="L6817" s="6" t="s">
        <v>51</v>
      </c>
    </row>
    <row r="6818" spans="1:12">
      <c r="A6818" s="6" t="s">
        <v>49</v>
      </c>
      <c r="B6818" s="6"/>
      <c r="C6818" s="6" t="s">
        <v>6842</v>
      </c>
      <c r="D6818" s="6"/>
      <c r="E6818" s="6" t="s">
        <v>9</v>
      </c>
      <c r="F6818" s="7">
        <v>38657</v>
      </c>
      <c r="G6818" s="8">
        <v>1</v>
      </c>
      <c r="H6818" s="8">
        <v>1</v>
      </c>
      <c r="I6818" s="8">
        <v>0</v>
      </c>
      <c r="J6818" s="8">
        <v>1</v>
      </c>
      <c r="K6818" s="9">
        <v>50</v>
      </c>
      <c r="L6818" s="6" t="s">
        <v>51</v>
      </c>
    </row>
    <row r="6819" spans="1:12">
      <c r="A6819" s="6" t="s">
        <v>49</v>
      </c>
      <c r="B6819" s="6"/>
      <c r="C6819" s="6" t="s">
        <v>6843</v>
      </c>
      <c r="D6819" s="6"/>
      <c r="E6819" s="6" t="s">
        <v>9</v>
      </c>
      <c r="F6819" s="7">
        <v>38657</v>
      </c>
      <c r="G6819" s="8">
        <v>1</v>
      </c>
      <c r="H6819" s="8">
        <v>1</v>
      </c>
      <c r="I6819" s="8">
        <v>0</v>
      </c>
      <c r="J6819" s="8">
        <v>1</v>
      </c>
      <c r="K6819" s="9">
        <v>109</v>
      </c>
      <c r="L6819" s="6" t="s">
        <v>51</v>
      </c>
    </row>
    <row r="6820" spans="1:12">
      <c r="A6820" s="6" t="s">
        <v>49</v>
      </c>
      <c r="B6820" s="6"/>
      <c r="C6820" s="6" t="s">
        <v>6844</v>
      </c>
      <c r="D6820" s="6"/>
      <c r="E6820" s="6" t="s">
        <v>9</v>
      </c>
      <c r="F6820" s="7">
        <v>38657</v>
      </c>
      <c r="G6820" s="8">
        <v>1</v>
      </c>
      <c r="H6820" s="8">
        <v>1</v>
      </c>
      <c r="I6820" s="8">
        <v>0</v>
      </c>
      <c r="J6820" s="8">
        <v>1</v>
      </c>
      <c r="K6820" s="9">
        <v>13</v>
      </c>
      <c r="L6820" s="6" t="s">
        <v>51</v>
      </c>
    </row>
    <row r="6821" spans="1:12">
      <c r="A6821" s="6" t="s">
        <v>49</v>
      </c>
      <c r="B6821" s="6"/>
      <c r="C6821" s="6" t="s">
        <v>6845</v>
      </c>
      <c r="D6821" s="6"/>
      <c r="E6821" s="6" t="s">
        <v>9</v>
      </c>
      <c r="F6821" s="7">
        <v>38657</v>
      </c>
      <c r="G6821" s="8">
        <v>1</v>
      </c>
      <c r="H6821" s="8">
        <v>1</v>
      </c>
      <c r="I6821" s="8">
        <v>0</v>
      </c>
      <c r="J6821" s="8">
        <v>1</v>
      </c>
      <c r="K6821" s="9">
        <v>114</v>
      </c>
      <c r="L6821" s="6" t="s">
        <v>51</v>
      </c>
    </row>
    <row r="6822" spans="1:12">
      <c r="A6822" s="6" t="s">
        <v>49</v>
      </c>
      <c r="B6822" s="6"/>
      <c r="C6822" s="6" t="s">
        <v>6846</v>
      </c>
      <c r="D6822" s="6"/>
      <c r="E6822" s="6" t="s">
        <v>9</v>
      </c>
      <c r="F6822" s="7">
        <v>38657</v>
      </c>
      <c r="G6822" s="8">
        <v>1</v>
      </c>
      <c r="H6822" s="8">
        <v>1</v>
      </c>
      <c r="I6822" s="8">
        <v>0</v>
      </c>
      <c r="J6822" s="8">
        <v>1</v>
      </c>
      <c r="K6822" s="9">
        <v>114</v>
      </c>
      <c r="L6822" s="6" t="s">
        <v>51</v>
      </c>
    </row>
    <row r="6823" spans="1:12">
      <c r="A6823" s="6" t="s">
        <v>49</v>
      </c>
      <c r="B6823" s="6"/>
      <c r="C6823" s="6" t="s">
        <v>6847</v>
      </c>
      <c r="D6823" s="6"/>
      <c r="E6823" s="6" t="s">
        <v>9</v>
      </c>
      <c r="F6823" s="7">
        <v>38657</v>
      </c>
      <c r="G6823" s="8">
        <v>1</v>
      </c>
      <c r="H6823" s="8">
        <v>1</v>
      </c>
      <c r="I6823" s="8">
        <v>0</v>
      </c>
      <c r="J6823" s="8">
        <v>1</v>
      </c>
      <c r="K6823" s="9">
        <v>114</v>
      </c>
      <c r="L6823" s="6" t="s">
        <v>51</v>
      </c>
    </row>
    <row r="6824" spans="1:12">
      <c r="A6824" s="6" t="s">
        <v>49</v>
      </c>
      <c r="B6824" s="6"/>
      <c r="C6824" s="6" t="s">
        <v>6848</v>
      </c>
      <c r="D6824" s="6"/>
      <c r="E6824" s="6" t="s">
        <v>9</v>
      </c>
      <c r="F6824" s="7">
        <v>38657</v>
      </c>
      <c r="G6824" s="8">
        <v>1</v>
      </c>
      <c r="H6824" s="8">
        <v>1</v>
      </c>
      <c r="I6824" s="8">
        <v>0</v>
      </c>
      <c r="J6824" s="8">
        <v>1</v>
      </c>
      <c r="K6824" s="9">
        <v>114</v>
      </c>
      <c r="L6824" s="6" t="s">
        <v>51</v>
      </c>
    </row>
    <row r="6825" spans="1:12">
      <c r="A6825" s="6" t="s">
        <v>49</v>
      </c>
      <c r="B6825" s="6"/>
      <c r="C6825" s="6" t="s">
        <v>6849</v>
      </c>
      <c r="D6825" s="6"/>
      <c r="E6825" s="6" t="s">
        <v>9</v>
      </c>
      <c r="F6825" s="7">
        <v>38657</v>
      </c>
      <c r="G6825" s="8">
        <v>1</v>
      </c>
      <c r="H6825" s="8">
        <v>1</v>
      </c>
      <c r="I6825" s="8">
        <v>0</v>
      </c>
      <c r="J6825" s="8">
        <v>1</v>
      </c>
      <c r="K6825" s="9">
        <v>114</v>
      </c>
      <c r="L6825" s="6" t="s">
        <v>51</v>
      </c>
    </row>
    <row r="6826" spans="1:12">
      <c r="A6826" s="6" t="s">
        <v>49</v>
      </c>
      <c r="B6826" s="6"/>
      <c r="C6826" s="6" t="s">
        <v>6850</v>
      </c>
      <c r="D6826" s="6"/>
      <c r="E6826" s="6" t="s">
        <v>9</v>
      </c>
      <c r="F6826" s="7">
        <v>38657</v>
      </c>
      <c r="G6826" s="8">
        <v>1</v>
      </c>
      <c r="H6826" s="8">
        <v>1</v>
      </c>
      <c r="I6826" s="8">
        <v>0</v>
      </c>
      <c r="J6826" s="8">
        <v>1</v>
      </c>
      <c r="K6826" s="9">
        <v>116</v>
      </c>
      <c r="L6826" s="6" t="s">
        <v>51</v>
      </c>
    </row>
    <row r="6827" spans="1:12">
      <c r="A6827" s="6" t="s">
        <v>49</v>
      </c>
      <c r="B6827" s="6"/>
      <c r="C6827" s="6" t="s">
        <v>6851</v>
      </c>
      <c r="D6827" s="6"/>
      <c r="E6827" s="6" t="s">
        <v>9</v>
      </c>
      <c r="F6827" s="7">
        <v>38657</v>
      </c>
      <c r="G6827" s="8">
        <v>1</v>
      </c>
      <c r="H6827" s="8">
        <v>1</v>
      </c>
      <c r="I6827" s="8">
        <v>0</v>
      </c>
      <c r="J6827" s="8">
        <v>1</v>
      </c>
      <c r="K6827" s="9">
        <v>1100</v>
      </c>
      <c r="L6827" s="6" t="s">
        <v>51</v>
      </c>
    </row>
    <row r="6828" spans="1:12">
      <c r="A6828" s="6" t="s">
        <v>49</v>
      </c>
      <c r="B6828" s="6"/>
      <c r="C6828" s="6" t="s">
        <v>6852</v>
      </c>
      <c r="D6828" s="6"/>
      <c r="E6828" s="6" t="s">
        <v>9</v>
      </c>
      <c r="F6828" s="7">
        <v>38657</v>
      </c>
      <c r="G6828" s="8">
        <v>1</v>
      </c>
      <c r="H6828" s="8">
        <v>1</v>
      </c>
      <c r="I6828" s="8">
        <v>0</v>
      </c>
      <c r="J6828" s="8">
        <v>1</v>
      </c>
      <c r="K6828" s="9">
        <v>115</v>
      </c>
      <c r="L6828" s="6" t="s">
        <v>51</v>
      </c>
    </row>
    <row r="6829" spans="1:12">
      <c r="A6829" s="6" t="s">
        <v>49</v>
      </c>
      <c r="B6829" s="6"/>
      <c r="C6829" s="6" t="s">
        <v>6853</v>
      </c>
      <c r="D6829" s="6"/>
      <c r="E6829" s="6" t="s">
        <v>9</v>
      </c>
      <c r="F6829" s="7">
        <v>38657</v>
      </c>
      <c r="G6829" s="8">
        <v>1</v>
      </c>
      <c r="H6829" s="8">
        <v>1</v>
      </c>
      <c r="I6829" s="8">
        <v>0</v>
      </c>
      <c r="J6829" s="8">
        <v>1</v>
      </c>
      <c r="K6829" s="9">
        <v>68</v>
      </c>
      <c r="L6829" s="6" t="s">
        <v>51</v>
      </c>
    </row>
    <row r="6830" spans="1:12">
      <c r="A6830" s="6" t="s">
        <v>49</v>
      </c>
      <c r="B6830" s="6"/>
      <c r="C6830" s="6" t="s">
        <v>6854</v>
      </c>
      <c r="D6830" s="6"/>
      <c r="E6830" s="6" t="s">
        <v>9</v>
      </c>
      <c r="F6830" s="7">
        <v>38657</v>
      </c>
      <c r="G6830" s="8">
        <v>1</v>
      </c>
      <c r="H6830" s="8">
        <v>1</v>
      </c>
      <c r="I6830" s="8">
        <v>0</v>
      </c>
      <c r="J6830" s="8">
        <v>1</v>
      </c>
      <c r="K6830" s="9">
        <v>114</v>
      </c>
      <c r="L6830" s="6" t="s">
        <v>51</v>
      </c>
    </row>
    <row r="6831" spans="1:12">
      <c r="A6831" s="6" t="s">
        <v>49</v>
      </c>
      <c r="B6831" s="6"/>
      <c r="C6831" s="6" t="s">
        <v>6855</v>
      </c>
      <c r="D6831" s="6"/>
      <c r="E6831" s="6" t="s">
        <v>9</v>
      </c>
      <c r="F6831" s="7">
        <v>38657</v>
      </c>
      <c r="G6831" s="8">
        <v>1</v>
      </c>
      <c r="H6831" s="8">
        <v>1</v>
      </c>
      <c r="I6831" s="8">
        <v>0</v>
      </c>
      <c r="J6831" s="8">
        <v>1</v>
      </c>
      <c r="K6831" s="9">
        <v>262.64999999999901</v>
      </c>
      <c r="L6831" s="6" t="s">
        <v>51</v>
      </c>
    </row>
    <row r="6832" spans="1:12">
      <c r="A6832" s="6" t="s">
        <v>49</v>
      </c>
      <c r="B6832" s="6"/>
      <c r="C6832" s="6" t="s">
        <v>6856</v>
      </c>
      <c r="D6832" s="6"/>
      <c r="E6832" s="6" t="s">
        <v>9</v>
      </c>
      <c r="F6832" s="7">
        <v>38657</v>
      </c>
      <c r="G6832" s="8">
        <v>1</v>
      </c>
      <c r="H6832" s="8">
        <v>1</v>
      </c>
      <c r="I6832" s="8">
        <v>0</v>
      </c>
      <c r="J6832" s="8">
        <v>1</v>
      </c>
      <c r="K6832" s="9">
        <v>16</v>
      </c>
      <c r="L6832" s="6" t="s">
        <v>51</v>
      </c>
    </row>
    <row r="6833" spans="1:12">
      <c r="A6833" s="6" t="s">
        <v>49</v>
      </c>
      <c r="B6833" s="6"/>
      <c r="C6833" s="6" t="s">
        <v>6857</v>
      </c>
      <c r="D6833" s="6"/>
      <c r="E6833" s="6" t="s">
        <v>9</v>
      </c>
      <c r="F6833" s="7">
        <v>38657</v>
      </c>
      <c r="G6833" s="8">
        <v>1</v>
      </c>
      <c r="H6833" s="8">
        <v>1</v>
      </c>
      <c r="I6833" s="8">
        <v>0</v>
      </c>
      <c r="J6833" s="8">
        <v>1</v>
      </c>
      <c r="K6833" s="9">
        <v>114</v>
      </c>
      <c r="L6833" s="6" t="s">
        <v>51</v>
      </c>
    </row>
    <row r="6834" spans="1:12">
      <c r="A6834" s="6" t="s">
        <v>49</v>
      </c>
      <c r="B6834" s="6"/>
      <c r="C6834" s="6" t="s">
        <v>6858</v>
      </c>
      <c r="D6834" s="6"/>
      <c r="E6834" s="6" t="s">
        <v>9</v>
      </c>
      <c r="F6834" s="7">
        <v>38657</v>
      </c>
      <c r="G6834" s="8">
        <v>1</v>
      </c>
      <c r="H6834" s="8">
        <v>1</v>
      </c>
      <c r="I6834" s="8">
        <v>0</v>
      </c>
      <c r="J6834" s="8">
        <v>1</v>
      </c>
      <c r="K6834" s="9">
        <v>114</v>
      </c>
      <c r="L6834" s="6" t="s">
        <v>51</v>
      </c>
    </row>
    <row r="6835" spans="1:12">
      <c r="A6835" s="6" t="s">
        <v>49</v>
      </c>
      <c r="B6835" s="6"/>
      <c r="C6835" s="6" t="s">
        <v>6859</v>
      </c>
      <c r="D6835" s="6"/>
      <c r="E6835" s="6" t="s">
        <v>9</v>
      </c>
      <c r="F6835" s="7">
        <v>38657</v>
      </c>
      <c r="G6835" s="8">
        <v>1</v>
      </c>
      <c r="H6835" s="8">
        <v>1</v>
      </c>
      <c r="I6835" s="8">
        <v>0</v>
      </c>
      <c r="J6835" s="8">
        <v>1</v>
      </c>
      <c r="K6835" s="9">
        <v>114</v>
      </c>
      <c r="L6835" s="6" t="s">
        <v>51</v>
      </c>
    </row>
    <row r="6836" spans="1:12">
      <c r="A6836" s="6" t="s">
        <v>49</v>
      </c>
      <c r="B6836" s="6"/>
      <c r="C6836" s="6" t="s">
        <v>6860</v>
      </c>
      <c r="D6836" s="6"/>
      <c r="E6836" s="6" t="s">
        <v>9</v>
      </c>
      <c r="F6836" s="7">
        <v>38657</v>
      </c>
      <c r="G6836" s="8">
        <v>1</v>
      </c>
      <c r="H6836" s="8">
        <v>1</v>
      </c>
      <c r="I6836" s="8">
        <v>0</v>
      </c>
      <c r="J6836" s="8">
        <v>1</v>
      </c>
      <c r="K6836" s="9">
        <v>114</v>
      </c>
      <c r="L6836" s="6" t="s">
        <v>51</v>
      </c>
    </row>
    <row r="6837" spans="1:12">
      <c r="A6837" s="6" t="s">
        <v>49</v>
      </c>
      <c r="B6837" s="6"/>
      <c r="C6837" s="6" t="s">
        <v>6861</v>
      </c>
      <c r="D6837" s="6"/>
      <c r="E6837" s="6" t="s">
        <v>9</v>
      </c>
      <c r="F6837" s="7">
        <v>38657</v>
      </c>
      <c r="G6837" s="8">
        <v>1</v>
      </c>
      <c r="H6837" s="8">
        <v>1</v>
      </c>
      <c r="I6837" s="8">
        <v>0</v>
      </c>
      <c r="J6837" s="8">
        <v>1</v>
      </c>
      <c r="K6837" s="9">
        <v>114</v>
      </c>
      <c r="L6837" s="6" t="s">
        <v>51</v>
      </c>
    </row>
    <row r="6838" spans="1:12">
      <c r="A6838" s="6" t="s">
        <v>49</v>
      </c>
      <c r="B6838" s="6"/>
      <c r="C6838" s="6" t="s">
        <v>6862</v>
      </c>
      <c r="D6838" s="6"/>
      <c r="E6838" s="6" t="s">
        <v>9</v>
      </c>
      <c r="F6838" s="7">
        <v>38657</v>
      </c>
      <c r="G6838" s="8">
        <v>1</v>
      </c>
      <c r="H6838" s="8">
        <v>1</v>
      </c>
      <c r="I6838" s="8">
        <v>0</v>
      </c>
      <c r="J6838" s="8">
        <v>1</v>
      </c>
      <c r="K6838" s="9">
        <v>114</v>
      </c>
      <c r="L6838" s="6" t="s">
        <v>51</v>
      </c>
    </row>
    <row r="6839" spans="1:12">
      <c r="A6839" s="6" t="s">
        <v>49</v>
      </c>
      <c r="B6839" s="6"/>
      <c r="C6839" s="6" t="s">
        <v>6863</v>
      </c>
      <c r="D6839" s="6"/>
      <c r="E6839" s="6" t="s">
        <v>9</v>
      </c>
      <c r="F6839" s="7">
        <v>38657</v>
      </c>
      <c r="G6839" s="8">
        <v>1</v>
      </c>
      <c r="H6839" s="8">
        <v>1</v>
      </c>
      <c r="I6839" s="8">
        <v>0</v>
      </c>
      <c r="J6839" s="8">
        <v>1</v>
      </c>
      <c r="K6839" s="9">
        <v>119</v>
      </c>
      <c r="L6839" s="6" t="s">
        <v>51</v>
      </c>
    </row>
    <row r="6840" spans="1:12">
      <c r="A6840" s="6" t="s">
        <v>49</v>
      </c>
      <c r="B6840" s="6"/>
      <c r="C6840" s="6" t="s">
        <v>6864</v>
      </c>
      <c r="D6840" s="6"/>
      <c r="E6840" s="6" t="s">
        <v>9</v>
      </c>
      <c r="F6840" s="7">
        <v>38657</v>
      </c>
      <c r="G6840" s="8">
        <v>1</v>
      </c>
      <c r="H6840" s="8">
        <v>1</v>
      </c>
      <c r="I6840" s="8">
        <v>0</v>
      </c>
      <c r="J6840" s="8">
        <v>1</v>
      </c>
      <c r="K6840" s="9">
        <v>87</v>
      </c>
      <c r="L6840" s="6" t="s">
        <v>51</v>
      </c>
    </row>
    <row r="6841" spans="1:12">
      <c r="A6841" s="6" t="s">
        <v>49</v>
      </c>
      <c r="B6841" s="6"/>
      <c r="C6841" s="6" t="s">
        <v>6865</v>
      </c>
      <c r="D6841" s="6"/>
      <c r="E6841" s="6" t="s">
        <v>9</v>
      </c>
      <c r="F6841" s="7">
        <v>38657</v>
      </c>
      <c r="G6841" s="8">
        <v>1</v>
      </c>
      <c r="H6841" s="8">
        <v>1</v>
      </c>
      <c r="I6841" s="8">
        <v>0</v>
      </c>
      <c r="J6841" s="8">
        <v>1</v>
      </c>
      <c r="K6841" s="9">
        <v>85</v>
      </c>
      <c r="L6841" s="6" t="s">
        <v>51</v>
      </c>
    </row>
    <row r="6842" spans="1:12">
      <c r="A6842" s="6" t="s">
        <v>49</v>
      </c>
      <c r="B6842" s="6"/>
      <c r="C6842" s="6" t="s">
        <v>6866</v>
      </c>
      <c r="D6842" s="6"/>
      <c r="E6842" s="6" t="s">
        <v>9</v>
      </c>
      <c r="F6842" s="7">
        <v>38657</v>
      </c>
      <c r="G6842" s="8">
        <v>1</v>
      </c>
      <c r="H6842" s="8">
        <v>1</v>
      </c>
      <c r="I6842" s="8">
        <v>0</v>
      </c>
      <c r="J6842" s="8">
        <v>1</v>
      </c>
      <c r="K6842" s="9">
        <v>154</v>
      </c>
      <c r="L6842" s="6" t="s">
        <v>51</v>
      </c>
    </row>
    <row r="6843" spans="1:12">
      <c r="A6843" s="6" t="s">
        <v>49</v>
      </c>
      <c r="B6843" s="6"/>
      <c r="C6843" s="6" t="s">
        <v>6867</v>
      </c>
      <c r="D6843" s="6"/>
      <c r="E6843" s="6" t="s">
        <v>9</v>
      </c>
      <c r="F6843" s="7">
        <v>38657</v>
      </c>
      <c r="G6843" s="8">
        <v>1</v>
      </c>
      <c r="H6843" s="8">
        <v>1</v>
      </c>
      <c r="I6843" s="8">
        <v>0</v>
      </c>
      <c r="J6843" s="8">
        <v>1</v>
      </c>
      <c r="K6843" s="9">
        <v>26</v>
      </c>
      <c r="L6843" s="6" t="s">
        <v>51</v>
      </c>
    </row>
    <row r="6844" spans="1:12">
      <c r="A6844" s="6" t="s">
        <v>49</v>
      </c>
      <c r="B6844" s="6"/>
      <c r="C6844" s="6" t="s">
        <v>6868</v>
      </c>
      <c r="D6844" s="6"/>
      <c r="E6844" s="6" t="s">
        <v>9</v>
      </c>
      <c r="F6844" s="7">
        <v>38657</v>
      </c>
      <c r="G6844" s="8">
        <v>1</v>
      </c>
      <c r="H6844" s="8">
        <v>1</v>
      </c>
      <c r="I6844" s="8">
        <v>0</v>
      </c>
      <c r="J6844" s="8">
        <v>1</v>
      </c>
      <c r="K6844" s="9">
        <v>21</v>
      </c>
      <c r="L6844" s="6" t="s">
        <v>51</v>
      </c>
    </row>
    <row r="6845" spans="1:12">
      <c r="A6845" s="6" t="s">
        <v>49</v>
      </c>
      <c r="B6845" s="6"/>
      <c r="C6845" s="6" t="s">
        <v>6869</v>
      </c>
      <c r="D6845" s="6"/>
      <c r="E6845" s="6" t="s">
        <v>9</v>
      </c>
      <c r="F6845" s="7">
        <v>38657</v>
      </c>
      <c r="G6845" s="8">
        <v>1</v>
      </c>
      <c r="H6845" s="8">
        <v>1</v>
      </c>
      <c r="I6845" s="8">
        <v>0</v>
      </c>
      <c r="J6845" s="8">
        <v>1</v>
      </c>
      <c r="K6845" s="9">
        <v>25</v>
      </c>
      <c r="L6845" s="6" t="s">
        <v>51</v>
      </c>
    </row>
    <row r="6846" spans="1:12">
      <c r="A6846" s="6" t="s">
        <v>49</v>
      </c>
      <c r="B6846" s="6"/>
      <c r="C6846" s="6" t="s">
        <v>6870</v>
      </c>
      <c r="D6846" s="6"/>
      <c r="E6846" s="6" t="s">
        <v>9</v>
      </c>
      <c r="F6846" s="7">
        <v>38657</v>
      </c>
      <c r="G6846" s="8">
        <v>1</v>
      </c>
      <c r="H6846" s="8">
        <v>1</v>
      </c>
      <c r="I6846" s="8">
        <v>0</v>
      </c>
      <c r="J6846" s="8">
        <v>1</v>
      </c>
      <c r="K6846" s="9">
        <v>65</v>
      </c>
      <c r="L6846" s="6" t="s">
        <v>51</v>
      </c>
    </row>
    <row r="6847" spans="1:12">
      <c r="A6847" s="6" t="s">
        <v>49</v>
      </c>
      <c r="B6847" s="6"/>
      <c r="C6847" s="6" t="s">
        <v>6871</v>
      </c>
      <c r="D6847" s="6"/>
      <c r="E6847" s="6" t="s">
        <v>9</v>
      </c>
      <c r="F6847" s="7">
        <v>38657</v>
      </c>
      <c r="G6847" s="8">
        <v>1</v>
      </c>
      <c r="H6847" s="8">
        <v>1</v>
      </c>
      <c r="I6847" s="8">
        <v>0</v>
      </c>
      <c r="J6847" s="8">
        <v>1</v>
      </c>
      <c r="K6847" s="9">
        <v>195</v>
      </c>
      <c r="L6847" s="6" t="s">
        <v>51</v>
      </c>
    </row>
    <row r="6848" spans="1:12">
      <c r="A6848" s="6" t="s">
        <v>49</v>
      </c>
      <c r="B6848" s="6"/>
      <c r="C6848" s="6" t="s">
        <v>6872</v>
      </c>
      <c r="D6848" s="6"/>
      <c r="E6848" s="6" t="s">
        <v>9</v>
      </c>
      <c r="F6848" s="7">
        <v>38657</v>
      </c>
      <c r="G6848" s="8">
        <v>1</v>
      </c>
      <c r="H6848" s="8">
        <v>1</v>
      </c>
      <c r="I6848" s="8">
        <v>0</v>
      </c>
      <c r="J6848" s="8">
        <v>1</v>
      </c>
      <c r="K6848" s="9">
        <v>262</v>
      </c>
      <c r="L6848" s="6" t="s">
        <v>51</v>
      </c>
    </row>
    <row r="6849" spans="1:12">
      <c r="A6849" s="6" t="s">
        <v>49</v>
      </c>
      <c r="B6849" s="6"/>
      <c r="C6849" s="6" t="s">
        <v>6873</v>
      </c>
      <c r="D6849" s="6"/>
      <c r="E6849" s="6" t="s">
        <v>9</v>
      </c>
      <c r="F6849" s="7">
        <v>38657</v>
      </c>
      <c r="G6849" s="8">
        <v>1</v>
      </c>
      <c r="H6849" s="8">
        <v>1</v>
      </c>
      <c r="I6849" s="8">
        <v>0</v>
      </c>
      <c r="J6849" s="8">
        <v>1</v>
      </c>
      <c r="K6849" s="9">
        <v>224</v>
      </c>
      <c r="L6849" s="6" t="s">
        <v>51</v>
      </c>
    </row>
    <row r="6850" spans="1:12">
      <c r="A6850" s="6" t="s">
        <v>49</v>
      </c>
      <c r="B6850" s="6"/>
      <c r="C6850" s="6" t="s">
        <v>6874</v>
      </c>
      <c r="D6850" s="6"/>
      <c r="E6850" s="6" t="s">
        <v>9</v>
      </c>
      <c r="F6850" s="7">
        <v>38657</v>
      </c>
      <c r="G6850" s="8">
        <v>1</v>
      </c>
      <c r="H6850" s="8">
        <v>1</v>
      </c>
      <c r="I6850" s="8">
        <v>0</v>
      </c>
      <c r="J6850" s="8">
        <v>1</v>
      </c>
      <c r="K6850" s="9">
        <v>134</v>
      </c>
      <c r="L6850" s="6" t="s">
        <v>51</v>
      </c>
    </row>
    <row r="6851" spans="1:12">
      <c r="A6851" s="6" t="s">
        <v>49</v>
      </c>
      <c r="B6851" s="6"/>
      <c r="C6851" s="6" t="s">
        <v>6875</v>
      </c>
      <c r="D6851" s="6"/>
      <c r="E6851" s="6" t="s">
        <v>9</v>
      </c>
      <c r="F6851" s="7">
        <v>38657</v>
      </c>
      <c r="G6851" s="8">
        <v>1</v>
      </c>
      <c r="H6851" s="8">
        <v>1</v>
      </c>
      <c r="I6851" s="8">
        <v>0</v>
      </c>
      <c r="J6851" s="8">
        <v>1</v>
      </c>
      <c r="K6851" s="9">
        <v>6.23</v>
      </c>
      <c r="L6851" s="6" t="s">
        <v>51</v>
      </c>
    </row>
    <row r="6852" spans="1:12">
      <c r="A6852" s="6" t="s">
        <v>49</v>
      </c>
      <c r="B6852" s="6"/>
      <c r="C6852" s="6" t="s">
        <v>6876</v>
      </c>
      <c r="D6852" s="6"/>
      <c r="E6852" s="6" t="s">
        <v>9</v>
      </c>
      <c r="F6852" s="7">
        <v>38657</v>
      </c>
      <c r="G6852" s="8">
        <v>1</v>
      </c>
      <c r="H6852" s="8">
        <v>1</v>
      </c>
      <c r="I6852" s="8">
        <v>0</v>
      </c>
      <c r="J6852" s="8">
        <v>1</v>
      </c>
      <c r="K6852" s="9">
        <v>6.59</v>
      </c>
      <c r="L6852" s="6" t="s">
        <v>51</v>
      </c>
    </row>
    <row r="6853" spans="1:12">
      <c r="A6853" s="6" t="s">
        <v>49</v>
      </c>
      <c r="B6853" s="6"/>
      <c r="C6853" s="6" t="s">
        <v>6877</v>
      </c>
      <c r="D6853" s="6"/>
      <c r="E6853" s="6" t="s">
        <v>9</v>
      </c>
      <c r="F6853" s="7">
        <v>38657</v>
      </c>
      <c r="G6853" s="8">
        <v>1</v>
      </c>
      <c r="H6853" s="8">
        <v>1</v>
      </c>
      <c r="I6853" s="8">
        <v>0</v>
      </c>
      <c r="J6853" s="8">
        <v>1</v>
      </c>
      <c r="K6853" s="9">
        <v>85</v>
      </c>
      <c r="L6853" s="6" t="s">
        <v>51</v>
      </c>
    </row>
    <row r="6854" spans="1:12">
      <c r="A6854" s="6" t="s">
        <v>49</v>
      </c>
      <c r="B6854" s="6"/>
      <c r="C6854" s="6" t="s">
        <v>6878</v>
      </c>
      <c r="D6854" s="6"/>
      <c r="E6854" s="6" t="s">
        <v>9</v>
      </c>
      <c r="F6854" s="7">
        <v>38657</v>
      </c>
      <c r="G6854" s="8">
        <v>1</v>
      </c>
      <c r="H6854" s="8">
        <v>1</v>
      </c>
      <c r="I6854" s="8">
        <v>0</v>
      </c>
      <c r="J6854" s="8">
        <v>1</v>
      </c>
      <c r="K6854" s="9">
        <v>33</v>
      </c>
      <c r="L6854" s="6" t="s">
        <v>51</v>
      </c>
    </row>
    <row r="6855" spans="1:12">
      <c r="A6855" s="6" t="s">
        <v>49</v>
      </c>
      <c r="B6855" s="6"/>
      <c r="C6855" s="6" t="s">
        <v>6879</v>
      </c>
      <c r="D6855" s="6"/>
      <c r="E6855" s="6" t="s">
        <v>9</v>
      </c>
      <c r="F6855" s="7">
        <v>38657</v>
      </c>
      <c r="G6855" s="8">
        <v>1</v>
      </c>
      <c r="H6855" s="8">
        <v>1</v>
      </c>
      <c r="I6855" s="8">
        <v>0</v>
      </c>
      <c r="J6855" s="8">
        <v>1</v>
      </c>
      <c r="K6855" s="9">
        <v>5.78</v>
      </c>
      <c r="L6855" s="6" t="s">
        <v>51</v>
      </c>
    </row>
    <row r="6856" spans="1:12">
      <c r="A6856" s="6" t="s">
        <v>49</v>
      </c>
      <c r="B6856" s="6"/>
      <c r="C6856" s="6" t="s">
        <v>6880</v>
      </c>
      <c r="D6856" s="6"/>
      <c r="E6856" s="6" t="s">
        <v>9</v>
      </c>
      <c r="F6856" s="7">
        <v>38657</v>
      </c>
      <c r="G6856" s="8">
        <v>1</v>
      </c>
      <c r="H6856" s="8">
        <v>1</v>
      </c>
      <c r="I6856" s="8">
        <v>0</v>
      </c>
      <c r="J6856" s="8">
        <v>1</v>
      </c>
      <c r="K6856" s="9">
        <v>184</v>
      </c>
      <c r="L6856" s="6" t="s">
        <v>51</v>
      </c>
    </row>
    <row r="6857" spans="1:12">
      <c r="A6857" s="6" t="s">
        <v>49</v>
      </c>
      <c r="B6857" s="6"/>
      <c r="C6857" s="6" t="s">
        <v>6881</v>
      </c>
      <c r="D6857" s="6"/>
      <c r="E6857" s="6" t="s">
        <v>9</v>
      </c>
      <c r="F6857" s="7">
        <v>38657</v>
      </c>
      <c r="G6857" s="8">
        <v>1</v>
      </c>
      <c r="H6857" s="8">
        <v>1</v>
      </c>
      <c r="I6857" s="8">
        <v>0</v>
      </c>
      <c r="J6857" s="8">
        <v>1</v>
      </c>
      <c r="K6857" s="9">
        <v>175</v>
      </c>
      <c r="L6857" s="6" t="s">
        <v>51</v>
      </c>
    </row>
    <row r="6858" spans="1:12">
      <c r="A6858" s="6" t="s">
        <v>49</v>
      </c>
      <c r="B6858" s="6"/>
      <c r="C6858" s="6" t="s">
        <v>6882</v>
      </c>
      <c r="D6858" s="6"/>
      <c r="E6858" s="6" t="s">
        <v>9</v>
      </c>
      <c r="F6858" s="7">
        <v>38657</v>
      </c>
      <c r="G6858" s="8">
        <v>1</v>
      </c>
      <c r="H6858" s="8">
        <v>1</v>
      </c>
      <c r="I6858" s="8">
        <v>0</v>
      </c>
      <c r="J6858" s="8">
        <v>1</v>
      </c>
      <c r="K6858" s="9">
        <v>460</v>
      </c>
      <c r="L6858" s="6" t="s">
        <v>51</v>
      </c>
    </row>
    <row r="6859" spans="1:12">
      <c r="A6859" s="6" t="s">
        <v>49</v>
      </c>
      <c r="B6859" s="6"/>
      <c r="C6859" s="6" t="s">
        <v>6883</v>
      </c>
      <c r="D6859" s="6"/>
      <c r="E6859" s="6" t="s">
        <v>9</v>
      </c>
      <c r="F6859" s="7">
        <v>38657</v>
      </c>
      <c r="G6859" s="8">
        <v>1</v>
      </c>
      <c r="H6859" s="8">
        <v>1</v>
      </c>
      <c r="I6859" s="8">
        <v>0</v>
      </c>
      <c r="J6859" s="8">
        <v>1</v>
      </c>
      <c r="K6859" s="9">
        <v>415</v>
      </c>
      <c r="L6859" s="6" t="s">
        <v>51</v>
      </c>
    </row>
    <row r="6860" spans="1:12">
      <c r="A6860" s="6" t="s">
        <v>49</v>
      </c>
      <c r="B6860" s="6"/>
      <c r="C6860" s="6" t="s">
        <v>6884</v>
      </c>
      <c r="D6860" s="6"/>
      <c r="E6860" s="6" t="s">
        <v>9</v>
      </c>
      <c r="F6860" s="7">
        <v>38657</v>
      </c>
      <c r="G6860" s="8">
        <v>1</v>
      </c>
      <c r="H6860" s="8">
        <v>1</v>
      </c>
      <c r="I6860" s="8">
        <v>0</v>
      </c>
      <c r="J6860" s="8">
        <v>1</v>
      </c>
      <c r="K6860" s="9">
        <v>1.57</v>
      </c>
      <c r="L6860" s="6" t="s">
        <v>51</v>
      </c>
    </row>
    <row r="6861" spans="1:12">
      <c r="A6861" s="6" t="s">
        <v>49</v>
      </c>
      <c r="B6861" s="6"/>
      <c r="C6861" s="6" t="s">
        <v>6885</v>
      </c>
      <c r="D6861" s="6"/>
      <c r="E6861" s="6" t="s">
        <v>9</v>
      </c>
      <c r="F6861" s="7">
        <v>38657</v>
      </c>
      <c r="G6861" s="8">
        <v>1</v>
      </c>
      <c r="H6861" s="8">
        <v>1</v>
      </c>
      <c r="I6861" s="8">
        <v>0</v>
      </c>
      <c r="J6861" s="8">
        <v>1</v>
      </c>
      <c r="K6861" s="9">
        <v>305</v>
      </c>
      <c r="L6861" s="6" t="s">
        <v>51</v>
      </c>
    </row>
    <row r="6862" spans="1:12">
      <c r="A6862" s="6" t="s">
        <v>49</v>
      </c>
      <c r="B6862" s="6"/>
      <c r="C6862" s="6" t="s">
        <v>6886</v>
      </c>
      <c r="D6862" s="6"/>
      <c r="E6862" s="6" t="s">
        <v>9</v>
      </c>
      <c r="F6862" s="7">
        <v>38657</v>
      </c>
      <c r="G6862" s="8">
        <v>1</v>
      </c>
      <c r="H6862" s="8">
        <v>1</v>
      </c>
      <c r="I6862" s="8">
        <v>0</v>
      </c>
      <c r="J6862" s="8">
        <v>1</v>
      </c>
      <c r="K6862" s="9">
        <v>2.09</v>
      </c>
      <c r="L6862" s="6" t="s">
        <v>51</v>
      </c>
    </row>
    <row r="6863" spans="1:12">
      <c r="A6863" s="6" t="s">
        <v>49</v>
      </c>
      <c r="B6863" s="6"/>
      <c r="C6863" s="6" t="s">
        <v>6887</v>
      </c>
      <c r="D6863" s="6"/>
      <c r="E6863" s="6" t="s">
        <v>9</v>
      </c>
      <c r="F6863" s="7">
        <v>38657</v>
      </c>
      <c r="G6863" s="8">
        <v>1</v>
      </c>
      <c r="H6863" s="8">
        <v>1</v>
      </c>
      <c r="I6863" s="8">
        <v>0</v>
      </c>
      <c r="J6863" s="8">
        <v>1</v>
      </c>
      <c r="K6863" s="9">
        <v>29</v>
      </c>
      <c r="L6863" s="6" t="s">
        <v>51</v>
      </c>
    </row>
    <row r="6864" spans="1:12">
      <c r="A6864" s="6" t="s">
        <v>49</v>
      </c>
      <c r="B6864" s="6"/>
      <c r="C6864" s="6" t="s">
        <v>6888</v>
      </c>
      <c r="D6864" s="6"/>
      <c r="E6864" s="6" t="s">
        <v>9</v>
      </c>
      <c r="F6864" s="7">
        <v>38657</v>
      </c>
      <c r="G6864" s="8">
        <v>1</v>
      </c>
      <c r="H6864" s="8">
        <v>1</v>
      </c>
      <c r="I6864" s="8">
        <v>0</v>
      </c>
      <c r="J6864" s="8">
        <v>1</v>
      </c>
      <c r="K6864" s="9">
        <v>25</v>
      </c>
      <c r="L6864" s="6" t="s">
        <v>51</v>
      </c>
    </row>
    <row r="6865" spans="1:12">
      <c r="A6865" s="6" t="s">
        <v>49</v>
      </c>
      <c r="B6865" s="6"/>
      <c r="C6865" s="6" t="s">
        <v>6889</v>
      </c>
      <c r="D6865" s="6"/>
      <c r="E6865" s="6" t="s">
        <v>9</v>
      </c>
      <c r="F6865" s="7">
        <v>38657</v>
      </c>
      <c r="G6865" s="8">
        <v>1</v>
      </c>
      <c r="H6865" s="8">
        <v>1</v>
      </c>
      <c r="I6865" s="8">
        <v>0</v>
      </c>
      <c r="J6865" s="8">
        <v>1</v>
      </c>
      <c r="K6865" s="9">
        <v>16</v>
      </c>
      <c r="L6865" s="6" t="s">
        <v>51</v>
      </c>
    </row>
    <row r="6866" spans="1:12">
      <c r="A6866" s="6" t="s">
        <v>49</v>
      </c>
      <c r="B6866" s="6"/>
      <c r="C6866" s="6" t="s">
        <v>6890</v>
      </c>
      <c r="D6866" s="6"/>
      <c r="E6866" s="6" t="s">
        <v>9</v>
      </c>
      <c r="F6866" s="7">
        <v>38657</v>
      </c>
      <c r="G6866" s="8">
        <v>1</v>
      </c>
      <c r="H6866" s="8">
        <v>1</v>
      </c>
      <c r="I6866" s="8">
        <v>0</v>
      </c>
      <c r="J6866" s="8">
        <v>1</v>
      </c>
      <c r="K6866" s="9">
        <v>26</v>
      </c>
      <c r="L6866" s="6" t="s">
        <v>51</v>
      </c>
    </row>
    <row r="6867" spans="1:12">
      <c r="A6867" s="6" t="s">
        <v>49</v>
      </c>
      <c r="B6867" s="6"/>
      <c r="C6867" s="6" t="s">
        <v>6891</v>
      </c>
      <c r="D6867" s="6"/>
      <c r="E6867" s="6" t="s">
        <v>9</v>
      </c>
      <c r="F6867" s="7">
        <v>38657</v>
      </c>
      <c r="G6867" s="8">
        <v>1</v>
      </c>
      <c r="H6867" s="8">
        <v>1</v>
      </c>
      <c r="I6867" s="8">
        <v>0</v>
      </c>
      <c r="J6867" s="8">
        <v>1</v>
      </c>
      <c r="K6867" s="9">
        <v>236</v>
      </c>
      <c r="L6867" s="6" t="s">
        <v>51</v>
      </c>
    </row>
    <row r="6868" spans="1:12">
      <c r="A6868" s="6" t="s">
        <v>49</v>
      </c>
      <c r="B6868" s="6"/>
      <c r="C6868" s="6" t="s">
        <v>6892</v>
      </c>
      <c r="D6868" s="6"/>
      <c r="E6868" s="6" t="s">
        <v>9</v>
      </c>
      <c r="F6868" s="7">
        <v>38657</v>
      </c>
      <c r="G6868" s="8">
        <v>1</v>
      </c>
      <c r="H6868" s="8">
        <v>1</v>
      </c>
      <c r="I6868" s="8">
        <v>0</v>
      </c>
      <c r="J6868" s="8">
        <v>1</v>
      </c>
      <c r="K6868" s="9">
        <v>35</v>
      </c>
      <c r="L6868" s="6" t="s">
        <v>51</v>
      </c>
    </row>
    <row r="6869" spans="1:12">
      <c r="A6869" s="6" t="s">
        <v>49</v>
      </c>
      <c r="B6869" s="6"/>
      <c r="C6869" s="6" t="s">
        <v>6893</v>
      </c>
      <c r="D6869" s="6"/>
      <c r="E6869" s="6" t="s">
        <v>9</v>
      </c>
      <c r="F6869" s="7">
        <v>38657</v>
      </c>
      <c r="G6869" s="8">
        <v>1</v>
      </c>
      <c r="H6869" s="8">
        <v>1</v>
      </c>
      <c r="I6869" s="8">
        <v>0</v>
      </c>
      <c r="J6869" s="8">
        <v>1</v>
      </c>
      <c r="K6869" s="9">
        <v>71</v>
      </c>
      <c r="L6869" s="6" t="s">
        <v>51</v>
      </c>
    </row>
    <row r="6870" spans="1:12">
      <c r="A6870" s="6" t="s">
        <v>49</v>
      </c>
      <c r="B6870" s="6"/>
      <c r="C6870" s="6" t="s">
        <v>6894</v>
      </c>
      <c r="D6870" s="6"/>
      <c r="E6870" s="6" t="s">
        <v>9</v>
      </c>
      <c r="F6870" s="7">
        <v>38657</v>
      </c>
      <c r="G6870" s="8">
        <v>1</v>
      </c>
      <c r="H6870" s="8">
        <v>1</v>
      </c>
      <c r="I6870" s="8">
        <v>0</v>
      </c>
      <c r="J6870" s="8">
        <v>1</v>
      </c>
      <c r="K6870" s="9">
        <v>320</v>
      </c>
      <c r="L6870" s="6" t="s">
        <v>51</v>
      </c>
    </row>
    <row r="6871" spans="1:12">
      <c r="A6871" s="6" t="s">
        <v>49</v>
      </c>
      <c r="B6871" s="6"/>
      <c r="C6871" s="6" t="s">
        <v>6895</v>
      </c>
      <c r="D6871" s="6"/>
      <c r="E6871" s="6" t="s">
        <v>9</v>
      </c>
      <c r="F6871" s="7">
        <v>38657</v>
      </c>
      <c r="G6871" s="8">
        <v>1</v>
      </c>
      <c r="H6871" s="8">
        <v>1</v>
      </c>
      <c r="I6871" s="8">
        <v>0</v>
      </c>
      <c r="J6871" s="8">
        <v>1</v>
      </c>
      <c r="K6871" s="9">
        <v>69</v>
      </c>
      <c r="L6871" s="6" t="s">
        <v>51</v>
      </c>
    </row>
    <row r="6872" spans="1:12">
      <c r="A6872" s="6" t="s">
        <v>49</v>
      </c>
      <c r="B6872" s="6"/>
      <c r="C6872" s="6" t="s">
        <v>6896</v>
      </c>
      <c r="D6872" s="6"/>
      <c r="E6872" s="6" t="s">
        <v>9</v>
      </c>
      <c r="F6872" s="7">
        <v>38657</v>
      </c>
      <c r="G6872" s="8">
        <v>1</v>
      </c>
      <c r="H6872" s="8">
        <v>1</v>
      </c>
      <c r="I6872" s="8">
        <v>0</v>
      </c>
      <c r="J6872" s="8">
        <v>1</v>
      </c>
      <c r="K6872" s="9">
        <v>57</v>
      </c>
      <c r="L6872" s="6" t="s">
        <v>51</v>
      </c>
    </row>
    <row r="6873" spans="1:12">
      <c r="A6873" s="6" t="s">
        <v>49</v>
      </c>
      <c r="B6873" s="6"/>
      <c r="C6873" s="6" t="s">
        <v>6897</v>
      </c>
      <c r="D6873" s="6"/>
      <c r="E6873" s="6" t="s">
        <v>9</v>
      </c>
      <c r="F6873" s="7">
        <v>38657</v>
      </c>
      <c r="G6873" s="8">
        <v>1</v>
      </c>
      <c r="H6873" s="8">
        <v>1</v>
      </c>
      <c r="I6873" s="8">
        <v>0</v>
      </c>
      <c r="J6873" s="8">
        <v>1</v>
      </c>
      <c r="K6873" s="9">
        <v>57</v>
      </c>
      <c r="L6873" s="6" t="s">
        <v>51</v>
      </c>
    </row>
    <row r="6874" spans="1:12">
      <c r="A6874" s="6" t="s">
        <v>49</v>
      </c>
      <c r="B6874" s="6"/>
      <c r="C6874" s="6" t="s">
        <v>6898</v>
      </c>
      <c r="D6874" s="6"/>
      <c r="E6874" s="6" t="s">
        <v>9</v>
      </c>
      <c r="F6874" s="7">
        <v>38657</v>
      </c>
      <c r="G6874" s="8">
        <v>1</v>
      </c>
      <c r="H6874" s="8">
        <v>1</v>
      </c>
      <c r="I6874" s="8">
        <v>0</v>
      </c>
      <c r="J6874" s="8">
        <v>1</v>
      </c>
      <c r="K6874" s="9">
        <v>114</v>
      </c>
      <c r="L6874" s="6" t="s">
        <v>51</v>
      </c>
    </row>
    <row r="6875" spans="1:12">
      <c r="A6875" s="6" t="s">
        <v>49</v>
      </c>
      <c r="B6875" s="6"/>
      <c r="C6875" s="6" t="s">
        <v>6899</v>
      </c>
      <c r="D6875" s="6"/>
      <c r="E6875" s="6" t="s">
        <v>9</v>
      </c>
      <c r="F6875" s="7">
        <v>38657</v>
      </c>
      <c r="G6875" s="8">
        <v>1</v>
      </c>
      <c r="H6875" s="8">
        <v>1</v>
      </c>
      <c r="I6875" s="8">
        <v>0</v>
      </c>
      <c r="J6875" s="8">
        <v>1</v>
      </c>
      <c r="K6875" s="9">
        <v>114</v>
      </c>
      <c r="L6875" s="6" t="s">
        <v>51</v>
      </c>
    </row>
    <row r="6876" spans="1:12">
      <c r="A6876" s="6" t="s">
        <v>49</v>
      </c>
      <c r="B6876" s="6"/>
      <c r="C6876" s="6" t="s">
        <v>6900</v>
      </c>
      <c r="D6876" s="6"/>
      <c r="E6876" s="6" t="s">
        <v>9</v>
      </c>
      <c r="F6876" s="7">
        <v>38657</v>
      </c>
      <c r="G6876" s="8">
        <v>1</v>
      </c>
      <c r="H6876" s="8">
        <v>1</v>
      </c>
      <c r="I6876" s="8">
        <v>0</v>
      </c>
      <c r="J6876" s="8">
        <v>1</v>
      </c>
      <c r="K6876" s="9">
        <v>59</v>
      </c>
      <c r="L6876" s="6" t="s">
        <v>51</v>
      </c>
    </row>
    <row r="6877" spans="1:12">
      <c r="A6877" s="6" t="s">
        <v>49</v>
      </c>
      <c r="B6877" s="6"/>
      <c r="C6877" s="6" t="s">
        <v>6901</v>
      </c>
      <c r="D6877" s="6"/>
      <c r="E6877" s="6" t="s">
        <v>9</v>
      </c>
      <c r="F6877" s="7">
        <v>38657</v>
      </c>
      <c r="G6877" s="8">
        <v>1</v>
      </c>
      <c r="H6877" s="8">
        <v>1</v>
      </c>
      <c r="I6877" s="8">
        <v>0</v>
      </c>
      <c r="J6877" s="8">
        <v>1</v>
      </c>
      <c r="K6877" s="9">
        <v>114</v>
      </c>
      <c r="L6877" s="6" t="s">
        <v>51</v>
      </c>
    </row>
    <row r="6878" spans="1:12">
      <c r="A6878" s="6" t="s">
        <v>49</v>
      </c>
      <c r="B6878" s="6"/>
      <c r="C6878" s="6" t="s">
        <v>6902</v>
      </c>
      <c r="D6878" s="6"/>
      <c r="E6878" s="6" t="s">
        <v>9</v>
      </c>
      <c r="F6878" s="7">
        <v>38657</v>
      </c>
      <c r="G6878" s="8">
        <v>1</v>
      </c>
      <c r="H6878" s="8">
        <v>1</v>
      </c>
      <c r="I6878" s="8">
        <v>0</v>
      </c>
      <c r="J6878" s="8">
        <v>1</v>
      </c>
      <c r="K6878" s="9">
        <v>57</v>
      </c>
      <c r="L6878" s="6" t="s">
        <v>51</v>
      </c>
    </row>
    <row r="6879" spans="1:12">
      <c r="A6879" s="6" t="s">
        <v>49</v>
      </c>
      <c r="B6879" s="6"/>
      <c r="C6879" s="6" t="s">
        <v>6903</v>
      </c>
      <c r="D6879" s="6"/>
      <c r="E6879" s="6" t="s">
        <v>9</v>
      </c>
      <c r="F6879" s="7">
        <v>38657</v>
      </c>
      <c r="G6879" s="8">
        <v>1</v>
      </c>
      <c r="H6879" s="8">
        <v>1</v>
      </c>
      <c r="I6879" s="8">
        <v>0</v>
      </c>
      <c r="J6879" s="8">
        <v>1</v>
      </c>
      <c r="K6879" s="9">
        <v>28</v>
      </c>
      <c r="L6879" s="6" t="s">
        <v>51</v>
      </c>
    </row>
    <row r="6880" spans="1:12">
      <c r="A6880" s="6" t="s">
        <v>49</v>
      </c>
      <c r="B6880" s="6"/>
      <c r="C6880" s="6" t="s">
        <v>6904</v>
      </c>
      <c r="D6880" s="6"/>
      <c r="E6880" s="6" t="s">
        <v>9</v>
      </c>
      <c r="F6880" s="7">
        <v>38657</v>
      </c>
      <c r="G6880" s="8">
        <v>1</v>
      </c>
      <c r="H6880" s="8">
        <v>1</v>
      </c>
      <c r="I6880" s="8">
        <v>0</v>
      </c>
      <c r="J6880" s="8">
        <v>1</v>
      </c>
      <c r="K6880" s="9">
        <v>26</v>
      </c>
      <c r="L6880" s="6" t="s">
        <v>51</v>
      </c>
    </row>
    <row r="6881" spans="1:12">
      <c r="A6881" s="6" t="s">
        <v>49</v>
      </c>
      <c r="B6881" s="6"/>
      <c r="C6881" s="6" t="s">
        <v>6905</v>
      </c>
      <c r="D6881" s="6"/>
      <c r="E6881" s="6" t="s">
        <v>9</v>
      </c>
      <c r="F6881" s="7">
        <v>38657</v>
      </c>
      <c r="G6881" s="8">
        <v>1</v>
      </c>
      <c r="H6881" s="8">
        <v>1</v>
      </c>
      <c r="I6881" s="8">
        <v>0</v>
      </c>
      <c r="J6881" s="8">
        <v>1</v>
      </c>
      <c r="K6881" s="9">
        <v>114</v>
      </c>
      <c r="L6881" s="6" t="s">
        <v>51</v>
      </c>
    </row>
    <row r="6882" spans="1:12">
      <c r="A6882" s="6" t="s">
        <v>49</v>
      </c>
      <c r="B6882" s="6"/>
      <c r="C6882" s="6" t="s">
        <v>6906</v>
      </c>
      <c r="D6882" s="6"/>
      <c r="E6882" s="6" t="s">
        <v>9</v>
      </c>
      <c r="F6882" s="7">
        <v>38657</v>
      </c>
      <c r="G6882" s="8">
        <v>1</v>
      </c>
      <c r="H6882" s="8">
        <v>1</v>
      </c>
      <c r="I6882" s="8">
        <v>0</v>
      </c>
      <c r="J6882" s="8">
        <v>1</v>
      </c>
      <c r="K6882" s="9">
        <v>86</v>
      </c>
      <c r="L6882" s="6" t="s">
        <v>51</v>
      </c>
    </row>
    <row r="6883" spans="1:12">
      <c r="A6883" s="6" t="s">
        <v>49</v>
      </c>
      <c r="B6883" s="6"/>
      <c r="C6883" s="6" t="s">
        <v>6907</v>
      </c>
      <c r="D6883" s="6"/>
      <c r="E6883" s="6" t="s">
        <v>9</v>
      </c>
      <c r="F6883" s="7">
        <v>38657</v>
      </c>
      <c r="G6883" s="8">
        <v>1</v>
      </c>
      <c r="H6883" s="8">
        <v>1</v>
      </c>
      <c r="I6883" s="8">
        <v>0</v>
      </c>
      <c r="J6883" s="8">
        <v>1</v>
      </c>
      <c r="K6883" s="9">
        <v>141</v>
      </c>
      <c r="L6883" s="6" t="s">
        <v>51</v>
      </c>
    </row>
    <row r="6884" spans="1:12">
      <c r="A6884" s="6" t="s">
        <v>49</v>
      </c>
      <c r="B6884" s="6"/>
      <c r="C6884" s="6" t="s">
        <v>6908</v>
      </c>
      <c r="D6884" s="6"/>
      <c r="E6884" s="6" t="s">
        <v>9</v>
      </c>
      <c r="F6884" s="7">
        <v>38657</v>
      </c>
      <c r="G6884" s="8">
        <v>1</v>
      </c>
      <c r="H6884" s="8">
        <v>1</v>
      </c>
      <c r="I6884" s="8">
        <v>0</v>
      </c>
      <c r="J6884" s="8">
        <v>1</v>
      </c>
      <c r="K6884" s="9">
        <v>510</v>
      </c>
      <c r="L6884" s="6" t="s">
        <v>51</v>
      </c>
    </row>
    <row r="6885" spans="1:12">
      <c r="A6885" s="6" t="s">
        <v>49</v>
      </c>
      <c r="B6885" s="6"/>
      <c r="C6885" s="6" t="s">
        <v>6909</v>
      </c>
      <c r="D6885" s="6"/>
      <c r="E6885" s="6" t="s">
        <v>9</v>
      </c>
      <c r="F6885" s="7">
        <v>38657</v>
      </c>
      <c r="G6885" s="8">
        <v>1</v>
      </c>
      <c r="H6885" s="8">
        <v>1</v>
      </c>
      <c r="I6885" s="8">
        <v>0</v>
      </c>
      <c r="J6885" s="8">
        <v>1</v>
      </c>
      <c r="K6885" s="9">
        <v>253</v>
      </c>
      <c r="L6885" s="6" t="s">
        <v>51</v>
      </c>
    </row>
    <row r="6886" spans="1:12">
      <c r="A6886" s="6" t="s">
        <v>49</v>
      </c>
      <c r="B6886" s="6"/>
      <c r="C6886" s="6" t="s">
        <v>6910</v>
      </c>
      <c r="D6886" s="6"/>
      <c r="E6886" s="6" t="s">
        <v>9</v>
      </c>
      <c r="F6886" s="7">
        <v>38657</v>
      </c>
      <c r="G6886" s="8">
        <v>1</v>
      </c>
      <c r="H6886" s="8">
        <v>1</v>
      </c>
      <c r="I6886" s="8">
        <v>0</v>
      </c>
      <c r="J6886" s="8">
        <v>1</v>
      </c>
      <c r="K6886" s="9">
        <v>116</v>
      </c>
      <c r="L6886" s="6" t="s">
        <v>51</v>
      </c>
    </row>
    <row r="6887" spans="1:12">
      <c r="A6887" s="6" t="s">
        <v>49</v>
      </c>
      <c r="B6887" s="6"/>
      <c r="C6887" s="6" t="s">
        <v>6911</v>
      </c>
      <c r="D6887" s="6"/>
      <c r="E6887" s="6" t="s">
        <v>9</v>
      </c>
      <c r="F6887" s="7">
        <v>38657</v>
      </c>
      <c r="G6887" s="8">
        <v>1</v>
      </c>
      <c r="H6887" s="8">
        <v>1</v>
      </c>
      <c r="I6887" s="8">
        <v>0</v>
      </c>
      <c r="J6887" s="8">
        <v>1</v>
      </c>
      <c r="K6887" s="9">
        <v>9.91</v>
      </c>
      <c r="L6887" s="6" t="s">
        <v>51</v>
      </c>
    </row>
    <row r="6888" spans="1:12">
      <c r="A6888" s="6" t="s">
        <v>49</v>
      </c>
      <c r="B6888" s="6"/>
      <c r="C6888" s="6" t="s">
        <v>6912</v>
      </c>
      <c r="D6888" s="6"/>
      <c r="E6888" s="6" t="s">
        <v>9</v>
      </c>
      <c r="F6888" s="7">
        <v>38657</v>
      </c>
      <c r="G6888" s="8">
        <v>1</v>
      </c>
      <c r="H6888" s="8">
        <v>1</v>
      </c>
      <c r="I6888" s="8">
        <v>0</v>
      </c>
      <c r="J6888" s="8">
        <v>1</v>
      </c>
      <c r="K6888" s="9">
        <v>273</v>
      </c>
      <c r="L6888" s="6" t="s">
        <v>51</v>
      </c>
    </row>
    <row r="6889" spans="1:12">
      <c r="A6889" s="6" t="s">
        <v>49</v>
      </c>
      <c r="B6889" s="6"/>
      <c r="C6889" s="6" t="s">
        <v>6913</v>
      </c>
      <c r="D6889" s="6"/>
      <c r="E6889" s="6" t="s">
        <v>9</v>
      </c>
      <c r="F6889" s="7">
        <v>38657</v>
      </c>
      <c r="G6889" s="8">
        <v>1</v>
      </c>
      <c r="H6889" s="8">
        <v>1</v>
      </c>
      <c r="I6889" s="8">
        <v>0</v>
      </c>
      <c r="J6889" s="8">
        <v>1</v>
      </c>
      <c r="K6889" s="9">
        <v>114</v>
      </c>
      <c r="L6889" s="6" t="s">
        <v>51</v>
      </c>
    </row>
    <row r="6890" spans="1:12">
      <c r="A6890" s="6" t="s">
        <v>49</v>
      </c>
      <c r="B6890" s="6"/>
      <c r="C6890" s="6" t="s">
        <v>6914</v>
      </c>
      <c r="D6890" s="6"/>
      <c r="E6890" s="6" t="s">
        <v>9</v>
      </c>
      <c r="F6890" s="7">
        <v>38657</v>
      </c>
      <c r="G6890" s="8">
        <v>1</v>
      </c>
      <c r="H6890" s="8">
        <v>1</v>
      </c>
      <c r="I6890" s="8">
        <v>0</v>
      </c>
      <c r="J6890" s="8">
        <v>1</v>
      </c>
      <c r="K6890" s="9">
        <v>114</v>
      </c>
      <c r="L6890" s="6" t="s">
        <v>51</v>
      </c>
    </row>
    <row r="6891" spans="1:12">
      <c r="A6891" s="6" t="s">
        <v>49</v>
      </c>
      <c r="B6891" s="6"/>
      <c r="C6891" s="6" t="s">
        <v>6915</v>
      </c>
      <c r="D6891" s="6"/>
      <c r="E6891" s="6" t="s">
        <v>9</v>
      </c>
      <c r="F6891" s="7">
        <v>38657</v>
      </c>
      <c r="G6891" s="8">
        <v>1</v>
      </c>
      <c r="H6891" s="8">
        <v>1</v>
      </c>
      <c r="I6891" s="8">
        <v>0</v>
      </c>
      <c r="J6891" s="8">
        <v>1</v>
      </c>
      <c r="K6891" s="9">
        <v>114</v>
      </c>
      <c r="L6891" s="6" t="s">
        <v>51</v>
      </c>
    </row>
    <row r="6892" spans="1:12">
      <c r="A6892" s="6" t="s">
        <v>49</v>
      </c>
      <c r="B6892" s="6"/>
      <c r="C6892" s="6" t="s">
        <v>6916</v>
      </c>
      <c r="D6892" s="6"/>
      <c r="E6892" s="6" t="s">
        <v>9</v>
      </c>
      <c r="F6892" s="7">
        <v>38657</v>
      </c>
      <c r="G6892" s="8">
        <v>1</v>
      </c>
      <c r="H6892" s="8">
        <v>1</v>
      </c>
      <c r="I6892" s="8">
        <v>0</v>
      </c>
      <c r="J6892" s="8">
        <v>1</v>
      </c>
      <c r="K6892" s="9">
        <v>114</v>
      </c>
      <c r="L6892" s="6" t="s">
        <v>51</v>
      </c>
    </row>
    <row r="6893" spans="1:12">
      <c r="A6893" s="6" t="s">
        <v>49</v>
      </c>
      <c r="B6893" s="6"/>
      <c r="C6893" s="6" t="s">
        <v>6917</v>
      </c>
      <c r="D6893" s="6"/>
      <c r="E6893" s="6" t="s">
        <v>9</v>
      </c>
      <c r="F6893" s="7">
        <v>38657</v>
      </c>
      <c r="G6893" s="8">
        <v>1</v>
      </c>
      <c r="H6893" s="8">
        <v>1</v>
      </c>
      <c r="I6893" s="8">
        <v>0</v>
      </c>
      <c r="J6893" s="8">
        <v>1</v>
      </c>
      <c r="K6893" s="9">
        <v>114</v>
      </c>
      <c r="L6893" s="6" t="s">
        <v>51</v>
      </c>
    </row>
    <row r="6894" spans="1:12">
      <c r="A6894" s="6" t="s">
        <v>49</v>
      </c>
      <c r="B6894" s="6"/>
      <c r="C6894" s="6" t="s">
        <v>6918</v>
      </c>
      <c r="D6894" s="6"/>
      <c r="E6894" s="6" t="s">
        <v>9</v>
      </c>
      <c r="F6894" s="7">
        <v>38657</v>
      </c>
      <c r="G6894" s="8">
        <v>1</v>
      </c>
      <c r="H6894" s="8">
        <v>1</v>
      </c>
      <c r="I6894" s="8">
        <v>0</v>
      </c>
      <c r="J6894" s="8">
        <v>1</v>
      </c>
      <c r="K6894" s="9">
        <v>114</v>
      </c>
      <c r="L6894" s="6" t="s">
        <v>51</v>
      </c>
    </row>
    <row r="6895" spans="1:12">
      <c r="A6895" s="6" t="s">
        <v>49</v>
      </c>
      <c r="B6895" s="6"/>
      <c r="C6895" s="6" t="s">
        <v>6919</v>
      </c>
      <c r="D6895" s="6"/>
      <c r="E6895" s="6" t="s">
        <v>9</v>
      </c>
      <c r="F6895" s="7">
        <v>38657</v>
      </c>
      <c r="G6895" s="8">
        <v>1</v>
      </c>
      <c r="H6895" s="8">
        <v>1</v>
      </c>
      <c r="I6895" s="8">
        <v>0</v>
      </c>
      <c r="J6895" s="8">
        <v>1</v>
      </c>
      <c r="K6895" s="9">
        <v>406</v>
      </c>
      <c r="L6895" s="6" t="s">
        <v>51</v>
      </c>
    </row>
    <row r="6896" spans="1:12">
      <c r="A6896" s="6" t="s">
        <v>49</v>
      </c>
      <c r="B6896" s="6"/>
      <c r="C6896" s="6" t="s">
        <v>6920</v>
      </c>
      <c r="D6896" s="6"/>
      <c r="E6896" s="6" t="s">
        <v>9</v>
      </c>
      <c r="F6896" s="7">
        <v>38657</v>
      </c>
      <c r="G6896" s="8">
        <v>1</v>
      </c>
      <c r="H6896" s="8">
        <v>1</v>
      </c>
      <c r="I6896" s="8">
        <v>0</v>
      </c>
      <c r="J6896" s="8">
        <v>1</v>
      </c>
      <c r="K6896" s="9">
        <v>429</v>
      </c>
      <c r="L6896" s="6" t="s">
        <v>51</v>
      </c>
    </row>
    <row r="6897" spans="1:12">
      <c r="A6897" s="6" t="s">
        <v>49</v>
      </c>
      <c r="B6897" s="6"/>
      <c r="C6897" s="6" t="s">
        <v>6921</v>
      </c>
      <c r="D6897" s="6"/>
      <c r="E6897" s="6" t="s">
        <v>9</v>
      </c>
      <c r="F6897" s="7">
        <v>38657</v>
      </c>
      <c r="G6897" s="8">
        <v>1</v>
      </c>
      <c r="H6897" s="8">
        <v>1</v>
      </c>
      <c r="I6897" s="8">
        <v>0</v>
      </c>
      <c r="J6897" s="8">
        <v>1</v>
      </c>
      <c r="K6897" s="9">
        <v>381</v>
      </c>
      <c r="L6897" s="6" t="s">
        <v>51</v>
      </c>
    </row>
    <row r="6898" spans="1:12">
      <c r="A6898" s="6" t="s">
        <v>49</v>
      </c>
      <c r="B6898" s="6"/>
      <c r="C6898" s="6" t="s">
        <v>6922</v>
      </c>
      <c r="D6898" s="6"/>
      <c r="E6898" s="6" t="s">
        <v>9</v>
      </c>
      <c r="F6898" s="7">
        <v>38657</v>
      </c>
      <c r="G6898" s="8">
        <v>1</v>
      </c>
      <c r="H6898" s="8">
        <v>1</v>
      </c>
      <c r="I6898" s="8">
        <v>0</v>
      </c>
      <c r="J6898" s="8">
        <v>1</v>
      </c>
      <c r="K6898" s="9">
        <v>191</v>
      </c>
      <c r="L6898" s="6" t="s">
        <v>51</v>
      </c>
    </row>
    <row r="6899" spans="1:12">
      <c r="A6899" s="6" t="s">
        <v>49</v>
      </c>
      <c r="B6899" s="6"/>
      <c r="C6899" s="6" t="s">
        <v>6923</v>
      </c>
      <c r="D6899" s="6"/>
      <c r="E6899" s="6" t="s">
        <v>9</v>
      </c>
      <c r="F6899" s="7">
        <v>38657</v>
      </c>
      <c r="G6899" s="8">
        <v>1</v>
      </c>
      <c r="H6899" s="8">
        <v>1</v>
      </c>
      <c r="I6899" s="8">
        <v>0</v>
      </c>
      <c r="J6899" s="8">
        <v>1</v>
      </c>
      <c r="K6899" s="9">
        <v>421</v>
      </c>
      <c r="L6899" s="6" t="s">
        <v>51</v>
      </c>
    </row>
    <row r="6900" spans="1:12">
      <c r="A6900" s="6" t="s">
        <v>49</v>
      </c>
      <c r="B6900" s="6"/>
      <c r="C6900" s="6" t="s">
        <v>6924</v>
      </c>
      <c r="D6900" s="6"/>
      <c r="E6900" s="6" t="s">
        <v>9</v>
      </c>
      <c r="F6900" s="7">
        <v>38657</v>
      </c>
      <c r="G6900" s="8">
        <v>1</v>
      </c>
      <c r="H6900" s="8">
        <v>1</v>
      </c>
      <c r="I6900" s="8">
        <v>0</v>
      </c>
      <c r="J6900" s="8">
        <v>1</v>
      </c>
      <c r="K6900" s="9">
        <v>254.55</v>
      </c>
      <c r="L6900" s="6" t="s">
        <v>51</v>
      </c>
    </row>
    <row r="6901" spans="1:12">
      <c r="A6901" s="6" t="s">
        <v>49</v>
      </c>
      <c r="B6901" s="6"/>
      <c r="C6901" s="6" t="s">
        <v>6925</v>
      </c>
      <c r="D6901" s="6"/>
      <c r="E6901" s="6" t="s">
        <v>9</v>
      </c>
      <c r="F6901" s="7">
        <v>38657</v>
      </c>
      <c r="G6901" s="8">
        <v>1</v>
      </c>
      <c r="H6901" s="8">
        <v>1</v>
      </c>
      <c r="I6901" s="8">
        <v>0</v>
      </c>
      <c r="J6901" s="8">
        <v>1</v>
      </c>
      <c r="K6901" s="9">
        <v>948</v>
      </c>
      <c r="L6901" s="6" t="s">
        <v>51</v>
      </c>
    </row>
    <row r="6902" spans="1:12">
      <c r="A6902" s="6" t="s">
        <v>49</v>
      </c>
      <c r="B6902" s="6"/>
      <c r="C6902" s="6" t="s">
        <v>6926</v>
      </c>
      <c r="D6902" s="6"/>
      <c r="E6902" s="6" t="s">
        <v>9</v>
      </c>
      <c r="F6902" s="7">
        <v>38657</v>
      </c>
      <c r="G6902" s="8">
        <v>1</v>
      </c>
      <c r="H6902" s="8">
        <v>1</v>
      </c>
      <c r="I6902" s="8">
        <v>0</v>
      </c>
      <c r="J6902" s="8">
        <v>1</v>
      </c>
      <c r="K6902" s="9">
        <v>6.72</v>
      </c>
      <c r="L6902" s="6" t="s">
        <v>51</v>
      </c>
    </row>
    <row r="6903" spans="1:12">
      <c r="A6903" s="6" t="s">
        <v>49</v>
      </c>
      <c r="B6903" s="6"/>
      <c r="C6903" s="6" t="s">
        <v>6927</v>
      </c>
      <c r="D6903" s="6"/>
      <c r="E6903" s="6" t="s">
        <v>9</v>
      </c>
      <c r="F6903" s="7">
        <v>38657</v>
      </c>
      <c r="G6903" s="8">
        <v>1</v>
      </c>
      <c r="H6903" s="8">
        <v>1</v>
      </c>
      <c r="I6903" s="8">
        <v>0</v>
      </c>
      <c r="J6903" s="8">
        <v>1</v>
      </c>
      <c r="K6903" s="9">
        <v>89</v>
      </c>
      <c r="L6903" s="6" t="s">
        <v>51</v>
      </c>
    </row>
    <row r="6904" spans="1:12">
      <c r="A6904" s="6" t="s">
        <v>49</v>
      </c>
      <c r="B6904" s="6"/>
      <c r="C6904" s="6" t="s">
        <v>6928</v>
      </c>
      <c r="D6904" s="6"/>
      <c r="E6904" s="6" t="s">
        <v>9</v>
      </c>
      <c r="F6904" s="7">
        <v>38657</v>
      </c>
      <c r="G6904" s="8">
        <v>1</v>
      </c>
      <c r="H6904" s="8">
        <v>1</v>
      </c>
      <c r="I6904" s="8">
        <v>0</v>
      </c>
      <c r="J6904" s="8">
        <v>1</v>
      </c>
      <c r="K6904" s="9">
        <v>141</v>
      </c>
      <c r="L6904" s="6" t="s">
        <v>51</v>
      </c>
    </row>
    <row r="6905" spans="1:12">
      <c r="A6905" s="6" t="s">
        <v>49</v>
      </c>
      <c r="B6905" s="6"/>
      <c r="C6905" s="6" t="s">
        <v>6929</v>
      </c>
      <c r="D6905" s="6"/>
      <c r="E6905" s="6" t="s">
        <v>9</v>
      </c>
      <c r="F6905" s="7">
        <v>38657</v>
      </c>
      <c r="G6905" s="8">
        <v>1</v>
      </c>
      <c r="H6905" s="8">
        <v>1</v>
      </c>
      <c r="I6905" s="8">
        <v>0</v>
      </c>
      <c r="J6905" s="8">
        <v>1</v>
      </c>
      <c r="K6905" s="9">
        <v>33</v>
      </c>
      <c r="L6905" s="6" t="s">
        <v>51</v>
      </c>
    </row>
    <row r="6906" spans="1:12">
      <c r="A6906" s="6" t="s">
        <v>49</v>
      </c>
      <c r="B6906" s="6"/>
      <c r="C6906" s="6" t="s">
        <v>6930</v>
      </c>
      <c r="D6906" s="6"/>
      <c r="E6906" s="6" t="s">
        <v>9</v>
      </c>
      <c r="F6906" s="7">
        <v>38657</v>
      </c>
      <c r="G6906" s="8">
        <v>1</v>
      </c>
      <c r="H6906" s="8">
        <v>1</v>
      </c>
      <c r="I6906" s="8">
        <v>0</v>
      </c>
      <c r="J6906" s="8">
        <v>1</v>
      </c>
      <c r="K6906" s="9">
        <v>91</v>
      </c>
      <c r="L6906" s="6" t="s">
        <v>51</v>
      </c>
    </row>
    <row r="6907" spans="1:12">
      <c r="A6907" s="6" t="s">
        <v>49</v>
      </c>
      <c r="B6907" s="6"/>
      <c r="C6907" s="6" t="s">
        <v>6931</v>
      </c>
      <c r="D6907" s="6"/>
      <c r="E6907" s="6" t="s">
        <v>9</v>
      </c>
      <c r="F6907" s="7">
        <v>38657</v>
      </c>
      <c r="G6907" s="8">
        <v>1</v>
      </c>
      <c r="H6907" s="8">
        <v>1</v>
      </c>
      <c r="I6907" s="8">
        <v>0</v>
      </c>
      <c r="J6907" s="8">
        <v>1</v>
      </c>
      <c r="K6907" s="9">
        <v>39</v>
      </c>
      <c r="L6907" s="6" t="s">
        <v>51</v>
      </c>
    </row>
    <row r="6908" spans="1:12">
      <c r="A6908" s="6" t="s">
        <v>49</v>
      </c>
      <c r="B6908" s="6"/>
      <c r="C6908" s="6" t="s">
        <v>6932</v>
      </c>
      <c r="D6908" s="6"/>
      <c r="E6908" s="6" t="s">
        <v>9</v>
      </c>
      <c r="F6908" s="7">
        <v>38657</v>
      </c>
      <c r="G6908" s="8">
        <v>1</v>
      </c>
      <c r="H6908" s="8">
        <v>1</v>
      </c>
      <c r="I6908" s="8">
        <v>0</v>
      </c>
      <c r="J6908" s="8">
        <v>1</v>
      </c>
      <c r="K6908" s="9">
        <v>115</v>
      </c>
      <c r="L6908" s="6" t="s">
        <v>51</v>
      </c>
    </row>
    <row r="6909" spans="1:12">
      <c r="A6909" s="6" t="s">
        <v>49</v>
      </c>
      <c r="B6909" s="6"/>
      <c r="C6909" s="6" t="s">
        <v>6933</v>
      </c>
      <c r="D6909" s="6"/>
      <c r="E6909" s="6" t="s">
        <v>9</v>
      </c>
      <c r="F6909" s="7">
        <v>38657</v>
      </c>
      <c r="G6909" s="8">
        <v>1</v>
      </c>
      <c r="H6909" s="8">
        <v>1</v>
      </c>
      <c r="I6909" s="8">
        <v>0</v>
      </c>
      <c r="J6909" s="8">
        <v>1</v>
      </c>
      <c r="K6909" s="9">
        <v>16</v>
      </c>
      <c r="L6909" s="6" t="s">
        <v>51</v>
      </c>
    </row>
    <row r="6910" spans="1:12">
      <c r="A6910" s="6" t="s">
        <v>49</v>
      </c>
      <c r="B6910" s="6"/>
      <c r="C6910" s="6" t="s">
        <v>6934</v>
      </c>
      <c r="D6910" s="6"/>
      <c r="E6910" s="6" t="s">
        <v>9</v>
      </c>
      <c r="F6910" s="7">
        <v>38657</v>
      </c>
      <c r="G6910" s="8">
        <v>1</v>
      </c>
      <c r="H6910" s="8">
        <v>1</v>
      </c>
      <c r="I6910" s="8">
        <v>0</v>
      </c>
      <c r="J6910" s="8">
        <v>1</v>
      </c>
      <c r="K6910" s="9">
        <v>139</v>
      </c>
      <c r="L6910" s="6" t="s">
        <v>51</v>
      </c>
    </row>
    <row r="6911" spans="1:12">
      <c r="A6911" s="6" t="s">
        <v>49</v>
      </c>
      <c r="B6911" s="6"/>
      <c r="C6911" s="6" t="s">
        <v>6935</v>
      </c>
      <c r="D6911" s="6"/>
      <c r="E6911" s="6" t="s">
        <v>9</v>
      </c>
      <c r="F6911" s="7">
        <v>38657</v>
      </c>
      <c r="G6911" s="8">
        <v>1</v>
      </c>
      <c r="H6911" s="8">
        <v>1</v>
      </c>
      <c r="I6911" s="8">
        <v>0</v>
      </c>
      <c r="J6911" s="8">
        <v>1</v>
      </c>
      <c r="K6911" s="9">
        <v>140</v>
      </c>
      <c r="L6911" s="6" t="s">
        <v>51</v>
      </c>
    </row>
    <row r="6912" spans="1:12">
      <c r="A6912" s="6" t="s">
        <v>49</v>
      </c>
      <c r="B6912" s="6"/>
      <c r="C6912" s="6" t="s">
        <v>6936</v>
      </c>
      <c r="D6912" s="6"/>
      <c r="E6912" s="6" t="s">
        <v>9</v>
      </c>
      <c r="F6912" s="7">
        <v>38657</v>
      </c>
      <c r="G6912" s="8">
        <v>1</v>
      </c>
      <c r="H6912" s="8">
        <v>1</v>
      </c>
      <c r="I6912" s="8">
        <v>0</v>
      </c>
      <c r="J6912" s="8">
        <v>1</v>
      </c>
      <c r="K6912" s="9">
        <v>140</v>
      </c>
      <c r="L6912" s="6" t="s">
        <v>51</v>
      </c>
    </row>
    <row r="6913" spans="1:12">
      <c r="A6913" s="6" t="s">
        <v>49</v>
      </c>
      <c r="B6913" s="6"/>
      <c r="C6913" s="6" t="s">
        <v>6937</v>
      </c>
      <c r="D6913" s="6"/>
      <c r="E6913" s="6" t="s">
        <v>9</v>
      </c>
      <c r="F6913" s="7">
        <v>38657</v>
      </c>
      <c r="G6913" s="8">
        <v>1</v>
      </c>
      <c r="H6913" s="8">
        <v>1</v>
      </c>
      <c r="I6913" s="8">
        <v>0</v>
      </c>
      <c r="J6913" s="8">
        <v>1</v>
      </c>
      <c r="K6913" s="9">
        <v>20</v>
      </c>
      <c r="L6913" s="6" t="s">
        <v>51</v>
      </c>
    </row>
    <row r="6914" spans="1:12">
      <c r="A6914" s="6" t="s">
        <v>49</v>
      </c>
      <c r="B6914" s="6"/>
      <c r="C6914" s="6" t="s">
        <v>6938</v>
      </c>
      <c r="D6914" s="6"/>
      <c r="E6914" s="6" t="s">
        <v>9</v>
      </c>
      <c r="F6914" s="7">
        <v>38657</v>
      </c>
      <c r="G6914" s="8">
        <v>1</v>
      </c>
      <c r="H6914" s="8">
        <v>1</v>
      </c>
      <c r="I6914" s="8">
        <v>0</v>
      </c>
      <c r="J6914" s="8">
        <v>1</v>
      </c>
      <c r="K6914" s="9">
        <v>119</v>
      </c>
      <c r="L6914" s="6" t="s">
        <v>51</v>
      </c>
    </row>
    <row r="6915" spans="1:12">
      <c r="A6915" s="6" t="s">
        <v>49</v>
      </c>
      <c r="B6915" s="6"/>
      <c r="C6915" s="6" t="s">
        <v>6939</v>
      </c>
      <c r="D6915" s="6"/>
      <c r="E6915" s="6" t="s">
        <v>9</v>
      </c>
      <c r="F6915" s="7">
        <v>38657</v>
      </c>
      <c r="G6915" s="8">
        <v>1</v>
      </c>
      <c r="H6915" s="8">
        <v>1</v>
      </c>
      <c r="I6915" s="8">
        <v>0</v>
      </c>
      <c r="J6915" s="8">
        <v>1</v>
      </c>
      <c r="K6915" s="9">
        <v>139</v>
      </c>
      <c r="L6915" s="6" t="s">
        <v>51</v>
      </c>
    </row>
    <row r="6916" spans="1:12">
      <c r="A6916" s="6" t="s">
        <v>49</v>
      </c>
      <c r="B6916" s="6"/>
      <c r="C6916" s="6" t="s">
        <v>6940</v>
      </c>
      <c r="D6916" s="6"/>
      <c r="E6916" s="6" t="s">
        <v>9</v>
      </c>
      <c r="F6916" s="7">
        <v>38657</v>
      </c>
      <c r="G6916" s="8">
        <v>1</v>
      </c>
      <c r="H6916" s="8">
        <v>1</v>
      </c>
      <c r="I6916" s="8">
        <v>0</v>
      </c>
      <c r="J6916" s="8">
        <v>1</v>
      </c>
      <c r="K6916" s="9">
        <v>140</v>
      </c>
      <c r="L6916" s="6" t="s">
        <v>51</v>
      </c>
    </row>
    <row r="6917" spans="1:12">
      <c r="A6917" s="6" t="s">
        <v>49</v>
      </c>
      <c r="B6917" s="6"/>
      <c r="C6917" s="6" t="s">
        <v>6941</v>
      </c>
      <c r="D6917" s="6"/>
      <c r="E6917" s="6" t="s">
        <v>9</v>
      </c>
      <c r="F6917" s="7">
        <v>38657</v>
      </c>
      <c r="G6917" s="8">
        <v>1</v>
      </c>
      <c r="H6917" s="8">
        <v>1</v>
      </c>
      <c r="I6917" s="8">
        <v>0</v>
      </c>
      <c r="J6917" s="8">
        <v>1</v>
      </c>
      <c r="K6917" s="9">
        <v>86</v>
      </c>
      <c r="L6917" s="6" t="s">
        <v>51</v>
      </c>
    </row>
    <row r="6918" spans="1:12">
      <c r="A6918" s="6" t="s">
        <v>49</v>
      </c>
      <c r="B6918" s="6"/>
      <c r="C6918" s="6" t="s">
        <v>6942</v>
      </c>
      <c r="D6918" s="6"/>
      <c r="E6918" s="6" t="s">
        <v>9</v>
      </c>
      <c r="F6918" s="7">
        <v>38657</v>
      </c>
      <c r="G6918" s="8">
        <v>1</v>
      </c>
      <c r="H6918" s="8">
        <v>1</v>
      </c>
      <c r="I6918" s="8">
        <v>0</v>
      </c>
      <c r="J6918" s="8">
        <v>1</v>
      </c>
      <c r="K6918" s="9">
        <v>42</v>
      </c>
      <c r="L6918" s="6" t="s">
        <v>51</v>
      </c>
    </row>
    <row r="6919" spans="1:12">
      <c r="A6919" s="6" t="s">
        <v>49</v>
      </c>
      <c r="B6919" s="6"/>
      <c r="C6919" s="6" t="s">
        <v>6943</v>
      </c>
      <c r="D6919" s="6"/>
      <c r="E6919" s="6" t="s">
        <v>9</v>
      </c>
      <c r="F6919" s="7">
        <v>38657</v>
      </c>
      <c r="G6919" s="8">
        <v>1</v>
      </c>
      <c r="H6919" s="8">
        <v>1</v>
      </c>
      <c r="I6919" s="8">
        <v>0</v>
      </c>
      <c r="J6919" s="8">
        <v>1</v>
      </c>
      <c r="K6919" s="9">
        <v>85</v>
      </c>
      <c r="L6919" s="6" t="s">
        <v>51</v>
      </c>
    </row>
    <row r="6920" spans="1:12">
      <c r="A6920" s="6" t="s">
        <v>49</v>
      </c>
      <c r="B6920" s="6"/>
      <c r="C6920" s="6" t="s">
        <v>6944</v>
      </c>
      <c r="D6920" s="6"/>
      <c r="E6920" s="6" t="s">
        <v>9</v>
      </c>
      <c r="F6920" s="7">
        <v>38657</v>
      </c>
      <c r="G6920" s="8">
        <v>1</v>
      </c>
      <c r="H6920" s="8">
        <v>1</v>
      </c>
      <c r="I6920" s="8">
        <v>0</v>
      </c>
      <c r="J6920" s="8">
        <v>1</v>
      </c>
      <c r="K6920" s="9">
        <v>29</v>
      </c>
      <c r="L6920" s="6" t="s">
        <v>51</v>
      </c>
    </row>
    <row r="6921" spans="1:12">
      <c r="A6921" s="6" t="s">
        <v>49</v>
      </c>
      <c r="B6921" s="6"/>
      <c r="C6921" s="6" t="s">
        <v>6945</v>
      </c>
      <c r="D6921" s="6"/>
      <c r="E6921" s="6" t="s">
        <v>9</v>
      </c>
      <c r="F6921" s="7">
        <v>38657</v>
      </c>
      <c r="G6921" s="8">
        <v>1</v>
      </c>
      <c r="H6921" s="8">
        <v>1</v>
      </c>
      <c r="I6921" s="8">
        <v>0</v>
      </c>
      <c r="J6921" s="8">
        <v>1</v>
      </c>
      <c r="K6921" s="9">
        <v>122</v>
      </c>
      <c r="L6921" s="6" t="s">
        <v>51</v>
      </c>
    </row>
    <row r="6922" spans="1:12">
      <c r="A6922" s="6" t="s">
        <v>49</v>
      </c>
      <c r="B6922" s="6"/>
      <c r="C6922" s="6" t="s">
        <v>6946</v>
      </c>
      <c r="D6922" s="6"/>
      <c r="E6922" s="6" t="s">
        <v>9</v>
      </c>
      <c r="F6922" s="7">
        <v>38657</v>
      </c>
      <c r="G6922" s="8">
        <v>1</v>
      </c>
      <c r="H6922" s="8">
        <v>1</v>
      </c>
      <c r="I6922" s="8">
        <v>0</v>
      </c>
      <c r="J6922" s="8">
        <v>1</v>
      </c>
      <c r="K6922" s="9">
        <v>52</v>
      </c>
      <c r="L6922" s="6" t="s">
        <v>51</v>
      </c>
    </row>
    <row r="6923" spans="1:12">
      <c r="A6923" s="6" t="s">
        <v>49</v>
      </c>
      <c r="B6923" s="6"/>
      <c r="C6923" s="6" t="s">
        <v>6947</v>
      </c>
      <c r="D6923" s="6"/>
      <c r="E6923" s="6" t="s">
        <v>9</v>
      </c>
      <c r="F6923" s="7">
        <v>38657</v>
      </c>
      <c r="G6923" s="8">
        <v>1</v>
      </c>
      <c r="H6923" s="8">
        <v>1</v>
      </c>
      <c r="I6923" s="8">
        <v>0</v>
      </c>
      <c r="J6923" s="8">
        <v>1</v>
      </c>
      <c r="K6923" s="9">
        <v>102</v>
      </c>
      <c r="L6923" s="6" t="s">
        <v>51</v>
      </c>
    </row>
    <row r="6924" spans="1:12">
      <c r="A6924" s="6" t="s">
        <v>49</v>
      </c>
      <c r="B6924" s="6"/>
      <c r="C6924" s="6" t="s">
        <v>6948</v>
      </c>
      <c r="D6924" s="6"/>
      <c r="E6924" s="6" t="s">
        <v>9</v>
      </c>
      <c r="F6924" s="7">
        <v>38657</v>
      </c>
      <c r="G6924" s="8">
        <v>1</v>
      </c>
      <c r="H6924" s="8">
        <v>1</v>
      </c>
      <c r="I6924" s="8">
        <v>0</v>
      </c>
      <c r="J6924" s="8">
        <v>1</v>
      </c>
      <c r="K6924" s="9">
        <v>153</v>
      </c>
      <c r="L6924" s="6" t="s">
        <v>51</v>
      </c>
    </row>
    <row r="6925" spans="1:12">
      <c r="A6925" s="6" t="s">
        <v>49</v>
      </c>
      <c r="B6925" s="6"/>
      <c r="C6925" s="6" t="s">
        <v>6949</v>
      </c>
      <c r="D6925" s="6"/>
      <c r="E6925" s="6" t="s">
        <v>9</v>
      </c>
      <c r="F6925" s="7">
        <v>38657</v>
      </c>
      <c r="G6925" s="8">
        <v>1</v>
      </c>
      <c r="H6925" s="8">
        <v>1</v>
      </c>
      <c r="I6925" s="8">
        <v>0</v>
      </c>
      <c r="J6925" s="8">
        <v>1</v>
      </c>
      <c r="K6925" s="9">
        <v>34</v>
      </c>
      <c r="L6925" s="6" t="s">
        <v>51</v>
      </c>
    </row>
    <row r="6926" spans="1:12">
      <c r="A6926" s="6" t="s">
        <v>49</v>
      </c>
      <c r="B6926" s="6"/>
      <c r="C6926" s="6" t="s">
        <v>6950</v>
      </c>
      <c r="D6926" s="6"/>
      <c r="E6926" s="6" t="s">
        <v>9</v>
      </c>
      <c r="F6926" s="7">
        <v>38657</v>
      </c>
      <c r="G6926" s="8">
        <v>1</v>
      </c>
      <c r="H6926" s="8">
        <v>1</v>
      </c>
      <c r="I6926" s="8">
        <v>0</v>
      </c>
      <c r="J6926" s="8">
        <v>1</v>
      </c>
      <c r="K6926" s="9">
        <v>107</v>
      </c>
      <c r="L6926" s="6" t="s">
        <v>51</v>
      </c>
    </row>
    <row r="6927" spans="1:12">
      <c r="A6927" s="6" t="s">
        <v>49</v>
      </c>
      <c r="B6927" s="6"/>
      <c r="C6927" s="6" t="s">
        <v>6951</v>
      </c>
      <c r="D6927" s="6"/>
      <c r="E6927" s="6" t="s">
        <v>9</v>
      </c>
      <c r="F6927" s="7">
        <v>38657</v>
      </c>
      <c r="G6927" s="8">
        <v>1</v>
      </c>
      <c r="H6927" s="8">
        <v>1</v>
      </c>
      <c r="I6927" s="8">
        <v>0</v>
      </c>
      <c r="J6927" s="8">
        <v>1</v>
      </c>
      <c r="K6927" s="9">
        <v>87</v>
      </c>
      <c r="L6927" s="6" t="s">
        <v>51</v>
      </c>
    </row>
    <row r="6928" spans="1:12">
      <c r="A6928" s="6" t="s">
        <v>49</v>
      </c>
      <c r="B6928" s="6"/>
      <c r="C6928" s="6" t="s">
        <v>6952</v>
      </c>
      <c r="D6928" s="6"/>
      <c r="E6928" s="6" t="s">
        <v>9</v>
      </c>
      <c r="F6928" s="7">
        <v>38657</v>
      </c>
      <c r="G6928" s="8">
        <v>1</v>
      </c>
      <c r="H6928" s="8">
        <v>1</v>
      </c>
      <c r="I6928" s="8">
        <v>0</v>
      </c>
      <c r="J6928" s="8">
        <v>1</v>
      </c>
      <c r="K6928" s="9">
        <v>57</v>
      </c>
      <c r="L6928" s="6" t="s">
        <v>51</v>
      </c>
    </row>
    <row r="6929" spans="1:12">
      <c r="A6929" s="6" t="s">
        <v>49</v>
      </c>
      <c r="B6929" s="6"/>
      <c r="C6929" s="6" t="s">
        <v>6953</v>
      </c>
      <c r="D6929" s="6"/>
      <c r="E6929" s="6" t="s">
        <v>9</v>
      </c>
      <c r="F6929" s="7">
        <v>38657</v>
      </c>
      <c r="G6929" s="8">
        <v>1</v>
      </c>
      <c r="H6929" s="8">
        <v>1</v>
      </c>
      <c r="I6929" s="8">
        <v>0</v>
      </c>
      <c r="J6929" s="8">
        <v>1</v>
      </c>
      <c r="K6929" s="9">
        <v>130</v>
      </c>
      <c r="L6929" s="6" t="s">
        <v>51</v>
      </c>
    </row>
    <row r="6930" spans="1:12">
      <c r="A6930" s="6" t="s">
        <v>49</v>
      </c>
      <c r="B6930" s="6"/>
      <c r="C6930" s="6" t="s">
        <v>6954</v>
      </c>
      <c r="D6930" s="6"/>
      <c r="E6930" s="6" t="s">
        <v>9</v>
      </c>
      <c r="F6930" s="7">
        <v>38657</v>
      </c>
      <c r="G6930" s="8">
        <v>1</v>
      </c>
      <c r="H6930" s="8">
        <v>1</v>
      </c>
      <c r="I6930" s="8">
        <v>0</v>
      </c>
      <c r="J6930" s="8">
        <v>1</v>
      </c>
      <c r="K6930" s="9">
        <v>152</v>
      </c>
      <c r="L6930" s="6" t="s">
        <v>51</v>
      </c>
    </row>
    <row r="6931" spans="1:12">
      <c r="A6931" s="6" t="s">
        <v>49</v>
      </c>
      <c r="B6931" s="6"/>
      <c r="C6931" s="6" t="s">
        <v>6955</v>
      </c>
      <c r="D6931" s="6"/>
      <c r="E6931" s="6" t="s">
        <v>9</v>
      </c>
      <c r="F6931" s="7">
        <v>38657</v>
      </c>
      <c r="G6931" s="8">
        <v>1</v>
      </c>
      <c r="H6931" s="8">
        <v>1</v>
      </c>
      <c r="I6931" s="8">
        <v>0</v>
      </c>
      <c r="J6931" s="8">
        <v>1</v>
      </c>
      <c r="K6931" s="9">
        <v>9.91</v>
      </c>
      <c r="L6931" s="6" t="s">
        <v>51</v>
      </c>
    </row>
    <row r="6932" spans="1:12">
      <c r="A6932" s="6" t="s">
        <v>49</v>
      </c>
      <c r="B6932" s="6"/>
      <c r="C6932" s="6" t="s">
        <v>6956</v>
      </c>
      <c r="D6932" s="6"/>
      <c r="E6932" s="6" t="s">
        <v>9</v>
      </c>
      <c r="F6932" s="7">
        <v>38657</v>
      </c>
      <c r="G6932" s="8">
        <v>1</v>
      </c>
      <c r="H6932" s="8">
        <v>1</v>
      </c>
      <c r="I6932" s="8">
        <v>0</v>
      </c>
      <c r="J6932" s="8">
        <v>1</v>
      </c>
      <c r="K6932" s="9">
        <v>872</v>
      </c>
      <c r="L6932" s="6" t="s">
        <v>51</v>
      </c>
    </row>
    <row r="6933" spans="1:12">
      <c r="A6933" s="6" t="s">
        <v>49</v>
      </c>
      <c r="B6933" s="6"/>
      <c r="C6933" s="6" t="s">
        <v>6957</v>
      </c>
      <c r="D6933" s="6"/>
      <c r="E6933" s="6" t="s">
        <v>9</v>
      </c>
      <c r="F6933" s="7">
        <v>38657</v>
      </c>
      <c r="G6933" s="8">
        <v>1</v>
      </c>
      <c r="H6933" s="8">
        <v>1</v>
      </c>
      <c r="I6933" s="8">
        <v>0</v>
      </c>
      <c r="J6933" s="8">
        <v>1</v>
      </c>
      <c r="K6933" s="9">
        <v>2973</v>
      </c>
      <c r="L6933" s="6" t="s">
        <v>51</v>
      </c>
    </row>
    <row r="6934" spans="1:12">
      <c r="A6934" s="6" t="s">
        <v>49</v>
      </c>
      <c r="B6934" s="6"/>
      <c r="C6934" s="6" t="s">
        <v>6958</v>
      </c>
      <c r="D6934" s="6"/>
      <c r="E6934" s="6" t="s">
        <v>9</v>
      </c>
      <c r="F6934" s="7">
        <v>38657</v>
      </c>
      <c r="G6934" s="8">
        <v>1</v>
      </c>
      <c r="H6934" s="8">
        <v>1</v>
      </c>
      <c r="I6934" s="8">
        <v>0</v>
      </c>
      <c r="J6934" s="8">
        <v>1</v>
      </c>
      <c r="K6934" s="9">
        <v>318</v>
      </c>
      <c r="L6934" s="6" t="s">
        <v>51</v>
      </c>
    </row>
    <row r="6935" spans="1:12">
      <c r="A6935" s="6" t="s">
        <v>49</v>
      </c>
      <c r="B6935" s="6"/>
      <c r="C6935" s="6" t="s">
        <v>6959</v>
      </c>
      <c r="D6935" s="6"/>
      <c r="E6935" s="6" t="s">
        <v>9</v>
      </c>
      <c r="F6935" s="7">
        <v>38657</v>
      </c>
      <c r="G6935" s="8">
        <v>1</v>
      </c>
      <c r="H6935" s="8">
        <v>1</v>
      </c>
      <c r="I6935" s="8">
        <v>0</v>
      </c>
      <c r="J6935" s="8">
        <v>1</v>
      </c>
      <c r="K6935" s="9">
        <v>2031</v>
      </c>
      <c r="L6935" s="6" t="s">
        <v>51</v>
      </c>
    </row>
    <row r="6936" spans="1:12">
      <c r="A6936" s="6" t="s">
        <v>49</v>
      </c>
      <c r="B6936" s="6"/>
      <c r="C6936" s="6" t="s">
        <v>6960</v>
      </c>
      <c r="D6936" s="6"/>
      <c r="E6936" s="6" t="s">
        <v>9</v>
      </c>
      <c r="F6936" s="7">
        <v>38657</v>
      </c>
      <c r="G6936" s="8">
        <v>1</v>
      </c>
      <c r="H6936" s="8">
        <v>1</v>
      </c>
      <c r="I6936" s="8">
        <v>0</v>
      </c>
      <c r="J6936" s="8">
        <v>1</v>
      </c>
      <c r="K6936" s="9">
        <v>152</v>
      </c>
      <c r="L6936" s="6" t="s">
        <v>51</v>
      </c>
    </row>
    <row r="6937" spans="1:12">
      <c r="A6937" s="6" t="s">
        <v>49</v>
      </c>
      <c r="B6937" s="6"/>
      <c r="C6937" s="6" t="s">
        <v>6961</v>
      </c>
      <c r="D6937" s="6"/>
      <c r="E6937" s="6" t="s">
        <v>9</v>
      </c>
      <c r="F6937" s="7">
        <v>38657</v>
      </c>
      <c r="G6937" s="8">
        <v>1</v>
      </c>
      <c r="H6937" s="8">
        <v>1</v>
      </c>
      <c r="I6937" s="8">
        <v>0</v>
      </c>
      <c r="J6937" s="8">
        <v>1</v>
      </c>
      <c r="K6937" s="9">
        <v>190</v>
      </c>
      <c r="L6937" s="6" t="s">
        <v>51</v>
      </c>
    </row>
    <row r="6938" spans="1:12">
      <c r="A6938" s="6" t="s">
        <v>49</v>
      </c>
      <c r="B6938" s="6"/>
      <c r="C6938" s="6" t="s">
        <v>6962</v>
      </c>
      <c r="D6938" s="6"/>
      <c r="E6938" s="6" t="s">
        <v>9</v>
      </c>
      <c r="F6938" s="7">
        <v>38657</v>
      </c>
      <c r="G6938" s="8">
        <v>1</v>
      </c>
      <c r="H6938" s="8">
        <v>1</v>
      </c>
      <c r="I6938" s="8">
        <v>0</v>
      </c>
      <c r="J6938" s="8">
        <v>1</v>
      </c>
      <c r="K6938" s="9">
        <v>501</v>
      </c>
      <c r="L6938" s="6" t="s">
        <v>51</v>
      </c>
    </row>
    <row r="6939" spans="1:12">
      <c r="A6939" s="6" t="s">
        <v>49</v>
      </c>
      <c r="B6939" s="6"/>
      <c r="C6939" s="6" t="s">
        <v>6963</v>
      </c>
      <c r="D6939" s="6"/>
      <c r="E6939" s="6" t="s">
        <v>9</v>
      </c>
      <c r="F6939" s="7">
        <v>38657</v>
      </c>
      <c r="G6939" s="8">
        <v>1</v>
      </c>
      <c r="H6939" s="8">
        <v>1</v>
      </c>
      <c r="I6939" s="8">
        <v>0</v>
      </c>
      <c r="J6939" s="8">
        <v>1</v>
      </c>
      <c r="K6939" s="9">
        <v>1449</v>
      </c>
      <c r="L6939" s="6" t="s">
        <v>51</v>
      </c>
    </row>
    <row r="6940" spans="1:12">
      <c r="A6940" s="6" t="s">
        <v>49</v>
      </c>
      <c r="B6940" s="6"/>
      <c r="C6940" s="6" t="s">
        <v>6964</v>
      </c>
      <c r="D6940" s="6"/>
      <c r="E6940" s="6" t="s">
        <v>9</v>
      </c>
      <c r="F6940" s="7">
        <v>38657</v>
      </c>
      <c r="G6940" s="8">
        <v>1</v>
      </c>
      <c r="H6940" s="8">
        <v>1</v>
      </c>
      <c r="I6940" s="8">
        <v>0</v>
      </c>
      <c r="J6940" s="8">
        <v>1</v>
      </c>
      <c r="K6940" s="9">
        <v>602</v>
      </c>
      <c r="L6940" s="6" t="s">
        <v>51</v>
      </c>
    </row>
    <row r="6941" spans="1:12">
      <c r="A6941" s="6" t="s">
        <v>49</v>
      </c>
      <c r="B6941" s="6"/>
      <c r="C6941" s="6" t="s">
        <v>6965</v>
      </c>
      <c r="D6941" s="6"/>
      <c r="E6941" s="6" t="s">
        <v>9</v>
      </c>
      <c r="F6941" s="7">
        <v>38657</v>
      </c>
      <c r="G6941" s="8">
        <v>1</v>
      </c>
      <c r="H6941" s="8">
        <v>1</v>
      </c>
      <c r="I6941" s="8">
        <v>0</v>
      </c>
      <c r="J6941" s="8">
        <v>1</v>
      </c>
      <c r="K6941" s="9">
        <v>383</v>
      </c>
      <c r="L6941" s="6" t="s">
        <v>51</v>
      </c>
    </row>
    <row r="6942" spans="1:12">
      <c r="A6942" s="6" t="s">
        <v>49</v>
      </c>
      <c r="B6942" s="6"/>
      <c r="C6942" s="6" t="s">
        <v>6966</v>
      </c>
      <c r="D6942" s="6"/>
      <c r="E6942" s="6" t="s">
        <v>9</v>
      </c>
      <c r="F6942" s="7">
        <v>38657</v>
      </c>
      <c r="G6942" s="8">
        <v>1</v>
      </c>
      <c r="H6942" s="8">
        <v>1</v>
      </c>
      <c r="I6942" s="8">
        <v>0</v>
      </c>
      <c r="J6942" s="8">
        <v>1</v>
      </c>
      <c r="K6942" s="9">
        <v>175.47</v>
      </c>
      <c r="L6942" s="6" t="s">
        <v>51</v>
      </c>
    </row>
    <row r="6943" spans="1:12">
      <c r="A6943" s="6" t="s">
        <v>49</v>
      </c>
      <c r="B6943" s="6"/>
      <c r="C6943" s="6" t="s">
        <v>6967</v>
      </c>
      <c r="D6943" s="6"/>
      <c r="E6943" s="6" t="s">
        <v>9</v>
      </c>
      <c r="F6943" s="7">
        <v>38657</v>
      </c>
      <c r="G6943" s="8">
        <v>1</v>
      </c>
      <c r="H6943" s="8">
        <v>1</v>
      </c>
      <c r="I6943" s="8">
        <v>0</v>
      </c>
      <c r="J6943" s="8">
        <v>1</v>
      </c>
      <c r="K6943" s="9">
        <v>241</v>
      </c>
      <c r="L6943" s="6" t="s">
        <v>51</v>
      </c>
    </row>
    <row r="6944" spans="1:12">
      <c r="A6944" s="6" t="s">
        <v>49</v>
      </c>
      <c r="B6944" s="6"/>
      <c r="C6944" s="6" t="s">
        <v>6968</v>
      </c>
      <c r="D6944" s="6"/>
      <c r="E6944" s="6" t="s">
        <v>9</v>
      </c>
      <c r="F6944" s="7">
        <v>38657</v>
      </c>
      <c r="G6944" s="8">
        <v>1</v>
      </c>
      <c r="H6944" s="8">
        <v>1</v>
      </c>
      <c r="I6944" s="8">
        <v>0</v>
      </c>
      <c r="J6944" s="8">
        <v>1</v>
      </c>
      <c r="K6944" s="9">
        <v>384</v>
      </c>
      <c r="L6944" s="6" t="s">
        <v>51</v>
      </c>
    </row>
    <row r="6945" spans="1:12">
      <c r="A6945" s="6" t="s">
        <v>49</v>
      </c>
      <c r="B6945" s="6"/>
      <c r="C6945" s="6" t="s">
        <v>6969</v>
      </c>
      <c r="D6945" s="6"/>
      <c r="E6945" s="6" t="s">
        <v>9</v>
      </c>
      <c r="F6945" s="7">
        <v>38657</v>
      </c>
      <c r="G6945" s="8">
        <v>1</v>
      </c>
      <c r="H6945" s="8">
        <v>1</v>
      </c>
      <c r="I6945" s="8">
        <v>0</v>
      </c>
      <c r="J6945" s="8">
        <v>1</v>
      </c>
      <c r="K6945" s="9">
        <v>495</v>
      </c>
      <c r="L6945" s="6" t="s">
        <v>51</v>
      </c>
    </row>
    <row r="6946" spans="1:12">
      <c r="A6946" s="6" t="s">
        <v>49</v>
      </c>
      <c r="B6946" s="6"/>
      <c r="C6946" s="6" t="s">
        <v>6970</v>
      </c>
      <c r="D6946" s="6"/>
      <c r="E6946" s="6" t="s">
        <v>9</v>
      </c>
      <c r="F6946" s="7">
        <v>38657</v>
      </c>
      <c r="G6946" s="8">
        <v>1</v>
      </c>
      <c r="H6946" s="8">
        <v>1</v>
      </c>
      <c r="I6946" s="8">
        <v>0</v>
      </c>
      <c r="J6946" s="8">
        <v>1</v>
      </c>
      <c r="K6946" s="9">
        <v>463</v>
      </c>
      <c r="L6946" s="6" t="s">
        <v>51</v>
      </c>
    </row>
    <row r="6947" spans="1:12">
      <c r="A6947" s="6" t="s">
        <v>49</v>
      </c>
      <c r="B6947" s="6"/>
      <c r="C6947" s="6" t="s">
        <v>6971</v>
      </c>
      <c r="D6947" s="6"/>
      <c r="E6947" s="6" t="s">
        <v>9</v>
      </c>
      <c r="F6947" s="7">
        <v>38657</v>
      </c>
      <c r="G6947" s="8">
        <v>1</v>
      </c>
      <c r="H6947" s="8">
        <v>1</v>
      </c>
      <c r="I6947" s="8">
        <v>0</v>
      </c>
      <c r="J6947" s="8">
        <v>1</v>
      </c>
      <c r="K6947" s="9">
        <v>188</v>
      </c>
      <c r="L6947" s="6" t="s">
        <v>51</v>
      </c>
    </row>
    <row r="6948" spans="1:12">
      <c r="A6948" s="6" t="s">
        <v>49</v>
      </c>
      <c r="B6948" s="6"/>
      <c r="C6948" s="6" t="s">
        <v>6972</v>
      </c>
      <c r="D6948" s="6"/>
      <c r="E6948" s="6" t="s">
        <v>9</v>
      </c>
      <c r="F6948" s="7">
        <v>38657</v>
      </c>
      <c r="G6948" s="8">
        <v>1</v>
      </c>
      <c r="H6948" s="8">
        <v>1</v>
      </c>
      <c r="I6948" s="8">
        <v>0</v>
      </c>
      <c r="J6948" s="8">
        <v>1</v>
      </c>
      <c r="K6948" s="9">
        <v>72</v>
      </c>
      <c r="L6948" s="6" t="s">
        <v>51</v>
      </c>
    </row>
    <row r="6949" spans="1:12">
      <c r="A6949" s="6" t="s">
        <v>49</v>
      </c>
      <c r="B6949" s="6"/>
      <c r="C6949" s="6" t="s">
        <v>6973</v>
      </c>
      <c r="D6949" s="6"/>
      <c r="E6949" s="6" t="s">
        <v>9</v>
      </c>
      <c r="F6949" s="7">
        <v>38657</v>
      </c>
      <c r="G6949" s="8">
        <v>1</v>
      </c>
      <c r="H6949" s="8">
        <v>1</v>
      </c>
      <c r="I6949" s="8">
        <v>0</v>
      </c>
      <c r="J6949" s="8">
        <v>1</v>
      </c>
      <c r="K6949" s="9">
        <v>173</v>
      </c>
      <c r="L6949" s="6" t="s">
        <v>51</v>
      </c>
    </row>
    <row r="6950" spans="1:12">
      <c r="A6950" s="6" t="s">
        <v>49</v>
      </c>
      <c r="B6950" s="6"/>
      <c r="C6950" s="6" t="s">
        <v>6974</v>
      </c>
      <c r="D6950" s="6"/>
      <c r="E6950" s="6" t="s">
        <v>9</v>
      </c>
      <c r="F6950" s="7">
        <v>38657</v>
      </c>
      <c r="G6950" s="8">
        <v>1</v>
      </c>
      <c r="H6950" s="8">
        <v>1</v>
      </c>
      <c r="I6950" s="8">
        <v>0</v>
      </c>
      <c r="J6950" s="8">
        <v>1</v>
      </c>
      <c r="K6950" s="9">
        <v>443</v>
      </c>
      <c r="L6950" s="6" t="s">
        <v>51</v>
      </c>
    </row>
    <row r="6951" spans="1:12">
      <c r="A6951" s="6" t="s">
        <v>49</v>
      </c>
      <c r="B6951" s="6"/>
      <c r="C6951" s="6" t="s">
        <v>6975</v>
      </c>
      <c r="D6951" s="6"/>
      <c r="E6951" s="6" t="s">
        <v>9</v>
      </c>
      <c r="F6951" s="7">
        <v>38657</v>
      </c>
      <c r="G6951" s="8">
        <v>1</v>
      </c>
      <c r="H6951" s="8">
        <v>1</v>
      </c>
      <c r="I6951" s="8">
        <v>0</v>
      </c>
      <c r="J6951" s="8">
        <v>1</v>
      </c>
      <c r="K6951" s="9">
        <v>137</v>
      </c>
      <c r="L6951" s="6" t="s">
        <v>51</v>
      </c>
    </row>
    <row r="6952" spans="1:12">
      <c r="A6952" s="6" t="s">
        <v>49</v>
      </c>
      <c r="B6952" s="6"/>
      <c r="C6952" s="6" t="s">
        <v>6976</v>
      </c>
      <c r="D6952" s="6"/>
      <c r="E6952" s="6" t="s">
        <v>9</v>
      </c>
      <c r="F6952" s="7">
        <v>38657</v>
      </c>
      <c r="G6952" s="8">
        <v>1</v>
      </c>
      <c r="H6952" s="8">
        <v>1</v>
      </c>
      <c r="I6952" s="8">
        <v>0</v>
      </c>
      <c r="J6952" s="8">
        <v>1</v>
      </c>
      <c r="K6952" s="9">
        <v>1310</v>
      </c>
      <c r="L6952" s="6" t="s">
        <v>51</v>
      </c>
    </row>
    <row r="6953" spans="1:12">
      <c r="A6953" s="6" t="s">
        <v>49</v>
      </c>
      <c r="B6953" s="6"/>
      <c r="C6953" s="6" t="s">
        <v>6977</v>
      </c>
      <c r="D6953" s="6"/>
      <c r="E6953" s="6" t="s">
        <v>9</v>
      </c>
      <c r="F6953" s="7">
        <v>38657</v>
      </c>
      <c r="G6953" s="8">
        <v>1</v>
      </c>
      <c r="H6953" s="8">
        <v>1</v>
      </c>
      <c r="I6953" s="8">
        <v>0</v>
      </c>
      <c r="J6953" s="8">
        <v>1</v>
      </c>
      <c r="K6953" s="9">
        <v>848</v>
      </c>
      <c r="L6953" s="6" t="s">
        <v>51</v>
      </c>
    </row>
    <row r="6954" spans="1:12">
      <c r="A6954" s="6" t="s">
        <v>49</v>
      </c>
      <c r="B6954" s="6"/>
      <c r="C6954" s="6" t="s">
        <v>6978</v>
      </c>
      <c r="D6954" s="6"/>
      <c r="E6954" s="6" t="s">
        <v>9</v>
      </c>
      <c r="F6954" s="7">
        <v>38657</v>
      </c>
      <c r="G6954" s="8">
        <v>1</v>
      </c>
      <c r="H6954" s="8">
        <v>1</v>
      </c>
      <c r="I6954" s="8">
        <v>0</v>
      </c>
      <c r="J6954" s="8">
        <v>1</v>
      </c>
      <c r="K6954" s="9">
        <v>9.91</v>
      </c>
      <c r="L6954" s="6" t="s">
        <v>51</v>
      </c>
    </row>
    <row r="6955" spans="1:12">
      <c r="A6955" s="6" t="s">
        <v>49</v>
      </c>
      <c r="B6955" s="6"/>
      <c r="C6955" s="6" t="s">
        <v>6979</v>
      </c>
      <c r="D6955" s="6"/>
      <c r="E6955" s="6" t="s">
        <v>9</v>
      </c>
      <c r="F6955" s="7">
        <v>38657</v>
      </c>
      <c r="G6955" s="8">
        <v>1</v>
      </c>
      <c r="H6955" s="8">
        <v>1</v>
      </c>
      <c r="I6955" s="8">
        <v>0</v>
      </c>
      <c r="J6955" s="8">
        <v>1</v>
      </c>
      <c r="K6955" s="9">
        <v>11</v>
      </c>
      <c r="L6955" s="6" t="s">
        <v>51</v>
      </c>
    </row>
    <row r="6956" spans="1:12">
      <c r="A6956" s="6" t="s">
        <v>49</v>
      </c>
      <c r="B6956" s="6"/>
      <c r="C6956" s="6" t="s">
        <v>6980</v>
      </c>
      <c r="D6956" s="6"/>
      <c r="E6956" s="6" t="s">
        <v>9</v>
      </c>
      <c r="F6956" s="7">
        <v>38657</v>
      </c>
      <c r="G6956" s="8">
        <v>1</v>
      </c>
      <c r="H6956" s="8">
        <v>1</v>
      </c>
      <c r="I6956" s="8">
        <v>0</v>
      </c>
      <c r="J6956" s="8">
        <v>1</v>
      </c>
      <c r="K6956" s="9">
        <v>16.350000000000001</v>
      </c>
      <c r="L6956" s="6" t="s">
        <v>51</v>
      </c>
    </row>
    <row r="6957" spans="1:12">
      <c r="A6957" s="6" t="s">
        <v>49</v>
      </c>
      <c r="B6957" s="6"/>
      <c r="C6957" s="6" t="s">
        <v>6981</v>
      </c>
      <c r="D6957" s="6"/>
      <c r="E6957" s="6" t="s">
        <v>9</v>
      </c>
      <c r="F6957" s="7">
        <v>38657</v>
      </c>
      <c r="G6957" s="8">
        <v>1</v>
      </c>
      <c r="H6957" s="8">
        <v>1</v>
      </c>
      <c r="I6957" s="8">
        <v>0</v>
      </c>
      <c r="J6957" s="8">
        <v>1</v>
      </c>
      <c r="K6957" s="9">
        <v>14.37</v>
      </c>
      <c r="L6957" s="6" t="s">
        <v>51</v>
      </c>
    </row>
    <row r="6958" spans="1:12">
      <c r="A6958" s="6" t="s">
        <v>49</v>
      </c>
      <c r="B6958" s="6"/>
      <c r="C6958" s="6" t="s">
        <v>6982</v>
      </c>
      <c r="D6958" s="6"/>
      <c r="E6958" s="6" t="s">
        <v>9</v>
      </c>
      <c r="F6958" s="7">
        <v>38657</v>
      </c>
      <c r="G6958" s="8">
        <v>1</v>
      </c>
      <c r="H6958" s="8">
        <v>1</v>
      </c>
      <c r="I6958" s="8">
        <v>0</v>
      </c>
      <c r="J6958" s="8">
        <v>1</v>
      </c>
      <c r="K6958" s="9">
        <v>7.96</v>
      </c>
      <c r="L6958" s="6" t="s">
        <v>51</v>
      </c>
    </row>
    <row r="6959" spans="1:12">
      <c r="A6959" s="6" t="s">
        <v>49</v>
      </c>
      <c r="B6959" s="6"/>
      <c r="C6959" s="6" t="s">
        <v>6983</v>
      </c>
      <c r="D6959" s="6"/>
      <c r="E6959" s="6" t="s">
        <v>9</v>
      </c>
      <c r="F6959" s="7">
        <v>38657</v>
      </c>
      <c r="G6959" s="8">
        <v>1</v>
      </c>
      <c r="H6959" s="8">
        <v>1</v>
      </c>
      <c r="I6959" s="8">
        <v>0</v>
      </c>
      <c r="J6959" s="8">
        <v>1</v>
      </c>
      <c r="K6959" s="9">
        <v>1275</v>
      </c>
      <c r="L6959" s="6" t="s">
        <v>51</v>
      </c>
    </row>
    <row r="6960" spans="1:12">
      <c r="A6960" s="6" t="s">
        <v>49</v>
      </c>
      <c r="B6960" s="6"/>
      <c r="C6960" s="6" t="s">
        <v>6984</v>
      </c>
      <c r="D6960" s="6"/>
      <c r="E6960" s="6" t="s">
        <v>9</v>
      </c>
      <c r="F6960" s="7">
        <v>38657</v>
      </c>
      <c r="G6960" s="8">
        <v>1</v>
      </c>
      <c r="H6960" s="8">
        <v>1</v>
      </c>
      <c r="I6960" s="8">
        <v>0</v>
      </c>
      <c r="J6960" s="8">
        <v>1</v>
      </c>
      <c r="K6960" s="9">
        <v>538</v>
      </c>
      <c r="L6960" s="6" t="s">
        <v>51</v>
      </c>
    </row>
    <row r="6961" spans="1:12">
      <c r="A6961" s="6" t="s">
        <v>49</v>
      </c>
      <c r="B6961" s="6"/>
      <c r="C6961" s="6" t="s">
        <v>6985</v>
      </c>
      <c r="D6961" s="6"/>
      <c r="E6961" s="6" t="s">
        <v>9</v>
      </c>
      <c r="F6961" s="7">
        <v>38657</v>
      </c>
      <c r="G6961" s="8">
        <v>1</v>
      </c>
      <c r="H6961" s="8">
        <v>1</v>
      </c>
      <c r="I6961" s="8">
        <v>0</v>
      </c>
      <c r="J6961" s="8">
        <v>1</v>
      </c>
      <c r="K6961" s="9">
        <v>267</v>
      </c>
      <c r="L6961" s="6" t="s">
        <v>51</v>
      </c>
    </row>
    <row r="6962" spans="1:12">
      <c r="A6962" s="6" t="s">
        <v>49</v>
      </c>
      <c r="B6962" s="6"/>
      <c r="C6962" s="6" t="s">
        <v>6986</v>
      </c>
      <c r="D6962" s="6"/>
      <c r="E6962" s="6" t="s">
        <v>9</v>
      </c>
      <c r="F6962" s="7">
        <v>38657</v>
      </c>
      <c r="G6962" s="8">
        <v>1</v>
      </c>
      <c r="H6962" s="8">
        <v>1</v>
      </c>
      <c r="I6962" s="8">
        <v>0</v>
      </c>
      <c r="J6962" s="8">
        <v>1</v>
      </c>
      <c r="K6962" s="9">
        <v>129</v>
      </c>
      <c r="L6962" s="6" t="s">
        <v>51</v>
      </c>
    </row>
    <row r="6963" spans="1:12">
      <c r="A6963" s="6" t="s">
        <v>49</v>
      </c>
      <c r="B6963" s="6"/>
      <c r="C6963" s="6" t="s">
        <v>6987</v>
      </c>
      <c r="D6963" s="6"/>
      <c r="E6963" s="6" t="s">
        <v>9</v>
      </c>
      <c r="F6963" s="7">
        <v>38657</v>
      </c>
      <c r="G6963" s="8">
        <v>1</v>
      </c>
      <c r="H6963" s="8">
        <v>1</v>
      </c>
      <c r="I6963" s="8">
        <v>0</v>
      </c>
      <c r="J6963" s="8">
        <v>1</v>
      </c>
      <c r="K6963" s="9">
        <v>297</v>
      </c>
      <c r="L6963" s="6" t="s">
        <v>51</v>
      </c>
    </row>
    <row r="6964" spans="1:12">
      <c r="A6964" s="6" t="s">
        <v>49</v>
      </c>
      <c r="B6964" s="6"/>
      <c r="C6964" s="6" t="s">
        <v>6988</v>
      </c>
      <c r="D6964" s="6"/>
      <c r="E6964" s="6" t="s">
        <v>9</v>
      </c>
      <c r="F6964" s="7">
        <v>38657</v>
      </c>
      <c r="G6964" s="8">
        <v>1</v>
      </c>
      <c r="H6964" s="8">
        <v>1</v>
      </c>
      <c r="I6964" s="8">
        <v>0</v>
      </c>
      <c r="J6964" s="8">
        <v>1</v>
      </c>
      <c r="K6964" s="9">
        <v>7</v>
      </c>
      <c r="L6964" s="6" t="s">
        <v>51</v>
      </c>
    </row>
    <row r="6965" spans="1:12">
      <c r="A6965" s="6" t="s">
        <v>49</v>
      </c>
      <c r="B6965" s="6"/>
      <c r="C6965" s="6" t="s">
        <v>6989</v>
      </c>
      <c r="D6965" s="6"/>
      <c r="E6965" s="6" t="s">
        <v>9</v>
      </c>
      <c r="F6965" s="7">
        <v>38657</v>
      </c>
      <c r="G6965" s="8">
        <v>1</v>
      </c>
      <c r="H6965" s="8">
        <v>1</v>
      </c>
      <c r="I6965" s="8">
        <v>0</v>
      </c>
      <c r="J6965" s="8">
        <v>1</v>
      </c>
      <c r="K6965" s="9">
        <v>33</v>
      </c>
      <c r="L6965" s="6" t="s">
        <v>51</v>
      </c>
    </row>
    <row r="6966" spans="1:12">
      <c r="A6966" s="6" t="s">
        <v>49</v>
      </c>
      <c r="B6966" s="6"/>
      <c r="C6966" s="6" t="s">
        <v>6990</v>
      </c>
      <c r="D6966" s="6"/>
      <c r="E6966" s="6" t="s">
        <v>9</v>
      </c>
      <c r="F6966" s="7">
        <v>38657</v>
      </c>
      <c r="G6966" s="8">
        <v>1</v>
      </c>
      <c r="H6966" s="8">
        <v>1</v>
      </c>
      <c r="I6966" s="8">
        <v>0</v>
      </c>
      <c r="J6966" s="8">
        <v>1</v>
      </c>
      <c r="K6966" s="9">
        <v>3.26</v>
      </c>
      <c r="L6966" s="6" t="s">
        <v>51</v>
      </c>
    </row>
    <row r="6967" spans="1:12">
      <c r="A6967" s="6" t="s">
        <v>49</v>
      </c>
      <c r="B6967" s="6"/>
      <c r="C6967" s="6" t="s">
        <v>6991</v>
      </c>
      <c r="D6967" s="6"/>
      <c r="E6967" s="6" t="s">
        <v>9</v>
      </c>
      <c r="F6967" s="7">
        <v>38657</v>
      </c>
      <c r="G6967" s="8">
        <v>1</v>
      </c>
      <c r="H6967" s="8">
        <v>1</v>
      </c>
      <c r="I6967" s="8">
        <v>0</v>
      </c>
      <c r="J6967" s="8">
        <v>1</v>
      </c>
      <c r="K6967" s="9">
        <v>4.2</v>
      </c>
      <c r="L6967" s="6" t="s">
        <v>51</v>
      </c>
    </row>
    <row r="6968" spans="1:12">
      <c r="A6968" s="6" t="s">
        <v>49</v>
      </c>
      <c r="B6968" s="6"/>
      <c r="C6968" s="6" t="s">
        <v>6992</v>
      </c>
      <c r="D6968" s="6"/>
      <c r="E6968" s="6" t="s">
        <v>9</v>
      </c>
      <c r="F6968" s="7">
        <v>38657</v>
      </c>
      <c r="G6968" s="8">
        <v>1</v>
      </c>
      <c r="H6968" s="8">
        <v>1</v>
      </c>
      <c r="I6968" s="8">
        <v>0</v>
      </c>
      <c r="J6968" s="8">
        <v>1</v>
      </c>
      <c r="K6968" s="9">
        <v>1062</v>
      </c>
      <c r="L6968" s="6" t="s">
        <v>51</v>
      </c>
    </row>
    <row r="6969" spans="1:12">
      <c r="A6969" s="6" t="s">
        <v>49</v>
      </c>
      <c r="B6969" s="6"/>
      <c r="C6969" s="6" t="s">
        <v>6993</v>
      </c>
      <c r="D6969" s="6"/>
      <c r="E6969" s="6" t="s">
        <v>9</v>
      </c>
      <c r="F6969" s="7">
        <v>38657</v>
      </c>
      <c r="G6969" s="8">
        <v>1</v>
      </c>
      <c r="H6969" s="8">
        <v>1</v>
      </c>
      <c r="I6969" s="8">
        <v>0</v>
      </c>
      <c r="J6969" s="8">
        <v>1</v>
      </c>
      <c r="K6969" s="9">
        <v>79</v>
      </c>
      <c r="L6969" s="6" t="s">
        <v>51</v>
      </c>
    </row>
    <row r="6970" spans="1:12">
      <c r="A6970" s="6" t="s">
        <v>49</v>
      </c>
      <c r="B6970" s="6"/>
      <c r="C6970" s="6" t="s">
        <v>6994</v>
      </c>
      <c r="D6970" s="6"/>
      <c r="E6970" s="6" t="s">
        <v>9</v>
      </c>
      <c r="F6970" s="7">
        <v>38657</v>
      </c>
      <c r="G6970" s="8">
        <v>1</v>
      </c>
      <c r="H6970" s="8">
        <v>1</v>
      </c>
      <c r="I6970" s="8">
        <v>0</v>
      </c>
      <c r="J6970" s="8">
        <v>1</v>
      </c>
      <c r="K6970" s="9">
        <v>384</v>
      </c>
      <c r="L6970" s="6" t="s">
        <v>51</v>
      </c>
    </row>
    <row r="6971" spans="1:12">
      <c r="A6971" s="6" t="s">
        <v>49</v>
      </c>
      <c r="B6971" s="6"/>
      <c r="C6971" s="6" t="s">
        <v>6995</v>
      </c>
      <c r="D6971" s="6"/>
      <c r="E6971" s="6" t="s">
        <v>9</v>
      </c>
      <c r="F6971" s="7">
        <v>38657</v>
      </c>
      <c r="G6971" s="8">
        <v>1</v>
      </c>
      <c r="H6971" s="8">
        <v>1</v>
      </c>
      <c r="I6971" s="8">
        <v>0</v>
      </c>
      <c r="J6971" s="8">
        <v>1</v>
      </c>
      <c r="K6971" s="9">
        <v>384</v>
      </c>
      <c r="L6971" s="6" t="s">
        <v>51</v>
      </c>
    </row>
    <row r="6972" spans="1:12">
      <c r="A6972" s="6" t="s">
        <v>49</v>
      </c>
      <c r="B6972" s="6"/>
      <c r="C6972" s="6" t="s">
        <v>6996</v>
      </c>
      <c r="D6972" s="6"/>
      <c r="E6972" s="6" t="s">
        <v>9</v>
      </c>
      <c r="F6972" s="7">
        <v>40249</v>
      </c>
      <c r="G6972" s="8">
        <v>1</v>
      </c>
      <c r="H6972" s="8">
        <v>1</v>
      </c>
      <c r="I6972" s="8">
        <v>0</v>
      </c>
      <c r="J6972" s="8">
        <v>1</v>
      </c>
      <c r="K6972" s="9">
        <v>6.45</v>
      </c>
      <c r="L6972" s="6" t="s">
        <v>51</v>
      </c>
    </row>
    <row r="6973" spans="1:12">
      <c r="A6973" s="6" t="s">
        <v>49</v>
      </c>
      <c r="B6973" s="6"/>
      <c r="C6973" s="6" t="s">
        <v>6997</v>
      </c>
      <c r="D6973" s="6"/>
      <c r="E6973" s="6" t="s">
        <v>9</v>
      </c>
      <c r="F6973" s="7">
        <v>40249</v>
      </c>
      <c r="G6973" s="8">
        <v>1</v>
      </c>
      <c r="H6973" s="8">
        <v>1</v>
      </c>
      <c r="I6973" s="8">
        <v>0</v>
      </c>
      <c r="J6973" s="8">
        <v>1</v>
      </c>
      <c r="K6973" s="9">
        <v>51</v>
      </c>
      <c r="L6973" s="6" t="s">
        <v>51</v>
      </c>
    </row>
    <row r="6974" spans="1:12">
      <c r="A6974" s="6" t="s">
        <v>49</v>
      </c>
      <c r="B6974" s="6"/>
      <c r="C6974" s="6" t="s">
        <v>6998</v>
      </c>
      <c r="D6974" s="6"/>
      <c r="E6974" s="6" t="s">
        <v>9</v>
      </c>
      <c r="F6974" s="7">
        <v>40249</v>
      </c>
      <c r="G6974" s="8">
        <v>1</v>
      </c>
      <c r="H6974" s="8">
        <v>1</v>
      </c>
      <c r="I6974" s="8">
        <v>0</v>
      </c>
      <c r="J6974" s="8">
        <v>1</v>
      </c>
      <c r="K6974" s="9">
        <v>50</v>
      </c>
      <c r="L6974" s="6" t="s">
        <v>51</v>
      </c>
    </row>
    <row r="6975" spans="1:12">
      <c r="A6975" s="6" t="s">
        <v>49</v>
      </c>
      <c r="B6975" s="6"/>
      <c r="C6975" s="6" t="s">
        <v>6999</v>
      </c>
      <c r="D6975" s="6"/>
      <c r="E6975" s="6" t="s">
        <v>9</v>
      </c>
      <c r="F6975" s="7">
        <v>40249</v>
      </c>
      <c r="G6975" s="8">
        <v>1</v>
      </c>
      <c r="H6975" s="8">
        <v>1</v>
      </c>
      <c r="I6975" s="8">
        <v>0</v>
      </c>
      <c r="J6975" s="8">
        <v>1</v>
      </c>
      <c r="K6975" s="9">
        <v>2.91</v>
      </c>
      <c r="L6975" s="6" t="s">
        <v>51</v>
      </c>
    </row>
    <row r="6976" spans="1:12">
      <c r="A6976" s="6" t="s">
        <v>49</v>
      </c>
      <c r="B6976" s="6"/>
      <c r="C6976" s="6" t="s">
        <v>7000</v>
      </c>
      <c r="D6976" s="6"/>
      <c r="E6976" s="6" t="s">
        <v>9</v>
      </c>
      <c r="F6976" s="7">
        <v>38657</v>
      </c>
      <c r="G6976" s="8">
        <v>1</v>
      </c>
      <c r="H6976" s="8">
        <v>1</v>
      </c>
      <c r="I6976" s="8">
        <v>0</v>
      </c>
      <c r="J6976" s="8">
        <v>1</v>
      </c>
      <c r="K6976" s="9">
        <v>72</v>
      </c>
      <c r="L6976" s="6" t="s">
        <v>51</v>
      </c>
    </row>
    <row r="6977" spans="1:12">
      <c r="A6977" s="6" t="s">
        <v>49</v>
      </c>
      <c r="B6977" s="6"/>
      <c r="C6977" s="6" t="s">
        <v>7001</v>
      </c>
      <c r="D6977" s="6"/>
      <c r="E6977" s="6" t="s">
        <v>9</v>
      </c>
      <c r="F6977" s="7">
        <v>40249</v>
      </c>
      <c r="G6977" s="8">
        <v>1</v>
      </c>
      <c r="H6977" s="8">
        <v>1</v>
      </c>
      <c r="I6977" s="8">
        <v>0</v>
      </c>
      <c r="J6977" s="8">
        <v>1</v>
      </c>
      <c r="K6977" s="9">
        <v>36</v>
      </c>
      <c r="L6977" s="6" t="s">
        <v>51</v>
      </c>
    </row>
    <row r="6978" spans="1:12">
      <c r="A6978" s="6" t="s">
        <v>49</v>
      </c>
      <c r="B6978" s="6"/>
      <c r="C6978" s="6" t="s">
        <v>7002</v>
      </c>
      <c r="D6978" s="6"/>
      <c r="E6978" s="6" t="s">
        <v>9</v>
      </c>
      <c r="F6978" s="7">
        <v>40249</v>
      </c>
      <c r="G6978" s="8">
        <v>1</v>
      </c>
      <c r="H6978" s="8">
        <v>1</v>
      </c>
      <c r="I6978" s="8">
        <v>0</v>
      </c>
      <c r="J6978" s="8">
        <v>1</v>
      </c>
      <c r="K6978" s="9">
        <v>15</v>
      </c>
      <c r="L6978" s="6" t="s">
        <v>51</v>
      </c>
    </row>
    <row r="6979" spans="1:12">
      <c r="A6979" s="6" t="s">
        <v>49</v>
      </c>
      <c r="B6979" s="6"/>
      <c r="C6979" s="6" t="s">
        <v>7003</v>
      </c>
      <c r="D6979" s="6"/>
      <c r="E6979" s="6" t="s">
        <v>9</v>
      </c>
      <c r="F6979" s="7">
        <v>40249</v>
      </c>
      <c r="G6979" s="8">
        <v>1</v>
      </c>
      <c r="H6979" s="8">
        <v>1</v>
      </c>
      <c r="I6979" s="8">
        <v>0</v>
      </c>
      <c r="J6979" s="8">
        <v>1</v>
      </c>
      <c r="K6979" s="9">
        <v>25</v>
      </c>
      <c r="L6979" s="6" t="s">
        <v>51</v>
      </c>
    </row>
    <row r="6980" spans="1:12">
      <c r="A6980" s="6" t="s">
        <v>49</v>
      </c>
      <c r="B6980" s="6"/>
      <c r="C6980" s="6" t="s">
        <v>7004</v>
      </c>
      <c r="D6980" s="6"/>
      <c r="E6980" s="6" t="s">
        <v>9</v>
      </c>
      <c r="F6980" s="7">
        <v>40249</v>
      </c>
      <c r="G6980" s="8">
        <v>1</v>
      </c>
      <c r="H6980" s="8">
        <v>1</v>
      </c>
      <c r="I6980" s="8">
        <v>0</v>
      </c>
      <c r="J6980" s="8">
        <v>1</v>
      </c>
      <c r="K6980" s="9">
        <v>23</v>
      </c>
      <c r="L6980" s="6" t="s">
        <v>51</v>
      </c>
    </row>
    <row r="6981" spans="1:12">
      <c r="A6981" s="6" t="s">
        <v>49</v>
      </c>
      <c r="B6981" s="6"/>
      <c r="C6981" s="6" t="s">
        <v>7005</v>
      </c>
      <c r="D6981" s="6"/>
      <c r="E6981" s="6" t="s">
        <v>9</v>
      </c>
      <c r="F6981" s="7">
        <v>38657</v>
      </c>
      <c r="G6981" s="8">
        <v>1</v>
      </c>
      <c r="H6981" s="8">
        <v>1</v>
      </c>
      <c r="I6981" s="8">
        <v>0</v>
      </c>
      <c r="J6981" s="8">
        <v>1</v>
      </c>
      <c r="K6981" s="9">
        <v>3.3</v>
      </c>
      <c r="L6981" s="6" t="s">
        <v>51</v>
      </c>
    </row>
    <row r="6982" spans="1:12">
      <c r="A6982" s="6" t="s">
        <v>49</v>
      </c>
      <c r="B6982" s="6"/>
      <c r="C6982" s="6" t="s">
        <v>7006</v>
      </c>
      <c r="D6982" s="6"/>
      <c r="E6982" s="6" t="s">
        <v>9</v>
      </c>
      <c r="F6982" s="7">
        <v>38657</v>
      </c>
      <c r="G6982" s="8">
        <v>1</v>
      </c>
      <c r="H6982" s="8">
        <v>1</v>
      </c>
      <c r="I6982" s="8">
        <v>0</v>
      </c>
      <c r="J6982" s="8">
        <v>1</v>
      </c>
      <c r="K6982" s="9">
        <v>13</v>
      </c>
      <c r="L6982" s="6" t="s">
        <v>51</v>
      </c>
    </row>
    <row r="6983" spans="1:12">
      <c r="A6983" s="6" t="s">
        <v>49</v>
      </c>
      <c r="B6983" s="6"/>
      <c r="C6983" s="6" t="s">
        <v>7007</v>
      </c>
      <c r="D6983" s="6"/>
      <c r="E6983" s="6" t="s">
        <v>9</v>
      </c>
      <c r="F6983" s="7">
        <v>40896</v>
      </c>
      <c r="G6983" s="8">
        <v>1</v>
      </c>
      <c r="H6983" s="8">
        <v>1</v>
      </c>
      <c r="I6983" s="8">
        <v>0</v>
      </c>
      <c r="J6983" s="8">
        <v>1</v>
      </c>
      <c r="K6983" s="9">
        <v>46</v>
      </c>
      <c r="L6983" s="6" t="s">
        <v>51</v>
      </c>
    </row>
    <row r="6984" spans="1:12">
      <c r="A6984" s="6" t="s">
        <v>49</v>
      </c>
      <c r="B6984" s="6"/>
      <c r="C6984" s="6" t="s">
        <v>7008</v>
      </c>
      <c r="D6984" s="6"/>
      <c r="E6984" s="6" t="s">
        <v>9</v>
      </c>
      <c r="F6984" s="7">
        <v>40893</v>
      </c>
      <c r="G6984" s="8">
        <v>1</v>
      </c>
      <c r="H6984" s="8">
        <v>1</v>
      </c>
      <c r="I6984" s="8">
        <v>0</v>
      </c>
      <c r="J6984" s="8">
        <v>1</v>
      </c>
      <c r="K6984" s="9">
        <v>143</v>
      </c>
      <c r="L6984" s="6" t="s">
        <v>51</v>
      </c>
    </row>
    <row r="6985" spans="1:12">
      <c r="A6985" s="6" t="s">
        <v>49</v>
      </c>
      <c r="B6985" s="6"/>
      <c r="C6985" s="6" t="s">
        <v>7009</v>
      </c>
      <c r="D6985" s="6"/>
      <c r="E6985" s="6" t="s">
        <v>9</v>
      </c>
      <c r="F6985" s="7">
        <v>40896</v>
      </c>
      <c r="G6985" s="8">
        <v>1</v>
      </c>
      <c r="H6985" s="8">
        <v>1</v>
      </c>
      <c r="I6985" s="8">
        <v>0</v>
      </c>
      <c r="J6985" s="8">
        <v>1</v>
      </c>
      <c r="K6985" s="9">
        <v>143</v>
      </c>
      <c r="L6985" s="6" t="s">
        <v>51</v>
      </c>
    </row>
    <row r="6986" spans="1:12">
      <c r="A6986" s="6" t="s">
        <v>49</v>
      </c>
      <c r="B6986" s="6"/>
      <c r="C6986" s="6" t="s">
        <v>7010</v>
      </c>
      <c r="D6986" s="6"/>
      <c r="E6986" s="6" t="s">
        <v>9</v>
      </c>
      <c r="F6986" s="7">
        <v>40896</v>
      </c>
      <c r="G6986" s="8">
        <v>1</v>
      </c>
      <c r="H6986" s="8">
        <v>1</v>
      </c>
      <c r="I6986" s="8">
        <v>0</v>
      </c>
      <c r="J6986" s="8">
        <v>1</v>
      </c>
      <c r="K6986" s="9">
        <v>143</v>
      </c>
      <c r="L6986" s="6" t="s">
        <v>51</v>
      </c>
    </row>
    <row r="6987" spans="1:12">
      <c r="A6987" s="6" t="s">
        <v>49</v>
      </c>
      <c r="B6987" s="6"/>
      <c r="C6987" s="6" t="s">
        <v>7011</v>
      </c>
      <c r="D6987" s="6"/>
      <c r="E6987" s="6" t="s">
        <v>9</v>
      </c>
      <c r="F6987" s="7">
        <v>38657</v>
      </c>
      <c r="G6987" s="8">
        <v>1</v>
      </c>
      <c r="H6987" s="8">
        <v>1</v>
      </c>
      <c r="I6987" s="8">
        <v>0</v>
      </c>
      <c r="J6987" s="8">
        <v>1</v>
      </c>
      <c r="K6987" s="9">
        <v>33</v>
      </c>
      <c r="L6987" s="6" t="s">
        <v>51</v>
      </c>
    </row>
    <row r="6988" spans="1:12">
      <c r="A6988" s="6" t="s">
        <v>49</v>
      </c>
      <c r="B6988" s="6"/>
      <c r="C6988" s="6" t="s">
        <v>7012</v>
      </c>
      <c r="D6988" s="6"/>
      <c r="E6988" s="6" t="s">
        <v>9</v>
      </c>
      <c r="F6988" s="7">
        <v>40896</v>
      </c>
      <c r="G6988" s="8">
        <v>1</v>
      </c>
      <c r="H6988" s="8">
        <v>1</v>
      </c>
      <c r="I6988" s="8">
        <v>0</v>
      </c>
      <c r="J6988" s="8">
        <v>1</v>
      </c>
      <c r="K6988" s="9">
        <v>143</v>
      </c>
      <c r="L6988" s="6" t="s">
        <v>51</v>
      </c>
    </row>
    <row r="6989" spans="1:12">
      <c r="A6989" s="6" t="s">
        <v>49</v>
      </c>
      <c r="B6989" s="6"/>
      <c r="C6989" s="6" t="s">
        <v>7013</v>
      </c>
      <c r="D6989" s="6"/>
      <c r="E6989" s="6" t="s">
        <v>9</v>
      </c>
      <c r="F6989" s="7">
        <v>41415</v>
      </c>
      <c r="G6989" s="8">
        <v>1</v>
      </c>
      <c r="H6989" s="8">
        <v>1</v>
      </c>
      <c r="I6989" s="8">
        <v>0</v>
      </c>
      <c r="J6989" s="8">
        <v>1</v>
      </c>
      <c r="K6989" s="9">
        <v>143</v>
      </c>
      <c r="L6989" s="6" t="s">
        <v>51</v>
      </c>
    </row>
    <row r="6990" spans="1:12">
      <c r="A6990" s="6" t="s">
        <v>49</v>
      </c>
      <c r="B6990" s="6"/>
      <c r="C6990" s="6" t="s">
        <v>7014</v>
      </c>
      <c r="D6990" s="6"/>
      <c r="E6990" s="6" t="s">
        <v>9</v>
      </c>
      <c r="F6990" s="7">
        <v>40896</v>
      </c>
      <c r="G6990" s="8">
        <v>1</v>
      </c>
      <c r="H6990" s="8">
        <v>1</v>
      </c>
      <c r="I6990" s="8">
        <v>0</v>
      </c>
      <c r="J6990" s="8">
        <v>1</v>
      </c>
      <c r="K6990" s="9">
        <v>71</v>
      </c>
      <c r="L6990" s="6" t="s">
        <v>51</v>
      </c>
    </row>
    <row r="6991" spans="1:12">
      <c r="A6991" s="6" t="s">
        <v>49</v>
      </c>
      <c r="B6991" s="6"/>
      <c r="C6991" s="6" t="s">
        <v>7015</v>
      </c>
      <c r="D6991" s="6"/>
      <c r="E6991" s="6" t="s">
        <v>9</v>
      </c>
      <c r="F6991" s="7">
        <v>40896</v>
      </c>
      <c r="G6991" s="8">
        <v>1</v>
      </c>
      <c r="H6991" s="8">
        <v>1</v>
      </c>
      <c r="I6991" s="8">
        <v>0</v>
      </c>
      <c r="J6991" s="8">
        <v>1</v>
      </c>
      <c r="K6991" s="9">
        <v>71</v>
      </c>
      <c r="L6991" s="6" t="s">
        <v>51</v>
      </c>
    </row>
    <row r="6992" spans="1:12">
      <c r="A6992" s="6" t="s">
        <v>49</v>
      </c>
      <c r="B6992" s="6"/>
      <c r="C6992" s="6" t="s">
        <v>7016</v>
      </c>
      <c r="D6992" s="6"/>
      <c r="E6992" s="6" t="s">
        <v>9</v>
      </c>
      <c r="F6992" s="7">
        <v>40896</v>
      </c>
      <c r="G6992" s="8">
        <v>1</v>
      </c>
      <c r="H6992" s="8">
        <v>1</v>
      </c>
      <c r="I6992" s="8">
        <v>0</v>
      </c>
      <c r="J6992" s="8">
        <v>1</v>
      </c>
      <c r="K6992" s="9">
        <v>71</v>
      </c>
      <c r="L6992" s="6" t="s">
        <v>51</v>
      </c>
    </row>
    <row r="6993" spans="1:12">
      <c r="A6993" s="6" t="s">
        <v>49</v>
      </c>
      <c r="B6993" s="6"/>
      <c r="C6993" s="6" t="s">
        <v>7017</v>
      </c>
      <c r="D6993" s="6"/>
      <c r="E6993" s="6" t="s">
        <v>9</v>
      </c>
      <c r="F6993" s="7">
        <v>40896</v>
      </c>
      <c r="G6993" s="8">
        <v>1</v>
      </c>
      <c r="H6993" s="8">
        <v>1</v>
      </c>
      <c r="I6993" s="8">
        <v>0</v>
      </c>
      <c r="J6993" s="8">
        <v>1</v>
      </c>
      <c r="K6993" s="9">
        <v>71</v>
      </c>
      <c r="L6993" s="6" t="s">
        <v>51</v>
      </c>
    </row>
    <row r="6994" spans="1:12">
      <c r="A6994" s="6" t="s">
        <v>49</v>
      </c>
      <c r="B6994" s="6"/>
      <c r="C6994" s="6" t="s">
        <v>7018</v>
      </c>
      <c r="D6994" s="6"/>
      <c r="E6994" s="6" t="s">
        <v>9</v>
      </c>
      <c r="F6994" s="7">
        <v>40896</v>
      </c>
      <c r="G6994" s="8">
        <v>1</v>
      </c>
      <c r="H6994" s="8">
        <v>1</v>
      </c>
      <c r="I6994" s="8">
        <v>0</v>
      </c>
      <c r="J6994" s="8">
        <v>1</v>
      </c>
      <c r="K6994" s="9">
        <v>143</v>
      </c>
      <c r="L6994" s="6" t="s">
        <v>51</v>
      </c>
    </row>
    <row r="6995" spans="1:12">
      <c r="A6995" s="6" t="s">
        <v>49</v>
      </c>
      <c r="B6995" s="6"/>
      <c r="C6995" s="6" t="s">
        <v>7019</v>
      </c>
      <c r="D6995" s="6"/>
      <c r="E6995" s="6" t="s">
        <v>9</v>
      </c>
      <c r="F6995" s="7">
        <v>38657</v>
      </c>
      <c r="G6995" s="8">
        <v>1</v>
      </c>
      <c r="H6995" s="8">
        <v>1</v>
      </c>
      <c r="I6995" s="8">
        <v>0</v>
      </c>
      <c r="J6995" s="8">
        <v>1</v>
      </c>
      <c r="K6995" s="9">
        <v>404</v>
      </c>
      <c r="L6995" s="6" t="s">
        <v>51</v>
      </c>
    </row>
    <row r="6996" spans="1:12">
      <c r="A6996" s="6" t="s">
        <v>49</v>
      </c>
      <c r="B6996" s="6"/>
      <c r="C6996" s="6" t="s">
        <v>7020</v>
      </c>
      <c r="D6996" s="6"/>
      <c r="E6996" s="6" t="s">
        <v>9</v>
      </c>
      <c r="F6996" s="7">
        <v>41415</v>
      </c>
      <c r="G6996" s="8">
        <v>1</v>
      </c>
      <c r="H6996" s="8">
        <v>1</v>
      </c>
      <c r="I6996" s="8">
        <v>0</v>
      </c>
      <c r="J6996" s="8">
        <v>1</v>
      </c>
      <c r="K6996" s="9">
        <v>155</v>
      </c>
      <c r="L6996" s="6" t="s">
        <v>51</v>
      </c>
    </row>
    <row r="6997" spans="1:12">
      <c r="A6997" s="6" t="s">
        <v>49</v>
      </c>
      <c r="B6997" s="6"/>
      <c r="C6997" s="6" t="s">
        <v>7021</v>
      </c>
      <c r="D6997" s="6"/>
      <c r="E6997" s="6" t="s">
        <v>9</v>
      </c>
      <c r="F6997" s="7">
        <v>38657</v>
      </c>
      <c r="G6997" s="8">
        <v>1</v>
      </c>
      <c r="H6997" s="8">
        <v>1</v>
      </c>
      <c r="I6997" s="8">
        <v>0</v>
      </c>
      <c r="J6997" s="8">
        <v>1</v>
      </c>
      <c r="K6997" s="9">
        <v>241</v>
      </c>
      <c r="L6997" s="6" t="s">
        <v>51</v>
      </c>
    </row>
    <row r="6998" spans="1:12">
      <c r="A6998" s="6" t="s">
        <v>49</v>
      </c>
      <c r="B6998" s="6"/>
      <c r="C6998" s="6" t="s">
        <v>7022</v>
      </c>
      <c r="D6998" s="6"/>
      <c r="E6998" s="6" t="s">
        <v>9</v>
      </c>
      <c r="F6998" s="7">
        <v>38657</v>
      </c>
      <c r="G6998" s="8">
        <v>1</v>
      </c>
      <c r="H6998" s="8">
        <v>1</v>
      </c>
      <c r="I6998" s="8">
        <v>0</v>
      </c>
      <c r="J6998" s="8">
        <v>1</v>
      </c>
      <c r="K6998" s="9">
        <v>72</v>
      </c>
      <c r="L6998" s="6" t="s">
        <v>51</v>
      </c>
    </row>
    <row r="6999" spans="1:12">
      <c r="A6999" s="6" t="s">
        <v>49</v>
      </c>
      <c r="B6999" s="6"/>
      <c r="C6999" s="6" t="s">
        <v>7023</v>
      </c>
      <c r="D6999" s="6"/>
      <c r="E6999" s="6" t="s">
        <v>9</v>
      </c>
      <c r="F6999" s="7">
        <v>38657</v>
      </c>
      <c r="G6999" s="8">
        <v>1</v>
      </c>
      <c r="H6999" s="8">
        <v>1</v>
      </c>
      <c r="I6999" s="8">
        <v>0</v>
      </c>
      <c r="J6999" s="8">
        <v>1</v>
      </c>
      <c r="K6999" s="9">
        <v>360</v>
      </c>
      <c r="L6999" s="6" t="s">
        <v>51</v>
      </c>
    </row>
    <row r="7000" spans="1:12">
      <c r="A7000" s="6" t="s">
        <v>49</v>
      </c>
      <c r="B7000" s="6"/>
      <c r="C7000" s="6" t="s">
        <v>7024</v>
      </c>
      <c r="D7000" s="6"/>
      <c r="E7000" s="6" t="s">
        <v>9</v>
      </c>
      <c r="F7000" s="7">
        <v>38657</v>
      </c>
      <c r="G7000" s="8">
        <v>1</v>
      </c>
      <c r="H7000" s="8">
        <v>1</v>
      </c>
      <c r="I7000" s="8">
        <v>0</v>
      </c>
      <c r="J7000" s="8">
        <v>1</v>
      </c>
      <c r="K7000" s="9">
        <v>142</v>
      </c>
      <c r="L7000" s="6" t="s">
        <v>51</v>
      </c>
    </row>
    <row r="7001" spans="1:12">
      <c r="A7001" s="6" t="s">
        <v>49</v>
      </c>
      <c r="B7001" s="6"/>
      <c r="C7001" s="6" t="s">
        <v>7025</v>
      </c>
      <c r="D7001" s="6"/>
      <c r="E7001" s="6" t="s">
        <v>9</v>
      </c>
      <c r="F7001" s="7">
        <v>38657</v>
      </c>
      <c r="G7001" s="8">
        <v>1</v>
      </c>
      <c r="H7001" s="8">
        <v>1</v>
      </c>
      <c r="I7001" s="8">
        <v>0</v>
      </c>
      <c r="J7001" s="8">
        <v>1</v>
      </c>
      <c r="K7001" s="9">
        <v>142</v>
      </c>
      <c r="L7001" s="6" t="s">
        <v>51</v>
      </c>
    </row>
    <row r="7002" spans="1:12">
      <c r="A7002" s="6" t="s">
        <v>49</v>
      </c>
      <c r="B7002" s="6"/>
      <c r="C7002" s="6" t="s">
        <v>7026</v>
      </c>
      <c r="D7002" s="6"/>
      <c r="E7002" s="6" t="s">
        <v>9</v>
      </c>
      <c r="F7002" s="7">
        <v>38657</v>
      </c>
      <c r="G7002" s="8">
        <v>1</v>
      </c>
      <c r="H7002" s="8">
        <v>1</v>
      </c>
      <c r="I7002" s="8">
        <v>0</v>
      </c>
      <c r="J7002" s="8">
        <v>1</v>
      </c>
      <c r="K7002" s="9">
        <v>71</v>
      </c>
      <c r="L7002" s="6" t="s">
        <v>51</v>
      </c>
    </row>
    <row r="7003" spans="1:12">
      <c r="A7003" s="6" t="s">
        <v>49</v>
      </c>
      <c r="B7003" s="6"/>
      <c r="C7003" s="6" t="s">
        <v>7027</v>
      </c>
      <c r="D7003" s="6"/>
      <c r="E7003" s="6" t="s">
        <v>9</v>
      </c>
      <c r="F7003" s="7">
        <v>38657</v>
      </c>
      <c r="G7003" s="8">
        <v>1</v>
      </c>
      <c r="H7003" s="8">
        <v>1</v>
      </c>
      <c r="I7003" s="8">
        <v>0</v>
      </c>
      <c r="J7003" s="8">
        <v>1</v>
      </c>
      <c r="K7003" s="9">
        <v>71</v>
      </c>
      <c r="L7003" s="6" t="s">
        <v>51</v>
      </c>
    </row>
    <row r="7004" spans="1:12">
      <c r="A7004" s="6" t="s">
        <v>49</v>
      </c>
      <c r="B7004" s="6"/>
      <c r="C7004" s="6" t="s">
        <v>7028</v>
      </c>
      <c r="D7004" s="6"/>
      <c r="E7004" s="6" t="s">
        <v>9</v>
      </c>
      <c r="F7004" s="7">
        <v>38657</v>
      </c>
      <c r="G7004" s="8">
        <v>1</v>
      </c>
      <c r="H7004" s="8">
        <v>1</v>
      </c>
      <c r="I7004" s="8">
        <v>0</v>
      </c>
      <c r="J7004" s="8">
        <v>1</v>
      </c>
      <c r="K7004" s="9">
        <v>142</v>
      </c>
      <c r="L7004" s="6" t="s">
        <v>51</v>
      </c>
    </row>
    <row r="7005" spans="1:12">
      <c r="A7005" s="6" t="s">
        <v>49</v>
      </c>
      <c r="B7005" s="6"/>
      <c r="C7005" s="6" t="s">
        <v>7029</v>
      </c>
      <c r="D7005" s="6"/>
      <c r="E7005" s="6" t="s">
        <v>9</v>
      </c>
      <c r="F7005" s="7">
        <v>38657</v>
      </c>
      <c r="G7005" s="8">
        <v>1</v>
      </c>
      <c r="H7005" s="8">
        <v>1</v>
      </c>
      <c r="I7005" s="8">
        <v>0</v>
      </c>
      <c r="J7005" s="8">
        <v>1</v>
      </c>
      <c r="K7005" s="9">
        <v>143</v>
      </c>
      <c r="L7005" s="6" t="s">
        <v>51</v>
      </c>
    </row>
    <row r="7006" spans="1:12">
      <c r="A7006" s="6" t="s">
        <v>49</v>
      </c>
      <c r="B7006" s="6"/>
      <c r="C7006" s="6" t="s">
        <v>7030</v>
      </c>
      <c r="D7006" s="6"/>
      <c r="E7006" s="6" t="s">
        <v>9</v>
      </c>
      <c r="F7006" s="7">
        <v>38657</v>
      </c>
      <c r="G7006" s="8">
        <v>1</v>
      </c>
      <c r="H7006" s="8">
        <v>1</v>
      </c>
      <c r="I7006" s="8">
        <v>0</v>
      </c>
      <c r="J7006" s="8">
        <v>1</v>
      </c>
      <c r="K7006" s="9">
        <v>129</v>
      </c>
      <c r="L7006" s="6" t="s">
        <v>51</v>
      </c>
    </row>
    <row r="7007" spans="1:12">
      <c r="A7007" s="6" t="s">
        <v>49</v>
      </c>
      <c r="B7007" s="6"/>
      <c r="C7007" s="6" t="s">
        <v>7031</v>
      </c>
      <c r="D7007" s="6"/>
      <c r="E7007" s="6" t="s">
        <v>9</v>
      </c>
      <c r="F7007" s="7">
        <v>38657</v>
      </c>
      <c r="G7007" s="8">
        <v>1</v>
      </c>
      <c r="H7007" s="8">
        <v>1</v>
      </c>
      <c r="I7007" s="8">
        <v>0</v>
      </c>
      <c r="J7007" s="8">
        <v>1</v>
      </c>
      <c r="K7007" s="9">
        <v>208</v>
      </c>
      <c r="L7007" s="6" t="s">
        <v>51</v>
      </c>
    </row>
    <row r="7008" spans="1:12">
      <c r="A7008" s="6" t="s">
        <v>49</v>
      </c>
      <c r="B7008" s="6"/>
      <c r="C7008" s="6" t="s">
        <v>7032</v>
      </c>
      <c r="D7008" s="6"/>
      <c r="E7008" s="6" t="s">
        <v>9</v>
      </c>
      <c r="F7008" s="7">
        <v>38657</v>
      </c>
      <c r="G7008" s="8">
        <v>1</v>
      </c>
      <c r="H7008" s="8">
        <v>1</v>
      </c>
      <c r="I7008" s="8">
        <v>0</v>
      </c>
      <c r="J7008" s="8">
        <v>1</v>
      </c>
      <c r="K7008" s="9">
        <v>198</v>
      </c>
      <c r="L7008" s="6" t="s">
        <v>51</v>
      </c>
    </row>
    <row r="7009" spans="1:12">
      <c r="A7009" s="6" t="s">
        <v>49</v>
      </c>
      <c r="B7009" s="6"/>
      <c r="C7009" s="6" t="s">
        <v>7033</v>
      </c>
      <c r="D7009" s="6"/>
      <c r="E7009" s="6" t="s">
        <v>9</v>
      </c>
      <c r="F7009" s="7">
        <v>38657</v>
      </c>
      <c r="G7009" s="8">
        <v>1</v>
      </c>
      <c r="H7009" s="8">
        <v>1</v>
      </c>
      <c r="I7009" s="8">
        <v>0</v>
      </c>
      <c r="J7009" s="8">
        <v>1</v>
      </c>
      <c r="K7009" s="9">
        <v>369</v>
      </c>
      <c r="L7009" s="6" t="s">
        <v>51</v>
      </c>
    </row>
    <row r="7010" spans="1:12">
      <c r="A7010" s="6" t="s">
        <v>49</v>
      </c>
      <c r="B7010" s="6"/>
      <c r="C7010" s="6" t="s">
        <v>7034</v>
      </c>
      <c r="D7010" s="6"/>
      <c r="E7010" s="6" t="s">
        <v>9</v>
      </c>
      <c r="F7010" s="7">
        <v>38657</v>
      </c>
      <c r="G7010" s="8">
        <v>1</v>
      </c>
      <c r="H7010" s="8">
        <v>1</v>
      </c>
      <c r="I7010" s="8">
        <v>0</v>
      </c>
      <c r="J7010" s="8">
        <v>1</v>
      </c>
      <c r="K7010" s="9">
        <v>180</v>
      </c>
      <c r="L7010" s="6" t="s">
        <v>51</v>
      </c>
    </row>
    <row r="7011" spans="1:12">
      <c r="A7011" s="6" t="s">
        <v>49</v>
      </c>
      <c r="B7011" s="6"/>
      <c r="C7011" s="6" t="s">
        <v>7035</v>
      </c>
      <c r="D7011" s="6"/>
      <c r="E7011" s="6" t="s">
        <v>9</v>
      </c>
      <c r="F7011" s="7">
        <v>38657</v>
      </c>
      <c r="G7011" s="8">
        <v>1</v>
      </c>
      <c r="H7011" s="8">
        <v>1</v>
      </c>
      <c r="I7011" s="8">
        <v>0</v>
      </c>
      <c r="J7011" s="8">
        <v>1</v>
      </c>
      <c r="K7011" s="9">
        <v>121</v>
      </c>
      <c r="L7011" s="6" t="s">
        <v>51</v>
      </c>
    </row>
    <row r="7012" spans="1:12">
      <c r="A7012" s="6" t="s">
        <v>49</v>
      </c>
      <c r="B7012" s="6"/>
      <c r="C7012" s="6" t="s">
        <v>7036</v>
      </c>
      <c r="D7012" s="6"/>
      <c r="E7012" s="6" t="s">
        <v>9</v>
      </c>
      <c r="F7012" s="7">
        <v>38657</v>
      </c>
      <c r="G7012" s="8">
        <v>1</v>
      </c>
      <c r="H7012" s="8">
        <v>1</v>
      </c>
      <c r="I7012" s="8">
        <v>0</v>
      </c>
      <c r="J7012" s="8">
        <v>1</v>
      </c>
      <c r="K7012" s="9">
        <v>85</v>
      </c>
      <c r="L7012" s="6" t="s">
        <v>51</v>
      </c>
    </row>
    <row r="7013" spans="1:12">
      <c r="A7013" s="6" t="s">
        <v>49</v>
      </c>
      <c r="B7013" s="6"/>
      <c r="C7013" s="6" t="s">
        <v>7037</v>
      </c>
      <c r="D7013" s="6"/>
      <c r="E7013" s="6" t="s">
        <v>9</v>
      </c>
      <c r="F7013" s="7">
        <v>38657</v>
      </c>
      <c r="G7013" s="8">
        <v>1</v>
      </c>
      <c r="H7013" s="8">
        <v>1</v>
      </c>
      <c r="I7013" s="8">
        <v>0</v>
      </c>
      <c r="J7013" s="8">
        <v>1</v>
      </c>
      <c r="K7013" s="9">
        <v>23</v>
      </c>
      <c r="L7013" s="6" t="s">
        <v>51</v>
      </c>
    </row>
    <row r="7014" spans="1:12">
      <c r="A7014" s="6" t="s">
        <v>49</v>
      </c>
      <c r="B7014" s="6"/>
      <c r="C7014" s="6" t="s">
        <v>7038</v>
      </c>
      <c r="D7014" s="6"/>
      <c r="E7014" s="6" t="s">
        <v>9</v>
      </c>
      <c r="F7014" s="7">
        <v>38657</v>
      </c>
      <c r="G7014" s="8">
        <v>1</v>
      </c>
      <c r="H7014" s="8">
        <v>1</v>
      </c>
      <c r="I7014" s="8">
        <v>0</v>
      </c>
      <c r="J7014" s="8">
        <v>1</v>
      </c>
      <c r="K7014" s="9">
        <v>55</v>
      </c>
      <c r="L7014" s="6" t="s">
        <v>51</v>
      </c>
    </row>
    <row r="7015" spans="1:12">
      <c r="A7015" s="6" t="s">
        <v>49</v>
      </c>
      <c r="B7015" s="6"/>
      <c r="C7015" s="6" t="s">
        <v>7039</v>
      </c>
      <c r="D7015" s="6"/>
      <c r="E7015" s="6" t="s">
        <v>9</v>
      </c>
      <c r="F7015" s="7">
        <v>38657</v>
      </c>
      <c r="G7015" s="8">
        <v>1</v>
      </c>
      <c r="H7015" s="8">
        <v>1</v>
      </c>
      <c r="I7015" s="8">
        <v>0</v>
      </c>
      <c r="J7015" s="8">
        <v>1</v>
      </c>
      <c r="K7015" s="9">
        <v>37</v>
      </c>
      <c r="L7015" s="6" t="s">
        <v>51</v>
      </c>
    </row>
    <row r="7016" spans="1:12">
      <c r="A7016" s="6" t="s">
        <v>49</v>
      </c>
      <c r="B7016" s="6"/>
      <c r="C7016" s="6" t="s">
        <v>7040</v>
      </c>
      <c r="D7016" s="6"/>
      <c r="E7016" s="6" t="s">
        <v>9</v>
      </c>
      <c r="F7016" s="7">
        <v>38657</v>
      </c>
      <c r="G7016" s="8">
        <v>1</v>
      </c>
      <c r="H7016" s="8">
        <v>1</v>
      </c>
      <c r="I7016" s="8">
        <v>0</v>
      </c>
      <c r="J7016" s="8">
        <v>1</v>
      </c>
      <c r="K7016" s="9">
        <v>188</v>
      </c>
      <c r="L7016" s="6" t="s">
        <v>51</v>
      </c>
    </row>
    <row r="7017" spans="1:12">
      <c r="A7017" s="6" t="s">
        <v>49</v>
      </c>
      <c r="B7017" s="6"/>
      <c r="C7017" s="6" t="s">
        <v>7041</v>
      </c>
      <c r="D7017" s="6"/>
      <c r="E7017" s="6" t="s">
        <v>9</v>
      </c>
      <c r="F7017" s="7">
        <v>38657</v>
      </c>
      <c r="G7017" s="8">
        <v>1</v>
      </c>
      <c r="H7017" s="8">
        <v>1</v>
      </c>
      <c r="I7017" s="8">
        <v>0</v>
      </c>
      <c r="J7017" s="8">
        <v>1</v>
      </c>
      <c r="K7017" s="9">
        <v>94</v>
      </c>
      <c r="L7017" s="6" t="s">
        <v>51</v>
      </c>
    </row>
    <row r="7018" spans="1:12">
      <c r="A7018" s="6" t="s">
        <v>49</v>
      </c>
      <c r="B7018" s="6"/>
      <c r="C7018" s="6" t="s">
        <v>7042</v>
      </c>
      <c r="D7018" s="6"/>
      <c r="E7018" s="6" t="s">
        <v>9</v>
      </c>
      <c r="F7018" s="7">
        <v>38657</v>
      </c>
      <c r="G7018" s="8">
        <v>1</v>
      </c>
      <c r="H7018" s="8">
        <v>1</v>
      </c>
      <c r="I7018" s="8">
        <v>0</v>
      </c>
      <c r="J7018" s="8">
        <v>1</v>
      </c>
      <c r="K7018" s="9">
        <v>140</v>
      </c>
      <c r="L7018" s="6" t="s">
        <v>51</v>
      </c>
    </row>
    <row r="7019" spans="1:12">
      <c r="A7019" s="6" t="s">
        <v>49</v>
      </c>
      <c r="B7019" s="6"/>
      <c r="C7019" s="6" t="s">
        <v>7043</v>
      </c>
      <c r="D7019" s="6"/>
      <c r="E7019" s="6" t="s">
        <v>9</v>
      </c>
      <c r="F7019" s="7">
        <v>38657</v>
      </c>
      <c r="G7019" s="8">
        <v>1</v>
      </c>
      <c r="H7019" s="8">
        <v>1</v>
      </c>
      <c r="I7019" s="8">
        <v>0</v>
      </c>
      <c r="J7019" s="8">
        <v>1</v>
      </c>
      <c r="K7019" s="9">
        <v>139</v>
      </c>
      <c r="L7019" s="6" t="s">
        <v>51</v>
      </c>
    </row>
    <row r="7020" spans="1:12">
      <c r="A7020" s="6" t="s">
        <v>49</v>
      </c>
      <c r="B7020" s="6"/>
      <c r="C7020" s="6" t="s">
        <v>7044</v>
      </c>
      <c r="D7020" s="6"/>
      <c r="E7020" s="6" t="s">
        <v>9</v>
      </c>
      <c r="F7020" s="7">
        <v>38657</v>
      </c>
      <c r="G7020" s="8">
        <v>1</v>
      </c>
      <c r="H7020" s="8">
        <v>1</v>
      </c>
      <c r="I7020" s="8">
        <v>0</v>
      </c>
      <c r="J7020" s="8">
        <v>1</v>
      </c>
      <c r="K7020" s="9">
        <v>0.28000000000000003</v>
      </c>
      <c r="L7020" s="6" t="s">
        <v>51</v>
      </c>
    </row>
    <row r="7021" spans="1:12">
      <c r="A7021" s="6" t="s">
        <v>49</v>
      </c>
      <c r="B7021" s="6"/>
      <c r="C7021" s="6" t="s">
        <v>7045</v>
      </c>
      <c r="D7021" s="6"/>
      <c r="E7021" s="6" t="s">
        <v>9</v>
      </c>
      <c r="F7021" s="7">
        <v>38657</v>
      </c>
      <c r="G7021" s="8">
        <v>1</v>
      </c>
      <c r="H7021" s="8">
        <v>1</v>
      </c>
      <c r="I7021" s="8">
        <v>0</v>
      </c>
      <c r="J7021" s="8">
        <v>1</v>
      </c>
      <c r="K7021" s="9">
        <v>140</v>
      </c>
      <c r="L7021" s="6" t="s">
        <v>51</v>
      </c>
    </row>
    <row r="7022" spans="1:12">
      <c r="A7022" s="6" t="s">
        <v>49</v>
      </c>
      <c r="B7022" s="6"/>
      <c r="C7022" s="6" t="s">
        <v>7046</v>
      </c>
      <c r="D7022" s="6"/>
      <c r="E7022" s="6" t="s">
        <v>9</v>
      </c>
      <c r="F7022" s="7">
        <v>38657</v>
      </c>
      <c r="G7022" s="8">
        <v>1</v>
      </c>
      <c r="H7022" s="8">
        <v>1</v>
      </c>
      <c r="I7022" s="8">
        <v>0</v>
      </c>
      <c r="J7022" s="8">
        <v>1</v>
      </c>
      <c r="K7022" s="9">
        <v>116</v>
      </c>
      <c r="L7022" s="6" t="s">
        <v>51</v>
      </c>
    </row>
    <row r="7023" spans="1:12">
      <c r="A7023" s="6" t="s">
        <v>49</v>
      </c>
      <c r="B7023" s="6"/>
      <c r="C7023" s="6" t="s">
        <v>7047</v>
      </c>
      <c r="D7023" s="6"/>
      <c r="E7023" s="6" t="s">
        <v>9</v>
      </c>
      <c r="F7023" s="7">
        <v>38657</v>
      </c>
      <c r="G7023" s="8">
        <v>1</v>
      </c>
      <c r="H7023" s="8">
        <v>1</v>
      </c>
      <c r="I7023" s="8">
        <v>0</v>
      </c>
      <c r="J7023" s="8">
        <v>1</v>
      </c>
      <c r="K7023" s="9">
        <v>164</v>
      </c>
      <c r="L7023" s="6" t="s">
        <v>51</v>
      </c>
    </row>
    <row r="7024" spans="1:12">
      <c r="A7024" s="6" t="s">
        <v>49</v>
      </c>
      <c r="B7024" s="6"/>
      <c r="C7024" s="6" t="s">
        <v>7048</v>
      </c>
      <c r="D7024" s="6"/>
      <c r="E7024" s="6" t="s">
        <v>9</v>
      </c>
      <c r="F7024" s="7">
        <v>38657</v>
      </c>
      <c r="G7024" s="8">
        <v>1</v>
      </c>
      <c r="H7024" s="8">
        <v>1</v>
      </c>
      <c r="I7024" s="8">
        <v>0</v>
      </c>
      <c r="J7024" s="8">
        <v>1</v>
      </c>
      <c r="K7024" s="9">
        <v>57</v>
      </c>
      <c r="L7024" s="6" t="s">
        <v>51</v>
      </c>
    </row>
    <row r="7025" spans="1:12">
      <c r="A7025" s="6" t="s">
        <v>49</v>
      </c>
      <c r="B7025" s="6"/>
      <c r="C7025" s="6" t="s">
        <v>7049</v>
      </c>
      <c r="D7025" s="6"/>
      <c r="E7025" s="6" t="s">
        <v>9</v>
      </c>
      <c r="F7025" s="7">
        <v>38657</v>
      </c>
      <c r="G7025" s="8">
        <v>1</v>
      </c>
      <c r="H7025" s="8">
        <v>1</v>
      </c>
      <c r="I7025" s="8">
        <v>0</v>
      </c>
      <c r="J7025" s="8">
        <v>1</v>
      </c>
      <c r="K7025" s="9">
        <v>83</v>
      </c>
      <c r="L7025" s="6" t="s">
        <v>51</v>
      </c>
    </row>
    <row r="7026" spans="1:12">
      <c r="A7026" s="6" t="s">
        <v>49</v>
      </c>
      <c r="B7026" s="6"/>
      <c r="C7026" s="6" t="s">
        <v>7050</v>
      </c>
      <c r="D7026" s="6"/>
      <c r="E7026" s="6" t="s">
        <v>9</v>
      </c>
      <c r="F7026" s="7">
        <v>38657</v>
      </c>
      <c r="G7026" s="8">
        <v>1</v>
      </c>
      <c r="H7026" s="8">
        <v>1</v>
      </c>
      <c r="I7026" s="8">
        <v>0</v>
      </c>
      <c r="J7026" s="8">
        <v>1</v>
      </c>
      <c r="K7026" s="9">
        <v>142</v>
      </c>
      <c r="L7026" s="6" t="s">
        <v>51</v>
      </c>
    </row>
    <row r="7027" spans="1:12">
      <c r="A7027" s="6" t="s">
        <v>49</v>
      </c>
      <c r="B7027" s="6"/>
      <c r="C7027" s="6" t="s">
        <v>7051</v>
      </c>
      <c r="D7027" s="6"/>
      <c r="E7027" s="6" t="s">
        <v>9</v>
      </c>
      <c r="F7027" s="7">
        <v>38657</v>
      </c>
      <c r="G7027" s="8">
        <v>1</v>
      </c>
      <c r="H7027" s="8">
        <v>1</v>
      </c>
      <c r="I7027" s="8">
        <v>0</v>
      </c>
      <c r="J7027" s="8">
        <v>1</v>
      </c>
      <c r="K7027" s="9">
        <v>44</v>
      </c>
      <c r="L7027" s="6" t="s">
        <v>51</v>
      </c>
    </row>
    <row r="7028" spans="1:12">
      <c r="A7028" s="6" t="s">
        <v>49</v>
      </c>
      <c r="B7028" s="6"/>
      <c r="C7028" s="6" t="s">
        <v>7052</v>
      </c>
      <c r="D7028" s="6"/>
      <c r="E7028" s="6" t="s">
        <v>9</v>
      </c>
      <c r="F7028" s="7">
        <v>38657</v>
      </c>
      <c r="G7028" s="8">
        <v>1</v>
      </c>
      <c r="H7028" s="8">
        <v>1</v>
      </c>
      <c r="I7028" s="8">
        <v>0</v>
      </c>
      <c r="J7028" s="8">
        <v>1</v>
      </c>
      <c r="K7028" s="9">
        <v>101</v>
      </c>
      <c r="L7028" s="6" t="s">
        <v>51</v>
      </c>
    </row>
    <row r="7029" spans="1:12">
      <c r="A7029" s="6" t="s">
        <v>49</v>
      </c>
      <c r="B7029" s="6"/>
      <c r="C7029" s="6" t="s">
        <v>7053</v>
      </c>
      <c r="D7029" s="6"/>
      <c r="E7029" s="6" t="s">
        <v>9</v>
      </c>
      <c r="F7029" s="7">
        <v>38657</v>
      </c>
      <c r="G7029" s="8">
        <v>1</v>
      </c>
      <c r="H7029" s="8">
        <v>1</v>
      </c>
      <c r="I7029" s="8">
        <v>0</v>
      </c>
      <c r="J7029" s="8">
        <v>1</v>
      </c>
      <c r="K7029" s="9">
        <v>266</v>
      </c>
      <c r="L7029" s="6" t="s">
        <v>51</v>
      </c>
    </row>
    <row r="7030" spans="1:12">
      <c r="A7030" s="6" t="s">
        <v>49</v>
      </c>
      <c r="B7030" s="6"/>
      <c r="C7030" s="6" t="s">
        <v>7054</v>
      </c>
      <c r="D7030" s="6"/>
      <c r="E7030" s="6" t="s">
        <v>9</v>
      </c>
      <c r="F7030" s="7">
        <v>38657</v>
      </c>
      <c r="G7030" s="8">
        <v>1</v>
      </c>
      <c r="H7030" s="8">
        <v>1</v>
      </c>
      <c r="I7030" s="8">
        <v>0</v>
      </c>
      <c r="J7030" s="8">
        <v>1</v>
      </c>
      <c r="K7030" s="9">
        <v>62</v>
      </c>
      <c r="L7030" s="6" t="s">
        <v>51</v>
      </c>
    </row>
    <row r="7031" spans="1:12">
      <c r="A7031" s="6" t="s">
        <v>49</v>
      </c>
      <c r="B7031" s="6"/>
      <c r="C7031" s="6" t="s">
        <v>7055</v>
      </c>
      <c r="D7031" s="6"/>
      <c r="E7031" s="6" t="s">
        <v>9</v>
      </c>
      <c r="F7031" s="7">
        <v>38657</v>
      </c>
      <c r="G7031" s="8">
        <v>1</v>
      </c>
      <c r="H7031" s="8">
        <v>1</v>
      </c>
      <c r="I7031" s="8">
        <v>0</v>
      </c>
      <c r="J7031" s="8">
        <v>1</v>
      </c>
      <c r="K7031" s="9">
        <v>198.34</v>
      </c>
      <c r="L7031" s="6" t="s">
        <v>51</v>
      </c>
    </row>
    <row r="7032" spans="1:12">
      <c r="A7032" s="6" t="s">
        <v>49</v>
      </c>
      <c r="B7032" s="6"/>
      <c r="C7032" s="6" t="s">
        <v>7056</v>
      </c>
      <c r="D7032" s="6"/>
      <c r="E7032" s="6" t="s">
        <v>9</v>
      </c>
      <c r="F7032" s="7">
        <v>38657</v>
      </c>
      <c r="G7032" s="8">
        <v>1</v>
      </c>
      <c r="H7032" s="8">
        <v>1</v>
      </c>
      <c r="I7032" s="8">
        <v>0</v>
      </c>
      <c r="J7032" s="8">
        <v>1</v>
      </c>
      <c r="K7032" s="9">
        <v>142</v>
      </c>
      <c r="L7032" s="6" t="s">
        <v>51</v>
      </c>
    </row>
    <row r="7033" spans="1:12">
      <c r="A7033" s="6" t="s">
        <v>49</v>
      </c>
      <c r="B7033" s="6"/>
      <c r="C7033" s="6" t="s">
        <v>7057</v>
      </c>
      <c r="D7033" s="6"/>
      <c r="E7033" s="6" t="s">
        <v>9</v>
      </c>
      <c r="F7033" s="7">
        <v>38657</v>
      </c>
      <c r="G7033" s="8">
        <v>1</v>
      </c>
      <c r="H7033" s="8">
        <v>1</v>
      </c>
      <c r="I7033" s="8">
        <v>0</v>
      </c>
      <c r="J7033" s="8">
        <v>1</v>
      </c>
      <c r="K7033" s="9">
        <v>142</v>
      </c>
      <c r="L7033" s="6" t="s">
        <v>51</v>
      </c>
    </row>
    <row r="7034" spans="1:12">
      <c r="A7034" s="6" t="s">
        <v>49</v>
      </c>
      <c r="B7034" s="6"/>
      <c r="C7034" s="6" t="s">
        <v>7058</v>
      </c>
      <c r="D7034" s="6"/>
      <c r="E7034" s="6" t="s">
        <v>9</v>
      </c>
      <c r="F7034" s="7">
        <v>38657</v>
      </c>
      <c r="G7034" s="8">
        <v>1</v>
      </c>
      <c r="H7034" s="8">
        <v>1</v>
      </c>
      <c r="I7034" s="8">
        <v>0</v>
      </c>
      <c r="J7034" s="8">
        <v>1</v>
      </c>
      <c r="K7034" s="9">
        <v>142</v>
      </c>
      <c r="L7034" s="6" t="s">
        <v>51</v>
      </c>
    </row>
    <row r="7035" spans="1:12">
      <c r="A7035" s="6" t="s">
        <v>49</v>
      </c>
      <c r="B7035" s="6"/>
      <c r="C7035" s="6" t="s">
        <v>7059</v>
      </c>
      <c r="D7035" s="6"/>
      <c r="E7035" s="6" t="s">
        <v>9</v>
      </c>
      <c r="F7035" s="7">
        <v>38657</v>
      </c>
      <c r="G7035" s="8">
        <v>1</v>
      </c>
      <c r="H7035" s="8">
        <v>1</v>
      </c>
      <c r="I7035" s="8">
        <v>0</v>
      </c>
      <c r="J7035" s="8">
        <v>1</v>
      </c>
      <c r="K7035" s="9">
        <v>142</v>
      </c>
      <c r="L7035" s="6" t="s">
        <v>51</v>
      </c>
    </row>
    <row r="7036" spans="1:12">
      <c r="A7036" s="6" t="s">
        <v>49</v>
      </c>
      <c r="B7036" s="6"/>
      <c r="C7036" s="6" t="s">
        <v>7060</v>
      </c>
      <c r="D7036" s="6"/>
      <c r="E7036" s="6" t="s">
        <v>9</v>
      </c>
      <c r="F7036" s="7">
        <v>38657</v>
      </c>
      <c r="G7036" s="8">
        <v>1</v>
      </c>
      <c r="H7036" s="8">
        <v>1</v>
      </c>
      <c r="I7036" s="8">
        <v>0</v>
      </c>
      <c r="J7036" s="8">
        <v>1</v>
      </c>
      <c r="K7036" s="9">
        <v>90</v>
      </c>
      <c r="L7036" s="6" t="s">
        <v>51</v>
      </c>
    </row>
    <row r="7037" spans="1:12">
      <c r="A7037" s="6" t="s">
        <v>49</v>
      </c>
      <c r="B7037" s="6"/>
      <c r="C7037" s="6" t="s">
        <v>7061</v>
      </c>
      <c r="D7037" s="6"/>
      <c r="E7037" s="6" t="s">
        <v>9</v>
      </c>
      <c r="F7037" s="7">
        <v>38657</v>
      </c>
      <c r="G7037" s="8">
        <v>1</v>
      </c>
      <c r="H7037" s="8">
        <v>1</v>
      </c>
      <c r="I7037" s="8">
        <v>0</v>
      </c>
      <c r="J7037" s="8">
        <v>1</v>
      </c>
      <c r="K7037" s="9">
        <v>79</v>
      </c>
      <c r="L7037" s="6" t="s">
        <v>51</v>
      </c>
    </row>
    <row r="7038" spans="1:12">
      <c r="A7038" s="6" t="s">
        <v>49</v>
      </c>
      <c r="B7038" s="6"/>
      <c r="C7038" s="6" t="s">
        <v>7062</v>
      </c>
      <c r="D7038" s="6"/>
      <c r="E7038" s="6" t="s">
        <v>9</v>
      </c>
      <c r="F7038" s="7">
        <v>38657</v>
      </c>
      <c r="G7038" s="8">
        <v>1</v>
      </c>
      <c r="H7038" s="8">
        <v>1</v>
      </c>
      <c r="I7038" s="8">
        <v>0</v>
      </c>
      <c r="J7038" s="8">
        <v>1</v>
      </c>
      <c r="K7038" s="9">
        <v>211</v>
      </c>
      <c r="L7038" s="6" t="s">
        <v>51</v>
      </c>
    </row>
    <row r="7039" spans="1:12">
      <c r="A7039" s="6" t="s">
        <v>49</v>
      </c>
      <c r="B7039" s="6"/>
      <c r="C7039" s="6" t="s">
        <v>7063</v>
      </c>
      <c r="D7039" s="6"/>
      <c r="E7039" s="6" t="s">
        <v>9</v>
      </c>
      <c r="F7039" s="7">
        <v>38657</v>
      </c>
      <c r="G7039" s="8">
        <v>1</v>
      </c>
      <c r="H7039" s="8">
        <v>1</v>
      </c>
      <c r="I7039" s="8">
        <v>0</v>
      </c>
      <c r="J7039" s="8">
        <v>1</v>
      </c>
      <c r="K7039" s="9">
        <v>362</v>
      </c>
      <c r="L7039" s="6" t="s">
        <v>51</v>
      </c>
    </row>
    <row r="7040" spans="1:12">
      <c r="A7040" s="6" t="s">
        <v>49</v>
      </c>
      <c r="B7040" s="6"/>
      <c r="C7040" s="6" t="s">
        <v>7064</v>
      </c>
      <c r="D7040" s="6"/>
      <c r="E7040" s="6" t="s">
        <v>9</v>
      </c>
      <c r="F7040" s="7">
        <v>38657</v>
      </c>
      <c r="G7040" s="8">
        <v>1</v>
      </c>
      <c r="H7040" s="8">
        <v>1</v>
      </c>
      <c r="I7040" s="8">
        <v>0</v>
      </c>
      <c r="J7040" s="8">
        <v>1</v>
      </c>
      <c r="K7040" s="9">
        <v>390</v>
      </c>
      <c r="L7040" s="6" t="s">
        <v>51</v>
      </c>
    </row>
    <row r="7041" spans="1:12">
      <c r="A7041" s="6" t="s">
        <v>49</v>
      </c>
      <c r="B7041" s="6"/>
      <c r="C7041" s="6" t="s">
        <v>7065</v>
      </c>
      <c r="D7041" s="6"/>
      <c r="E7041" s="6" t="s">
        <v>9</v>
      </c>
      <c r="F7041" s="7">
        <v>40896</v>
      </c>
      <c r="G7041" s="8">
        <v>1</v>
      </c>
      <c r="H7041" s="8">
        <v>1</v>
      </c>
      <c r="I7041" s="8">
        <v>0</v>
      </c>
      <c r="J7041" s="8">
        <v>1</v>
      </c>
      <c r="K7041" s="9">
        <v>170</v>
      </c>
      <c r="L7041" s="6" t="s">
        <v>51</v>
      </c>
    </row>
    <row r="7042" spans="1:12">
      <c r="A7042" s="6" t="s">
        <v>49</v>
      </c>
      <c r="B7042" s="6"/>
      <c r="C7042" s="6" t="s">
        <v>7066</v>
      </c>
      <c r="D7042" s="6"/>
      <c r="E7042" s="6" t="s">
        <v>9</v>
      </c>
      <c r="F7042" s="7">
        <v>38657</v>
      </c>
      <c r="G7042" s="8">
        <v>1</v>
      </c>
      <c r="H7042" s="8">
        <v>1</v>
      </c>
      <c r="I7042" s="8">
        <v>0</v>
      </c>
      <c r="J7042" s="8">
        <v>1</v>
      </c>
      <c r="K7042" s="9">
        <v>1.47</v>
      </c>
      <c r="L7042" s="6" t="s">
        <v>51</v>
      </c>
    </row>
    <row r="7043" spans="1:12">
      <c r="A7043" s="6" t="s">
        <v>49</v>
      </c>
      <c r="B7043" s="6"/>
      <c r="C7043" s="6" t="s">
        <v>7067</v>
      </c>
      <c r="D7043" s="6"/>
      <c r="E7043" s="6" t="s">
        <v>9</v>
      </c>
      <c r="F7043" s="7">
        <v>40893</v>
      </c>
      <c r="G7043" s="8">
        <v>1</v>
      </c>
      <c r="H7043" s="8">
        <v>1</v>
      </c>
      <c r="I7043" s="8">
        <v>0</v>
      </c>
      <c r="J7043" s="8">
        <v>1</v>
      </c>
      <c r="K7043" s="9">
        <v>141</v>
      </c>
      <c r="L7043" s="6" t="s">
        <v>51</v>
      </c>
    </row>
    <row r="7044" spans="1:12">
      <c r="A7044" s="6" t="s">
        <v>49</v>
      </c>
      <c r="B7044" s="6"/>
      <c r="C7044" s="6" t="s">
        <v>7068</v>
      </c>
      <c r="D7044" s="6"/>
      <c r="E7044" s="6" t="s">
        <v>9</v>
      </c>
      <c r="F7044" s="7">
        <v>40896</v>
      </c>
      <c r="G7044" s="8">
        <v>1</v>
      </c>
      <c r="H7044" s="8">
        <v>1</v>
      </c>
      <c r="I7044" s="8">
        <v>0</v>
      </c>
      <c r="J7044" s="8">
        <v>1</v>
      </c>
      <c r="K7044" s="9">
        <v>141</v>
      </c>
      <c r="L7044" s="6" t="s">
        <v>51</v>
      </c>
    </row>
    <row r="7045" spans="1:12">
      <c r="A7045" s="6" t="s">
        <v>49</v>
      </c>
      <c r="B7045" s="6"/>
      <c r="C7045" s="6" t="s">
        <v>7069</v>
      </c>
      <c r="D7045" s="6"/>
      <c r="E7045" s="6" t="s">
        <v>9</v>
      </c>
      <c r="F7045" s="7">
        <v>40896</v>
      </c>
      <c r="G7045" s="8">
        <v>1</v>
      </c>
      <c r="H7045" s="8">
        <v>1</v>
      </c>
      <c r="I7045" s="8">
        <v>0</v>
      </c>
      <c r="J7045" s="8">
        <v>1</v>
      </c>
      <c r="K7045" s="9">
        <v>141</v>
      </c>
      <c r="L7045" s="6" t="s">
        <v>51</v>
      </c>
    </row>
    <row r="7046" spans="1:12">
      <c r="A7046" s="6" t="s">
        <v>49</v>
      </c>
      <c r="B7046" s="6"/>
      <c r="C7046" s="6" t="s">
        <v>7070</v>
      </c>
      <c r="D7046" s="6"/>
      <c r="E7046" s="6" t="s">
        <v>9</v>
      </c>
      <c r="F7046" s="7">
        <v>40896</v>
      </c>
      <c r="G7046" s="8">
        <v>1</v>
      </c>
      <c r="H7046" s="8">
        <v>1</v>
      </c>
      <c r="I7046" s="8">
        <v>0</v>
      </c>
      <c r="J7046" s="8">
        <v>1</v>
      </c>
      <c r="K7046" s="9">
        <v>141</v>
      </c>
      <c r="L7046" s="6" t="s">
        <v>51</v>
      </c>
    </row>
    <row r="7047" spans="1:12">
      <c r="A7047" s="6" t="s">
        <v>49</v>
      </c>
      <c r="B7047" s="6"/>
      <c r="C7047" s="6" t="s">
        <v>7071</v>
      </c>
      <c r="D7047" s="6"/>
      <c r="E7047" s="6" t="s">
        <v>9</v>
      </c>
      <c r="F7047" s="7">
        <v>40896</v>
      </c>
      <c r="G7047" s="8">
        <v>1</v>
      </c>
      <c r="H7047" s="8">
        <v>1</v>
      </c>
      <c r="I7047" s="8">
        <v>0</v>
      </c>
      <c r="J7047" s="8">
        <v>1</v>
      </c>
      <c r="K7047" s="9">
        <v>141</v>
      </c>
      <c r="L7047" s="6" t="s">
        <v>51</v>
      </c>
    </row>
    <row r="7048" spans="1:12">
      <c r="A7048" s="6" t="s">
        <v>49</v>
      </c>
      <c r="B7048" s="6"/>
      <c r="C7048" s="6" t="s">
        <v>7072</v>
      </c>
      <c r="D7048" s="6"/>
      <c r="E7048" s="6" t="s">
        <v>9</v>
      </c>
      <c r="F7048" s="7">
        <v>40896</v>
      </c>
      <c r="G7048" s="8">
        <v>1</v>
      </c>
      <c r="H7048" s="8">
        <v>1</v>
      </c>
      <c r="I7048" s="8">
        <v>0</v>
      </c>
      <c r="J7048" s="8">
        <v>1</v>
      </c>
      <c r="K7048" s="9">
        <v>70</v>
      </c>
      <c r="L7048" s="6" t="s">
        <v>51</v>
      </c>
    </row>
    <row r="7049" spans="1:12">
      <c r="A7049" s="6" t="s">
        <v>49</v>
      </c>
      <c r="B7049" s="6"/>
      <c r="C7049" s="6" t="s">
        <v>7073</v>
      </c>
      <c r="D7049" s="6"/>
      <c r="E7049" s="6" t="s">
        <v>9</v>
      </c>
      <c r="F7049" s="7">
        <v>40893</v>
      </c>
      <c r="G7049" s="8">
        <v>1</v>
      </c>
      <c r="H7049" s="8">
        <v>1</v>
      </c>
      <c r="I7049" s="8">
        <v>0</v>
      </c>
      <c r="J7049" s="8">
        <v>1</v>
      </c>
      <c r="K7049" s="9">
        <v>70</v>
      </c>
      <c r="L7049" s="6" t="s">
        <v>51</v>
      </c>
    </row>
    <row r="7050" spans="1:12">
      <c r="A7050" s="6" t="s">
        <v>49</v>
      </c>
      <c r="B7050" s="6"/>
      <c r="C7050" s="6" t="s">
        <v>7074</v>
      </c>
      <c r="D7050" s="6"/>
      <c r="E7050" s="6" t="s">
        <v>9</v>
      </c>
      <c r="F7050" s="7">
        <v>40896</v>
      </c>
      <c r="G7050" s="8">
        <v>1</v>
      </c>
      <c r="H7050" s="8">
        <v>1</v>
      </c>
      <c r="I7050" s="8">
        <v>0</v>
      </c>
      <c r="J7050" s="8">
        <v>1</v>
      </c>
      <c r="K7050" s="9">
        <v>141</v>
      </c>
      <c r="L7050" s="6" t="s">
        <v>51</v>
      </c>
    </row>
    <row r="7051" spans="1:12">
      <c r="A7051" s="6" t="s">
        <v>49</v>
      </c>
      <c r="B7051" s="6"/>
      <c r="C7051" s="6" t="s">
        <v>7075</v>
      </c>
      <c r="D7051" s="6"/>
      <c r="E7051" s="6" t="s">
        <v>9</v>
      </c>
      <c r="F7051" s="7">
        <v>40939</v>
      </c>
      <c r="G7051" s="8">
        <v>1</v>
      </c>
      <c r="H7051" s="8">
        <v>1</v>
      </c>
      <c r="I7051" s="8">
        <v>0</v>
      </c>
      <c r="J7051" s="8">
        <v>1</v>
      </c>
      <c r="K7051" s="9">
        <v>175</v>
      </c>
      <c r="L7051" s="6" t="s">
        <v>51</v>
      </c>
    </row>
    <row r="7052" spans="1:12">
      <c r="A7052" s="6" t="s">
        <v>49</v>
      </c>
      <c r="B7052" s="6"/>
      <c r="C7052" s="6" t="s">
        <v>7076</v>
      </c>
      <c r="D7052" s="6"/>
      <c r="E7052" s="6" t="s">
        <v>9</v>
      </c>
      <c r="F7052" s="7">
        <v>38657</v>
      </c>
      <c r="G7052" s="8">
        <v>1</v>
      </c>
      <c r="H7052" s="8">
        <v>1</v>
      </c>
      <c r="I7052" s="8">
        <v>0</v>
      </c>
      <c r="J7052" s="8">
        <v>1</v>
      </c>
      <c r="K7052" s="9">
        <v>427</v>
      </c>
      <c r="L7052" s="6" t="s">
        <v>51</v>
      </c>
    </row>
    <row r="7053" spans="1:12">
      <c r="A7053" s="6" t="s">
        <v>49</v>
      </c>
      <c r="B7053" s="6"/>
      <c r="C7053" s="6" t="s">
        <v>7077</v>
      </c>
      <c r="D7053" s="6"/>
      <c r="E7053" s="6" t="s">
        <v>9</v>
      </c>
      <c r="F7053" s="7">
        <v>38657</v>
      </c>
      <c r="G7053" s="8">
        <v>1</v>
      </c>
      <c r="H7053" s="8">
        <v>1</v>
      </c>
      <c r="I7053" s="8">
        <v>0</v>
      </c>
      <c r="J7053" s="8">
        <v>1</v>
      </c>
      <c r="K7053" s="9">
        <v>481.81</v>
      </c>
      <c r="L7053" s="6" t="s">
        <v>51</v>
      </c>
    </row>
    <row r="7054" spans="1:12">
      <c r="A7054" s="6" t="s">
        <v>49</v>
      </c>
      <c r="B7054" s="6"/>
      <c r="C7054" s="6" t="s">
        <v>7078</v>
      </c>
      <c r="D7054" s="6"/>
      <c r="E7054" s="6" t="s">
        <v>9</v>
      </c>
      <c r="F7054" s="7">
        <v>40130</v>
      </c>
      <c r="G7054" s="8">
        <v>1</v>
      </c>
      <c r="H7054" s="8">
        <v>1</v>
      </c>
      <c r="I7054" s="8">
        <v>0</v>
      </c>
      <c r="J7054" s="8">
        <v>1</v>
      </c>
      <c r="K7054" s="9">
        <v>9.16</v>
      </c>
      <c r="L7054" s="6" t="s">
        <v>51</v>
      </c>
    </row>
    <row r="7055" spans="1:12">
      <c r="A7055" s="6" t="s">
        <v>49</v>
      </c>
      <c r="B7055" s="6"/>
      <c r="C7055" s="6" t="s">
        <v>7079</v>
      </c>
      <c r="D7055" s="6"/>
      <c r="E7055" s="6" t="s">
        <v>9</v>
      </c>
      <c r="F7055" s="7">
        <v>38657</v>
      </c>
      <c r="G7055" s="8">
        <v>1</v>
      </c>
      <c r="H7055" s="8">
        <v>1</v>
      </c>
      <c r="I7055" s="8">
        <v>0</v>
      </c>
      <c r="J7055" s="8">
        <v>1</v>
      </c>
      <c r="K7055" s="9">
        <v>200</v>
      </c>
      <c r="L7055" s="6" t="s">
        <v>51</v>
      </c>
    </row>
    <row r="7056" spans="1:12">
      <c r="A7056" s="6" t="s">
        <v>49</v>
      </c>
      <c r="B7056" s="6"/>
      <c r="C7056" s="6" t="s">
        <v>7080</v>
      </c>
      <c r="D7056" s="6"/>
      <c r="E7056" s="6" t="s">
        <v>9</v>
      </c>
      <c r="F7056" s="7">
        <v>38657</v>
      </c>
      <c r="G7056" s="8">
        <v>1</v>
      </c>
      <c r="H7056" s="8">
        <v>1</v>
      </c>
      <c r="I7056" s="8">
        <v>0</v>
      </c>
      <c r="J7056" s="8">
        <v>1</v>
      </c>
      <c r="K7056" s="9">
        <v>10</v>
      </c>
      <c r="L7056" s="6" t="s">
        <v>51</v>
      </c>
    </row>
    <row r="7057" spans="1:12">
      <c r="A7057" s="6" t="s">
        <v>49</v>
      </c>
      <c r="B7057" s="6"/>
      <c r="C7057" s="6" t="s">
        <v>7081</v>
      </c>
      <c r="D7057" s="6"/>
      <c r="E7057" s="6" t="s">
        <v>9</v>
      </c>
      <c r="F7057" s="7">
        <v>38657</v>
      </c>
      <c r="G7057" s="8">
        <v>1</v>
      </c>
      <c r="H7057" s="8">
        <v>1</v>
      </c>
      <c r="I7057" s="8">
        <v>0</v>
      </c>
      <c r="J7057" s="8">
        <v>1</v>
      </c>
      <c r="K7057" s="9">
        <v>150</v>
      </c>
      <c r="L7057" s="6" t="s">
        <v>51</v>
      </c>
    </row>
    <row r="7058" spans="1:12">
      <c r="A7058" s="6" t="s">
        <v>49</v>
      </c>
      <c r="B7058" s="6"/>
      <c r="C7058" s="6" t="s">
        <v>7082</v>
      </c>
      <c r="D7058" s="6"/>
      <c r="E7058" s="6" t="s">
        <v>9</v>
      </c>
      <c r="F7058" s="7">
        <v>38657</v>
      </c>
      <c r="G7058" s="8">
        <v>1</v>
      </c>
      <c r="H7058" s="8">
        <v>1</v>
      </c>
      <c r="I7058" s="8">
        <v>0</v>
      </c>
      <c r="J7058" s="8">
        <v>1</v>
      </c>
      <c r="K7058" s="9">
        <v>40</v>
      </c>
      <c r="L7058" s="6" t="s">
        <v>51</v>
      </c>
    </row>
    <row r="7059" spans="1:12">
      <c r="A7059" s="6" t="s">
        <v>49</v>
      </c>
      <c r="B7059" s="6"/>
      <c r="C7059" s="6" t="s">
        <v>7083</v>
      </c>
      <c r="D7059" s="6"/>
      <c r="E7059" s="6" t="s">
        <v>9</v>
      </c>
      <c r="F7059" s="7">
        <v>38657</v>
      </c>
      <c r="G7059" s="8">
        <v>1</v>
      </c>
      <c r="H7059" s="8">
        <v>1</v>
      </c>
      <c r="I7059" s="8">
        <v>0</v>
      </c>
      <c r="J7059" s="8">
        <v>1</v>
      </c>
      <c r="K7059" s="9">
        <v>71</v>
      </c>
      <c r="L7059" s="6" t="s">
        <v>51</v>
      </c>
    </row>
    <row r="7060" spans="1:12">
      <c r="A7060" s="6" t="s">
        <v>49</v>
      </c>
      <c r="B7060" s="6"/>
      <c r="C7060" s="6" t="s">
        <v>7084</v>
      </c>
      <c r="D7060" s="6"/>
      <c r="E7060" s="6" t="s">
        <v>9</v>
      </c>
      <c r="F7060" s="7">
        <v>38657</v>
      </c>
      <c r="G7060" s="8">
        <v>1</v>
      </c>
      <c r="H7060" s="8">
        <v>1</v>
      </c>
      <c r="I7060" s="8">
        <v>0</v>
      </c>
      <c r="J7060" s="8">
        <v>1</v>
      </c>
      <c r="K7060" s="9">
        <v>71.03</v>
      </c>
      <c r="L7060" s="6" t="s">
        <v>51</v>
      </c>
    </row>
    <row r="7061" spans="1:12">
      <c r="A7061" s="6" t="s">
        <v>49</v>
      </c>
      <c r="B7061" s="6"/>
      <c r="C7061" s="6" t="s">
        <v>7085</v>
      </c>
      <c r="D7061" s="6"/>
      <c r="E7061" s="6" t="s">
        <v>9</v>
      </c>
      <c r="F7061" s="7">
        <v>38657</v>
      </c>
      <c r="G7061" s="8">
        <v>1</v>
      </c>
      <c r="H7061" s="8">
        <v>1</v>
      </c>
      <c r="I7061" s="8">
        <v>0</v>
      </c>
      <c r="J7061" s="8">
        <v>1</v>
      </c>
      <c r="K7061" s="9">
        <v>328</v>
      </c>
      <c r="L7061" s="6" t="s">
        <v>51</v>
      </c>
    </row>
    <row r="7062" spans="1:12">
      <c r="A7062" s="6" t="s">
        <v>49</v>
      </c>
      <c r="B7062" s="6"/>
      <c r="C7062" s="6" t="s">
        <v>7086</v>
      </c>
      <c r="D7062" s="6"/>
      <c r="E7062" s="6" t="s">
        <v>9</v>
      </c>
      <c r="F7062" s="7">
        <v>41625</v>
      </c>
      <c r="G7062" s="8">
        <v>1</v>
      </c>
      <c r="H7062" s="8">
        <v>1</v>
      </c>
      <c r="I7062" s="8">
        <v>0</v>
      </c>
      <c r="J7062" s="8">
        <v>1</v>
      </c>
      <c r="K7062" s="9">
        <v>9.11</v>
      </c>
      <c r="L7062" s="6" t="s">
        <v>51</v>
      </c>
    </row>
    <row r="7063" spans="1:12">
      <c r="A7063" s="6" t="s">
        <v>49</v>
      </c>
      <c r="B7063" s="6"/>
      <c r="C7063" s="6" t="s">
        <v>7087</v>
      </c>
      <c r="D7063" s="6"/>
      <c r="E7063" s="6" t="s">
        <v>9</v>
      </c>
      <c r="F7063" s="7">
        <v>40571</v>
      </c>
      <c r="G7063" s="8">
        <v>1</v>
      </c>
      <c r="H7063" s="8">
        <v>1</v>
      </c>
      <c r="I7063" s="8">
        <v>0</v>
      </c>
      <c r="J7063" s="8">
        <v>1</v>
      </c>
      <c r="K7063" s="9">
        <v>6.37</v>
      </c>
      <c r="L7063" s="6" t="s">
        <v>51</v>
      </c>
    </row>
    <row r="7064" spans="1:12">
      <c r="A7064" s="6" t="s">
        <v>49</v>
      </c>
      <c r="B7064" s="6"/>
      <c r="C7064" s="6" t="s">
        <v>7088</v>
      </c>
      <c r="D7064" s="6"/>
      <c r="E7064" s="6" t="s">
        <v>9</v>
      </c>
      <c r="F7064" s="7">
        <v>40584</v>
      </c>
      <c r="G7064" s="8">
        <v>1</v>
      </c>
      <c r="H7064" s="8">
        <v>1</v>
      </c>
      <c r="I7064" s="8">
        <v>0</v>
      </c>
      <c r="J7064" s="8">
        <v>1</v>
      </c>
      <c r="K7064" s="9">
        <v>52</v>
      </c>
      <c r="L7064" s="6" t="s">
        <v>51</v>
      </c>
    </row>
    <row r="7065" spans="1:12">
      <c r="A7065" s="6" t="s">
        <v>49</v>
      </c>
      <c r="B7065" s="6"/>
      <c r="C7065" s="6" t="s">
        <v>7089</v>
      </c>
      <c r="D7065" s="6"/>
      <c r="E7065" s="6" t="s">
        <v>9</v>
      </c>
      <c r="F7065" s="7">
        <v>38657</v>
      </c>
      <c r="G7065" s="8">
        <v>1</v>
      </c>
      <c r="H7065" s="8">
        <v>1</v>
      </c>
      <c r="I7065" s="8">
        <v>0</v>
      </c>
      <c r="J7065" s="8">
        <v>1</v>
      </c>
      <c r="K7065" s="9">
        <v>499.38</v>
      </c>
      <c r="L7065" s="6" t="s">
        <v>51</v>
      </c>
    </row>
    <row r="7066" spans="1:12">
      <c r="A7066" s="6" t="s">
        <v>49</v>
      </c>
      <c r="B7066" s="6"/>
      <c r="C7066" s="6" t="s">
        <v>7090</v>
      </c>
      <c r="D7066" s="6"/>
      <c r="E7066" s="6" t="s">
        <v>9</v>
      </c>
      <c r="F7066" s="7">
        <v>40512</v>
      </c>
      <c r="G7066" s="8">
        <v>1</v>
      </c>
      <c r="H7066" s="8">
        <v>1</v>
      </c>
      <c r="I7066" s="8">
        <v>0</v>
      </c>
      <c r="J7066" s="8">
        <v>1</v>
      </c>
      <c r="K7066" s="9">
        <v>57</v>
      </c>
      <c r="L7066" s="6" t="s">
        <v>51</v>
      </c>
    </row>
    <row r="7067" spans="1:12">
      <c r="A7067" s="6" t="s">
        <v>49</v>
      </c>
      <c r="B7067" s="6"/>
      <c r="C7067" s="6" t="s">
        <v>7091</v>
      </c>
      <c r="D7067" s="6"/>
      <c r="E7067" s="6" t="s">
        <v>9</v>
      </c>
      <c r="F7067" s="7">
        <v>40498</v>
      </c>
      <c r="G7067" s="8">
        <v>1</v>
      </c>
      <c r="H7067" s="8">
        <v>1</v>
      </c>
      <c r="I7067" s="8">
        <v>0</v>
      </c>
      <c r="J7067" s="8">
        <v>1</v>
      </c>
      <c r="K7067" s="9">
        <v>32</v>
      </c>
      <c r="L7067" s="6" t="s">
        <v>51</v>
      </c>
    </row>
    <row r="7068" spans="1:12">
      <c r="A7068" s="6" t="s">
        <v>49</v>
      </c>
      <c r="B7068" s="6"/>
      <c r="C7068" s="6" t="s">
        <v>7092</v>
      </c>
      <c r="D7068" s="6"/>
      <c r="E7068" s="6" t="s">
        <v>9</v>
      </c>
      <c r="F7068" s="7">
        <v>40512</v>
      </c>
      <c r="G7068" s="8">
        <v>1</v>
      </c>
      <c r="H7068" s="8">
        <v>1</v>
      </c>
      <c r="I7068" s="8">
        <v>0</v>
      </c>
      <c r="J7068" s="8">
        <v>1</v>
      </c>
      <c r="K7068" s="9">
        <v>8.0299999999999905</v>
      </c>
      <c r="L7068" s="6" t="s">
        <v>51</v>
      </c>
    </row>
    <row r="7069" spans="1:12">
      <c r="A7069" s="6" t="s">
        <v>49</v>
      </c>
      <c r="B7069" s="6"/>
      <c r="C7069" s="6" t="s">
        <v>7093</v>
      </c>
      <c r="D7069" s="6"/>
      <c r="E7069" s="6" t="s">
        <v>9</v>
      </c>
      <c r="F7069" s="7">
        <v>40498</v>
      </c>
      <c r="G7069" s="8">
        <v>1</v>
      </c>
      <c r="H7069" s="8">
        <v>1</v>
      </c>
      <c r="I7069" s="8">
        <v>0</v>
      </c>
      <c r="J7069" s="8">
        <v>1</v>
      </c>
      <c r="K7069" s="9">
        <v>48</v>
      </c>
      <c r="L7069" s="6" t="s">
        <v>51</v>
      </c>
    </row>
    <row r="7070" spans="1:12">
      <c r="A7070" s="6" t="s">
        <v>49</v>
      </c>
      <c r="B7070" s="6"/>
      <c r="C7070" s="6" t="s">
        <v>7094</v>
      </c>
      <c r="D7070" s="6"/>
      <c r="E7070" s="6" t="s">
        <v>9</v>
      </c>
      <c r="F7070" s="7">
        <v>40583</v>
      </c>
      <c r="G7070" s="8">
        <v>1</v>
      </c>
      <c r="H7070" s="8">
        <v>1</v>
      </c>
      <c r="I7070" s="8">
        <v>0</v>
      </c>
      <c r="J7070" s="8">
        <v>1</v>
      </c>
      <c r="K7070" s="9">
        <v>50</v>
      </c>
      <c r="L7070" s="6" t="s">
        <v>51</v>
      </c>
    </row>
    <row r="7071" spans="1:12">
      <c r="A7071" s="6" t="s">
        <v>49</v>
      </c>
      <c r="B7071" s="6"/>
      <c r="C7071" s="6" t="s">
        <v>7095</v>
      </c>
      <c r="D7071" s="6"/>
      <c r="E7071" s="6" t="s">
        <v>9</v>
      </c>
      <c r="F7071" s="7">
        <v>41534</v>
      </c>
      <c r="G7071" s="8">
        <v>1</v>
      </c>
      <c r="H7071" s="8">
        <v>1</v>
      </c>
      <c r="I7071" s="8">
        <v>0</v>
      </c>
      <c r="J7071" s="8">
        <v>1</v>
      </c>
      <c r="K7071" s="9">
        <v>190</v>
      </c>
      <c r="L7071" s="6" t="s">
        <v>51</v>
      </c>
    </row>
    <row r="7072" spans="1:12">
      <c r="A7072" s="6" t="s">
        <v>49</v>
      </c>
      <c r="B7072" s="6"/>
      <c r="C7072" s="6" t="s">
        <v>7096</v>
      </c>
      <c r="D7072" s="6"/>
      <c r="E7072" s="6" t="s">
        <v>9</v>
      </c>
      <c r="F7072" s="7">
        <v>40823</v>
      </c>
      <c r="G7072" s="8">
        <v>1</v>
      </c>
      <c r="H7072" s="8">
        <v>1</v>
      </c>
      <c r="I7072" s="8">
        <v>0</v>
      </c>
      <c r="J7072" s="8">
        <v>1</v>
      </c>
      <c r="K7072" s="9">
        <v>40</v>
      </c>
      <c r="L7072" s="6" t="s">
        <v>51</v>
      </c>
    </row>
    <row r="7073" spans="1:12">
      <c r="A7073" s="6" t="s">
        <v>49</v>
      </c>
      <c r="B7073" s="6"/>
      <c r="C7073" s="6" t="s">
        <v>7097</v>
      </c>
      <c r="D7073" s="6"/>
      <c r="E7073" s="6" t="s">
        <v>9</v>
      </c>
      <c r="F7073" s="7">
        <v>40823</v>
      </c>
      <c r="G7073" s="8">
        <v>1</v>
      </c>
      <c r="H7073" s="8">
        <v>1</v>
      </c>
      <c r="I7073" s="8">
        <v>0</v>
      </c>
      <c r="J7073" s="8">
        <v>1</v>
      </c>
      <c r="K7073" s="9">
        <v>152</v>
      </c>
      <c r="L7073" s="6" t="s">
        <v>51</v>
      </c>
    </row>
    <row r="7074" spans="1:12">
      <c r="A7074" s="6" t="s">
        <v>49</v>
      </c>
      <c r="B7074" s="6"/>
      <c r="C7074" s="6" t="s">
        <v>7098</v>
      </c>
      <c r="D7074" s="6"/>
      <c r="E7074" s="6" t="s">
        <v>9</v>
      </c>
      <c r="F7074" s="7">
        <v>40584</v>
      </c>
      <c r="G7074" s="8">
        <v>1</v>
      </c>
      <c r="H7074" s="8">
        <v>1</v>
      </c>
      <c r="I7074" s="8">
        <v>0</v>
      </c>
      <c r="J7074" s="8">
        <v>1</v>
      </c>
      <c r="K7074" s="9">
        <v>3.96</v>
      </c>
      <c r="L7074" s="6" t="s">
        <v>51</v>
      </c>
    </row>
    <row r="7075" spans="1:12">
      <c r="A7075" s="6" t="s">
        <v>49</v>
      </c>
      <c r="B7075" s="6"/>
      <c r="C7075" s="6" t="s">
        <v>7099</v>
      </c>
      <c r="D7075" s="6"/>
      <c r="E7075" s="6" t="s">
        <v>9</v>
      </c>
      <c r="F7075" s="7">
        <v>40484</v>
      </c>
      <c r="G7075" s="8">
        <v>1</v>
      </c>
      <c r="H7075" s="8">
        <v>1</v>
      </c>
      <c r="I7075" s="8">
        <v>0</v>
      </c>
      <c r="J7075" s="8">
        <v>1</v>
      </c>
      <c r="K7075" s="9">
        <v>0.7</v>
      </c>
      <c r="L7075" s="6" t="s">
        <v>51</v>
      </c>
    </row>
    <row r="7076" spans="1:12">
      <c r="A7076" s="6" t="s">
        <v>49</v>
      </c>
      <c r="B7076" s="6"/>
      <c r="C7076" s="6" t="s">
        <v>7100</v>
      </c>
      <c r="D7076" s="6"/>
      <c r="E7076" s="6" t="s">
        <v>9</v>
      </c>
      <c r="F7076" s="7">
        <v>38657</v>
      </c>
      <c r="G7076" s="8">
        <v>1</v>
      </c>
      <c r="H7076" s="8">
        <v>1</v>
      </c>
      <c r="I7076" s="8">
        <v>0</v>
      </c>
      <c r="J7076" s="8">
        <v>1</v>
      </c>
      <c r="K7076" s="9">
        <v>511.9</v>
      </c>
      <c r="L7076" s="6" t="s">
        <v>51</v>
      </c>
    </row>
    <row r="7077" spans="1:12">
      <c r="A7077" s="6" t="s">
        <v>49</v>
      </c>
      <c r="B7077" s="6"/>
      <c r="C7077" s="6" t="s">
        <v>7101</v>
      </c>
      <c r="D7077" s="6"/>
      <c r="E7077" s="6" t="s">
        <v>9</v>
      </c>
      <c r="F7077" s="7">
        <v>40522</v>
      </c>
      <c r="G7077" s="8">
        <v>1</v>
      </c>
      <c r="H7077" s="8">
        <v>1</v>
      </c>
      <c r="I7077" s="8">
        <v>0</v>
      </c>
      <c r="J7077" s="8">
        <v>1</v>
      </c>
      <c r="K7077" s="9">
        <v>47</v>
      </c>
      <c r="L7077" s="6" t="s">
        <v>51</v>
      </c>
    </row>
    <row r="7078" spans="1:12">
      <c r="A7078" s="6" t="s">
        <v>49</v>
      </c>
      <c r="B7078" s="6"/>
      <c r="C7078" s="6" t="s">
        <v>7102</v>
      </c>
      <c r="D7078" s="6"/>
      <c r="E7078" s="6" t="s">
        <v>9</v>
      </c>
      <c r="F7078" s="7">
        <v>40592</v>
      </c>
      <c r="G7078" s="8">
        <v>1</v>
      </c>
      <c r="H7078" s="8">
        <v>1</v>
      </c>
      <c r="I7078" s="8">
        <v>0</v>
      </c>
      <c r="J7078" s="8">
        <v>1</v>
      </c>
      <c r="K7078" s="9">
        <v>67</v>
      </c>
      <c r="L7078" s="6" t="s">
        <v>51</v>
      </c>
    </row>
    <row r="7079" spans="1:12">
      <c r="A7079" s="6" t="s">
        <v>49</v>
      </c>
      <c r="B7079" s="6"/>
      <c r="C7079" s="6" t="s">
        <v>7103</v>
      </c>
      <c r="D7079" s="6"/>
      <c r="E7079" s="6" t="s">
        <v>9</v>
      </c>
      <c r="F7079" s="7">
        <v>40592</v>
      </c>
      <c r="G7079" s="8">
        <v>1</v>
      </c>
      <c r="H7079" s="8">
        <v>1</v>
      </c>
      <c r="I7079" s="8">
        <v>0</v>
      </c>
      <c r="J7079" s="8">
        <v>1</v>
      </c>
      <c r="K7079" s="9">
        <v>53</v>
      </c>
      <c r="L7079" s="6" t="s">
        <v>51</v>
      </c>
    </row>
    <row r="7080" spans="1:12">
      <c r="A7080" s="6" t="s">
        <v>49</v>
      </c>
      <c r="B7080" s="6"/>
      <c r="C7080" s="6" t="s">
        <v>7104</v>
      </c>
      <c r="D7080" s="6"/>
      <c r="E7080" s="6" t="s">
        <v>9</v>
      </c>
      <c r="F7080" s="7">
        <v>40592</v>
      </c>
      <c r="G7080" s="8">
        <v>1</v>
      </c>
      <c r="H7080" s="8">
        <v>1</v>
      </c>
      <c r="I7080" s="8">
        <v>0</v>
      </c>
      <c r="J7080" s="8">
        <v>1</v>
      </c>
      <c r="K7080" s="9">
        <v>60</v>
      </c>
      <c r="L7080" s="6" t="s">
        <v>51</v>
      </c>
    </row>
    <row r="7081" spans="1:12">
      <c r="A7081" s="6" t="s">
        <v>49</v>
      </c>
      <c r="B7081" s="6"/>
      <c r="C7081" s="6" t="s">
        <v>7105</v>
      </c>
      <c r="D7081" s="6"/>
      <c r="E7081" s="6" t="s">
        <v>9</v>
      </c>
      <c r="F7081" s="7">
        <v>39958</v>
      </c>
      <c r="G7081" s="8">
        <v>1</v>
      </c>
      <c r="H7081" s="8">
        <v>1</v>
      </c>
      <c r="I7081" s="8">
        <v>0</v>
      </c>
      <c r="J7081" s="8">
        <v>1</v>
      </c>
      <c r="K7081" s="9">
        <v>26</v>
      </c>
      <c r="L7081" s="6" t="s">
        <v>51</v>
      </c>
    </row>
    <row r="7082" spans="1:12">
      <c r="A7082" s="6" t="s">
        <v>49</v>
      </c>
      <c r="B7082" s="6"/>
      <c r="C7082" s="6" t="s">
        <v>7106</v>
      </c>
      <c r="D7082" s="6"/>
      <c r="E7082" s="6" t="s">
        <v>9</v>
      </c>
      <c r="F7082" s="7">
        <v>39958</v>
      </c>
      <c r="G7082" s="8">
        <v>1</v>
      </c>
      <c r="H7082" s="8">
        <v>1</v>
      </c>
      <c r="I7082" s="8">
        <v>0</v>
      </c>
      <c r="J7082" s="8">
        <v>1</v>
      </c>
      <c r="K7082" s="9">
        <v>158</v>
      </c>
      <c r="L7082" s="6" t="s">
        <v>51</v>
      </c>
    </row>
    <row r="7083" spans="1:12">
      <c r="A7083" s="6" t="s">
        <v>49</v>
      </c>
      <c r="B7083" s="6"/>
      <c r="C7083" s="6" t="s">
        <v>7107</v>
      </c>
      <c r="D7083" s="6"/>
      <c r="E7083" s="6" t="s">
        <v>9</v>
      </c>
      <c r="F7083" s="7">
        <v>40034</v>
      </c>
      <c r="G7083" s="8">
        <v>1</v>
      </c>
      <c r="H7083" s="8">
        <v>1</v>
      </c>
      <c r="I7083" s="8">
        <v>0</v>
      </c>
      <c r="J7083" s="8">
        <v>1</v>
      </c>
      <c r="K7083" s="9">
        <v>0.6</v>
      </c>
      <c r="L7083" s="6" t="s">
        <v>51</v>
      </c>
    </row>
    <row r="7084" spans="1:12">
      <c r="A7084" s="6" t="s">
        <v>49</v>
      </c>
      <c r="B7084" s="6"/>
      <c r="C7084" s="6" t="s">
        <v>7108</v>
      </c>
      <c r="D7084" s="6"/>
      <c r="E7084" s="6" t="s">
        <v>9</v>
      </c>
      <c r="F7084" s="7">
        <v>38657</v>
      </c>
      <c r="G7084" s="8">
        <v>1</v>
      </c>
      <c r="H7084" s="8">
        <v>1</v>
      </c>
      <c r="I7084" s="8">
        <v>0</v>
      </c>
      <c r="J7084" s="8">
        <v>1</v>
      </c>
      <c r="K7084" s="9">
        <v>639</v>
      </c>
      <c r="L7084" s="6" t="s">
        <v>51</v>
      </c>
    </row>
    <row r="7085" spans="1:12">
      <c r="A7085" s="6" t="s">
        <v>49</v>
      </c>
      <c r="B7085" s="6"/>
      <c r="C7085" s="6" t="s">
        <v>7109</v>
      </c>
      <c r="D7085" s="6"/>
      <c r="E7085" s="6" t="s">
        <v>9</v>
      </c>
      <c r="F7085" s="7">
        <v>38657</v>
      </c>
      <c r="G7085" s="8">
        <v>1</v>
      </c>
      <c r="H7085" s="8">
        <v>1</v>
      </c>
      <c r="I7085" s="8">
        <v>0</v>
      </c>
      <c r="J7085" s="8">
        <v>1</v>
      </c>
      <c r="K7085" s="9">
        <v>6.26</v>
      </c>
      <c r="L7085" s="6" t="s">
        <v>51</v>
      </c>
    </row>
    <row r="7086" spans="1:12">
      <c r="A7086" s="6" t="s">
        <v>49</v>
      </c>
      <c r="B7086" s="6"/>
      <c r="C7086" s="6" t="s">
        <v>7110</v>
      </c>
      <c r="D7086" s="6"/>
      <c r="E7086" s="6" t="s">
        <v>9</v>
      </c>
      <c r="F7086" s="7">
        <v>38657</v>
      </c>
      <c r="G7086" s="8">
        <v>1</v>
      </c>
      <c r="H7086" s="8">
        <v>1</v>
      </c>
      <c r="I7086" s="8">
        <v>0</v>
      </c>
      <c r="J7086" s="8">
        <v>1</v>
      </c>
      <c r="K7086" s="9">
        <v>2.02999999999999</v>
      </c>
      <c r="L7086" s="6" t="s">
        <v>51</v>
      </c>
    </row>
    <row r="7087" spans="1:12">
      <c r="A7087" s="6" t="s">
        <v>49</v>
      </c>
      <c r="B7087" s="6"/>
      <c r="C7087" s="6" t="s">
        <v>7111</v>
      </c>
      <c r="D7087" s="6"/>
      <c r="E7087" s="6" t="s">
        <v>9</v>
      </c>
      <c r="F7087" s="7">
        <v>38657</v>
      </c>
      <c r="G7087" s="8">
        <v>1</v>
      </c>
      <c r="H7087" s="8">
        <v>1</v>
      </c>
      <c r="I7087" s="8">
        <v>0</v>
      </c>
      <c r="J7087" s="8">
        <v>1</v>
      </c>
      <c r="K7087" s="9">
        <v>1.22</v>
      </c>
      <c r="L7087" s="6" t="s">
        <v>51</v>
      </c>
    </row>
    <row r="7088" spans="1:12">
      <c r="A7088" s="6" t="s">
        <v>49</v>
      </c>
      <c r="B7088" s="6"/>
      <c r="C7088" s="6" t="s">
        <v>7112</v>
      </c>
      <c r="D7088" s="6"/>
      <c r="E7088" s="6" t="s">
        <v>9</v>
      </c>
      <c r="F7088" s="7">
        <v>40473</v>
      </c>
      <c r="G7088" s="8">
        <v>1</v>
      </c>
      <c r="H7088" s="8">
        <v>1</v>
      </c>
      <c r="I7088" s="8">
        <v>0</v>
      </c>
      <c r="J7088" s="8">
        <v>1</v>
      </c>
      <c r="K7088" s="9">
        <v>2.1800000000000002</v>
      </c>
      <c r="L7088" s="6" t="s">
        <v>51</v>
      </c>
    </row>
    <row r="7089" spans="1:12">
      <c r="A7089" s="6" t="s">
        <v>49</v>
      </c>
      <c r="B7089" s="6"/>
      <c r="C7089" s="6" t="s">
        <v>7113</v>
      </c>
      <c r="D7089" s="6"/>
      <c r="E7089" s="6" t="s">
        <v>9</v>
      </c>
      <c r="F7089" s="7">
        <v>40472</v>
      </c>
      <c r="G7089" s="8">
        <v>1</v>
      </c>
      <c r="H7089" s="8">
        <v>1</v>
      </c>
      <c r="I7089" s="8">
        <v>0</v>
      </c>
      <c r="J7089" s="8">
        <v>1</v>
      </c>
      <c r="K7089" s="9">
        <v>7.08</v>
      </c>
      <c r="L7089" s="6" t="s">
        <v>51</v>
      </c>
    </row>
    <row r="7090" spans="1:12">
      <c r="A7090" s="6" t="s">
        <v>49</v>
      </c>
      <c r="B7090" s="6"/>
      <c r="C7090" s="6" t="s">
        <v>7114</v>
      </c>
      <c r="D7090" s="6"/>
      <c r="E7090" s="6" t="s">
        <v>9</v>
      </c>
      <c r="F7090" s="7">
        <v>40592</v>
      </c>
      <c r="G7090" s="8">
        <v>1</v>
      </c>
      <c r="H7090" s="8">
        <v>1</v>
      </c>
      <c r="I7090" s="8">
        <v>0</v>
      </c>
      <c r="J7090" s="8">
        <v>1</v>
      </c>
      <c r="K7090" s="9">
        <v>17</v>
      </c>
      <c r="L7090" s="6" t="s">
        <v>51</v>
      </c>
    </row>
    <row r="7091" spans="1:12">
      <c r="A7091" s="6" t="s">
        <v>49</v>
      </c>
      <c r="B7091" s="6"/>
      <c r="C7091" s="6" t="s">
        <v>7115</v>
      </c>
      <c r="D7091" s="6"/>
      <c r="E7091" s="6" t="s">
        <v>9</v>
      </c>
      <c r="F7091" s="7">
        <v>40592</v>
      </c>
      <c r="G7091" s="8">
        <v>1</v>
      </c>
      <c r="H7091" s="8">
        <v>1</v>
      </c>
      <c r="I7091" s="8">
        <v>0</v>
      </c>
      <c r="J7091" s="8">
        <v>1</v>
      </c>
      <c r="K7091" s="9">
        <v>20</v>
      </c>
      <c r="L7091" s="6" t="s">
        <v>51</v>
      </c>
    </row>
    <row r="7092" spans="1:12">
      <c r="A7092" s="6" t="s">
        <v>49</v>
      </c>
      <c r="B7092" s="6"/>
      <c r="C7092" s="6" t="s">
        <v>7116</v>
      </c>
      <c r="D7092" s="6"/>
      <c r="E7092" s="6" t="s">
        <v>9</v>
      </c>
      <c r="F7092" s="7">
        <v>40592</v>
      </c>
      <c r="G7092" s="8">
        <v>1</v>
      </c>
      <c r="H7092" s="8">
        <v>1</v>
      </c>
      <c r="I7092" s="8">
        <v>0</v>
      </c>
      <c r="J7092" s="8">
        <v>1</v>
      </c>
      <c r="K7092" s="9">
        <v>10</v>
      </c>
      <c r="L7092" s="6" t="s">
        <v>51</v>
      </c>
    </row>
    <row r="7093" spans="1:12">
      <c r="A7093" s="6" t="s">
        <v>49</v>
      </c>
      <c r="B7093" s="6"/>
      <c r="C7093" s="6" t="s">
        <v>7117</v>
      </c>
      <c r="D7093" s="6"/>
      <c r="E7093" s="6" t="s">
        <v>9</v>
      </c>
      <c r="F7093" s="7">
        <v>41365</v>
      </c>
      <c r="G7093" s="8">
        <v>1</v>
      </c>
      <c r="H7093" s="8">
        <v>1</v>
      </c>
      <c r="I7093" s="8">
        <v>0</v>
      </c>
      <c r="J7093" s="8">
        <v>1</v>
      </c>
      <c r="K7093" s="9">
        <v>27</v>
      </c>
      <c r="L7093" s="6" t="s">
        <v>51</v>
      </c>
    </row>
    <row r="7094" spans="1:12">
      <c r="A7094" s="6" t="s">
        <v>49</v>
      </c>
      <c r="B7094" s="6"/>
      <c r="C7094" s="6" t="s">
        <v>7118</v>
      </c>
      <c r="D7094" s="6"/>
      <c r="E7094" s="6" t="s">
        <v>9</v>
      </c>
      <c r="F7094" s="7">
        <v>41365</v>
      </c>
      <c r="G7094" s="8">
        <v>1</v>
      </c>
      <c r="H7094" s="8">
        <v>1</v>
      </c>
      <c r="I7094" s="8">
        <v>0</v>
      </c>
      <c r="J7094" s="8">
        <v>1</v>
      </c>
      <c r="K7094" s="9">
        <v>106</v>
      </c>
      <c r="L7094" s="6" t="s">
        <v>51</v>
      </c>
    </row>
    <row r="7095" spans="1:12">
      <c r="A7095" s="6" t="s">
        <v>49</v>
      </c>
      <c r="B7095" s="6"/>
      <c r="C7095" s="6" t="s">
        <v>7119</v>
      </c>
      <c r="D7095" s="6"/>
      <c r="E7095" s="6" t="s">
        <v>9</v>
      </c>
      <c r="F7095" s="7">
        <v>41365</v>
      </c>
      <c r="G7095" s="8">
        <v>1</v>
      </c>
      <c r="H7095" s="8">
        <v>1</v>
      </c>
      <c r="I7095" s="8">
        <v>0</v>
      </c>
      <c r="J7095" s="8">
        <v>1</v>
      </c>
      <c r="K7095" s="9">
        <v>6.37</v>
      </c>
      <c r="L7095" s="6" t="s">
        <v>51</v>
      </c>
    </row>
    <row r="7096" spans="1:12">
      <c r="A7096" s="6" t="s">
        <v>49</v>
      </c>
      <c r="B7096" s="6"/>
      <c r="C7096" s="6" t="s">
        <v>7120</v>
      </c>
      <c r="D7096" s="6"/>
      <c r="E7096" s="6" t="s">
        <v>9</v>
      </c>
      <c r="F7096" s="7">
        <v>41365</v>
      </c>
      <c r="G7096" s="8">
        <v>1</v>
      </c>
      <c r="H7096" s="8">
        <v>1</v>
      </c>
      <c r="I7096" s="8">
        <v>0</v>
      </c>
      <c r="J7096" s="8">
        <v>1</v>
      </c>
      <c r="K7096" s="9">
        <v>105</v>
      </c>
      <c r="L7096" s="6" t="s">
        <v>51</v>
      </c>
    </row>
    <row r="7097" spans="1:12">
      <c r="A7097" s="6" t="s">
        <v>49</v>
      </c>
      <c r="B7097" s="6"/>
      <c r="C7097" s="6" t="s">
        <v>7121</v>
      </c>
      <c r="D7097" s="6"/>
      <c r="E7097" s="6" t="s">
        <v>9</v>
      </c>
      <c r="F7097" s="7">
        <v>39958</v>
      </c>
      <c r="G7097" s="8">
        <v>1</v>
      </c>
      <c r="H7097" s="8">
        <v>1</v>
      </c>
      <c r="I7097" s="8">
        <v>0</v>
      </c>
      <c r="J7097" s="8">
        <v>1</v>
      </c>
      <c r="K7097" s="9">
        <v>261</v>
      </c>
      <c r="L7097" s="6" t="s">
        <v>51</v>
      </c>
    </row>
    <row r="7098" spans="1:12">
      <c r="A7098" s="6" t="s">
        <v>49</v>
      </c>
      <c r="B7098" s="6"/>
      <c r="C7098" s="6" t="s">
        <v>7122</v>
      </c>
      <c r="D7098" s="6"/>
      <c r="E7098" s="6" t="s">
        <v>9</v>
      </c>
      <c r="F7098" s="7">
        <v>38657</v>
      </c>
      <c r="G7098" s="8">
        <v>1</v>
      </c>
      <c r="H7098" s="8">
        <v>1</v>
      </c>
      <c r="I7098" s="8">
        <v>0</v>
      </c>
      <c r="J7098" s="8">
        <v>1</v>
      </c>
      <c r="K7098" s="9">
        <v>13</v>
      </c>
      <c r="L7098" s="6" t="s">
        <v>51</v>
      </c>
    </row>
    <row r="7099" spans="1:12">
      <c r="A7099" s="6" t="s">
        <v>49</v>
      </c>
      <c r="B7099" s="6"/>
      <c r="C7099" s="6" t="s">
        <v>7123</v>
      </c>
      <c r="D7099" s="6"/>
      <c r="E7099" s="6" t="s">
        <v>9</v>
      </c>
      <c r="F7099" s="7">
        <v>39958</v>
      </c>
      <c r="G7099" s="8">
        <v>1</v>
      </c>
      <c r="H7099" s="8">
        <v>1</v>
      </c>
      <c r="I7099" s="8">
        <v>0</v>
      </c>
      <c r="J7099" s="8">
        <v>1</v>
      </c>
      <c r="K7099" s="9">
        <v>10</v>
      </c>
      <c r="L7099" s="6" t="s">
        <v>51</v>
      </c>
    </row>
    <row r="7100" spans="1:12">
      <c r="A7100" s="6" t="s">
        <v>49</v>
      </c>
      <c r="B7100" s="6"/>
      <c r="C7100" s="6" t="s">
        <v>7124</v>
      </c>
      <c r="D7100" s="6"/>
      <c r="E7100" s="6" t="s">
        <v>9</v>
      </c>
      <c r="F7100" s="7">
        <v>38657</v>
      </c>
      <c r="G7100" s="8">
        <v>1</v>
      </c>
      <c r="H7100" s="8">
        <v>1</v>
      </c>
      <c r="I7100" s="8">
        <v>0</v>
      </c>
      <c r="J7100" s="8">
        <v>1</v>
      </c>
      <c r="K7100" s="9">
        <v>141.68</v>
      </c>
      <c r="L7100" s="6" t="s">
        <v>51</v>
      </c>
    </row>
    <row r="7101" spans="1:12">
      <c r="A7101" s="6" t="s">
        <v>49</v>
      </c>
      <c r="B7101" s="6"/>
      <c r="C7101" s="6" t="s">
        <v>7125</v>
      </c>
      <c r="D7101" s="6"/>
      <c r="E7101" s="6" t="s">
        <v>9</v>
      </c>
      <c r="F7101" s="7">
        <v>38657</v>
      </c>
      <c r="G7101" s="8">
        <v>1</v>
      </c>
      <c r="H7101" s="8">
        <v>1</v>
      </c>
      <c r="I7101" s="8">
        <v>0</v>
      </c>
      <c r="J7101" s="8">
        <v>1</v>
      </c>
      <c r="K7101" s="9">
        <v>17.38</v>
      </c>
      <c r="L7101" s="6" t="s">
        <v>51</v>
      </c>
    </row>
    <row r="7102" spans="1:12">
      <c r="A7102" s="6" t="s">
        <v>49</v>
      </c>
      <c r="B7102" s="6"/>
      <c r="C7102" s="6" t="s">
        <v>7126</v>
      </c>
      <c r="D7102" s="6"/>
      <c r="E7102" s="6" t="s">
        <v>9</v>
      </c>
      <c r="F7102" s="7">
        <v>38657</v>
      </c>
      <c r="G7102" s="8">
        <v>1</v>
      </c>
      <c r="H7102" s="8">
        <v>1</v>
      </c>
      <c r="I7102" s="8">
        <v>0</v>
      </c>
      <c r="J7102" s="8">
        <v>1</v>
      </c>
      <c r="K7102" s="9">
        <v>78.63</v>
      </c>
      <c r="L7102" s="6" t="s">
        <v>51</v>
      </c>
    </row>
    <row r="7103" spans="1:12">
      <c r="A7103" s="6" t="s">
        <v>49</v>
      </c>
      <c r="B7103" s="6"/>
      <c r="C7103" s="6" t="s">
        <v>7127</v>
      </c>
      <c r="D7103" s="6"/>
      <c r="E7103" s="6" t="s">
        <v>9</v>
      </c>
      <c r="F7103" s="7">
        <v>38657</v>
      </c>
      <c r="G7103" s="8">
        <v>1</v>
      </c>
      <c r="H7103" s="8">
        <v>1</v>
      </c>
      <c r="I7103" s="8">
        <v>0</v>
      </c>
      <c r="J7103" s="8">
        <v>1</v>
      </c>
      <c r="K7103" s="9">
        <v>3968</v>
      </c>
      <c r="L7103" s="6" t="s">
        <v>51</v>
      </c>
    </row>
    <row r="7104" spans="1:12">
      <c r="A7104" s="6" t="s">
        <v>49</v>
      </c>
      <c r="B7104" s="6"/>
      <c r="C7104" s="6" t="s">
        <v>7128</v>
      </c>
      <c r="D7104" s="6"/>
      <c r="E7104" s="6" t="s">
        <v>9</v>
      </c>
      <c r="F7104" s="7">
        <v>38657</v>
      </c>
      <c r="G7104" s="8">
        <v>1</v>
      </c>
      <c r="H7104" s="8">
        <v>1</v>
      </c>
      <c r="I7104" s="8">
        <v>0</v>
      </c>
      <c r="J7104" s="8">
        <v>1</v>
      </c>
      <c r="K7104" s="9">
        <v>4449</v>
      </c>
      <c r="L7104" s="6" t="s">
        <v>51</v>
      </c>
    </row>
    <row r="7105" spans="1:12">
      <c r="A7105" s="6" t="s">
        <v>49</v>
      </c>
      <c r="B7105" s="6"/>
      <c r="C7105" s="6" t="s">
        <v>7129</v>
      </c>
      <c r="D7105" s="6"/>
      <c r="E7105" s="6" t="s">
        <v>9</v>
      </c>
      <c r="F7105" s="7">
        <v>38657</v>
      </c>
      <c r="G7105" s="8">
        <v>1</v>
      </c>
      <c r="H7105" s="8">
        <v>1</v>
      </c>
      <c r="I7105" s="8">
        <v>0</v>
      </c>
      <c r="J7105" s="8">
        <v>1</v>
      </c>
      <c r="K7105" s="9">
        <v>405</v>
      </c>
      <c r="L7105" s="6" t="s">
        <v>51</v>
      </c>
    </row>
    <row r="7106" spans="1:12">
      <c r="A7106" s="6" t="s">
        <v>49</v>
      </c>
      <c r="B7106" s="6"/>
      <c r="C7106" s="6" t="s">
        <v>7130</v>
      </c>
      <c r="D7106" s="6"/>
      <c r="E7106" s="6" t="s">
        <v>9</v>
      </c>
      <c r="F7106" s="7">
        <v>38657</v>
      </c>
      <c r="G7106" s="8">
        <v>1</v>
      </c>
      <c r="H7106" s="8">
        <v>1</v>
      </c>
      <c r="I7106" s="8">
        <v>0</v>
      </c>
      <c r="J7106" s="8">
        <v>1</v>
      </c>
      <c r="K7106" s="9">
        <v>360</v>
      </c>
      <c r="L7106" s="6" t="s">
        <v>51</v>
      </c>
    </row>
    <row r="7107" spans="1:12">
      <c r="A7107" s="6" t="s">
        <v>49</v>
      </c>
      <c r="B7107" s="6"/>
      <c r="C7107" s="6" t="s">
        <v>7131</v>
      </c>
      <c r="D7107" s="6"/>
      <c r="E7107" s="6" t="s">
        <v>9</v>
      </c>
      <c r="F7107" s="7">
        <v>38657</v>
      </c>
      <c r="G7107" s="8">
        <v>1</v>
      </c>
      <c r="H7107" s="8">
        <v>1</v>
      </c>
      <c r="I7107" s="8">
        <v>0</v>
      </c>
      <c r="J7107" s="8">
        <v>1</v>
      </c>
      <c r="K7107" s="9">
        <v>391</v>
      </c>
      <c r="L7107" s="6" t="s">
        <v>51</v>
      </c>
    </row>
    <row r="7108" spans="1:12">
      <c r="A7108" s="6" t="s">
        <v>49</v>
      </c>
      <c r="B7108" s="6"/>
      <c r="C7108" s="6" t="s">
        <v>7132</v>
      </c>
      <c r="D7108" s="6"/>
      <c r="E7108" s="6" t="s">
        <v>9</v>
      </c>
      <c r="F7108" s="7">
        <v>38657</v>
      </c>
      <c r="G7108" s="8">
        <v>1</v>
      </c>
      <c r="H7108" s="8">
        <v>1</v>
      </c>
      <c r="I7108" s="8">
        <v>0</v>
      </c>
      <c r="J7108" s="8">
        <v>1</v>
      </c>
      <c r="K7108" s="9">
        <v>937</v>
      </c>
      <c r="L7108" s="6" t="s">
        <v>51</v>
      </c>
    </row>
    <row r="7109" spans="1:12">
      <c r="A7109" s="6" t="s">
        <v>49</v>
      </c>
      <c r="B7109" s="6"/>
      <c r="C7109" s="6" t="s">
        <v>7133</v>
      </c>
      <c r="D7109" s="6"/>
      <c r="E7109" s="6" t="s">
        <v>9</v>
      </c>
      <c r="F7109" s="7">
        <v>38657</v>
      </c>
      <c r="G7109" s="8">
        <v>1</v>
      </c>
      <c r="H7109" s="8">
        <v>1</v>
      </c>
      <c r="I7109" s="8">
        <v>0</v>
      </c>
      <c r="J7109" s="8">
        <v>1</v>
      </c>
      <c r="K7109" s="9">
        <v>214</v>
      </c>
      <c r="L7109" s="6" t="s">
        <v>51</v>
      </c>
    </row>
    <row r="7110" spans="1:12">
      <c r="A7110" s="6" t="s">
        <v>49</v>
      </c>
      <c r="B7110" s="6"/>
      <c r="C7110" s="6" t="s">
        <v>7134</v>
      </c>
      <c r="D7110" s="6"/>
      <c r="E7110" s="6" t="s">
        <v>9</v>
      </c>
      <c r="F7110" s="7">
        <v>38657</v>
      </c>
      <c r="G7110" s="8">
        <v>1</v>
      </c>
      <c r="H7110" s="8">
        <v>1</v>
      </c>
      <c r="I7110" s="8">
        <v>0</v>
      </c>
      <c r="J7110" s="8">
        <v>1</v>
      </c>
      <c r="K7110" s="9">
        <v>840</v>
      </c>
      <c r="L7110" s="6" t="s">
        <v>51</v>
      </c>
    </row>
    <row r="7111" spans="1:12">
      <c r="A7111" s="6" t="s">
        <v>49</v>
      </c>
      <c r="B7111" s="6"/>
      <c r="C7111" s="6" t="s">
        <v>7135</v>
      </c>
      <c r="D7111" s="6"/>
      <c r="E7111" s="6" t="s">
        <v>9</v>
      </c>
      <c r="F7111" s="7">
        <v>38657</v>
      </c>
      <c r="G7111" s="8">
        <v>1</v>
      </c>
      <c r="H7111" s="8">
        <v>1</v>
      </c>
      <c r="I7111" s="8">
        <v>0</v>
      </c>
      <c r="J7111" s="8">
        <v>1</v>
      </c>
      <c r="K7111" s="9">
        <v>387</v>
      </c>
      <c r="L7111" s="6" t="s">
        <v>51</v>
      </c>
    </row>
    <row r="7112" spans="1:12">
      <c r="A7112" s="6" t="s">
        <v>49</v>
      </c>
      <c r="B7112" s="6"/>
      <c r="C7112" s="6" t="s">
        <v>7136</v>
      </c>
      <c r="D7112" s="6"/>
      <c r="E7112" s="6" t="s">
        <v>9</v>
      </c>
      <c r="F7112" s="7">
        <v>38657</v>
      </c>
      <c r="G7112" s="8">
        <v>1</v>
      </c>
      <c r="H7112" s="8">
        <v>1</v>
      </c>
      <c r="I7112" s="8">
        <v>0</v>
      </c>
      <c r="J7112" s="8">
        <v>1</v>
      </c>
      <c r="K7112" s="9">
        <v>1800</v>
      </c>
      <c r="L7112" s="6" t="s">
        <v>51</v>
      </c>
    </row>
    <row r="7113" spans="1:12">
      <c r="A7113" s="6" t="s">
        <v>49</v>
      </c>
      <c r="B7113" s="6"/>
      <c r="C7113" s="6" t="s">
        <v>7137</v>
      </c>
      <c r="D7113" s="6"/>
      <c r="E7113" s="6" t="s">
        <v>9</v>
      </c>
      <c r="F7113" s="7">
        <v>38657</v>
      </c>
      <c r="G7113" s="8">
        <v>1</v>
      </c>
      <c r="H7113" s="8">
        <v>1</v>
      </c>
      <c r="I7113" s="8">
        <v>0</v>
      </c>
      <c r="J7113" s="8">
        <v>1</v>
      </c>
      <c r="K7113" s="9">
        <v>427</v>
      </c>
      <c r="L7113" s="6" t="s">
        <v>51</v>
      </c>
    </row>
    <row r="7114" spans="1:12">
      <c r="A7114" s="6" t="s">
        <v>49</v>
      </c>
      <c r="B7114" s="6"/>
      <c r="C7114" s="6" t="s">
        <v>7138</v>
      </c>
      <c r="D7114" s="6"/>
      <c r="E7114" s="6" t="s">
        <v>9</v>
      </c>
      <c r="F7114" s="7">
        <v>38657</v>
      </c>
      <c r="G7114" s="8">
        <v>1</v>
      </c>
      <c r="H7114" s="8">
        <v>1</v>
      </c>
      <c r="I7114" s="8">
        <v>0</v>
      </c>
      <c r="J7114" s="8">
        <v>1</v>
      </c>
      <c r="K7114" s="9">
        <v>360</v>
      </c>
      <c r="L7114" s="6" t="s">
        <v>51</v>
      </c>
    </row>
    <row r="7115" spans="1:12">
      <c r="A7115" s="6" t="s">
        <v>49</v>
      </c>
      <c r="B7115" s="6"/>
      <c r="C7115" s="6" t="s">
        <v>7139</v>
      </c>
      <c r="D7115" s="6"/>
      <c r="E7115" s="6" t="s">
        <v>9</v>
      </c>
      <c r="F7115" s="7">
        <v>38657</v>
      </c>
      <c r="G7115" s="8">
        <v>1</v>
      </c>
      <c r="H7115" s="8">
        <v>1</v>
      </c>
      <c r="I7115" s="8">
        <v>0</v>
      </c>
      <c r="J7115" s="8">
        <v>1</v>
      </c>
      <c r="K7115" s="9">
        <v>228</v>
      </c>
      <c r="L7115" s="6" t="s">
        <v>51</v>
      </c>
    </row>
    <row r="7116" spans="1:12">
      <c r="A7116" s="6" t="s">
        <v>49</v>
      </c>
      <c r="B7116" s="6"/>
      <c r="C7116" s="6" t="s">
        <v>7140</v>
      </c>
      <c r="D7116" s="6"/>
      <c r="E7116" s="6" t="s">
        <v>9</v>
      </c>
      <c r="F7116" s="7">
        <v>38657</v>
      </c>
      <c r="G7116" s="8">
        <v>1</v>
      </c>
      <c r="H7116" s="8">
        <v>1</v>
      </c>
      <c r="I7116" s="8">
        <v>0</v>
      </c>
      <c r="J7116" s="8">
        <v>1</v>
      </c>
      <c r="K7116" s="9">
        <v>288</v>
      </c>
      <c r="L7116" s="6" t="s">
        <v>51</v>
      </c>
    </row>
    <row r="7117" spans="1:12">
      <c r="A7117" s="6" t="s">
        <v>49</v>
      </c>
      <c r="B7117" s="6"/>
      <c r="C7117" s="6" t="s">
        <v>7141</v>
      </c>
      <c r="D7117" s="6"/>
      <c r="E7117" s="6" t="s">
        <v>9</v>
      </c>
      <c r="F7117" s="7">
        <v>38657</v>
      </c>
      <c r="G7117" s="8">
        <v>1</v>
      </c>
      <c r="H7117" s="8">
        <v>1</v>
      </c>
      <c r="I7117" s="8">
        <v>0</v>
      </c>
      <c r="J7117" s="8">
        <v>1</v>
      </c>
      <c r="K7117" s="9">
        <v>283</v>
      </c>
      <c r="L7117" s="6" t="s">
        <v>51</v>
      </c>
    </row>
    <row r="7118" spans="1:12">
      <c r="A7118" s="6" t="s">
        <v>49</v>
      </c>
      <c r="B7118" s="6"/>
      <c r="C7118" s="6" t="s">
        <v>7142</v>
      </c>
      <c r="D7118" s="6"/>
      <c r="E7118" s="6" t="s">
        <v>9</v>
      </c>
      <c r="F7118" s="7">
        <v>38657</v>
      </c>
      <c r="G7118" s="8">
        <v>1</v>
      </c>
      <c r="H7118" s="8">
        <v>1</v>
      </c>
      <c r="I7118" s="8">
        <v>0</v>
      </c>
      <c r="J7118" s="8">
        <v>1</v>
      </c>
      <c r="K7118" s="9">
        <v>2066</v>
      </c>
      <c r="L7118" s="6" t="s">
        <v>51</v>
      </c>
    </row>
    <row r="7119" spans="1:12">
      <c r="A7119" s="6" t="s">
        <v>49</v>
      </c>
      <c r="B7119" s="6"/>
      <c r="C7119" s="6" t="s">
        <v>7143</v>
      </c>
      <c r="D7119" s="6"/>
      <c r="E7119" s="6" t="s">
        <v>9</v>
      </c>
      <c r="F7119" s="7">
        <v>38657</v>
      </c>
      <c r="G7119" s="8">
        <v>1</v>
      </c>
      <c r="H7119" s="8">
        <v>1</v>
      </c>
      <c r="I7119" s="8">
        <v>0</v>
      </c>
      <c r="J7119" s="8">
        <v>1</v>
      </c>
      <c r="K7119" s="9">
        <v>379</v>
      </c>
      <c r="L7119" s="6" t="s">
        <v>51</v>
      </c>
    </row>
    <row r="7120" spans="1:12">
      <c r="A7120" s="6" t="s">
        <v>49</v>
      </c>
      <c r="B7120" s="6"/>
      <c r="C7120" s="6" t="s">
        <v>7144</v>
      </c>
      <c r="D7120" s="6"/>
      <c r="E7120" s="6" t="s">
        <v>9</v>
      </c>
      <c r="F7120" s="7">
        <v>38657</v>
      </c>
      <c r="G7120" s="8">
        <v>1</v>
      </c>
      <c r="H7120" s="8">
        <v>1</v>
      </c>
      <c r="I7120" s="8">
        <v>0</v>
      </c>
      <c r="J7120" s="8">
        <v>1</v>
      </c>
      <c r="K7120" s="9">
        <v>214</v>
      </c>
      <c r="L7120" s="6" t="s">
        <v>51</v>
      </c>
    </row>
    <row r="7121" spans="1:12">
      <c r="A7121" s="6" t="s">
        <v>49</v>
      </c>
      <c r="B7121" s="6"/>
      <c r="C7121" s="6" t="s">
        <v>7145</v>
      </c>
      <c r="D7121" s="6"/>
      <c r="E7121" s="6" t="s">
        <v>9</v>
      </c>
      <c r="F7121" s="7">
        <v>38657</v>
      </c>
      <c r="G7121" s="8">
        <v>1</v>
      </c>
      <c r="H7121" s="8">
        <v>1</v>
      </c>
      <c r="I7121" s="8">
        <v>0</v>
      </c>
      <c r="J7121" s="8">
        <v>1</v>
      </c>
      <c r="K7121" s="9">
        <v>2768</v>
      </c>
      <c r="L7121" s="6" t="s">
        <v>51</v>
      </c>
    </row>
    <row r="7122" spans="1:12">
      <c r="A7122" s="6" t="s">
        <v>49</v>
      </c>
      <c r="B7122" s="6"/>
      <c r="C7122" s="6" t="s">
        <v>7146</v>
      </c>
      <c r="D7122" s="6"/>
      <c r="E7122" s="6" t="s">
        <v>9</v>
      </c>
      <c r="F7122" s="7">
        <v>38657</v>
      </c>
      <c r="G7122" s="8">
        <v>1</v>
      </c>
      <c r="H7122" s="8">
        <v>1</v>
      </c>
      <c r="I7122" s="8">
        <v>0</v>
      </c>
      <c r="J7122" s="8">
        <v>1</v>
      </c>
      <c r="K7122" s="9">
        <v>275</v>
      </c>
      <c r="L7122" s="6" t="s">
        <v>51</v>
      </c>
    </row>
    <row r="7123" spans="1:12">
      <c r="A7123" s="6" t="s">
        <v>49</v>
      </c>
      <c r="B7123" s="6"/>
      <c r="C7123" s="6" t="s">
        <v>7147</v>
      </c>
      <c r="D7123" s="6"/>
      <c r="E7123" s="6" t="s">
        <v>9</v>
      </c>
      <c r="F7123" s="7">
        <v>38657</v>
      </c>
      <c r="G7123" s="8">
        <v>1</v>
      </c>
      <c r="H7123" s="8">
        <v>1</v>
      </c>
      <c r="I7123" s="8">
        <v>0</v>
      </c>
      <c r="J7123" s="8">
        <v>1</v>
      </c>
      <c r="K7123" s="9">
        <v>310</v>
      </c>
      <c r="L7123" s="6" t="s">
        <v>51</v>
      </c>
    </row>
    <row r="7124" spans="1:12">
      <c r="A7124" s="6" t="s">
        <v>49</v>
      </c>
      <c r="B7124" s="6"/>
      <c r="C7124" s="6" t="s">
        <v>7148</v>
      </c>
      <c r="D7124" s="6"/>
      <c r="E7124" s="6" t="s">
        <v>9</v>
      </c>
      <c r="F7124" s="7">
        <v>38657</v>
      </c>
      <c r="G7124" s="8">
        <v>1</v>
      </c>
      <c r="H7124" s="8">
        <v>1</v>
      </c>
      <c r="I7124" s="8">
        <v>0</v>
      </c>
      <c r="J7124" s="8">
        <v>1</v>
      </c>
      <c r="K7124" s="9">
        <v>3472</v>
      </c>
      <c r="L7124" s="6" t="s">
        <v>51</v>
      </c>
    </row>
    <row r="7125" spans="1:12">
      <c r="A7125" s="6" t="s">
        <v>49</v>
      </c>
      <c r="B7125" s="6"/>
      <c r="C7125" s="6" t="s">
        <v>7149</v>
      </c>
      <c r="D7125" s="6"/>
      <c r="E7125" s="6" t="s">
        <v>9</v>
      </c>
      <c r="F7125" s="7">
        <v>38657</v>
      </c>
      <c r="G7125" s="8">
        <v>1</v>
      </c>
      <c r="H7125" s="8">
        <v>1</v>
      </c>
      <c r="I7125" s="8">
        <v>0</v>
      </c>
      <c r="J7125" s="8">
        <v>1</v>
      </c>
      <c r="K7125" s="9">
        <v>1552</v>
      </c>
      <c r="L7125" s="6" t="s">
        <v>51</v>
      </c>
    </row>
    <row r="7126" spans="1:12">
      <c r="A7126" s="6" t="s">
        <v>49</v>
      </c>
      <c r="B7126" s="6"/>
      <c r="C7126" s="6" t="s">
        <v>7150</v>
      </c>
      <c r="D7126" s="6"/>
      <c r="E7126" s="6" t="s">
        <v>9</v>
      </c>
      <c r="F7126" s="7">
        <v>38657</v>
      </c>
      <c r="G7126" s="8">
        <v>1</v>
      </c>
      <c r="H7126" s="8">
        <v>1</v>
      </c>
      <c r="I7126" s="8">
        <v>0</v>
      </c>
      <c r="J7126" s="8">
        <v>1</v>
      </c>
      <c r="K7126" s="9">
        <v>1982</v>
      </c>
      <c r="L7126" s="6" t="s">
        <v>51</v>
      </c>
    </row>
    <row r="7127" spans="1:12">
      <c r="A7127" s="6" t="s">
        <v>49</v>
      </c>
      <c r="B7127" s="6"/>
      <c r="C7127" s="6" t="s">
        <v>7151</v>
      </c>
      <c r="D7127" s="6"/>
      <c r="E7127" s="6" t="s">
        <v>9</v>
      </c>
      <c r="F7127" s="7">
        <v>38657</v>
      </c>
      <c r="G7127" s="8">
        <v>1</v>
      </c>
      <c r="H7127" s="8">
        <v>1</v>
      </c>
      <c r="I7127" s="8">
        <v>0</v>
      </c>
      <c r="J7127" s="8">
        <v>1</v>
      </c>
      <c r="K7127" s="9">
        <v>137</v>
      </c>
      <c r="L7127" s="6" t="s">
        <v>51</v>
      </c>
    </row>
    <row r="7128" spans="1:12">
      <c r="A7128" s="6" t="s">
        <v>49</v>
      </c>
      <c r="B7128" s="6"/>
      <c r="C7128" s="6" t="s">
        <v>7152</v>
      </c>
      <c r="D7128" s="6"/>
      <c r="E7128" s="6" t="s">
        <v>9</v>
      </c>
      <c r="F7128" s="7">
        <v>38657</v>
      </c>
      <c r="G7128" s="8">
        <v>1</v>
      </c>
      <c r="H7128" s="8">
        <v>1</v>
      </c>
      <c r="I7128" s="8">
        <v>0</v>
      </c>
      <c r="J7128" s="8">
        <v>1</v>
      </c>
      <c r="K7128" s="9">
        <v>295</v>
      </c>
      <c r="L7128" s="6" t="s">
        <v>51</v>
      </c>
    </row>
    <row r="7129" spans="1:12">
      <c r="A7129" s="6" t="s">
        <v>49</v>
      </c>
      <c r="B7129" s="6"/>
      <c r="C7129" s="6" t="s">
        <v>7153</v>
      </c>
      <c r="D7129" s="6"/>
      <c r="E7129" s="6" t="s">
        <v>9</v>
      </c>
      <c r="F7129" s="7">
        <v>38657</v>
      </c>
      <c r="G7129" s="8">
        <v>1</v>
      </c>
      <c r="H7129" s="8">
        <v>1</v>
      </c>
      <c r="I7129" s="8">
        <v>0</v>
      </c>
      <c r="J7129" s="8">
        <v>1</v>
      </c>
      <c r="K7129" s="9">
        <v>479</v>
      </c>
      <c r="L7129" s="6" t="s">
        <v>51</v>
      </c>
    </row>
    <row r="7130" spans="1:12">
      <c r="A7130" s="6" t="s">
        <v>49</v>
      </c>
      <c r="B7130" s="6"/>
      <c r="C7130" s="6" t="s">
        <v>7154</v>
      </c>
      <c r="D7130" s="6"/>
      <c r="E7130" s="6" t="s">
        <v>9</v>
      </c>
      <c r="F7130" s="7">
        <v>38657</v>
      </c>
      <c r="G7130" s="8">
        <v>1</v>
      </c>
      <c r="H7130" s="8">
        <v>1</v>
      </c>
      <c r="I7130" s="8">
        <v>0</v>
      </c>
      <c r="J7130" s="8">
        <v>1</v>
      </c>
      <c r="K7130" s="9">
        <v>142</v>
      </c>
      <c r="L7130" s="6" t="s">
        <v>51</v>
      </c>
    </row>
    <row r="7131" spans="1:12">
      <c r="A7131" s="6" t="s">
        <v>49</v>
      </c>
      <c r="B7131" s="6"/>
      <c r="C7131" s="6" t="s">
        <v>7155</v>
      </c>
      <c r="D7131" s="6"/>
      <c r="E7131" s="6" t="s">
        <v>9</v>
      </c>
      <c r="F7131" s="7">
        <v>38657</v>
      </c>
      <c r="G7131" s="8">
        <v>1</v>
      </c>
      <c r="H7131" s="8">
        <v>1</v>
      </c>
      <c r="I7131" s="8">
        <v>0</v>
      </c>
      <c r="J7131" s="8">
        <v>1</v>
      </c>
      <c r="K7131" s="9">
        <v>14.87</v>
      </c>
      <c r="L7131" s="6" t="s">
        <v>51</v>
      </c>
    </row>
    <row r="7132" spans="1:12">
      <c r="A7132" s="6" t="s">
        <v>49</v>
      </c>
      <c r="B7132" s="6"/>
      <c r="C7132" s="6" t="s">
        <v>7156</v>
      </c>
      <c r="D7132" s="6"/>
      <c r="E7132" s="6" t="s">
        <v>9</v>
      </c>
      <c r="F7132" s="7"/>
      <c r="G7132" s="8">
        <v>1</v>
      </c>
      <c r="H7132" s="8">
        <v>1</v>
      </c>
      <c r="I7132" s="8">
        <v>0</v>
      </c>
      <c r="J7132" s="8">
        <v>1</v>
      </c>
      <c r="K7132" s="9">
        <v>6.61</v>
      </c>
      <c r="L7132" s="6" t="s">
        <v>51</v>
      </c>
    </row>
    <row r="7133" spans="1:12">
      <c r="A7133" s="6" t="s">
        <v>49</v>
      </c>
      <c r="B7133" s="6"/>
      <c r="C7133" s="6" t="s">
        <v>7157</v>
      </c>
      <c r="D7133" s="6"/>
      <c r="E7133" s="6" t="s">
        <v>9</v>
      </c>
      <c r="F7133" s="7"/>
      <c r="G7133" s="8">
        <v>1</v>
      </c>
      <c r="H7133" s="8">
        <v>1</v>
      </c>
      <c r="I7133" s="8">
        <v>0</v>
      </c>
      <c r="J7133" s="8">
        <v>1</v>
      </c>
      <c r="K7133" s="9">
        <v>29</v>
      </c>
      <c r="L7133" s="6" t="s">
        <v>51</v>
      </c>
    </row>
    <row r="7134" spans="1:12">
      <c r="A7134" s="6" t="s">
        <v>49</v>
      </c>
      <c r="B7134" s="6"/>
      <c r="C7134" s="6" t="s">
        <v>7158</v>
      </c>
      <c r="D7134" s="6"/>
      <c r="E7134" s="6" t="s">
        <v>9</v>
      </c>
      <c r="F7134" s="7">
        <v>40053</v>
      </c>
      <c r="G7134" s="8">
        <v>1</v>
      </c>
      <c r="H7134" s="8">
        <v>1</v>
      </c>
      <c r="I7134" s="8">
        <v>0</v>
      </c>
      <c r="J7134" s="8">
        <v>1</v>
      </c>
      <c r="K7134" s="9">
        <v>16</v>
      </c>
      <c r="L7134" s="6" t="s">
        <v>51</v>
      </c>
    </row>
    <row r="7135" spans="1:12">
      <c r="A7135" s="6" t="s">
        <v>49</v>
      </c>
      <c r="B7135" s="6"/>
      <c r="C7135" s="6" t="s">
        <v>7159</v>
      </c>
      <c r="D7135" s="6"/>
      <c r="E7135" s="6" t="s">
        <v>9</v>
      </c>
      <c r="F7135" s="7"/>
      <c r="G7135" s="8">
        <v>1</v>
      </c>
      <c r="H7135" s="8">
        <v>1</v>
      </c>
      <c r="I7135" s="8">
        <v>0</v>
      </c>
      <c r="J7135" s="8">
        <v>1</v>
      </c>
      <c r="K7135" s="9">
        <v>85</v>
      </c>
      <c r="L7135" s="6" t="s">
        <v>51</v>
      </c>
    </row>
    <row r="7136" spans="1:12">
      <c r="A7136" s="6" t="s">
        <v>49</v>
      </c>
      <c r="B7136" s="6"/>
      <c r="C7136" s="6" t="s">
        <v>7160</v>
      </c>
      <c r="D7136" s="6"/>
      <c r="E7136" s="6" t="s">
        <v>9</v>
      </c>
      <c r="F7136" s="7">
        <v>38657</v>
      </c>
      <c r="G7136" s="8">
        <v>1</v>
      </c>
      <c r="H7136" s="8">
        <v>1</v>
      </c>
      <c r="I7136" s="8">
        <v>0</v>
      </c>
      <c r="J7136" s="8">
        <v>1</v>
      </c>
      <c r="K7136" s="9">
        <v>561</v>
      </c>
      <c r="L7136" s="6" t="s">
        <v>51</v>
      </c>
    </row>
    <row r="7137" spans="1:12">
      <c r="A7137" s="6" t="s">
        <v>49</v>
      </c>
      <c r="B7137" s="6"/>
      <c r="C7137" s="6" t="s">
        <v>7161</v>
      </c>
      <c r="D7137" s="6"/>
      <c r="E7137" s="6" t="s">
        <v>9</v>
      </c>
      <c r="F7137" s="7">
        <v>38657</v>
      </c>
      <c r="G7137" s="8">
        <v>1</v>
      </c>
      <c r="H7137" s="8">
        <v>1</v>
      </c>
      <c r="I7137" s="8">
        <v>0</v>
      </c>
      <c r="J7137" s="8">
        <v>1</v>
      </c>
      <c r="K7137" s="9">
        <v>247</v>
      </c>
      <c r="L7137" s="6" t="s">
        <v>51</v>
      </c>
    </row>
    <row r="7138" spans="1:12">
      <c r="A7138" s="6" t="s">
        <v>49</v>
      </c>
      <c r="B7138" s="6"/>
      <c r="C7138" s="6" t="s">
        <v>7162</v>
      </c>
      <c r="D7138" s="6"/>
      <c r="E7138" s="6" t="s">
        <v>9</v>
      </c>
      <c r="F7138" s="7">
        <v>38657</v>
      </c>
      <c r="G7138" s="8">
        <v>1</v>
      </c>
      <c r="H7138" s="8">
        <v>1</v>
      </c>
      <c r="I7138" s="8">
        <v>0</v>
      </c>
      <c r="J7138" s="8">
        <v>1</v>
      </c>
      <c r="K7138" s="9">
        <v>239</v>
      </c>
      <c r="L7138" s="6" t="s">
        <v>51</v>
      </c>
    </row>
    <row r="7139" spans="1:12">
      <c r="A7139" s="6" t="s">
        <v>49</v>
      </c>
      <c r="B7139" s="6"/>
      <c r="C7139" s="6" t="s">
        <v>7163</v>
      </c>
      <c r="D7139" s="6"/>
      <c r="E7139" s="6" t="s">
        <v>9</v>
      </c>
      <c r="F7139" s="7">
        <v>38657</v>
      </c>
      <c r="G7139" s="8">
        <v>1</v>
      </c>
      <c r="H7139" s="8">
        <v>1</v>
      </c>
      <c r="I7139" s="8">
        <v>0</v>
      </c>
      <c r="J7139" s="8">
        <v>1</v>
      </c>
      <c r="K7139" s="9">
        <v>512</v>
      </c>
      <c r="L7139" s="6" t="s">
        <v>51</v>
      </c>
    </row>
    <row r="7140" spans="1:12">
      <c r="A7140" s="6" t="s">
        <v>49</v>
      </c>
      <c r="B7140" s="6"/>
      <c r="C7140" s="6" t="s">
        <v>7164</v>
      </c>
      <c r="D7140" s="6"/>
      <c r="E7140" s="6" t="s">
        <v>9</v>
      </c>
      <c r="F7140" s="7">
        <v>38657</v>
      </c>
      <c r="G7140" s="8">
        <v>1</v>
      </c>
      <c r="H7140" s="8">
        <v>1</v>
      </c>
      <c r="I7140" s="8">
        <v>0</v>
      </c>
      <c r="J7140" s="8">
        <v>1</v>
      </c>
      <c r="K7140" s="9">
        <v>33</v>
      </c>
      <c r="L7140" s="6" t="s">
        <v>51</v>
      </c>
    </row>
    <row r="7141" spans="1:12">
      <c r="A7141" s="6" t="s">
        <v>49</v>
      </c>
      <c r="B7141" s="6"/>
      <c r="C7141" s="6" t="s">
        <v>7165</v>
      </c>
      <c r="D7141" s="6"/>
      <c r="E7141" s="6" t="s">
        <v>9</v>
      </c>
      <c r="F7141" s="7">
        <v>38657</v>
      </c>
      <c r="G7141" s="8">
        <v>1</v>
      </c>
      <c r="H7141" s="8">
        <v>1</v>
      </c>
      <c r="I7141" s="8">
        <v>0</v>
      </c>
      <c r="J7141" s="8">
        <v>1</v>
      </c>
      <c r="K7141" s="9">
        <v>37</v>
      </c>
      <c r="L7141" s="6" t="s">
        <v>51</v>
      </c>
    </row>
    <row r="7142" spans="1:12">
      <c r="A7142" s="6" t="s">
        <v>49</v>
      </c>
      <c r="B7142" s="6"/>
      <c r="C7142" s="6" t="s">
        <v>7166</v>
      </c>
      <c r="D7142" s="6"/>
      <c r="E7142" s="6" t="s">
        <v>9</v>
      </c>
      <c r="F7142" s="7">
        <v>38657</v>
      </c>
      <c r="G7142" s="8">
        <v>1</v>
      </c>
      <c r="H7142" s="8">
        <v>1</v>
      </c>
      <c r="I7142" s="8">
        <v>0</v>
      </c>
      <c r="J7142" s="8">
        <v>1</v>
      </c>
      <c r="K7142" s="9">
        <v>40</v>
      </c>
      <c r="L7142" s="6" t="s">
        <v>51</v>
      </c>
    </row>
    <row r="7143" spans="1:12">
      <c r="A7143" s="6" t="s">
        <v>49</v>
      </c>
      <c r="B7143" s="6"/>
      <c r="C7143" s="6" t="s">
        <v>7167</v>
      </c>
      <c r="D7143" s="6"/>
      <c r="E7143" s="6" t="s">
        <v>9</v>
      </c>
      <c r="F7143" s="7">
        <v>38657</v>
      </c>
      <c r="G7143" s="8">
        <v>1</v>
      </c>
      <c r="H7143" s="8">
        <v>1</v>
      </c>
      <c r="I7143" s="8">
        <v>0</v>
      </c>
      <c r="J7143" s="8">
        <v>1</v>
      </c>
      <c r="K7143" s="9">
        <v>95</v>
      </c>
      <c r="L7143" s="6" t="s">
        <v>51</v>
      </c>
    </row>
    <row r="7144" spans="1:12">
      <c r="A7144" s="6" t="s">
        <v>49</v>
      </c>
      <c r="B7144" s="6"/>
      <c r="C7144" s="6" t="s">
        <v>7168</v>
      </c>
      <c r="D7144" s="6"/>
      <c r="E7144" s="6" t="s">
        <v>9</v>
      </c>
      <c r="F7144" s="7">
        <v>38657</v>
      </c>
      <c r="G7144" s="8">
        <v>1</v>
      </c>
      <c r="H7144" s="8">
        <v>1</v>
      </c>
      <c r="I7144" s="8">
        <v>0</v>
      </c>
      <c r="J7144" s="8">
        <v>1</v>
      </c>
      <c r="K7144" s="9">
        <v>204</v>
      </c>
      <c r="L7144" s="6" t="s">
        <v>51</v>
      </c>
    </row>
    <row r="7145" spans="1:12">
      <c r="A7145" s="6" t="s">
        <v>49</v>
      </c>
      <c r="B7145" s="6"/>
      <c r="C7145" s="6" t="s">
        <v>7169</v>
      </c>
      <c r="D7145" s="6"/>
      <c r="E7145" s="6" t="s">
        <v>9</v>
      </c>
      <c r="F7145" s="7">
        <v>38657</v>
      </c>
      <c r="G7145" s="8">
        <v>1</v>
      </c>
      <c r="H7145" s="8">
        <v>1</v>
      </c>
      <c r="I7145" s="8">
        <v>0</v>
      </c>
      <c r="J7145" s="8">
        <v>1</v>
      </c>
      <c r="K7145" s="9">
        <v>28.72</v>
      </c>
      <c r="L7145" s="6" t="s">
        <v>51</v>
      </c>
    </row>
    <row r="7146" spans="1:12">
      <c r="A7146" s="6" t="s">
        <v>49</v>
      </c>
      <c r="B7146" s="6"/>
      <c r="C7146" s="6" t="s">
        <v>7170</v>
      </c>
      <c r="D7146" s="6"/>
      <c r="E7146" s="6" t="s">
        <v>9</v>
      </c>
      <c r="F7146" s="7">
        <v>38657</v>
      </c>
      <c r="G7146" s="8">
        <v>1</v>
      </c>
      <c r="H7146" s="8">
        <v>1</v>
      </c>
      <c r="I7146" s="8">
        <v>0</v>
      </c>
      <c r="J7146" s="8">
        <v>1</v>
      </c>
      <c r="K7146" s="9">
        <v>288</v>
      </c>
      <c r="L7146" s="6" t="s">
        <v>51</v>
      </c>
    </row>
    <row r="7147" spans="1:12">
      <c r="A7147" s="6" t="s">
        <v>49</v>
      </c>
      <c r="B7147" s="6"/>
      <c r="C7147" s="6" t="s">
        <v>7171</v>
      </c>
      <c r="D7147" s="6"/>
      <c r="E7147" s="6" t="s">
        <v>9</v>
      </c>
      <c r="F7147" s="7">
        <v>38657</v>
      </c>
      <c r="G7147" s="8">
        <v>1</v>
      </c>
      <c r="H7147" s="8">
        <v>1</v>
      </c>
      <c r="I7147" s="8">
        <v>0</v>
      </c>
      <c r="J7147" s="8">
        <v>1</v>
      </c>
      <c r="K7147" s="9">
        <v>353</v>
      </c>
      <c r="L7147" s="6" t="s">
        <v>51</v>
      </c>
    </row>
    <row r="7148" spans="1:12">
      <c r="A7148" s="6" t="s">
        <v>49</v>
      </c>
      <c r="B7148" s="6"/>
      <c r="C7148" s="6" t="s">
        <v>7172</v>
      </c>
      <c r="D7148" s="6"/>
      <c r="E7148" s="6" t="s">
        <v>9</v>
      </c>
      <c r="F7148" s="7">
        <v>38657</v>
      </c>
      <c r="G7148" s="8">
        <v>1</v>
      </c>
      <c r="H7148" s="8">
        <v>1</v>
      </c>
      <c r="I7148" s="8">
        <v>0</v>
      </c>
      <c r="J7148" s="8">
        <v>1</v>
      </c>
      <c r="K7148" s="9">
        <v>506</v>
      </c>
      <c r="L7148" s="6" t="s">
        <v>51</v>
      </c>
    </row>
    <row r="7149" spans="1:12">
      <c r="A7149" s="6" t="s">
        <v>49</v>
      </c>
      <c r="B7149" s="6"/>
      <c r="C7149" s="6" t="s">
        <v>7173</v>
      </c>
      <c r="D7149" s="6"/>
      <c r="E7149" s="6" t="s">
        <v>9</v>
      </c>
      <c r="F7149" s="7">
        <v>38657</v>
      </c>
      <c r="G7149" s="8">
        <v>1</v>
      </c>
      <c r="H7149" s="8">
        <v>1</v>
      </c>
      <c r="I7149" s="8">
        <v>0</v>
      </c>
      <c r="J7149" s="8">
        <v>1</v>
      </c>
      <c r="K7149" s="9">
        <v>139</v>
      </c>
      <c r="L7149" s="6" t="s">
        <v>51</v>
      </c>
    </row>
    <row r="7150" spans="1:12">
      <c r="A7150" s="6" t="s">
        <v>49</v>
      </c>
      <c r="B7150" s="6"/>
      <c r="C7150" s="6" t="s">
        <v>7174</v>
      </c>
      <c r="D7150" s="6"/>
      <c r="E7150" s="6" t="s">
        <v>9</v>
      </c>
      <c r="F7150" s="7">
        <v>38657</v>
      </c>
      <c r="G7150" s="8">
        <v>1</v>
      </c>
      <c r="H7150" s="8">
        <v>1</v>
      </c>
      <c r="I7150" s="8">
        <v>0</v>
      </c>
      <c r="J7150" s="8">
        <v>1</v>
      </c>
      <c r="K7150" s="9">
        <v>630</v>
      </c>
      <c r="L7150" s="6" t="s">
        <v>51</v>
      </c>
    </row>
    <row r="7151" spans="1:12">
      <c r="A7151" s="6" t="s">
        <v>49</v>
      </c>
      <c r="B7151" s="6"/>
      <c r="C7151" s="6" t="s">
        <v>7175</v>
      </c>
      <c r="D7151" s="6"/>
      <c r="E7151" s="6" t="s">
        <v>9</v>
      </c>
      <c r="F7151" s="7">
        <v>38657</v>
      </c>
      <c r="G7151" s="8">
        <v>1</v>
      </c>
      <c r="H7151" s="8">
        <v>1</v>
      </c>
      <c r="I7151" s="8">
        <v>0</v>
      </c>
      <c r="J7151" s="8">
        <v>1</v>
      </c>
      <c r="K7151" s="9">
        <v>55.83</v>
      </c>
      <c r="L7151" s="6" t="s">
        <v>51</v>
      </c>
    </row>
    <row r="7152" spans="1:12">
      <c r="A7152" s="6" t="s">
        <v>49</v>
      </c>
      <c r="B7152" s="6"/>
      <c r="C7152" s="6" t="s">
        <v>7176</v>
      </c>
      <c r="D7152" s="6"/>
      <c r="E7152" s="6" t="s">
        <v>9</v>
      </c>
      <c r="F7152" s="7"/>
      <c r="G7152" s="8">
        <v>1</v>
      </c>
      <c r="H7152" s="8">
        <v>1</v>
      </c>
      <c r="I7152" s="8">
        <v>0</v>
      </c>
      <c r="J7152" s="8">
        <v>1</v>
      </c>
      <c r="K7152" s="9">
        <v>2.0699999999999901</v>
      </c>
      <c r="L7152" s="6" t="s">
        <v>51</v>
      </c>
    </row>
    <row r="7153" spans="1:12">
      <c r="A7153" s="6" t="s">
        <v>49</v>
      </c>
      <c r="B7153" s="6"/>
      <c r="C7153" s="6" t="s">
        <v>7177</v>
      </c>
      <c r="D7153" s="6"/>
      <c r="E7153" s="6" t="s">
        <v>9</v>
      </c>
      <c r="F7153" s="7">
        <v>38657</v>
      </c>
      <c r="G7153" s="8">
        <v>1</v>
      </c>
      <c r="H7153" s="8">
        <v>1</v>
      </c>
      <c r="I7153" s="8">
        <v>0</v>
      </c>
      <c r="J7153" s="8">
        <v>1</v>
      </c>
      <c r="K7153" s="9">
        <v>40</v>
      </c>
      <c r="L7153" s="6" t="s">
        <v>51</v>
      </c>
    </row>
    <row r="7154" spans="1:12">
      <c r="A7154" s="6" t="s">
        <v>49</v>
      </c>
      <c r="B7154" s="6"/>
      <c r="C7154" s="6" t="s">
        <v>7178</v>
      </c>
      <c r="D7154" s="6"/>
      <c r="E7154" s="6" t="s">
        <v>9</v>
      </c>
      <c r="F7154" s="7">
        <v>38657</v>
      </c>
      <c r="G7154" s="8">
        <v>1</v>
      </c>
      <c r="H7154" s="8">
        <v>1</v>
      </c>
      <c r="I7154" s="8">
        <v>0</v>
      </c>
      <c r="J7154" s="8">
        <v>1</v>
      </c>
      <c r="K7154" s="9">
        <v>512</v>
      </c>
      <c r="L7154" s="6" t="s">
        <v>51</v>
      </c>
    </row>
    <row r="7155" spans="1:12">
      <c r="A7155" s="6" t="s">
        <v>49</v>
      </c>
      <c r="B7155" s="6"/>
      <c r="C7155" s="6" t="s">
        <v>7179</v>
      </c>
      <c r="D7155" s="6"/>
      <c r="E7155" s="6" t="s">
        <v>9</v>
      </c>
      <c r="F7155" s="7">
        <v>38657</v>
      </c>
      <c r="G7155" s="8">
        <v>1</v>
      </c>
      <c r="H7155" s="8">
        <v>1</v>
      </c>
      <c r="I7155" s="8">
        <v>0</v>
      </c>
      <c r="J7155" s="8">
        <v>1</v>
      </c>
      <c r="K7155" s="9">
        <v>64</v>
      </c>
      <c r="L7155" s="6" t="s">
        <v>51</v>
      </c>
    </row>
    <row r="7156" spans="1:12">
      <c r="A7156" s="6" t="s">
        <v>49</v>
      </c>
      <c r="B7156" s="6"/>
      <c r="C7156" s="6" t="s">
        <v>7180</v>
      </c>
      <c r="D7156" s="6"/>
      <c r="E7156" s="6" t="s">
        <v>9</v>
      </c>
      <c r="F7156" s="7">
        <v>38657</v>
      </c>
      <c r="G7156" s="8">
        <v>1</v>
      </c>
      <c r="H7156" s="8">
        <v>1</v>
      </c>
      <c r="I7156" s="8">
        <v>0</v>
      </c>
      <c r="J7156" s="8">
        <v>1</v>
      </c>
      <c r="K7156" s="9">
        <v>148</v>
      </c>
      <c r="L7156" s="6" t="s">
        <v>51</v>
      </c>
    </row>
    <row r="7157" spans="1:12">
      <c r="A7157" s="6" t="s">
        <v>49</v>
      </c>
      <c r="B7157" s="6"/>
      <c r="C7157" s="6" t="s">
        <v>7181</v>
      </c>
      <c r="D7157" s="6"/>
      <c r="E7157" s="6" t="s">
        <v>9</v>
      </c>
      <c r="F7157" s="7">
        <v>38657</v>
      </c>
      <c r="G7157" s="8">
        <v>1</v>
      </c>
      <c r="H7157" s="8">
        <v>1</v>
      </c>
      <c r="I7157" s="8">
        <v>0</v>
      </c>
      <c r="J7157" s="8">
        <v>1</v>
      </c>
      <c r="K7157" s="9">
        <v>0.23</v>
      </c>
      <c r="L7157" s="6" t="s">
        <v>51</v>
      </c>
    </row>
    <row r="7158" spans="1:12">
      <c r="A7158" s="6" t="s">
        <v>49</v>
      </c>
      <c r="B7158" s="6"/>
      <c r="C7158" s="6" t="s">
        <v>7182</v>
      </c>
      <c r="D7158" s="6"/>
      <c r="E7158" s="6" t="s">
        <v>9</v>
      </c>
      <c r="F7158" s="7">
        <v>38657</v>
      </c>
      <c r="G7158" s="8">
        <v>1</v>
      </c>
      <c r="H7158" s="8">
        <v>1</v>
      </c>
      <c r="I7158" s="8">
        <v>0</v>
      </c>
      <c r="J7158" s="8">
        <v>1</v>
      </c>
      <c r="K7158" s="9">
        <v>284</v>
      </c>
      <c r="L7158" s="6" t="s">
        <v>51</v>
      </c>
    </row>
    <row r="7159" spans="1:12">
      <c r="A7159" s="6" t="s">
        <v>49</v>
      </c>
      <c r="B7159" s="6"/>
      <c r="C7159" s="6" t="s">
        <v>7183</v>
      </c>
      <c r="D7159" s="6"/>
      <c r="E7159" s="6" t="s">
        <v>9</v>
      </c>
      <c r="F7159" s="7">
        <v>38657</v>
      </c>
      <c r="G7159" s="8">
        <v>1</v>
      </c>
      <c r="H7159" s="8">
        <v>1</v>
      </c>
      <c r="I7159" s="8">
        <v>0</v>
      </c>
      <c r="J7159" s="8">
        <v>1</v>
      </c>
      <c r="K7159" s="9">
        <v>366</v>
      </c>
      <c r="L7159" s="6" t="s">
        <v>51</v>
      </c>
    </row>
    <row r="7160" spans="1:12">
      <c r="A7160" s="6" t="s">
        <v>49</v>
      </c>
      <c r="B7160" s="6"/>
      <c r="C7160" s="6" t="s">
        <v>7184</v>
      </c>
      <c r="D7160" s="6"/>
      <c r="E7160" s="6" t="s">
        <v>9</v>
      </c>
      <c r="F7160" s="7">
        <v>38657</v>
      </c>
      <c r="G7160" s="8">
        <v>1</v>
      </c>
      <c r="H7160" s="8">
        <v>1</v>
      </c>
      <c r="I7160" s="8">
        <v>0</v>
      </c>
      <c r="J7160" s="8">
        <v>1</v>
      </c>
      <c r="K7160" s="9">
        <v>320</v>
      </c>
      <c r="L7160" s="6" t="s">
        <v>51</v>
      </c>
    </row>
    <row r="7161" spans="1:12">
      <c r="A7161" s="6" t="s">
        <v>49</v>
      </c>
      <c r="B7161" s="6"/>
      <c r="C7161" s="6" t="s">
        <v>7185</v>
      </c>
      <c r="D7161" s="6"/>
      <c r="E7161" s="6" t="s">
        <v>9</v>
      </c>
      <c r="F7161" s="7">
        <v>38657</v>
      </c>
      <c r="G7161" s="8">
        <v>1</v>
      </c>
      <c r="H7161" s="8">
        <v>1</v>
      </c>
      <c r="I7161" s="8">
        <v>0</v>
      </c>
      <c r="J7161" s="8">
        <v>1</v>
      </c>
      <c r="K7161" s="9">
        <v>318</v>
      </c>
      <c r="L7161" s="6" t="s">
        <v>51</v>
      </c>
    </row>
    <row r="7162" spans="1:12">
      <c r="A7162" s="6" t="s">
        <v>49</v>
      </c>
      <c r="B7162" s="6"/>
      <c r="C7162" s="6" t="s">
        <v>7186</v>
      </c>
      <c r="D7162" s="6"/>
      <c r="E7162" s="6" t="s">
        <v>9</v>
      </c>
      <c r="F7162" s="7">
        <v>38657</v>
      </c>
      <c r="G7162" s="8">
        <v>1</v>
      </c>
      <c r="H7162" s="8">
        <v>1</v>
      </c>
      <c r="I7162" s="8">
        <v>0</v>
      </c>
      <c r="J7162" s="8">
        <v>1</v>
      </c>
      <c r="K7162" s="9">
        <v>1327.56</v>
      </c>
      <c r="L7162" s="6" t="s">
        <v>51</v>
      </c>
    </row>
    <row r="7163" spans="1:12">
      <c r="A7163" s="6" t="s">
        <v>49</v>
      </c>
      <c r="B7163" s="6"/>
      <c r="C7163" s="6" t="s">
        <v>7187</v>
      </c>
      <c r="D7163" s="6"/>
      <c r="E7163" s="6" t="s">
        <v>9</v>
      </c>
      <c r="F7163" s="7">
        <v>38657</v>
      </c>
      <c r="G7163" s="8">
        <v>1</v>
      </c>
      <c r="H7163" s="8">
        <v>1</v>
      </c>
      <c r="I7163" s="8">
        <v>0</v>
      </c>
      <c r="J7163" s="8">
        <v>1</v>
      </c>
      <c r="K7163" s="9">
        <v>16</v>
      </c>
      <c r="L7163" s="6" t="s">
        <v>51</v>
      </c>
    </row>
    <row r="7164" spans="1:12">
      <c r="A7164" s="6" t="s">
        <v>49</v>
      </c>
      <c r="B7164" s="6"/>
      <c r="C7164" s="6" t="s">
        <v>7188</v>
      </c>
      <c r="D7164" s="6"/>
      <c r="E7164" s="6" t="s">
        <v>9</v>
      </c>
      <c r="F7164" s="7">
        <v>38657</v>
      </c>
      <c r="G7164" s="8">
        <v>1</v>
      </c>
      <c r="H7164" s="8">
        <v>1</v>
      </c>
      <c r="I7164" s="8">
        <v>0</v>
      </c>
      <c r="J7164" s="8">
        <v>1</v>
      </c>
      <c r="K7164" s="9">
        <v>96</v>
      </c>
      <c r="L7164" s="6" t="s">
        <v>51</v>
      </c>
    </row>
    <row r="7165" spans="1:12">
      <c r="A7165" s="6" t="s">
        <v>49</v>
      </c>
      <c r="B7165" s="6"/>
      <c r="C7165" s="6" t="s">
        <v>7189</v>
      </c>
      <c r="D7165" s="6"/>
      <c r="E7165" s="6" t="s">
        <v>9</v>
      </c>
      <c r="F7165" s="7">
        <v>38657</v>
      </c>
      <c r="G7165" s="8">
        <v>1</v>
      </c>
      <c r="H7165" s="8">
        <v>1</v>
      </c>
      <c r="I7165" s="8">
        <v>0</v>
      </c>
      <c r="J7165" s="8">
        <v>1</v>
      </c>
      <c r="K7165" s="9">
        <v>9.43</v>
      </c>
      <c r="L7165" s="6" t="s">
        <v>51</v>
      </c>
    </row>
    <row r="7166" spans="1:12">
      <c r="A7166" s="6" t="s">
        <v>49</v>
      </c>
      <c r="B7166" s="6"/>
      <c r="C7166" s="6" t="s">
        <v>7190</v>
      </c>
      <c r="D7166" s="6"/>
      <c r="E7166" s="6" t="s">
        <v>9</v>
      </c>
      <c r="F7166" s="7">
        <v>38657</v>
      </c>
      <c r="G7166" s="8">
        <v>1</v>
      </c>
      <c r="H7166" s="8">
        <v>1</v>
      </c>
      <c r="I7166" s="8">
        <v>0</v>
      </c>
      <c r="J7166" s="8">
        <v>1</v>
      </c>
      <c r="K7166" s="9">
        <v>0.56999999999999895</v>
      </c>
      <c r="L7166" s="6" t="s">
        <v>51</v>
      </c>
    </row>
    <row r="7167" spans="1:12">
      <c r="A7167" s="6" t="s">
        <v>49</v>
      </c>
      <c r="B7167" s="6"/>
      <c r="C7167" s="6" t="s">
        <v>7191</v>
      </c>
      <c r="D7167" s="6"/>
      <c r="E7167" s="6" t="s">
        <v>9</v>
      </c>
      <c r="F7167" s="7">
        <v>38657</v>
      </c>
      <c r="G7167" s="8">
        <v>1</v>
      </c>
      <c r="H7167" s="8">
        <v>1</v>
      </c>
      <c r="I7167" s="8">
        <v>0</v>
      </c>
      <c r="J7167" s="8">
        <v>1</v>
      </c>
      <c r="K7167" s="9">
        <v>12</v>
      </c>
      <c r="L7167" s="6" t="s">
        <v>51</v>
      </c>
    </row>
    <row r="7168" spans="1:12">
      <c r="A7168" s="6" t="s">
        <v>49</v>
      </c>
      <c r="B7168" s="6"/>
      <c r="C7168" s="6" t="s">
        <v>7192</v>
      </c>
      <c r="D7168" s="6"/>
      <c r="E7168" s="6" t="s">
        <v>9</v>
      </c>
      <c r="F7168" s="7">
        <v>38657</v>
      </c>
      <c r="G7168" s="8">
        <v>1</v>
      </c>
      <c r="H7168" s="8">
        <v>1</v>
      </c>
      <c r="I7168" s="8">
        <v>0</v>
      </c>
      <c r="J7168" s="8">
        <v>1</v>
      </c>
      <c r="K7168" s="9">
        <v>252.34</v>
      </c>
      <c r="L7168" s="6" t="s">
        <v>51</v>
      </c>
    </row>
    <row r="7169" spans="1:12">
      <c r="A7169" s="6" t="s">
        <v>49</v>
      </c>
      <c r="B7169" s="6"/>
      <c r="C7169" s="6" t="s">
        <v>7193</v>
      </c>
      <c r="D7169" s="6"/>
      <c r="E7169" s="6" t="s">
        <v>9</v>
      </c>
      <c r="F7169" s="7">
        <v>38657</v>
      </c>
      <c r="G7169" s="8">
        <v>1</v>
      </c>
      <c r="H7169" s="8">
        <v>1</v>
      </c>
      <c r="I7169" s="8">
        <v>0</v>
      </c>
      <c r="J7169" s="8">
        <v>1</v>
      </c>
      <c r="K7169" s="9">
        <v>212</v>
      </c>
      <c r="L7169" s="6" t="s">
        <v>51</v>
      </c>
    </row>
    <row r="7170" spans="1:12">
      <c r="A7170" s="6" t="s">
        <v>49</v>
      </c>
      <c r="B7170" s="6"/>
      <c r="C7170" s="6" t="s">
        <v>7194</v>
      </c>
      <c r="D7170" s="6"/>
      <c r="E7170" s="6" t="s">
        <v>9</v>
      </c>
      <c r="F7170" s="7">
        <v>38657</v>
      </c>
      <c r="G7170" s="8">
        <v>1</v>
      </c>
      <c r="H7170" s="8">
        <v>1</v>
      </c>
      <c r="I7170" s="8">
        <v>0</v>
      </c>
      <c r="J7170" s="8">
        <v>1</v>
      </c>
      <c r="K7170" s="9">
        <v>123.58</v>
      </c>
      <c r="L7170" s="6" t="s">
        <v>51</v>
      </c>
    </row>
    <row r="7171" spans="1:12">
      <c r="A7171" s="6" t="s">
        <v>49</v>
      </c>
      <c r="B7171" s="6"/>
      <c r="C7171" s="6" t="s">
        <v>7195</v>
      </c>
      <c r="D7171" s="6"/>
      <c r="E7171" s="6" t="s">
        <v>9</v>
      </c>
      <c r="F7171" s="7">
        <v>38657</v>
      </c>
      <c r="G7171" s="8">
        <v>1</v>
      </c>
      <c r="H7171" s="8">
        <v>1</v>
      </c>
      <c r="I7171" s="8">
        <v>0</v>
      </c>
      <c r="J7171" s="8">
        <v>1</v>
      </c>
      <c r="K7171" s="9">
        <v>133.38999999999899</v>
      </c>
      <c r="L7171" s="6" t="s">
        <v>51</v>
      </c>
    </row>
    <row r="7172" spans="1:12">
      <c r="A7172" s="6" t="s">
        <v>49</v>
      </c>
      <c r="B7172" s="6"/>
      <c r="C7172" s="6" t="s">
        <v>7196</v>
      </c>
      <c r="D7172" s="6"/>
      <c r="E7172" s="6" t="s">
        <v>9</v>
      </c>
      <c r="F7172" s="7">
        <v>38657</v>
      </c>
      <c r="G7172" s="8">
        <v>1</v>
      </c>
      <c r="H7172" s="8">
        <v>1</v>
      </c>
      <c r="I7172" s="8">
        <v>0</v>
      </c>
      <c r="J7172" s="8">
        <v>1</v>
      </c>
      <c r="K7172" s="9">
        <v>255</v>
      </c>
      <c r="L7172" s="6" t="s">
        <v>51</v>
      </c>
    </row>
    <row r="7173" spans="1:12">
      <c r="A7173" s="6" t="s">
        <v>49</v>
      </c>
      <c r="B7173" s="6"/>
      <c r="C7173" s="6" t="s">
        <v>7197</v>
      </c>
      <c r="D7173" s="6"/>
      <c r="E7173" s="6" t="s">
        <v>9</v>
      </c>
      <c r="F7173" s="7">
        <v>38657</v>
      </c>
      <c r="G7173" s="8">
        <v>1</v>
      </c>
      <c r="H7173" s="8">
        <v>1</v>
      </c>
      <c r="I7173" s="8">
        <v>0</v>
      </c>
      <c r="J7173" s="8">
        <v>1</v>
      </c>
      <c r="K7173" s="9">
        <v>255</v>
      </c>
      <c r="L7173" s="6" t="s">
        <v>51</v>
      </c>
    </row>
    <row r="7174" spans="1:12">
      <c r="A7174" s="6" t="s">
        <v>49</v>
      </c>
      <c r="B7174" s="6"/>
      <c r="C7174" s="6" t="s">
        <v>7198</v>
      </c>
      <c r="D7174" s="6"/>
      <c r="E7174" s="6" t="s">
        <v>9</v>
      </c>
      <c r="F7174" s="7">
        <v>38657</v>
      </c>
      <c r="G7174" s="8">
        <v>1</v>
      </c>
      <c r="H7174" s="8">
        <v>1</v>
      </c>
      <c r="I7174" s="8">
        <v>0</v>
      </c>
      <c r="J7174" s="8">
        <v>1</v>
      </c>
      <c r="K7174" s="9">
        <v>326</v>
      </c>
      <c r="L7174" s="6" t="s">
        <v>51</v>
      </c>
    </row>
    <row r="7175" spans="1:12">
      <c r="A7175" s="6" t="s">
        <v>49</v>
      </c>
      <c r="B7175" s="6"/>
      <c r="C7175" s="6" t="s">
        <v>7199</v>
      </c>
      <c r="D7175" s="6"/>
      <c r="E7175" s="6" t="s">
        <v>9</v>
      </c>
      <c r="F7175" s="7">
        <v>38657</v>
      </c>
      <c r="G7175" s="8">
        <v>1</v>
      </c>
      <c r="H7175" s="8">
        <v>1</v>
      </c>
      <c r="I7175" s="8">
        <v>0</v>
      </c>
      <c r="J7175" s="8">
        <v>1</v>
      </c>
      <c r="K7175" s="9">
        <v>255</v>
      </c>
      <c r="L7175" s="6" t="s">
        <v>51</v>
      </c>
    </row>
    <row r="7176" spans="1:12">
      <c r="A7176" s="6" t="s">
        <v>49</v>
      </c>
      <c r="B7176" s="6"/>
      <c r="C7176" s="6" t="s">
        <v>7200</v>
      </c>
      <c r="D7176" s="6"/>
      <c r="E7176" s="6" t="s">
        <v>9</v>
      </c>
      <c r="F7176" s="7">
        <v>38657</v>
      </c>
      <c r="G7176" s="8">
        <v>1</v>
      </c>
      <c r="H7176" s="8">
        <v>1</v>
      </c>
      <c r="I7176" s="8">
        <v>0</v>
      </c>
      <c r="J7176" s="8">
        <v>1</v>
      </c>
      <c r="K7176" s="9">
        <v>9.18</v>
      </c>
      <c r="L7176" s="6" t="s">
        <v>51</v>
      </c>
    </row>
    <row r="7177" spans="1:12">
      <c r="A7177" s="6" t="s">
        <v>49</v>
      </c>
      <c r="B7177" s="6"/>
      <c r="C7177" s="6" t="s">
        <v>7201</v>
      </c>
      <c r="D7177" s="6"/>
      <c r="E7177" s="6" t="s">
        <v>9</v>
      </c>
      <c r="F7177" s="7">
        <v>38657</v>
      </c>
      <c r="G7177" s="8">
        <v>1</v>
      </c>
      <c r="H7177" s="8">
        <v>1</v>
      </c>
      <c r="I7177" s="8">
        <v>0</v>
      </c>
      <c r="J7177" s="8">
        <v>1</v>
      </c>
      <c r="K7177" s="9">
        <v>255</v>
      </c>
      <c r="L7177" s="6" t="s">
        <v>51</v>
      </c>
    </row>
    <row r="7178" spans="1:12">
      <c r="A7178" s="6" t="s">
        <v>49</v>
      </c>
      <c r="B7178" s="6"/>
      <c r="C7178" s="6" t="s">
        <v>7202</v>
      </c>
      <c r="D7178" s="6"/>
      <c r="E7178" s="6" t="s">
        <v>9</v>
      </c>
      <c r="F7178" s="7">
        <v>38657</v>
      </c>
      <c r="G7178" s="8">
        <v>1</v>
      </c>
      <c r="H7178" s="8">
        <v>1</v>
      </c>
      <c r="I7178" s="8">
        <v>0</v>
      </c>
      <c r="J7178" s="8">
        <v>1</v>
      </c>
      <c r="K7178" s="9">
        <v>256</v>
      </c>
      <c r="L7178" s="6" t="s">
        <v>51</v>
      </c>
    </row>
    <row r="7179" spans="1:12">
      <c r="A7179" s="6" t="s">
        <v>49</v>
      </c>
      <c r="B7179" s="6"/>
      <c r="C7179" s="6" t="s">
        <v>7203</v>
      </c>
      <c r="D7179" s="6"/>
      <c r="E7179" s="6" t="s">
        <v>9</v>
      </c>
      <c r="F7179" s="7">
        <v>38657</v>
      </c>
      <c r="G7179" s="8">
        <v>1</v>
      </c>
      <c r="H7179" s="8">
        <v>1</v>
      </c>
      <c r="I7179" s="8">
        <v>0</v>
      </c>
      <c r="J7179" s="8">
        <v>1</v>
      </c>
      <c r="K7179" s="9">
        <v>218</v>
      </c>
      <c r="L7179" s="6" t="s">
        <v>51</v>
      </c>
    </row>
    <row r="7180" spans="1:12">
      <c r="A7180" s="6" t="s">
        <v>49</v>
      </c>
      <c r="B7180" s="6"/>
      <c r="C7180" s="6" t="s">
        <v>7204</v>
      </c>
      <c r="D7180" s="6"/>
      <c r="E7180" s="6" t="s">
        <v>9</v>
      </c>
      <c r="F7180" s="7">
        <v>38657</v>
      </c>
      <c r="G7180" s="8">
        <v>1</v>
      </c>
      <c r="H7180" s="8">
        <v>1</v>
      </c>
      <c r="I7180" s="8">
        <v>0</v>
      </c>
      <c r="J7180" s="8">
        <v>1</v>
      </c>
      <c r="K7180" s="9">
        <v>187</v>
      </c>
      <c r="L7180" s="6" t="s">
        <v>51</v>
      </c>
    </row>
    <row r="7181" spans="1:12">
      <c r="A7181" s="6" t="s">
        <v>49</v>
      </c>
      <c r="B7181" s="6"/>
      <c r="C7181" s="6" t="s">
        <v>7205</v>
      </c>
      <c r="D7181" s="6"/>
      <c r="E7181" s="6" t="s">
        <v>9</v>
      </c>
      <c r="F7181" s="7">
        <v>38657</v>
      </c>
      <c r="G7181" s="8">
        <v>1</v>
      </c>
      <c r="H7181" s="8">
        <v>1</v>
      </c>
      <c r="I7181" s="8">
        <v>0</v>
      </c>
      <c r="J7181" s="8">
        <v>1</v>
      </c>
      <c r="K7181" s="9">
        <v>4.09</v>
      </c>
      <c r="L7181" s="6" t="s">
        <v>51</v>
      </c>
    </row>
    <row r="7182" spans="1:12">
      <c r="A7182" s="6" t="s">
        <v>49</v>
      </c>
      <c r="B7182" s="6"/>
      <c r="C7182" s="6" t="s">
        <v>7206</v>
      </c>
      <c r="D7182" s="6"/>
      <c r="E7182" s="6" t="s">
        <v>9</v>
      </c>
      <c r="F7182" s="7">
        <v>38657</v>
      </c>
      <c r="G7182" s="8">
        <v>1</v>
      </c>
      <c r="H7182" s="8">
        <v>1</v>
      </c>
      <c r="I7182" s="8">
        <v>0</v>
      </c>
      <c r="J7182" s="8">
        <v>1</v>
      </c>
      <c r="K7182" s="9">
        <v>1785</v>
      </c>
      <c r="L7182" s="6" t="s">
        <v>51</v>
      </c>
    </row>
    <row r="7183" spans="1:12">
      <c r="A7183" s="6" t="s">
        <v>49</v>
      </c>
      <c r="B7183" s="6"/>
      <c r="C7183" s="6" t="s">
        <v>7207</v>
      </c>
      <c r="D7183" s="6"/>
      <c r="E7183" s="6" t="s">
        <v>9</v>
      </c>
      <c r="F7183" s="7">
        <v>38657</v>
      </c>
      <c r="G7183" s="8">
        <v>1</v>
      </c>
      <c r="H7183" s="8">
        <v>1</v>
      </c>
      <c r="I7183" s="8">
        <v>0</v>
      </c>
      <c r="J7183" s="8">
        <v>1</v>
      </c>
      <c r="K7183" s="9">
        <v>376</v>
      </c>
      <c r="L7183" s="6" t="s">
        <v>51</v>
      </c>
    </row>
    <row r="7184" spans="1:12">
      <c r="A7184" s="6" t="s">
        <v>49</v>
      </c>
      <c r="B7184" s="6"/>
      <c r="C7184" s="6" t="s">
        <v>7208</v>
      </c>
      <c r="D7184" s="6"/>
      <c r="E7184" s="6" t="s">
        <v>9</v>
      </c>
      <c r="F7184" s="7">
        <v>40922</v>
      </c>
      <c r="G7184" s="8">
        <v>1</v>
      </c>
      <c r="H7184" s="8">
        <v>1</v>
      </c>
      <c r="I7184" s="8">
        <v>0</v>
      </c>
      <c r="J7184" s="8">
        <v>1</v>
      </c>
      <c r="K7184" s="9">
        <v>34.700000000000003</v>
      </c>
      <c r="L7184" s="6" t="s">
        <v>51</v>
      </c>
    </row>
    <row r="7185" spans="1:12">
      <c r="A7185" s="6" t="s">
        <v>49</v>
      </c>
      <c r="B7185" s="6"/>
      <c r="C7185" s="6" t="s">
        <v>7209</v>
      </c>
      <c r="D7185" s="6"/>
      <c r="E7185" s="6" t="s">
        <v>9</v>
      </c>
      <c r="F7185" s="7">
        <v>38657</v>
      </c>
      <c r="G7185" s="8">
        <v>1</v>
      </c>
      <c r="H7185" s="8">
        <v>1</v>
      </c>
      <c r="I7185" s="8">
        <v>0</v>
      </c>
      <c r="J7185" s="8">
        <v>1</v>
      </c>
      <c r="K7185" s="9">
        <v>289</v>
      </c>
      <c r="L7185" s="6" t="s">
        <v>51</v>
      </c>
    </row>
    <row r="7186" spans="1:12">
      <c r="A7186" s="6" t="s">
        <v>49</v>
      </c>
      <c r="B7186" s="6"/>
      <c r="C7186" s="6" t="s">
        <v>7210</v>
      </c>
      <c r="D7186" s="6"/>
      <c r="E7186" s="6" t="s">
        <v>9</v>
      </c>
      <c r="F7186" s="7">
        <v>38657</v>
      </c>
      <c r="G7186" s="8">
        <v>1</v>
      </c>
      <c r="H7186" s="8">
        <v>1</v>
      </c>
      <c r="I7186" s="8">
        <v>0</v>
      </c>
      <c r="J7186" s="8">
        <v>1</v>
      </c>
      <c r="K7186" s="9">
        <v>346</v>
      </c>
      <c r="L7186" s="6" t="s">
        <v>51</v>
      </c>
    </row>
    <row r="7187" spans="1:12">
      <c r="A7187" s="6" t="s">
        <v>49</v>
      </c>
      <c r="B7187" s="6"/>
      <c r="C7187" s="6" t="s">
        <v>7211</v>
      </c>
      <c r="D7187" s="6"/>
      <c r="E7187" s="6" t="s">
        <v>9</v>
      </c>
      <c r="F7187" s="7">
        <v>38657</v>
      </c>
      <c r="G7187" s="8">
        <v>1</v>
      </c>
      <c r="H7187" s="8">
        <v>1</v>
      </c>
      <c r="I7187" s="8">
        <v>0</v>
      </c>
      <c r="J7187" s="8">
        <v>1</v>
      </c>
      <c r="K7187" s="9">
        <v>7.74</v>
      </c>
      <c r="L7187" s="6" t="s">
        <v>51</v>
      </c>
    </row>
    <row r="7188" spans="1:12">
      <c r="A7188" s="6" t="s">
        <v>49</v>
      </c>
      <c r="B7188" s="6"/>
      <c r="C7188" s="6" t="s">
        <v>7212</v>
      </c>
      <c r="D7188" s="6"/>
      <c r="E7188" s="6" t="s">
        <v>9</v>
      </c>
      <c r="F7188" s="7">
        <v>38657</v>
      </c>
      <c r="G7188" s="8">
        <v>1</v>
      </c>
      <c r="H7188" s="8">
        <v>1</v>
      </c>
      <c r="I7188" s="8">
        <v>0</v>
      </c>
      <c r="J7188" s="8">
        <v>1</v>
      </c>
      <c r="K7188" s="9">
        <v>348</v>
      </c>
      <c r="L7188" s="6" t="s">
        <v>51</v>
      </c>
    </row>
    <row r="7189" spans="1:12">
      <c r="A7189" s="6" t="s">
        <v>49</v>
      </c>
      <c r="B7189" s="6"/>
      <c r="C7189" s="6" t="s">
        <v>7213</v>
      </c>
      <c r="D7189" s="6"/>
      <c r="E7189" s="6" t="s">
        <v>9</v>
      </c>
      <c r="F7189" s="7">
        <v>38657</v>
      </c>
      <c r="G7189" s="8">
        <v>1</v>
      </c>
      <c r="H7189" s="8">
        <v>1</v>
      </c>
      <c r="I7189" s="8">
        <v>0</v>
      </c>
      <c r="J7189" s="8">
        <v>1</v>
      </c>
      <c r="K7189" s="9">
        <v>408</v>
      </c>
      <c r="L7189" s="6" t="s">
        <v>51</v>
      </c>
    </row>
    <row r="7190" spans="1:12">
      <c r="A7190" s="6" t="s">
        <v>49</v>
      </c>
      <c r="B7190" s="6"/>
      <c r="C7190" s="6" t="s">
        <v>7214</v>
      </c>
      <c r="D7190" s="6"/>
      <c r="E7190" s="6" t="s">
        <v>9</v>
      </c>
      <c r="F7190" s="7">
        <v>38657</v>
      </c>
      <c r="G7190" s="8">
        <v>1</v>
      </c>
      <c r="H7190" s="8">
        <v>1</v>
      </c>
      <c r="I7190" s="8">
        <v>0</v>
      </c>
      <c r="J7190" s="8">
        <v>1</v>
      </c>
      <c r="K7190" s="9">
        <v>141</v>
      </c>
      <c r="L7190" s="6" t="s">
        <v>51</v>
      </c>
    </row>
    <row r="7191" spans="1:12">
      <c r="A7191" s="6" t="s">
        <v>49</v>
      </c>
      <c r="B7191" s="6"/>
      <c r="C7191" s="6" t="s">
        <v>7215</v>
      </c>
      <c r="D7191" s="6"/>
      <c r="E7191" s="6" t="s">
        <v>9</v>
      </c>
      <c r="F7191" s="7">
        <v>38657</v>
      </c>
      <c r="G7191" s="8">
        <v>1</v>
      </c>
      <c r="H7191" s="8">
        <v>1</v>
      </c>
      <c r="I7191" s="8">
        <v>0</v>
      </c>
      <c r="J7191" s="8">
        <v>1</v>
      </c>
      <c r="K7191" s="9">
        <v>72</v>
      </c>
      <c r="L7191" s="6" t="s">
        <v>51</v>
      </c>
    </row>
    <row r="7192" spans="1:12">
      <c r="A7192" s="6" t="s">
        <v>49</v>
      </c>
      <c r="B7192" s="6"/>
      <c r="C7192" s="6" t="s">
        <v>7216</v>
      </c>
      <c r="D7192" s="6"/>
      <c r="E7192" s="6" t="s">
        <v>9</v>
      </c>
      <c r="F7192" s="7">
        <v>39868</v>
      </c>
      <c r="G7192" s="8">
        <v>857598</v>
      </c>
      <c r="H7192" s="8">
        <v>857598</v>
      </c>
      <c r="I7192" s="8">
        <v>0</v>
      </c>
      <c r="J7192" s="8">
        <v>857598</v>
      </c>
      <c r="K7192" s="9">
        <v>116</v>
      </c>
      <c r="L7192" s="6" t="s">
        <v>51</v>
      </c>
    </row>
    <row r="7193" spans="1:12">
      <c r="A7193" s="6" t="s">
        <v>49</v>
      </c>
      <c r="B7193" s="6"/>
      <c r="C7193" s="6" t="s">
        <v>7217</v>
      </c>
      <c r="D7193" s="6"/>
      <c r="E7193" s="6" t="s">
        <v>9</v>
      </c>
      <c r="F7193" s="7">
        <v>38657</v>
      </c>
      <c r="G7193" s="8">
        <v>1</v>
      </c>
      <c r="H7193" s="8">
        <v>1</v>
      </c>
      <c r="I7193" s="8">
        <v>0</v>
      </c>
      <c r="J7193" s="8">
        <v>1</v>
      </c>
      <c r="K7193" s="9">
        <v>26</v>
      </c>
      <c r="L7193" s="6" t="s">
        <v>51</v>
      </c>
    </row>
    <row r="7194" spans="1:12">
      <c r="A7194" s="6" t="s">
        <v>49</v>
      </c>
      <c r="B7194" s="6"/>
      <c r="C7194" s="6" t="s">
        <v>7218</v>
      </c>
      <c r="D7194" s="6"/>
      <c r="E7194" s="6" t="s">
        <v>9</v>
      </c>
      <c r="F7194" s="7">
        <v>38657</v>
      </c>
      <c r="G7194" s="8">
        <v>1</v>
      </c>
      <c r="H7194" s="8">
        <v>1</v>
      </c>
      <c r="I7194" s="8">
        <v>0</v>
      </c>
      <c r="J7194" s="8">
        <v>1</v>
      </c>
      <c r="K7194" s="9">
        <v>134</v>
      </c>
      <c r="L7194" s="6" t="s">
        <v>51</v>
      </c>
    </row>
    <row r="7195" spans="1:12">
      <c r="A7195" s="6" t="s">
        <v>49</v>
      </c>
      <c r="B7195" s="6"/>
      <c r="C7195" s="6" t="s">
        <v>7219</v>
      </c>
      <c r="D7195" s="6"/>
      <c r="E7195" s="6" t="s">
        <v>9</v>
      </c>
      <c r="F7195" s="7">
        <v>38657</v>
      </c>
      <c r="G7195" s="8">
        <v>1</v>
      </c>
      <c r="H7195" s="8">
        <v>1</v>
      </c>
      <c r="I7195" s="8">
        <v>0</v>
      </c>
      <c r="J7195" s="8">
        <v>1</v>
      </c>
      <c r="K7195" s="9">
        <v>27</v>
      </c>
      <c r="L7195" s="6" t="s">
        <v>51</v>
      </c>
    </row>
    <row r="7196" spans="1:12">
      <c r="A7196" s="6" t="s">
        <v>49</v>
      </c>
      <c r="B7196" s="6"/>
      <c r="C7196" s="6" t="s">
        <v>7220</v>
      </c>
      <c r="D7196" s="6"/>
      <c r="E7196" s="6" t="s">
        <v>9</v>
      </c>
      <c r="F7196" s="7">
        <v>38657</v>
      </c>
      <c r="G7196" s="8">
        <v>1</v>
      </c>
      <c r="H7196" s="8">
        <v>1</v>
      </c>
      <c r="I7196" s="8">
        <v>0</v>
      </c>
      <c r="J7196" s="8">
        <v>1</v>
      </c>
      <c r="K7196" s="9">
        <v>6.77</v>
      </c>
      <c r="L7196" s="6" t="s">
        <v>51</v>
      </c>
    </row>
    <row r="7197" spans="1:12">
      <c r="A7197" s="6" t="s">
        <v>49</v>
      </c>
      <c r="B7197" s="6"/>
      <c r="C7197" s="6" t="s">
        <v>7221</v>
      </c>
      <c r="D7197" s="6"/>
      <c r="E7197" s="6" t="s">
        <v>9</v>
      </c>
      <c r="F7197" s="7">
        <v>38657</v>
      </c>
      <c r="G7197" s="8">
        <v>1</v>
      </c>
      <c r="H7197" s="8">
        <v>1</v>
      </c>
      <c r="I7197" s="8">
        <v>0</v>
      </c>
      <c r="J7197" s="8">
        <v>1</v>
      </c>
      <c r="K7197" s="9">
        <v>77</v>
      </c>
      <c r="L7197" s="6" t="s">
        <v>51</v>
      </c>
    </row>
    <row r="7198" spans="1:12">
      <c r="A7198" s="6" t="s">
        <v>49</v>
      </c>
      <c r="B7198" s="6"/>
      <c r="C7198" s="6" t="s">
        <v>7222</v>
      </c>
      <c r="D7198" s="6"/>
      <c r="E7198" s="6" t="s">
        <v>9</v>
      </c>
      <c r="F7198" s="7">
        <v>38657</v>
      </c>
      <c r="G7198" s="8">
        <v>1</v>
      </c>
      <c r="H7198" s="8">
        <v>1</v>
      </c>
      <c r="I7198" s="8">
        <v>0</v>
      </c>
      <c r="J7198" s="8">
        <v>1</v>
      </c>
      <c r="K7198" s="9">
        <v>9.18</v>
      </c>
      <c r="L7198" s="6" t="s">
        <v>51</v>
      </c>
    </row>
    <row r="7199" spans="1:12">
      <c r="A7199" s="6" t="s">
        <v>49</v>
      </c>
      <c r="B7199" s="6"/>
      <c r="C7199" s="6" t="s">
        <v>7223</v>
      </c>
      <c r="D7199" s="6"/>
      <c r="E7199" s="6" t="s">
        <v>9</v>
      </c>
      <c r="F7199" s="7">
        <v>38657</v>
      </c>
      <c r="G7199" s="8">
        <v>1</v>
      </c>
      <c r="H7199" s="8">
        <v>1</v>
      </c>
      <c r="I7199" s="8">
        <v>0</v>
      </c>
      <c r="J7199" s="8">
        <v>1</v>
      </c>
      <c r="K7199" s="9">
        <v>82</v>
      </c>
      <c r="L7199" s="6" t="s">
        <v>51</v>
      </c>
    </row>
    <row r="7200" spans="1:12">
      <c r="A7200" s="6" t="s">
        <v>49</v>
      </c>
      <c r="B7200" s="6"/>
      <c r="C7200" s="6" t="s">
        <v>7224</v>
      </c>
      <c r="D7200" s="6"/>
      <c r="E7200" s="6" t="s">
        <v>9</v>
      </c>
      <c r="F7200" s="7">
        <v>38657</v>
      </c>
      <c r="G7200" s="8">
        <v>1</v>
      </c>
      <c r="H7200" s="8">
        <v>1</v>
      </c>
      <c r="I7200" s="8">
        <v>0</v>
      </c>
      <c r="J7200" s="8">
        <v>1</v>
      </c>
      <c r="K7200" s="9">
        <v>46</v>
      </c>
      <c r="L7200" s="6" t="s">
        <v>51</v>
      </c>
    </row>
    <row r="7201" spans="1:12">
      <c r="A7201" s="6" t="s">
        <v>49</v>
      </c>
      <c r="B7201" s="6"/>
      <c r="C7201" s="6" t="s">
        <v>7225</v>
      </c>
      <c r="D7201" s="6"/>
      <c r="E7201" s="6" t="s">
        <v>9</v>
      </c>
      <c r="F7201" s="7">
        <v>38657</v>
      </c>
      <c r="G7201" s="8">
        <v>1</v>
      </c>
      <c r="H7201" s="8">
        <v>1</v>
      </c>
      <c r="I7201" s="8">
        <v>0</v>
      </c>
      <c r="J7201" s="8">
        <v>1</v>
      </c>
      <c r="K7201" s="9">
        <v>120</v>
      </c>
      <c r="L7201" s="6" t="s">
        <v>51</v>
      </c>
    </row>
    <row r="7202" spans="1:12">
      <c r="A7202" s="6" t="s">
        <v>49</v>
      </c>
      <c r="B7202" s="6"/>
      <c r="C7202" s="6" t="s">
        <v>7226</v>
      </c>
      <c r="D7202" s="6"/>
      <c r="E7202" s="6" t="s">
        <v>9</v>
      </c>
      <c r="F7202" s="7">
        <v>38657</v>
      </c>
      <c r="G7202" s="8">
        <v>1</v>
      </c>
      <c r="H7202" s="8">
        <v>1</v>
      </c>
      <c r="I7202" s="8">
        <v>0</v>
      </c>
      <c r="J7202" s="8">
        <v>1</v>
      </c>
      <c r="K7202" s="9">
        <v>167</v>
      </c>
      <c r="L7202" s="6" t="s">
        <v>51</v>
      </c>
    </row>
    <row r="7203" spans="1:12">
      <c r="A7203" s="6" t="s">
        <v>49</v>
      </c>
      <c r="B7203" s="6"/>
      <c r="C7203" s="6" t="s">
        <v>7227</v>
      </c>
      <c r="D7203" s="6"/>
      <c r="E7203" s="6" t="s">
        <v>9</v>
      </c>
      <c r="F7203" s="7">
        <v>38657</v>
      </c>
      <c r="G7203" s="8">
        <v>1</v>
      </c>
      <c r="H7203" s="8">
        <v>1</v>
      </c>
      <c r="I7203" s="8">
        <v>0</v>
      </c>
      <c r="J7203" s="8">
        <v>1</v>
      </c>
      <c r="K7203" s="9">
        <v>44</v>
      </c>
      <c r="L7203" s="6" t="s">
        <v>51</v>
      </c>
    </row>
    <row r="7204" spans="1:12">
      <c r="A7204" s="6" t="s">
        <v>49</v>
      </c>
      <c r="B7204" s="6"/>
      <c r="C7204" s="6" t="s">
        <v>7228</v>
      </c>
      <c r="D7204" s="6"/>
      <c r="E7204" s="6" t="s">
        <v>9</v>
      </c>
      <c r="F7204" s="7">
        <v>38657</v>
      </c>
      <c r="G7204" s="8">
        <v>1</v>
      </c>
      <c r="H7204" s="8">
        <v>1</v>
      </c>
      <c r="I7204" s="8">
        <v>0</v>
      </c>
      <c r="J7204" s="8">
        <v>1</v>
      </c>
      <c r="K7204" s="9">
        <v>27</v>
      </c>
      <c r="L7204" s="6" t="s">
        <v>51</v>
      </c>
    </row>
    <row r="7205" spans="1:12">
      <c r="A7205" s="6" t="s">
        <v>49</v>
      </c>
      <c r="B7205" s="6"/>
      <c r="C7205" s="6" t="s">
        <v>7229</v>
      </c>
      <c r="D7205" s="6"/>
      <c r="E7205" s="6" t="s">
        <v>9</v>
      </c>
      <c r="F7205" s="7">
        <v>38657</v>
      </c>
      <c r="G7205" s="8">
        <v>1</v>
      </c>
      <c r="H7205" s="8">
        <v>1</v>
      </c>
      <c r="I7205" s="8">
        <v>0</v>
      </c>
      <c r="J7205" s="8">
        <v>1</v>
      </c>
      <c r="K7205" s="9">
        <v>96</v>
      </c>
      <c r="L7205" s="6" t="s">
        <v>51</v>
      </c>
    </row>
    <row r="7206" spans="1:12">
      <c r="A7206" s="6" t="s">
        <v>49</v>
      </c>
      <c r="B7206" s="6"/>
      <c r="C7206" s="6" t="s">
        <v>7230</v>
      </c>
      <c r="D7206" s="6"/>
      <c r="E7206" s="6" t="s">
        <v>9</v>
      </c>
      <c r="F7206" s="7">
        <v>38657</v>
      </c>
      <c r="G7206" s="8">
        <v>1</v>
      </c>
      <c r="H7206" s="8">
        <v>1</v>
      </c>
      <c r="I7206" s="8">
        <v>0</v>
      </c>
      <c r="J7206" s="8">
        <v>1</v>
      </c>
      <c r="K7206" s="9">
        <v>46</v>
      </c>
      <c r="L7206" s="6" t="s">
        <v>51</v>
      </c>
    </row>
    <row r="7207" spans="1:12">
      <c r="A7207" s="6" t="s">
        <v>49</v>
      </c>
      <c r="B7207" s="6"/>
      <c r="C7207" s="6" t="s">
        <v>7231</v>
      </c>
      <c r="D7207" s="6"/>
      <c r="E7207" s="6" t="s">
        <v>9</v>
      </c>
      <c r="F7207" s="7">
        <v>38657</v>
      </c>
      <c r="G7207" s="8">
        <v>1</v>
      </c>
      <c r="H7207" s="8">
        <v>1</v>
      </c>
      <c r="I7207" s="8">
        <v>0</v>
      </c>
      <c r="J7207" s="8">
        <v>1</v>
      </c>
      <c r="K7207" s="9">
        <v>99</v>
      </c>
      <c r="L7207" s="6" t="s">
        <v>51</v>
      </c>
    </row>
    <row r="7208" spans="1:12">
      <c r="A7208" s="6" t="s">
        <v>49</v>
      </c>
      <c r="B7208" s="6"/>
      <c r="C7208" s="6" t="s">
        <v>7232</v>
      </c>
      <c r="D7208" s="6"/>
      <c r="E7208" s="6" t="s">
        <v>9</v>
      </c>
      <c r="F7208" s="7">
        <v>38657</v>
      </c>
      <c r="G7208" s="8">
        <v>1</v>
      </c>
      <c r="H7208" s="8">
        <v>1</v>
      </c>
      <c r="I7208" s="8">
        <v>0</v>
      </c>
      <c r="J7208" s="8">
        <v>1</v>
      </c>
      <c r="K7208" s="9">
        <v>124</v>
      </c>
      <c r="L7208" s="6" t="s">
        <v>51</v>
      </c>
    </row>
    <row r="7209" spans="1:12">
      <c r="A7209" s="6" t="s">
        <v>49</v>
      </c>
      <c r="B7209" s="6"/>
      <c r="C7209" s="6" t="s">
        <v>7233</v>
      </c>
      <c r="D7209" s="6"/>
      <c r="E7209" s="6" t="s">
        <v>9</v>
      </c>
      <c r="F7209" s="7">
        <v>38657</v>
      </c>
      <c r="G7209" s="8">
        <v>1</v>
      </c>
      <c r="H7209" s="8">
        <v>1</v>
      </c>
      <c r="I7209" s="8">
        <v>0</v>
      </c>
      <c r="J7209" s="8">
        <v>1</v>
      </c>
      <c r="K7209" s="9">
        <v>7.74</v>
      </c>
      <c r="L7209" s="6" t="s">
        <v>51</v>
      </c>
    </row>
    <row r="7210" spans="1:12">
      <c r="A7210" s="6" t="s">
        <v>49</v>
      </c>
      <c r="B7210" s="6"/>
      <c r="C7210" s="6" t="s">
        <v>7234</v>
      </c>
      <c r="D7210" s="6"/>
      <c r="E7210" s="6" t="s">
        <v>9</v>
      </c>
      <c r="F7210" s="7">
        <v>38657</v>
      </c>
      <c r="G7210" s="8">
        <v>1</v>
      </c>
      <c r="H7210" s="8">
        <v>1</v>
      </c>
      <c r="I7210" s="8">
        <v>0</v>
      </c>
      <c r="J7210" s="8">
        <v>1</v>
      </c>
      <c r="K7210" s="9">
        <v>111</v>
      </c>
      <c r="L7210" s="6" t="s">
        <v>51</v>
      </c>
    </row>
    <row r="7211" spans="1:12">
      <c r="A7211" s="6" t="s">
        <v>49</v>
      </c>
      <c r="B7211" s="6"/>
      <c r="C7211" s="6" t="s">
        <v>7235</v>
      </c>
      <c r="D7211" s="6"/>
      <c r="E7211" s="6" t="s">
        <v>9</v>
      </c>
      <c r="F7211" s="7"/>
      <c r="G7211" s="8">
        <v>1</v>
      </c>
      <c r="H7211" s="8">
        <v>1</v>
      </c>
      <c r="I7211" s="8">
        <v>0</v>
      </c>
      <c r="J7211" s="8">
        <v>1</v>
      </c>
      <c r="K7211" s="9">
        <v>235</v>
      </c>
      <c r="L7211" s="6" t="s">
        <v>51</v>
      </c>
    </row>
    <row r="7212" spans="1:12">
      <c r="A7212" s="6" t="s">
        <v>49</v>
      </c>
      <c r="B7212" s="6"/>
      <c r="C7212" s="6" t="s">
        <v>7236</v>
      </c>
      <c r="D7212" s="6"/>
      <c r="E7212" s="6" t="s">
        <v>9</v>
      </c>
      <c r="F7212" s="7">
        <v>38657</v>
      </c>
      <c r="G7212" s="8">
        <v>1</v>
      </c>
      <c r="H7212" s="8">
        <v>1</v>
      </c>
      <c r="I7212" s="8">
        <v>0</v>
      </c>
      <c r="J7212" s="8">
        <v>1</v>
      </c>
      <c r="K7212" s="9">
        <v>92</v>
      </c>
      <c r="L7212" s="6" t="s">
        <v>51</v>
      </c>
    </row>
    <row r="7213" spans="1:12">
      <c r="A7213" s="6" t="s">
        <v>49</v>
      </c>
      <c r="B7213" s="6"/>
      <c r="C7213" s="6" t="s">
        <v>7237</v>
      </c>
      <c r="D7213" s="6"/>
      <c r="E7213" s="6" t="s">
        <v>9</v>
      </c>
      <c r="F7213" s="7">
        <v>38657</v>
      </c>
      <c r="G7213" s="8">
        <v>1</v>
      </c>
      <c r="H7213" s="8">
        <v>1</v>
      </c>
      <c r="I7213" s="8">
        <v>0</v>
      </c>
      <c r="J7213" s="8">
        <v>1</v>
      </c>
      <c r="K7213" s="9">
        <v>4.7300000000000004</v>
      </c>
      <c r="L7213" s="6" t="s">
        <v>51</v>
      </c>
    </row>
    <row r="7214" spans="1:12">
      <c r="A7214" s="6" t="s">
        <v>49</v>
      </c>
      <c r="B7214" s="6"/>
      <c r="C7214" s="6" t="s">
        <v>7238</v>
      </c>
      <c r="D7214" s="6"/>
      <c r="E7214" s="6" t="s">
        <v>9</v>
      </c>
      <c r="F7214" s="7">
        <v>38657</v>
      </c>
      <c r="G7214" s="8">
        <v>1</v>
      </c>
      <c r="H7214" s="8">
        <v>1</v>
      </c>
      <c r="I7214" s="8">
        <v>0</v>
      </c>
      <c r="J7214" s="8">
        <v>1</v>
      </c>
      <c r="K7214" s="9">
        <v>95.76</v>
      </c>
      <c r="L7214" s="6" t="s">
        <v>51</v>
      </c>
    </row>
    <row r="7215" spans="1:12">
      <c r="A7215" s="6" t="s">
        <v>49</v>
      </c>
      <c r="B7215" s="6"/>
      <c r="C7215" s="6" t="s">
        <v>7239</v>
      </c>
      <c r="D7215" s="6"/>
      <c r="E7215" s="6" t="s">
        <v>9</v>
      </c>
      <c r="F7215" s="7">
        <v>38657</v>
      </c>
      <c r="G7215" s="8">
        <v>1</v>
      </c>
      <c r="H7215" s="8">
        <v>1</v>
      </c>
      <c r="I7215" s="8">
        <v>0</v>
      </c>
      <c r="J7215" s="8">
        <v>1</v>
      </c>
      <c r="K7215" s="9">
        <v>139</v>
      </c>
      <c r="L7215" s="6" t="s">
        <v>51</v>
      </c>
    </row>
    <row r="7216" spans="1:12">
      <c r="A7216" s="6" t="s">
        <v>49</v>
      </c>
      <c r="B7216" s="6"/>
      <c r="C7216" s="6" t="s">
        <v>7240</v>
      </c>
      <c r="D7216" s="6"/>
      <c r="E7216" s="6" t="s">
        <v>9</v>
      </c>
      <c r="F7216" s="7">
        <v>38657</v>
      </c>
      <c r="G7216" s="8">
        <v>1</v>
      </c>
      <c r="H7216" s="8">
        <v>1</v>
      </c>
      <c r="I7216" s="8">
        <v>0</v>
      </c>
      <c r="J7216" s="8">
        <v>1</v>
      </c>
      <c r="K7216" s="9">
        <v>4199</v>
      </c>
      <c r="L7216" s="6" t="s">
        <v>51</v>
      </c>
    </row>
    <row r="7217" spans="1:12">
      <c r="A7217" s="6" t="s">
        <v>49</v>
      </c>
      <c r="B7217" s="6"/>
      <c r="C7217" s="6" t="s">
        <v>7241</v>
      </c>
      <c r="D7217" s="6"/>
      <c r="E7217" s="6" t="s">
        <v>9</v>
      </c>
      <c r="F7217" s="7">
        <v>38657</v>
      </c>
      <c r="G7217" s="8">
        <v>1</v>
      </c>
      <c r="H7217" s="8">
        <v>1</v>
      </c>
      <c r="I7217" s="8">
        <v>0</v>
      </c>
      <c r="J7217" s="8">
        <v>1</v>
      </c>
      <c r="K7217" s="9">
        <v>2226</v>
      </c>
      <c r="L7217" s="6" t="s">
        <v>51</v>
      </c>
    </row>
    <row r="7218" spans="1:12">
      <c r="A7218" s="6" t="s">
        <v>49</v>
      </c>
      <c r="B7218" s="6"/>
      <c r="C7218" s="6" t="s">
        <v>7242</v>
      </c>
      <c r="D7218" s="6"/>
      <c r="E7218" s="6" t="s">
        <v>9</v>
      </c>
      <c r="F7218" s="7">
        <v>38657</v>
      </c>
      <c r="G7218" s="8">
        <v>1</v>
      </c>
      <c r="H7218" s="8">
        <v>1</v>
      </c>
      <c r="I7218" s="8">
        <v>0</v>
      </c>
      <c r="J7218" s="8">
        <v>1</v>
      </c>
      <c r="K7218" s="9">
        <v>586</v>
      </c>
      <c r="L7218" s="6" t="s">
        <v>51</v>
      </c>
    </row>
    <row r="7219" spans="1:12">
      <c r="A7219" s="6" t="s">
        <v>49</v>
      </c>
      <c r="B7219" s="6"/>
      <c r="C7219" s="6" t="s">
        <v>7243</v>
      </c>
      <c r="D7219" s="6"/>
      <c r="E7219" s="6" t="s">
        <v>9</v>
      </c>
      <c r="F7219" s="7">
        <v>38657</v>
      </c>
      <c r="G7219" s="8">
        <v>1</v>
      </c>
      <c r="H7219" s="8">
        <v>1</v>
      </c>
      <c r="I7219" s="8">
        <v>0</v>
      </c>
      <c r="J7219" s="8">
        <v>1</v>
      </c>
      <c r="K7219" s="9">
        <v>2002</v>
      </c>
      <c r="L7219" s="6" t="s">
        <v>51</v>
      </c>
    </row>
    <row r="7220" spans="1:12">
      <c r="A7220" s="6" t="s">
        <v>49</v>
      </c>
      <c r="B7220" s="6"/>
      <c r="C7220" s="6" t="s">
        <v>7244</v>
      </c>
      <c r="D7220" s="6"/>
      <c r="E7220" s="6" t="s">
        <v>9</v>
      </c>
      <c r="F7220" s="7">
        <v>38657</v>
      </c>
      <c r="G7220" s="8">
        <v>1</v>
      </c>
      <c r="H7220" s="8">
        <v>1</v>
      </c>
      <c r="I7220" s="8">
        <v>0</v>
      </c>
      <c r="J7220" s="8">
        <v>1</v>
      </c>
      <c r="K7220" s="9">
        <v>7.56</v>
      </c>
      <c r="L7220" s="6" t="s">
        <v>51</v>
      </c>
    </row>
    <row r="7221" spans="1:12">
      <c r="A7221" s="6" t="s">
        <v>49</v>
      </c>
      <c r="B7221" s="6"/>
      <c r="C7221" s="6" t="s">
        <v>7245</v>
      </c>
      <c r="D7221" s="6"/>
      <c r="E7221" s="6" t="s">
        <v>9</v>
      </c>
      <c r="F7221" s="7">
        <v>38657</v>
      </c>
      <c r="G7221" s="8">
        <v>1</v>
      </c>
      <c r="H7221" s="8">
        <v>1</v>
      </c>
      <c r="I7221" s="8">
        <v>0</v>
      </c>
      <c r="J7221" s="8">
        <v>1</v>
      </c>
      <c r="K7221" s="9">
        <v>84</v>
      </c>
      <c r="L7221" s="6" t="s">
        <v>51</v>
      </c>
    </row>
    <row r="7222" spans="1:12">
      <c r="A7222" s="6" t="s">
        <v>49</v>
      </c>
      <c r="B7222" s="6"/>
      <c r="C7222" s="6" t="s">
        <v>7246</v>
      </c>
      <c r="D7222" s="6"/>
      <c r="E7222" s="6" t="s">
        <v>9</v>
      </c>
      <c r="F7222" s="7">
        <v>38657</v>
      </c>
      <c r="G7222" s="8">
        <v>1</v>
      </c>
      <c r="H7222" s="8">
        <v>1</v>
      </c>
      <c r="I7222" s="8">
        <v>0</v>
      </c>
      <c r="J7222" s="8">
        <v>1</v>
      </c>
      <c r="K7222" s="9">
        <v>1199</v>
      </c>
      <c r="L7222" s="6" t="s">
        <v>51</v>
      </c>
    </row>
    <row r="7223" spans="1:12">
      <c r="A7223" s="6" t="s">
        <v>49</v>
      </c>
      <c r="B7223" s="6"/>
      <c r="C7223" s="6" t="s">
        <v>7247</v>
      </c>
      <c r="D7223" s="6"/>
      <c r="E7223" s="6" t="s">
        <v>9</v>
      </c>
      <c r="F7223" s="7">
        <v>38657</v>
      </c>
      <c r="G7223" s="8">
        <v>1</v>
      </c>
      <c r="H7223" s="8">
        <v>1</v>
      </c>
      <c r="I7223" s="8">
        <v>0</v>
      </c>
      <c r="J7223" s="8">
        <v>1</v>
      </c>
      <c r="K7223" s="9">
        <v>1723</v>
      </c>
      <c r="L7223" s="6" t="s">
        <v>51</v>
      </c>
    </row>
    <row r="7224" spans="1:12">
      <c r="A7224" s="6" t="s">
        <v>49</v>
      </c>
      <c r="B7224" s="6"/>
      <c r="C7224" s="6" t="s">
        <v>7248</v>
      </c>
      <c r="D7224" s="6"/>
      <c r="E7224" s="6" t="s">
        <v>9</v>
      </c>
      <c r="F7224" s="7">
        <v>38657</v>
      </c>
      <c r="G7224" s="8">
        <v>1</v>
      </c>
      <c r="H7224" s="8">
        <v>1</v>
      </c>
      <c r="I7224" s="8">
        <v>0</v>
      </c>
      <c r="J7224" s="8">
        <v>1</v>
      </c>
      <c r="K7224" s="9">
        <v>142</v>
      </c>
      <c r="L7224" s="6" t="s">
        <v>51</v>
      </c>
    </row>
    <row r="7225" spans="1:12">
      <c r="A7225" s="6" t="s">
        <v>49</v>
      </c>
      <c r="B7225" s="6"/>
      <c r="C7225" s="6" t="s">
        <v>7249</v>
      </c>
      <c r="D7225" s="6"/>
      <c r="E7225" s="6" t="s">
        <v>9</v>
      </c>
      <c r="F7225" s="7">
        <v>38657</v>
      </c>
      <c r="G7225" s="8">
        <v>1</v>
      </c>
      <c r="H7225" s="8">
        <v>1</v>
      </c>
      <c r="I7225" s="8">
        <v>0</v>
      </c>
      <c r="J7225" s="8">
        <v>1</v>
      </c>
      <c r="K7225" s="9">
        <v>5.78</v>
      </c>
      <c r="L7225" s="6" t="s">
        <v>51</v>
      </c>
    </row>
    <row r="7226" spans="1:12">
      <c r="A7226" s="6" t="s">
        <v>49</v>
      </c>
      <c r="B7226" s="6"/>
      <c r="C7226" s="6" t="s">
        <v>7250</v>
      </c>
      <c r="D7226" s="6"/>
      <c r="E7226" s="6" t="s">
        <v>9</v>
      </c>
      <c r="F7226" s="7">
        <v>38657</v>
      </c>
      <c r="G7226" s="8">
        <v>1</v>
      </c>
      <c r="H7226" s="8">
        <v>1</v>
      </c>
      <c r="I7226" s="8">
        <v>0</v>
      </c>
      <c r="J7226" s="8">
        <v>1</v>
      </c>
      <c r="K7226" s="9">
        <v>388</v>
      </c>
      <c r="L7226" s="6" t="s">
        <v>51</v>
      </c>
    </row>
    <row r="7227" spans="1:12">
      <c r="A7227" s="6" t="s">
        <v>49</v>
      </c>
      <c r="B7227" s="6"/>
      <c r="C7227" s="6" t="s">
        <v>7251</v>
      </c>
      <c r="D7227" s="6"/>
      <c r="E7227" s="6" t="s">
        <v>9</v>
      </c>
      <c r="F7227" s="7">
        <v>38657</v>
      </c>
      <c r="G7227" s="8">
        <v>1</v>
      </c>
      <c r="H7227" s="8">
        <v>1</v>
      </c>
      <c r="I7227" s="8">
        <v>0</v>
      </c>
      <c r="J7227" s="8">
        <v>1</v>
      </c>
      <c r="K7227" s="9">
        <v>292</v>
      </c>
      <c r="L7227" s="6" t="s">
        <v>51</v>
      </c>
    </row>
    <row r="7228" spans="1:12">
      <c r="A7228" s="6" t="s">
        <v>49</v>
      </c>
      <c r="B7228" s="6"/>
      <c r="C7228" s="6" t="s">
        <v>7252</v>
      </c>
      <c r="D7228" s="6"/>
      <c r="E7228" s="6" t="s">
        <v>9</v>
      </c>
      <c r="F7228" s="7">
        <v>38657</v>
      </c>
      <c r="G7228" s="8">
        <v>1</v>
      </c>
      <c r="H7228" s="8">
        <v>1</v>
      </c>
      <c r="I7228" s="8">
        <v>0</v>
      </c>
      <c r="J7228" s="8">
        <v>1</v>
      </c>
      <c r="K7228" s="9">
        <v>327</v>
      </c>
      <c r="L7228" s="6" t="s">
        <v>51</v>
      </c>
    </row>
    <row r="7229" spans="1:12">
      <c r="A7229" s="6" t="s">
        <v>49</v>
      </c>
      <c r="B7229" s="6"/>
      <c r="C7229" s="6" t="s">
        <v>7253</v>
      </c>
      <c r="D7229" s="6"/>
      <c r="E7229" s="6" t="s">
        <v>9</v>
      </c>
      <c r="F7229" s="7">
        <v>38657</v>
      </c>
      <c r="G7229" s="8">
        <v>1</v>
      </c>
      <c r="H7229" s="8">
        <v>1</v>
      </c>
      <c r="I7229" s="8">
        <v>0</v>
      </c>
      <c r="J7229" s="8">
        <v>1</v>
      </c>
      <c r="K7229" s="9">
        <v>85</v>
      </c>
      <c r="L7229" s="6" t="s">
        <v>51</v>
      </c>
    </row>
    <row r="7230" spans="1:12">
      <c r="A7230" s="6" t="s">
        <v>49</v>
      </c>
      <c r="B7230" s="6"/>
      <c r="C7230" s="6" t="s">
        <v>7254</v>
      </c>
      <c r="D7230" s="6"/>
      <c r="E7230" s="6" t="s">
        <v>9</v>
      </c>
      <c r="F7230" s="7">
        <v>38657</v>
      </c>
      <c r="G7230" s="8">
        <v>1</v>
      </c>
      <c r="H7230" s="8">
        <v>1</v>
      </c>
      <c r="I7230" s="8">
        <v>0</v>
      </c>
      <c r="J7230" s="8">
        <v>1</v>
      </c>
      <c r="K7230" s="9">
        <v>6.61</v>
      </c>
      <c r="L7230" s="6" t="s">
        <v>51</v>
      </c>
    </row>
    <row r="7231" spans="1:12">
      <c r="A7231" s="6" t="s">
        <v>49</v>
      </c>
      <c r="B7231" s="6"/>
      <c r="C7231" s="6" t="s">
        <v>7255</v>
      </c>
      <c r="D7231" s="6"/>
      <c r="E7231" s="6" t="s">
        <v>9</v>
      </c>
      <c r="F7231" s="7">
        <v>38657</v>
      </c>
      <c r="G7231" s="8">
        <v>1</v>
      </c>
      <c r="H7231" s="8">
        <v>1</v>
      </c>
      <c r="I7231" s="8">
        <v>0</v>
      </c>
      <c r="J7231" s="8">
        <v>1</v>
      </c>
      <c r="K7231" s="9">
        <v>7.74</v>
      </c>
      <c r="L7231" s="6" t="s">
        <v>51</v>
      </c>
    </row>
    <row r="7232" spans="1:12">
      <c r="A7232" s="6" t="s">
        <v>49</v>
      </c>
      <c r="B7232" s="6"/>
      <c r="C7232" s="6" t="s">
        <v>7256</v>
      </c>
      <c r="D7232" s="6"/>
      <c r="E7232" s="6" t="s">
        <v>9</v>
      </c>
      <c r="F7232" s="7">
        <v>38657</v>
      </c>
      <c r="G7232" s="8">
        <v>1</v>
      </c>
      <c r="H7232" s="8">
        <v>1</v>
      </c>
      <c r="I7232" s="8">
        <v>0</v>
      </c>
      <c r="J7232" s="8">
        <v>1</v>
      </c>
      <c r="K7232" s="9">
        <v>6.61</v>
      </c>
      <c r="L7232" s="6" t="s">
        <v>51</v>
      </c>
    </row>
    <row r="7233" spans="1:12">
      <c r="A7233" s="6" t="s">
        <v>49</v>
      </c>
      <c r="B7233" s="6"/>
      <c r="C7233" s="6" t="s">
        <v>7257</v>
      </c>
      <c r="D7233" s="6"/>
      <c r="E7233" s="6" t="s">
        <v>9</v>
      </c>
      <c r="F7233" s="7">
        <v>38657</v>
      </c>
      <c r="G7233" s="8">
        <v>1</v>
      </c>
      <c r="H7233" s="8">
        <v>1</v>
      </c>
      <c r="I7233" s="8">
        <v>0</v>
      </c>
      <c r="J7233" s="8">
        <v>1</v>
      </c>
      <c r="K7233" s="9">
        <v>59</v>
      </c>
      <c r="L7233" s="6" t="s">
        <v>51</v>
      </c>
    </row>
    <row r="7234" spans="1:12">
      <c r="A7234" s="6" t="s">
        <v>49</v>
      </c>
      <c r="B7234" s="6"/>
      <c r="C7234" s="6" t="s">
        <v>7258</v>
      </c>
      <c r="D7234" s="6"/>
      <c r="E7234" s="6" t="s">
        <v>9</v>
      </c>
      <c r="F7234" s="7">
        <v>38657</v>
      </c>
      <c r="G7234" s="8">
        <v>1</v>
      </c>
      <c r="H7234" s="8">
        <v>1</v>
      </c>
      <c r="I7234" s="8">
        <v>0</v>
      </c>
      <c r="J7234" s="8">
        <v>1</v>
      </c>
      <c r="K7234" s="9">
        <v>6.61</v>
      </c>
      <c r="L7234" s="6" t="s">
        <v>51</v>
      </c>
    </row>
    <row r="7235" spans="1:12">
      <c r="A7235" s="6" t="s">
        <v>49</v>
      </c>
      <c r="B7235" s="6"/>
      <c r="C7235" s="6" t="s">
        <v>7259</v>
      </c>
      <c r="D7235" s="6"/>
      <c r="E7235" s="6" t="s">
        <v>9</v>
      </c>
      <c r="F7235" s="7">
        <v>38657</v>
      </c>
      <c r="G7235" s="8">
        <v>1</v>
      </c>
      <c r="H7235" s="8">
        <v>1</v>
      </c>
      <c r="I7235" s="8">
        <v>0</v>
      </c>
      <c r="J7235" s="8">
        <v>1</v>
      </c>
      <c r="K7235" s="9">
        <v>6.61</v>
      </c>
      <c r="L7235" s="6" t="s">
        <v>51</v>
      </c>
    </row>
    <row r="7236" spans="1:12">
      <c r="A7236" s="6" t="s">
        <v>49</v>
      </c>
      <c r="B7236" s="6"/>
      <c r="C7236" s="6" t="s">
        <v>7260</v>
      </c>
      <c r="D7236" s="6"/>
      <c r="E7236" s="6" t="s">
        <v>9</v>
      </c>
      <c r="F7236" s="7">
        <v>38657</v>
      </c>
      <c r="G7236" s="8">
        <v>1</v>
      </c>
      <c r="H7236" s="8">
        <v>1</v>
      </c>
      <c r="I7236" s="8">
        <v>0</v>
      </c>
      <c r="J7236" s="8">
        <v>1</v>
      </c>
      <c r="K7236" s="9">
        <v>9.25</v>
      </c>
      <c r="L7236" s="6" t="s">
        <v>51</v>
      </c>
    </row>
    <row r="7237" spans="1:12">
      <c r="A7237" s="6" t="s">
        <v>49</v>
      </c>
      <c r="B7237" s="6"/>
      <c r="C7237" s="6" t="s">
        <v>7261</v>
      </c>
      <c r="D7237" s="6"/>
      <c r="E7237" s="6" t="s">
        <v>9</v>
      </c>
      <c r="F7237" s="7">
        <v>38657</v>
      </c>
      <c r="G7237" s="8">
        <v>1</v>
      </c>
      <c r="H7237" s="8">
        <v>1</v>
      </c>
      <c r="I7237" s="8">
        <v>0</v>
      </c>
      <c r="J7237" s="8">
        <v>1</v>
      </c>
      <c r="K7237" s="9">
        <v>11</v>
      </c>
      <c r="L7237" s="6" t="s">
        <v>51</v>
      </c>
    </row>
    <row r="7238" spans="1:12">
      <c r="A7238" s="6" t="s">
        <v>49</v>
      </c>
      <c r="B7238" s="6"/>
      <c r="C7238" s="6" t="s">
        <v>7262</v>
      </c>
      <c r="D7238" s="6"/>
      <c r="E7238" s="6" t="s">
        <v>9</v>
      </c>
      <c r="F7238" s="7">
        <v>38657</v>
      </c>
      <c r="G7238" s="8">
        <v>1</v>
      </c>
      <c r="H7238" s="8">
        <v>1</v>
      </c>
      <c r="I7238" s="8">
        <v>0</v>
      </c>
      <c r="J7238" s="8">
        <v>1</v>
      </c>
      <c r="K7238" s="9">
        <v>24</v>
      </c>
      <c r="L7238" s="6" t="s">
        <v>51</v>
      </c>
    </row>
    <row r="7239" spans="1:12">
      <c r="A7239" s="6" t="s">
        <v>49</v>
      </c>
      <c r="B7239" s="6"/>
      <c r="C7239" s="6" t="s">
        <v>7263</v>
      </c>
      <c r="D7239" s="6"/>
      <c r="E7239" s="6" t="s">
        <v>9</v>
      </c>
      <c r="F7239" s="7">
        <v>38657</v>
      </c>
      <c r="G7239" s="8">
        <v>1</v>
      </c>
      <c r="H7239" s="8">
        <v>1</v>
      </c>
      <c r="I7239" s="8">
        <v>0</v>
      </c>
      <c r="J7239" s="8">
        <v>1</v>
      </c>
      <c r="K7239" s="9">
        <v>6.21</v>
      </c>
      <c r="L7239" s="6" t="s">
        <v>51</v>
      </c>
    </row>
    <row r="7240" spans="1:12">
      <c r="A7240" s="6" t="s">
        <v>49</v>
      </c>
      <c r="B7240" s="6"/>
      <c r="C7240" s="6" t="s">
        <v>7264</v>
      </c>
      <c r="D7240" s="6"/>
      <c r="E7240" s="6" t="s">
        <v>9</v>
      </c>
      <c r="F7240" s="7">
        <v>38657</v>
      </c>
      <c r="G7240" s="8">
        <v>1</v>
      </c>
      <c r="H7240" s="8">
        <v>1</v>
      </c>
      <c r="I7240" s="8">
        <v>0</v>
      </c>
      <c r="J7240" s="8">
        <v>1</v>
      </c>
      <c r="K7240" s="9">
        <v>3.3</v>
      </c>
      <c r="L7240" s="6" t="s">
        <v>51</v>
      </c>
    </row>
    <row r="7241" spans="1:12">
      <c r="A7241" s="6" t="s">
        <v>49</v>
      </c>
      <c r="B7241" s="6"/>
      <c r="C7241" s="6" t="s">
        <v>7265</v>
      </c>
      <c r="D7241" s="6"/>
      <c r="E7241" s="6" t="s">
        <v>9</v>
      </c>
      <c r="F7241" s="7">
        <v>38657</v>
      </c>
      <c r="G7241" s="8">
        <v>1</v>
      </c>
      <c r="H7241" s="8">
        <v>1</v>
      </c>
      <c r="I7241" s="8">
        <v>0</v>
      </c>
      <c r="J7241" s="8">
        <v>1</v>
      </c>
      <c r="K7241" s="9">
        <v>6.61</v>
      </c>
      <c r="L7241" s="6" t="s">
        <v>51</v>
      </c>
    </row>
    <row r="7242" spans="1:12">
      <c r="A7242" s="6" t="s">
        <v>49</v>
      </c>
      <c r="B7242" s="6"/>
      <c r="C7242" s="6" t="s">
        <v>7266</v>
      </c>
      <c r="D7242" s="6"/>
      <c r="E7242" s="6" t="s">
        <v>9</v>
      </c>
      <c r="F7242" s="7">
        <v>38657</v>
      </c>
      <c r="G7242" s="8">
        <v>1</v>
      </c>
      <c r="H7242" s="8">
        <v>1</v>
      </c>
      <c r="I7242" s="8">
        <v>0</v>
      </c>
      <c r="J7242" s="8">
        <v>1</v>
      </c>
      <c r="K7242" s="9">
        <v>7.35</v>
      </c>
      <c r="L7242" s="6" t="s">
        <v>51</v>
      </c>
    </row>
    <row r="7243" spans="1:12">
      <c r="A7243" s="6" t="s">
        <v>49</v>
      </c>
      <c r="B7243" s="6"/>
      <c r="C7243" s="6" t="s">
        <v>7267</v>
      </c>
      <c r="D7243" s="6"/>
      <c r="E7243" s="6" t="s">
        <v>9</v>
      </c>
      <c r="F7243" s="7">
        <v>38657</v>
      </c>
      <c r="G7243" s="8">
        <v>1</v>
      </c>
      <c r="H7243" s="8">
        <v>1</v>
      </c>
      <c r="I7243" s="8">
        <v>0</v>
      </c>
      <c r="J7243" s="8">
        <v>1</v>
      </c>
      <c r="K7243" s="9">
        <v>9.91</v>
      </c>
      <c r="L7243" s="6" t="s">
        <v>51</v>
      </c>
    </row>
    <row r="7244" spans="1:12">
      <c r="A7244" s="6" t="s">
        <v>49</v>
      </c>
      <c r="B7244" s="6"/>
      <c r="C7244" s="6" t="s">
        <v>7268</v>
      </c>
      <c r="D7244" s="6"/>
      <c r="E7244" s="6" t="s">
        <v>9</v>
      </c>
      <c r="F7244" s="7">
        <v>38657</v>
      </c>
      <c r="G7244" s="8">
        <v>1</v>
      </c>
      <c r="H7244" s="8">
        <v>1</v>
      </c>
      <c r="I7244" s="8">
        <v>0</v>
      </c>
      <c r="J7244" s="8">
        <v>1</v>
      </c>
      <c r="K7244" s="9">
        <v>6.61</v>
      </c>
      <c r="L7244" s="6" t="s">
        <v>51</v>
      </c>
    </row>
    <row r="7245" spans="1:12">
      <c r="A7245" s="6" t="s">
        <v>49</v>
      </c>
      <c r="B7245" s="6"/>
      <c r="C7245" s="6" t="s">
        <v>7269</v>
      </c>
      <c r="D7245" s="6"/>
      <c r="E7245" s="6" t="s">
        <v>9</v>
      </c>
      <c r="F7245" s="7">
        <v>38657</v>
      </c>
      <c r="G7245" s="8">
        <v>1</v>
      </c>
      <c r="H7245" s="8">
        <v>1</v>
      </c>
      <c r="I7245" s="8">
        <v>0</v>
      </c>
      <c r="J7245" s="8">
        <v>1</v>
      </c>
      <c r="K7245" s="9">
        <v>3.37</v>
      </c>
      <c r="L7245" s="6" t="s">
        <v>51</v>
      </c>
    </row>
    <row r="7246" spans="1:12">
      <c r="A7246" s="6" t="s">
        <v>49</v>
      </c>
      <c r="B7246" s="6"/>
      <c r="C7246" s="6" t="s">
        <v>7270</v>
      </c>
      <c r="D7246" s="6"/>
      <c r="E7246" s="6" t="s">
        <v>9</v>
      </c>
      <c r="F7246" s="7">
        <v>38657</v>
      </c>
      <c r="G7246" s="8">
        <v>1</v>
      </c>
      <c r="H7246" s="8">
        <v>1</v>
      </c>
      <c r="I7246" s="8">
        <v>0</v>
      </c>
      <c r="J7246" s="8">
        <v>1</v>
      </c>
      <c r="K7246" s="9">
        <v>7</v>
      </c>
      <c r="L7246" s="6" t="s">
        <v>51</v>
      </c>
    </row>
    <row r="7247" spans="1:12">
      <c r="A7247" s="6" t="s">
        <v>49</v>
      </c>
      <c r="B7247" s="6"/>
      <c r="C7247" s="6" t="s">
        <v>7271</v>
      </c>
      <c r="D7247" s="6"/>
      <c r="E7247" s="6" t="s">
        <v>9</v>
      </c>
      <c r="F7247" s="7">
        <v>38657</v>
      </c>
      <c r="G7247" s="8">
        <v>1</v>
      </c>
      <c r="H7247" s="8">
        <v>1</v>
      </c>
      <c r="I7247" s="8">
        <v>0</v>
      </c>
      <c r="J7247" s="8">
        <v>1</v>
      </c>
      <c r="K7247" s="9">
        <v>105</v>
      </c>
      <c r="L7247" s="6" t="s">
        <v>51</v>
      </c>
    </row>
    <row r="7248" spans="1:12">
      <c r="A7248" s="6" t="s">
        <v>49</v>
      </c>
      <c r="B7248" s="6"/>
      <c r="C7248" s="6" t="s">
        <v>7272</v>
      </c>
      <c r="D7248" s="6"/>
      <c r="E7248" s="6" t="s">
        <v>9</v>
      </c>
      <c r="F7248" s="7">
        <v>38657</v>
      </c>
      <c r="G7248" s="8">
        <v>1</v>
      </c>
      <c r="H7248" s="8">
        <v>1</v>
      </c>
      <c r="I7248" s="8">
        <v>0</v>
      </c>
      <c r="J7248" s="8">
        <v>1</v>
      </c>
      <c r="K7248" s="9">
        <v>5.71</v>
      </c>
      <c r="L7248" s="6" t="s">
        <v>51</v>
      </c>
    </row>
    <row r="7249" spans="1:12">
      <c r="A7249" s="6" t="s">
        <v>49</v>
      </c>
      <c r="B7249" s="6"/>
      <c r="C7249" s="6" t="s">
        <v>7273</v>
      </c>
      <c r="D7249" s="6"/>
      <c r="E7249" s="6" t="s">
        <v>9</v>
      </c>
      <c r="F7249" s="7">
        <v>38657</v>
      </c>
      <c r="G7249" s="8">
        <v>1</v>
      </c>
      <c r="H7249" s="8">
        <v>1</v>
      </c>
      <c r="I7249" s="8">
        <v>0</v>
      </c>
      <c r="J7249" s="8">
        <v>1</v>
      </c>
      <c r="K7249" s="9">
        <v>5.28</v>
      </c>
      <c r="L7249" s="6" t="s">
        <v>51</v>
      </c>
    </row>
    <row r="7250" spans="1:12">
      <c r="A7250" s="6" t="s">
        <v>49</v>
      </c>
      <c r="B7250" s="6"/>
      <c r="C7250" s="6" t="s">
        <v>7274</v>
      </c>
      <c r="D7250" s="6"/>
      <c r="E7250" s="6" t="s">
        <v>9</v>
      </c>
      <c r="F7250" s="7">
        <v>38657</v>
      </c>
      <c r="G7250" s="8">
        <v>1</v>
      </c>
      <c r="H7250" s="8">
        <v>1</v>
      </c>
      <c r="I7250" s="8">
        <v>0</v>
      </c>
      <c r="J7250" s="8">
        <v>1</v>
      </c>
      <c r="K7250" s="9">
        <v>16</v>
      </c>
      <c r="L7250" s="6" t="s">
        <v>51</v>
      </c>
    </row>
    <row r="7251" spans="1:12">
      <c r="A7251" s="6" t="s">
        <v>49</v>
      </c>
      <c r="B7251" s="6"/>
      <c r="C7251" s="6" t="s">
        <v>7275</v>
      </c>
      <c r="D7251" s="6"/>
      <c r="E7251" s="6" t="s">
        <v>9</v>
      </c>
      <c r="F7251" s="7">
        <v>38657</v>
      </c>
      <c r="G7251" s="8">
        <v>1</v>
      </c>
      <c r="H7251" s="8">
        <v>1</v>
      </c>
      <c r="I7251" s="8">
        <v>0</v>
      </c>
      <c r="J7251" s="8">
        <v>1</v>
      </c>
      <c r="K7251" s="9">
        <v>23</v>
      </c>
      <c r="L7251" s="6" t="s">
        <v>51</v>
      </c>
    </row>
    <row r="7252" spans="1:12">
      <c r="A7252" s="6" t="s">
        <v>49</v>
      </c>
      <c r="B7252" s="6"/>
      <c r="C7252" s="6" t="s">
        <v>7276</v>
      </c>
      <c r="D7252" s="6"/>
      <c r="E7252" s="6" t="s">
        <v>9</v>
      </c>
      <c r="F7252" s="7">
        <v>38657</v>
      </c>
      <c r="G7252" s="8">
        <v>1</v>
      </c>
      <c r="H7252" s="8">
        <v>1</v>
      </c>
      <c r="I7252" s="8">
        <v>0</v>
      </c>
      <c r="J7252" s="8">
        <v>1</v>
      </c>
      <c r="K7252" s="9">
        <v>9.91</v>
      </c>
      <c r="L7252" s="6" t="s">
        <v>51</v>
      </c>
    </row>
    <row r="7253" spans="1:12">
      <c r="A7253" s="6" t="s">
        <v>49</v>
      </c>
      <c r="B7253" s="6"/>
      <c r="C7253" s="6" t="s">
        <v>7277</v>
      </c>
      <c r="D7253" s="6"/>
      <c r="E7253" s="6" t="s">
        <v>9</v>
      </c>
      <c r="F7253" s="7">
        <v>38657</v>
      </c>
      <c r="G7253" s="8">
        <v>1</v>
      </c>
      <c r="H7253" s="8">
        <v>1</v>
      </c>
      <c r="I7253" s="8">
        <v>0</v>
      </c>
      <c r="J7253" s="8">
        <v>1</v>
      </c>
      <c r="K7253" s="9">
        <v>9</v>
      </c>
      <c r="L7253" s="6" t="s">
        <v>51</v>
      </c>
    </row>
    <row r="7254" spans="1:12">
      <c r="A7254" s="6" t="s">
        <v>49</v>
      </c>
      <c r="B7254" s="6"/>
      <c r="C7254" s="6" t="s">
        <v>7278</v>
      </c>
      <c r="D7254" s="6"/>
      <c r="E7254" s="6" t="s">
        <v>9</v>
      </c>
      <c r="F7254" s="7">
        <v>38657</v>
      </c>
      <c r="G7254" s="8">
        <v>1</v>
      </c>
      <c r="H7254" s="8">
        <v>1</v>
      </c>
      <c r="I7254" s="8">
        <v>0</v>
      </c>
      <c r="J7254" s="8">
        <v>1</v>
      </c>
      <c r="K7254" s="9">
        <v>6.61</v>
      </c>
      <c r="L7254" s="6" t="s">
        <v>51</v>
      </c>
    </row>
    <row r="7255" spans="1:12">
      <c r="A7255" s="6" t="s">
        <v>49</v>
      </c>
      <c r="B7255" s="6"/>
      <c r="C7255" s="6" t="s">
        <v>7279</v>
      </c>
      <c r="D7255" s="6"/>
      <c r="E7255" s="6" t="s">
        <v>9</v>
      </c>
      <c r="F7255" s="7">
        <v>38657</v>
      </c>
      <c r="G7255" s="8">
        <v>1</v>
      </c>
      <c r="H7255" s="8">
        <v>1</v>
      </c>
      <c r="I7255" s="8">
        <v>0</v>
      </c>
      <c r="J7255" s="8">
        <v>1</v>
      </c>
      <c r="K7255" s="9">
        <v>13</v>
      </c>
      <c r="L7255" s="6" t="s">
        <v>51</v>
      </c>
    </row>
    <row r="7256" spans="1:12">
      <c r="A7256" s="6" t="s">
        <v>49</v>
      </c>
      <c r="B7256" s="6"/>
      <c r="C7256" s="6" t="s">
        <v>7280</v>
      </c>
      <c r="D7256" s="6"/>
      <c r="E7256" s="6" t="s">
        <v>9</v>
      </c>
      <c r="F7256" s="7">
        <v>38657</v>
      </c>
      <c r="G7256" s="8">
        <v>1</v>
      </c>
      <c r="H7256" s="8">
        <v>1</v>
      </c>
      <c r="I7256" s="8">
        <v>0</v>
      </c>
      <c r="J7256" s="8">
        <v>1</v>
      </c>
      <c r="K7256" s="9">
        <v>4.76</v>
      </c>
      <c r="L7256" s="6" t="s">
        <v>51</v>
      </c>
    </row>
    <row r="7257" spans="1:12">
      <c r="A7257" s="6" t="s">
        <v>49</v>
      </c>
      <c r="B7257" s="6"/>
      <c r="C7257" s="6" t="s">
        <v>7281</v>
      </c>
      <c r="D7257" s="6"/>
      <c r="E7257" s="6" t="s">
        <v>9</v>
      </c>
      <c r="F7257" s="7">
        <v>38657</v>
      </c>
      <c r="G7257" s="8">
        <v>1</v>
      </c>
      <c r="H7257" s="8">
        <v>1</v>
      </c>
      <c r="I7257" s="8">
        <v>0</v>
      </c>
      <c r="J7257" s="8">
        <v>1</v>
      </c>
      <c r="K7257" s="9">
        <v>0.59</v>
      </c>
      <c r="L7257" s="6" t="s">
        <v>51</v>
      </c>
    </row>
    <row r="7258" spans="1:12">
      <c r="A7258" s="6" t="s">
        <v>49</v>
      </c>
      <c r="B7258" s="6"/>
      <c r="C7258" s="6" t="s">
        <v>7282</v>
      </c>
      <c r="D7258" s="6"/>
      <c r="E7258" s="6" t="s">
        <v>9</v>
      </c>
      <c r="F7258" s="7">
        <v>38657</v>
      </c>
      <c r="G7258" s="8">
        <v>1</v>
      </c>
      <c r="H7258" s="8">
        <v>1</v>
      </c>
      <c r="I7258" s="8">
        <v>0</v>
      </c>
      <c r="J7258" s="8">
        <v>1</v>
      </c>
      <c r="K7258" s="9">
        <v>22</v>
      </c>
      <c r="L7258" s="6" t="s">
        <v>51</v>
      </c>
    </row>
    <row r="7259" spans="1:12">
      <c r="A7259" s="6" t="s">
        <v>49</v>
      </c>
      <c r="B7259" s="6"/>
      <c r="C7259" s="6" t="s">
        <v>7283</v>
      </c>
      <c r="D7259" s="6"/>
      <c r="E7259" s="6" t="s">
        <v>9</v>
      </c>
      <c r="F7259" s="7">
        <v>38657</v>
      </c>
      <c r="G7259" s="8">
        <v>1</v>
      </c>
      <c r="H7259" s="8">
        <v>1</v>
      </c>
      <c r="I7259" s="8">
        <v>0</v>
      </c>
      <c r="J7259" s="8">
        <v>1</v>
      </c>
      <c r="K7259" s="9">
        <v>36</v>
      </c>
      <c r="L7259" s="6" t="s">
        <v>51</v>
      </c>
    </row>
    <row r="7260" spans="1:12">
      <c r="A7260" s="6" t="s">
        <v>49</v>
      </c>
      <c r="B7260" s="6"/>
      <c r="C7260" s="6" t="s">
        <v>7284</v>
      </c>
      <c r="D7260" s="6"/>
      <c r="E7260" s="6" t="s">
        <v>9</v>
      </c>
      <c r="F7260" s="7">
        <v>38657</v>
      </c>
      <c r="G7260" s="8">
        <v>1</v>
      </c>
      <c r="H7260" s="8">
        <v>1</v>
      </c>
      <c r="I7260" s="8">
        <v>0</v>
      </c>
      <c r="J7260" s="8">
        <v>1</v>
      </c>
      <c r="K7260" s="9">
        <v>25</v>
      </c>
      <c r="L7260" s="6" t="s">
        <v>51</v>
      </c>
    </row>
    <row r="7261" spans="1:12">
      <c r="A7261" s="6" t="s">
        <v>49</v>
      </c>
      <c r="B7261" s="6"/>
      <c r="C7261" s="6" t="s">
        <v>7285</v>
      </c>
      <c r="D7261" s="6"/>
      <c r="E7261" s="6" t="s">
        <v>9</v>
      </c>
      <c r="F7261" s="7">
        <v>38657</v>
      </c>
      <c r="G7261" s="8">
        <v>1</v>
      </c>
      <c r="H7261" s="8">
        <v>1</v>
      </c>
      <c r="I7261" s="8">
        <v>0</v>
      </c>
      <c r="J7261" s="8">
        <v>1</v>
      </c>
      <c r="K7261" s="9">
        <v>11</v>
      </c>
      <c r="L7261" s="6" t="s">
        <v>51</v>
      </c>
    </row>
    <row r="7262" spans="1:12">
      <c r="A7262" s="6" t="s">
        <v>49</v>
      </c>
      <c r="B7262" s="6"/>
      <c r="C7262" s="6" t="s">
        <v>7286</v>
      </c>
      <c r="D7262" s="6"/>
      <c r="E7262" s="6" t="s">
        <v>9</v>
      </c>
      <c r="F7262" s="7">
        <v>38657</v>
      </c>
      <c r="G7262" s="8">
        <v>1</v>
      </c>
      <c r="H7262" s="8">
        <v>1</v>
      </c>
      <c r="I7262" s="8">
        <v>0</v>
      </c>
      <c r="J7262" s="8">
        <v>1</v>
      </c>
      <c r="K7262" s="9">
        <v>30</v>
      </c>
      <c r="L7262" s="6" t="s">
        <v>51</v>
      </c>
    </row>
    <row r="7263" spans="1:12">
      <c r="A7263" s="6" t="s">
        <v>49</v>
      </c>
      <c r="B7263" s="6"/>
      <c r="C7263" s="6" t="s">
        <v>7287</v>
      </c>
      <c r="D7263" s="6"/>
      <c r="E7263" s="6" t="s">
        <v>9</v>
      </c>
      <c r="F7263" s="7">
        <v>38657</v>
      </c>
      <c r="G7263" s="8">
        <v>1</v>
      </c>
      <c r="H7263" s="8">
        <v>1</v>
      </c>
      <c r="I7263" s="8">
        <v>0</v>
      </c>
      <c r="J7263" s="8">
        <v>1</v>
      </c>
      <c r="K7263" s="9">
        <v>35</v>
      </c>
      <c r="L7263" s="6" t="s">
        <v>51</v>
      </c>
    </row>
    <row r="7264" spans="1:12">
      <c r="A7264" s="6" t="s">
        <v>49</v>
      </c>
      <c r="B7264" s="6"/>
      <c r="C7264" s="6" t="s">
        <v>7288</v>
      </c>
      <c r="D7264" s="6"/>
      <c r="E7264" s="6" t="s">
        <v>9</v>
      </c>
      <c r="F7264" s="7">
        <v>38657</v>
      </c>
      <c r="G7264" s="8">
        <v>1</v>
      </c>
      <c r="H7264" s="8">
        <v>1</v>
      </c>
      <c r="I7264" s="8">
        <v>0</v>
      </c>
      <c r="J7264" s="8">
        <v>1</v>
      </c>
      <c r="K7264" s="9">
        <v>9.18</v>
      </c>
      <c r="L7264" s="6" t="s">
        <v>51</v>
      </c>
    </row>
    <row r="7265" spans="1:12">
      <c r="A7265" s="6" t="s">
        <v>49</v>
      </c>
      <c r="B7265" s="6"/>
      <c r="C7265" s="6" t="s">
        <v>7289</v>
      </c>
      <c r="D7265" s="6"/>
      <c r="E7265" s="6" t="s">
        <v>9</v>
      </c>
      <c r="F7265" s="7">
        <v>38657</v>
      </c>
      <c r="G7265" s="8">
        <v>1</v>
      </c>
      <c r="H7265" s="8">
        <v>1</v>
      </c>
      <c r="I7265" s="8">
        <v>0</v>
      </c>
      <c r="J7265" s="8">
        <v>1</v>
      </c>
      <c r="K7265" s="9">
        <v>9.32</v>
      </c>
      <c r="L7265" s="6" t="s">
        <v>51</v>
      </c>
    </row>
    <row r="7266" spans="1:12">
      <c r="A7266" s="6" t="s">
        <v>49</v>
      </c>
      <c r="B7266" s="6"/>
      <c r="C7266" s="6" t="s">
        <v>7290</v>
      </c>
      <c r="D7266" s="6"/>
      <c r="E7266" s="6" t="s">
        <v>9</v>
      </c>
      <c r="F7266" s="7">
        <v>38657</v>
      </c>
      <c r="G7266" s="8">
        <v>1</v>
      </c>
      <c r="H7266" s="8">
        <v>1</v>
      </c>
      <c r="I7266" s="8">
        <v>0</v>
      </c>
      <c r="J7266" s="8">
        <v>1</v>
      </c>
      <c r="K7266" s="9">
        <v>33</v>
      </c>
      <c r="L7266" s="6" t="s">
        <v>51</v>
      </c>
    </row>
    <row r="7267" spans="1:12">
      <c r="A7267" s="6" t="s">
        <v>49</v>
      </c>
      <c r="B7267" s="6"/>
      <c r="C7267" s="6" t="s">
        <v>7291</v>
      </c>
      <c r="D7267" s="6"/>
      <c r="E7267" s="6" t="s">
        <v>9</v>
      </c>
      <c r="F7267" s="7">
        <v>38657</v>
      </c>
      <c r="G7267" s="8">
        <v>1</v>
      </c>
      <c r="H7267" s="8">
        <v>1</v>
      </c>
      <c r="I7267" s="8">
        <v>0</v>
      </c>
      <c r="J7267" s="8">
        <v>1</v>
      </c>
      <c r="K7267" s="9">
        <v>19</v>
      </c>
      <c r="L7267" s="6" t="s">
        <v>51</v>
      </c>
    </row>
    <row r="7268" spans="1:12">
      <c r="A7268" s="6" t="s">
        <v>49</v>
      </c>
      <c r="B7268" s="6"/>
      <c r="C7268" s="6" t="s">
        <v>7292</v>
      </c>
      <c r="D7268" s="6"/>
      <c r="E7268" s="6" t="s">
        <v>9</v>
      </c>
      <c r="F7268" s="7">
        <v>38657</v>
      </c>
      <c r="G7268" s="8">
        <v>1</v>
      </c>
      <c r="H7268" s="8">
        <v>1</v>
      </c>
      <c r="I7268" s="8">
        <v>0</v>
      </c>
      <c r="J7268" s="8">
        <v>1</v>
      </c>
      <c r="K7268" s="9">
        <v>19</v>
      </c>
      <c r="L7268" s="6" t="s">
        <v>51</v>
      </c>
    </row>
    <row r="7269" spans="1:12">
      <c r="A7269" s="6" t="s">
        <v>49</v>
      </c>
      <c r="B7269" s="6"/>
      <c r="C7269" s="6" t="s">
        <v>7293</v>
      </c>
      <c r="D7269" s="6"/>
      <c r="E7269" s="6" t="s">
        <v>9</v>
      </c>
      <c r="F7269" s="7">
        <v>38657</v>
      </c>
      <c r="G7269" s="8">
        <v>1</v>
      </c>
      <c r="H7269" s="8">
        <v>1</v>
      </c>
      <c r="I7269" s="8">
        <v>0</v>
      </c>
      <c r="J7269" s="8">
        <v>1</v>
      </c>
      <c r="K7269" s="9">
        <v>23</v>
      </c>
      <c r="L7269" s="6" t="s">
        <v>51</v>
      </c>
    </row>
    <row r="7270" spans="1:12">
      <c r="A7270" s="6" t="s">
        <v>49</v>
      </c>
      <c r="B7270" s="6"/>
      <c r="C7270" s="6" t="s">
        <v>7294</v>
      </c>
      <c r="D7270" s="6"/>
      <c r="E7270" s="6" t="s">
        <v>9</v>
      </c>
      <c r="F7270" s="7">
        <v>38657</v>
      </c>
      <c r="G7270" s="8">
        <v>1</v>
      </c>
      <c r="H7270" s="8">
        <v>1</v>
      </c>
      <c r="I7270" s="8">
        <v>0</v>
      </c>
      <c r="J7270" s="8">
        <v>1</v>
      </c>
      <c r="K7270" s="9">
        <v>36</v>
      </c>
      <c r="L7270" s="6" t="s">
        <v>51</v>
      </c>
    </row>
    <row r="7271" spans="1:12">
      <c r="A7271" s="6" t="s">
        <v>49</v>
      </c>
      <c r="B7271" s="6"/>
      <c r="C7271" s="6" t="s">
        <v>7295</v>
      </c>
      <c r="D7271" s="6"/>
      <c r="E7271" s="6" t="s">
        <v>9</v>
      </c>
      <c r="F7271" s="7">
        <v>38657</v>
      </c>
      <c r="G7271" s="8">
        <v>1</v>
      </c>
      <c r="H7271" s="8">
        <v>1</v>
      </c>
      <c r="I7271" s="8">
        <v>0</v>
      </c>
      <c r="J7271" s="8">
        <v>1</v>
      </c>
      <c r="K7271" s="9">
        <v>52</v>
      </c>
      <c r="L7271" s="6" t="s">
        <v>51</v>
      </c>
    </row>
    <row r="7272" spans="1:12">
      <c r="A7272" s="6" t="s">
        <v>49</v>
      </c>
      <c r="B7272" s="6"/>
      <c r="C7272" s="6" t="s">
        <v>7296</v>
      </c>
      <c r="D7272" s="6"/>
      <c r="E7272" s="6" t="s">
        <v>9</v>
      </c>
      <c r="F7272" s="7">
        <v>38657</v>
      </c>
      <c r="G7272" s="8">
        <v>1</v>
      </c>
      <c r="H7272" s="8">
        <v>1</v>
      </c>
      <c r="I7272" s="8">
        <v>0</v>
      </c>
      <c r="J7272" s="8">
        <v>1</v>
      </c>
      <c r="K7272" s="9">
        <v>49</v>
      </c>
      <c r="L7272" s="6" t="s">
        <v>51</v>
      </c>
    </row>
    <row r="7273" spans="1:12">
      <c r="A7273" s="6" t="s">
        <v>49</v>
      </c>
      <c r="B7273" s="6"/>
      <c r="C7273" s="6" t="s">
        <v>7297</v>
      </c>
      <c r="D7273" s="6"/>
      <c r="E7273" s="6" t="s">
        <v>9</v>
      </c>
      <c r="F7273" s="7">
        <v>38657</v>
      </c>
      <c r="G7273" s="8">
        <v>1</v>
      </c>
      <c r="H7273" s="8">
        <v>1</v>
      </c>
      <c r="I7273" s="8">
        <v>0</v>
      </c>
      <c r="J7273" s="8">
        <v>1</v>
      </c>
      <c r="K7273" s="9">
        <v>178</v>
      </c>
      <c r="L7273" s="6" t="s">
        <v>51</v>
      </c>
    </row>
    <row r="7274" spans="1:12">
      <c r="A7274" s="6" t="s">
        <v>49</v>
      </c>
      <c r="B7274" s="6"/>
      <c r="C7274" s="6" t="s">
        <v>7298</v>
      </c>
      <c r="D7274" s="6"/>
      <c r="E7274" s="6" t="s">
        <v>9</v>
      </c>
      <c r="F7274" s="7">
        <v>38657</v>
      </c>
      <c r="G7274" s="8">
        <v>1</v>
      </c>
      <c r="H7274" s="8">
        <v>1</v>
      </c>
      <c r="I7274" s="8">
        <v>0</v>
      </c>
      <c r="J7274" s="8">
        <v>1</v>
      </c>
      <c r="K7274" s="9">
        <v>110</v>
      </c>
      <c r="L7274" s="6" t="s">
        <v>51</v>
      </c>
    </row>
    <row r="7275" spans="1:12">
      <c r="A7275" s="6" t="s">
        <v>49</v>
      </c>
      <c r="B7275" s="6"/>
      <c r="C7275" s="6" t="s">
        <v>7299</v>
      </c>
      <c r="D7275" s="6"/>
      <c r="E7275" s="6" t="s">
        <v>9</v>
      </c>
      <c r="F7275" s="7">
        <v>38657</v>
      </c>
      <c r="G7275" s="8">
        <v>1</v>
      </c>
      <c r="H7275" s="8">
        <v>1</v>
      </c>
      <c r="I7275" s="8">
        <v>0</v>
      </c>
      <c r="J7275" s="8">
        <v>1</v>
      </c>
      <c r="K7275" s="9">
        <v>1699</v>
      </c>
      <c r="L7275" s="6" t="s">
        <v>51</v>
      </c>
    </row>
    <row r="7276" spans="1:12">
      <c r="A7276" s="6" t="s">
        <v>49</v>
      </c>
      <c r="B7276" s="6"/>
      <c r="C7276" s="6" t="s">
        <v>7300</v>
      </c>
      <c r="D7276" s="6"/>
      <c r="E7276" s="6" t="s">
        <v>9</v>
      </c>
      <c r="F7276" s="7">
        <v>38657</v>
      </c>
      <c r="G7276" s="8">
        <v>1</v>
      </c>
      <c r="H7276" s="8">
        <v>1</v>
      </c>
      <c r="I7276" s="8">
        <v>0</v>
      </c>
      <c r="J7276" s="8">
        <v>1</v>
      </c>
      <c r="K7276" s="9">
        <v>9.4499999999999904</v>
      </c>
      <c r="L7276" s="6" t="s">
        <v>51</v>
      </c>
    </row>
    <row r="7277" spans="1:12">
      <c r="A7277" s="6" t="s">
        <v>49</v>
      </c>
      <c r="B7277" s="6"/>
      <c r="C7277" s="6" t="s">
        <v>7301</v>
      </c>
      <c r="D7277" s="6"/>
      <c r="E7277" s="6" t="s">
        <v>9</v>
      </c>
      <c r="F7277" s="7">
        <v>38657</v>
      </c>
      <c r="G7277" s="8">
        <v>1</v>
      </c>
      <c r="H7277" s="8">
        <v>1</v>
      </c>
      <c r="I7277" s="8">
        <v>0</v>
      </c>
      <c r="J7277" s="8">
        <v>1</v>
      </c>
      <c r="K7277" s="9">
        <v>24</v>
      </c>
      <c r="L7277" s="6" t="s">
        <v>51</v>
      </c>
    </row>
    <row r="7278" spans="1:12">
      <c r="A7278" s="6" t="s">
        <v>49</v>
      </c>
      <c r="B7278" s="6"/>
      <c r="C7278" s="6" t="s">
        <v>7302</v>
      </c>
      <c r="D7278" s="6"/>
      <c r="E7278" s="6" t="s">
        <v>9</v>
      </c>
      <c r="F7278" s="7">
        <v>38657</v>
      </c>
      <c r="G7278" s="8">
        <v>1</v>
      </c>
      <c r="H7278" s="8">
        <v>1</v>
      </c>
      <c r="I7278" s="8">
        <v>0</v>
      </c>
      <c r="J7278" s="8">
        <v>1</v>
      </c>
      <c r="K7278" s="9">
        <v>2.35</v>
      </c>
      <c r="L7278" s="6" t="s">
        <v>51</v>
      </c>
    </row>
    <row r="7279" spans="1:12">
      <c r="A7279" s="6" t="s">
        <v>49</v>
      </c>
      <c r="B7279" s="6"/>
      <c r="C7279" s="6" t="s">
        <v>7303</v>
      </c>
      <c r="D7279" s="6"/>
      <c r="E7279" s="6" t="s">
        <v>9</v>
      </c>
      <c r="F7279" s="7">
        <v>38657</v>
      </c>
      <c r="G7279" s="8">
        <v>1</v>
      </c>
      <c r="H7279" s="8">
        <v>1</v>
      </c>
      <c r="I7279" s="8">
        <v>0</v>
      </c>
      <c r="J7279" s="8">
        <v>1</v>
      </c>
      <c r="K7279" s="9">
        <v>47</v>
      </c>
      <c r="L7279" s="6" t="s">
        <v>51</v>
      </c>
    </row>
    <row r="7280" spans="1:12">
      <c r="A7280" s="6" t="s">
        <v>49</v>
      </c>
      <c r="B7280" s="6"/>
      <c r="C7280" s="6" t="s">
        <v>7304</v>
      </c>
      <c r="D7280" s="6"/>
      <c r="E7280" s="6" t="s">
        <v>9</v>
      </c>
      <c r="F7280" s="7">
        <v>38657</v>
      </c>
      <c r="G7280" s="8">
        <v>1</v>
      </c>
      <c r="H7280" s="8">
        <v>1</v>
      </c>
      <c r="I7280" s="8">
        <v>0</v>
      </c>
      <c r="J7280" s="8">
        <v>1</v>
      </c>
      <c r="K7280" s="9">
        <v>31</v>
      </c>
      <c r="L7280" s="6" t="s">
        <v>51</v>
      </c>
    </row>
    <row r="7281" spans="1:12">
      <c r="A7281" s="6" t="s">
        <v>49</v>
      </c>
      <c r="B7281" s="6"/>
      <c r="C7281" s="6" t="s">
        <v>7305</v>
      </c>
      <c r="D7281" s="6"/>
      <c r="E7281" s="6" t="s">
        <v>9</v>
      </c>
      <c r="F7281" s="7">
        <v>38657</v>
      </c>
      <c r="G7281" s="8">
        <v>1</v>
      </c>
      <c r="H7281" s="8">
        <v>1</v>
      </c>
      <c r="I7281" s="8">
        <v>0</v>
      </c>
      <c r="J7281" s="8">
        <v>1</v>
      </c>
      <c r="K7281" s="9">
        <v>17</v>
      </c>
      <c r="L7281" s="6" t="s">
        <v>51</v>
      </c>
    </row>
    <row r="7282" spans="1:12">
      <c r="A7282" s="6" t="s">
        <v>49</v>
      </c>
      <c r="B7282" s="6"/>
      <c r="C7282" s="6" t="s">
        <v>7306</v>
      </c>
      <c r="D7282" s="6"/>
      <c r="E7282" s="6" t="s">
        <v>9</v>
      </c>
      <c r="F7282" s="7">
        <v>38657</v>
      </c>
      <c r="G7282" s="8">
        <v>1</v>
      </c>
      <c r="H7282" s="8">
        <v>1</v>
      </c>
      <c r="I7282" s="8">
        <v>0</v>
      </c>
      <c r="J7282" s="8">
        <v>1</v>
      </c>
      <c r="K7282" s="9">
        <v>17</v>
      </c>
      <c r="L7282" s="6" t="s">
        <v>51</v>
      </c>
    </row>
    <row r="7283" spans="1:12">
      <c r="A7283" s="6" t="s">
        <v>49</v>
      </c>
      <c r="B7283" s="6"/>
      <c r="C7283" s="6" t="s">
        <v>7307</v>
      </c>
      <c r="D7283" s="6"/>
      <c r="E7283" s="6" t="s">
        <v>9</v>
      </c>
      <c r="F7283" s="7">
        <v>38657</v>
      </c>
      <c r="G7283" s="8">
        <v>1</v>
      </c>
      <c r="H7283" s="8">
        <v>1</v>
      </c>
      <c r="I7283" s="8">
        <v>0</v>
      </c>
      <c r="J7283" s="8">
        <v>1</v>
      </c>
      <c r="K7283" s="9">
        <v>23</v>
      </c>
      <c r="L7283" s="6" t="s">
        <v>51</v>
      </c>
    </row>
    <row r="7284" spans="1:12">
      <c r="A7284" s="6" t="s">
        <v>49</v>
      </c>
      <c r="B7284" s="6"/>
      <c r="C7284" s="6" t="s">
        <v>7308</v>
      </c>
      <c r="D7284" s="6"/>
      <c r="E7284" s="6" t="s">
        <v>9</v>
      </c>
      <c r="F7284" s="7">
        <v>38657</v>
      </c>
      <c r="G7284" s="8">
        <v>1</v>
      </c>
      <c r="H7284" s="8">
        <v>1</v>
      </c>
      <c r="I7284" s="8">
        <v>0</v>
      </c>
      <c r="J7284" s="8">
        <v>1</v>
      </c>
      <c r="K7284" s="9">
        <v>10</v>
      </c>
      <c r="L7284" s="6" t="s">
        <v>51</v>
      </c>
    </row>
    <row r="7285" spans="1:12">
      <c r="A7285" s="6" t="s">
        <v>49</v>
      </c>
      <c r="B7285" s="6"/>
      <c r="C7285" s="6" t="s">
        <v>7309</v>
      </c>
      <c r="D7285" s="6"/>
      <c r="E7285" s="6" t="s">
        <v>9</v>
      </c>
      <c r="F7285" s="7">
        <v>38657</v>
      </c>
      <c r="G7285" s="8">
        <v>1</v>
      </c>
      <c r="H7285" s="8">
        <v>1</v>
      </c>
      <c r="I7285" s="8">
        <v>0</v>
      </c>
      <c r="J7285" s="8">
        <v>1</v>
      </c>
      <c r="K7285" s="9">
        <v>17.260000000000002</v>
      </c>
      <c r="L7285" s="6" t="s">
        <v>51</v>
      </c>
    </row>
    <row r="7286" spans="1:12">
      <c r="A7286" s="6" t="s">
        <v>49</v>
      </c>
      <c r="B7286" s="6"/>
      <c r="C7286" s="6" t="s">
        <v>7310</v>
      </c>
      <c r="D7286" s="6"/>
      <c r="E7286" s="6" t="s">
        <v>9</v>
      </c>
      <c r="F7286" s="7">
        <v>38657</v>
      </c>
      <c r="G7286" s="8">
        <v>1</v>
      </c>
      <c r="H7286" s="8">
        <v>1</v>
      </c>
      <c r="I7286" s="8">
        <v>0</v>
      </c>
      <c r="J7286" s="8">
        <v>1</v>
      </c>
      <c r="K7286" s="9">
        <v>25</v>
      </c>
      <c r="L7286" s="6" t="s">
        <v>51</v>
      </c>
    </row>
    <row r="7287" spans="1:12">
      <c r="A7287" s="6" t="s">
        <v>49</v>
      </c>
      <c r="B7287" s="6"/>
      <c r="C7287" s="6" t="s">
        <v>7311</v>
      </c>
      <c r="D7287" s="6"/>
      <c r="E7287" s="6" t="s">
        <v>9</v>
      </c>
      <c r="F7287" s="7">
        <v>38657</v>
      </c>
      <c r="G7287" s="8">
        <v>1</v>
      </c>
      <c r="H7287" s="8">
        <v>1</v>
      </c>
      <c r="I7287" s="8">
        <v>0</v>
      </c>
      <c r="J7287" s="8">
        <v>1</v>
      </c>
      <c r="K7287" s="9">
        <v>9.25</v>
      </c>
      <c r="L7287" s="6" t="s">
        <v>51</v>
      </c>
    </row>
    <row r="7288" spans="1:12">
      <c r="A7288" s="6" t="s">
        <v>49</v>
      </c>
      <c r="B7288" s="6"/>
      <c r="C7288" s="6" t="s">
        <v>7312</v>
      </c>
      <c r="D7288" s="6"/>
      <c r="E7288" s="6" t="s">
        <v>9</v>
      </c>
      <c r="F7288" s="7">
        <v>38657</v>
      </c>
      <c r="G7288" s="8">
        <v>1</v>
      </c>
      <c r="H7288" s="8">
        <v>1</v>
      </c>
      <c r="I7288" s="8">
        <v>0</v>
      </c>
      <c r="J7288" s="8">
        <v>1</v>
      </c>
      <c r="K7288" s="9">
        <v>16</v>
      </c>
      <c r="L7288" s="6" t="s">
        <v>51</v>
      </c>
    </row>
    <row r="7289" spans="1:12">
      <c r="A7289" s="6" t="s">
        <v>49</v>
      </c>
      <c r="B7289" s="6"/>
      <c r="C7289" s="6" t="s">
        <v>7313</v>
      </c>
      <c r="D7289" s="6"/>
      <c r="E7289" s="6" t="s">
        <v>9</v>
      </c>
      <c r="F7289" s="7">
        <v>38657</v>
      </c>
      <c r="G7289" s="8">
        <v>1</v>
      </c>
      <c r="H7289" s="8">
        <v>1</v>
      </c>
      <c r="I7289" s="8">
        <v>0</v>
      </c>
      <c r="J7289" s="8">
        <v>1</v>
      </c>
      <c r="K7289" s="9">
        <v>16</v>
      </c>
      <c r="L7289" s="6" t="s">
        <v>51</v>
      </c>
    </row>
    <row r="7290" spans="1:12">
      <c r="A7290" s="6" t="s">
        <v>49</v>
      </c>
      <c r="B7290" s="6"/>
      <c r="C7290" s="6" t="s">
        <v>7314</v>
      </c>
      <c r="D7290" s="6"/>
      <c r="E7290" s="6" t="s">
        <v>9</v>
      </c>
      <c r="F7290" s="7">
        <v>38657</v>
      </c>
      <c r="G7290" s="8">
        <v>1</v>
      </c>
      <c r="H7290" s="8">
        <v>1</v>
      </c>
      <c r="I7290" s="8">
        <v>0</v>
      </c>
      <c r="J7290" s="8">
        <v>1</v>
      </c>
      <c r="K7290" s="9">
        <v>19</v>
      </c>
      <c r="L7290" s="6" t="s">
        <v>51</v>
      </c>
    </row>
    <row r="7291" spans="1:12">
      <c r="A7291" s="6" t="s">
        <v>49</v>
      </c>
      <c r="B7291" s="6"/>
      <c r="C7291" s="6" t="s">
        <v>7315</v>
      </c>
      <c r="D7291" s="6"/>
      <c r="E7291" s="6" t="s">
        <v>9</v>
      </c>
      <c r="F7291" s="7">
        <v>38657</v>
      </c>
      <c r="G7291" s="8">
        <v>1</v>
      </c>
      <c r="H7291" s="8">
        <v>1</v>
      </c>
      <c r="I7291" s="8">
        <v>0</v>
      </c>
      <c r="J7291" s="8">
        <v>1</v>
      </c>
      <c r="K7291" s="9">
        <v>35</v>
      </c>
      <c r="L7291" s="6" t="s">
        <v>51</v>
      </c>
    </row>
    <row r="7292" spans="1:12">
      <c r="A7292" s="6" t="s">
        <v>49</v>
      </c>
      <c r="B7292" s="6"/>
      <c r="C7292" s="6" t="s">
        <v>7316</v>
      </c>
      <c r="D7292" s="6"/>
      <c r="E7292" s="6" t="s">
        <v>9</v>
      </c>
      <c r="F7292" s="7">
        <v>38657</v>
      </c>
      <c r="G7292" s="8">
        <v>1</v>
      </c>
      <c r="H7292" s="8">
        <v>1</v>
      </c>
      <c r="I7292" s="8">
        <v>0</v>
      </c>
      <c r="J7292" s="8">
        <v>1</v>
      </c>
      <c r="K7292" s="9">
        <v>5.45</v>
      </c>
      <c r="L7292" s="6" t="s">
        <v>51</v>
      </c>
    </row>
    <row r="7293" spans="1:12">
      <c r="A7293" s="6" t="s">
        <v>49</v>
      </c>
      <c r="B7293" s="6"/>
      <c r="C7293" s="6" t="s">
        <v>7317</v>
      </c>
      <c r="D7293" s="6"/>
      <c r="E7293" s="6" t="s">
        <v>9</v>
      </c>
      <c r="F7293" s="7">
        <v>38657</v>
      </c>
      <c r="G7293" s="8">
        <v>1</v>
      </c>
      <c r="H7293" s="8">
        <v>1</v>
      </c>
      <c r="I7293" s="8">
        <v>0</v>
      </c>
      <c r="J7293" s="8">
        <v>1</v>
      </c>
      <c r="K7293" s="9">
        <v>4.5199999999999898</v>
      </c>
      <c r="L7293" s="6" t="s">
        <v>51</v>
      </c>
    </row>
    <row r="7294" spans="1:12">
      <c r="A7294" s="6" t="s">
        <v>49</v>
      </c>
      <c r="B7294" s="6"/>
      <c r="C7294" s="6" t="s">
        <v>7318</v>
      </c>
      <c r="D7294" s="6"/>
      <c r="E7294" s="6" t="s">
        <v>9</v>
      </c>
      <c r="F7294" s="7">
        <v>38657</v>
      </c>
      <c r="G7294" s="8">
        <v>1</v>
      </c>
      <c r="H7294" s="8">
        <v>1</v>
      </c>
      <c r="I7294" s="8">
        <v>0</v>
      </c>
      <c r="J7294" s="8">
        <v>1</v>
      </c>
      <c r="K7294" s="9">
        <v>16</v>
      </c>
      <c r="L7294" s="6" t="s">
        <v>51</v>
      </c>
    </row>
    <row r="7295" spans="1:12">
      <c r="A7295" s="6" t="s">
        <v>49</v>
      </c>
      <c r="B7295" s="6"/>
      <c r="C7295" s="6" t="s">
        <v>7319</v>
      </c>
      <c r="D7295" s="6"/>
      <c r="E7295" s="6" t="s">
        <v>9</v>
      </c>
      <c r="F7295" s="7">
        <v>38657</v>
      </c>
      <c r="G7295" s="8">
        <v>1</v>
      </c>
      <c r="H7295" s="8">
        <v>1</v>
      </c>
      <c r="I7295" s="8">
        <v>0</v>
      </c>
      <c r="J7295" s="8">
        <v>1</v>
      </c>
      <c r="K7295" s="9">
        <v>13.98</v>
      </c>
      <c r="L7295" s="6" t="s">
        <v>51</v>
      </c>
    </row>
    <row r="7296" spans="1:12">
      <c r="A7296" s="6" t="s">
        <v>49</v>
      </c>
      <c r="B7296" s="6"/>
      <c r="C7296" s="6" t="s">
        <v>7320</v>
      </c>
      <c r="D7296" s="6"/>
      <c r="E7296" s="6" t="s">
        <v>9</v>
      </c>
      <c r="F7296" s="7">
        <v>38657</v>
      </c>
      <c r="G7296" s="8">
        <v>1</v>
      </c>
      <c r="H7296" s="8">
        <v>1</v>
      </c>
      <c r="I7296" s="8">
        <v>0</v>
      </c>
      <c r="J7296" s="8">
        <v>1</v>
      </c>
      <c r="K7296" s="9">
        <v>23</v>
      </c>
      <c r="L7296" s="6" t="s">
        <v>51</v>
      </c>
    </row>
    <row r="7297" spans="1:12">
      <c r="A7297" s="6" t="s">
        <v>49</v>
      </c>
      <c r="B7297" s="6"/>
      <c r="C7297" s="6" t="s">
        <v>7321</v>
      </c>
      <c r="D7297" s="6"/>
      <c r="E7297" s="6" t="s">
        <v>9</v>
      </c>
      <c r="F7297" s="7">
        <v>38657</v>
      </c>
      <c r="G7297" s="8">
        <v>1</v>
      </c>
      <c r="H7297" s="8">
        <v>1</v>
      </c>
      <c r="I7297" s="8">
        <v>0</v>
      </c>
      <c r="J7297" s="8">
        <v>1</v>
      </c>
      <c r="K7297" s="9">
        <v>9.91</v>
      </c>
      <c r="L7297" s="6" t="s">
        <v>51</v>
      </c>
    </row>
    <row r="7298" spans="1:12">
      <c r="A7298" s="6" t="s">
        <v>49</v>
      </c>
      <c r="B7298" s="6"/>
      <c r="C7298" s="6" t="s">
        <v>7322</v>
      </c>
      <c r="D7298" s="6"/>
      <c r="E7298" s="6" t="s">
        <v>9</v>
      </c>
      <c r="F7298" s="7">
        <v>38657</v>
      </c>
      <c r="G7298" s="8">
        <v>1</v>
      </c>
      <c r="H7298" s="8">
        <v>1</v>
      </c>
      <c r="I7298" s="8">
        <v>0</v>
      </c>
      <c r="J7298" s="8">
        <v>1</v>
      </c>
      <c r="K7298" s="9">
        <v>7.92</v>
      </c>
      <c r="L7298" s="6" t="s">
        <v>51</v>
      </c>
    </row>
    <row r="7299" spans="1:12">
      <c r="A7299" s="6" t="s">
        <v>49</v>
      </c>
      <c r="B7299" s="6"/>
      <c r="C7299" s="6" t="s">
        <v>7323</v>
      </c>
      <c r="D7299" s="6"/>
      <c r="E7299" s="6" t="s">
        <v>9</v>
      </c>
      <c r="F7299" s="7">
        <v>38657</v>
      </c>
      <c r="G7299" s="8">
        <v>1</v>
      </c>
      <c r="H7299" s="8">
        <v>1</v>
      </c>
      <c r="I7299" s="8">
        <v>0</v>
      </c>
      <c r="J7299" s="8">
        <v>1</v>
      </c>
      <c r="K7299" s="9">
        <v>19</v>
      </c>
      <c r="L7299" s="6" t="s">
        <v>51</v>
      </c>
    </row>
    <row r="7300" spans="1:12">
      <c r="A7300" s="6" t="s">
        <v>49</v>
      </c>
      <c r="B7300" s="6"/>
      <c r="C7300" s="6" t="s">
        <v>7324</v>
      </c>
      <c r="D7300" s="6"/>
      <c r="E7300" s="6" t="s">
        <v>9</v>
      </c>
      <c r="F7300" s="7">
        <v>38657</v>
      </c>
      <c r="G7300" s="8">
        <v>1</v>
      </c>
      <c r="H7300" s="8">
        <v>1</v>
      </c>
      <c r="I7300" s="8">
        <v>0</v>
      </c>
      <c r="J7300" s="8">
        <v>1</v>
      </c>
      <c r="K7300" s="9">
        <v>2.1800000000000002</v>
      </c>
      <c r="L7300" s="6" t="s">
        <v>51</v>
      </c>
    </row>
    <row r="7301" spans="1:12">
      <c r="A7301" s="6" t="s">
        <v>49</v>
      </c>
      <c r="B7301" s="6"/>
      <c r="C7301" s="6" t="s">
        <v>7325</v>
      </c>
      <c r="D7301" s="6"/>
      <c r="E7301" s="6" t="s">
        <v>9</v>
      </c>
      <c r="F7301" s="7">
        <v>38657</v>
      </c>
      <c r="G7301" s="8">
        <v>1</v>
      </c>
      <c r="H7301" s="8">
        <v>1</v>
      </c>
      <c r="I7301" s="8">
        <v>0</v>
      </c>
      <c r="J7301" s="8">
        <v>1</v>
      </c>
      <c r="K7301" s="9">
        <v>0.33</v>
      </c>
      <c r="L7301" s="6" t="s">
        <v>51</v>
      </c>
    </row>
    <row r="7302" spans="1:12">
      <c r="A7302" s="6" t="s">
        <v>49</v>
      </c>
      <c r="B7302" s="6"/>
      <c r="C7302" s="6" t="s">
        <v>7326</v>
      </c>
      <c r="D7302" s="6"/>
      <c r="E7302" s="6" t="s">
        <v>9</v>
      </c>
      <c r="F7302" s="7">
        <v>38657</v>
      </c>
      <c r="G7302" s="8">
        <v>1</v>
      </c>
      <c r="H7302" s="8">
        <v>1</v>
      </c>
      <c r="I7302" s="8">
        <v>0</v>
      </c>
      <c r="J7302" s="8">
        <v>1</v>
      </c>
      <c r="K7302" s="9">
        <v>46</v>
      </c>
      <c r="L7302" s="6" t="s">
        <v>51</v>
      </c>
    </row>
    <row r="7303" spans="1:12">
      <c r="A7303" s="6" t="s">
        <v>49</v>
      </c>
      <c r="B7303" s="6"/>
      <c r="C7303" s="6" t="s">
        <v>7327</v>
      </c>
      <c r="D7303" s="6"/>
      <c r="E7303" s="6" t="s">
        <v>9</v>
      </c>
      <c r="F7303" s="7">
        <v>38657</v>
      </c>
      <c r="G7303" s="8">
        <v>1</v>
      </c>
      <c r="H7303" s="8">
        <v>1</v>
      </c>
      <c r="I7303" s="8">
        <v>0</v>
      </c>
      <c r="J7303" s="8">
        <v>1</v>
      </c>
      <c r="K7303" s="9">
        <v>22</v>
      </c>
      <c r="L7303" s="6" t="s">
        <v>51</v>
      </c>
    </row>
    <row r="7304" spans="1:12">
      <c r="A7304" s="6" t="s">
        <v>49</v>
      </c>
      <c r="B7304" s="6"/>
      <c r="C7304" s="6" t="s">
        <v>7328</v>
      </c>
      <c r="D7304" s="6"/>
      <c r="E7304" s="6" t="s">
        <v>9</v>
      </c>
      <c r="F7304" s="7">
        <v>38657</v>
      </c>
      <c r="G7304" s="8">
        <v>1</v>
      </c>
      <c r="H7304" s="8">
        <v>1</v>
      </c>
      <c r="I7304" s="8">
        <v>0</v>
      </c>
      <c r="J7304" s="8">
        <v>1</v>
      </c>
      <c r="K7304" s="9">
        <v>21</v>
      </c>
      <c r="L7304" s="6" t="s">
        <v>51</v>
      </c>
    </row>
    <row r="7305" spans="1:12">
      <c r="A7305" s="6" t="s">
        <v>49</v>
      </c>
      <c r="B7305" s="6"/>
      <c r="C7305" s="6" t="s">
        <v>7329</v>
      </c>
      <c r="D7305" s="6"/>
      <c r="E7305" s="6" t="s">
        <v>9</v>
      </c>
      <c r="F7305" s="7">
        <v>38657</v>
      </c>
      <c r="G7305" s="8">
        <v>1</v>
      </c>
      <c r="H7305" s="8">
        <v>1</v>
      </c>
      <c r="I7305" s="8">
        <v>0</v>
      </c>
      <c r="J7305" s="8">
        <v>1</v>
      </c>
      <c r="K7305" s="9">
        <v>33</v>
      </c>
      <c r="L7305" s="6" t="s">
        <v>51</v>
      </c>
    </row>
    <row r="7306" spans="1:12">
      <c r="A7306" s="6" t="s">
        <v>49</v>
      </c>
      <c r="B7306" s="6"/>
      <c r="C7306" s="6" t="s">
        <v>7330</v>
      </c>
      <c r="D7306" s="6"/>
      <c r="E7306" s="6" t="s">
        <v>9</v>
      </c>
      <c r="F7306" s="7">
        <v>38657</v>
      </c>
      <c r="G7306" s="8">
        <v>1</v>
      </c>
      <c r="H7306" s="8">
        <v>1</v>
      </c>
      <c r="I7306" s="8">
        <v>0</v>
      </c>
      <c r="J7306" s="8">
        <v>1</v>
      </c>
      <c r="K7306" s="9">
        <v>12</v>
      </c>
      <c r="L7306" s="6" t="s">
        <v>51</v>
      </c>
    </row>
    <row r="7307" spans="1:12">
      <c r="A7307" s="6" t="s">
        <v>49</v>
      </c>
      <c r="B7307" s="6"/>
      <c r="C7307" s="6" t="s">
        <v>7331</v>
      </c>
      <c r="D7307" s="6"/>
      <c r="E7307" s="6" t="s">
        <v>9</v>
      </c>
      <c r="F7307" s="7">
        <v>38657</v>
      </c>
      <c r="G7307" s="8">
        <v>1</v>
      </c>
      <c r="H7307" s="8">
        <v>1</v>
      </c>
      <c r="I7307" s="8">
        <v>0</v>
      </c>
      <c r="J7307" s="8">
        <v>1</v>
      </c>
      <c r="K7307" s="9">
        <v>7.4</v>
      </c>
      <c r="L7307" s="6" t="s">
        <v>51</v>
      </c>
    </row>
    <row r="7308" spans="1:12">
      <c r="A7308" s="6" t="s">
        <v>49</v>
      </c>
      <c r="B7308" s="6"/>
      <c r="C7308" s="6" t="s">
        <v>7332</v>
      </c>
      <c r="D7308" s="6"/>
      <c r="E7308" s="6" t="s">
        <v>9</v>
      </c>
      <c r="F7308" s="7">
        <v>38657</v>
      </c>
      <c r="G7308" s="8">
        <v>1</v>
      </c>
      <c r="H7308" s="8">
        <v>1</v>
      </c>
      <c r="I7308" s="8">
        <v>0</v>
      </c>
      <c r="J7308" s="8">
        <v>1</v>
      </c>
      <c r="K7308" s="9">
        <v>25</v>
      </c>
      <c r="L7308" s="6" t="s">
        <v>51</v>
      </c>
    </row>
    <row r="7309" spans="1:12">
      <c r="A7309" s="6" t="s">
        <v>49</v>
      </c>
      <c r="B7309" s="6"/>
      <c r="C7309" s="6" t="s">
        <v>7333</v>
      </c>
      <c r="D7309" s="6"/>
      <c r="E7309" s="6" t="s">
        <v>9</v>
      </c>
      <c r="F7309" s="7">
        <v>38657</v>
      </c>
      <c r="G7309" s="8">
        <v>1</v>
      </c>
      <c r="H7309" s="8">
        <v>1</v>
      </c>
      <c r="I7309" s="8">
        <v>0</v>
      </c>
      <c r="J7309" s="8">
        <v>1</v>
      </c>
      <c r="K7309" s="9">
        <v>7.92</v>
      </c>
      <c r="L7309" s="6" t="s">
        <v>51</v>
      </c>
    </row>
    <row r="7310" spans="1:12">
      <c r="A7310" s="6" t="s">
        <v>49</v>
      </c>
      <c r="B7310" s="6"/>
      <c r="C7310" s="6" t="s">
        <v>7334</v>
      </c>
      <c r="D7310" s="6"/>
      <c r="E7310" s="6" t="s">
        <v>9</v>
      </c>
      <c r="F7310" s="7">
        <v>38657</v>
      </c>
      <c r="G7310" s="8">
        <v>1</v>
      </c>
      <c r="H7310" s="8">
        <v>1</v>
      </c>
      <c r="I7310" s="8">
        <v>0</v>
      </c>
      <c r="J7310" s="8">
        <v>1</v>
      </c>
      <c r="K7310" s="9">
        <v>14</v>
      </c>
      <c r="L7310" s="6" t="s">
        <v>51</v>
      </c>
    </row>
    <row r="7311" spans="1:12">
      <c r="A7311" s="6" t="s">
        <v>49</v>
      </c>
      <c r="B7311" s="6"/>
      <c r="C7311" s="6" t="s">
        <v>7335</v>
      </c>
      <c r="D7311" s="6"/>
      <c r="E7311" s="6" t="s">
        <v>9</v>
      </c>
      <c r="F7311" s="7">
        <v>38657</v>
      </c>
      <c r="G7311" s="8">
        <v>1</v>
      </c>
      <c r="H7311" s="8">
        <v>1</v>
      </c>
      <c r="I7311" s="8">
        <v>0</v>
      </c>
      <c r="J7311" s="8">
        <v>1</v>
      </c>
      <c r="K7311" s="9">
        <v>0.46</v>
      </c>
      <c r="L7311" s="6" t="s">
        <v>51</v>
      </c>
    </row>
    <row r="7312" spans="1:12">
      <c r="A7312" s="6" t="s">
        <v>49</v>
      </c>
      <c r="B7312" s="6"/>
      <c r="C7312" s="6" t="s">
        <v>7336</v>
      </c>
      <c r="D7312" s="6"/>
      <c r="E7312" s="6" t="s">
        <v>9</v>
      </c>
      <c r="F7312" s="7">
        <v>38657</v>
      </c>
      <c r="G7312" s="8">
        <v>1</v>
      </c>
      <c r="H7312" s="8">
        <v>1</v>
      </c>
      <c r="I7312" s="8">
        <v>0</v>
      </c>
      <c r="J7312" s="8">
        <v>1</v>
      </c>
      <c r="K7312" s="9">
        <v>15</v>
      </c>
      <c r="L7312" s="6" t="s">
        <v>51</v>
      </c>
    </row>
    <row r="7313" spans="1:12">
      <c r="A7313" s="6" t="s">
        <v>49</v>
      </c>
      <c r="B7313" s="6"/>
      <c r="C7313" s="6" t="s">
        <v>7337</v>
      </c>
      <c r="D7313" s="6"/>
      <c r="E7313" s="6" t="s">
        <v>9</v>
      </c>
      <c r="F7313" s="7">
        <v>38657</v>
      </c>
      <c r="G7313" s="8">
        <v>1</v>
      </c>
      <c r="H7313" s="8">
        <v>1</v>
      </c>
      <c r="I7313" s="8">
        <v>0</v>
      </c>
      <c r="J7313" s="8">
        <v>1</v>
      </c>
      <c r="K7313" s="9">
        <v>19</v>
      </c>
      <c r="L7313" s="6" t="s">
        <v>51</v>
      </c>
    </row>
    <row r="7314" spans="1:12">
      <c r="A7314" s="6" t="s">
        <v>49</v>
      </c>
      <c r="B7314" s="6"/>
      <c r="C7314" s="6" t="s">
        <v>7338</v>
      </c>
      <c r="D7314" s="6"/>
      <c r="E7314" s="6" t="s">
        <v>9</v>
      </c>
      <c r="F7314" s="7">
        <v>38657</v>
      </c>
      <c r="G7314" s="8">
        <v>1</v>
      </c>
      <c r="H7314" s="8">
        <v>1</v>
      </c>
      <c r="I7314" s="8">
        <v>0</v>
      </c>
      <c r="J7314" s="8">
        <v>1</v>
      </c>
      <c r="K7314" s="9">
        <v>8.19</v>
      </c>
      <c r="L7314" s="6" t="s">
        <v>51</v>
      </c>
    </row>
    <row r="7315" spans="1:12">
      <c r="A7315" s="6" t="s">
        <v>49</v>
      </c>
      <c r="B7315" s="6"/>
      <c r="C7315" s="6" t="s">
        <v>7339</v>
      </c>
      <c r="D7315" s="6"/>
      <c r="E7315" s="6" t="s">
        <v>9</v>
      </c>
      <c r="F7315" s="7">
        <v>38657</v>
      </c>
      <c r="G7315" s="8">
        <v>1</v>
      </c>
      <c r="H7315" s="8">
        <v>1</v>
      </c>
      <c r="I7315" s="8">
        <v>0</v>
      </c>
      <c r="J7315" s="8">
        <v>1</v>
      </c>
      <c r="K7315" s="9">
        <v>5.95</v>
      </c>
      <c r="L7315" s="6" t="s">
        <v>51</v>
      </c>
    </row>
    <row r="7316" spans="1:12">
      <c r="A7316" s="6" t="s">
        <v>49</v>
      </c>
      <c r="B7316" s="6"/>
      <c r="C7316" s="6" t="s">
        <v>7340</v>
      </c>
      <c r="D7316" s="6"/>
      <c r="E7316" s="6" t="s">
        <v>9</v>
      </c>
      <c r="F7316" s="7">
        <v>38657</v>
      </c>
      <c r="G7316" s="8">
        <v>1</v>
      </c>
      <c r="H7316" s="8">
        <v>1</v>
      </c>
      <c r="I7316" s="8">
        <v>0</v>
      </c>
      <c r="J7316" s="8">
        <v>1</v>
      </c>
      <c r="K7316" s="9">
        <v>34</v>
      </c>
      <c r="L7316" s="6" t="s">
        <v>51</v>
      </c>
    </row>
    <row r="7317" spans="1:12">
      <c r="A7317" s="6" t="s">
        <v>49</v>
      </c>
      <c r="B7317" s="6"/>
      <c r="C7317" s="6" t="s">
        <v>7341</v>
      </c>
      <c r="D7317" s="6"/>
      <c r="E7317" s="6" t="s">
        <v>9</v>
      </c>
      <c r="F7317" s="7">
        <v>38657</v>
      </c>
      <c r="G7317" s="8">
        <v>1</v>
      </c>
      <c r="H7317" s="8">
        <v>1</v>
      </c>
      <c r="I7317" s="8">
        <v>0</v>
      </c>
      <c r="J7317" s="8">
        <v>1</v>
      </c>
      <c r="K7317" s="9">
        <v>3.3</v>
      </c>
      <c r="L7317" s="6" t="s">
        <v>51</v>
      </c>
    </row>
    <row r="7318" spans="1:12">
      <c r="A7318" s="6" t="s">
        <v>49</v>
      </c>
      <c r="B7318" s="6"/>
      <c r="C7318" s="6" t="s">
        <v>7342</v>
      </c>
      <c r="D7318" s="6"/>
      <c r="E7318" s="6" t="s">
        <v>9</v>
      </c>
      <c r="F7318" s="7">
        <v>38657</v>
      </c>
      <c r="G7318" s="8">
        <v>1</v>
      </c>
      <c r="H7318" s="8">
        <v>1</v>
      </c>
      <c r="I7318" s="8">
        <v>0</v>
      </c>
      <c r="J7318" s="8">
        <v>1</v>
      </c>
      <c r="K7318" s="9">
        <v>109</v>
      </c>
      <c r="L7318" s="6" t="s">
        <v>51</v>
      </c>
    </row>
    <row r="7319" spans="1:12">
      <c r="A7319" s="6" t="s">
        <v>49</v>
      </c>
      <c r="B7319" s="6"/>
      <c r="C7319" s="6" t="s">
        <v>7343</v>
      </c>
      <c r="D7319" s="6"/>
      <c r="E7319" s="6" t="s">
        <v>9</v>
      </c>
      <c r="F7319" s="7">
        <v>38657</v>
      </c>
      <c r="G7319" s="8">
        <v>1</v>
      </c>
      <c r="H7319" s="8">
        <v>1</v>
      </c>
      <c r="I7319" s="8">
        <v>0</v>
      </c>
      <c r="J7319" s="8">
        <v>1</v>
      </c>
      <c r="K7319" s="9">
        <v>3.3</v>
      </c>
      <c r="L7319" s="6" t="s">
        <v>51</v>
      </c>
    </row>
    <row r="7320" spans="1:12">
      <c r="A7320" s="6" t="s">
        <v>49</v>
      </c>
      <c r="B7320" s="6"/>
      <c r="C7320" s="6" t="s">
        <v>7344</v>
      </c>
      <c r="D7320" s="6"/>
      <c r="E7320" s="6" t="s">
        <v>9</v>
      </c>
      <c r="F7320" s="7">
        <v>38657</v>
      </c>
      <c r="G7320" s="8">
        <v>1</v>
      </c>
      <c r="H7320" s="8">
        <v>1</v>
      </c>
      <c r="I7320" s="8">
        <v>0</v>
      </c>
      <c r="J7320" s="8">
        <v>1</v>
      </c>
      <c r="K7320" s="9">
        <v>7.74</v>
      </c>
      <c r="L7320" s="6" t="s">
        <v>51</v>
      </c>
    </row>
    <row r="7321" spans="1:12">
      <c r="A7321" s="6" t="s">
        <v>49</v>
      </c>
      <c r="B7321" s="6"/>
      <c r="C7321" s="6" t="s">
        <v>7345</v>
      </c>
      <c r="D7321" s="6"/>
      <c r="E7321" s="6" t="s">
        <v>9</v>
      </c>
      <c r="F7321" s="7">
        <v>38657</v>
      </c>
      <c r="G7321" s="8">
        <v>1</v>
      </c>
      <c r="H7321" s="8">
        <v>1</v>
      </c>
      <c r="I7321" s="8">
        <v>0</v>
      </c>
      <c r="J7321" s="8">
        <v>1</v>
      </c>
      <c r="K7321" s="9">
        <v>28</v>
      </c>
      <c r="L7321" s="6" t="s">
        <v>51</v>
      </c>
    </row>
    <row r="7322" spans="1:12">
      <c r="A7322" s="6" t="s">
        <v>49</v>
      </c>
      <c r="B7322" s="6"/>
      <c r="C7322" s="6" t="s">
        <v>7346</v>
      </c>
      <c r="D7322" s="6"/>
      <c r="E7322" s="6" t="s">
        <v>9</v>
      </c>
      <c r="F7322" s="7">
        <v>38657</v>
      </c>
      <c r="G7322" s="8">
        <v>1</v>
      </c>
      <c r="H7322" s="8">
        <v>1</v>
      </c>
      <c r="I7322" s="8">
        <v>0</v>
      </c>
      <c r="J7322" s="8">
        <v>1</v>
      </c>
      <c r="K7322" s="9">
        <v>26</v>
      </c>
      <c r="L7322" s="6" t="s">
        <v>51</v>
      </c>
    </row>
    <row r="7323" spans="1:12">
      <c r="A7323" s="6" t="s">
        <v>49</v>
      </c>
      <c r="B7323" s="6"/>
      <c r="C7323" s="6" t="s">
        <v>7347</v>
      </c>
      <c r="D7323" s="6"/>
      <c r="E7323" s="6" t="s">
        <v>9</v>
      </c>
      <c r="F7323" s="7">
        <v>38657</v>
      </c>
      <c r="G7323" s="8">
        <v>1</v>
      </c>
      <c r="H7323" s="8">
        <v>1</v>
      </c>
      <c r="I7323" s="8">
        <v>0</v>
      </c>
      <c r="J7323" s="8">
        <v>1</v>
      </c>
      <c r="K7323" s="9">
        <v>9.91</v>
      </c>
      <c r="L7323" s="6" t="s">
        <v>51</v>
      </c>
    </row>
    <row r="7324" spans="1:12">
      <c r="A7324" s="6" t="s">
        <v>49</v>
      </c>
      <c r="B7324" s="6"/>
      <c r="C7324" s="6" t="s">
        <v>7348</v>
      </c>
      <c r="D7324" s="6"/>
      <c r="E7324" s="6" t="s">
        <v>9</v>
      </c>
      <c r="F7324" s="7">
        <v>38657</v>
      </c>
      <c r="G7324" s="8">
        <v>1</v>
      </c>
      <c r="H7324" s="8">
        <v>1</v>
      </c>
      <c r="I7324" s="8">
        <v>0</v>
      </c>
      <c r="J7324" s="8">
        <v>1</v>
      </c>
      <c r="K7324" s="9">
        <v>6.61</v>
      </c>
      <c r="L7324" s="6" t="s">
        <v>51</v>
      </c>
    </row>
    <row r="7325" spans="1:12">
      <c r="A7325" s="6" t="s">
        <v>49</v>
      </c>
      <c r="B7325" s="6"/>
      <c r="C7325" s="6" t="s">
        <v>7349</v>
      </c>
      <c r="D7325" s="6"/>
      <c r="E7325" s="6" t="s">
        <v>9</v>
      </c>
      <c r="F7325" s="7">
        <v>38657</v>
      </c>
      <c r="G7325" s="8">
        <v>1</v>
      </c>
      <c r="H7325" s="8">
        <v>1</v>
      </c>
      <c r="I7325" s="8">
        <v>0</v>
      </c>
      <c r="J7325" s="8">
        <v>1</v>
      </c>
      <c r="K7325" s="9">
        <v>9.91</v>
      </c>
      <c r="L7325" s="6" t="s">
        <v>51</v>
      </c>
    </row>
    <row r="7326" spans="1:12">
      <c r="A7326" s="6" t="s">
        <v>49</v>
      </c>
      <c r="B7326" s="6"/>
      <c r="C7326" s="6" t="s">
        <v>7350</v>
      </c>
      <c r="D7326" s="6"/>
      <c r="E7326" s="6" t="s">
        <v>9</v>
      </c>
      <c r="F7326" s="7">
        <v>38657</v>
      </c>
      <c r="G7326" s="8">
        <v>1</v>
      </c>
      <c r="H7326" s="8">
        <v>1</v>
      </c>
      <c r="I7326" s="8">
        <v>0</v>
      </c>
      <c r="J7326" s="8">
        <v>1</v>
      </c>
      <c r="K7326" s="9">
        <v>3.3</v>
      </c>
      <c r="L7326" s="6" t="s">
        <v>51</v>
      </c>
    </row>
    <row r="7327" spans="1:12">
      <c r="A7327" s="6" t="s">
        <v>49</v>
      </c>
      <c r="B7327" s="6"/>
      <c r="C7327" s="6" t="s">
        <v>7351</v>
      </c>
      <c r="D7327" s="6"/>
      <c r="E7327" s="6" t="s">
        <v>9</v>
      </c>
      <c r="F7327" s="7">
        <v>38657</v>
      </c>
      <c r="G7327" s="8">
        <v>1</v>
      </c>
      <c r="H7327" s="8">
        <v>1</v>
      </c>
      <c r="I7327" s="8">
        <v>0</v>
      </c>
      <c r="J7327" s="8">
        <v>1</v>
      </c>
      <c r="K7327" s="9">
        <v>6.61</v>
      </c>
      <c r="L7327" s="6" t="s">
        <v>51</v>
      </c>
    </row>
    <row r="7328" spans="1:12">
      <c r="A7328" s="6" t="s">
        <v>49</v>
      </c>
      <c r="B7328" s="6"/>
      <c r="C7328" s="6" t="s">
        <v>7352</v>
      </c>
      <c r="D7328" s="6"/>
      <c r="E7328" s="6" t="s">
        <v>9</v>
      </c>
      <c r="F7328" s="7">
        <v>38657</v>
      </c>
      <c r="G7328" s="8">
        <v>1</v>
      </c>
      <c r="H7328" s="8">
        <v>1</v>
      </c>
      <c r="I7328" s="8">
        <v>0</v>
      </c>
      <c r="J7328" s="8">
        <v>1</v>
      </c>
      <c r="K7328" s="9">
        <v>56</v>
      </c>
      <c r="L7328" s="6" t="s">
        <v>51</v>
      </c>
    </row>
    <row r="7329" spans="1:12">
      <c r="A7329" s="6" t="s">
        <v>49</v>
      </c>
      <c r="B7329" s="6"/>
      <c r="C7329" s="6" t="s">
        <v>7353</v>
      </c>
      <c r="D7329" s="6"/>
      <c r="E7329" s="6" t="s">
        <v>9</v>
      </c>
      <c r="F7329" s="7">
        <v>38657</v>
      </c>
      <c r="G7329" s="8">
        <v>1</v>
      </c>
      <c r="H7329" s="8">
        <v>1</v>
      </c>
      <c r="I7329" s="8">
        <v>0</v>
      </c>
      <c r="J7329" s="8">
        <v>1</v>
      </c>
      <c r="K7329" s="9">
        <v>46</v>
      </c>
      <c r="L7329" s="6" t="s">
        <v>51</v>
      </c>
    </row>
    <row r="7330" spans="1:12">
      <c r="A7330" s="6" t="s">
        <v>49</v>
      </c>
      <c r="B7330" s="6"/>
      <c r="C7330" s="6" t="s">
        <v>7354</v>
      </c>
      <c r="D7330" s="6"/>
      <c r="E7330" s="6" t="s">
        <v>9</v>
      </c>
      <c r="F7330" s="7">
        <v>38657</v>
      </c>
      <c r="G7330" s="8">
        <v>1</v>
      </c>
      <c r="H7330" s="8">
        <v>1</v>
      </c>
      <c r="I7330" s="8">
        <v>0</v>
      </c>
      <c r="J7330" s="8">
        <v>1</v>
      </c>
      <c r="K7330" s="9">
        <v>23</v>
      </c>
      <c r="L7330" s="6" t="s">
        <v>51</v>
      </c>
    </row>
    <row r="7331" spans="1:12">
      <c r="A7331" s="6" t="s">
        <v>49</v>
      </c>
      <c r="B7331" s="6"/>
      <c r="C7331" s="6" t="s">
        <v>7355</v>
      </c>
      <c r="D7331" s="6"/>
      <c r="E7331" s="6" t="s">
        <v>9</v>
      </c>
      <c r="F7331" s="7">
        <v>38657</v>
      </c>
      <c r="G7331" s="8">
        <v>1</v>
      </c>
      <c r="H7331" s="8">
        <v>1</v>
      </c>
      <c r="I7331" s="8">
        <v>0</v>
      </c>
      <c r="J7331" s="8">
        <v>1</v>
      </c>
      <c r="K7331" s="9">
        <v>9</v>
      </c>
      <c r="L7331" s="6" t="s">
        <v>51</v>
      </c>
    </row>
    <row r="7332" spans="1:12">
      <c r="A7332" s="6" t="s">
        <v>49</v>
      </c>
      <c r="B7332" s="6"/>
      <c r="C7332" s="6" t="s">
        <v>7356</v>
      </c>
      <c r="D7332" s="6"/>
      <c r="E7332" s="6" t="s">
        <v>9</v>
      </c>
      <c r="F7332" s="7">
        <v>38657</v>
      </c>
      <c r="G7332" s="8">
        <v>1</v>
      </c>
      <c r="H7332" s="8">
        <v>1</v>
      </c>
      <c r="I7332" s="8">
        <v>0</v>
      </c>
      <c r="J7332" s="8">
        <v>1</v>
      </c>
      <c r="K7332" s="9">
        <v>16</v>
      </c>
      <c r="L7332" s="6" t="s">
        <v>51</v>
      </c>
    </row>
    <row r="7333" spans="1:12">
      <c r="A7333" s="6" t="s">
        <v>49</v>
      </c>
      <c r="B7333" s="6"/>
      <c r="C7333" s="6" t="s">
        <v>7357</v>
      </c>
      <c r="D7333" s="6"/>
      <c r="E7333" s="6" t="s">
        <v>9</v>
      </c>
      <c r="F7333" s="7">
        <v>38657</v>
      </c>
      <c r="G7333" s="8">
        <v>1</v>
      </c>
      <c r="H7333" s="8">
        <v>1</v>
      </c>
      <c r="I7333" s="8">
        <v>0</v>
      </c>
      <c r="J7333" s="8">
        <v>1</v>
      </c>
      <c r="K7333" s="9">
        <v>16</v>
      </c>
      <c r="L7333" s="6" t="s">
        <v>51</v>
      </c>
    </row>
    <row r="7334" spans="1:12">
      <c r="A7334" s="6" t="s">
        <v>49</v>
      </c>
      <c r="B7334" s="6"/>
      <c r="C7334" s="6" t="s">
        <v>7358</v>
      </c>
      <c r="D7334" s="6"/>
      <c r="E7334" s="6" t="s">
        <v>9</v>
      </c>
      <c r="F7334" s="7">
        <v>38657</v>
      </c>
      <c r="G7334" s="8">
        <v>1</v>
      </c>
      <c r="H7334" s="8">
        <v>1</v>
      </c>
      <c r="I7334" s="8">
        <v>0</v>
      </c>
      <c r="J7334" s="8">
        <v>1</v>
      </c>
      <c r="K7334" s="9">
        <v>13</v>
      </c>
      <c r="L7334" s="6" t="s">
        <v>51</v>
      </c>
    </row>
    <row r="7335" spans="1:12">
      <c r="A7335" s="6" t="s">
        <v>49</v>
      </c>
      <c r="B7335" s="6"/>
      <c r="C7335" s="6" t="s">
        <v>7359</v>
      </c>
      <c r="D7335" s="6"/>
      <c r="E7335" s="6" t="s">
        <v>9</v>
      </c>
      <c r="F7335" s="7">
        <v>38657</v>
      </c>
      <c r="G7335" s="8">
        <v>1</v>
      </c>
      <c r="H7335" s="8">
        <v>1</v>
      </c>
      <c r="I7335" s="8">
        <v>0</v>
      </c>
      <c r="J7335" s="8">
        <v>1</v>
      </c>
      <c r="K7335" s="9">
        <v>13</v>
      </c>
      <c r="L7335" s="6" t="s">
        <v>51</v>
      </c>
    </row>
    <row r="7336" spans="1:12">
      <c r="A7336" s="6" t="s">
        <v>49</v>
      </c>
      <c r="B7336" s="6"/>
      <c r="C7336" s="6" t="s">
        <v>7360</v>
      </c>
      <c r="D7336" s="6"/>
      <c r="E7336" s="6" t="s">
        <v>9</v>
      </c>
      <c r="F7336" s="7">
        <v>38657</v>
      </c>
      <c r="G7336" s="8">
        <v>1</v>
      </c>
      <c r="H7336" s="8">
        <v>1</v>
      </c>
      <c r="I7336" s="8">
        <v>0</v>
      </c>
      <c r="J7336" s="8">
        <v>1</v>
      </c>
      <c r="K7336" s="9">
        <v>42</v>
      </c>
      <c r="L7336" s="6" t="s">
        <v>51</v>
      </c>
    </row>
    <row r="7337" spans="1:12">
      <c r="A7337" s="6" t="s">
        <v>49</v>
      </c>
      <c r="B7337" s="6"/>
      <c r="C7337" s="6" t="s">
        <v>7361</v>
      </c>
      <c r="D7337" s="6"/>
      <c r="E7337" s="6" t="s">
        <v>9</v>
      </c>
      <c r="F7337" s="7">
        <v>38657</v>
      </c>
      <c r="G7337" s="8">
        <v>1</v>
      </c>
      <c r="H7337" s="8">
        <v>1</v>
      </c>
      <c r="I7337" s="8">
        <v>0</v>
      </c>
      <c r="J7337" s="8">
        <v>1</v>
      </c>
      <c r="K7337" s="9">
        <v>19</v>
      </c>
      <c r="L7337" s="6" t="s">
        <v>51</v>
      </c>
    </row>
    <row r="7338" spans="1:12">
      <c r="A7338" s="6" t="s">
        <v>49</v>
      </c>
      <c r="B7338" s="6"/>
      <c r="C7338" s="6" t="s">
        <v>7362</v>
      </c>
      <c r="D7338" s="6"/>
      <c r="E7338" s="6" t="s">
        <v>9</v>
      </c>
      <c r="F7338" s="7">
        <v>38657</v>
      </c>
      <c r="G7338" s="8">
        <v>1</v>
      </c>
      <c r="H7338" s="8">
        <v>1</v>
      </c>
      <c r="I7338" s="8">
        <v>0</v>
      </c>
      <c r="J7338" s="8">
        <v>1</v>
      </c>
      <c r="K7338" s="9">
        <v>3.3</v>
      </c>
      <c r="L7338" s="6" t="s">
        <v>51</v>
      </c>
    </row>
    <row r="7339" spans="1:12">
      <c r="A7339" s="6" t="s">
        <v>49</v>
      </c>
      <c r="B7339" s="6"/>
      <c r="C7339" s="6" t="s">
        <v>7363</v>
      </c>
      <c r="D7339" s="6"/>
      <c r="E7339" s="6" t="s">
        <v>9</v>
      </c>
      <c r="F7339" s="7">
        <v>38657</v>
      </c>
      <c r="G7339" s="8">
        <v>1</v>
      </c>
      <c r="H7339" s="8">
        <v>1</v>
      </c>
      <c r="I7339" s="8">
        <v>0</v>
      </c>
      <c r="J7339" s="8">
        <v>1</v>
      </c>
      <c r="K7339" s="9">
        <v>6.11</v>
      </c>
      <c r="L7339" s="6" t="s">
        <v>51</v>
      </c>
    </row>
    <row r="7340" spans="1:12">
      <c r="A7340" s="6" t="s">
        <v>49</v>
      </c>
      <c r="B7340" s="6"/>
      <c r="C7340" s="6" t="s">
        <v>7364</v>
      </c>
      <c r="D7340" s="6"/>
      <c r="E7340" s="6" t="s">
        <v>9</v>
      </c>
      <c r="F7340" s="7">
        <v>38657</v>
      </c>
      <c r="G7340" s="8">
        <v>1</v>
      </c>
      <c r="H7340" s="8">
        <v>1</v>
      </c>
      <c r="I7340" s="8">
        <v>0</v>
      </c>
      <c r="J7340" s="8">
        <v>1</v>
      </c>
      <c r="K7340" s="9">
        <v>4.09</v>
      </c>
      <c r="L7340" s="6" t="s">
        <v>51</v>
      </c>
    </row>
    <row r="7341" spans="1:12">
      <c r="A7341" s="6" t="s">
        <v>49</v>
      </c>
      <c r="B7341" s="6"/>
      <c r="C7341" s="6" t="s">
        <v>7365</v>
      </c>
      <c r="D7341" s="6"/>
      <c r="E7341" s="6" t="s">
        <v>9</v>
      </c>
      <c r="F7341" s="7">
        <v>38657</v>
      </c>
      <c r="G7341" s="8">
        <v>1</v>
      </c>
      <c r="H7341" s="8">
        <v>1</v>
      </c>
      <c r="I7341" s="8">
        <v>0</v>
      </c>
      <c r="J7341" s="8">
        <v>1</v>
      </c>
      <c r="K7341" s="9">
        <v>6.61</v>
      </c>
      <c r="L7341" s="6" t="s">
        <v>51</v>
      </c>
    </row>
    <row r="7342" spans="1:12">
      <c r="A7342" s="6" t="s">
        <v>49</v>
      </c>
      <c r="B7342" s="6"/>
      <c r="C7342" s="6" t="s">
        <v>7366</v>
      </c>
      <c r="D7342" s="6"/>
      <c r="E7342" s="6" t="s">
        <v>9</v>
      </c>
      <c r="F7342" s="7">
        <v>38657</v>
      </c>
      <c r="G7342" s="8">
        <v>1</v>
      </c>
      <c r="H7342" s="8">
        <v>1</v>
      </c>
      <c r="I7342" s="8">
        <v>0</v>
      </c>
      <c r="J7342" s="8">
        <v>1</v>
      </c>
      <c r="K7342" s="9">
        <v>214</v>
      </c>
      <c r="L7342" s="6" t="s">
        <v>51</v>
      </c>
    </row>
    <row r="7343" spans="1:12">
      <c r="A7343" s="6" t="s">
        <v>49</v>
      </c>
      <c r="B7343" s="6"/>
      <c r="C7343" s="6" t="s">
        <v>7367</v>
      </c>
      <c r="D7343" s="6"/>
      <c r="E7343" s="6" t="s">
        <v>9</v>
      </c>
      <c r="F7343" s="7">
        <v>38657</v>
      </c>
      <c r="G7343" s="8">
        <v>1</v>
      </c>
      <c r="H7343" s="8">
        <v>1</v>
      </c>
      <c r="I7343" s="8">
        <v>0</v>
      </c>
      <c r="J7343" s="8">
        <v>1</v>
      </c>
      <c r="K7343" s="9">
        <v>29</v>
      </c>
      <c r="L7343" s="6" t="s">
        <v>51</v>
      </c>
    </row>
    <row r="7344" spans="1:12">
      <c r="A7344" s="6" t="s">
        <v>49</v>
      </c>
      <c r="B7344" s="6"/>
      <c r="C7344" s="6" t="s">
        <v>7368</v>
      </c>
      <c r="D7344" s="6"/>
      <c r="E7344" s="6" t="s">
        <v>9</v>
      </c>
      <c r="F7344" s="7">
        <v>38657</v>
      </c>
      <c r="G7344" s="8">
        <v>1</v>
      </c>
      <c r="H7344" s="8">
        <v>1</v>
      </c>
      <c r="I7344" s="8">
        <v>0</v>
      </c>
      <c r="J7344" s="8">
        <v>1</v>
      </c>
      <c r="K7344" s="9">
        <v>3.3</v>
      </c>
      <c r="L7344" s="6" t="s">
        <v>51</v>
      </c>
    </row>
    <row r="7345" spans="1:12">
      <c r="A7345" s="6" t="s">
        <v>49</v>
      </c>
      <c r="B7345" s="6"/>
      <c r="C7345" s="6" t="s">
        <v>7369</v>
      </c>
      <c r="D7345" s="6"/>
      <c r="E7345" s="6" t="s">
        <v>9</v>
      </c>
      <c r="F7345" s="7">
        <v>38657</v>
      </c>
      <c r="G7345" s="8">
        <v>1</v>
      </c>
      <c r="H7345" s="8">
        <v>1</v>
      </c>
      <c r="I7345" s="8">
        <v>0</v>
      </c>
      <c r="J7345" s="8">
        <v>1</v>
      </c>
      <c r="K7345" s="9">
        <v>13</v>
      </c>
      <c r="L7345" s="6" t="s">
        <v>51</v>
      </c>
    </row>
    <row r="7346" spans="1:12">
      <c r="A7346" s="6" t="s">
        <v>49</v>
      </c>
      <c r="B7346" s="6"/>
      <c r="C7346" s="6" t="s">
        <v>7370</v>
      </c>
      <c r="D7346" s="6"/>
      <c r="E7346" s="6" t="s">
        <v>9</v>
      </c>
      <c r="F7346" s="7">
        <v>38657</v>
      </c>
      <c r="G7346" s="8">
        <v>1</v>
      </c>
      <c r="H7346" s="8">
        <v>1</v>
      </c>
      <c r="I7346" s="8">
        <v>0</v>
      </c>
      <c r="J7346" s="8">
        <v>1</v>
      </c>
      <c r="K7346" s="9">
        <v>36</v>
      </c>
      <c r="L7346" s="6" t="s">
        <v>51</v>
      </c>
    </row>
    <row r="7347" spans="1:12">
      <c r="A7347" s="6" t="s">
        <v>49</v>
      </c>
      <c r="B7347" s="6"/>
      <c r="C7347" s="6" t="s">
        <v>7371</v>
      </c>
      <c r="D7347" s="6"/>
      <c r="E7347" s="6" t="s">
        <v>9</v>
      </c>
      <c r="F7347" s="7">
        <v>39868</v>
      </c>
      <c r="G7347" s="8">
        <v>801150</v>
      </c>
      <c r="H7347" s="8">
        <v>801150</v>
      </c>
      <c r="I7347" s="8">
        <v>0</v>
      </c>
      <c r="J7347" s="8">
        <v>801150</v>
      </c>
      <c r="K7347" s="9">
        <v>109</v>
      </c>
      <c r="L7347" s="6" t="s">
        <v>51</v>
      </c>
    </row>
    <row r="7348" spans="1:12">
      <c r="A7348" s="6" t="s">
        <v>49</v>
      </c>
      <c r="B7348" s="6"/>
      <c r="C7348" s="6" t="s">
        <v>7372</v>
      </c>
      <c r="D7348" s="6"/>
      <c r="E7348" s="6" t="s">
        <v>9</v>
      </c>
      <c r="F7348" s="7">
        <v>39868</v>
      </c>
      <c r="G7348" s="8">
        <v>455700</v>
      </c>
      <c r="H7348" s="8">
        <v>455700</v>
      </c>
      <c r="I7348" s="8">
        <v>0</v>
      </c>
      <c r="J7348" s="8">
        <v>455700</v>
      </c>
      <c r="K7348" s="9">
        <v>62</v>
      </c>
      <c r="L7348" s="6" t="s">
        <v>51</v>
      </c>
    </row>
    <row r="7349" spans="1:12">
      <c r="A7349" s="6" t="s">
        <v>49</v>
      </c>
      <c r="B7349" s="6"/>
      <c r="C7349" s="6" t="s">
        <v>7373</v>
      </c>
      <c r="D7349" s="6"/>
      <c r="E7349" s="6" t="s">
        <v>9</v>
      </c>
      <c r="F7349" s="7">
        <v>38657</v>
      </c>
      <c r="G7349" s="8">
        <v>1</v>
      </c>
      <c r="H7349" s="8">
        <v>1</v>
      </c>
      <c r="I7349" s="8">
        <v>0</v>
      </c>
      <c r="J7349" s="8">
        <v>1</v>
      </c>
      <c r="K7349" s="9">
        <v>6.74</v>
      </c>
      <c r="L7349" s="6" t="s">
        <v>51</v>
      </c>
    </row>
    <row r="7350" spans="1:12">
      <c r="A7350" s="6" t="s">
        <v>49</v>
      </c>
      <c r="B7350" s="6"/>
      <c r="C7350" s="6" t="s">
        <v>7374</v>
      </c>
      <c r="D7350" s="6"/>
      <c r="E7350" s="6" t="s">
        <v>9</v>
      </c>
      <c r="F7350" s="7">
        <v>38657</v>
      </c>
      <c r="G7350" s="8">
        <v>1</v>
      </c>
      <c r="H7350" s="8">
        <v>1</v>
      </c>
      <c r="I7350" s="8">
        <v>0</v>
      </c>
      <c r="J7350" s="8">
        <v>1</v>
      </c>
      <c r="K7350" s="9">
        <v>386</v>
      </c>
      <c r="L7350" s="6" t="s">
        <v>51</v>
      </c>
    </row>
    <row r="7351" spans="1:12">
      <c r="A7351" s="6" t="s">
        <v>49</v>
      </c>
      <c r="B7351" s="6"/>
      <c r="C7351" s="6" t="s">
        <v>7375</v>
      </c>
      <c r="D7351" s="6"/>
      <c r="E7351" s="6" t="s">
        <v>9</v>
      </c>
      <c r="F7351" s="7">
        <v>38657</v>
      </c>
      <c r="G7351" s="8">
        <v>1</v>
      </c>
      <c r="H7351" s="8">
        <v>1</v>
      </c>
      <c r="I7351" s="8">
        <v>0</v>
      </c>
      <c r="J7351" s="8">
        <v>1</v>
      </c>
      <c r="K7351" s="9">
        <v>6.61</v>
      </c>
      <c r="L7351" s="6" t="s">
        <v>51</v>
      </c>
    </row>
    <row r="7352" spans="1:12">
      <c r="A7352" s="6" t="s">
        <v>49</v>
      </c>
      <c r="B7352" s="6"/>
      <c r="C7352" s="6" t="s">
        <v>7376</v>
      </c>
      <c r="D7352" s="6"/>
      <c r="E7352" s="6" t="s">
        <v>9</v>
      </c>
      <c r="F7352" s="7">
        <v>38657</v>
      </c>
      <c r="G7352" s="8">
        <v>1</v>
      </c>
      <c r="H7352" s="8">
        <v>1</v>
      </c>
      <c r="I7352" s="8">
        <v>0</v>
      </c>
      <c r="J7352" s="8">
        <v>1</v>
      </c>
      <c r="K7352" s="9">
        <v>178</v>
      </c>
      <c r="L7352" s="6" t="s">
        <v>51</v>
      </c>
    </row>
    <row r="7353" spans="1:12">
      <c r="A7353" s="6" t="s">
        <v>49</v>
      </c>
      <c r="B7353" s="6"/>
      <c r="C7353" s="6" t="s">
        <v>7377</v>
      </c>
      <c r="D7353" s="6"/>
      <c r="E7353" s="6" t="s">
        <v>9</v>
      </c>
      <c r="F7353" s="7">
        <v>38657</v>
      </c>
      <c r="G7353" s="8">
        <v>1</v>
      </c>
      <c r="H7353" s="8">
        <v>1</v>
      </c>
      <c r="I7353" s="8">
        <v>0</v>
      </c>
      <c r="J7353" s="8">
        <v>1</v>
      </c>
      <c r="K7353" s="9">
        <v>639</v>
      </c>
      <c r="L7353" s="6" t="s">
        <v>51</v>
      </c>
    </row>
    <row r="7354" spans="1:12">
      <c r="A7354" s="6" t="s">
        <v>49</v>
      </c>
      <c r="B7354" s="6"/>
      <c r="C7354" s="6" t="s">
        <v>7378</v>
      </c>
      <c r="D7354" s="6"/>
      <c r="E7354" s="6" t="s">
        <v>9</v>
      </c>
      <c r="F7354" s="7">
        <v>38657</v>
      </c>
      <c r="G7354" s="8">
        <v>1</v>
      </c>
      <c r="H7354" s="8">
        <v>1</v>
      </c>
      <c r="I7354" s="8">
        <v>0</v>
      </c>
      <c r="J7354" s="8">
        <v>1</v>
      </c>
      <c r="K7354" s="9">
        <v>23</v>
      </c>
      <c r="L7354" s="6" t="s">
        <v>51</v>
      </c>
    </row>
    <row r="7355" spans="1:12">
      <c r="A7355" s="6" t="s">
        <v>49</v>
      </c>
      <c r="B7355" s="6"/>
      <c r="C7355" s="6" t="s">
        <v>7379</v>
      </c>
      <c r="D7355" s="6"/>
      <c r="E7355" s="6" t="s">
        <v>9</v>
      </c>
      <c r="F7355" s="7"/>
      <c r="G7355" s="8">
        <v>1</v>
      </c>
      <c r="H7355" s="8">
        <v>1</v>
      </c>
      <c r="I7355" s="8">
        <v>0</v>
      </c>
      <c r="J7355" s="8">
        <v>1</v>
      </c>
      <c r="K7355" s="9">
        <v>11</v>
      </c>
      <c r="L7355" s="6" t="s">
        <v>51</v>
      </c>
    </row>
    <row r="7356" spans="1:12">
      <c r="A7356" s="6" t="s">
        <v>49</v>
      </c>
      <c r="B7356" s="6"/>
      <c r="C7356" s="6" t="s">
        <v>7380</v>
      </c>
      <c r="D7356" s="6"/>
      <c r="E7356" s="6" t="s">
        <v>9</v>
      </c>
      <c r="F7356" s="7">
        <v>38657</v>
      </c>
      <c r="G7356" s="8">
        <v>1</v>
      </c>
      <c r="H7356" s="8">
        <v>1</v>
      </c>
      <c r="I7356" s="8">
        <v>0</v>
      </c>
      <c r="J7356" s="8">
        <v>1</v>
      </c>
      <c r="K7356" s="9">
        <v>87</v>
      </c>
      <c r="L7356" s="6" t="s">
        <v>51</v>
      </c>
    </row>
    <row r="7357" spans="1:12">
      <c r="A7357" s="6" t="s">
        <v>49</v>
      </c>
      <c r="B7357" s="6"/>
      <c r="C7357" s="6" t="s">
        <v>7381</v>
      </c>
      <c r="D7357" s="6"/>
      <c r="E7357" s="6" t="s">
        <v>9</v>
      </c>
      <c r="F7357" s="7">
        <v>38657</v>
      </c>
      <c r="G7357" s="8">
        <v>1</v>
      </c>
      <c r="H7357" s="8">
        <v>1</v>
      </c>
      <c r="I7357" s="8">
        <v>0</v>
      </c>
      <c r="J7357" s="8">
        <v>1</v>
      </c>
      <c r="K7357" s="9">
        <v>20</v>
      </c>
      <c r="L7357" s="6" t="s">
        <v>51</v>
      </c>
    </row>
    <row r="7358" spans="1:12">
      <c r="A7358" s="6" t="s">
        <v>49</v>
      </c>
      <c r="B7358" s="6"/>
      <c r="C7358" s="6" t="s">
        <v>7382</v>
      </c>
      <c r="D7358" s="6"/>
      <c r="E7358" s="6" t="s">
        <v>9</v>
      </c>
      <c r="F7358" s="7">
        <v>38657</v>
      </c>
      <c r="G7358" s="8">
        <v>1</v>
      </c>
      <c r="H7358" s="8">
        <v>1</v>
      </c>
      <c r="I7358" s="8">
        <v>0</v>
      </c>
      <c r="J7358" s="8">
        <v>1</v>
      </c>
      <c r="K7358" s="9">
        <v>37</v>
      </c>
      <c r="L7358" s="6" t="s">
        <v>51</v>
      </c>
    </row>
    <row r="7359" spans="1:12">
      <c r="A7359" s="6" t="s">
        <v>49</v>
      </c>
      <c r="B7359" s="6"/>
      <c r="C7359" s="6" t="s">
        <v>7383</v>
      </c>
      <c r="D7359" s="6"/>
      <c r="E7359" s="6" t="s">
        <v>9</v>
      </c>
      <c r="F7359" s="7">
        <v>38657</v>
      </c>
      <c r="G7359" s="8">
        <v>1</v>
      </c>
      <c r="H7359" s="8">
        <v>1</v>
      </c>
      <c r="I7359" s="8">
        <v>0</v>
      </c>
      <c r="J7359" s="8">
        <v>1</v>
      </c>
      <c r="K7359" s="9">
        <v>44</v>
      </c>
      <c r="L7359" s="6" t="s">
        <v>51</v>
      </c>
    </row>
    <row r="7360" spans="1:12">
      <c r="A7360" s="6" t="s">
        <v>49</v>
      </c>
      <c r="B7360" s="6"/>
      <c r="C7360" s="6" t="s">
        <v>7384</v>
      </c>
      <c r="D7360" s="6"/>
      <c r="E7360" s="6" t="s">
        <v>9</v>
      </c>
      <c r="F7360" s="7">
        <v>38657</v>
      </c>
      <c r="G7360" s="8">
        <v>1</v>
      </c>
      <c r="H7360" s="8">
        <v>1</v>
      </c>
      <c r="I7360" s="8">
        <v>0</v>
      </c>
      <c r="J7360" s="8">
        <v>1</v>
      </c>
      <c r="K7360" s="9">
        <v>85</v>
      </c>
      <c r="L7360" s="6" t="s">
        <v>51</v>
      </c>
    </row>
    <row r="7361" spans="1:12">
      <c r="A7361" s="6" t="s">
        <v>49</v>
      </c>
      <c r="B7361" s="6"/>
      <c r="C7361" s="6" t="s">
        <v>7385</v>
      </c>
      <c r="D7361" s="6"/>
      <c r="E7361" s="6" t="s">
        <v>9</v>
      </c>
      <c r="F7361" s="7">
        <v>38657</v>
      </c>
      <c r="G7361" s="8">
        <v>1</v>
      </c>
      <c r="H7361" s="8">
        <v>1</v>
      </c>
      <c r="I7361" s="8">
        <v>0</v>
      </c>
      <c r="J7361" s="8">
        <v>1</v>
      </c>
      <c r="K7361" s="9">
        <v>19</v>
      </c>
      <c r="L7361" s="6" t="s">
        <v>51</v>
      </c>
    </row>
    <row r="7362" spans="1:12">
      <c r="A7362" s="6" t="s">
        <v>49</v>
      </c>
      <c r="B7362" s="6"/>
      <c r="C7362" s="6" t="s">
        <v>7386</v>
      </c>
      <c r="D7362" s="6"/>
      <c r="E7362" s="6" t="s">
        <v>9</v>
      </c>
      <c r="F7362" s="7">
        <v>38657</v>
      </c>
      <c r="G7362" s="8">
        <v>1</v>
      </c>
      <c r="H7362" s="8">
        <v>1</v>
      </c>
      <c r="I7362" s="8">
        <v>0</v>
      </c>
      <c r="J7362" s="8">
        <v>1</v>
      </c>
      <c r="K7362" s="9">
        <v>8.01</v>
      </c>
      <c r="L7362" s="6" t="s">
        <v>51</v>
      </c>
    </row>
    <row r="7363" spans="1:12">
      <c r="A7363" s="6" t="s">
        <v>49</v>
      </c>
      <c r="B7363" s="6"/>
      <c r="C7363" s="6" t="s">
        <v>7387</v>
      </c>
      <c r="D7363" s="6"/>
      <c r="E7363" s="6" t="s">
        <v>9</v>
      </c>
      <c r="F7363" s="7">
        <v>38657</v>
      </c>
      <c r="G7363" s="8">
        <v>1</v>
      </c>
      <c r="H7363" s="8">
        <v>1</v>
      </c>
      <c r="I7363" s="8">
        <v>0</v>
      </c>
      <c r="J7363" s="8">
        <v>1</v>
      </c>
      <c r="K7363" s="9">
        <v>345</v>
      </c>
      <c r="L7363" s="6" t="s">
        <v>51</v>
      </c>
    </row>
    <row r="7364" spans="1:12">
      <c r="A7364" s="6" t="s">
        <v>49</v>
      </c>
      <c r="B7364" s="6"/>
      <c r="C7364" s="6" t="s">
        <v>7388</v>
      </c>
      <c r="D7364" s="6"/>
      <c r="E7364" s="6" t="s">
        <v>9</v>
      </c>
      <c r="F7364" s="7">
        <v>38657</v>
      </c>
      <c r="G7364" s="8">
        <v>1</v>
      </c>
      <c r="H7364" s="8">
        <v>1</v>
      </c>
      <c r="I7364" s="8">
        <v>0</v>
      </c>
      <c r="J7364" s="8">
        <v>1</v>
      </c>
      <c r="K7364" s="9">
        <v>214</v>
      </c>
      <c r="L7364" s="6" t="s">
        <v>51</v>
      </c>
    </row>
    <row r="7365" spans="1:12">
      <c r="A7365" s="6" t="s">
        <v>49</v>
      </c>
      <c r="B7365" s="6"/>
      <c r="C7365" s="6" t="s">
        <v>7389</v>
      </c>
      <c r="D7365" s="6"/>
      <c r="E7365" s="6" t="s">
        <v>9</v>
      </c>
      <c r="F7365" s="7">
        <v>38657</v>
      </c>
      <c r="G7365" s="8">
        <v>1</v>
      </c>
      <c r="H7365" s="8">
        <v>1</v>
      </c>
      <c r="I7365" s="8">
        <v>0</v>
      </c>
      <c r="J7365" s="8">
        <v>1</v>
      </c>
      <c r="K7365" s="9">
        <v>203</v>
      </c>
      <c r="L7365" s="6" t="s">
        <v>51</v>
      </c>
    </row>
    <row r="7366" spans="1:12">
      <c r="A7366" s="6" t="s">
        <v>49</v>
      </c>
      <c r="B7366" s="6"/>
      <c r="C7366" s="6" t="s">
        <v>7390</v>
      </c>
      <c r="D7366" s="6"/>
      <c r="E7366" s="6" t="s">
        <v>9</v>
      </c>
      <c r="F7366" s="7">
        <v>38657</v>
      </c>
      <c r="G7366" s="8">
        <v>1</v>
      </c>
      <c r="H7366" s="8">
        <v>1</v>
      </c>
      <c r="I7366" s="8">
        <v>0</v>
      </c>
      <c r="J7366" s="8">
        <v>1</v>
      </c>
      <c r="K7366" s="9">
        <v>77</v>
      </c>
      <c r="L7366" s="6" t="s">
        <v>51</v>
      </c>
    </row>
    <row r="7367" spans="1:12">
      <c r="A7367" s="6" t="s">
        <v>49</v>
      </c>
      <c r="B7367" s="6"/>
      <c r="C7367" s="6" t="s">
        <v>7391</v>
      </c>
      <c r="D7367" s="6"/>
      <c r="E7367" s="6" t="s">
        <v>9</v>
      </c>
      <c r="F7367" s="7">
        <v>38657</v>
      </c>
      <c r="G7367" s="8">
        <v>1</v>
      </c>
      <c r="H7367" s="8">
        <v>1</v>
      </c>
      <c r="I7367" s="8">
        <v>0</v>
      </c>
      <c r="J7367" s="8">
        <v>1</v>
      </c>
      <c r="K7367" s="9">
        <v>89</v>
      </c>
      <c r="L7367" s="6" t="s">
        <v>51</v>
      </c>
    </row>
    <row r="7368" spans="1:12">
      <c r="A7368" s="6" t="s">
        <v>49</v>
      </c>
      <c r="B7368" s="6"/>
      <c r="C7368" s="6" t="s">
        <v>7392</v>
      </c>
      <c r="D7368" s="6"/>
      <c r="E7368" s="6" t="s">
        <v>9</v>
      </c>
      <c r="F7368" s="7">
        <v>38657</v>
      </c>
      <c r="G7368" s="8">
        <v>1</v>
      </c>
      <c r="H7368" s="8">
        <v>1</v>
      </c>
      <c r="I7368" s="8">
        <v>0</v>
      </c>
      <c r="J7368" s="8">
        <v>1</v>
      </c>
      <c r="K7368" s="9">
        <v>81</v>
      </c>
      <c r="L7368" s="6" t="s">
        <v>51</v>
      </c>
    </row>
    <row r="7369" spans="1:12">
      <c r="A7369" s="6" t="s">
        <v>49</v>
      </c>
      <c r="B7369" s="6"/>
      <c r="C7369" s="6" t="s">
        <v>7393</v>
      </c>
      <c r="D7369" s="6"/>
      <c r="E7369" s="6" t="s">
        <v>9</v>
      </c>
      <c r="F7369" s="7">
        <v>38657</v>
      </c>
      <c r="G7369" s="8">
        <v>1</v>
      </c>
      <c r="H7369" s="8">
        <v>1</v>
      </c>
      <c r="I7369" s="8">
        <v>0</v>
      </c>
      <c r="J7369" s="8">
        <v>1</v>
      </c>
      <c r="K7369" s="9">
        <v>53</v>
      </c>
      <c r="L7369" s="6" t="s">
        <v>51</v>
      </c>
    </row>
    <row r="7370" spans="1:12">
      <c r="A7370" s="6" t="s">
        <v>49</v>
      </c>
      <c r="B7370" s="6"/>
      <c r="C7370" s="6" t="s">
        <v>7394</v>
      </c>
      <c r="D7370" s="6"/>
      <c r="E7370" s="6" t="s">
        <v>9</v>
      </c>
      <c r="F7370" s="7">
        <v>38657</v>
      </c>
      <c r="G7370" s="8">
        <v>1</v>
      </c>
      <c r="H7370" s="8">
        <v>1</v>
      </c>
      <c r="I7370" s="8">
        <v>0</v>
      </c>
      <c r="J7370" s="8">
        <v>1</v>
      </c>
      <c r="K7370" s="9">
        <v>17</v>
      </c>
      <c r="L7370" s="6" t="s">
        <v>51</v>
      </c>
    </row>
    <row r="7371" spans="1:12">
      <c r="A7371" s="6" t="s">
        <v>49</v>
      </c>
      <c r="B7371" s="6"/>
      <c r="C7371" s="6" t="s">
        <v>7395</v>
      </c>
      <c r="D7371" s="6"/>
      <c r="E7371" s="6" t="s">
        <v>9</v>
      </c>
      <c r="F7371" s="7">
        <v>38657</v>
      </c>
      <c r="G7371" s="8">
        <v>1</v>
      </c>
      <c r="H7371" s="8">
        <v>1</v>
      </c>
      <c r="I7371" s="8">
        <v>0</v>
      </c>
      <c r="J7371" s="8">
        <v>1</v>
      </c>
      <c r="K7371" s="9">
        <v>8.77</v>
      </c>
      <c r="L7371" s="6" t="s">
        <v>51</v>
      </c>
    </row>
    <row r="7372" spans="1:12">
      <c r="A7372" s="6" t="s">
        <v>49</v>
      </c>
      <c r="B7372" s="6"/>
      <c r="C7372" s="6" t="s">
        <v>7396</v>
      </c>
      <c r="D7372" s="6"/>
      <c r="E7372" s="6" t="s">
        <v>9</v>
      </c>
      <c r="F7372" s="7">
        <v>38657</v>
      </c>
      <c r="G7372" s="8">
        <v>1</v>
      </c>
      <c r="H7372" s="8">
        <v>1</v>
      </c>
      <c r="I7372" s="8">
        <v>0</v>
      </c>
      <c r="J7372" s="8">
        <v>1</v>
      </c>
      <c r="K7372" s="9">
        <v>77</v>
      </c>
      <c r="L7372" s="6" t="s">
        <v>51</v>
      </c>
    </row>
    <row r="7373" spans="1:12">
      <c r="A7373" s="6" t="s">
        <v>49</v>
      </c>
      <c r="B7373" s="6"/>
      <c r="C7373" s="6" t="s">
        <v>7397</v>
      </c>
      <c r="D7373" s="6"/>
      <c r="E7373" s="6" t="s">
        <v>9</v>
      </c>
      <c r="F7373" s="7">
        <v>38657</v>
      </c>
      <c r="G7373" s="8">
        <v>1</v>
      </c>
      <c r="H7373" s="8">
        <v>1</v>
      </c>
      <c r="I7373" s="8">
        <v>0</v>
      </c>
      <c r="J7373" s="8">
        <v>1</v>
      </c>
      <c r="K7373" s="9">
        <v>181</v>
      </c>
      <c r="L7373" s="6" t="s">
        <v>51</v>
      </c>
    </row>
    <row r="7374" spans="1:12">
      <c r="A7374" s="6" t="s">
        <v>49</v>
      </c>
      <c r="B7374" s="6"/>
      <c r="C7374" s="6" t="s">
        <v>7398</v>
      </c>
      <c r="D7374" s="6"/>
      <c r="E7374" s="6" t="s">
        <v>9</v>
      </c>
      <c r="F7374" s="7">
        <v>38657</v>
      </c>
      <c r="G7374" s="8">
        <v>1</v>
      </c>
      <c r="H7374" s="8">
        <v>1</v>
      </c>
      <c r="I7374" s="8">
        <v>0</v>
      </c>
      <c r="J7374" s="8">
        <v>1</v>
      </c>
      <c r="K7374" s="9">
        <v>469</v>
      </c>
      <c r="L7374" s="6" t="s">
        <v>51</v>
      </c>
    </row>
    <row r="7375" spans="1:12">
      <c r="A7375" s="6" t="s">
        <v>49</v>
      </c>
      <c r="B7375" s="6"/>
      <c r="C7375" s="6" t="s">
        <v>7399</v>
      </c>
      <c r="D7375" s="6"/>
      <c r="E7375" s="6" t="s">
        <v>9</v>
      </c>
      <c r="F7375" s="7">
        <v>38657</v>
      </c>
      <c r="G7375" s="8">
        <v>1</v>
      </c>
      <c r="H7375" s="8">
        <v>1</v>
      </c>
      <c r="I7375" s="8">
        <v>0</v>
      </c>
      <c r="J7375" s="8">
        <v>1</v>
      </c>
      <c r="K7375" s="9">
        <v>141</v>
      </c>
      <c r="L7375" s="6" t="s">
        <v>51</v>
      </c>
    </row>
    <row r="7376" spans="1:12">
      <c r="A7376" s="6" t="s">
        <v>49</v>
      </c>
      <c r="B7376" s="6"/>
      <c r="C7376" s="6" t="s">
        <v>7400</v>
      </c>
      <c r="D7376" s="6"/>
      <c r="E7376" s="6" t="s">
        <v>9</v>
      </c>
      <c r="F7376" s="7">
        <v>38657</v>
      </c>
      <c r="G7376" s="8">
        <v>1</v>
      </c>
      <c r="H7376" s="8">
        <v>1</v>
      </c>
      <c r="I7376" s="8">
        <v>0</v>
      </c>
      <c r="J7376" s="8">
        <v>1</v>
      </c>
      <c r="K7376" s="9">
        <v>457</v>
      </c>
      <c r="L7376" s="6" t="s">
        <v>51</v>
      </c>
    </row>
    <row r="7377" spans="1:12">
      <c r="A7377" s="6" t="s">
        <v>49</v>
      </c>
      <c r="B7377" s="6"/>
      <c r="C7377" s="6" t="s">
        <v>7401</v>
      </c>
      <c r="D7377" s="6"/>
      <c r="E7377" s="6" t="s">
        <v>9</v>
      </c>
      <c r="F7377" s="7">
        <v>38657</v>
      </c>
      <c r="G7377" s="8">
        <v>1</v>
      </c>
      <c r="H7377" s="8">
        <v>1</v>
      </c>
      <c r="I7377" s="8">
        <v>0</v>
      </c>
      <c r="J7377" s="8">
        <v>1</v>
      </c>
      <c r="K7377" s="9">
        <v>120</v>
      </c>
      <c r="L7377" s="6" t="s">
        <v>51</v>
      </c>
    </row>
    <row r="7378" spans="1:12">
      <c r="A7378" s="6" t="s">
        <v>49</v>
      </c>
      <c r="B7378" s="6"/>
      <c r="C7378" s="6" t="s">
        <v>7402</v>
      </c>
      <c r="D7378" s="6"/>
      <c r="E7378" s="6" t="s">
        <v>9</v>
      </c>
      <c r="F7378" s="7">
        <v>38657</v>
      </c>
      <c r="G7378" s="8">
        <v>1</v>
      </c>
      <c r="H7378" s="8">
        <v>1</v>
      </c>
      <c r="I7378" s="8">
        <v>0</v>
      </c>
      <c r="J7378" s="8">
        <v>1</v>
      </c>
      <c r="K7378" s="9">
        <v>29</v>
      </c>
      <c r="L7378" s="6" t="s">
        <v>51</v>
      </c>
    </row>
    <row r="7379" spans="1:12">
      <c r="A7379" s="6" t="s">
        <v>49</v>
      </c>
      <c r="B7379" s="6"/>
      <c r="C7379" s="6" t="s">
        <v>7403</v>
      </c>
      <c r="D7379" s="6"/>
      <c r="E7379" s="6" t="s">
        <v>9</v>
      </c>
      <c r="F7379" s="7">
        <v>38657</v>
      </c>
      <c r="G7379" s="8">
        <v>1</v>
      </c>
      <c r="H7379" s="8">
        <v>1</v>
      </c>
      <c r="I7379" s="8">
        <v>0</v>
      </c>
      <c r="J7379" s="8">
        <v>1</v>
      </c>
      <c r="K7379" s="9">
        <v>36</v>
      </c>
      <c r="L7379" s="6" t="s">
        <v>51</v>
      </c>
    </row>
    <row r="7380" spans="1:12">
      <c r="A7380" s="6" t="s">
        <v>49</v>
      </c>
      <c r="B7380" s="6"/>
      <c r="C7380" s="6" t="s">
        <v>7404</v>
      </c>
      <c r="D7380" s="6"/>
      <c r="E7380" s="6" t="s">
        <v>9</v>
      </c>
      <c r="F7380" s="7">
        <v>38657</v>
      </c>
      <c r="G7380" s="8">
        <v>1</v>
      </c>
      <c r="H7380" s="8">
        <v>1</v>
      </c>
      <c r="I7380" s="8">
        <v>0</v>
      </c>
      <c r="J7380" s="8">
        <v>1</v>
      </c>
      <c r="K7380" s="9">
        <v>29</v>
      </c>
      <c r="L7380" s="6" t="s">
        <v>51</v>
      </c>
    </row>
    <row r="7381" spans="1:12">
      <c r="A7381" s="6" t="s">
        <v>49</v>
      </c>
      <c r="B7381" s="6"/>
      <c r="C7381" s="6" t="s">
        <v>7405</v>
      </c>
      <c r="D7381" s="6"/>
      <c r="E7381" s="6" t="s">
        <v>9</v>
      </c>
      <c r="F7381" s="7">
        <v>38657</v>
      </c>
      <c r="G7381" s="8">
        <v>1</v>
      </c>
      <c r="H7381" s="8">
        <v>1</v>
      </c>
      <c r="I7381" s="8">
        <v>0</v>
      </c>
      <c r="J7381" s="8">
        <v>1</v>
      </c>
      <c r="K7381" s="9">
        <v>35</v>
      </c>
      <c r="L7381" s="6" t="s">
        <v>51</v>
      </c>
    </row>
    <row r="7382" spans="1:12">
      <c r="A7382" s="6" t="s">
        <v>49</v>
      </c>
      <c r="B7382" s="6"/>
      <c r="C7382" s="6" t="s">
        <v>7406</v>
      </c>
      <c r="D7382" s="6"/>
      <c r="E7382" s="6" t="s">
        <v>9</v>
      </c>
      <c r="F7382" s="7">
        <v>38657</v>
      </c>
      <c r="G7382" s="8">
        <v>1</v>
      </c>
      <c r="H7382" s="8">
        <v>1</v>
      </c>
      <c r="I7382" s="8">
        <v>0</v>
      </c>
      <c r="J7382" s="8">
        <v>1</v>
      </c>
      <c r="K7382" s="9">
        <v>29</v>
      </c>
      <c r="L7382" s="6" t="s">
        <v>51</v>
      </c>
    </row>
    <row r="7383" spans="1:12">
      <c r="A7383" s="6" t="s">
        <v>49</v>
      </c>
      <c r="B7383" s="6"/>
      <c r="C7383" s="6" t="s">
        <v>7407</v>
      </c>
      <c r="D7383" s="6"/>
      <c r="E7383" s="6" t="s">
        <v>9</v>
      </c>
      <c r="F7383" s="7">
        <v>38657</v>
      </c>
      <c r="G7383" s="8">
        <v>1</v>
      </c>
      <c r="H7383" s="8">
        <v>1</v>
      </c>
      <c r="I7383" s="8">
        <v>0</v>
      </c>
      <c r="J7383" s="8">
        <v>1</v>
      </c>
      <c r="K7383" s="9">
        <v>35</v>
      </c>
      <c r="L7383" s="6" t="s">
        <v>51</v>
      </c>
    </row>
    <row r="7384" spans="1:12">
      <c r="A7384" s="6" t="s">
        <v>49</v>
      </c>
      <c r="B7384" s="6"/>
      <c r="C7384" s="6" t="s">
        <v>7408</v>
      </c>
      <c r="D7384" s="6"/>
      <c r="E7384" s="6" t="s">
        <v>9</v>
      </c>
      <c r="F7384" s="7">
        <v>38657</v>
      </c>
      <c r="G7384" s="8">
        <v>1</v>
      </c>
      <c r="H7384" s="8">
        <v>1</v>
      </c>
      <c r="I7384" s="8">
        <v>0</v>
      </c>
      <c r="J7384" s="8">
        <v>1</v>
      </c>
      <c r="K7384" s="9">
        <v>19</v>
      </c>
      <c r="L7384" s="6" t="s">
        <v>51</v>
      </c>
    </row>
    <row r="7385" spans="1:12">
      <c r="A7385" s="6" t="s">
        <v>49</v>
      </c>
      <c r="B7385" s="6"/>
      <c r="C7385" s="6" t="s">
        <v>7409</v>
      </c>
      <c r="D7385" s="6"/>
      <c r="E7385" s="6" t="s">
        <v>9</v>
      </c>
      <c r="F7385" s="7">
        <v>38657</v>
      </c>
      <c r="G7385" s="8">
        <v>1</v>
      </c>
      <c r="H7385" s="8">
        <v>1</v>
      </c>
      <c r="I7385" s="8">
        <v>0</v>
      </c>
      <c r="J7385" s="8">
        <v>1</v>
      </c>
      <c r="K7385" s="9">
        <v>3.3</v>
      </c>
      <c r="L7385" s="6" t="s">
        <v>51</v>
      </c>
    </row>
    <row r="7386" spans="1:12">
      <c r="A7386" s="6" t="s">
        <v>49</v>
      </c>
      <c r="B7386" s="6"/>
      <c r="C7386" s="6" t="s">
        <v>7410</v>
      </c>
      <c r="D7386" s="6"/>
      <c r="E7386" s="6" t="s">
        <v>9</v>
      </c>
      <c r="F7386" s="7">
        <v>38657</v>
      </c>
      <c r="G7386" s="8">
        <v>1</v>
      </c>
      <c r="H7386" s="8">
        <v>1</v>
      </c>
      <c r="I7386" s="8">
        <v>0</v>
      </c>
      <c r="J7386" s="8">
        <v>1</v>
      </c>
      <c r="K7386" s="9">
        <v>9.82</v>
      </c>
      <c r="L7386" s="6" t="s">
        <v>51</v>
      </c>
    </row>
    <row r="7387" spans="1:12">
      <c r="A7387" s="6" t="s">
        <v>49</v>
      </c>
      <c r="B7387" s="6"/>
      <c r="C7387" s="6" t="s">
        <v>7411</v>
      </c>
      <c r="D7387" s="6"/>
      <c r="E7387" s="6" t="s">
        <v>9</v>
      </c>
      <c r="F7387" s="7">
        <v>38657</v>
      </c>
      <c r="G7387" s="8">
        <v>1</v>
      </c>
      <c r="H7387" s="8">
        <v>1</v>
      </c>
      <c r="I7387" s="8">
        <v>0</v>
      </c>
      <c r="J7387" s="8">
        <v>1</v>
      </c>
      <c r="K7387" s="9">
        <v>30</v>
      </c>
      <c r="L7387" s="6" t="s">
        <v>51</v>
      </c>
    </row>
    <row r="7388" spans="1:12">
      <c r="A7388" s="6" t="s">
        <v>49</v>
      </c>
      <c r="B7388" s="6"/>
      <c r="C7388" s="6" t="s">
        <v>7412</v>
      </c>
      <c r="D7388" s="6"/>
      <c r="E7388" s="6" t="s">
        <v>9</v>
      </c>
      <c r="F7388" s="7">
        <v>38657</v>
      </c>
      <c r="G7388" s="8">
        <v>1</v>
      </c>
      <c r="H7388" s="8">
        <v>1</v>
      </c>
      <c r="I7388" s="8">
        <v>0</v>
      </c>
      <c r="J7388" s="8">
        <v>1</v>
      </c>
      <c r="K7388" s="9">
        <v>19</v>
      </c>
      <c r="L7388" s="6" t="s">
        <v>51</v>
      </c>
    </row>
    <row r="7389" spans="1:12">
      <c r="A7389" s="6" t="s">
        <v>49</v>
      </c>
      <c r="B7389" s="6"/>
      <c r="C7389" s="6" t="s">
        <v>7413</v>
      </c>
      <c r="D7389" s="6"/>
      <c r="E7389" s="6" t="s">
        <v>9</v>
      </c>
      <c r="F7389" s="7">
        <v>38657</v>
      </c>
      <c r="G7389" s="8">
        <v>1</v>
      </c>
      <c r="H7389" s="8">
        <v>1</v>
      </c>
      <c r="I7389" s="8">
        <v>0</v>
      </c>
      <c r="J7389" s="8">
        <v>1</v>
      </c>
      <c r="K7389" s="9">
        <v>16</v>
      </c>
      <c r="L7389" s="6" t="s">
        <v>51</v>
      </c>
    </row>
    <row r="7390" spans="1:12">
      <c r="A7390" s="6" t="s">
        <v>49</v>
      </c>
      <c r="B7390" s="6"/>
      <c r="C7390" s="6" t="s">
        <v>7414</v>
      </c>
      <c r="D7390" s="6"/>
      <c r="E7390" s="6" t="s">
        <v>9</v>
      </c>
      <c r="F7390" s="7">
        <v>38657</v>
      </c>
      <c r="G7390" s="8">
        <v>1</v>
      </c>
      <c r="H7390" s="8">
        <v>1</v>
      </c>
      <c r="I7390" s="8">
        <v>0</v>
      </c>
      <c r="J7390" s="8">
        <v>1</v>
      </c>
      <c r="K7390" s="9">
        <v>16</v>
      </c>
      <c r="L7390" s="6" t="s">
        <v>51</v>
      </c>
    </row>
    <row r="7391" spans="1:12">
      <c r="A7391" s="6" t="s">
        <v>49</v>
      </c>
      <c r="B7391" s="6"/>
      <c r="C7391" s="6" t="s">
        <v>7415</v>
      </c>
      <c r="D7391" s="6"/>
      <c r="E7391" s="6" t="s">
        <v>9</v>
      </c>
      <c r="F7391" s="7">
        <v>38657</v>
      </c>
      <c r="G7391" s="8">
        <v>1</v>
      </c>
      <c r="H7391" s="8">
        <v>1</v>
      </c>
      <c r="I7391" s="8">
        <v>0</v>
      </c>
      <c r="J7391" s="8">
        <v>1</v>
      </c>
      <c r="K7391" s="9">
        <v>19</v>
      </c>
      <c r="L7391" s="6" t="s">
        <v>51</v>
      </c>
    </row>
    <row r="7392" spans="1:12">
      <c r="A7392" s="6" t="s">
        <v>49</v>
      </c>
      <c r="B7392" s="6"/>
      <c r="C7392" s="6" t="s">
        <v>7416</v>
      </c>
      <c r="D7392" s="6"/>
      <c r="E7392" s="6" t="s">
        <v>9</v>
      </c>
      <c r="F7392" s="7">
        <v>38657</v>
      </c>
      <c r="G7392" s="8">
        <v>1</v>
      </c>
      <c r="H7392" s="8">
        <v>1</v>
      </c>
      <c r="I7392" s="8">
        <v>0</v>
      </c>
      <c r="J7392" s="8">
        <v>1</v>
      </c>
      <c r="K7392" s="9">
        <v>9.91</v>
      </c>
      <c r="L7392" s="6" t="s">
        <v>51</v>
      </c>
    </row>
    <row r="7393" spans="1:12">
      <c r="A7393" s="6" t="s">
        <v>49</v>
      </c>
      <c r="B7393" s="6"/>
      <c r="C7393" s="6" t="s">
        <v>7417</v>
      </c>
      <c r="D7393" s="6"/>
      <c r="E7393" s="6" t="s">
        <v>9</v>
      </c>
      <c r="F7393" s="7">
        <v>38657</v>
      </c>
      <c r="G7393" s="8">
        <v>1</v>
      </c>
      <c r="H7393" s="8">
        <v>1</v>
      </c>
      <c r="I7393" s="8">
        <v>0</v>
      </c>
      <c r="J7393" s="8">
        <v>1</v>
      </c>
      <c r="K7393" s="9">
        <v>9.91</v>
      </c>
      <c r="L7393" s="6" t="s">
        <v>51</v>
      </c>
    </row>
    <row r="7394" spans="1:12">
      <c r="A7394" s="6" t="s">
        <v>49</v>
      </c>
      <c r="B7394" s="6"/>
      <c r="C7394" s="6" t="s">
        <v>7418</v>
      </c>
      <c r="D7394" s="6"/>
      <c r="E7394" s="6" t="s">
        <v>9</v>
      </c>
      <c r="F7394" s="7">
        <v>38657</v>
      </c>
      <c r="G7394" s="8">
        <v>1</v>
      </c>
      <c r="H7394" s="8">
        <v>1</v>
      </c>
      <c r="I7394" s="8">
        <v>0</v>
      </c>
      <c r="J7394" s="8">
        <v>1</v>
      </c>
      <c r="K7394" s="9">
        <v>535</v>
      </c>
      <c r="L7394" s="6" t="s">
        <v>51</v>
      </c>
    </row>
    <row r="7395" spans="1:12">
      <c r="A7395" s="6" t="s">
        <v>49</v>
      </c>
      <c r="B7395" s="6"/>
      <c r="C7395" s="6" t="s">
        <v>7419</v>
      </c>
      <c r="D7395" s="6"/>
      <c r="E7395" s="6" t="s">
        <v>9</v>
      </c>
      <c r="F7395" s="7">
        <v>38657</v>
      </c>
      <c r="G7395" s="8">
        <v>1</v>
      </c>
      <c r="H7395" s="8">
        <v>1</v>
      </c>
      <c r="I7395" s="8">
        <v>0</v>
      </c>
      <c r="J7395" s="8">
        <v>1</v>
      </c>
      <c r="K7395" s="9">
        <v>19</v>
      </c>
      <c r="L7395" s="6" t="s">
        <v>51</v>
      </c>
    </row>
    <row r="7396" spans="1:12">
      <c r="A7396" s="6" t="s">
        <v>49</v>
      </c>
      <c r="B7396" s="6"/>
      <c r="C7396" s="6" t="s">
        <v>7420</v>
      </c>
      <c r="D7396" s="6"/>
      <c r="E7396" s="6" t="s">
        <v>9</v>
      </c>
      <c r="F7396" s="7">
        <v>38657</v>
      </c>
      <c r="G7396" s="8">
        <v>1</v>
      </c>
      <c r="H7396" s="8">
        <v>1</v>
      </c>
      <c r="I7396" s="8">
        <v>0</v>
      </c>
      <c r="J7396" s="8">
        <v>1</v>
      </c>
      <c r="K7396" s="9">
        <v>584</v>
      </c>
      <c r="L7396" s="6" t="s">
        <v>51</v>
      </c>
    </row>
    <row r="7397" spans="1:12">
      <c r="A7397" s="6" t="s">
        <v>49</v>
      </c>
      <c r="B7397" s="6"/>
      <c r="C7397" s="6" t="s">
        <v>7421</v>
      </c>
      <c r="D7397" s="6"/>
      <c r="E7397" s="6" t="s">
        <v>9</v>
      </c>
      <c r="F7397" s="7">
        <v>38657</v>
      </c>
      <c r="G7397" s="8">
        <v>1</v>
      </c>
      <c r="H7397" s="8">
        <v>1</v>
      </c>
      <c r="I7397" s="8">
        <v>0</v>
      </c>
      <c r="J7397" s="8">
        <v>1</v>
      </c>
      <c r="K7397" s="9">
        <v>584</v>
      </c>
      <c r="L7397" s="6" t="s">
        <v>51</v>
      </c>
    </row>
    <row r="7398" spans="1:12">
      <c r="A7398" s="6" t="s">
        <v>49</v>
      </c>
      <c r="B7398" s="6"/>
      <c r="C7398" s="6" t="s">
        <v>7422</v>
      </c>
      <c r="D7398" s="6"/>
      <c r="E7398" s="6" t="s">
        <v>9</v>
      </c>
      <c r="F7398" s="7">
        <v>38657</v>
      </c>
      <c r="G7398" s="8">
        <v>1</v>
      </c>
      <c r="H7398" s="8">
        <v>1</v>
      </c>
      <c r="I7398" s="8">
        <v>0</v>
      </c>
      <c r="J7398" s="8">
        <v>1</v>
      </c>
      <c r="K7398" s="9">
        <v>71</v>
      </c>
      <c r="L7398" s="6" t="s">
        <v>51</v>
      </c>
    </row>
    <row r="7399" spans="1:12">
      <c r="A7399" s="6" t="s">
        <v>49</v>
      </c>
      <c r="B7399" s="6"/>
      <c r="C7399" s="6" t="s">
        <v>7423</v>
      </c>
      <c r="D7399" s="6"/>
      <c r="E7399" s="6" t="s">
        <v>9</v>
      </c>
      <c r="F7399" s="7">
        <v>38657</v>
      </c>
      <c r="G7399" s="8">
        <v>1</v>
      </c>
      <c r="H7399" s="8">
        <v>1</v>
      </c>
      <c r="I7399" s="8">
        <v>0</v>
      </c>
      <c r="J7399" s="8">
        <v>1</v>
      </c>
      <c r="K7399" s="9">
        <v>184</v>
      </c>
      <c r="L7399" s="6" t="s">
        <v>51</v>
      </c>
    </row>
    <row r="7400" spans="1:12">
      <c r="A7400" s="6" t="s">
        <v>49</v>
      </c>
      <c r="B7400" s="6"/>
      <c r="C7400" s="6" t="s">
        <v>7424</v>
      </c>
      <c r="D7400" s="6"/>
      <c r="E7400" s="6" t="s">
        <v>9</v>
      </c>
      <c r="F7400" s="7">
        <v>38657</v>
      </c>
      <c r="G7400" s="8">
        <v>1</v>
      </c>
      <c r="H7400" s="8">
        <v>1</v>
      </c>
      <c r="I7400" s="8">
        <v>0</v>
      </c>
      <c r="J7400" s="8">
        <v>1</v>
      </c>
      <c r="K7400" s="9">
        <v>273</v>
      </c>
      <c r="L7400" s="6" t="s">
        <v>51</v>
      </c>
    </row>
    <row r="7401" spans="1:12">
      <c r="A7401" s="6" t="s">
        <v>49</v>
      </c>
      <c r="B7401" s="6"/>
      <c r="C7401" s="6" t="s">
        <v>7425</v>
      </c>
      <c r="D7401" s="6"/>
      <c r="E7401" s="6" t="s">
        <v>9</v>
      </c>
      <c r="F7401" s="7">
        <v>38657</v>
      </c>
      <c r="G7401" s="8">
        <v>1</v>
      </c>
      <c r="H7401" s="8">
        <v>1</v>
      </c>
      <c r="I7401" s="8">
        <v>0</v>
      </c>
      <c r="J7401" s="8">
        <v>1</v>
      </c>
      <c r="K7401" s="9">
        <v>339.35</v>
      </c>
      <c r="L7401" s="6" t="s">
        <v>51</v>
      </c>
    </row>
    <row r="7402" spans="1:12">
      <c r="A7402" s="6" t="s">
        <v>49</v>
      </c>
      <c r="B7402" s="6"/>
      <c r="C7402" s="6" t="s">
        <v>7426</v>
      </c>
      <c r="D7402" s="6"/>
      <c r="E7402" s="6" t="s">
        <v>9</v>
      </c>
      <c r="F7402" s="7">
        <v>38657</v>
      </c>
      <c r="G7402" s="8">
        <v>1</v>
      </c>
      <c r="H7402" s="8">
        <v>1</v>
      </c>
      <c r="I7402" s="8">
        <v>0</v>
      </c>
      <c r="J7402" s="8">
        <v>1</v>
      </c>
      <c r="K7402" s="9">
        <v>10</v>
      </c>
      <c r="L7402" s="6" t="s">
        <v>51</v>
      </c>
    </row>
    <row r="7403" spans="1:12">
      <c r="A7403" s="6" t="s">
        <v>49</v>
      </c>
      <c r="B7403" s="6"/>
      <c r="C7403" s="6" t="s">
        <v>7427</v>
      </c>
      <c r="D7403" s="6"/>
      <c r="E7403" s="6" t="s">
        <v>9</v>
      </c>
      <c r="F7403" s="7">
        <v>38657</v>
      </c>
      <c r="G7403" s="8">
        <v>1</v>
      </c>
      <c r="H7403" s="8">
        <v>1</v>
      </c>
      <c r="I7403" s="8">
        <v>0</v>
      </c>
      <c r="J7403" s="8">
        <v>1</v>
      </c>
      <c r="K7403" s="9">
        <v>165</v>
      </c>
      <c r="L7403" s="6" t="s">
        <v>51</v>
      </c>
    </row>
    <row r="7404" spans="1:12">
      <c r="A7404" s="6" t="s">
        <v>49</v>
      </c>
      <c r="B7404" s="6"/>
      <c r="C7404" s="6" t="s">
        <v>7428</v>
      </c>
      <c r="D7404" s="6"/>
      <c r="E7404" s="6" t="s">
        <v>9</v>
      </c>
      <c r="F7404" s="7">
        <v>38657</v>
      </c>
      <c r="G7404" s="8">
        <v>1</v>
      </c>
      <c r="H7404" s="8">
        <v>1</v>
      </c>
      <c r="I7404" s="8">
        <v>0</v>
      </c>
      <c r="J7404" s="8">
        <v>1</v>
      </c>
      <c r="K7404" s="9">
        <v>3.3</v>
      </c>
      <c r="L7404" s="6" t="s">
        <v>51</v>
      </c>
    </row>
    <row r="7405" spans="1:12">
      <c r="A7405" s="6" t="s">
        <v>49</v>
      </c>
      <c r="B7405" s="6"/>
      <c r="C7405" s="6" t="s">
        <v>7429</v>
      </c>
      <c r="D7405" s="6"/>
      <c r="E7405" s="6" t="s">
        <v>9</v>
      </c>
      <c r="F7405" s="7">
        <v>38657</v>
      </c>
      <c r="G7405" s="8">
        <v>1</v>
      </c>
      <c r="H7405" s="8">
        <v>1</v>
      </c>
      <c r="I7405" s="8">
        <v>0</v>
      </c>
      <c r="J7405" s="8">
        <v>1</v>
      </c>
      <c r="K7405" s="9">
        <v>3.67</v>
      </c>
      <c r="L7405" s="6" t="s">
        <v>51</v>
      </c>
    </row>
    <row r="7406" spans="1:12">
      <c r="A7406" s="6" t="s">
        <v>49</v>
      </c>
      <c r="B7406" s="6"/>
      <c r="C7406" s="6" t="s">
        <v>7430</v>
      </c>
      <c r="D7406" s="6"/>
      <c r="E7406" s="6" t="s">
        <v>9</v>
      </c>
      <c r="F7406" s="7">
        <v>38657</v>
      </c>
      <c r="G7406" s="8">
        <v>1</v>
      </c>
      <c r="H7406" s="8">
        <v>1</v>
      </c>
      <c r="I7406" s="8">
        <v>0</v>
      </c>
      <c r="J7406" s="8">
        <v>1</v>
      </c>
      <c r="K7406" s="9">
        <v>29</v>
      </c>
      <c r="L7406" s="6" t="s">
        <v>51</v>
      </c>
    </row>
    <row r="7407" spans="1:12">
      <c r="A7407" s="6" t="s">
        <v>49</v>
      </c>
      <c r="B7407" s="6"/>
      <c r="C7407" s="6" t="s">
        <v>7431</v>
      </c>
      <c r="D7407" s="6"/>
      <c r="E7407" s="6" t="s">
        <v>9</v>
      </c>
      <c r="F7407" s="7">
        <v>38657</v>
      </c>
      <c r="G7407" s="8">
        <v>1</v>
      </c>
      <c r="H7407" s="8">
        <v>1</v>
      </c>
      <c r="I7407" s="8">
        <v>0</v>
      </c>
      <c r="J7407" s="8">
        <v>1</v>
      </c>
      <c r="K7407" s="9">
        <v>36</v>
      </c>
      <c r="L7407" s="6" t="s">
        <v>51</v>
      </c>
    </row>
    <row r="7408" spans="1:12">
      <c r="A7408" s="6" t="s">
        <v>49</v>
      </c>
      <c r="B7408" s="6"/>
      <c r="C7408" s="6" t="s">
        <v>7432</v>
      </c>
      <c r="D7408" s="6"/>
      <c r="E7408" s="6" t="s">
        <v>9</v>
      </c>
      <c r="F7408" s="7">
        <v>38657</v>
      </c>
      <c r="G7408" s="8">
        <v>1</v>
      </c>
      <c r="H7408" s="8">
        <v>1</v>
      </c>
      <c r="I7408" s="8">
        <v>0</v>
      </c>
      <c r="J7408" s="8">
        <v>1</v>
      </c>
      <c r="K7408" s="9">
        <v>29</v>
      </c>
      <c r="L7408" s="6" t="s">
        <v>51</v>
      </c>
    </row>
    <row r="7409" spans="1:12">
      <c r="A7409" s="6" t="s">
        <v>49</v>
      </c>
      <c r="B7409" s="6"/>
      <c r="C7409" s="6" t="s">
        <v>7433</v>
      </c>
      <c r="D7409" s="6"/>
      <c r="E7409" s="6" t="s">
        <v>9</v>
      </c>
      <c r="F7409" s="7">
        <v>38657</v>
      </c>
      <c r="G7409" s="8">
        <v>1</v>
      </c>
      <c r="H7409" s="8">
        <v>1</v>
      </c>
      <c r="I7409" s="8">
        <v>0</v>
      </c>
      <c r="J7409" s="8">
        <v>1</v>
      </c>
      <c r="K7409" s="9">
        <v>110</v>
      </c>
      <c r="L7409" s="6" t="s">
        <v>51</v>
      </c>
    </row>
    <row r="7410" spans="1:12">
      <c r="A7410" s="6" t="s">
        <v>49</v>
      </c>
      <c r="B7410" s="6"/>
      <c r="C7410" s="6" t="s">
        <v>7434</v>
      </c>
      <c r="D7410" s="6"/>
      <c r="E7410" s="6" t="s">
        <v>9</v>
      </c>
      <c r="F7410" s="7">
        <v>38657</v>
      </c>
      <c r="G7410" s="8">
        <v>1</v>
      </c>
      <c r="H7410" s="8">
        <v>1</v>
      </c>
      <c r="I7410" s="8">
        <v>0</v>
      </c>
      <c r="J7410" s="8">
        <v>1</v>
      </c>
      <c r="K7410" s="9">
        <v>36</v>
      </c>
      <c r="L7410" s="6" t="s">
        <v>51</v>
      </c>
    </row>
    <row r="7411" spans="1:12">
      <c r="A7411" s="6" t="s">
        <v>49</v>
      </c>
      <c r="B7411" s="6"/>
      <c r="C7411" s="6" t="s">
        <v>7435</v>
      </c>
      <c r="D7411" s="6"/>
      <c r="E7411" s="6" t="s">
        <v>9</v>
      </c>
      <c r="F7411" s="7">
        <v>38657</v>
      </c>
      <c r="G7411" s="8">
        <v>1</v>
      </c>
      <c r="H7411" s="8">
        <v>1</v>
      </c>
      <c r="I7411" s="8">
        <v>0</v>
      </c>
      <c r="J7411" s="8">
        <v>1</v>
      </c>
      <c r="K7411" s="9">
        <v>26</v>
      </c>
      <c r="L7411" s="6" t="s">
        <v>51</v>
      </c>
    </row>
    <row r="7412" spans="1:12">
      <c r="A7412" s="6" t="s">
        <v>49</v>
      </c>
      <c r="B7412" s="6"/>
      <c r="C7412" s="6" t="s">
        <v>7436</v>
      </c>
      <c r="D7412" s="6"/>
      <c r="E7412" s="6" t="s">
        <v>9</v>
      </c>
      <c r="F7412" s="7">
        <v>38657</v>
      </c>
      <c r="G7412" s="8">
        <v>1</v>
      </c>
      <c r="H7412" s="8">
        <v>1</v>
      </c>
      <c r="I7412" s="8">
        <v>0</v>
      </c>
      <c r="J7412" s="8">
        <v>1</v>
      </c>
      <c r="K7412" s="9">
        <v>37</v>
      </c>
      <c r="L7412" s="6" t="s">
        <v>51</v>
      </c>
    </row>
    <row r="7413" spans="1:12">
      <c r="A7413" s="6" t="s">
        <v>49</v>
      </c>
      <c r="B7413" s="6"/>
      <c r="C7413" s="6" t="s">
        <v>7437</v>
      </c>
      <c r="D7413" s="6"/>
      <c r="E7413" s="6" t="s">
        <v>9</v>
      </c>
      <c r="F7413" s="7">
        <v>38657</v>
      </c>
      <c r="G7413" s="8">
        <v>1</v>
      </c>
      <c r="H7413" s="8">
        <v>1</v>
      </c>
      <c r="I7413" s="8">
        <v>0</v>
      </c>
      <c r="J7413" s="8">
        <v>1</v>
      </c>
      <c r="K7413" s="9">
        <v>26</v>
      </c>
      <c r="L7413" s="6" t="s">
        <v>51</v>
      </c>
    </row>
    <row r="7414" spans="1:12">
      <c r="A7414" s="6" t="s">
        <v>49</v>
      </c>
      <c r="B7414" s="6"/>
      <c r="C7414" s="6" t="s">
        <v>7438</v>
      </c>
      <c r="D7414" s="6"/>
      <c r="E7414" s="6" t="s">
        <v>9</v>
      </c>
      <c r="F7414" s="7">
        <v>38657</v>
      </c>
      <c r="G7414" s="8">
        <v>1</v>
      </c>
      <c r="H7414" s="8">
        <v>1</v>
      </c>
      <c r="I7414" s="8">
        <v>0</v>
      </c>
      <c r="J7414" s="8">
        <v>1</v>
      </c>
      <c r="K7414" s="9">
        <v>37</v>
      </c>
      <c r="L7414" s="6" t="s">
        <v>51</v>
      </c>
    </row>
    <row r="7415" spans="1:12">
      <c r="A7415" s="6" t="s">
        <v>49</v>
      </c>
      <c r="B7415" s="6"/>
      <c r="C7415" s="6" t="s">
        <v>7439</v>
      </c>
      <c r="D7415" s="6"/>
      <c r="E7415" s="6" t="s">
        <v>9</v>
      </c>
      <c r="F7415" s="7">
        <v>38657</v>
      </c>
      <c r="G7415" s="8">
        <v>1</v>
      </c>
      <c r="H7415" s="8">
        <v>1</v>
      </c>
      <c r="I7415" s="8">
        <v>0</v>
      </c>
      <c r="J7415" s="8">
        <v>1</v>
      </c>
      <c r="K7415" s="9">
        <v>13</v>
      </c>
      <c r="L7415" s="6" t="s">
        <v>51</v>
      </c>
    </row>
    <row r="7416" spans="1:12">
      <c r="A7416" s="6" t="s">
        <v>49</v>
      </c>
      <c r="B7416" s="6"/>
      <c r="C7416" s="6" t="s">
        <v>7440</v>
      </c>
      <c r="D7416" s="6"/>
      <c r="E7416" s="6" t="s">
        <v>9</v>
      </c>
      <c r="F7416" s="7">
        <v>38657</v>
      </c>
      <c r="G7416" s="8">
        <v>1</v>
      </c>
      <c r="H7416" s="8">
        <v>1</v>
      </c>
      <c r="I7416" s="8">
        <v>0</v>
      </c>
      <c r="J7416" s="8">
        <v>1</v>
      </c>
      <c r="K7416" s="9">
        <v>18</v>
      </c>
      <c r="L7416" s="6" t="s">
        <v>51</v>
      </c>
    </row>
    <row r="7417" spans="1:12">
      <c r="A7417" s="6" t="s">
        <v>49</v>
      </c>
      <c r="B7417" s="6"/>
      <c r="C7417" s="6" t="s">
        <v>7441</v>
      </c>
      <c r="D7417" s="6"/>
      <c r="E7417" s="6" t="s">
        <v>9</v>
      </c>
      <c r="F7417" s="7">
        <v>38657</v>
      </c>
      <c r="G7417" s="8">
        <v>1</v>
      </c>
      <c r="H7417" s="8">
        <v>1</v>
      </c>
      <c r="I7417" s="8">
        <v>0</v>
      </c>
      <c r="J7417" s="8">
        <v>1</v>
      </c>
      <c r="K7417" s="9">
        <v>13</v>
      </c>
      <c r="L7417" s="6" t="s">
        <v>51</v>
      </c>
    </row>
    <row r="7418" spans="1:12">
      <c r="A7418" s="6" t="s">
        <v>49</v>
      </c>
      <c r="B7418" s="6"/>
      <c r="C7418" s="6" t="s">
        <v>7442</v>
      </c>
      <c r="D7418" s="6"/>
      <c r="E7418" s="6" t="s">
        <v>9</v>
      </c>
      <c r="F7418" s="7">
        <v>38657</v>
      </c>
      <c r="G7418" s="8">
        <v>1</v>
      </c>
      <c r="H7418" s="8">
        <v>1</v>
      </c>
      <c r="I7418" s="8">
        <v>0</v>
      </c>
      <c r="J7418" s="8">
        <v>1</v>
      </c>
      <c r="K7418" s="9">
        <v>18</v>
      </c>
      <c r="L7418" s="6" t="s">
        <v>51</v>
      </c>
    </row>
    <row r="7419" spans="1:12">
      <c r="A7419" s="6" t="s">
        <v>49</v>
      </c>
      <c r="B7419" s="6"/>
      <c r="C7419" s="6" t="s">
        <v>7443</v>
      </c>
      <c r="D7419" s="6"/>
      <c r="E7419" s="6" t="s">
        <v>9</v>
      </c>
      <c r="F7419" s="7">
        <v>38657</v>
      </c>
      <c r="G7419" s="8">
        <v>1</v>
      </c>
      <c r="H7419" s="8">
        <v>1</v>
      </c>
      <c r="I7419" s="8">
        <v>0</v>
      </c>
      <c r="J7419" s="8">
        <v>1</v>
      </c>
      <c r="K7419" s="9">
        <v>26</v>
      </c>
      <c r="L7419" s="6" t="s">
        <v>51</v>
      </c>
    </row>
    <row r="7420" spans="1:12">
      <c r="A7420" s="6" t="s">
        <v>49</v>
      </c>
      <c r="B7420" s="6"/>
      <c r="C7420" s="6" t="s">
        <v>7444</v>
      </c>
      <c r="D7420" s="6"/>
      <c r="E7420" s="6" t="s">
        <v>9</v>
      </c>
      <c r="F7420" s="7">
        <v>38657</v>
      </c>
      <c r="G7420" s="8">
        <v>1</v>
      </c>
      <c r="H7420" s="8">
        <v>1</v>
      </c>
      <c r="I7420" s="8">
        <v>0</v>
      </c>
      <c r="J7420" s="8">
        <v>1</v>
      </c>
      <c r="K7420" s="9">
        <v>6.61</v>
      </c>
      <c r="L7420" s="6" t="s">
        <v>51</v>
      </c>
    </row>
    <row r="7421" spans="1:12">
      <c r="A7421" s="6" t="s">
        <v>49</v>
      </c>
      <c r="B7421" s="6"/>
      <c r="C7421" s="6" t="s">
        <v>7445</v>
      </c>
      <c r="D7421" s="6"/>
      <c r="E7421" s="6" t="s">
        <v>9</v>
      </c>
      <c r="F7421" s="7">
        <v>38657</v>
      </c>
      <c r="G7421" s="8">
        <v>1</v>
      </c>
      <c r="H7421" s="8">
        <v>1</v>
      </c>
      <c r="I7421" s="8">
        <v>0</v>
      </c>
      <c r="J7421" s="8">
        <v>1</v>
      </c>
      <c r="K7421" s="9">
        <v>38</v>
      </c>
      <c r="L7421" s="6" t="s">
        <v>51</v>
      </c>
    </row>
    <row r="7422" spans="1:12">
      <c r="A7422" s="6" t="s">
        <v>49</v>
      </c>
      <c r="B7422" s="6"/>
      <c r="C7422" s="6" t="s">
        <v>7446</v>
      </c>
      <c r="D7422" s="6"/>
      <c r="E7422" s="6" t="s">
        <v>9</v>
      </c>
      <c r="F7422" s="7">
        <v>38657</v>
      </c>
      <c r="G7422" s="8">
        <v>1</v>
      </c>
      <c r="H7422" s="8">
        <v>1</v>
      </c>
      <c r="I7422" s="8">
        <v>0</v>
      </c>
      <c r="J7422" s="8">
        <v>1</v>
      </c>
      <c r="K7422" s="9">
        <v>29</v>
      </c>
      <c r="L7422" s="6" t="s">
        <v>51</v>
      </c>
    </row>
    <row r="7423" spans="1:12">
      <c r="A7423" s="6" t="s">
        <v>49</v>
      </c>
      <c r="B7423" s="6"/>
      <c r="C7423" s="6" t="s">
        <v>7447</v>
      </c>
      <c r="D7423" s="6"/>
      <c r="E7423" s="6" t="s">
        <v>9</v>
      </c>
      <c r="F7423" s="7">
        <v>38657</v>
      </c>
      <c r="G7423" s="8">
        <v>1</v>
      </c>
      <c r="H7423" s="8">
        <v>1</v>
      </c>
      <c r="I7423" s="8">
        <v>0</v>
      </c>
      <c r="J7423" s="8">
        <v>1</v>
      </c>
      <c r="K7423" s="9">
        <v>38</v>
      </c>
      <c r="L7423" s="6" t="s">
        <v>51</v>
      </c>
    </row>
    <row r="7424" spans="1:12">
      <c r="A7424" s="6" t="s">
        <v>49</v>
      </c>
      <c r="B7424" s="6"/>
      <c r="C7424" s="6" t="s">
        <v>7448</v>
      </c>
      <c r="D7424" s="6"/>
      <c r="E7424" s="6" t="s">
        <v>9</v>
      </c>
      <c r="F7424" s="7">
        <v>38657</v>
      </c>
      <c r="G7424" s="8">
        <v>1</v>
      </c>
      <c r="H7424" s="8">
        <v>1</v>
      </c>
      <c r="I7424" s="8">
        <v>0</v>
      </c>
      <c r="J7424" s="8">
        <v>1</v>
      </c>
      <c r="K7424" s="9">
        <v>29</v>
      </c>
      <c r="L7424" s="6" t="s">
        <v>51</v>
      </c>
    </row>
    <row r="7425" spans="1:12">
      <c r="A7425" s="6" t="s">
        <v>49</v>
      </c>
      <c r="B7425" s="6"/>
      <c r="C7425" s="6" t="s">
        <v>7449</v>
      </c>
      <c r="D7425" s="6"/>
      <c r="E7425" s="6" t="s">
        <v>9</v>
      </c>
      <c r="F7425" s="7">
        <v>38657</v>
      </c>
      <c r="G7425" s="8">
        <v>1</v>
      </c>
      <c r="H7425" s="8">
        <v>1</v>
      </c>
      <c r="I7425" s="8">
        <v>0</v>
      </c>
      <c r="J7425" s="8">
        <v>1</v>
      </c>
      <c r="K7425" s="9">
        <v>38</v>
      </c>
      <c r="L7425" s="6" t="s">
        <v>51</v>
      </c>
    </row>
    <row r="7426" spans="1:12">
      <c r="A7426" s="6" t="s">
        <v>49</v>
      </c>
      <c r="B7426" s="6"/>
      <c r="C7426" s="6" t="s">
        <v>7450</v>
      </c>
      <c r="D7426" s="6"/>
      <c r="E7426" s="6" t="s">
        <v>9</v>
      </c>
      <c r="F7426" s="7">
        <v>38657</v>
      </c>
      <c r="G7426" s="8">
        <v>1</v>
      </c>
      <c r="H7426" s="8">
        <v>1</v>
      </c>
      <c r="I7426" s="8">
        <v>0</v>
      </c>
      <c r="J7426" s="8">
        <v>1</v>
      </c>
      <c r="K7426" s="9">
        <v>29</v>
      </c>
      <c r="L7426" s="6" t="s">
        <v>51</v>
      </c>
    </row>
    <row r="7427" spans="1:12">
      <c r="A7427" s="6" t="s">
        <v>49</v>
      </c>
      <c r="B7427" s="6"/>
      <c r="C7427" s="6" t="s">
        <v>7451</v>
      </c>
      <c r="D7427" s="6"/>
      <c r="E7427" s="6" t="s">
        <v>9</v>
      </c>
      <c r="F7427" s="7">
        <v>38657</v>
      </c>
      <c r="G7427" s="8">
        <v>1</v>
      </c>
      <c r="H7427" s="8">
        <v>1</v>
      </c>
      <c r="I7427" s="8">
        <v>0</v>
      </c>
      <c r="J7427" s="8">
        <v>1</v>
      </c>
      <c r="K7427" s="9">
        <v>39</v>
      </c>
      <c r="L7427" s="6" t="s">
        <v>51</v>
      </c>
    </row>
    <row r="7428" spans="1:12">
      <c r="A7428" s="6" t="s">
        <v>49</v>
      </c>
      <c r="B7428" s="6"/>
      <c r="C7428" s="6" t="s">
        <v>7452</v>
      </c>
      <c r="D7428" s="6"/>
      <c r="E7428" s="6" t="s">
        <v>9</v>
      </c>
      <c r="F7428" s="7">
        <v>38657</v>
      </c>
      <c r="G7428" s="8">
        <v>1</v>
      </c>
      <c r="H7428" s="8">
        <v>1</v>
      </c>
      <c r="I7428" s="8">
        <v>0</v>
      </c>
      <c r="J7428" s="8">
        <v>1</v>
      </c>
      <c r="K7428" s="9">
        <v>29</v>
      </c>
      <c r="L7428" s="6" t="s">
        <v>51</v>
      </c>
    </row>
    <row r="7429" spans="1:12">
      <c r="A7429" s="6" t="s">
        <v>49</v>
      </c>
      <c r="B7429" s="6"/>
      <c r="C7429" s="6" t="s">
        <v>7453</v>
      </c>
      <c r="D7429" s="6"/>
      <c r="E7429" s="6" t="s">
        <v>9</v>
      </c>
      <c r="F7429" s="7">
        <v>38657</v>
      </c>
      <c r="G7429" s="8">
        <v>1</v>
      </c>
      <c r="H7429" s="8">
        <v>1</v>
      </c>
      <c r="I7429" s="8">
        <v>0</v>
      </c>
      <c r="J7429" s="8">
        <v>1</v>
      </c>
      <c r="K7429" s="9">
        <v>26</v>
      </c>
      <c r="L7429" s="6" t="s">
        <v>51</v>
      </c>
    </row>
    <row r="7430" spans="1:12">
      <c r="A7430" s="6" t="s">
        <v>49</v>
      </c>
      <c r="B7430" s="6"/>
      <c r="C7430" s="6" t="s">
        <v>7454</v>
      </c>
      <c r="D7430" s="6"/>
      <c r="E7430" s="6" t="s">
        <v>9</v>
      </c>
      <c r="F7430" s="7">
        <v>38657</v>
      </c>
      <c r="G7430" s="8">
        <v>1</v>
      </c>
      <c r="H7430" s="8">
        <v>1</v>
      </c>
      <c r="I7430" s="8">
        <v>0</v>
      </c>
      <c r="J7430" s="8">
        <v>1</v>
      </c>
      <c r="K7430" s="9">
        <v>26</v>
      </c>
      <c r="L7430" s="6" t="s">
        <v>51</v>
      </c>
    </row>
    <row r="7431" spans="1:12">
      <c r="A7431" s="6" t="s">
        <v>49</v>
      </c>
      <c r="B7431" s="6"/>
      <c r="C7431" s="6" t="s">
        <v>7455</v>
      </c>
      <c r="D7431" s="6"/>
      <c r="E7431" s="6" t="s">
        <v>9</v>
      </c>
      <c r="F7431" s="7">
        <v>38657</v>
      </c>
      <c r="G7431" s="8">
        <v>1</v>
      </c>
      <c r="H7431" s="8">
        <v>1</v>
      </c>
      <c r="I7431" s="8">
        <v>0</v>
      </c>
      <c r="J7431" s="8">
        <v>1</v>
      </c>
      <c r="K7431" s="9">
        <v>3.3</v>
      </c>
      <c r="L7431" s="6" t="s">
        <v>51</v>
      </c>
    </row>
    <row r="7432" spans="1:12">
      <c r="A7432" s="6" t="s">
        <v>49</v>
      </c>
      <c r="B7432" s="6"/>
      <c r="C7432" s="6" t="s">
        <v>7456</v>
      </c>
      <c r="D7432" s="6"/>
      <c r="E7432" s="6" t="s">
        <v>9</v>
      </c>
      <c r="F7432" s="7">
        <v>38657</v>
      </c>
      <c r="G7432" s="8">
        <v>1</v>
      </c>
      <c r="H7432" s="8">
        <v>1</v>
      </c>
      <c r="I7432" s="8">
        <v>0</v>
      </c>
      <c r="J7432" s="8">
        <v>1</v>
      </c>
      <c r="K7432" s="9">
        <v>26</v>
      </c>
      <c r="L7432" s="6" t="s">
        <v>51</v>
      </c>
    </row>
    <row r="7433" spans="1:12">
      <c r="A7433" s="6" t="s">
        <v>49</v>
      </c>
      <c r="B7433" s="6"/>
      <c r="C7433" s="6" t="s">
        <v>7457</v>
      </c>
      <c r="D7433" s="6"/>
      <c r="E7433" s="6" t="s">
        <v>9</v>
      </c>
      <c r="F7433" s="7">
        <v>38657</v>
      </c>
      <c r="G7433" s="8">
        <v>1</v>
      </c>
      <c r="H7433" s="8">
        <v>1</v>
      </c>
      <c r="I7433" s="8">
        <v>0</v>
      </c>
      <c r="J7433" s="8">
        <v>1</v>
      </c>
      <c r="K7433" s="9">
        <v>26</v>
      </c>
      <c r="L7433" s="6" t="s">
        <v>51</v>
      </c>
    </row>
    <row r="7434" spans="1:12">
      <c r="A7434" s="6" t="s">
        <v>49</v>
      </c>
      <c r="B7434" s="6"/>
      <c r="C7434" s="6" t="s">
        <v>7458</v>
      </c>
      <c r="D7434" s="6"/>
      <c r="E7434" s="6" t="s">
        <v>9</v>
      </c>
      <c r="F7434" s="7">
        <v>38657</v>
      </c>
      <c r="G7434" s="8">
        <v>1</v>
      </c>
      <c r="H7434" s="8">
        <v>1</v>
      </c>
      <c r="I7434" s="8">
        <v>0</v>
      </c>
      <c r="J7434" s="8">
        <v>1</v>
      </c>
      <c r="K7434" s="9">
        <v>26</v>
      </c>
      <c r="L7434" s="6" t="s">
        <v>51</v>
      </c>
    </row>
    <row r="7435" spans="1:12">
      <c r="A7435" s="6" t="s">
        <v>49</v>
      </c>
      <c r="B7435" s="6"/>
      <c r="C7435" s="6" t="s">
        <v>7459</v>
      </c>
      <c r="D7435" s="6"/>
      <c r="E7435" s="6" t="s">
        <v>9</v>
      </c>
      <c r="F7435" s="7">
        <v>38657</v>
      </c>
      <c r="G7435" s="8">
        <v>1</v>
      </c>
      <c r="H7435" s="8">
        <v>1</v>
      </c>
      <c r="I7435" s="8">
        <v>0</v>
      </c>
      <c r="J7435" s="8">
        <v>1</v>
      </c>
      <c r="K7435" s="9">
        <v>6.61</v>
      </c>
      <c r="L7435" s="6" t="s">
        <v>51</v>
      </c>
    </row>
    <row r="7436" spans="1:12">
      <c r="A7436" s="6" t="s">
        <v>49</v>
      </c>
      <c r="B7436" s="6"/>
      <c r="C7436" s="6" t="s">
        <v>7460</v>
      </c>
      <c r="D7436" s="6"/>
      <c r="E7436" s="6" t="s">
        <v>9</v>
      </c>
      <c r="F7436" s="7">
        <v>38657</v>
      </c>
      <c r="G7436" s="8">
        <v>1</v>
      </c>
      <c r="H7436" s="8">
        <v>1</v>
      </c>
      <c r="I7436" s="8">
        <v>0</v>
      </c>
      <c r="J7436" s="8">
        <v>1</v>
      </c>
      <c r="K7436" s="9">
        <v>46</v>
      </c>
      <c r="L7436" s="6" t="s">
        <v>51</v>
      </c>
    </row>
    <row r="7437" spans="1:12">
      <c r="A7437" s="6" t="s">
        <v>49</v>
      </c>
      <c r="B7437" s="6"/>
      <c r="C7437" s="6" t="s">
        <v>7461</v>
      </c>
      <c r="D7437" s="6"/>
      <c r="E7437" s="6" t="s">
        <v>9</v>
      </c>
      <c r="F7437" s="7">
        <v>38657</v>
      </c>
      <c r="G7437" s="8">
        <v>1</v>
      </c>
      <c r="H7437" s="8">
        <v>1</v>
      </c>
      <c r="I7437" s="8">
        <v>0</v>
      </c>
      <c r="J7437" s="8">
        <v>1</v>
      </c>
      <c r="K7437" s="9">
        <v>36</v>
      </c>
      <c r="L7437" s="6" t="s">
        <v>51</v>
      </c>
    </row>
    <row r="7438" spans="1:12">
      <c r="A7438" s="6" t="s">
        <v>49</v>
      </c>
      <c r="B7438" s="6"/>
      <c r="C7438" s="6" t="s">
        <v>7462</v>
      </c>
      <c r="D7438" s="6"/>
      <c r="E7438" s="6" t="s">
        <v>9</v>
      </c>
      <c r="F7438" s="7">
        <v>38657</v>
      </c>
      <c r="G7438" s="8">
        <v>1</v>
      </c>
      <c r="H7438" s="8">
        <v>1</v>
      </c>
      <c r="I7438" s="8">
        <v>0</v>
      </c>
      <c r="J7438" s="8">
        <v>1</v>
      </c>
      <c r="K7438" s="9">
        <v>3</v>
      </c>
      <c r="L7438" s="6" t="s">
        <v>51</v>
      </c>
    </row>
    <row r="7439" spans="1:12">
      <c r="A7439" s="6" t="s">
        <v>49</v>
      </c>
      <c r="B7439" s="6"/>
      <c r="C7439" s="6" t="s">
        <v>7463</v>
      </c>
      <c r="D7439" s="6"/>
      <c r="E7439" s="6" t="s">
        <v>9</v>
      </c>
      <c r="F7439" s="7">
        <v>38657</v>
      </c>
      <c r="G7439" s="8">
        <v>1</v>
      </c>
      <c r="H7439" s="8">
        <v>1</v>
      </c>
      <c r="I7439" s="8">
        <v>0</v>
      </c>
      <c r="J7439" s="8">
        <v>1</v>
      </c>
      <c r="K7439" s="9">
        <v>4.76</v>
      </c>
      <c r="L7439" s="6" t="s">
        <v>51</v>
      </c>
    </row>
    <row r="7440" spans="1:12">
      <c r="A7440" s="6" t="s">
        <v>49</v>
      </c>
      <c r="B7440" s="6"/>
      <c r="C7440" s="6" t="s">
        <v>7464</v>
      </c>
      <c r="D7440" s="6"/>
      <c r="E7440" s="6" t="s">
        <v>9</v>
      </c>
      <c r="F7440" s="7">
        <v>38657</v>
      </c>
      <c r="G7440" s="8">
        <v>1</v>
      </c>
      <c r="H7440" s="8">
        <v>1</v>
      </c>
      <c r="I7440" s="8">
        <v>0</v>
      </c>
      <c r="J7440" s="8">
        <v>1</v>
      </c>
      <c r="K7440" s="9">
        <v>7.53</v>
      </c>
      <c r="L7440" s="6" t="s">
        <v>51</v>
      </c>
    </row>
    <row r="7441" spans="1:12">
      <c r="A7441" s="6" t="s">
        <v>49</v>
      </c>
      <c r="B7441" s="6"/>
      <c r="C7441" s="6" t="s">
        <v>7465</v>
      </c>
      <c r="D7441" s="6"/>
      <c r="E7441" s="6" t="s">
        <v>9</v>
      </c>
      <c r="F7441" s="7">
        <v>38657</v>
      </c>
      <c r="G7441" s="8">
        <v>1</v>
      </c>
      <c r="H7441" s="8">
        <v>1</v>
      </c>
      <c r="I7441" s="8">
        <v>0</v>
      </c>
      <c r="J7441" s="8">
        <v>1</v>
      </c>
      <c r="K7441" s="9">
        <v>7.04</v>
      </c>
      <c r="L7441" s="6" t="s">
        <v>51</v>
      </c>
    </row>
    <row r="7442" spans="1:12">
      <c r="A7442" s="6" t="s">
        <v>49</v>
      </c>
      <c r="B7442" s="6"/>
      <c r="C7442" s="6" t="s">
        <v>7466</v>
      </c>
      <c r="D7442" s="6"/>
      <c r="E7442" s="6" t="s">
        <v>9</v>
      </c>
      <c r="F7442" s="7">
        <v>38657</v>
      </c>
      <c r="G7442" s="8">
        <v>1</v>
      </c>
      <c r="H7442" s="8">
        <v>1</v>
      </c>
      <c r="I7442" s="8">
        <v>0</v>
      </c>
      <c r="J7442" s="8">
        <v>1</v>
      </c>
      <c r="K7442" s="9">
        <v>36</v>
      </c>
      <c r="L7442" s="6" t="s">
        <v>51</v>
      </c>
    </row>
    <row r="7443" spans="1:12">
      <c r="A7443" s="6" t="s">
        <v>49</v>
      </c>
      <c r="B7443" s="6"/>
      <c r="C7443" s="6" t="s">
        <v>7467</v>
      </c>
      <c r="D7443" s="6"/>
      <c r="E7443" s="6" t="s">
        <v>9</v>
      </c>
      <c r="F7443" s="7">
        <v>38657</v>
      </c>
      <c r="G7443" s="8">
        <v>1</v>
      </c>
      <c r="H7443" s="8">
        <v>1</v>
      </c>
      <c r="I7443" s="8">
        <v>0</v>
      </c>
      <c r="J7443" s="8">
        <v>1</v>
      </c>
      <c r="K7443" s="9">
        <v>151</v>
      </c>
      <c r="L7443" s="6" t="s">
        <v>51</v>
      </c>
    </row>
    <row r="7444" spans="1:12">
      <c r="A7444" s="6" t="s">
        <v>49</v>
      </c>
      <c r="B7444" s="6"/>
      <c r="C7444" s="6" t="s">
        <v>7468</v>
      </c>
      <c r="D7444" s="6"/>
      <c r="E7444" s="6" t="s">
        <v>9</v>
      </c>
      <c r="F7444" s="7">
        <v>38657</v>
      </c>
      <c r="G7444" s="8">
        <v>1</v>
      </c>
      <c r="H7444" s="8">
        <v>1</v>
      </c>
      <c r="I7444" s="8">
        <v>0</v>
      </c>
      <c r="J7444" s="8">
        <v>1</v>
      </c>
      <c r="K7444" s="9">
        <v>6.61</v>
      </c>
      <c r="L7444" s="6" t="s">
        <v>51</v>
      </c>
    </row>
    <row r="7445" spans="1:12">
      <c r="A7445" s="6" t="s">
        <v>49</v>
      </c>
      <c r="B7445" s="6"/>
      <c r="C7445" s="6" t="s">
        <v>7469</v>
      </c>
      <c r="D7445" s="6"/>
      <c r="E7445" s="6" t="s">
        <v>9</v>
      </c>
      <c r="F7445" s="7">
        <v>38657</v>
      </c>
      <c r="G7445" s="8">
        <v>1</v>
      </c>
      <c r="H7445" s="8">
        <v>1</v>
      </c>
      <c r="I7445" s="8">
        <v>0</v>
      </c>
      <c r="J7445" s="8">
        <v>1</v>
      </c>
      <c r="K7445" s="9">
        <v>1.62</v>
      </c>
      <c r="L7445" s="6" t="s">
        <v>51</v>
      </c>
    </row>
    <row r="7446" spans="1:12">
      <c r="A7446" s="6" t="s">
        <v>49</v>
      </c>
      <c r="B7446" s="6"/>
      <c r="C7446" s="6" t="s">
        <v>7470</v>
      </c>
      <c r="D7446" s="6"/>
      <c r="E7446" s="6" t="s">
        <v>9</v>
      </c>
      <c r="F7446" s="7">
        <v>38657</v>
      </c>
      <c r="G7446" s="8">
        <v>1</v>
      </c>
      <c r="H7446" s="8">
        <v>1</v>
      </c>
      <c r="I7446" s="8">
        <v>0</v>
      </c>
      <c r="J7446" s="8">
        <v>1</v>
      </c>
      <c r="K7446" s="9">
        <v>9.91</v>
      </c>
      <c r="L7446" s="6" t="s">
        <v>51</v>
      </c>
    </row>
    <row r="7447" spans="1:12">
      <c r="A7447" s="6" t="s">
        <v>49</v>
      </c>
      <c r="B7447" s="6"/>
      <c r="C7447" s="6" t="s">
        <v>7471</v>
      </c>
      <c r="D7447" s="6"/>
      <c r="E7447" s="6" t="s">
        <v>9</v>
      </c>
      <c r="F7447" s="7">
        <v>38657</v>
      </c>
      <c r="G7447" s="8">
        <v>1</v>
      </c>
      <c r="H7447" s="8">
        <v>1</v>
      </c>
      <c r="I7447" s="8">
        <v>0</v>
      </c>
      <c r="J7447" s="8">
        <v>1</v>
      </c>
      <c r="K7447" s="9">
        <v>17</v>
      </c>
      <c r="L7447" s="6" t="s">
        <v>51</v>
      </c>
    </row>
    <row r="7448" spans="1:12">
      <c r="A7448" s="6" t="s">
        <v>49</v>
      </c>
      <c r="B7448" s="6"/>
      <c r="C7448" s="6" t="s">
        <v>7472</v>
      </c>
      <c r="D7448" s="6"/>
      <c r="E7448" s="6" t="s">
        <v>9</v>
      </c>
      <c r="F7448" s="7">
        <v>38657</v>
      </c>
      <c r="G7448" s="8">
        <v>1</v>
      </c>
      <c r="H7448" s="8">
        <v>1</v>
      </c>
      <c r="I7448" s="8">
        <v>0</v>
      </c>
      <c r="J7448" s="8">
        <v>1</v>
      </c>
      <c r="K7448" s="9">
        <v>2.97</v>
      </c>
      <c r="L7448" s="6" t="s">
        <v>51</v>
      </c>
    </row>
    <row r="7449" spans="1:12">
      <c r="A7449" s="6" t="s">
        <v>49</v>
      </c>
      <c r="B7449" s="6"/>
      <c r="C7449" s="6" t="s">
        <v>7473</v>
      </c>
      <c r="D7449" s="6"/>
      <c r="E7449" s="6" t="s">
        <v>9</v>
      </c>
      <c r="F7449" s="7">
        <v>38657</v>
      </c>
      <c r="G7449" s="8">
        <v>1</v>
      </c>
      <c r="H7449" s="8">
        <v>1</v>
      </c>
      <c r="I7449" s="8">
        <v>0</v>
      </c>
      <c r="J7449" s="8">
        <v>1</v>
      </c>
      <c r="K7449" s="9">
        <v>43</v>
      </c>
      <c r="L7449" s="6" t="s">
        <v>51</v>
      </c>
    </row>
    <row r="7450" spans="1:12">
      <c r="A7450" s="6" t="s">
        <v>49</v>
      </c>
      <c r="B7450" s="6"/>
      <c r="C7450" s="6" t="s">
        <v>7474</v>
      </c>
      <c r="D7450" s="6"/>
      <c r="E7450" s="6" t="s">
        <v>9</v>
      </c>
      <c r="F7450" s="7">
        <v>38657</v>
      </c>
      <c r="G7450" s="8">
        <v>1</v>
      </c>
      <c r="H7450" s="8">
        <v>1</v>
      </c>
      <c r="I7450" s="8">
        <v>0</v>
      </c>
      <c r="J7450" s="8">
        <v>1</v>
      </c>
      <c r="K7450" s="9">
        <v>6.87</v>
      </c>
      <c r="L7450" s="6" t="s">
        <v>51</v>
      </c>
    </row>
    <row r="7451" spans="1:12">
      <c r="A7451" s="6" t="s">
        <v>49</v>
      </c>
      <c r="B7451" s="6"/>
      <c r="C7451" s="6" t="s">
        <v>7475</v>
      </c>
      <c r="D7451" s="6"/>
      <c r="E7451" s="6" t="s">
        <v>9</v>
      </c>
      <c r="F7451" s="7">
        <v>38657</v>
      </c>
      <c r="G7451" s="8">
        <v>1</v>
      </c>
      <c r="H7451" s="8">
        <v>1</v>
      </c>
      <c r="I7451" s="8">
        <v>0</v>
      </c>
      <c r="J7451" s="8">
        <v>1</v>
      </c>
      <c r="K7451" s="9">
        <v>6.12</v>
      </c>
      <c r="L7451" s="6" t="s">
        <v>51</v>
      </c>
    </row>
    <row r="7452" spans="1:12">
      <c r="A7452" s="6" t="s">
        <v>49</v>
      </c>
      <c r="B7452" s="6"/>
      <c r="C7452" s="6" t="s">
        <v>7476</v>
      </c>
      <c r="D7452" s="6"/>
      <c r="E7452" s="6" t="s">
        <v>9</v>
      </c>
      <c r="F7452" s="7">
        <v>38657</v>
      </c>
      <c r="G7452" s="8">
        <v>1</v>
      </c>
      <c r="H7452" s="8">
        <v>1</v>
      </c>
      <c r="I7452" s="8">
        <v>0</v>
      </c>
      <c r="J7452" s="8">
        <v>1</v>
      </c>
      <c r="K7452" s="9">
        <v>12</v>
      </c>
      <c r="L7452" s="6" t="s">
        <v>51</v>
      </c>
    </row>
    <row r="7453" spans="1:12">
      <c r="A7453" s="6" t="s">
        <v>49</v>
      </c>
      <c r="B7453" s="6"/>
      <c r="C7453" s="6" t="s">
        <v>7477</v>
      </c>
      <c r="D7453" s="6"/>
      <c r="E7453" s="6" t="s">
        <v>9</v>
      </c>
      <c r="F7453" s="7">
        <v>38657</v>
      </c>
      <c r="G7453" s="8">
        <v>1</v>
      </c>
      <c r="H7453" s="8">
        <v>1</v>
      </c>
      <c r="I7453" s="8">
        <v>0</v>
      </c>
      <c r="J7453" s="8">
        <v>1</v>
      </c>
      <c r="K7453" s="9">
        <v>234</v>
      </c>
      <c r="L7453" s="6" t="s">
        <v>51</v>
      </c>
    </row>
    <row r="7454" spans="1:12">
      <c r="A7454" s="6" t="s">
        <v>49</v>
      </c>
      <c r="B7454" s="6"/>
      <c r="C7454" s="6" t="s">
        <v>7478</v>
      </c>
      <c r="D7454" s="6"/>
      <c r="E7454" s="6" t="s">
        <v>9</v>
      </c>
      <c r="F7454" s="7">
        <v>38657</v>
      </c>
      <c r="G7454" s="8">
        <v>1</v>
      </c>
      <c r="H7454" s="8">
        <v>1</v>
      </c>
      <c r="I7454" s="8">
        <v>0</v>
      </c>
      <c r="J7454" s="8">
        <v>1</v>
      </c>
      <c r="K7454" s="9">
        <v>22</v>
      </c>
      <c r="L7454" s="6" t="s">
        <v>51</v>
      </c>
    </row>
    <row r="7455" spans="1:12">
      <c r="A7455" s="6" t="s">
        <v>49</v>
      </c>
      <c r="B7455" s="6"/>
      <c r="C7455" s="6" t="s">
        <v>7479</v>
      </c>
      <c r="D7455" s="6"/>
      <c r="E7455" s="6" t="s">
        <v>9</v>
      </c>
      <c r="F7455" s="7">
        <v>41730</v>
      </c>
      <c r="G7455" s="8">
        <v>1</v>
      </c>
      <c r="H7455" s="8">
        <v>1</v>
      </c>
      <c r="I7455" s="8">
        <v>0</v>
      </c>
      <c r="J7455" s="8">
        <v>1</v>
      </c>
      <c r="K7455" s="9">
        <v>52</v>
      </c>
      <c r="L7455" s="6" t="s">
        <v>51</v>
      </c>
    </row>
    <row r="7456" spans="1:12">
      <c r="A7456" s="6" t="s">
        <v>49</v>
      </c>
      <c r="B7456" s="6"/>
      <c r="C7456" s="6" t="s">
        <v>7480</v>
      </c>
      <c r="D7456" s="6"/>
      <c r="E7456" s="6" t="s">
        <v>9</v>
      </c>
      <c r="F7456" s="7">
        <v>38657</v>
      </c>
      <c r="G7456" s="8">
        <v>1</v>
      </c>
      <c r="H7456" s="8">
        <v>1</v>
      </c>
      <c r="I7456" s="8">
        <v>0</v>
      </c>
      <c r="J7456" s="8">
        <v>1</v>
      </c>
      <c r="K7456" s="9">
        <v>37</v>
      </c>
      <c r="L7456" s="6" t="s">
        <v>51</v>
      </c>
    </row>
    <row r="7457" spans="1:12">
      <c r="A7457" s="6" t="s">
        <v>49</v>
      </c>
      <c r="B7457" s="6"/>
      <c r="C7457" s="6" t="s">
        <v>7481</v>
      </c>
      <c r="D7457" s="6"/>
      <c r="E7457" s="6" t="s">
        <v>9</v>
      </c>
      <c r="F7457" s="7">
        <v>40336</v>
      </c>
      <c r="G7457" s="8">
        <v>1</v>
      </c>
      <c r="H7457" s="8">
        <v>1</v>
      </c>
      <c r="I7457" s="8">
        <v>0</v>
      </c>
      <c r="J7457" s="8">
        <v>1</v>
      </c>
      <c r="K7457" s="9">
        <v>3.6</v>
      </c>
      <c r="L7457" s="6" t="s">
        <v>51</v>
      </c>
    </row>
    <row r="7458" spans="1:12">
      <c r="A7458" s="6" t="s">
        <v>49</v>
      </c>
      <c r="B7458" s="6"/>
      <c r="C7458" s="6" t="s">
        <v>7482</v>
      </c>
      <c r="D7458" s="6"/>
      <c r="E7458" s="6" t="s">
        <v>9</v>
      </c>
      <c r="F7458" s="7">
        <v>40336</v>
      </c>
      <c r="G7458" s="8">
        <v>1</v>
      </c>
      <c r="H7458" s="8">
        <v>1</v>
      </c>
      <c r="I7458" s="8">
        <v>0</v>
      </c>
      <c r="J7458" s="8">
        <v>1</v>
      </c>
      <c r="K7458" s="9">
        <v>13</v>
      </c>
      <c r="L7458" s="6" t="s">
        <v>51</v>
      </c>
    </row>
    <row r="7459" spans="1:12">
      <c r="A7459" s="6" t="s">
        <v>49</v>
      </c>
      <c r="B7459" s="6"/>
      <c r="C7459" s="6" t="s">
        <v>7483</v>
      </c>
      <c r="D7459" s="6"/>
      <c r="E7459" s="6" t="s">
        <v>9</v>
      </c>
      <c r="F7459" s="7">
        <v>38657</v>
      </c>
      <c r="G7459" s="8">
        <v>1</v>
      </c>
      <c r="H7459" s="8">
        <v>1</v>
      </c>
      <c r="I7459" s="8">
        <v>0</v>
      </c>
      <c r="J7459" s="8">
        <v>1</v>
      </c>
      <c r="K7459" s="9">
        <v>54</v>
      </c>
      <c r="L7459" s="6" t="s">
        <v>51</v>
      </c>
    </row>
    <row r="7460" spans="1:12">
      <c r="A7460" s="6" t="s">
        <v>49</v>
      </c>
      <c r="B7460" s="6"/>
      <c r="C7460" s="6" t="s">
        <v>7484</v>
      </c>
      <c r="D7460" s="6"/>
      <c r="E7460" s="6" t="s">
        <v>9</v>
      </c>
      <c r="F7460" s="7">
        <v>38657</v>
      </c>
      <c r="G7460" s="8">
        <v>1</v>
      </c>
      <c r="H7460" s="8">
        <v>1</v>
      </c>
      <c r="I7460" s="8">
        <v>0</v>
      </c>
      <c r="J7460" s="8">
        <v>1</v>
      </c>
      <c r="K7460" s="9">
        <v>3.13</v>
      </c>
      <c r="L7460" s="6" t="s">
        <v>51</v>
      </c>
    </row>
    <row r="7461" spans="1:12">
      <c r="A7461" s="6" t="s">
        <v>49</v>
      </c>
      <c r="B7461" s="6"/>
      <c r="C7461" s="6" t="s">
        <v>7485</v>
      </c>
      <c r="D7461" s="6"/>
      <c r="E7461" s="6" t="s">
        <v>9</v>
      </c>
      <c r="F7461" s="7">
        <v>38657</v>
      </c>
      <c r="G7461" s="8">
        <v>1</v>
      </c>
      <c r="H7461" s="8">
        <v>1</v>
      </c>
      <c r="I7461" s="8">
        <v>0</v>
      </c>
      <c r="J7461" s="8">
        <v>1</v>
      </c>
      <c r="K7461" s="9">
        <v>57</v>
      </c>
      <c r="L7461" s="6" t="s">
        <v>51</v>
      </c>
    </row>
    <row r="7462" spans="1:12">
      <c r="A7462" s="6" t="s">
        <v>49</v>
      </c>
      <c r="B7462" s="6"/>
      <c r="C7462" s="6" t="s">
        <v>7486</v>
      </c>
      <c r="D7462" s="6"/>
      <c r="E7462" s="6" t="s">
        <v>9</v>
      </c>
      <c r="F7462" s="7">
        <v>41730</v>
      </c>
      <c r="G7462" s="8">
        <v>1</v>
      </c>
      <c r="H7462" s="8">
        <v>1</v>
      </c>
      <c r="I7462" s="8">
        <v>0</v>
      </c>
      <c r="J7462" s="8">
        <v>1</v>
      </c>
      <c r="K7462" s="9">
        <v>66</v>
      </c>
      <c r="L7462" s="6" t="s">
        <v>51</v>
      </c>
    </row>
    <row r="7463" spans="1:12">
      <c r="A7463" s="6" t="s">
        <v>49</v>
      </c>
      <c r="B7463" s="6"/>
      <c r="C7463" s="6" t="s">
        <v>7487</v>
      </c>
      <c r="D7463" s="6"/>
      <c r="E7463" s="6" t="s">
        <v>9</v>
      </c>
      <c r="F7463" s="7">
        <v>38657</v>
      </c>
      <c r="G7463" s="8">
        <v>1</v>
      </c>
      <c r="H7463" s="8">
        <v>1</v>
      </c>
      <c r="I7463" s="8">
        <v>0</v>
      </c>
      <c r="J7463" s="8">
        <v>1</v>
      </c>
      <c r="K7463" s="9">
        <v>88</v>
      </c>
      <c r="L7463" s="6" t="s">
        <v>51</v>
      </c>
    </row>
    <row r="7464" spans="1:12">
      <c r="A7464" s="6" t="s">
        <v>49</v>
      </c>
      <c r="B7464" s="6"/>
      <c r="C7464" s="6" t="s">
        <v>7488</v>
      </c>
      <c r="D7464" s="6"/>
      <c r="E7464" s="6" t="s">
        <v>9</v>
      </c>
      <c r="F7464" s="7">
        <v>38657</v>
      </c>
      <c r="G7464" s="8">
        <v>1</v>
      </c>
      <c r="H7464" s="8">
        <v>1</v>
      </c>
      <c r="I7464" s="8">
        <v>0</v>
      </c>
      <c r="J7464" s="8">
        <v>1</v>
      </c>
      <c r="K7464" s="9">
        <v>52.89</v>
      </c>
      <c r="L7464" s="6" t="s">
        <v>51</v>
      </c>
    </row>
    <row r="7465" spans="1:12">
      <c r="A7465" s="6" t="s">
        <v>49</v>
      </c>
      <c r="B7465" s="6"/>
      <c r="C7465" s="6" t="s">
        <v>7489</v>
      </c>
      <c r="D7465" s="6"/>
      <c r="E7465" s="6" t="s">
        <v>9</v>
      </c>
      <c r="F7465" s="7">
        <v>38657</v>
      </c>
      <c r="G7465" s="8">
        <v>1</v>
      </c>
      <c r="H7465" s="8">
        <v>1</v>
      </c>
      <c r="I7465" s="8">
        <v>0</v>
      </c>
      <c r="J7465" s="8">
        <v>1</v>
      </c>
      <c r="K7465" s="9">
        <v>3.12</v>
      </c>
      <c r="L7465" s="6" t="s">
        <v>51</v>
      </c>
    </row>
    <row r="7466" spans="1:12">
      <c r="A7466" s="6" t="s">
        <v>49</v>
      </c>
      <c r="B7466" s="6"/>
      <c r="C7466" s="6" t="s">
        <v>7490</v>
      </c>
      <c r="D7466" s="6"/>
      <c r="E7466" s="6" t="s">
        <v>9</v>
      </c>
      <c r="F7466" s="7">
        <v>38657</v>
      </c>
      <c r="G7466" s="8">
        <v>1</v>
      </c>
      <c r="H7466" s="8">
        <v>1</v>
      </c>
      <c r="I7466" s="8">
        <v>0</v>
      </c>
      <c r="J7466" s="8">
        <v>1</v>
      </c>
      <c r="K7466" s="9">
        <v>16</v>
      </c>
      <c r="L7466" s="6" t="s">
        <v>51</v>
      </c>
    </row>
    <row r="7467" spans="1:12">
      <c r="A7467" s="6" t="s">
        <v>49</v>
      </c>
      <c r="B7467" s="6"/>
      <c r="C7467" s="6" t="s">
        <v>7491</v>
      </c>
      <c r="D7467" s="6"/>
      <c r="E7467" s="6" t="s">
        <v>9</v>
      </c>
      <c r="F7467" s="7">
        <v>38657</v>
      </c>
      <c r="G7467" s="8">
        <v>1</v>
      </c>
      <c r="H7467" s="8">
        <v>1</v>
      </c>
      <c r="I7467" s="8">
        <v>0</v>
      </c>
      <c r="J7467" s="8">
        <v>1</v>
      </c>
      <c r="K7467" s="9">
        <v>64</v>
      </c>
      <c r="L7467" s="6" t="s">
        <v>51</v>
      </c>
    </row>
    <row r="7468" spans="1:12">
      <c r="A7468" s="6" t="s">
        <v>49</v>
      </c>
      <c r="B7468" s="6"/>
      <c r="C7468" s="6" t="s">
        <v>7492</v>
      </c>
      <c r="D7468" s="6"/>
      <c r="E7468" s="6" t="s">
        <v>9</v>
      </c>
      <c r="F7468" s="7">
        <v>38657</v>
      </c>
      <c r="G7468" s="8">
        <v>1</v>
      </c>
      <c r="H7468" s="8">
        <v>1</v>
      </c>
      <c r="I7468" s="8">
        <v>0</v>
      </c>
      <c r="J7468" s="8">
        <v>1</v>
      </c>
      <c r="K7468" s="9">
        <v>339</v>
      </c>
      <c r="L7468" s="6" t="s">
        <v>51</v>
      </c>
    </row>
    <row r="7469" spans="1:12">
      <c r="A7469" s="6" t="s">
        <v>49</v>
      </c>
      <c r="B7469" s="6"/>
      <c r="C7469" s="6" t="s">
        <v>7493</v>
      </c>
      <c r="D7469" s="6"/>
      <c r="E7469" s="6" t="s">
        <v>9</v>
      </c>
      <c r="F7469" s="7">
        <v>38657</v>
      </c>
      <c r="G7469" s="8">
        <v>1</v>
      </c>
      <c r="H7469" s="8">
        <v>1</v>
      </c>
      <c r="I7469" s="8">
        <v>0</v>
      </c>
      <c r="J7469" s="8">
        <v>1</v>
      </c>
      <c r="K7469" s="9">
        <v>41.36</v>
      </c>
      <c r="L7469" s="6" t="s">
        <v>51</v>
      </c>
    </row>
    <row r="7470" spans="1:12">
      <c r="A7470" s="6" t="s">
        <v>49</v>
      </c>
      <c r="B7470" s="6"/>
      <c r="C7470" s="6" t="s">
        <v>7494</v>
      </c>
      <c r="D7470" s="6"/>
      <c r="E7470" s="6" t="s">
        <v>9</v>
      </c>
      <c r="F7470" s="7">
        <v>39842</v>
      </c>
      <c r="G7470" s="8">
        <v>1</v>
      </c>
      <c r="H7470" s="8">
        <v>1</v>
      </c>
      <c r="I7470" s="8">
        <v>0</v>
      </c>
      <c r="J7470" s="8">
        <v>1</v>
      </c>
      <c r="K7470" s="9">
        <v>28</v>
      </c>
      <c r="L7470" s="6" t="s">
        <v>51</v>
      </c>
    </row>
    <row r="7471" spans="1:12">
      <c r="A7471" s="6" t="s">
        <v>49</v>
      </c>
      <c r="B7471" s="6"/>
      <c r="C7471" s="6" t="s">
        <v>7495</v>
      </c>
      <c r="D7471" s="6"/>
      <c r="E7471" s="6" t="s">
        <v>9</v>
      </c>
      <c r="F7471" s="7">
        <v>39842</v>
      </c>
      <c r="G7471" s="8">
        <v>1</v>
      </c>
      <c r="H7471" s="8">
        <v>1</v>
      </c>
      <c r="I7471" s="8">
        <v>0</v>
      </c>
      <c r="J7471" s="8">
        <v>1</v>
      </c>
      <c r="K7471" s="9">
        <v>13</v>
      </c>
      <c r="L7471" s="6" t="s">
        <v>51</v>
      </c>
    </row>
    <row r="7472" spans="1:12">
      <c r="A7472" s="6" t="s">
        <v>49</v>
      </c>
      <c r="B7472" s="6"/>
      <c r="C7472" s="6" t="s">
        <v>7496</v>
      </c>
      <c r="D7472" s="6"/>
      <c r="E7472" s="6" t="s">
        <v>9</v>
      </c>
      <c r="F7472" s="7">
        <v>39842</v>
      </c>
      <c r="G7472" s="8">
        <v>1</v>
      </c>
      <c r="H7472" s="8">
        <v>1</v>
      </c>
      <c r="I7472" s="8">
        <v>0</v>
      </c>
      <c r="J7472" s="8">
        <v>1</v>
      </c>
      <c r="K7472" s="9">
        <v>347</v>
      </c>
      <c r="L7472" s="6" t="s">
        <v>51</v>
      </c>
    </row>
    <row r="7473" spans="1:12">
      <c r="A7473" s="6" t="s">
        <v>49</v>
      </c>
      <c r="B7473" s="6"/>
      <c r="C7473" s="6" t="s">
        <v>7497</v>
      </c>
      <c r="D7473" s="6"/>
      <c r="E7473" s="6" t="s">
        <v>9</v>
      </c>
      <c r="F7473" s="7">
        <v>39842</v>
      </c>
      <c r="G7473" s="8">
        <v>1</v>
      </c>
      <c r="H7473" s="8">
        <v>1</v>
      </c>
      <c r="I7473" s="8">
        <v>0</v>
      </c>
      <c r="J7473" s="8">
        <v>1</v>
      </c>
      <c r="K7473" s="9">
        <v>196</v>
      </c>
      <c r="L7473" s="6" t="s">
        <v>51</v>
      </c>
    </row>
    <row r="7474" spans="1:12">
      <c r="A7474" s="6" t="s">
        <v>49</v>
      </c>
      <c r="B7474" s="6"/>
      <c r="C7474" s="6" t="s">
        <v>7498</v>
      </c>
      <c r="D7474" s="6"/>
      <c r="E7474" s="6" t="s">
        <v>9</v>
      </c>
      <c r="F7474" s="7">
        <v>39842</v>
      </c>
      <c r="G7474" s="8">
        <v>1</v>
      </c>
      <c r="H7474" s="8">
        <v>1</v>
      </c>
      <c r="I7474" s="8">
        <v>0</v>
      </c>
      <c r="J7474" s="8">
        <v>1</v>
      </c>
      <c r="K7474" s="9">
        <v>258</v>
      </c>
      <c r="L7474" s="6" t="s">
        <v>51</v>
      </c>
    </row>
    <row r="7475" spans="1:12">
      <c r="A7475" s="6" t="s">
        <v>49</v>
      </c>
      <c r="B7475" s="6"/>
      <c r="C7475" s="6" t="s">
        <v>7499</v>
      </c>
      <c r="D7475" s="6"/>
      <c r="E7475" s="6" t="s">
        <v>9</v>
      </c>
      <c r="F7475" s="7">
        <v>38657</v>
      </c>
      <c r="G7475" s="8">
        <v>1</v>
      </c>
      <c r="H7475" s="8">
        <v>1</v>
      </c>
      <c r="I7475" s="8">
        <v>0</v>
      </c>
      <c r="J7475" s="8">
        <v>1</v>
      </c>
      <c r="K7475" s="9">
        <v>234</v>
      </c>
      <c r="L7475" s="6" t="s">
        <v>51</v>
      </c>
    </row>
    <row r="7476" spans="1:12">
      <c r="A7476" s="6" t="s">
        <v>49</v>
      </c>
      <c r="B7476" s="6"/>
      <c r="C7476" s="6" t="s">
        <v>7500</v>
      </c>
      <c r="D7476" s="6"/>
      <c r="E7476" s="6" t="s">
        <v>9</v>
      </c>
      <c r="F7476" s="7">
        <v>39842</v>
      </c>
      <c r="G7476" s="8">
        <v>1</v>
      </c>
      <c r="H7476" s="8">
        <v>1</v>
      </c>
      <c r="I7476" s="8">
        <v>0</v>
      </c>
      <c r="J7476" s="8">
        <v>1</v>
      </c>
      <c r="K7476" s="9">
        <v>27</v>
      </c>
      <c r="L7476" s="6" t="s">
        <v>51</v>
      </c>
    </row>
    <row r="7477" spans="1:12">
      <c r="A7477" s="6" t="s">
        <v>49</v>
      </c>
      <c r="B7477" s="6"/>
      <c r="C7477" s="6" t="s">
        <v>7501</v>
      </c>
      <c r="D7477" s="6"/>
      <c r="E7477" s="6" t="s">
        <v>9</v>
      </c>
      <c r="F7477" s="7">
        <v>38657</v>
      </c>
      <c r="G7477" s="8">
        <v>1</v>
      </c>
      <c r="H7477" s="8">
        <v>1</v>
      </c>
      <c r="I7477" s="8">
        <v>0</v>
      </c>
      <c r="J7477" s="8">
        <v>1</v>
      </c>
      <c r="K7477" s="9">
        <v>1041</v>
      </c>
      <c r="L7477" s="6" t="s">
        <v>51</v>
      </c>
    </row>
    <row r="7478" spans="1:12">
      <c r="A7478" s="6" t="s">
        <v>49</v>
      </c>
      <c r="B7478" s="6"/>
      <c r="C7478" s="6" t="s">
        <v>7502</v>
      </c>
      <c r="D7478" s="6"/>
      <c r="E7478" s="6" t="s">
        <v>9</v>
      </c>
      <c r="F7478" s="7">
        <v>38657</v>
      </c>
      <c r="G7478" s="8">
        <v>1</v>
      </c>
      <c r="H7478" s="8">
        <v>1</v>
      </c>
      <c r="I7478" s="8">
        <v>0</v>
      </c>
      <c r="J7478" s="8">
        <v>1</v>
      </c>
      <c r="K7478" s="9">
        <v>600</v>
      </c>
      <c r="L7478" s="6" t="s">
        <v>51</v>
      </c>
    </row>
    <row r="7479" spans="1:12">
      <c r="A7479" s="6" t="s">
        <v>49</v>
      </c>
      <c r="B7479" s="6"/>
      <c r="C7479" s="6" t="s">
        <v>7503</v>
      </c>
      <c r="D7479" s="6"/>
      <c r="E7479" s="6" t="s">
        <v>9</v>
      </c>
      <c r="F7479" s="7">
        <v>38657</v>
      </c>
      <c r="G7479" s="8">
        <v>1</v>
      </c>
      <c r="H7479" s="8">
        <v>1</v>
      </c>
      <c r="I7479" s="8">
        <v>0</v>
      </c>
      <c r="J7479" s="8">
        <v>1</v>
      </c>
      <c r="K7479" s="9">
        <v>587</v>
      </c>
      <c r="L7479" s="6" t="s">
        <v>51</v>
      </c>
    </row>
    <row r="7480" spans="1:12">
      <c r="A7480" s="6" t="s">
        <v>49</v>
      </c>
      <c r="B7480" s="6"/>
      <c r="C7480" s="6" t="s">
        <v>7504</v>
      </c>
      <c r="D7480" s="6"/>
      <c r="E7480" s="6" t="s">
        <v>9</v>
      </c>
      <c r="F7480" s="7">
        <v>38657</v>
      </c>
      <c r="G7480" s="8">
        <v>1</v>
      </c>
      <c r="H7480" s="8">
        <v>1</v>
      </c>
      <c r="I7480" s="8">
        <v>0</v>
      </c>
      <c r="J7480" s="8">
        <v>1</v>
      </c>
      <c r="K7480" s="9">
        <v>429</v>
      </c>
      <c r="L7480" s="6" t="s">
        <v>51</v>
      </c>
    </row>
    <row r="7481" spans="1:12">
      <c r="A7481" s="6" t="s">
        <v>49</v>
      </c>
      <c r="B7481" s="6"/>
      <c r="C7481" s="6" t="s">
        <v>7505</v>
      </c>
      <c r="D7481" s="6"/>
      <c r="E7481" s="6" t="s">
        <v>9</v>
      </c>
      <c r="F7481" s="7">
        <v>38657</v>
      </c>
      <c r="G7481" s="8">
        <v>1</v>
      </c>
      <c r="H7481" s="8">
        <v>1</v>
      </c>
      <c r="I7481" s="8">
        <v>0</v>
      </c>
      <c r="J7481" s="8">
        <v>1</v>
      </c>
      <c r="K7481" s="9">
        <v>602</v>
      </c>
      <c r="L7481" s="6" t="s">
        <v>51</v>
      </c>
    </row>
    <row r="7482" spans="1:12">
      <c r="A7482" s="6" t="s">
        <v>49</v>
      </c>
      <c r="B7482" s="6"/>
      <c r="C7482" s="6" t="s">
        <v>7506</v>
      </c>
      <c r="D7482" s="6"/>
      <c r="E7482" s="6" t="s">
        <v>9</v>
      </c>
      <c r="F7482" s="7">
        <v>38657</v>
      </c>
      <c r="G7482" s="8">
        <v>1</v>
      </c>
      <c r="H7482" s="8">
        <v>1</v>
      </c>
      <c r="I7482" s="8">
        <v>0</v>
      </c>
      <c r="J7482" s="8">
        <v>1</v>
      </c>
      <c r="K7482" s="9">
        <v>678</v>
      </c>
      <c r="L7482" s="6" t="s">
        <v>51</v>
      </c>
    </row>
    <row r="7483" spans="1:12">
      <c r="A7483" s="6" t="s">
        <v>49</v>
      </c>
      <c r="B7483" s="6"/>
      <c r="C7483" s="6" t="s">
        <v>7507</v>
      </c>
      <c r="D7483" s="6"/>
      <c r="E7483" s="6" t="s">
        <v>9</v>
      </c>
      <c r="F7483" s="7">
        <v>38657</v>
      </c>
      <c r="G7483" s="8">
        <v>1</v>
      </c>
      <c r="H7483" s="8">
        <v>1</v>
      </c>
      <c r="I7483" s="8">
        <v>0</v>
      </c>
      <c r="J7483" s="8">
        <v>1</v>
      </c>
      <c r="K7483" s="9">
        <v>113</v>
      </c>
      <c r="L7483" s="6" t="s">
        <v>51</v>
      </c>
    </row>
    <row r="7484" spans="1:12">
      <c r="A7484" s="6" t="s">
        <v>49</v>
      </c>
      <c r="B7484" s="6"/>
      <c r="C7484" s="6" t="s">
        <v>7508</v>
      </c>
      <c r="D7484" s="6"/>
      <c r="E7484" s="6" t="s">
        <v>9</v>
      </c>
      <c r="F7484" s="7">
        <v>38657</v>
      </c>
      <c r="G7484" s="8">
        <v>1</v>
      </c>
      <c r="H7484" s="8">
        <v>1</v>
      </c>
      <c r="I7484" s="8">
        <v>0</v>
      </c>
      <c r="J7484" s="8">
        <v>1</v>
      </c>
      <c r="K7484" s="9">
        <v>114</v>
      </c>
      <c r="L7484" s="6" t="s">
        <v>51</v>
      </c>
    </row>
    <row r="7485" spans="1:12">
      <c r="A7485" s="6" t="s">
        <v>49</v>
      </c>
      <c r="B7485" s="6"/>
      <c r="C7485" s="6" t="s">
        <v>7509</v>
      </c>
      <c r="D7485" s="6"/>
      <c r="E7485" s="6" t="s">
        <v>9</v>
      </c>
      <c r="F7485" s="7">
        <v>38657</v>
      </c>
      <c r="G7485" s="8">
        <v>1</v>
      </c>
      <c r="H7485" s="8">
        <v>1</v>
      </c>
      <c r="I7485" s="8">
        <v>0</v>
      </c>
      <c r="J7485" s="8">
        <v>1</v>
      </c>
      <c r="K7485" s="9">
        <v>608</v>
      </c>
      <c r="L7485" s="6" t="s">
        <v>51</v>
      </c>
    </row>
    <row r="7486" spans="1:12">
      <c r="A7486" s="6" t="s">
        <v>49</v>
      </c>
      <c r="B7486" s="6"/>
      <c r="C7486" s="6" t="s">
        <v>7510</v>
      </c>
      <c r="D7486" s="6"/>
      <c r="E7486" s="6" t="s">
        <v>9</v>
      </c>
      <c r="F7486" s="7">
        <v>38657</v>
      </c>
      <c r="G7486" s="8">
        <v>1</v>
      </c>
      <c r="H7486" s="8">
        <v>1</v>
      </c>
      <c r="I7486" s="8">
        <v>0</v>
      </c>
      <c r="J7486" s="8">
        <v>1</v>
      </c>
      <c r="K7486" s="9">
        <v>127.14</v>
      </c>
      <c r="L7486" s="6" t="s">
        <v>51</v>
      </c>
    </row>
    <row r="7487" spans="1:12">
      <c r="A7487" s="6" t="s">
        <v>49</v>
      </c>
      <c r="B7487" s="6"/>
      <c r="C7487" s="6" t="s">
        <v>7511</v>
      </c>
      <c r="D7487" s="6"/>
      <c r="E7487" s="6" t="s">
        <v>9</v>
      </c>
      <c r="F7487" s="7">
        <v>38657</v>
      </c>
      <c r="G7487" s="8">
        <v>1</v>
      </c>
      <c r="H7487" s="8">
        <v>1</v>
      </c>
      <c r="I7487" s="8">
        <v>0</v>
      </c>
      <c r="J7487" s="8">
        <v>1</v>
      </c>
      <c r="K7487" s="9">
        <v>901</v>
      </c>
      <c r="L7487" s="6" t="s">
        <v>51</v>
      </c>
    </row>
    <row r="7488" spans="1:12">
      <c r="A7488" s="6" t="s">
        <v>49</v>
      </c>
      <c r="B7488" s="6"/>
      <c r="C7488" s="6" t="s">
        <v>7512</v>
      </c>
      <c r="D7488" s="6"/>
      <c r="E7488" s="6" t="s">
        <v>9</v>
      </c>
      <c r="F7488" s="7">
        <v>38657</v>
      </c>
      <c r="G7488" s="8">
        <v>1</v>
      </c>
      <c r="H7488" s="8">
        <v>1</v>
      </c>
      <c r="I7488" s="8">
        <v>0</v>
      </c>
      <c r="J7488" s="8">
        <v>1</v>
      </c>
      <c r="K7488" s="9">
        <v>587</v>
      </c>
      <c r="L7488" s="6" t="s">
        <v>51</v>
      </c>
    </row>
    <row r="7489" spans="1:12">
      <c r="A7489" s="6" t="s">
        <v>49</v>
      </c>
      <c r="B7489" s="6"/>
      <c r="C7489" s="6" t="s">
        <v>7513</v>
      </c>
      <c r="D7489" s="6"/>
      <c r="E7489" s="6" t="s">
        <v>9</v>
      </c>
      <c r="F7489" s="7">
        <v>38657</v>
      </c>
      <c r="G7489" s="8">
        <v>1</v>
      </c>
      <c r="H7489" s="8">
        <v>1</v>
      </c>
      <c r="I7489" s="8">
        <v>0</v>
      </c>
      <c r="J7489" s="8">
        <v>1</v>
      </c>
      <c r="K7489" s="9">
        <v>427</v>
      </c>
      <c r="L7489" s="6" t="s">
        <v>51</v>
      </c>
    </row>
    <row r="7490" spans="1:12">
      <c r="A7490" s="6" t="s">
        <v>49</v>
      </c>
      <c r="B7490" s="6"/>
      <c r="C7490" s="6" t="s">
        <v>7514</v>
      </c>
      <c r="D7490" s="6"/>
      <c r="E7490" s="6" t="s">
        <v>9</v>
      </c>
      <c r="F7490" s="7">
        <v>38657</v>
      </c>
      <c r="G7490" s="8">
        <v>1</v>
      </c>
      <c r="H7490" s="8">
        <v>1</v>
      </c>
      <c r="I7490" s="8">
        <v>0</v>
      </c>
      <c r="J7490" s="8">
        <v>1</v>
      </c>
      <c r="K7490" s="9">
        <v>639</v>
      </c>
      <c r="L7490" s="6" t="s">
        <v>51</v>
      </c>
    </row>
    <row r="7491" spans="1:12">
      <c r="A7491" s="6" t="s">
        <v>49</v>
      </c>
      <c r="B7491" s="6"/>
      <c r="C7491" s="6" t="s">
        <v>7515</v>
      </c>
      <c r="D7491" s="6"/>
      <c r="E7491" s="6" t="s">
        <v>9</v>
      </c>
      <c r="F7491" s="7">
        <v>38657</v>
      </c>
      <c r="G7491" s="8">
        <v>1</v>
      </c>
      <c r="H7491" s="8">
        <v>1</v>
      </c>
      <c r="I7491" s="8">
        <v>0</v>
      </c>
      <c r="J7491" s="8">
        <v>1</v>
      </c>
      <c r="K7491" s="9">
        <v>637</v>
      </c>
      <c r="L7491" s="6" t="s">
        <v>51</v>
      </c>
    </row>
    <row r="7492" spans="1:12">
      <c r="A7492" s="6" t="s">
        <v>49</v>
      </c>
      <c r="B7492" s="6"/>
      <c r="C7492" s="6" t="s">
        <v>7516</v>
      </c>
      <c r="D7492" s="6"/>
      <c r="E7492" s="6" t="s">
        <v>9</v>
      </c>
      <c r="F7492" s="7">
        <v>38657</v>
      </c>
      <c r="G7492" s="8">
        <v>1</v>
      </c>
      <c r="H7492" s="8">
        <v>1</v>
      </c>
      <c r="I7492" s="8">
        <v>0</v>
      </c>
      <c r="J7492" s="8">
        <v>1</v>
      </c>
      <c r="K7492" s="9">
        <v>573</v>
      </c>
      <c r="L7492" s="6" t="s">
        <v>51</v>
      </c>
    </row>
    <row r="7493" spans="1:12">
      <c r="A7493" s="6" t="s">
        <v>49</v>
      </c>
      <c r="B7493" s="6"/>
      <c r="C7493" s="6" t="s">
        <v>7517</v>
      </c>
      <c r="D7493" s="6"/>
      <c r="E7493" s="6" t="s">
        <v>9</v>
      </c>
      <c r="F7493" s="7">
        <v>38657</v>
      </c>
      <c r="G7493" s="8">
        <v>1</v>
      </c>
      <c r="H7493" s="8">
        <v>1</v>
      </c>
      <c r="I7493" s="8">
        <v>0</v>
      </c>
      <c r="J7493" s="8">
        <v>1</v>
      </c>
      <c r="K7493" s="9">
        <v>281</v>
      </c>
      <c r="L7493" s="6" t="s">
        <v>51</v>
      </c>
    </row>
    <row r="7494" spans="1:12">
      <c r="A7494" s="6" t="s">
        <v>49</v>
      </c>
      <c r="B7494" s="6"/>
      <c r="C7494" s="6" t="s">
        <v>7518</v>
      </c>
      <c r="D7494" s="6"/>
      <c r="E7494" s="6" t="s">
        <v>9</v>
      </c>
      <c r="F7494" s="7">
        <v>38657</v>
      </c>
      <c r="G7494" s="8">
        <v>1</v>
      </c>
      <c r="H7494" s="8">
        <v>1</v>
      </c>
      <c r="I7494" s="8">
        <v>0</v>
      </c>
      <c r="J7494" s="8">
        <v>1</v>
      </c>
      <c r="K7494" s="9">
        <v>260</v>
      </c>
      <c r="L7494" s="6" t="s">
        <v>51</v>
      </c>
    </row>
    <row r="7495" spans="1:12">
      <c r="A7495" s="6" t="s">
        <v>49</v>
      </c>
      <c r="B7495" s="6"/>
      <c r="C7495" s="6" t="s">
        <v>7519</v>
      </c>
      <c r="D7495" s="6"/>
      <c r="E7495" s="6" t="s">
        <v>9</v>
      </c>
      <c r="F7495" s="7">
        <v>38657</v>
      </c>
      <c r="G7495" s="8">
        <v>1</v>
      </c>
      <c r="H7495" s="8">
        <v>1</v>
      </c>
      <c r="I7495" s="8">
        <v>0</v>
      </c>
      <c r="J7495" s="8">
        <v>1</v>
      </c>
      <c r="K7495" s="9">
        <v>495</v>
      </c>
      <c r="L7495" s="6" t="s">
        <v>51</v>
      </c>
    </row>
    <row r="7496" spans="1:12">
      <c r="A7496" s="6" t="s">
        <v>49</v>
      </c>
      <c r="B7496" s="6"/>
      <c r="C7496" s="6" t="s">
        <v>7520</v>
      </c>
      <c r="D7496" s="6"/>
      <c r="E7496" s="6" t="s">
        <v>9</v>
      </c>
      <c r="F7496" s="7">
        <v>38657</v>
      </c>
      <c r="G7496" s="8">
        <v>1</v>
      </c>
      <c r="H7496" s="8">
        <v>1</v>
      </c>
      <c r="I7496" s="8">
        <v>0</v>
      </c>
      <c r="J7496" s="8">
        <v>1</v>
      </c>
      <c r="K7496" s="9">
        <v>260</v>
      </c>
      <c r="L7496" s="6" t="s">
        <v>51</v>
      </c>
    </row>
    <row r="7497" spans="1:12">
      <c r="A7497" s="6" t="s">
        <v>49</v>
      </c>
      <c r="B7497" s="6"/>
      <c r="C7497" s="6" t="s">
        <v>7521</v>
      </c>
      <c r="D7497" s="6"/>
      <c r="E7497" s="6" t="s">
        <v>9</v>
      </c>
      <c r="F7497" s="7">
        <v>38657</v>
      </c>
      <c r="G7497" s="8">
        <v>1</v>
      </c>
      <c r="H7497" s="8">
        <v>1</v>
      </c>
      <c r="I7497" s="8">
        <v>0</v>
      </c>
      <c r="J7497" s="8">
        <v>1</v>
      </c>
      <c r="K7497" s="9">
        <v>490.75</v>
      </c>
      <c r="L7497" s="6" t="s">
        <v>51</v>
      </c>
    </row>
    <row r="7498" spans="1:12">
      <c r="A7498" s="6" t="s">
        <v>49</v>
      </c>
      <c r="B7498" s="6"/>
      <c r="C7498" s="6" t="s">
        <v>7522</v>
      </c>
      <c r="D7498" s="6"/>
      <c r="E7498" s="6" t="s">
        <v>9</v>
      </c>
      <c r="F7498" s="7">
        <v>38657</v>
      </c>
      <c r="G7498" s="8">
        <v>1</v>
      </c>
      <c r="H7498" s="8">
        <v>1</v>
      </c>
      <c r="I7498" s="8">
        <v>0</v>
      </c>
      <c r="J7498" s="8">
        <v>1</v>
      </c>
      <c r="K7498" s="9">
        <v>13.22</v>
      </c>
      <c r="L7498" s="6" t="s">
        <v>51</v>
      </c>
    </row>
    <row r="7499" spans="1:12">
      <c r="A7499" s="6" t="s">
        <v>49</v>
      </c>
      <c r="B7499" s="6"/>
      <c r="C7499" s="6" t="s">
        <v>7523</v>
      </c>
      <c r="D7499" s="6"/>
      <c r="E7499" s="6" t="s">
        <v>9</v>
      </c>
      <c r="F7499" s="7">
        <v>38657</v>
      </c>
      <c r="G7499" s="8">
        <v>1</v>
      </c>
      <c r="H7499" s="8">
        <v>1</v>
      </c>
      <c r="I7499" s="8">
        <v>0</v>
      </c>
      <c r="J7499" s="8">
        <v>1</v>
      </c>
      <c r="K7499" s="9">
        <v>516</v>
      </c>
      <c r="L7499" s="6" t="s">
        <v>51</v>
      </c>
    </row>
    <row r="7500" spans="1:12">
      <c r="A7500" s="6" t="s">
        <v>49</v>
      </c>
      <c r="B7500" s="6"/>
      <c r="C7500" s="6" t="s">
        <v>7524</v>
      </c>
      <c r="D7500" s="6"/>
      <c r="E7500" s="6" t="s">
        <v>9</v>
      </c>
      <c r="F7500" s="7">
        <v>38657</v>
      </c>
      <c r="G7500" s="8">
        <v>1</v>
      </c>
      <c r="H7500" s="8">
        <v>1</v>
      </c>
      <c r="I7500" s="8">
        <v>0</v>
      </c>
      <c r="J7500" s="8">
        <v>1</v>
      </c>
      <c r="K7500" s="9">
        <v>513</v>
      </c>
      <c r="L7500" s="6" t="s">
        <v>51</v>
      </c>
    </row>
    <row r="7501" spans="1:12">
      <c r="A7501" s="6" t="s">
        <v>49</v>
      </c>
      <c r="B7501" s="6"/>
      <c r="C7501" s="6" t="s">
        <v>7525</v>
      </c>
      <c r="D7501" s="6"/>
      <c r="E7501" s="6" t="s">
        <v>9</v>
      </c>
      <c r="F7501" s="7">
        <v>38657</v>
      </c>
      <c r="G7501" s="8">
        <v>1</v>
      </c>
      <c r="H7501" s="8">
        <v>1</v>
      </c>
      <c r="I7501" s="8">
        <v>0</v>
      </c>
      <c r="J7501" s="8">
        <v>1</v>
      </c>
      <c r="K7501" s="9">
        <v>468</v>
      </c>
      <c r="L7501" s="6" t="s">
        <v>51</v>
      </c>
    </row>
    <row r="7502" spans="1:12">
      <c r="A7502" s="6" t="s">
        <v>49</v>
      </c>
      <c r="B7502" s="6"/>
      <c r="C7502" s="6" t="s">
        <v>7526</v>
      </c>
      <c r="D7502" s="6"/>
      <c r="E7502" s="6" t="s">
        <v>9</v>
      </c>
      <c r="F7502" s="7">
        <v>38657</v>
      </c>
      <c r="G7502" s="8">
        <v>1</v>
      </c>
      <c r="H7502" s="8">
        <v>1</v>
      </c>
      <c r="I7502" s="8">
        <v>0</v>
      </c>
      <c r="J7502" s="8">
        <v>1</v>
      </c>
      <c r="K7502" s="9">
        <v>791</v>
      </c>
      <c r="L7502" s="6" t="s">
        <v>51</v>
      </c>
    </row>
    <row r="7503" spans="1:12">
      <c r="A7503" s="6" t="s">
        <v>49</v>
      </c>
      <c r="B7503" s="6"/>
      <c r="C7503" s="6" t="s">
        <v>7527</v>
      </c>
      <c r="D7503" s="6"/>
      <c r="E7503" s="6" t="s">
        <v>9</v>
      </c>
      <c r="F7503" s="7">
        <v>38657</v>
      </c>
      <c r="G7503" s="8">
        <v>1</v>
      </c>
      <c r="H7503" s="8">
        <v>1</v>
      </c>
      <c r="I7503" s="8">
        <v>0</v>
      </c>
      <c r="J7503" s="8">
        <v>1</v>
      </c>
      <c r="K7503" s="9">
        <v>573</v>
      </c>
      <c r="L7503" s="6" t="s">
        <v>51</v>
      </c>
    </row>
    <row r="7504" spans="1:12">
      <c r="A7504" s="6" t="s">
        <v>49</v>
      </c>
      <c r="B7504" s="6"/>
      <c r="C7504" s="6" t="s">
        <v>7528</v>
      </c>
      <c r="D7504" s="6"/>
      <c r="E7504" s="6" t="s">
        <v>9</v>
      </c>
      <c r="F7504" s="7">
        <v>38657</v>
      </c>
      <c r="G7504" s="8">
        <v>1</v>
      </c>
      <c r="H7504" s="8">
        <v>1</v>
      </c>
      <c r="I7504" s="8">
        <v>0</v>
      </c>
      <c r="J7504" s="8">
        <v>1</v>
      </c>
      <c r="K7504" s="9">
        <v>508</v>
      </c>
      <c r="L7504" s="6" t="s">
        <v>51</v>
      </c>
    </row>
    <row r="7505" spans="1:12">
      <c r="A7505" s="6" t="s">
        <v>49</v>
      </c>
      <c r="B7505" s="6"/>
      <c r="C7505" s="6" t="s">
        <v>7529</v>
      </c>
      <c r="D7505" s="6"/>
      <c r="E7505" s="6" t="s">
        <v>9</v>
      </c>
      <c r="F7505" s="7">
        <v>38657</v>
      </c>
      <c r="G7505" s="8">
        <v>1</v>
      </c>
      <c r="H7505" s="8">
        <v>1</v>
      </c>
      <c r="I7505" s="8">
        <v>0</v>
      </c>
      <c r="J7505" s="8">
        <v>1</v>
      </c>
      <c r="K7505" s="9">
        <v>790</v>
      </c>
      <c r="L7505" s="6" t="s">
        <v>51</v>
      </c>
    </row>
    <row r="7506" spans="1:12">
      <c r="A7506" s="6" t="s">
        <v>49</v>
      </c>
      <c r="B7506" s="6"/>
      <c r="C7506" s="6" t="s">
        <v>7530</v>
      </c>
      <c r="D7506" s="6"/>
      <c r="E7506" s="6" t="s">
        <v>9</v>
      </c>
      <c r="F7506" s="7">
        <v>38657</v>
      </c>
      <c r="G7506" s="8">
        <v>1</v>
      </c>
      <c r="H7506" s="8">
        <v>1</v>
      </c>
      <c r="I7506" s="8">
        <v>0</v>
      </c>
      <c r="J7506" s="8">
        <v>1</v>
      </c>
      <c r="K7506" s="9">
        <v>540</v>
      </c>
      <c r="L7506" s="6" t="s">
        <v>51</v>
      </c>
    </row>
    <row r="7507" spans="1:12">
      <c r="A7507" s="6" t="s">
        <v>49</v>
      </c>
      <c r="B7507" s="6"/>
      <c r="C7507" s="6" t="s">
        <v>7531</v>
      </c>
      <c r="D7507" s="6"/>
      <c r="E7507" s="6" t="s">
        <v>9</v>
      </c>
      <c r="F7507" s="7">
        <v>38657</v>
      </c>
      <c r="G7507" s="8">
        <v>1</v>
      </c>
      <c r="H7507" s="8">
        <v>1</v>
      </c>
      <c r="I7507" s="8">
        <v>0</v>
      </c>
      <c r="J7507" s="8">
        <v>1</v>
      </c>
      <c r="K7507" s="9">
        <v>513</v>
      </c>
      <c r="L7507" s="6" t="s">
        <v>51</v>
      </c>
    </row>
    <row r="7508" spans="1:12">
      <c r="A7508" s="6" t="s">
        <v>49</v>
      </c>
      <c r="B7508" s="6"/>
      <c r="C7508" s="6" t="s">
        <v>7532</v>
      </c>
      <c r="D7508" s="6"/>
      <c r="E7508" s="6" t="s">
        <v>9</v>
      </c>
      <c r="F7508" s="7">
        <v>38657</v>
      </c>
      <c r="G7508" s="8">
        <v>1</v>
      </c>
      <c r="H7508" s="8">
        <v>1</v>
      </c>
      <c r="I7508" s="8">
        <v>0</v>
      </c>
      <c r="J7508" s="8">
        <v>1</v>
      </c>
      <c r="K7508" s="9">
        <v>560</v>
      </c>
      <c r="L7508" s="6" t="s">
        <v>51</v>
      </c>
    </row>
    <row r="7509" spans="1:12">
      <c r="A7509" s="6" t="s">
        <v>49</v>
      </c>
      <c r="B7509" s="6"/>
      <c r="C7509" s="6" t="s">
        <v>7533</v>
      </c>
      <c r="D7509" s="6"/>
      <c r="E7509" s="6" t="s">
        <v>9</v>
      </c>
      <c r="F7509" s="7">
        <v>38657</v>
      </c>
      <c r="G7509" s="8">
        <v>1</v>
      </c>
      <c r="H7509" s="8">
        <v>1</v>
      </c>
      <c r="I7509" s="8">
        <v>0</v>
      </c>
      <c r="J7509" s="8">
        <v>1</v>
      </c>
      <c r="K7509" s="9">
        <v>112.99</v>
      </c>
      <c r="L7509" s="6" t="s">
        <v>51</v>
      </c>
    </row>
    <row r="7510" spans="1:12">
      <c r="A7510" s="6" t="s">
        <v>49</v>
      </c>
      <c r="B7510" s="6"/>
      <c r="C7510" s="6" t="s">
        <v>7534</v>
      </c>
      <c r="D7510" s="6"/>
      <c r="E7510" s="6" t="s">
        <v>9</v>
      </c>
      <c r="F7510" s="7">
        <v>38657</v>
      </c>
      <c r="G7510" s="8">
        <v>1</v>
      </c>
      <c r="H7510" s="8">
        <v>1</v>
      </c>
      <c r="I7510" s="8">
        <v>0</v>
      </c>
      <c r="J7510" s="8">
        <v>1</v>
      </c>
      <c r="K7510" s="9">
        <v>735</v>
      </c>
      <c r="L7510" s="6" t="s">
        <v>51</v>
      </c>
    </row>
    <row r="7511" spans="1:12">
      <c r="A7511" s="6" t="s">
        <v>49</v>
      </c>
      <c r="B7511" s="6"/>
      <c r="C7511" s="6" t="s">
        <v>7535</v>
      </c>
      <c r="D7511" s="6"/>
      <c r="E7511" s="6" t="s">
        <v>9</v>
      </c>
      <c r="F7511" s="7">
        <v>38657</v>
      </c>
      <c r="G7511" s="8">
        <v>1</v>
      </c>
      <c r="H7511" s="8">
        <v>1</v>
      </c>
      <c r="I7511" s="8">
        <v>0</v>
      </c>
      <c r="J7511" s="8">
        <v>1</v>
      </c>
      <c r="K7511" s="9">
        <v>445</v>
      </c>
      <c r="L7511" s="6" t="s">
        <v>51</v>
      </c>
    </row>
    <row r="7512" spans="1:12">
      <c r="A7512" s="6" t="s">
        <v>49</v>
      </c>
      <c r="B7512" s="6"/>
      <c r="C7512" s="6" t="s">
        <v>7536</v>
      </c>
      <c r="D7512" s="6"/>
      <c r="E7512" s="6" t="s">
        <v>9</v>
      </c>
      <c r="F7512" s="7">
        <v>38657</v>
      </c>
      <c r="G7512" s="8">
        <v>1</v>
      </c>
      <c r="H7512" s="8">
        <v>1</v>
      </c>
      <c r="I7512" s="8">
        <v>0</v>
      </c>
      <c r="J7512" s="8">
        <v>1</v>
      </c>
      <c r="K7512" s="9">
        <v>397</v>
      </c>
      <c r="L7512" s="6" t="s">
        <v>51</v>
      </c>
    </row>
    <row r="7513" spans="1:12">
      <c r="A7513" s="6" t="s">
        <v>49</v>
      </c>
      <c r="B7513" s="6"/>
      <c r="C7513" s="6" t="s">
        <v>7537</v>
      </c>
      <c r="D7513" s="6"/>
      <c r="E7513" s="6" t="s">
        <v>9</v>
      </c>
      <c r="F7513" s="7">
        <v>38657</v>
      </c>
      <c r="G7513" s="8">
        <v>1</v>
      </c>
      <c r="H7513" s="8">
        <v>1</v>
      </c>
      <c r="I7513" s="8">
        <v>0</v>
      </c>
      <c r="J7513" s="8">
        <v>1</v>
      </c>
      <c r="K7513" s="9">
        <v>50</v>
      </c>
      <c r="L7513" s="6" t="s">
        <v>51</v>
      </c>
    </row>
    <row r="7514" spans="1:12">
      <c r="A7514" s="6" t="s">
        <v>49</v>
      </c>
      <c r="B7514" s="6"/>
      <c r="C7514" s="6" t="s">
        <v>7538</v>
      </c>
      <c r="D7514" s="6"/>
      <c r="E7514" s="6" t="s">
        <v>9</v>
      </c>
      <c r="F7514" s="7">
        <v>38657</v>
      </c>
      <c r="G7514" s="8">
        <v>1</v>
      </c>
      <c r="H7514" s="8">
        <v>1</v>
      </c>
      <c r="I7514" s="8">
        <v>0</v>
      </c>
      <c r="J7514" s="8">
        <v>1</v>
      </c>
      <c r="K7514" s="9">
        <v>530</v>
      </c>
      <c r="L7514" s="6" t="s">
        <v>51</v>
      </c>
    </row>
    <row r="7515" spans="1:12">
      <c r="A7515" s="6" t="s">
        <v>49</v>
      </c>
      <c r="B7515" s="6"/>
      <c r="C7515" s="6" t="s">
        <v>7539</v>
      </c>
      <c r="D7515" s="6"/>
      <c r="E7515" s="6" t="s">
        <v>9</v>
      </c>
      <c r="F7515" s="7">
        <v>38657</v>
      </c>
      <c r="G7515" s="8">
        <v>1</v>
      </c>
      <c r="H7515" s="8">
        <v>1</v>
      </c>
      <c r="I7515" s="8">
        <v>0</v>
      </c>
      <c r="J7515" s="8">
        <v>1</v>
      </c>
      <c r="K7515" s="9">
        <v>243</v>
      </c>
      <c r="L7515" s="6" t="s">
        <v>51</v>
      </c>
    </row>
    <row r="7516" spans="1:12">
      <c r="A7516" s="6" t="s">
        <v>49</v>
      </c>
      <c r="B7516" s="6"/>
      <c r="C7516" s="6" t="s">
        <v>7540</v>
      </c>
      <c r="D7516" s="6"/>
      <c r="E7516" s="6" t="s">
        <v>9</v>
      </c>
      <c r="F7516" s="7">
        <v>38657</v>
      </c>
      <c r="G7516" s="8">
        <v>1</v>
      </c>
      <c r="H7516" s="8">
        <v>1</v>
      </c>
      <c r="I7516" s="8">
        <v>0</v>
      </c>
      <c r="J7516" s="8">
        <v>1</v>
      </c>
      <c r="K7516" s="9">
        <v>528</v>
      </c>
      <c r="L7516" s="6" t="s">
        <v>51</v>
      </c>
    </row>
    <row r="7517" spans="1:12">
      <c r="A7517" s="6" t="s">
        <v>49</v>
      </c>
      <c r="B7517" s="6"/>
      <c r="C7517" s="6" t="s">
        <v>7541</v>
      </c>
      <c r="D7517" s="6"/>
      <c r="E7517" s="6" t="s">
        <v>9</v>
      </c>
      <c r="F7517" s="7">
        <v>38657</v>
      </c>
      <c r="G7517" s="8">
        <v>1</v>
      </c>
      <c r="H7517" s="8">
        <v>1</v>
      </c>
      <c r="I7517" s="8">
        <v>0</v>
      </c>
      <c r="J7517" s="8">
        <v>1</v>
      </c>
      <c r="K7517" s="9">
        <v>188</v>
      </c>
      <c r="L7517" s="6" t="s">
        <v>51</v>
      </c>
    </row>
    <row r="7518" spans="1:12">
      <c r="A7518" s="6" t="s">
        <v>49</v>
      </c>
      <c r="B7518" s="6"/>
      <c r="C7518" s="6" t="s">
        <v>7542</v>
      </c>
      <c r="D7518" s="6"/>
      <c r="E7518" s="6" t="s">
        <v>9</v>
      </c>
      <c r="F7518" s="7">
        <v>38657</v>
      </c>
      <c r="G7518" s="8">
        <v>1</v>
      </c>
      <c r="H7518" s="8">
        <v>1</v>
      </c>
      <c r="I7518" s="8">
        <v>0</v>
      </c>
      <c r="J7518" s="8">
        <v>1</v>
      </c>
      <c r="K7518" s="9">
        <v>326</v>
      </c>
      <c r="L7518" s="6" t="s">
        <v>51</v>
      </c>
    </row>
    <row r="7519" spans="1:12">
      <c r="A7519" s="6" t="s">
        <v>49</v>
      </c>
      <c r="B7519" s="6"/>
      <c r="C7519" s="6" t="s">
        <v>7543</v>
      </c>
      <c r="D7519" s="6"/>
      <c r="E7519" s="6" t="s">
        <v>9</v>
      </c>
      <c r="F7519" s="7">
        <v>38657</v>
      </c>
      <c r="G7519" s="8">
        <v>1</v>
      </c>
      <c r="H7519" s="8">
        <v>1</v>
      </c>
      <c r="I7519" s="8">
        <v>0</v>
      </c>
      <c r="J7519" s="8">
        <v>1</v>
      </c>
      <c r="K7519" s="9">
        <v>151</v>
      </c>
      <c r="L7519" s="6" t="s">
        <v>51</v>
      </c>
    </row>
    <row r="7520" spans="1:12">
      <c r="A7520" s="6" t="s">
        <v>49</v>
      </c>
      <c r="B7520" s="6"/>
      <c r="C7520" s="6" t="s">
        <v>7544</v>
      </c>
      <c r="D7520" s="6"/>
      <c r="E7520" s="6" t="s">
        <v>9</v>
      </c>
      <c r="F7520" s="7">
        <v>38657</v>
      </c>
      <c r="G7520" s="8">
        <v>1</v>
      </c>
      <c r="H7520" s="8">
        <v>1</v>
      </c>
      <c r="I7520" s="8">
        <v>0</v>
      </c>
      <c r="J7520" s="8">
        <v>1</v>
      </c>
      <c r="K7520" s="9">
        <v>59</v>
      </c>
      <c r="L7520" s="6" t="s">
        <v>51</v>
      </c>
    </row>
    <row r="7521" spans="1:12">
      <c r="A7521" s="6" t="s">
        <v>49</v>
      </c>
      <c r="B7521" s="6"/>
      <c r="C7521" s="6" t="s">
        <v>7545</v>
      </c>
      <c r="D7521" s="6"/>
      <c r="E7521" s="6" t="s">
        <v>9</v>
      </c>
      <c r="F7521" s="7">
        <v>38657</v>
      </c>
      <c r="G7521" s="8">
        <v>1</v>
      </c>
      <c r="H7521" s="8">
        <v>1</v>
      </c>
      <c r="I7521" s="8">
        <v>0</v>
      </c>
      <c r="J7521" s="8">
        <v>1</v>
      </c>
      <c r="K7521" s="9">
        <v>301</v>
      </c>
      <c r="L7521" s="6" t="s">
        <v>51</v>
      </c>
    </row>
    <row r="7522" spans="1:12">
      <c r="A7522" s="6" t="s">
        <v>49</v>
      </c>
      <c r="B7522" s="6"/>
      <c r="C7522" s="6" t="s">
        <v>7546</v>
      </c>
      <c r="D7522" s="6"/>
      <c r="E7522" s="6" t="s">
        <v>9</v>
      </c>
      <c r="F7522" s="7">
        <v>38657</v>
      </c>
      <c r="G7522" s="8">
        <v>1</v>
      </c>
      <c r="H7522" s="8">
        <v>1</v>
      </c>
      <c r="I7522" s="8">
        <v>0</v>
      </c>
      <c r="J7522" s="8">
        <v>1</v>
      </c>
      <c r="K7522" s="9">
        <v>230</v>
      </c>
      <c r="L7522" s="6" t="s">
        <v>51</v>
      </c>
    </row>
    <row r="7523" spans="1:12">
      <c r="A7523" s="6" t="s">
        <v>49</v>
      </c>
      <c r="B7523" s="6"/>
      <c r="C7523" s="6" t="s">
        <v>7547</v>
      </c>
      <c r="D7523" s="6"/>
      <c r="E7523" s="6" t="s">
        <v>9</v>
      </c>
      <c r="F7523" s="7">
        <v>38657</v>
      </c>
      <c r="G7523" s="8">
        <v>1</v>
      </c>
      <c r="H7523" s="8">
        <v>1</v>
      </c>
      <c r="I7523" s="8">
        <v>0</v>
      </c>
      <c r="J7523" s="8">
        <v>1</v>
      </c>
      <c r="K7523" s="9">
        <v>175</v>
      </c>
      <c r="L7523" s="6" t="s">
        <v>51</v>
      </c>
    </row>
    <row r="7524" spans="1:12">
      <c r="A7524" s="6" t="s">
        <v>49</v>
      </c>
      <c r="B7524" s="6"/>
      <c r="C7524" s="6" t="s">
        <v>7548</v>
      </c>
      <c r="D7524" s="6"/>
      <c r="E7524" s="6" t="s">
        <v>9</v>
      </c>
      <c r="F7524" s="7">
        <v>38657</v>
      </c>
      <c r="G7524" s="8">
        <v>1</v>
      </c>
      <c r="H7524" s="8">
        <v>1</v>
      </c>
      <c r="I7524" s="8">
        <v>0</v>
      </c>
      <c r="J7524" s="8">
        <v>1</v>
      </c>
      <c r="K7524" s="9">
        <v>710</v>
      </c>
      <c r="L7524" s="6" t="s">
        <v>51</v>
      </c>
    </row>
    <row r="7525" spans="1:12">
      <c r="A7525" s="6" t="s">
        <v>49</v>
      </c>
      <c r="B7525" s="6"/>
      <c r="C7525" s="6" t="s">
        <v>7549</v>
      </c>
      <c r="D7525" s="6"/>
      <c r="E7525" s="6" t="s">
        <v>9</v>
      </c>
      <c r="F7525" s="7">
        <v>39625</v>
      </c>
      <c r="G7525" s="8">
        <v>1</v>
      </c>
      <c r="H7525" s="8">
        <v>1</v>
      </c>
      <c r="I7525" s="8">
        <v>0</v>
      </c>
      <c r="J7525" s="8">
        <v>1</v>
      </c>
      <c r="K7525" s="9">
        <v>6.73</v>
      </c>
      <c r="L7525" s="6" t="s">
        <v>51</v>
      </c>
    </row>
    <row r="7526" spans="1:12">
      <c r="A7526" s="6" t="s">
        <v>49</v>
      </c>
      <c r="B7526" s="6"/>
      <c r="C7526" s="6" t="s">
        <v>7550</v>
      </c>
      <c r="D7526" s="6"/>
      <c r="E7526" s="6" t="s">
        <v>9</v>
      </c>
      <c r="F7526" s="7">
        <v>38657</v>
      </c>
      <c r="G7526" s="8">
        <v>1</v>
      </c>
      <c r="H7526" s="8">
        <v>1</v>
      </c>
      <c r="I7526" s="8">
        <v>0</v>
      </c>
      <c r="J7526" s="8">
        <v>1</v>
      </c>
      <c r="K7526" s="9">
        <v>549</v>
      </c>
      <c r="L7526" s="6" t="s">
        <v>51</v>
      </c>
    </row>
    <row r="7527" spans="1:12">
      <c r="A7527" s="6" t="s">
        <v>49</v>
      </c>
      <c r="B7527" s="6"/>
      <c r="C7527" s="6" t="s">
        <v>7551</v>
      </c>
      <c r="D7527" s="6"/>
      <c r="E7527" s="6" t="s">
        <v>9</v>
      </c>
      <c r="F7527" s="7">
        <v>38657</v>
      </c>
      <c r="G7527" s="8">
        <v>1</v>
      </c>
      <c r="H7527" s="8">
        <v>1</v>
      </c>
      <c r="I7527" s="8">
        <v>0</v>
      </c>
      <c r="J7527" s="8">
        <v>1</v>
      </c>
      <c r="K7527" s="9">
        <v>830</v>
      </c>
      <c r="L7527" s="6" t="s">
        <v>51</v>
      </c>
    </row>
    <row r="7528" spans="1:12">
      <c r="A7528" s="6" t="s">
        <v>49</v>
      </c>
      <c r="B7528" s="6"/>
      <c r="C7528" s="6" t="s">
        <v>7552</v>
      </c>
      <c r="D7528" s="6"/>
      <c r="E7528" s="6" t="s">
        <v>9</v>
      </c>
      <c r="F7528" s="7">
        <v>38657</v>
      </c>
      <c r="G7528" s="8">
        <v>1</v>
      </c>
      <c r="H7528" s="8">
        <v>1</v>
      </c>
      <c r="I7528" s="8">
        <v>0</v>
      </c>
      <c r="J7528" s="8">
        <v>1</v>
      </c>
      <c r="K7528" s="9">
        <v>284</v>
      </c>
      <c r="L7528" s="6" t="s">
        <v>51</v>
      </c>
    </row>
    <row r="7529" spans="1:12">
      <c r="A7529" s="6" t="s">
        <v>49</v>
      </c>
      <c r="B7529" s="6"/>
      <c r="C7529" s="6" t="s">
        <v>7553</v>
      </c>
      <c r="D7529" s="6"/>
      <c r="E7529" s="6" t="s">
        <v>9</v>
      </c>
      <c r="F7529" s="7">
        <v>38657</v>
      </c>
      <c r="G7529" s="8">
        <v>1</v>
      </c>
      <c r="H7529" s="8">
        <v>1</v>
      </c>
      <c r="I7529" s="8">
        <v>0</v>
      </c>
      <c r="J7529" s="8">
        <v>1</v>
      </c>
      <c r="K7529" s="9">
        <v>1112</v>
      </c>
      <c r="L7529" s="6" t="s">
        <v>51</v>
      </c>
    </row>
    <row r="7530" spans="1:12">
      <c r="A7530" s="6" t="s">
        <v>49</v>
      </c>
      <c r="B7530" s="6"/>
      <c r="C7530" s="6" t="s">
        <v>7554</v>
      </c>
      <c r="D7530" s="6"/>
      <c r="E7530" s="6" t="s">
        <v>9</v>
      </c>
      <c r="F7530" s="7">
        <v>38657</v>
      </c>
      <c r="G7530" s="8">
        <v>1</v>
      </c>
      <c r="H7530" s="8">
        <v>1</v>
      </c>
      <c r="I7530" s="8">
        <v>0</v>
      </c>
      <c r="J7530" s="8">
        <v>1</v>
      </c>
      <c r="K7530" s="9">
        <v>615</v>
      </c>
      <c r="L7530" s="6" t="s">
        <v>51</v>
      </c>
    </row>
    <row r="7531" spans="1:12">
      <c r="A7531" s="6" t="s">
        <v>49</v>
      </c>
      <c r="B7531" s="6"/>
      <c r="C7531" s="6" t="s">
        <v>7555</v>
      </c>
      <c r="D7531" s="6"/>
      <c r="E7531" s="6" t="s">
        <v>9</v>
      </c>
      <c r="F7531" s="7">
        <v>38657</v>
      </c>
      <c r="G7531" s="8">
        <v>1</v>
      </c>
      <c r="H7531" s="8">
        <v>1</v>
      </c>
      <c r="I7531" s="8">
        <v>0</v>
      </c>
      <c r="J7531" s="8">
        <v>1</v>
      </c>
      <c r="K7531" s="9">
        <v>596.36</v>
      </c>
      <c r="L7531" s="6" t="s">
        <v>51</v>
      </c>
    </row>
    <row r="7532" spans="1:12">
      <c r="A7532" s="6" t="s">
        <v>49</v>
      </c>
      <c r="B7532" s="6"/>
      <c r="C7532" s="6" t="s">
        <v>7556</v>
      </c>
      <c r="D7532" s="6"/>
      <c r="E7532" s="6" t="s">
        <v>9</v>
      </c>
      <c r="F7532" s="7">
        <v>38657</v>
      </c>
      <c r="G7532" s="8">
        <v>1</v>
      </c>
      <c r="H7532" s="8">
        <v>1</v>
      </c>
      <c r="I7532" s="8">
        <v>0</v>
      </c>
      <c r="J7532" s="8">
        <v>1</v>
      </c>
      <c r="K7532" s="9">
        <v>428</v>
      </c>
      <c r="L7532" s="6" t="s">
        <v>51</v>
      </c>
    </row>
    <row r="7533" spans="1:12">
      <c r="A7533" s="6" t="s">
        <v>49</v>
      </c>
      <c r="B7533" s="6"/>
      <c r="C7533" s="6" t="s">
        <v>7557</v>
      </c>
      <c r="D7533" s="6"/>
      <c r="E7533" s="6" t="s">
        <v>9</v>
      </c>
      <c r="F7533" s="7">
        <v>38657</v>
      </c>
      <c r="G7533" s="8">
        <v>1</v>
      </c>
      <c r="H7533" s="8">
        <v>1</v>
      </c>
      <c r="I7533" s="8">
        <v>0</v>
      </c>
      <c r="J7533" s="8">
        <v>1</v>
      </c>
      <c r="K7533" s="9">
        <v>761</v>
      </c>
      <c r="L7533" s="6" t="s">
        <v>51</v>
      </c>
    </row>
    <row r="7534" spans="1:12">
      <c r="A7534" s="6" t="s">
        <v>49</v>
      </c>
      <c r="B7534" s="6"/>
      <c r="C7534" s="6" t="s">
        <v>7558</v>
      </c>
      <c r="D7534" s="6"/>
      <c r="E7534" s="6" t="s">
        <v>9</v>
      </c>
      <c r="F7534" s="7">
        <v>38657</v>
      </c>
      <c r="G7534" s="8">
        <v>1</v>
      </c>
      <c r="H7534" s="8">
        <v>1</v>
      </c>
      <c r="I7534" s="8">
        <v>0</v>
      </c>
      <c r="J7534" s="8">
        <v>1</v>
      </c>
      <c r="K7534" s="9">
        <v>1174</v>
      </c>
      <c r="L7534" s="6" t="s">
        <v>51</v>
      </c>
    </row>
    <row r="7535" spans="1:12">
      <c r="A7535" s="6" t="s">
        <v>49</v>
      </c>
      <c r="B7535" s="6"/>
      <c r="C7535" s="6" t="s">
        <v>7559</v>
      </c>
      <c r="D7535" s="6"/>
      <c r="E7535" s="6" t="s">
        <v>9</v>
      </c>
      <c r="F7535" s="7">
        <v>38657</v>
      </c>
      <c r="G7535" s="8">
        <v>1</v>
      </c>
      <c r="H7535" s="8">
        <v>1</v>
      </c>
      <c r="I7535" s="8">
        <v>0</v>
      </c>
      <c r="J7535" s="8">
        <v>1</v>
      </c>
      <c r="K7535" s="9">
        <v>324</v>
      </c>
      <c r="L7535" s="6" t="s">
        <v>51</v>
      </c>
    </row>
    <row r="7536" spans="1:12">
      <c r="A7536" s="6" t="s">
        <v>49</v>
      </c>
      <c r="B7536" s="6"/>
      <c r="C7536" s="6" t="s">
        <v>7560</v>
      </c>
      <c r="D7536" s="6"/>
      <c r="E7536" s="6" t="s">
        <v>9</v>
      </c>
      <c r="F7536" s="7">
        <v>40904</v>
      </c>
      <c r="G7536" s="8">
        <v>1</v>
      </c>
      <c r="H7536" s="8">
        <v>1</v>
      </c>
      <c r="I7536" s="8">
        <v>0</v>
      </c>
      <c r="J7536" s="8">
        <v>1</v>
      </c>
      <c r="K7536" s="9">
        <v>33</v>
      </c>
      <c r="L7536" s="6" t="s">
        <v>51</v>
      </c>
    </row>
    <row r="7537" spans="1:12">
      <c r="A7537" s="6" t="s">
        <v>49</v>
      </c>
      <c r="B7537" s="6"/>
      <c r="C7537" s="6" t="s">
        <v>7561</v>
      </c>
      <c r="D7537" s="6"/>
      <c r="E7537" s="6" t="s">
        <v>9</v>
      </c>
      <c r="F7537" s="7">
        <v>40904</v>
      </c>
      <c r="G7537" s="8">
        <v>1</v>
      </c>
      <c r="H7537" s="8">
        <v>1</v>
      </c>
      <c r="I7537" s="8">
        <v>0</v>
      </c>
      <c r="J7537" s="8">
        <v>1</v>
      </c>
      <c r="K7537" s="9">
        <v>1.0900000000000001</v>
      </c>
      <c r="L7537" s="6" t="s">
        <v>51</v>
      </c>
    </row>
    <row r="7538" spans="1:12">
      <c r="A7538" s="6" t="s">
        <v>49</v>
      </c>
      <c r="B7538" s="6"/>
      <c r="C7538" s="6" t="s">
        <v>7562</v>
      </c>
      <c r="D7538" s="6"/>
      <c r="E7538" s="6" t="s">
        <v>9</v>
      </c>
      <c r="F7538" s="7">
        <v>38657</v>
      </c>
      <c r="G7538" s="8">
        <v>1</v>
      </c>
      <c r="H7538" s="8">
        <v>1</v>
      </c>
      <c r="I7538" s="8">
        <v>0</v>
      </c>
      <c r="J7538" s="8">
        <v>1</v>
      </c>
      <c r="K7538" s="9">
        <v>238</v>
      </c>
      <c r="L7538" s="6" t="s">
        <v>51</v>
      </c>
    </row>
    <row r="7539" spans="1:12">
      <c r="A7539" s="6" t="s">
        <v>49</v>
      </c>
      <c r="B7539" s="6"/>
      <c r="C7539" s="6" t="s">
        <v>7563</v>
      </c>
      <c r="D7539" s="6"/>
      <c r="E7539" s="6" t="s">
        <v>9</v>
      </c>
      <c r="F7539" s="7">
        <v>40904</v>
      </c>
      <c r="G7539" s="8">
        <v>1</v>
      </c>
      <c r="H7539" s="8">
        <v>1</v>
      </c>
      <c r="I7539" s="8">
        <v>0</v>
      </c>
      <c r="J7539" s="8">
        <v>1</v>
      </c>
      <c r="K7539" s="9">
        <v>43</v>
      </c>
      <c r="L7539" s="6" t="s">
        <v>51</v>
      </c>
    </row>
    <row r="7540" spans="1:12">
      <c r="A7540" s="6" t="s">
        <v>49</v>
      </c>
      <c r="B7540" s="6"/>
      <c r="C7540" s="6" t="s">
        <v>7564</v>
      </c>
      <c r="D7540" s="6"/>
      <c r="E7540" s="6" t="s">
        <v>9</v>
      </c>
      <c r="F7540" s="7">
        <v>40893</v>
      </c>
      <c r="G7540" s="8">
        <v>1</v>
      </c>
      <c r="H7540" s="8">
        <v>1</v>
      </c>
      <c r="I7540" s="8">
        <v>0</v>
      </c>
      <c r="J7540" s="8">
        <v>1</v>
      </c>
      <c r="K7540" s="9">
        <v>6.48</v>
      </c>
      <c r="L7540" s="6" t="s">
        <v>51</v>
      </c>
    </row>
    <row r="7541" spans="1:12">
      <c r="A7541" s="6" t="s">
        <v>49</v>
      </c>
      <c r="B7541" s="6"/>
      <c r="C7541" s="6" t="s">
        <v>7565</v>
      </c>
      <c r="D7541" s="6"/>
      <c r="E7541" s="6" t="s">
        <v>9</v>
      </c>
      <c r="F7541" s="7">
        <v>40893</v>
      </c>
      <c r="G7541" s="8">
        <v>1</v>
      </c>
      <c r="H7541" s="8">
        <v>1</v>
      </c>
      <c r="I7541" s="8">
        <v>0</v>
      </c>
      <c r="J7541" s="8">
        <v>1</v>
      </c>
      <c r="K7541" s="9">
        <v>27</v>
      </c>
      <c r="L7541" s="6" t="s">
        <v>51</v>
      </c>
    </row>
    <row r="7542" spans="1:12">
      <c r="A7542" s="6" t="s">
        <v>49</v>
      </c>
      <c r="B7542" s="6"/>
      <c r="C7542" s="6" t="s">
        <v>7566</v>
      </c>
      <c r="D7542" s="6"/>
      <c r="E7542" s="6" t="s">
        <v>9</v>
      </c>
      <c r="F7542" s="7">
        <v>38657</v>
      </c>
      <c r="G7542" s="8">
        <v>1</v>
      </c>
      <c r="H7542" s="8">
        <v>1</v>
      </c>
      <c r="I7542" s="8">
        <v>0</v>
      </c>
      <c r="J7542" s="8">
        <v>1</v>
      </c>
      <c r="K7542" s="9">
        <v>68.42</v>
      </c>
      <c r="L7542" s="6" t="s">
        <v>51</v>
      </c>
    </row>
    <row r="7543" spans="1:12">
      <c r="A7543" s="6" t="s">
        <v>49</v>
      </c>
      <c r="B7543" s="6"/>
      <c r="C7543" s="6" t="s">
        <v>7567</v>
      </c>
      <c r="D7543" s="6"/>
      <c r="E7543" s="6" t="s">
        <v>9</v>
      </c>
      <c r="F7543" s="7">
        <v>40893</v>
      </c>
      <c r="G7543" s="8">
        <v>1</v>
      </c>
      <c r="H7543" s="8">
        <v>1</v>
      </c>
      <c r="I7543" s="8">
        <v>0</v>
      </c>
      <c r="J7543" s="8">
        <v>1</v>
      </c>
      <c r="K7543" s="9">
        <v>42</v>
      </c>
      <c r="L7543" s="6" t="s">
        <v>51</v>
      </c>
    </row>
    <row r="7544" spans="1:12">
      <c r="A7544" s="6" t="s">
        <v>49</v>
      </c>
      <c r="B7544" s="6"/>
      <c r="C7544" s="6" t="s">
        <v>7568</v>
      </c>
      <c r="D7544" s="6"/>
      <c r="E7544" s="6" t="s">
        <v>9</v>
      </c>
      <c r="F7544" s="7">
        <v>38657</v>
      </c>
      <c r="G7544" s="8">
        <v>1</v>
      </c>
      <c r="H7544" s="8">
        <v>1</v>
      </c>
      <c r="I7544" s="8">
        <v>0</v>
      </c>
      <c r="J7544" s="8">
        <v>1</v>
      </c>
      <c r="K7544" s="9">
        <v>152</v>
      </c>
      <c r="L7544" s="6" t="s">
        <v>51</v>
      </c>
    </row>
    <row r="7545" spans="1:12">
      <c r="A7545" s="6" t="s">
        <v>49</v>
      </c>
      <c r="B7545" s="6"/>
      <c r="C7545" s="6" t="s">
        <v>7569</v>
      </c>
      <c r="D7545" s="6"/>
      <c r="E7545" s="6" t="s">
        <v>9</v>
      </c>
      <c r="F7545" s="7">
        <v>38657</v>
      </c>
      <c r="G7545" s="8">
        <v>1</v>
      </c>
      <c r="H7545" s="8">
        <v>1</v>
      </c>
      <c r="I7545" s="8">
        <v>0</v>
      </c>
      <c r="J7545" s="8">
        <v>1</v>
      </c>
      <c r="K7545" s="9">
        <v>306</v>
      </c>
      <c r="L7545" s="6" t="s">
        <v>51</v>
      </c>
    </row>
    <row r="7546" spans="1:12">
      <c r="A7546" s="6" t="s">
        <v>49</v>
      </c>
      <c r="B7546" s="6"/>
      <c r="C7546" s="6" t="s">
        <v>7570</v>
      </c>
      <c r="D7546" s="6"/>
      <c r="E7546" s="6" t="s">
        <v>9</v>
      </c>
      <c r="F7546" s="7">
        <v>38657</v>
      </c>
      <c r="G7546" s="8">
        <v>1</v>
      </c>
      <c r="H7546" s="8">
        <v>1</v>
      </c>
      <c r="I7546" s="8">
        <v>0</v>
      </c>
      <c r="J7546" s="8">
        <v>1</v>
      </c>
      <c r="K7546" s="9">
        <v>250</v>
      </c>
      <c r="L7546" s="6" t="s">
        <v>51</v>
      </c>
    </row>
    <row r="7547" spans="1:12">
      <c r="A7547" s="6" t="s">
        <v>49</v>
      </c>
      <c r="B7547" s="6"/>
      <c r="C7547" s="6" t="s">
        <v>7571</v>
      </c>
      <c r="D7547" s="6"/>
      <c r="E7547" s="6" t="s">
        <v>9</v>
      </c>
      <c r="F7547" s="7">
        <v>40904</v>
      </c>
      <c r="G7547" s="8">
        <v>1</v>
      </c>
      <c r="H7547" s="8">
        <v>1</v>
      </c>
      <c r="I7547" s="8">
        <v>0</v>
      </c>
      <c r="J7547" s="8">
        <v>1</v>
      </c>
      <c r="K7547" s="9">
        <v>21</v>
      </c>
      <c r="L7547" s="6" t="s">
        <v>51</v>
      </c>
    </row>
    <row r="7548" spans="1:12">
      <c r="A7548" s="6" t="s">
        <v>49</v>
      </c>
      <c r="B7548" s="6"/>
      <c r="C7548" s="6" t="s">
        <v>7572</v>
      </c>
      <c r="D7548" s="6"/>
      <c r="E7548" s="6" t="s">
        <v>9</v>
      </c>
      <c r="F7548" s="7">
        <v>40996</v>
      </c>
      <c r="G7548" s="8">
        <v>1</v>
      </c>
      <c r="H7548" s="8">
        <v>1</v>
      </c>
      <c r="I7548" s="8">
        <v>0</v>
      </c>
      <c r="J7548" s="8">
        <v>1</v>
      </c>
      <c r="K7548" s="9">
        <v>31</v>
      </c>
      <c r="L7548" s="6" t="s">
        <v>51</v>
      </c>
    </row>
    <row r="7549" spans="1:12">
      <c r="A7549" s="6" t="s">
        <v>49</v>
      </c>
      <c r="B7549" s="6"/>
      <c r="C7549" s="6" t="s">
        <v>7573</v>
      </c>
      <c r="D7549" s="6"/>
      <c r="E7549" s="6" t="s">
        <v>9</v>
      </c>
      <c r="F7549" s="7">
        <v>40904</v>
      </c>
      <c r="G7549" s="8">
        <v>1</v>
      </c>
      <c r="H7549" s="8">
        <v>1</v>
      </c>
      <c r="I7549" s="8">
        <v>0</v>
      </c>
      <c r="J7549" s="8">
        <v>1</v>
      </c>
      <c r="K7549" s="9">
        <v>16</v>
      </c>
      <c r="L7549" s="6" t="s">
        <v>51</v>
      </c>
    </row>
    <row r="7550" spans="1:12">
      <c r="A7550" s="6" t="s">
        <v>49</v>
      </c>
      <c r="B7550" s="6"/>
      <c r="C7550" s="6" t="s">
        <v>7574</v>
      </c>
      <c r="D7550" s="6"/>
      <c r="E7550" s="6" t="s">
        <v>9</v>
      </c>
      <c r="F7550" s="7">
        <v>38657</v>
      </c>
      <c r="G7550" s="8">
        <v>1</v>
      </c>
      <c r="H7550" s="8">
        <v>1</v>
      </c>
      <c r="I7550" s="8">
        <v>0</v>
      </c>
      <c r="J7550" s="8">
        <v>1</v>
      </c>
      <c r="K7550" s="9">
        <v>147</v>
      </c>
      <c r="L7550" s="6" t="s">
        <v>51</v>
      </c>
    </row>
    <row r="7551" spans="1:12">
      <c r="A7551" s="6" t="s">
        <v>49</v>
      </c>
      <c r="B7551" s="6"/>
      <c r="C7551" s="6" t="s">
        <v>7575</v>
      </c>
      <c r="D7551" s="6"/>
      <c r="E7551" s="6" t="s">
        <v>9</v>
      </c>
      <c r="F7551" s="7">
        <v>40844</v>
      </c>
      <c r="G7551" s="8">
        <v>1</v>
      </c>
      <c r="H7551" s="8">
        <v>1</v>
      </c>
      <c r="I7551" s="8">
        <v>0</v>
      </c>
      <c r="J7551" s="8">
        <v>1</v>
      </c>
      <c r="K7551" s="9">
        <v>4.08</v>
      </c>
      <c r="L7551" s="6" t="s">
        <v>51</v>
      </c>
    </row>
    <row r="7552" spans="1:12">
      <c r="A7552" s="6" t="s">
        <v>49</v>
      </c>
      <c r="B7552" s="6"/>
      <c r="C7552" s="6" t="s">
        <v>7576</v>
      </c>
      <c r="D7552" s="6"/>
      <c r="E7552" s="6" t="s">
        <v>9</v>
      </c>
      <c r="F7552" s="7">
        <v>38657</v>
      </c>
      <c r="G7552" s="8">
        <v>1</v>
      </c>
      <c r="H7552" s="8">
        <v>1</v>
      </c>
      <c r="I7552" s="8">
        <v>0</v>
      </c>
      <c r="J7552" s="8">
        <v>1</v>
      </c>
      <c r="K7552" s="9">
        <v>194</v>
      </c>
      <c r="L7552" s="6" t="s">
        <v>51</v>
      </c>
    </row>
    <row r="7553" spans="1:12">
      <c r="A7553" s="6" t="s">
        <v>49</v>
      </c>
      <c r="B7553" s="6"/>
      <c r="C7553" s="6" t="s">
        <v>7577</v>
      </c>
      <c r="D7553" s="6"/>
      <c r="E7553" s="6" t="s">
        <v>9</v>
      </c>
      <c r="F7553" s="7">
        <v>38657</v>
      </c>
      <c r="G7553" s="8">
        <v>1</v>
      </c>
      <c r="H7553" s="8">
        <v>1</v>
      </c>
      <c r="I7553" s="8">
        <v>0</v>
      </c>
      <c r="J7553" s="8">
        <v>1</v>
      </c>
      <c r="K7553" s="9">
        <v>240.42</v>
      </c>
      <c r="L7553" s="6" t="s">
        <v>51</v>
      </c>
    </row>
    <row r="7554" spans="1:12">
      <c r="A7554" s="6" t="s">
        <v>49</v>
      </c>
      <c r="B7554" s="6"/>
      <c r="C7554" s="6" t="s">
        <v>7578</v>
      </c>
      <c r="D7554" s="6"/>
      <c r="E7554" s="6" t="s">
        <v>9</v>
      </c>
      <c r="F7554" s="7">
        <v>40842</v>
      </c>
      <c r="G7554" s="8">
        <v>1</v>
      </c>
      <c r="H7554" s="8">
        <v>1</v>
      </c>
      <c r="I7554" s="8">
        <v>0</v>
      </c>
      <c r="J7554" s="8">
        <v>1</v>
      </c>
      <c r="K7554" s="9">
        <v>1.44</v>
      </c>
      <c r="L7554" s="6" t="s">
        <v>51</v>
      </c>
    </row>
    <row r="7555" spans="1:12">
      <c r="A7555" s="6" t="s">
        <v>49</v>
      </c>
      <c r="B7555" s="6"/>
      <c r="C7555" s="6" t="s">
        <v>7579</v>
      </c>
      <c r="D7555" s="6"/>
      <c r="E7555" s="6" t="s">
        <v>9</v>
      </c>
      <c r="F7555" s="7">
        <v>38657</v>
      </c>
      <c r="G7555" s="8">
        <v>1</v>
      </c>
      <c r="H7555" s="8">
        <v>1</v>
      </c>
      <c r="I7555" s="8">
        <v>0</v>
      </c>
      <c r="J7555" s="8">
        <v>1</v>
      </c>
      <c r="K7555" s="9">
        <v>591</v>
      </c>
      <c r="L7555" s="6" t="s">
        <v>51</v>
      </c>
    </row>
    <row r="7556" spans="1:12">
      <c r="A7556" s="6" t="s">
        <v>49</v>
      </c>
      <c r="B7556" s="6"/>
      <c r="C7556" s="6" t="s">
        <v>7580</v>
      </c>
      <c r="D7556" s="6"/>
      <c r="E7556" s="6" t="s">
        <v>9</v>
      </c>
      <c r="F7556" s="7">
        <v>38657</v>
      </c>
      <c r="G7556" s="8">
        <v>1</v>
      </c>
      <c r="H7556" s="8">
        <v>1</v>
      </c>
      <c r="I7556" s="8">
        <v>0</v>
      </c>
      <c r="J7556" s="8">
        <v>1</v>
      </c>
      <c r="K7556" s="9">
        <v>747</v>
      </c>
      <c r="L7556" s="6" t="s">
        <v>51</v>
      </c>
    </row>
    <row r="7557" spans="1:12">
      <c r="A7557" s="6" t="s">
        <v>49</v>
      </c>
      <c r="B7557" s="6"/>
      <c r="C7557" s="6" t="s">
        <v>7581</v>
      </c>
      <c r="D7557" s="6"/>
      <c r="E7557" s="6" t="s">
        <v>9</v>
      </c>
      <c r="F7557" s="7">
        <v>38657</v>
      </c>
      <c r="G7557" s="8">
        <v>1</v>
      </c>
      <c r="H7557" s="8">
        <v>1</v>
      </c>
      <c r="I7557" s="8">
        <v>0</v>
      </c>
      <c r="J7557" s="8">
        <v>1</v>
      </c>
      <c r="K7557" s="9">
        <v>235</v>
      </c>
      <c r="L7557" s="6" t="s">
        <v>51</v>
      </c>
    </row>
    <row r="7558" spans="1:12">
      <c r="A7558" s="6" t="s">
        <v>49</v>
      </c>
      <c r="B7558" s="6"/>
      <c r="C7558" s="6" t="s">
        <v>7582</v>
      </c>
      <c r="D7558" s="6"/>
      <c r="E7558" s="6" t="s">
        <v>9</v>
      </c>
      <c r="F7558" s="7">
        <v>38657</v>
      </c>
      <c r="G7558" s="8">
        <v>1</v>
      </c>
      <c r="H7558" s="8">
        <v>1</v>
      </c>
      <c r="I7558" s="8">
        <v>0</v>
      </c>
      <c r="J7558" s="8">
        <v>1</v>
      </c>
      <c r="K7558" s="9">
        <v>109</v>
      </c>
      <c r="L7558" s="6" t="s">
        <v>51</v>
      </c>
    </row>
    <row r="7559" spans="1:12">
      <c r="A7559" s="6" t="s">
        <v>49</v>
      </c>
      <c r="B7559" s="6"/>
      <c r="C7559" s="6" t="s">
        <v>7583</v>
      </c>
      <c r="D7559" s="6"/>
      <c r="E7559" s="6" t="s">
        <v>9</v>
      </c>
      <c r="F7559" s="7">
        <v>38657</v>
      </c>
      <c r="G7559" s="8">
        <v>1</v>
      </c>
      <c r="H7559" s="8">
        <v>1</v>
      </c>
      <c r="I7559" s="8">
        <v>0</v>
      </c>
      <c r="J7559" s="8">
        <v>1</v>
      </c>
      <c r="K7559" s="9">
        <v>335</v>
      </c>
      <c r="L7559" s="6" t="s">
        <v>51</v>
      </c>
    </row>
    <row r="7560" spans="1:12">
      <c r="A7560" s="6" t="s">
        <v>49</v>
      </c>
      <c r="B7560" s="6"/>
      <c r="C7560" s="6" t="s">
        <v>7584</v>
      </c>
      <c r="D7560" s="6"/>
      <c r="E7560" s="6" t="s">
        <v>9</v>
      </c>
      <c r="F7560" s="7">
        <v>38657</v>
      </c>
      <c r="G7560" s="8">
        <v>1</v>
      </c>
      <c r="H7560" s="8">
        <v>1</v>
      </c>
      <c r="I7560" s="8">
        <v>0</v>
      </c>
      <c r="J7560" s="8">
        <v>1</v>
      </c>
      <c r="K7560" s="9">
        <v>525</v>
      </c>
      <c r="L7560" s="6" t="s">
        <v>51</v>
      </c>
    </row>
    <row r="7561" spans="1:12">
      <c r="A7561" s="6" t="s">
        <v>49</v>
      </c>
      <c r="B7561" s="6"/>
      <c r="C7561" s="6" t="s">
        <v>7585</v>
      </c>
      <c r="D7561" s="6"/>
      <c r="E7561" s="6" t="s">
        <v>9</v>
      </c>
      <c r="F7561" s="7">
        <v>38657</v>
      </c>
      <c r="G7561" s="8">
        <v>1</v>
      </c>
      <c r="H7561" s="8">
        <v>1</v>
      </c>
      <c r="I7561" s="8">
        <v>0</v>
      </c>
      <c r="J7561" s="8">
        <v>1</v>
      </c>
      <c r="K7561" s="9">
        <v>348</v>
      </c>
      <c r="L7561" s="6" t="s">
        <v>51</v>
      </c>
    </row>
    <row r="7562" spans="1:12">
      <c r="A7562" s="6" t="s">
        <v>49</v>
      </c>
      <c r="B7562" s="6"/>
      <c r="C7562" s="6" t="s">
        <v>7586</v>
      </c>
      <c r="D7562" s="6"/>
      <c r="E7562" s="6" t="s">
        <v>9</v>
      </c>
      <c r="F7562" s="7">
        <v>38657</v>
      </c>
      <c r="G7562" s="8">
        <v>1</v>
      </c>
      <c r="H7562" s="8">
        <v>1</v>
      </c>
      <c r="I7562" s="8">
        <v>0</v>
      </c>
      <c r="J7562" s="8">
        <v>1</v>
      </c>
      <c r="K7562" s="9">
        <v>311</v>
      </c>
      <c r="L7562" s="6" t="s">
        <v>51</v>
      </c>
    </row>
    <row r="7563" spans="1:12">
      <c r="A7563" s="6" t="s">
        <v>49</v>
      </c>
      <c r="B7563" s="6"/>
      <c r="C7563" s="6" t="s">
        <v>7587</v>
      </c>
      <c r="D7563" s="6"/>
      <c r="E7563" s="6" t="s">
        <v>9</v>
      </c>
      <c r="F7563" s="7">
        <v>38657</v>
      </c>
      <c r="G7563" s="8">
        <v>1</v>
      </c>
      <c r="H7563" s="8">
        <v>1</v>
      </c>
      <c r="I7563" s="8">
        <v>0</v>
      </c>
      <c r="J7563" s="8">
        <v>1</v>
      </c>
      <c r="K7563" s="9">
        <v>403</v>
      </c>
      <c r="L7563" s="6" t="s">
        <v>51</v>
      </c>
    </row>
    <row r="7564" spans="1:12">
      <c r="A7564" s="6" t="s">
        <v>49</v>
      </c>
      <c r="B7564" s="6"/>
      <c r="C7564" s="6" t="s">
        <v>7588</v>
      </c>
      <c r="D7564" s="6"/>
      <c r="E7564" s="6" t="s">
        <v>9</v>
      </c>
      <c r="F7564" s="7">
        <v>38657</v>
      </c>
      <c r="G7564" s="8">
        <v>1</v>
      </c>
      <c r="H7564" s="8">
        <v>1</v>
      </c>
      <c r="I7564" s="8">
        <v>0</v>
      </c>
      <c r="J7564" s="8">
        <v>1</v>
      </c>
      <c r="K7564" s="9">
        <v>68.42</v>
      </c>
      <c r="L7564" s="6" t="s">
        <v>51</v>
      </c>
    </row>
    <row r="7565" spans="1:12">
      <c r="A7565" s="6" t="s">
        <v>49</v>
      </c>
      <c r="B7565" s="6"/>
      <c r="C7565" s="6" t="s">
        <v>7589</v>
      </c>
      <c r="D7565" s="6"/>
      <c r="E7565" s="6" t="s">
        <v>9</v>
      </c>
      <c r="F7565" s="7">
        <v>38657</v>
      </c>
      <c r="G7565" s="8">
        <v>1</v>
      </c>
      <c r="H7565" s="8">
        <v>1</v>
      </c>
      <c r="I7565" s="8">
        <v>0</v>
      </c>
      <c r="J7565" s="8">
        <v>1</v>
      </c>
      <c r="K7565" s="9">
        <v>581</v>
      </c>
      <c r="L7565" s="6" t="s">
        <v>51</v>
      </c>
    </row>
    <row r="7566" spans="1:12">
      <c r="A7566" s="6" t="s">
        <v>49</v>
      </c>
      <c r="B7566" s="6"/>
      <c r="C7566" s="6" t="s">
        <v>7590</v>
      </c>
      <c r="D7566" s="6"/>
      <c r="E7566" s="6" t="s">
        <v>9</v>
      </c>
      <c r="F7566" s="7">
        <v>38657</v>
      </c>
      <c r="G7566" s="8">
        <v>1</v>
      </c>
      <c r="H7566" s="8">
        <v>1</v>
      </c>
      <c r="I7566" s="8">
        <v>0</v>
      </c>
      <c r="J7566" s="8">
        <v>1</v>
      </c>
      <c r="K7566" s="9">
        <v>293</v>
      </c>
      <c r="L7566" s="6" t="s">
        <v>51</v>
      </c>
    </row>
    <row r="7567" spans="1:12">
      <c r="A7567" s="6" t="s">
        <v>49</v>
      </c>
      <c r="B7567" s="6"/>
      <c r="C7567" s="6" t="s">
        <v>7591</v>
      </c>
      <c r="D7567" s="6"/>
      <c r="E7567" s="6" t="s">
        <v>9</v>
      </c>
      <c r="F7567" s="7">
        <v>38657</v>
      </c>
      <c r="G7567" s="8">
        <v>1</v>
      </c>
      <c r="H7567" s="8">
        <v>1</v>
      </c>
      <c r="I7567" s="8">
        <v>0</v>
      </c>
      <c r="J7567" s="8">
        <v>1</v>
      </c>
      <c r="K7567" s="9">
        <v>536</v>
      </c>
      <c r="L7567" s="6" t="s">
        <v>51</v>
      </c>
    </row>
    <row r="7568" spans="1:12">
      <c r="A7568" s="6" t="s">
        <v>49</v>
      </c>
      <c r="B7568" s="6"/>
      <c r="C7568" s="6" t="s">
        <v>7592</v>
      </c>
      <c r="D7568" s="6"/>
      <c r="E7568" s="6" t="s">
        <v>9</v>
      </c>
      <c r="F7568" s="7">
        <v>38657</v>
      </c>
      <c r="G7568" s="8">
        <v>1</v>
      </c>
      <c r="H7568" s="8">
        <v>1</v>
      </c>
      <c r="I7568" s="8">
        <v>0</v>
      </c>
      <c r="J7568" s="8">
        <v>1</v>
      </c>
      <c r="K7568" s="9">
        <v>605</v>
      </c>
      <c r="L7568" s="6" t="s">
        <v>51</v>
      </c>
    </row>
    <row r="7569" spans="1:12">
      <c r="A7569" s="6" t="s">
        <v>49</v>
      </c>
      <c r="B7569" s="6"/>
      <c r="C7569" s="6" t="s">
        <v>7593</v>
      </c>
      <c r="D7569" s="6"/>
      <c r="E7569" s="6" t="s">
        <v>9</v>
      </c>
      <c r="F7569" s="7">
        <v>38657</v>
      </c>
      <c r="G7569" s="8">
        <v>1</v>
      </c>
      <c r="H7569" s="8">
        <v>1</v>
      </c>
      <c r="I7569" s="8">
        <v>0</v>
      </c>
      <c r="J7569" s="8">
        <v>1</v>
      </c>
      <c r="K7569" s="9">
        <v>114</v>
      </c>
      <c r="L7569" s="6" t="s">
        <v>51</v>
      </c>
    </row>
    <row r="7570" spans="1:12">
      <c r="A7570" s="6" t="s">
        <v>49</v>
      </c>
      <c r="B7570" s="6"/>
      <c r="C7570" s="6" t="s">
        <v>7594</v>
      </c>
      <c r="D7570" s="6"/>
      <c r="E7570" s="6" t="s">
        <v>9</v>
      </c>
      <c r="F7570" s="7">
        <v>40540</v>
      </c>
      <c r="G7570" s="8">
        <v>1</v>
      </c>
      <c r="H7570" s="8">
        <v>1</v>
      </c>
      <c r="I7570" s="8">
        <v>0</v>
      </c>
      <c r="J7570" s="8">
        <v>1</v>
      </c>
      <c r="K7570" s="9">
        <v>9.92</v>
      </c>
      <c r="L7570" s="6" t="s">
        <v>51</v>
      </c>
    </row>
    <row r="7571" spans="1:12">
      <c r="A7571" s="6" t="s">
        <v>49</v>
      </c>
      <c r="B7571" s="6"/>
      <c r="C7571" s="6" t="s">
        <v>7595</v>
      </c>
      <c r="D7571" s="6"/>
      <c r="E7571" s="6" t="s">
        <v>9</v>
      </c>
      <c r="F7571" s="7">
        <v>40540</v>
      </c>
      <c r="G7571" s="8">
        <v>1</v>
      </c>
      <c r="H7571" s="8">
        <v>1</v>
      </c>
      <c r="I7571" s="8">
        <v>0</v>
      </c>
      <c r="J7571" s="8">
        <v>1</v>
      </c>
      <c r="K7571" s="9">
        <v>3.42</v>
      </c>
      <c r="L7571" s="6" t="s">
        <v>51</v>
      </c>
    </row>
    <row r="7572" spans="1:12">
      <c r="A7572" s="6" t="s">
        <v>49</v>
      </c>
      <c r="B7572" s="6"/>
      <c r="C7572" s="6" t="s">
        <v>7596</v>
      </c>
      <c r="D7572" s="6"/>
      <c r="E7572" s="6" t="s">
        <v>9</v>
      </c>
      <c r="F7572" s="7">
        <v>38657</v>
      </c>
      <c r="G7572" s="8">
        <v>1</v>
      </c>
      <c r="H7572" s="8">
        <v>1</v>
      </c>
      <c r="I7572" s="8">
        <v>0</v>
      </c>
      <c r="J7572" s="8">
        <v>1</v>
      </c>
      <c r="K7572" s="9">
        <v>93</v>
      </c>
      <c r="L7572" s="6" t="s">
        <v>51</v>
      </c>
    </row>
    <row r="7573" spans="1:12">
      <c r="A7573" s="6" t="s">
        <v>49</v>
      </c>
      <c r="B7573" s="6"/>
      <c r="C7573" s="6" t="s">
        <v>7597</v>
      </c>
      <c r="D7573" s="6"/>
      <c r="E7573" s="6" t="s">
        <v>9</v>
      </c>
      <c r="F7573" s="7">
        <v>40540</v>
      </c>
      <c r="G7573" s="8">
        <v>1</v>
      </c>
      <c r="H7573" s="8">
        <v>1</v>
      </c>
      <c r="I7573" s="8">
        <v>0</v>
      </c>
      <c r="J7573" s="8">
        <v>1</v>
      </c>
      <c r="K7573" s="9">
        <v>5.93</v>
      </c>
      <c r="L7573" s="6" t="s">
        <v>51</v>
      </c>
    </row>
    <row r="7574" spans="1:12">
      <c r="A7574" s="6" t="s">
        <v>49</v>
      </c>
      <c r="B7574" s="6"/>
      <c r="C7574" s="6" t="s">
        <v>7598</v>
      </c>
      <c r="D7574" s="6"/>
      <c r="E7574" s="6" t="s">
        <v>9</v>
      </c>
      <c r="F7574" s="7">
        <v>38657</v>
      </c>
      <c r="G7574" s="8">
        <v>1</v>
      </c>
      <c r="H7574" s="8">
        <v>1</v>
      </c>
      <c r="I7574" s="8">
        <v>0</v>
      </c>
      <c r="J7574" s="8">
        <v>1</v>
      </c>
      <c r="K7574" s="9">
        <v>458</v>
      </c>
      <c r="L7574" s="6" t="s">
        <v>51</v>
      </c>
    </row>
    <row r="7575" spans="1:12">
      <c r="A7575" s="6" t="s">
        <v>49</v>
      </c>
      <c r="B7575" s="6"/>
      <c r="C7575" s="6" t="s">
        <v>7599</v>
      </c>
      <c r="D7575" s="6"/>
      <c r="E7575" s="6" t="s">
        <v>9</v>
      </c>
      <c r="F7575" s="7">
        <v>38657</v>
      </c>
      <c r="G7575" s="8">
        <v>1</v>
      </c>
      <c r="H7575" s="8">
        <v>1</v>
      </c>
      <c r="I7575" s="8">
        <v>0</v>
      </c>
      <c r="J7575" s="8">
        <v>1</v>
      </c>
      <c r="K7575" s="9">
        <v>235.93</v>
      </c>
      <c r="L7575" s="6" t="s">
        <v>51</v>
      </c>
    </row>
    <row r="7576" spans="1:12">
      <c r="A7576" s="6" t="s">
        <v>49</v>
      </c>
      <c r="B7576" s="6"/>
      <c r="C7576" s="6" t="s">
        <v>7600</v>
      </c>
      <c r="D7576" s="6"/>
      <c r="E7576" s="6" t="s">
        <v>9</v>
      </c>
      <c r="F7576" s="7">
        <v>38657</v>
      </c>
      <c r="G7576" s="8">
        <v>1</v>
      </c>
      <c r="H7576" s="8">
        <v>1</v>
      </c>
      <c r="I7576" s="8">
        <v>0</v>
      </c>
      <c r="J7576" s="8">
        <v>1</v>
      </c>
      <c r="K7576" s="9">
        <v>400</v>
      </c>
      <c r="L7576" s="6" t="s">
        <v>51</v>
      </c>
    </row>
    <row r="7577" spans="1:12">
      <c r="A7577" s="6" t="s">
        <v>49</v>
      </c>
      <c r="B7577" s="6"/>
      <c r="C7577" s="6" t="s">
        <v>7601</v>
      </c>
      <c r="D7577" s="6"/>
      <c r="E7577" s="6" t="s">
        <v>9</v>
      </c>
      <c r="F7577" s="7">
        <v>38657</v>
      </c>
      <c r="G7577" s="8">
        <v>1</v>
      </c>
      <c r="H7577" s="8">
        <v>1</v>
      </c>
      <c r="I7577" s="8">
        <v>0</v>
      </c>
      <c r="J7577" s="8">
        <v>1</v>
      </c>
      <c r="K7577" s="9">
        <v>456</v>
      </c>
      <c r="L7577" s="6" t="s">
        <v>51</v>
      </c>
    </row>
    <row r="7578" spans="1:12">
      <c r="A7578" s="6" t="s">
        <v>49</v>
      </c>
      <c r="B7578" s="6"/>
      <c r="C7578" s="6" t="s">
        <v>7602</v>
      </c>
      <c r="D7578" s="6"/>
      <c r="E7578" s="6" t="s">
        <v>9</v>
      </c>
      <c r="F7578" s="7">
        <v>38657</v>
      </c>
      <c r="G7578" s="8">
        <v>1</v>
      </c>
      <c r="H7578" s="8">
        <v>1</v>
      </c>
      <c r="I7578" s="8">
        <v>0</v>
      </c>
      <c r="J7578" s="8">
        <v>1</v>
      </c>
      <c r="K7578" s="9">
        <v>127</v>
      </c>
      <c r="L7578" s="6" t="s">
        <v>51</v>
      </c>
    </row>
    <row r="7579" spans="1:12">
      <c r="A7579" s="6" t="s">
        <v>49</v>
      </c>
      <c r="B7579" s="6"/>
      <c r="C7579" s="6" t="s">
        <v>7603</v>
      </c>
      <c r="D7579" s="6"/>
      <c r="E7579" s="6" t="s">
        <v>9</v>
      </c>
      <c r="F7579" s="7">
        <v>38657</v>
      </c>
      <c r="G7579" s="8">
        <v>1</v>
      </c>
      <c r="H7579" s="8">
        <v>1</v>
      </c>
      <c r="I7579" s="8">
        <v>0</v>
      </c>
      <c r="J7579" s="8">
        <v>1</v>
      </c>
      <c r="K7579" s="9">
        <v>190</v>
      </c>
      <c r="L7579" s="6" t="s">
        <v>51</v>
      </c>
    </row>
    <row r="7580" spans="1:12">
      <c r="A7580" s="6" t="s">
        <v>49</v>
      </c>
      <c r="B7580" s="6"/>
      <c r="C7580" s="6" t="s">
        <v>7604</v>
      </c>
      <c r="D7580" s="6"/>
      <c r="E7580" s="6" t="s">
        <v>9</v>
      </c>
      <c r="F7580" s="7">
        <v>38657</v>
      </c>
      <c r="G7580" s="8">
        <v>1</v>
      </c>
      <c r="H7580" s="8">
        <v>1</v>
      </c>
      <c r="I7580" s="8">
        <v>0</v>
      </c>
      <c r="J7580" s="8">
        <v>1</v>
      </c>
      <c r="K7580" s="9">
        <v>382</v>
      </c>
      <c r="L7580" s="6" t="s">
        <v>51</v>
      </c>
    </row>
    <row r="7581" spans="1:12">
      <c r="A7581" s="6" t="s">
        <v>49</v>
      </c>
      <c r="B7581" s="6"/>
      <c r="C7581" s="6" t="s">
        <v>7605</v>
      </c>
      <c r="D7581" s="6"/>
      <c r="E7581" s="6" t="s">
        <v>9</v>
      </c>
      <c r="F7581" s="7">
        <v>38657</v>
      </c>
      <c r="G7581" s="8">
        <v>1</v>
      </c>
      <c r="H7581" s="8">
        <v>1</v>
      </c>
      <c r="I7581" s="8">
        <v>0</v>
      </c>
      <c r="J7581" s="8">
        <v>1</v>
      </c>
      <c r="K7581" s="9">
        <v>344</v>
      </c>
      <c r="L7581" s="6" t="s">
        <v>51</v>
      </c>
    </row>
    <row r="7582" spans="1:12">
      <c r="A7582" s="6" t="s">
        <v>49</v>
      </c>
      <c r="B7582" s="6"/>
      <c r="C7582" s="6" t="s">
        <v>7606</v>
      </c>
      <c r="D7582" s="6"/>
      <c r="E7582" s="6" t="s">
        <v>9</v>
      </c>
      <c r="F7582" s="7">
        <v>38657</v>
      </c>
      <c r="G7582" s="8">
        <v>1</v>
      </c>
      <c r="H7582" s="8">
        <v>1</v>
      </c>
      <c r="I7582" s="8">
        <v>0</v>
      </c>
      <c r="J7582" s="8">
        <v>1</v>
      </c>
      <c r="K7582" s="9">
        <v>768</v>
      </c>
      <c r="L7582" s="6" t="s">
        <v>51</v>
      </c>
    </row>
    <row r="7583" spans="1:12">
      <c r="A7583" s="6" t="s">
        <v>49</v>
      </c>
      <c r="B7583" s="6"/>
      <c r="C7583" s="6" t="s">
        <v>7607</v>
      </c>
      <c r="D7583" s="6"/>
      <c r="E7583" s="6" t="s">
        <v>9</v>
      </c>
      <c r="F7583" s="7">
        <v>38657</v>
      </c>
      <c r="G7583" s="8">
        <v>1</v>
      </c>
      <c r="H7583" s="8">
        <v>1</v>
      </c>
      <c r="I7583" s="8">
        <v>0</v>
      </c>
      <c r="J7583" s="8">
        <v>1</v>
      </c>
      <c r="K7583" s="9">
        <v>333</v>
      </c>
      <c r="L7583" s="6" t="s">
        <v>51</v>
      </c>
    </row>
    <row r="7584" spans="1:12">
      <c r="A7584" s="6" t="s">
        <v>49</v>
      </c>
      <c r="B7584" s="6"/>
      <c r="C7584" s="6" t="s">
        <v>7608</v>
      </c>
      <c r="D7584" s="6"/>
      <c r="E7584" s="6" t="s">
        <v>9</v>
      </c>
      <c r="F7584" s="7">
        <v>38657</v>
      </c>
      <c r="G7584" s="8">
        <v>1</v>
      </c>
      <c r="H7584" s="8">
        <v>1</v>
      </c>
      <c r="I7584" s="8">
        <v>0</v>
      </c>
      <c r="J7584" s="8">
        <v>1</v>
      </c>
      <c r="K7584" s="9">
        <v>53</v>
      </c>
      <c r="L7584" s="6" t="s">
        <v>51</v>
      </c>
    </row>
    <row r="7585" spans="1:12">
      <c r="A7585" s="6" t="s">
        <v>49</v>
      </c>
      <c r="B7585" s="6"/>
      <c r="C7585" s="6" t="s">
        <v>7609</v>
      </c>
      <c r="D7585" s="6"/>
      <c r="E7585" s="6" t="s">
        <v>9</v>
      </c>
      <c r="F7585" s="7">
        <v>38657</v>
      </c>
      <c r="G7585" s="8">
        <v>1</v>
      </c>
      <c r="H7585" s="8">
        <v>1</v>
      </c>
      <c r="I7585" s="8">
        <v>0</v>
      </c>
      <c r="J7585" s="8">
        <v>1</v>
      </c>
      <c r="K7585" s="9">
        <v>19</v>
      </c>
      <c r="L7585" s="6" t="s">
        <v>51</v>
      </c>
    </row>
    <row r="7586" spans="1:12">
      <c r="A7586" s="6" t="s">
        <v>49</v>
      </c>
      <c r="B7586" s="6"/>
      <c r="C7586" s="6" t="s">
        <v>7610</v>
      </c>
      <c r="D7586" s="6"/>
      <c r="E7586" s="6" t="s">
        <v>9</v>
      </c>
      <c r="F7586" s="7">
        <v>38657</v>
      </c>
      <c r="G7586" s="8">
        <v>1</v>
      </c>
      <c r="H7586" s="8">
        <v>1</v>
      </c>
      <c r="I7586" s="8">
        <v>0</v>
      </c>
      <c r="J7586" s="8">
        <v>1</v>
      </c>
      <c r="K7586" s="9">
        <v>213.28</v>
      </c>
      <c r="L7586" s="6" t="s">
        <v>51</v>
      </c>
    </row>
    <row r="7587" spans="1:12">
      <c r="A7587" s="6" t="s">
        <v>49</v>
      </c>
      <c r="B7587" s="6"/>
      <c r="C7587" s="6" t="s">
        <v>7611</v>
      </c>
      <c r="D7587" s="6"/>
      <c r="E7587" s="6" t="s">
        <v>9</v>
      </c>
      <c r="F7587" s="7">
        <v>38657</v>
      </c>
      <c r="G7587" s="8">
        <v>1</v>
      </c>
      <c r="H7587" s="8">
        <v>1</v>
      </c>
      <c r="I7587" s="8">
        <v>0</v>
      </c>
      <c r="J7587" s="8">
        <v>1</v>
      </c>
      <c r="K7587" s="9">
        <v>148</v>
      </c>
      <c r="L7587" s="6" t="s">
        <v>51</v>
      </c>
    </row>
    <row r="7588" spans="1:12">
      <c r="A7588" s="6" t="s">
        <v>49</v>
      </c>
      <c r="B7588" s="6"/>
      <c r="C7588" s="6" t="s">
        <v>7612</v>
      </c>
      <c r="D7588" s="6"/>
      <c r="E7588" s="6" t="s">
        <v>9</v>
      </c>
      <c r="F7588" s="7">
        <v>38657</v>
      </c>
      <c r="G7588" s="8">
        <v>1</v>
      </c>
      <c r="H7588" s="8">
        <v>1</v>
      </c>
      <c r="I7588" s="8">
        <v>0</v>
      </c>
      <c r="J7588" s="8">
        <v>1</v>
      </c>
      <c r="K7588" s="9">
        <v>203</v>
      </c>
      <c r="L7588" s="6" t="s">
        <v>51</v>
      </c>
    </row>
    <row r="7589" spans="1:12">
      <c r="A7589" s="6" t="s">
        <v>49</v>
      </c>
      <c r="B7589" s="6"/>
      <c r="C7589" s="6" t="s">
        <v>7613</v>
      </c>
      <c r="D7589" s="6"/>
      <c r="E7589" s="6" t="s">
        <v>9</v>
      </c>
      <c r="F7589" s="7">
        <v>38657</v>
      </c>
      <c r="G7589" s="8">
        <v>1</v>
      </c>
      <c r="H7589" s="8">
        <v>1</v>
      </c>
      <c r="I7589" s="8">
        <v>0</v>
      </c>
      <c r="J7589" s="8">
        <v>1</v>
      </c>
      <c r="K7589" s="9">
        <v>272</v>
      </c>
      <c r="L7589" s="6" t="s">
        <v>51</v>
      </c>
    </row>
    <row r="7590" spans="1:12">
      <c r="A7590" s="6" t="s">
        <v>49</v>
      </c>
      <c r="B7590" s="6"/>
      <c r="C7590" s="6" t="s">
        <v>7614</v>
      </c>
      <c r="D7590" s="6"/>
      <c r="E7590" s="6" t="s">
        <v>9</v>
      </c>
      <c r="F7590" s="7">
        <v>38657</v>
      </c>
      <c r="G7590" s="8">
        <v>1</v>
      </c>
      <c r="H7590" s="8">
        <v>1</v>
      </c>
      <c r="I7590" s="8">
        <v>0</v>
      </c>
      <c r="J7590" s="8">
        <v>1</v>
      </c>
      <c r="K7590" s="9">
        <v>252</v>
      </c>
      <c r="L7590" s="6" t="s">
        <v>51</v>
      </c>
    </row>
    <row r="7591" spans="1:12">
      <c r="A7591" s="6" t="s">
        <v>49</v>
      </c>
      <c r="B7591" s="6"/>
      <c r="C7591" s="6" t="s">
        <v>7615</v>
      </c>
      <c r="D7591" s="6"/>
      <c r="E7591" s="6" t="s">
        <v>9</v>
      </c>
      <c r="F7591" s="7">
        <v>38657</v>
      </c>
      <c r="G7591" s="8">
        <v>1</v>
      </c>
      <c r="H7591" s="8">
        <v>1</v>
      </c>
      <c r="I7591" s="8">
        <v>0</v>
      </c>
      <c r="J7591" s="8">
        <v>1</v>
      </c>
      <c r="K7591" s="9">
        <v>267</v>
      </c>
      <c r="L7591" s="6" t="s">
        <v>51</v>
      </c>
    </row>
    <row r="7592" spans="1:12">
      <c r="A7592" s="6" t="s">
        <v>49</v>
      </c>
      <c r="B7592" s="6"/>
      <c r="C7592" s="6" t="s">
        <v>7616</v>
      </c>
      <c r="D7592" s="6"/>
      <c r="E7592" s="6" t="s">
        <v>9</v>
      </c>
      <c r="F7592" s="7">
        <v>38657</v>
      </c>
      <c r="G7592" s="8">
        <v>1</v>
      </c>
      <c r="H7592" s="8">
        <v>1</v>
      </c>
      <c r="I7592" s="8">
        <v>0</v>
      </c>
      <c r="J7592" s="8">
        <v>1</v>
      </c>
      <c r="K7592" s="9">
        <v>0.06</v>
      </c>
      <c r="L7592" s="6" t="s">
        <v>51</v>
      </c>
    </row>
    <row r="7593" spans="1:12">
      <c r="A7593" s="6" t="s">
        <v>49</v>
      </c>
      <c r="B7593" s="6"/>
      <c r="C7593" s="6" t="s">
        <v>7617</v>
      </c>
      <c r="D7593" s="6"/>
      <c r="E7593" s="6" t="s">
        <v>9</v>
      </c>
      <c r="F7593" s="7">
        <v>38657</v>
      </c>
      <c r="G7593" s="8">
        <v>1</v>
      </c>
      <c r="H7593" s="8">
        <v>1</v>
      </c>
      <c r="I7593" s="8">
        <v>0</v>
      </c>
      <c r="J7593" s="8">
        <v>1</v>
      </c>
      <c r="K7593" s="9">
        <v>310</v>
      </c>
      <c r="L7593" s="6" t="s">
        <v>51</v>
      </c>
    </row>
    <row r="7594" spans="1:12">
      <c r="A7594" s="6" t="s">
        <v>49</v>
      </c>
      <c r="B7594" s="6"/>
      <c r="C7594" s="6" t="s">
        <v>7618</v>
      </c>
      <c r="D7594" s="6"/>
      <c r="E7594" s="6" t="s">
        <v>9</v>
      </c>
      <c r="F7594" s="7">
        <v>38657</v>
      </c>
      <c r="G7594" s="8">
        <v>1</v>
      </c>
      <c r="H7594" s="8">
        <v>1</v>
      </c>
      <c r="I7594" s="8">
        <v>0</v>
      </c>
      <c r="J7594" s="8">
        <v>1</v>
      </c>
      <c r="K7594" s="9">
        <v>241</v>
      </c>
      <c r="L7594" s="6" t="s">
        <v>51</v>
      </c>
    </row>
    <row r="7595" spans="1:12">
      <c r="A7595" s="6" t="s">
        <v>49</v>
      </c>
      <c r="B7595" s="6"/>
      <c r="C7595" s="6" t="s">
        <v>7619</v>
      </c>
      <c r="D7595" s="6"/>
      <c r="E7595" s="6" t="s">
        <v>9</v>
      </c>
      <c r="F7595" s="7">
        <v>38657</v>
      </c>
      <c r="G7595" s="8">
        <v>1</v>
      </c>
      <c r="H7595" s="8">
        <v>1</v>
      </c>
      <c r="I7595" s="8">
        <v>0</v>
      </c>
      <c r="J7595" s="8">
        <v>1</v>
      </c>
      <c r="K7595" s="9">
        <v>127</v>
      </c>
      <c r="L7595" s="6" t="s">
        <v>51</v>
      </c>
    </row>
    <row r="7596" spans="1:12">
      <c r="A7596" s="6" t="s">
        <v>49</v>
      </c>
      <c r="B7596" s="6"/>
      <c r="C7596" s="6" t="s">
        <v>7620</v>
      </c>
      <c r="D7596" s="6"/>
      <c r="E7596" s="6" t="s">
        <v>9</v>
      </c>
      <c r="F7596" s="7">
        <v>38657</v>
      </c>
      <c r="G7596" s="8">
        <v>1</v>
      </c>
      <c r="H7596" s="8">
        <v>1</v>
      </c>
      <c r="I7596" s="8">
        <v>0</v>
      </c>
      <c r="J7596" s="8">
        <v>1</v>
      </c>
      <c r="K7596" s="9">
        <v>71</v>
      </c>
      <c r="L7596" s="6" t="s">
        <v>51</v>
      </c>
    </row>
    <row r="7597" spans="1:12">
      <c r="A7597" s="6" t="s">
        <v>49</v>
      </c>
      <c r="B7597" s="6"/>
      <c r="C7597" s="6" t="s">
        <v>7621</v>
      </c>
      <c r="D7597" s="6"/>
      <c r="E7597" s="6" t="s">
        <v>9</v>
      </c>
      <c r="F7597" s="7">
        <v>38657</v>
      </c>
      <c r="G7597" s="8">
        <v>1</v>
      </c>
      <c r="H7597" s="8">
        <v>1</v>
      </c>
      <c r="I7597" s="8">
        <v>0</v>
      </c>
      <c r="J7597" s="8">
        <v>1</v>
      </c>
      <c r="K7597" s="9">
        <v>206.82</v>
      </c>
      <c r="L7597" s="6" t="s">
        <v>51</v>
      </c>
    </row>
    <row r="7598" spans="1:12">
      <c r="A7598" s="6" t="s">
        <v>49</v>
      </c>
      <c r="B7598" s="6"/>
      <c r="C7598" s="6" t="s">
        <v>7622</v>
      </c>
      <c r="D7598" s="6"/>
      <c r="E7598" s="6" t="s">
        <v>9</v>
      </c>
      <c r="F7598" s="7">
        <v>38657</v>
      </c>
      <c r="G7598" s="8">
        <v>1</v>
      </c>
      <c r="H7598" s="8">
        <v>1</v>
      </c>
      <c r="I7598" s="8">
        <v>0</v>
      </c>
      <c r="J7598" s="8">
        <v>1</v>
      </c>
      <c r="K7598" s="9">
        <v>574</v>
      </c>
      <c r="L7598" s="6" t="s">
        <v>51</v>
      </c>
    </row>
    <row r="7599" spans="1:12">
      <c r="A7599" s="6" t="s">
        <v>49</v>
      </c>
      <c r="B7599" s="6"/>
      <c r="C7599" s="6" t="s">
        <v>7623</v>
      </c>
      <c r="D7599" s="6"/>
      <c r="E7599" s="6" t="s">
        <v>9</v>
      </c>
      <c r="F7599" s="7">
        <v>38657</v>
      </c>
      <c r="G7599" s="8">
        <v>1</v>
      </c>
      <c r="H7599" s="8">
        <v>1</v>
      </c>
      <c r="I7599" s="8">
        <v>0</v>
      </c>
      <c r="J7599" s="8">
        <v>1</v>
      </c>
      <c r="K7599" s="9">
        <v>89</v>
      </c>
      <c r="L7599" s="6" t="s">
        <v>51</v>
      </c>
    </row>
    <row r="7600" spans="1:12">
      <c r="A7600" s="6" t="s">
        <v>49</v>
      </c>
      <c r="B7600" s="6"/>
      <c r="C7600" s="6" t="s">
        <v>7624</v>
      </c>
      <c r="D7600" s="6"/>
      <c r="E7600" s="6" t="s">
        <v>9</v>
      </c>
      <c r="F7600" s="7">
        <v>38657</v>
      </c>
      <c r="G7600" s="8">
        <v>1</v>
      </c>
      <c r="H7600" s="8">
        <v>1</v>
      </c>
      <c r="I7600" s="8">
        <v>0</v>
      </c>
      <c r="J7600" s="8">
        <v>1</v>
      </c>
      <c r="K7600" s="9">
        <v>528</v>
      </c>
      <c r="L7600" s="6" t="s">
        <v>51</v>
      </c>
    </row>
    <row r="7601" spans="1:12">
      <c r="A7601" s="6" t="s">
        <v>49</v>
      </c>
      <c r="B7601" s="6"/>
      <c r="C7601" s="6" t="s">
        <v>7625</v>
      </c>
      <c r="D7601" s="6"/>
      <c r="E7601" s="6" t="s">
        <v>9</v>
      </c>
      <c r="F7601" s="7">
        <v>38657</v>
      </c>
      <c r="G7601" s="8">
        <v>1</v>
      </c>
      <c r="H7601" s="8">
        <v>1</v>
      </c>
      <c r="I7601" s="8">
        <v>0</v>
      </c>
      <c r="J7601" s="8">
        <v>1</v>
      </c>
      <c r="K7601" s="9">
        <v>131</v>
      </c>
      <c r="L7601" s="6" t="s">
        <v>51</v>
      </c>
    </row>
    <row r="7602" spans="1:12">
      <c r="A7602" s="6" t="s">
        <v>49</v>
      </c>
      <c r="B7602" s="6"/>
      <c r="C7602" s="6" t="s">
        <v>7626</v>
      </c>
      <c r="D7602" s="6"/>
      <c r="E7602" s="6" t="s">
        <v>9</v>
      </c>
      <c r="F7602" s="7">
        <v>38657</v>
      </c>
      <c r="G7602" s="8">
        <v>1</v>
      </c>
      <c r="H7602" s="8">
        <v>1</v>
      </c>
      <c r="I7602" s="8">
        <v>0</v>
      </c>
      <c r="J7602" s="8">
        <v>1</v>
      </c>
      <c r="K7602" s="9">
        <v>271</v>
      </c>
      <c r="L7602" s="6" t="s">
        <v>51</v>
      </c>
    </row>
    <row r="7603" spans="1:12">
      <c r="A7603" s="6" t="s">
        <v>49</v>
      </c>
      <c r="B7603" s="6"/>
      <c r="C7603" s="6" t="s">
        <v>7627</v>
      </c>
      <c r="D7603" s="6"/>
      <c r="E7603" s="6" t="s">
        <v>9</v>
      </c>
      <c r="F7603" s="7">
        <v>38657</v>
      </c>
      <c r="G7603" s="8">
        <v>1</v>
      </c>
      <c r="H7603" s="8">
        <v>1</v>
      </c>
      <c r="I7603" s="8">
        <v>0</v>
      </c>
      <c r="J7603" s="8">
        <v>1</v>
      </c>
      <c r="K7603" s="9">
        <v>310</v>
      </c>
      <c r="L7603" s="6" t="s">
        <v>51</v>
      </c>
    </row>
    <row r="7604" spans="1:12">
      <c r="A7604" s="6" t="s">
        <v>49</v>
      </c>
      <c r="B7604" s="6"/>
      <c r="C7604" s="6" t="s">
        <v>7628</v>
      </c>
      <c r="D7604" s="6"/>
      <c r="E7604" s="6" t="s">
        <v>9</v>
      </c>
      <c r="F7604" s="7">
        <v>38657</v>
      </c>
      <c r="G7604" s="8">
        <v>1</v>
      </c>
      <c r="H7604" s="8">
        <v>1</v>
      </c>
      <c r="I7604" s="8">
        <v>0</v>
      </c>
      <c r="J7604" s="8">
        <v>1</v>
      </c>
      <c r="K7604" s="9">
        <v>7.65</v>
      </c>
      <c r="L7604" s="6" t="s">
        <v>51</v>
      </c>
    </row>
    <row r="7605" spans="1:12">
      <c r="A7605" s="6" t="s">
        <v>49</v>
      </c>
      <c r="B7605" s="6"/>
      <c r="C7605" s="6" t="s">
        <v>7629</v>
      </c>
      <c r="D7605" s="6"/>
      <c r="E7605" s="6" t="s">
        <v>9</v>
      </c>
      <c r="F7605" s="7">
        <v>38657</v>
      </c>
      <c r="G7605" s="8">
        <v>1</v>
      </c>
      <c r="H7605" s="8">
        <v>1</v>
      </c>
      <c r="I7605" s="8">
        <v>0</v>
      </c>
      <c r="J7605" s="8">
        <v>1</v>
      </c>
      <c r="K7605" s="9">
        <v>28</v>
      </c>
      <c r="L7605" s="6" t="s">
        <v>51</v>
      </c>
    </row>
    <row r="7606" spans="1:12">
      <c r="A7606" s="6" t="s">
        <v>49</v>
      </c>
      <c r="B7606" s="6"/>
      <c r="C7606" s="6" t="s">
        <v>7630</v>
      </c>
      <c r="D7606" s="6"/>
      <c r="E7606" s="6" t="s">
        <v>9</v>
      </c>
      <c r="F7606" s="7">
        <v>39807</v>
      </c>
      <c r="G7606" s="8">
        <v>1952013</v>
      </c>
      <c r="H7606" s="8">
        <v>1952013</v>
      </c>
      <c r="I7606" s="8">
        <v>0</v>
      </c>
      <c r="J7606" s="8">
        <v>1952013</v>
      </c>
      <c r="K7606" s="9">
        <v>131</v>
      </c>
      <c r="L7606" s="6" t="s">
        <v>51</v>
      </c>
    </row>
    <row r="7607" spans="1:12">
      <c r="A7607" s="6" t="s">
        <v>49</v>
      </c>
      <c r="B7607" s="6"/>
      <c r="C7607" s="6" t="s">
        <v>7631</v>
      </c>
      <c r="D7607" s="6"/>
      <c r="E7607" s="6" t="s">
        <v>9</v>
      </c>
      <c r="F7607" s="7">
        <v>38657</v>
      </c>
      <c r="G7607" s="8">
        <v>1</v>
      </c>
      <c r="H7607" s="8">
        <v>1</v>
      </c>
      <c r="I7607" s="8">
        <v>0</v>
      </c>
      <c r="J7607" s="8">
        <v>1</v>
      </c>
      <c r="K7607" s="9">
        <v>7.94</v>
      </c>
      <c r="L7607" s="6" t="s">
        <v>51</v>
      </c>
    </row>
    <row r="7608" spans="1:12">
      <c r="A7608" s="6" t="s">
        <v>49</v>
      </c>
      <c r="B7608" s="6"/>
      <c r="C7608" s="6" t="s">
        <v>7632</v>
      </c>
      <c r="D7608" s="6"/>
      <c r="E7608" s="6" t="s">
        <v>9</v>
      </c>
      <c r="F7608" s="7">
        <v>38657</v>
      </c>
      <c r="G7608" s="8">
        <v>1</v>
      </c>
      <c r="H7608" s="8">
        <v>1</v>
      </c>
      <c r="I7608" s="8">
        <v>0</v>
      </c>
      <c r="J7608" s="8">
        <v>1</v>
      </c>
      <c r="K7608" s="9">
        <v>14</v>
      </c>
      <c r="L7608" s="6" t="s">
        <v>51</v>
      </c>
    </row>
    <row r="7609" spans="1:12">
      <c r="A7609" s="6" t="s">
        <v>49</v>
      </c>
      <c r="B7609" s="6"/>
      <c r="C7609" s="6" t="s">
        <v>7633</v>
      </c>
      <c r="D7609" s="6"/>
      <c r="E7609" s="6" t="s">
        <v>9</v>
      </c>
      <c r="F7609" s="7">
        <v>38657</v>
      </c>
      <c r="G7609" s="8">
        <v>1</v>
      </c>
      <c r="H7609" s="8">
        <v>1</v>
      </c>
      <c r="I7609" s="8">
        <v>0</v>
      </c>
      <c r="J7609" s="8">
        <v>1</v>
      </c>
      <c r="K7609" s="9">
        <v>109.09</v>
      </c>
      <c r="L7609" s="6" t="s">
        <v>51</v>
      </c>
    </row>
    <row r="7610" spans="1:12">
      <c r="A7610" s="6" t="s">
        <v>49</v>
      </c>
      <c r="B7610" s="6"/>
      <c r="C7610" s="6" t="s">
        <v>7634</v>
      </c>
      <c r="D7610" s="6"/>
      <c r="E7610" s="6" t="s">
        <v>9</v>
      </c>
      <c r="F7610" s="7">
        <v>39807</v>
      </c>
      <c r="G7610" s="8">
        <v>1148805</v>
      </c>
      <c r="H7610" s="8">
        <v>1148805</v>
      </c>
      <c r="I7610" s="8">
        <v>0</v>
      </c>
      <c r="J7610" s="8">
        <v>1148805</v>
      </c>
      <c r="K7610" s="9">
        <v>78</v>
      </c>
      <c r="L7610" s="6" t="s">
        <v>51</v>
      </c>
    </row>
    <row r="7611" spans="1:12">
      <c r="A7611" s="6" t="s">
        <v>49</v>
      </c>
      <c r="B7611" s="6"/>
      <c r="C7611" s="6" t="s">
        <v>7635</v>
      </c>
      <c r="D7611" s="6"/>
      <c r="E7611" s="6" t="s">
        <v>9</v>
      </c>
      <c r="F7611" s="7">
        <v>40543</v>
      </c>
      <c r="G7611" s="8">
        <v>1</v>
      </c>
      <c r="H7611" s="8">
        <v>1</v>
      </c>
      <c r="I7611" s="8">
        <v>0</v>
      </c>
      <c r="J7611" s="8">
        <v>1</v>
      </c>
      <c r="K7611" s="9">
        <v>279</v>
      </c>
      <c r="L7611" s="6" t="s">
        <v>51</v>
      </c>
    </row>
    <row r="7612" spans="1:12">
      <c r="A7612" s="6" t="s">
        <v>49</v>
      </c>
      <c r="B7612" s="6"/>
      <c r="C7612" s="6" t="s">
        <v>7636</v>
      </c>
      <c r="D7612" s="6"/>
      <c r="E7612" s="6" t="s">
        <v>9</v>
      </c>
      <c r="F7612" s="7">
        <v>39807</v>
      </c>
      <c r="G7612" s="8">
        <v>2082402</v>
      </c>
      <c r="H7612" s="8">
        <v>2082402</v>
      </c>
      <c r="I7612" s="8">
        <v>0</v>
      </c>
      <c r="J7612" s="8">
        <v>2082402</v>
      </c>
      <c r="K7612" s="9">
        <v>141</v>
      </c>
      <c r="L7612" s="6" t="s">
        <v>51</v>
      </c>
    </row>
    <row r="7613" spans="1:12">
      <c r="A7613" s="6" t="s">
        <v>49</v>
      </c>
      <c r="B7613" s="6"/>
      <c r="C7613" s="6" t="s">
        <v>7637</v>
      </c>
      <c r="D7613" s="6"/>
      <c r="E7613" s="6" t="s">
        <v>9</v>
      </c>
      <c r="F7613" s="7">
        <v>38657</v>
      </c>
      <c r="G7613" s="8">
        <v>1</v>
      </c>
      <c r="H7613" s="8">
        <v>1</v>
      </c>
      <c r="I7613" s="8">
        <v>0</v>
      </c>
      <c r="J7613" s="8">
        <v>1</v>
      </c>
      <c r="K7613" s="9">
        <v>6</v>
      </c>
      <c r="L7613" s="6" t="s">
        <v>51</v>
      </c>
    </row>
    <row r="7614" spans="1:12">
      <c r="A7614" s="6" t="s">
        <v>49</v>
      </c>
      <c r="B7614" s="6"/>
      <c r="C7614" s="6" t="s">
        <v>7638</v>
      </c>
      <c r="D7614" s="6"/>
      <c r="E7614" s="6" t="s">
        <v>9</v>
      </c>
      <c r="F7614" s="7">
        <v>38657</v>
      </c>
      <c r="G7614" s="8">
        <v>1</v>
      </c>
      <c r="H7614" s="8">
        <v>1</v>
      </c>
      <c r="I7614" s="8">
        <v>0</v>
      </c>
      <c r="J7614" s="8">
        <v>1</v>
      </c>
      <c r="K7614" s="9">
        <v>237</v>
      </c>
      <c r="L7614" s="6" t="s">
        <v>51</v>
      </c>
    </row>
    <row r="7615" spans="1:12">
      <c r="A7615" s="6" t="s">
        <v>49</v>
      </c>
      <c r="B7615" s="6"/>
      <c r="C7615" s="6" t="s">
        <v>7639</v>
      </c>
      <c r="D7615" s="6"/>
      <c r="E7615" s="6" t="s">
        <v>9</v>
      </c>
      <c r="F7615" s="7">
        <v>38657</v>
      </c>
      <c r="G7615" s="8">
        <v>1</v>
      </c>
      <c r="H7615" s="8">
        <v>1</v>
      </c>
      <c r="I7615" s="8">
        <v>0</v>
      </c>
      <c r="J7615" s="8">
        <v>1</v>
      </c>
      <c r="K7615" s="9">
        <v>25</v>
      </c>
      <c r="L7615" s="6" t="s">
        <v>51</v>
      </c>
    </row>
    <row r="7616" spans="1:12">
      <c r="A7616" s="6" t="s">
        <v>49</v>
      </c>
      <c r="B7616" s="6"/>
      <c r="C7616" s="6" t="s">
        <v>7640</v>
      </c>
      <c r="D7616" s="6"/>
      <c r="E7616" s="6" t="s">
        <v>9</v>
      </c>
      <c r="F7616" s="7">
        <v>38657</v>
      </c>
      <c r="G7616" s="8">
        <v>1</v>
      </c>
      <c r="H7616" s="8">
        <v>1</v>
      </c>
      <c r="I7616" s="8">
        <v>0</v>
      </c>
      <c r="J7616" s="8">
        <v>1</v>
      </c>
      <c r="K7616" s="9">
        <v>84</v>
      </c>
      <c r="L7616" s="6" t="s">
        <v>51</v>
      </c>
    </row>
    <row r="7617" spans="1:12">
      <c r="A7617" s="6" t="s">
        <v>49</v>
      </c>
      <c r="B7617" s="6"/>
      <c r="C7617" s="6" t="s">
        <v>7641</v>
      </c>
      <c r="D7617" s="6"/>
      <c r="E7617" s="6" t="s">
        <v>9</v>
      </c>
      <c r="F7617" s="7">
        <v>38657</v>
      </c>
      <c r="G7617" s="8">
        <v>1</v>
      </c>
      <c r="H7617" s="8">
        <v>1</v>
      </c>
      <c r="I7617" s="8">
        <v>0</v>
      </c>
      <c r="J7617" s="8">
        <v>1</v>
      </c>
      <c r="K7617" s="9">
        <v>53</v>
      </c>
      <c r="L7617" s="6" t="s">
        <v>51</v>
      </c>
    </row>
    <row r="7618" spans="1:12">
      <c r="A7618" s="6" t="s">
        <v>49</v>
      </c>
      <c r="B7618" s="6"/>
      <c r="C7618" s="6" t="s">
        <v>7642</v>
      </c>
      <c r="D7618" s="6"/>
      <c r="E7618" s="6" t="s">
        <v>9</v>
      </c>
      <c r="F7618" s="7">
        <v>38657</v>
      </c>
      <c r="G7618" s="8">
        <v>1</v>
      </c>
      <c r="H7618" s="8">
        <v>1</v>
      </c>
      <c r="I7618" s="8">
        <v>0</v>
      </c>
      <c r="J7618" s="8">
        <v>1</v>
      </c>
      <c r="K7618" s="9">
        <v>53</v>
      </c>
      <c r="L7618" s="6" t="s">
        <v>51</v>
      </c>
    </row>
    <row r="7619" spans="1:12">
      <c r="A7619" s="6" t="s">
        <v>49</v>
      </c>
      <c r="B7619" s="6"/>
      <c r="C7619" s="6" t="s">
        <v>7643</v>
      </c>
      <c r="D7619" s="6"/>
      <c r="E7619" s="6" t="s">
        <v>9</v>
      </c>
      <c r="F7619" s="7">
        <v>38657</v>
      </c>
      <c r="G7619" s="8">
        <v>1</v>
      </c>
      <c r="H7619" s="8">
        <v>1</v>
      </c>
      <c r="I7619" s="8">
        <v>0</v>
      </c>
      <c r="J7619" s="8">
        <v>1</v>
      </c>
      <c r="K7619" s="9">
        <v>56</v>
      </c>
      <c r="L7619" s="6" t="s">
        <v>51</v>
      </c>
    </row>
    <row r="7620" spans="1:12">
      <c r="A7620" s="6" t="s">
        <v>49</v>
      </c>
      <c r="B7620" s="6"/>
      <c r="C7620" s="6" t="s">
        <v>7644</v>
      </c>
      <c r="D7620" s="6"/>
      <c r="E7620" s="6" t="s">
        <v>9</v>
      </c>
      <c r="F7620" s="7">
        <v>38657</v>
      </c>
      <c r="G7620" s="8">
        <v>1</v>
      </c>
      <c r="H7620" s="8">
        <v>1</v>
      </c>
      <c r="I7620" s="8">
        <v>0</v>
      </c>
      <c r="J7620" s="8">
        <v>1</v>
      </c>
      <c r="K7620" s="9">
        <v>1.99</v>
      </c>
      <c r="L7620" s="6" t="s">
        <v>51</v>
      </c>
    </row>
    <row r="7621" spans="1:12">
      <c r="A7621" s="6" t="s">
        <v>49</v>
      </c>
      <c r="B7621" s="6"/>
      <c r="C7621" s="6" t="s">
        <v>7645</v>
      </c>
      <c r="D7621" s="6"/>
      <c r="E7621" s="6" t="s">
        <v>9</v>
      </c>
      <c r="F7621" s="7">
        <v>38657</v>
      </c>
      <c r="G7621" s="8">
        <v>1</v>
      </c>
      <c r="H7621" s="8">
        <v>1</v>
      </c>
      <c r="I7621" s="8">
        <v>0</v>
      </c>
      <c r="J7621" s="8">
        <v>1</v>
      </c>
      <c r="K7621" s="9">
        <v>53</v>
      </c>
      <c r="L7621" s="6" t="s">
        <v>51</v>
      </c>
    </row>
    <row r="7622" spans="1:12">
      <c r="A7622" s="6" t="s">
        <v>49</v>
      </c>
      <c r="B7622" s="6"/>
      <c r="C7622" s="6" t="s">
        <v>7646</v>
      </c>
      <c r="D7622" s="6"/>
      <c r="E7622" s="6" t="s">
        <v>9</v>
      </c>
      <c r="F7622" s="7">
        <v>38657</v>
      </c>
      <c r="G7622" s="8">
        <v>1</v>
      </c>
      <c r="H7622" s="8">
        <v>1</v>
      </c>
      <c r="I7622" s="8">
        <v>0</v>
      </c>
      <c r="J7622" s="8">
        <v>1</v>
      </c>
      <c r="K7622" s="9">
        <v>53</v>
      </c>
      <c r="L7622" s="6" t="s">
        <v>51</v>
      </c>
    </row>
    <row r="7623" spans="1:12">
      <c r="A7623" s="6" t="s">
        <v>49</v>
      </c>
      <c r="B7623" s="6"/>
      <c r="C7623" s="6" t="s">
        <v>7647</v>
      </c>
      <c r="D7623" s="6"/>
      <c r="E7623" s="6" t="s">
        <v>9</v>
      </c>
      <c r="F7623" s="7">
        <v>38657</v>
      </c>
      <c r="G7623" s="8">
        <v>1</v>
      </c>
      <c r="H7623" s="8">
        <v>1</v>
      </c>
      <c r="I7623" s="8">
        <v>0</v>
      </c>
      <c r="J7623" s="8">
        <v>1</v>
      </c>
      <c r="K7623" s="9">
        <v>53</v>
      </c>
      <c r="L7623" s="6" t="s">
        <v>51</v>
      </c>
    </row>
    <row r="7624" spans="1:12">
      <c r="A7624" s="6" t="s">
        <v>49</v>
      </c>
      <c r="B7624" s="6"/>
      <c r="C7624" s="6" t="s">
        <v>7648</v>
      </c>
      <c r="D7624" s="6"/>
      <c r="E7624" s="6" t="s">
        <v>9</v>
      </c>
      <c r="F7624" s="7">
        <v>38657</v>
      </c>
      <c r="G7624" s="8">
        <v>1</v>
      </c>
      <c r="H7624" s="8">
        <v>1</v>
      </c>
      <c r="I7624" s="8">
        <v>0</v>
      </c>
      <c r="J7624" s="8">
        <v>1</v>
      </c>
      <c r="K7624" s="9">
        <v>69</v>
      </c>
      <c r="L7624" s="6" t="s">
        <v>51</v>
      </c>
    </row>
    <row r="7625" spans="1:12">
      <c r="A7625" s="6" t="s">
        <v>49</v>
      </c>
      <c r="B7625" s="6"/>
      <c r="C7625" s="6" t="s">
        <v>7649</v>
      </c>
      <c r="D7625" s="6"/>
      <c r="E7625" s="6" t="s">
        <v>9</v>
      </c>
      <c r="F7625" s="7">
        <v>38657</v>
      </c>
      <c r="G7625" s="8">
        <v>1</v>
      </c>
      <c r="H7625" s="8">
        <v>1</v>
      </c>
      <c r="I7625" s="8">
        <v>0</v>
      </c>
      <c r="J7625" s="8">
        <v>1</v>
      </c>
      <c r="K7625" s="9">
        <v>1423</v>
      </c>
      <c r="L7625" s="6" t="s">
        <v>51</v>
      </c>
    </row>
    <row r="7626" spans="1:12">
      <c r="A7626" s="6" t="s">
        <v>49</v>
      </c>
      <c r="B7626" s="6"/>
      <c r="C7626" s="6" t="s">
        <v>7650</v>
      </c>
      <c r="D7626" s="6"/>
      <c r="E7626" s="6" t="s">
        <v>9</v>
      </c>
      <c r="F7626" s="7">
        <v>38657</v>
      </c>
      <c r="G7626" s="8">
        <v>1</v>
      </c>
      <c r="H7626" s="8">
        <v>1</v>
      </c>
      <c r="I7626" s="8">
        <v>0</v>
      </c>
      <c r="J7626" s="8">
        <v>1</v>
      </c>
      <c r="K7626" s="9">
        <v>48</v>
      </c>
      <c r="L7626" s="6" t="s">
        <v>51</v>
      </c>
    </row>
    <row r="7627" spans="1:12">
      <c r="A7627" s="6" t="s">
        <v>49</v>
      </c>
      <c r="B7627" s="6"/>
      <c r="C7627" s="6" t="s">
        <v>7651</v>
      </c>
      <c r="D7627" s="6"/>
      <c r="E7627" s="6" t="s">
        <v>9</v>
      </c>
      <c r="F7627" s="7">
        <v>38657</v>
      </c>
      <c r="G7627" s="8">
        <v>1</v>
      </c>
      <c r="H7627" s="8">
        <v>1</v>
      </c>
      <c r="I7627" s="8">
        <v>0</v>
      </c>
      <c r="J7627" s="8">
        <v>1</v>
      </c>
      <c r="K7627" s="9">
        <v>32</v>
      </c>
      <c r="L7627" s="6" t="s">
        <v>51</v>
      </c>
    </row>
    <row r="7628" spans="1:12">
      <c r="A7628" s="6" t="s">
        <v>49</v>
      </c>
      <c r="B7628" s="6"/>
      <c r="C7628" s="6" t="s">
        <v>7652</v>
      </c>
      <c r="D7628" s="6"/>
      <c r="E7628" s="6" t="s">
        <v>9</v>
      </c>
      <c r="F7628" s="7">
        <v>38657</v>
      </c>
      <c r="G7628" s="8">
        <v>1</v>
      </c>
      <c r="H7628" s="8">
        <v>1</v>
      </c>
      <c r="I7628" s="8">
        <v>0</v>
      </c>
      <c r="J7628" s="8">
        <v>1</v>
      </c>
      <c r="K7628" s="9">
        <v>104</v>
      </c>
      <c r="L7628" s="6" t="s">
        <v>51</v>
      </c>
    </row>
    <row r="7629" spans="1:12">
      <c r="A7629" s="6" t="s">
        <v>49</v>
      </c>
      <c r="B7629" s="6"/>
      <c r="C7629" s="6" t="s">
        <v>7653</v>
      </c>
      <c r="D7629" s="6"/>
      <c r="E7629" s="6" t="s">
        <v>9</v>
      </c>
      <c r="F7629" s="7">
        <v>38657</v>
      </c>
      <c r="G7629" s="8">
        <v>1</v>
      </c>
      <c r="H7629" s="8">
        <v>1</v>
      </c>
      <c r="I7629" s="8">
        <v>0</v>
      </c>
      <c r="J7629" s="8">
        <v>1</v>
      </c>
      <c r="K7629" s="9">
        <v>363</v>
      </c>
      <c r="L7629" s="6" t="s">
        <v>51</v>
      </c>
    </row>
    <row r="7630" spans="1:12">
      <c r="A7630" s="6" t="s">
        <v>49</v>
      </c>
      <c r="B7630" s="6"/>
      <c r="C7630" s="6" t="s">
        <v>7654</v>
      </c>
      <c r="D7630" s="6"/>
      <c r="E7630" s="6" t="s">
        <v>9</v>
      </c>
      <c r="F7630" s="7">
        <v>38657</v>
      </c>
      <c r="G7630" s="8">
        <v>1</v>
      </c>
      <c r="H7630" s="8">
        <v>1</v>
      </c>
      <c r="I7630" s="8">
        <v>0</v>
      </c>
      <c r="J7630" s="8">
        <v>1</v>
      </c>
      <c r="K7630" s="9">
        <v>1.71</v>
      </c>
      <c r="L7630" s="6" t="s">
        <v>51</v>
      </c>
    </row>
    <row r="7631" spans="1:12">
      <c r="A7631" s="6" t="s">
        <v>49</v>
      </c>
      <c r="B7631" s="6"/>
      <c r="C7631" s="6" t="s">
        <v>7655</v>
      </c>
      <c r="D7631" s="6"/>
      <c r="E7631" s="6" t="s">
        <v>9</v>
      </c>
      <c r="F7631" s="7">
        <v>38657</v>
      </c>
      <c r="G7631" s="8">
        <v>1</v>
      </c>
      <c r="H7631" s="8">
        <v>1</v>
      </c>
      <c r="I7631" s="8">
        <v>0</v>
      </c>
      <c r="J7631" s="8">
        <v>1</v>
      </c>
      <c r="K7631" s="9">
        <v>168</v>
      </c>
      <c r="L7631" s="6" t="s">
        <v>51</v>
      </c>
    </row>
    <row r="7632" spans="1:12">
      <c r="A7632" s="6" t="s">
        <v>49</v>
      </c>
      <c r="B7632" s="6"/>
      <c r="C7632" s="6" t="s">
        <v>7656</v>
      </c>
      <c r="D7632" s="6"/>
      <c r="E7632" s="6" t="s">
        <v>9</v>
      </c>
      <c r="F7632" s="7">
        <v>40529</v>
      </c>
      <c r="G7632" s="8">
        <v>1</v>
      </c>
      <c r="H7632" s="8">
        <v>1</v>
      </c>
      <c r="I7632" s="8">
        <v>0</v>
      </c>
      <c r="J7632" s="8">
        <v>1</v>
      </c>
      <c r="K7632" s="9">
        <v>6.08</v>
      </c>
      <c r="L7632" s="6" t="s">
        <v>51</v>
      </c>
    </row>
    <row r="7633" spans="1:12">
      <c r="A7633" s="6" t="s">
        <v>49</v>
      </c>
      <c r="B7633" s="6"/>
      <c r="C7633" s="6" t="s">
        <v>7657</v>
      </c>
      <c r="D7633" s="6"/>
      <c r="E7633" s="6" t="s">
        <v>9</v>
      </c>
      <c r="F7633" s="7">
        <v>38657</v>
      </c>
      <c r="G7633" s="8">
        <v>1</v>
      </c>
      <c r="H7633" s="8">
        <v>1</v>
      </c>
      <c r="I7633" s="8">
        <v>0</v>
      </c>
      <c r="J7633" s="8">
        <v>1</v>
      </c>
      <c r="K7633" s="9">
        <v>15</v>
      </c>
      <c r="L7633" s="6" t="s">
        <v>51</v>
      </c>
    </row>
    <row r="7634" spans="1:12">
      <c r="A7634" s="6" t="s">
        <v>49</v>
      </c>
      <c r="B7634" s="6"/>
      <c r="C7634" s="6" t="s">
        <v>7658</v>
      </c>
      <c r="D7634" s="6"/>
      <c r="E7634" s="6" t="s">
        <v>9</v>
      </c>
      <c r="F7634" s="7">
        <v>38657</v>
      </c>
      <c r="G7634" s="8">
        <v>1</v>
      </c>
      <c r="H7634" s="8">
        <v>1</v>
      </c>
      <c r="I7634" s="8">
        <v>0</v>
      </c>
      <c r="J7634" s="8">
        <v>1</v>
      </c>
      <c r="K7634" s="9">
        <v>24</v>
      </c>
      <c r="L7634" s="6" t="s">
        <v>51</v>
      </c>
    </row>
    <row r="7635" spans="1:12">
      <c r="A7635" s="6" t="s">
        <v>49</v>
      </c>
      <c r="B7635" s="6"/>
      <c r="C7635" s="6" t="s">
        <v>7659</v>
      </c>
      <c r="D7635" s="6"/>
      <c r="E7635" s="6" t="s">
        <v>9</v>
      </c>
      <c r="F7635" s="7">
        <v>38657</v>
      </c>
      <c r="G7635" s="8">
        <v>1</v>
      </c>
      <c r="H7635" s="8">
        <v>1</v>
      </c>
      <c r="I7635" s="8">
        <v>0</v>
      </c>
      <c r="J7635" s="8">
        <v>1</v>
      </c>
      <c r="K7635" s="9">
        <v>1.83</v>
      </c>
      <c r="L7635" s="6" t="s">
        <v>51</v>
      </c>
    </row>
    <row r="7636" spans="1:12">
      <c r="A7636" s="6" t="s">
        <v>49</v>
      </c>
      <c r="B7636" s="6"/>
      <c r="C7636" s="6" t="s">
        <v>7660</v>
      </c>
      <c r="D7636" s="6"/>
      <c r="E7636" s="6" t="s">
        <v>9</v>
      </c>
      <c r="F7636" s="7">
        <v>38657</v>
      </c>
      <c r="G7636" s="8">
        <v>1</v>
      </c>
      <c r="H7636" s="8">
        <v>1</v>
      </c>
      <c r="I7636" s="8">
        <v>0</v>
      </c>
      <c r="J7636" s="8">
        <v>1</v>
      </c>
      <c r="K7636" s="9">
        <v>11</v>
      </c>
      <c r="L7636" s="6" t="s">
        <v>51</v>
      </c>
    </row>
    <row r="7637" spans="1:12">
      <c r="A7637" s="6" t="s">
        <v>49</v>
      </c>
      <c r="B7637" s="6"/>
      <c r="C7637" s="6" t="s">
        <v>7661</v>
      </c>
      <c r="D7637" s="6"/>
      <c r="E7637" s="6" t="s">
        <v>9</v>
      </c>
      <c r="F7637" s="7">
        <v>38657</v>
      </c>
      <c r="G7637" s="8">
        <v>1</v>
      </c>
      <c r="H7637" s="8">
        <v>1</v>
      </c>
      <c r="I7637" s="8">
        <v>0</v>
      </c>
      <c r="J7637" s="8">
        <v>1</v>
      </c>
      <c r="K7637" s="9">
        <v>34</v>
      </c>
      <c r="L7637" s="6" t="s">
        <v>51</v>
      </c>
    </row>
    <row r="7638" spans="1:12">
      <c r="A7638" s="6" t="s">
        <v>49</v>
      </c>
      <c r="B7638" s="6"/>
      <c r="C7638" s="6" t="s">
        <v>7662</v>
      </c>
      <c r="D7638" s="6"/>
      <c r="E7638" s="6" t="s">
        <v>9</v>
      </c>
      <c r="F7638" s="7">
        <v>38657</v>
      </c>
      <c r="G7638" s="8">
        <v>1</v>
      </c>
      <c r="H7638" s="8">
        <v>1</v>
      </c>
      <c r="I7638" s="8">
        <v>0</v>
      </c>
      <c r="J7638" s="8">
        <v>1</v>
      </c>
      <c r="K7638" s="9">
        <v>149</v>
      </c>
      <c r="L7638" s="6" t="s">
        <v>51</v>
      </c>
    </row>
    <row r="7639" spans="1:12">
      <c r="A7639" s="6" t="s">
        <v>49</v>
      </c>
      <c r="B7639" s="6"/>
      <c r="C7639" s="6" t="s">
        <v>7663</v>
      </c>
      <c r="D7639" s="6"/>
      <c r="E7639" s="6" t="s">
        <v>9</v>
      </c>
      <c r="F7639" s="7">
        <v>38657</v>
      </c>
      <c r="G7639" s="8">
        <v>1</v>
      </c>
      <c r="H7639" s="8">
        <v>1</v>
      </c>
      <c r="I7639" s="8">
        <v>0</v>
      </c>
      <c r="J7639" s="8">
        <v>1</v>
      </c>
      <c r="K7639" s="9">
        <v>786</v>
      </c>
      <c r="L7639" s="6" t="s">
        <v>51</v>
      </c>
    </row>
    <row r="7640" spans="1:12">
      <c r="A7640" s="6" t="s">
        <v>49</v>
      </c>
      <c r="B7640" s="6"/>
      <c r="C7640" s="6" t="s">
        <v>7664</v>
      </c>
      <c r="D7640" s="6"/>
      <c r="E7640" s="6" t="s">
        <v>9</v>
      </c>
      <c r="F7640" s="7">
        <v>38657</v>
      </c>
      <c r="G7640" s="8">
        <v>1</v>
      </c>
      <c r="H7640" s="8">
        <v>1</v>
      </c>
      <c r="I7640" s="8">
        <v>0</v>
      </c>
      <c r="J7640" s="8">
        <v>1</v>
      </c>
      <c r="K7640" s="9">
        <v>240</v>
      </c>
      <c r="L7640" s="6" t="s">
        <v>51</v>
      </c>
    </row>
    <row r="7641" spans="1:12">
      <c r="A7641" s="6" t="s">
        <v>49</v>
      </c>
      <c r="B7641" s="6"/>
      <c r="C7641" s="6" t="s">
        <v>7665</v>
      </c>
      <c r="D7641" s="6"/>
      <c r="E7641" s="6" t="s">
        <v>9</v>
      </c>
      <c r="F7641" s="7">
        <v>38657</v>
      </c>
      <c r="G7641" s="8">
        <v>1</v>
      </c>
      <c r="H7641" s="8">
        <v>1</v>
      </c>
      <c r="I7641" s="8">
        <v>0</v>
      </c>
      <c r="J7641" s="8">
        <v>1</v>
      </c>
      <c r="K7641" s="9">
        <v>379</v>
      </c>
      <c r="L7641" s="6" t="s">
        <v>51</v>
      </c>
    </row>
    <row r="7642" spans="1:12">
      <c r="A7642" s="6" t="s">
        <v>49</v>
      </c>
      <c r="B7642" s="6"/>
      <c r="C7642" s="6" t="s">
        <v>7666</v>
      </c>
      <c r="D7642" s="6"/>
      <c r="E7642" s="6" t="s">
        <v>9</v>
      </c>
      <c r="F7642" s="7">
        <v>38657</v>
      </c>
      <c r="G7642" s="8">
        <v>1</v>
      </c>
      <c r="H7642" s="8">
        <v>1</v>
      </c>
      <c r="I7642" s="8">
        <v>0</v>
      </c>
      <c r="J7642" s="8">
        <v>1</v>
      </c>
      <c r="K7642" s="9">
        <v>122</v>
      </c>
      <c r="L7642" s="6" t="s">
        <v>51</v>
      </c>
    </row>
    <row r="7643" spans="1:12">
      <c r="A7643" s="6" t="s">
        <v>49</v>
      </c>
      <c r="B7643" s="6"/>
      <c r="C7643" s="6" t="s">
        <v>7667</v>
      </c>
      <c r="D7643" s="6"/>
      <c r="E7643" s="6" t="s">
        <v>9</v>
      </c>
      <c r="F7643" s="7">
        <v>38657</v>
      </c>
      <c r="G7643" s="8">
        <v>1</v>
      </c>
      <c r="H7643" s="8">
        <v>1</v>
      </c>
      <c r="I7643" s="8">
        <v>0</v>
      </c>
      <c r="J7643" s="8">
        <v>1</v>
      </c>
      <c r="K7643" s="9">
        <v>34</v>
      </c>
      <c r="L7643" s="6" t="s">
        <v>51</v>
      </c>
    </row>
    <row r="7644" spans="1:12">
      <c r="A7644" s="6" t="s">
        <v>49</v>
      </c>
      <c r="B7644" s="6"/>
      <c r="C7644" s="6" t="s">
        <v>7668</v>
      </c>
      <c r="D7644" s="6"/>
      <c r="E7644" s="6" t="s">
        <v>9</v>
      </c>
      <c r="F7644" s="7">
        <v>38657</v>
      </c>
      <c r="G7644" s="8">
        <v>1</v>
      </c>
      <c r="H7644" s="8">
        <v>1</v>
      </c>
      <c r="I7644" s="8">
        <v>0</v>
      </c>
      <c r="J7644" s="8">
        <v>1</v>
      </c>
      <c r="K7644" s="9">
        <v>166</v>
      </c>
      <c r="L7644" s="6" t="s">
        <v>51</v>
      </c>
    </row>
    <row r="7645" spans="1:12">
      <c r="A7645" s="6" t="s">
        <v>49</v>
      </c>
      <c r="B7645" s="6"/>
      <c r="C7645" s="6" t="s">
        <v>7669</v>
      </c>
      <c r="D7645" s="6"/>
      <c r="E7645" s="6" t="s">
        <v>9</v>
      </c>
      <c r="F7645" s="7">
        <v>38657</v>
      </c>
      <c r="G7645" s="8">
        <v>1</v>
      </c>
      <c r="H7645" s="8">
        <v>1</v>
      </c>
      <c r="I7645" s="8">
        <v>0</v>
      </c>
      <c r="J7645" s="8">
        <v>1</v>
      </c>
      <c r="K7645" s="9">
        <v>203</v>
      </c>
      <c r="L7645" s="6" t="s">
        <v>51</v>
      </c>
    </row>
    <row r="7646" spans="1:12">
      <c r="A7646" s="6" t="s">
        <v>49</v>
      </c>
      <c r="B7646" s="6"/>
      <c r="C7646" s="6" t="s">
        <v>7670</v>
      </c>
      <c r="D7646" s="6"/>
      <c r="E7646" s="6" t="s">
        <v>9</v>
      </c>
      <c r="F7646" s="7">
        <v>38657</v>
      </c>
      <c r="G7646" s="8">
        <v>1</v>
      </c>
      <c r="H7646" s="8">
        <v>1</v>
      </c>
      <c r="I7646" s="8">
        <v>0</v>
      </c>
      <c r="J7646" s="8">
        <v>1</v>
      </c>
      <c r="K7646" s="9">
        <v>44</v>
      </c>
      <c r="L7646" s="6" t="s">
        <v>51</v>
      </c>
    </row>
    <row r="7647" spans="1:12">
      <c r="A7647" s="6" t="s">
        <v>49</v>
      </c>
      <c r="B7647" s="6"/>
      <c r="C7647" s="6" t="s">
        <v>7671</v>
      </c>
      <c r="D7647" s="6"/>
      <c r="E7647" s="6" t="s">
        <v>9</v>
      </c>
      <c r="F7647" s="7">
        <v>38657</v>
      </c>
      <c r="G7647" s="8">
        <v>1</v>
      </c>
      <c r="H7647" s="8">
        <v>1</v>
      </c>
      <c r="I7647" s="8">
        <v>0</v>
      </c>
      <c r="J7647" s="8">
        <v>1</v>
      </c>
      <c r="K7647" s="9">
        <v>115</v>
      </c>
      <c r="L7647" s="6" t="s">
        <v>51</v>
      </c>
    </row>
    <row r="7648" spans="1:12">
      <c r="A7648" s="6" t="s">
        <v>49</v>
      </c>
      <c r="B7648" s="6"/>
      <c r="C7648" s="6" t="s">
        <v>7672</v>
      </c>
      <c r="D7648" s="6"/>
      <c r="E7648" s="6" t="s">
        <v>9</v>
      </c>
      <c r="F7648" s="7">
        <v>38657</v>
      </c>
      <c r="G7648" s="8">
        <v>1</v>
      </c>
      <c r="H7648" s="8">
        <v>1</v>
      </c>
      <c r="I7648" s="8">
        <v>0</v>
      </c>
      <c r="J7648" s="8">
        <v>1</v>
      </c>
      <c r="K7648" s="9">
        <v>72</v>
      </c>
      <c r="L7648" s="6" t="s">
        <v>51</v>
      </c>
    </row>
    <row r="7649" spans="1:12">
      <c r="A7649" s="6" t="s">
        <v>49</v>
      </c>
      <c r="B7649" s="6"/>
      <c r="C7649" s="6" t="s">
        <v>7673</v>
      </c>
      <c r="D7649" s="6"/>
      <c r="E7649" s="6" t="s">
        <v>9</v>
      </c>
      <c r="F7649" s="7">
        <v>38657</v>
      </c>
      <c r="G7649" s="8">
        <v>1</v>
      </c>
      <c r="H7649" s="8">
        <v>1</v>
      </c>
      <c r="I7649" s="8">
        <v>0</v>
      </c>
      <c r="J7649" s="8">
        <v>1</v>
      </c>
      <c r="K7649" s="9">
        <v>52</v>
      </c>
      <c r="L7649" s="6" t="s">
        <v>51</v>
      </c>
    </row>
    <row r="7650" spans="1:12">
      <c r="A7650" s="6" t="s">
        <v>49</v>
      </c>
      <c r="B7650" s="6"/>
      <c r="C7650" s="6" t="s">
        <v>7674</v>
      </c>
      <c r="D7650" s="6"/>
      <c r="E7650" s="6" t="s">
        <v>9</v>
      </c>
      <c r="F7650" s="7">
        <v>38657</v>
      </c>
      <c r="G7650" s="8">
        <v>1</v>
      </c>
      <c r="H7650" s="8">
        <v>1</v>
      </c>
      <c r="I7650" s="8">
        <v>0</v>
      </c>
      <c r="J7650" s="8">
        <v>1</v>
      </c>
      <c r="K7650" s="9">
        <v>10</v>
      </c>
      <c r="L7650" s="6" t="s">
        <v>51</v>
      </c>
    </row>
    <row r="7651" spans="1:12">
      <c r="A7651" s="6" t="s">
        <v>49</v>
      </c>
      <c r="B7651" s="6"/>
      <c r="C7651" s="6" t="s">
        <v>7675</v>
      </c>
      <c r="D7651" s="6"/>
      <c r="E7651" s="6" t="s">
        <v>9</v>
      </c>
      <c r="F7651" s="7">
        <v>38657</v>
      </c>
      <c r="G7651" s="8">
        <v>1</v>
      </c>
      <c r="H7651" s="8">
        <v>1</v>
      </c>
      <c r="I7651" s="8">
        <v>0</v>
      </c>
      <c r="J7651" s="8">
        <v>1</v>
      </c>
      <c r="K7651" s="9">
        <v>441</v>
      </c>
      <c r="L7651" s="6" t="s">
        <v>51</v>
      </c>
    </row>
    <row r="7652" spans="1:12">
      <c r="A7652" s="6" t="s">
        <v>49</v>
      </c>
      <c r="B7652" s="6"/>
      <c r="C7652" s="6" t="s">
        <v>7676</v>
      </c>
      <c r="D7652" s="6"/>
      <c r="E7652" s="6" t="s">
        <v>9</v>
      </c>
      <c r="F7652" s="7">
        <v>38657</v>
      </c>
      <c r="G7652" s="8">
        <v>1</v>
      </c>
      <c r="H7652" s="8">
        <v>1</v>
      </c>
      <c r="I7652" s="8">
        <v>0</v>
      </c>
      <c r="J7652" s="8">
        <v>1</v>
      </c>
      <c r="K7652" s="9">
        <v>2.97</v>
      </c>
      <c r="L7652" s="6" t="s">
        <v>51</v>
      </c>
    </row>
    <row r="7653" spans="1:12">
      <c r="A7653" s="6" t="s">
        <v>49</v>
      </c>
      <c r="B7653" s="6"/>
      <c r="C7653" s="6" t="s">
        <v>7677</v>
      </c>
      <c r="D7653" s="6"/>
      <c r="E7653" s="6" t="s">
        <v>9</v>
      </c>
      <c r="F7653" s="7">
        <v>38657</v>
      </c>
      <c r="G7653" s="8">
        <v>1</v>
      </c>
      <c r="H7653" s="8">
        <v>1</v>
      </c>
      <c r="I7653" s="8">
        <v>0</v>
      </c>
      <c r="J7653" s="8">
        <v>1</v>
      </c>
      <c r="K7653" s="9">
        <v>3.3</v>
      </c>
      <c r="L7653" s="6" t="s">
        <v>51</v>
      </c>
    </row>
    <row r="7654" spans="1:12">
      <c r="A7654" s="6" t="s">
        <v>49</v>
      </c>
      <c r="B7654" s="6"/>
      <c r="C7654" s="6" t="s">
        <v>7678</v>
      </c>
      <c r="D7654" s="6"/>
      <c r="E7654" s="6" t="s">
        <v>9</v>
      </c>
      <c r="F7654" s="7">
        <v>38657</v>
      </c>
      <c r="G7654" s="8">
        <v>1</v>
      </c>
      <c r="H7654" s="8">
        <v>1</v>
      </c>
      <c r="I7654" s="8">
        <v>0</v>
      </c>
      <c r="J7654" s="8">
        <v>1</v>
      </c>
      <c r="K7654" s="9">
        <v>309</v>
      </c>
      <c r="L7654" s="6" t="s">
        <v>51</v>
      </c>
    </row>
    <row r="7655" spans="1:12">
      <c r="A7655" s="6" t="s">
        <v>49</v>
      </c>
      <c r="B7655" s="6"/>
      <c r="C7655" s="6" t="s">
        <v>7679</v>
      </c>
      <c r="D7655" s="6"/>
      <c r="E7655" s="6" t="s">
        <v>9</v>
      </c>
      <c r="F7655" s="7">
        <v>38657</v>
      </c>
      <c r="G7655" s="8">
        <v>1</v>
      </c>
      <c r="H7655" s="8">
        <v>1</v>
      </c>
      <c r="I7655" s="8">
        <v>0</v>
      </c>
      <c r="J7655" s="8">
        <v>1</v>
      </c>
      <c r="K7655" s="9">
        <v>309</v>
      </c>
      <c r="L7655" s="6" t="s">
        <v>51</v>
      </c>
    </row>
    <row r="7656" spans="1:12">
      <c r="A7656" s="6" t="s">
        <v>49</v>
      </c>
      <c r="B7656" s="6"/>
      <c r="C7656" s="6" t="s">
        <v>7680</v>
      </c>
      <c r="D7656" s="6"/>
      <c r="E7656" s="6" t="s">
        <v>9</v>
      </c>
      <c r="F7656" s="7">
        <v>38657</v>
      </c>
      <c r="G7656" s="8">
        <v>1</v>
      </c>
      <c r="H7656" s="8">
        <v>1</v>
      </c>
      <c r="I7656" s="8">
        <v>0</v>
      </c>
      <c r="J7656" s="8">
        <v>1</v>
      </c>
      <c r="K7656" s="9">
        <v>59</v>
      </c>
      <c r="L7656" s="6" t="s">
        <v>51</v>
      </c>
    </row>
    <row r="7657" spans="1:12">
      <c r="A7657" s="6" t="s">
        <v>49</v>
      </c>
      <c r="B7657" s="6"/>
      <c r="C7657" s="6" t="s">
        <v>7681</v>
      </c>
      <c r="D7657" s="6"/>
      <c r="E7657" s="6" t="s">
        <v>9</v>
      </c>
      <c r="F7657" s="7">
        <v>38657</v>
      </c>
      <c r="G7657" s="8">
        <v>1</v>
      </c>
      <c r="H7657" s="8">
        <v>1</v>
      </c>
      <c r="I7657" s="8">
        <v>0</v>
      </c>
      <c r="J7657" s="8">
        <v>1</v>
      </c>
      <c r="K7657" s="9">
        <v>72</v>
      </c>
      <c r="L7657" s="6" t="s">
        <v>51</v>
      </c>
    </row>
    <row r="7658" spans="1:12">
      <c r="A7658" s="6" t="s">
        <v>49</v>
      </c>
      <c r="B7658" s="6"/>
      <c r="C7658" s="6" t="s">
        <v>7682</v>
      </c>
      <c r="D7658" s="6"/>
      <c r="E7658" s="6" t="s">
        <v>9</v>
      </c>
      <c r="F7658" s="7">
        <v>38657</v>
      </c>
      <c r="G7658" s="8">
        <v>1</v>
      </c>
      <c r="H7658" s="8">
        <v>1</v>
      </c>
      <c r="I7658" s="8">
        <v>0</v>
      </c>
      <c r="J7658" s="8">
        <v>1</v>
      </c>
      <c r="K7658" s="9">
        <v>178</v>
      </c>
      <c r="L7658" s="6" t="s">
        <v>51</v>
      </c>
    </row>
    <row r="7659" spans="1:12">
      <c r="A7659" s="6" t="s">
        <v>49</v>
      </c>
      <c r="B7659" s="6"/>
      <c r="C7659" s="6" t="s">
        <v>7683</v>
      </c>
      <c r="D7659" s="6"/>
      <c r="E7659" s="6" t="s">
        <v>9</v>
      </c>
      <c r="F7659" s="7">
        <v>38657</v>
      </c>
      <c r="G7659" s="8">
        <v>1</v>
      </c>
      <c r="H7659" s="8">
        <v>1</v>
      </c>
      <c r="I7659" s="8">
        <v>0</v>
      </c>
      <c r="J7659" s="8">
        <v>1</v>
      </c>
      <c r="K7659" s="9">
        <v>253</v>
      </c>
      <c r="L7659" s="6" t="s">
        <v>51</v>
      </c>
    </row>
    <row r="7660" spans="1:12">
      <c r="A7660" s="6" t="s">
        <v>49</v>
      </c>
      <c r="B7660" s="6"/>
      <c r="C7660" s="6" t="s">
        <v>7684</v>
      </c>
      <c r="D7660" s="6"/>
      <c r="E7660" s="6" t="s">
        <v>9</v>
      </c>
      <c r="F7660" s="7">
        <v>38657</v>
      </c>
      <c r="G7660" s="8">
        <v>1</v>
      </c>
      <c r="H7660" s="8">
        <v>1</v>
      </c>
      <c r="I7660" s="8">
        <v>0</v>
      </c>
      <c r="J7660" s="8">
        <v>1</v>
      </c>
      <c r="K7660" s="9">
        <v>211</v>
      </c>
      <c r="L7660" s="6" t="s">
        <v>51</v>
      </c>
    </row>
    <row r="7661" spans="1:12">
      <c r="A7661" s="6" t="s">
        <v>49</v>
      </c>
      <c r="B7661" s="6"/>
      <c r="C7661" s="6" t="s">
        <v>7685</v>
      </c>
      <c r="D7661" s="6"/>
      <c r="E7661" s="6" t="s">
        <v>9</v>
      </c>
      <c r="F7661" s="7">
        <v>38657</v>
      </c>
      <c r="G7661" s="8">
        <v>1</v>
      </c>
      <c r="H7661" s="8">
        <v>1</v>
      </c>
      <c r="I7661" s="8">
        <v>0</v>
      </c>
      <c r="J7661" s="8">
        <v>1</v>
      </c>
      <c r="K7661" s="9">
        <v>153</v>
      </c>
      <c r="L7661" s="6" t="s">
        <v>51</v>
      </c>
    </row>
    <row r="7662" spans="1:12">
      <c r="A7662" s="6" t="s">
        <v>49</v>
      </c>
      <c r="B7662" s="6"/>
      <c r="C7662" s="6" t="s">
        <v>7686</v>
      </c>
      <c r="D7662" s="6"/>
      <c r="E7662" s="6" t="s">
        <v>9</v>
      </c>
      <c r="F7662" s="7">
        <v>38657</v>
      </c>
      <c r="G7662" s="8">
        <v>1</v>
      </c>
      <c r="H7662" s="8">
        <v>1</v>
      </c>
      <c r="I7662" s="8">
        <v>0</v>
      </c>
      <c r="J7662" s="8">
        <v>1</v>
      </c>
      <c r="K7662" s="9">
        <v>206</v>
      </c>
      <c r="L7662" s="6" t="s">
        <v>51</v>
      </c>
    </row>
    <row r="7663" spans="1:12">
      <c r="A7663" s="6" t="s">
        <v>49</v>
      </c>
      <c r="B7663" s="6"/>
      <c r="C7663" s="6" t="s">
        <v>7687</v>
      </c>
      <c r="D7663" s="6"/>
      <c r="E7663" s="6" t="s">
        <v>9</v>
      </c>
      <c r="F7663" s="7">
        <v>38657</v>
      </c>
      <c r="G7663" s="8">
        <v>1</v>
      </c>
      <c r="H7663" s="8">
        <v>1</v>
      </c>
      <c r="I7663" s="8">
        <v>0</v>
      </c>
      <c r="J7663" s="8">
        <v>1</v>
      </c>
      <c r="K7663" s="9">
        <v>103</v>
      </c>
      <c r="L7663" s="6" t="s">
        <v>51</v>
      </c>
    </row>
    <row r="7664" spans="1:12">
      <c r="A7664" s="6" t="s">
        <v>49</v>
      </c>
      <c r="B7664" s="6"/>
      <c r="C7664" s="6" t="s">
        <v>7688</v>
      </c>
      <c r="D7664" s="6"/>
      <c r="E7664" s="6" t="s">
        <v>9</v>
      </c>
      <c r="F7664" s="7">
        <v>38657</v>
      </c>
      <c r="G7664" s="8">
        <v>1</v>
      </c>
      <c r="H7664" s="8">
        <v>1</v>
      </c>
      <c r="I7664" s="8">
        <v>0</v>
      </c>
      <c r="J7664" s="8">
        <v>1</v>
      </c>
      <c r="K7664" s="9">
        <v>135</v>
      </c>
      <c r="L7664" s="6" t="s">
        <v>51</v>
      </c>
    </row>
    <row r="7665" spans="1:12">
      <c r="A7665" s="6" t="s">
        <v>49</v>
      </c>
      <c r="B7665" s="6"/>
      <c r="C7665" s="6" t="s">
        <v>7689</v>
      </c>
      <c r="D7665" s="6"/>
      <c r="E7665" s="6" t="s">
        <v>9</v>
      </c>
      <c r="F7665" s="7">
        <v>38657</v>
      </c>
      <c r="G7665" s="8">
        <v>1</v>
      </c>
      <c r="H7665" s="8">
        <v>1</v>
      </c>
      <c r="I7665" s="8">
        <v>0</v>
      </c>
      <c r="J7665" s="8">
        <v>1</v>
      </c>
      <c r="K7665" s="9">
        <v>66</v>
      </c>
      <c r="L7665" s="6" t="s">
        <v>51</v>
      </c>
    </row>
    <row r="7666" spans="1:12">
      <c r="A7666" s="6" t="s">
        <v>49</v>
      </c>
      <c r="B7666" s="6"/>
      <c r="C7666" s="6" t="s">
        <v>7690</v>
      </c>
      <c r="D7666" s="6"/>
      <c r="E7666" s="6" t="s">
        <v>9</v>
      </c>
      <c r="F7666" s="7">
        <v>38657</v>
      </c>
      <c r="G7666" s="8">
        <v>1</v>
      </c>
      <c r="H7666" s="8">
        <v>1</v>
      </c>
      <c r="I7666" s="8">
        <v>0</v>
      </c>
      <c r="J7666" s="8">
        <v>1</v>
      </c>
      <c r="K7666" s="9">
        <v>242</v>
      </c>
      <c r="L7666" s="6" t="s">
        <v>51</v>
      </c>
    </row>
    <row r="7667" spans="1:12">
      <c r="A7667" s="6" t="s">
        <v>49</v>
      </c>
      <c r="B7667" s="6"/>
      <c r="C7667" s="6" t="s">
        <v>7691</v>
      </c>
      <c r="D7667" s="6"/>
      <c r="E7667" s="6" t="s">
        <v>9</v>
      </c>
      <c r="F7667" s="7">
        <v>38657</v>
      </c>
      <c r="G7667" s="8">
        <v>1</v>
      </c>
      <c r="H7667" s="8">
        <v>1</v>
      </c>
      <c r="I7667" s="8">
        <v>0</v>
      </c>
      <c r="J7667" s="8">
        <v>1</v>
      </c>
      <c r="K7667" s="9">
        <v>309</v>
      </c>
      <c r="L7667" s="6" t="s">
        <v>51</v>
      </c>
    </row>
    <row r="7668" spans="1:12">
      <c r="A7668" s="6" t="s">
        <v>49</v>
      </c>
      <c r="B7668" s="6"/>
      <c r="C7668" s="6" t="s">
        <v>7692</v>
      </c>
      <c r="D7668" s="6"/>
      <c r="E7668" s="6" t="s">
        <v>9</v>
      </c>
      <c r="F7668" s="7">
        <v>38657</v>
      </c>
      <c r="G7668" s="8">
        <v>1</v>
      </c>
      <c r="H7668" s="8">
        <v>1</v>
      </c>
      <c r="I7668" s="8">
        <v>0</v>
      </c>
      <c r="J7668" s="8">
        <v>1</v>
      </c>
      <c r="K7668" s="9">
        <v>71</v>
      </c>
      <c r="L7668" s="6" t="s">
        <v>51</v>
      </c>
    </row>
    <row r="7669" spans="1:12">
      <c r="A7669" s="6" t="s">
        <v>49</v>
      </c>
      <c r="B7669" s="6"/>
      <c r="C7669" s="6" t="s">
        <v>7693</v>
      </c>
      <c r="D7669" s="6"/>
      <c r="E7669" s="6" t="s">
        <v>9</v>
      </c>
      <c r="F7669" s="7">
        <v>38657</v>
      </c>
      <c r="G7669" s="8">
        <v>1</v>
      </c>
      <c r="H7669" s="8">
        <v>1</v>
      </c>
      <c r="I7669" s="8">
        <v>0</v>
      </c>
      <c r="J7669" s="8">
        <v>1</v>
      </c>
      <c r="K7669" s="9">
        <v>121</v>
      </c>
      <c r="L7669" s="6" t="s">
        <v>51</v>
      </c>
    </row>
    <row r="7670" spans="1:12">
      <c r="A7670" s="6" t="s">
        <v>49</v>
      </c>
      <c r="B7670" s="6"/>
      <c r="C7670" s="6" t="s">
        <v>7694</v>
      </c>
      <c r="D7670" s="6"/>
      <c r="E7670" s="6" t="s">
        <v>9</v>
      </c>
      <c r="F7670" s="7">
        <v>41536</v>
      </c>
      <c r="G7670" s="8">
        <v>1</v>
      </c>
      <c r="H7670" s="8">
        <v>1</v>
      </c>
      <c r="I7670" s="8">
        <v>0</v>
      </c>
      <c r="J7670" s="8">
        <v>1</v>
      </c>
      <c r="K7670" s="9">
        <v>1.96</v>
      </c>
      <c r="L7670" s="6" t="s">
        <v>51</v>
      </c>
    </row>
    <row r="7671" spans="1:12">
      <c r="A7671" s="6" t="s">
        <v>49</v>
      </c>
      <c r="B7671" s="6"/>
      <c r="C7671" s="6" t="s">
        <v>7695</v>
      </c>
      <c r="D7671" s="6"/>
      <c r="E7671" s="6" t="s">
        <v>9</v>
      </c>
      <c r="F7671" s="7">
        <v>38657</v>
      </c>
      <c r="G7671" s="8">
        <v>1</v>
      </c>
      <c r="H7671" s="8">
        <v>1</v>
      </c>
      <c r="I7671" s="8">
        <v>0</v>
      </c>
      <c r="J7671" s="8">
        <v>1</v>
      </c>
      <c r="K7671" s="9">
        <v>4</v>
      </c>
      <c r="L7671" s="6" t="s">
        <v>51</v>
      </c>
    </row>
    <row r="7672" spans="1:12">
      <c r="A7672" s="6" t="s">
        <v>49</v>
      </c>
      <c r="B7672" s="6"/>
      <c r="C7672" s="6" t="s">
        <v>7696</v>
      </c>
      <c r="D7672" s="6"/>
      <c r="E7672" s="6" t="s">
        <v>9</v>
      </c>
      <c r="F7672" s="7">
        <v>38657</v>
      </c>
      <c r="G7672" s="8">
        <v>1</v>
      </c>
      <c r="H7672" s="8">
        <v>1</v>
      </c>
      <c r="I7672" s="8">
        <v>0</v>
      </c>
      <c r="J7672" s="8">
        <v>1</v>
      </c>
      <c r="K7672" s="9">
        <v>6.25</v>
      </c>
      <c r="L7672" s="6" t="s">
        <v>51</v>
      </c>
    </row>
    <row r="7673" spans="1:12">
      <c r="A7673" s="6" t="s">
        <v>49</v>
      </c>
      <c r="B7673" s="6"/>
      <c r="C7673" s="6" t="s">
        <v>7697</v>
      </c>
      <c r="D7673" s="6"/>
      <c r="E7673" s="6" t="s">
        <v>9</v>
      </c>
      <c r="F7673" s="7">
        <v>38657</v>
      </c>
      <c r="G7673" s="8">
        <v>1</v>
      </c>
      <c r="H7673" s="8">
        <v>1</v>
      </c>
      <c r="I7673" s="8">
        <v>0</v>
      </c>
      <c r="J7673" s="8">
        <v>1</v>
      </c>
      <c r="K7673" s="9">
        <v>6.25</v>
      </c>
      <c r="L7673" s="6" t="s">
        <v>51</v>
      </c>
    </row>
    <row r="7674" spans="1:12">
      <c r="A7674" s="6" t="s">
        <v>49</v>
      </c>
      <c r="B7674" s="6"/>
      <c r="C7674" s="6" t="s">
        <v>7698</v>
      </c>
      <c r="D7674" s="6"/>
      <c r="E7674" s="6" t="s">
        <v>9</v>
      </c>
      <c r="F7674" s="7">
        <v>38657</v>
      </c>
      <c r="G7674" s="8">
        <v>1</v>
      </c>
      <c r="H7674" s="8">
        <v>1</v>
      </c>
      <c r="I7674" s="8">
        <v>0</v>
      </c>
      <c r="J7674" s="8">
        <v>1</v>
      </c>
      <c r="K7674" s="9">
        <v>284</v>
      </c>
      <c r="L7674" s="6" t="s">
        <v>51</v>
      </c>
    </row>
    <row r="7675" spans="1:12">
      <c r="A7675" s="6" t="s">
        <v>49</v>
      </c>
      <c r="B7675" s="6"/>
      <c r="C7675" s="6" t="s">
        <v>7699</v>
      </c>
      <c r="D7675" s="6"/>
      <c r="E7675" s="6" t="s">
        <v>9</v>
      </c>
      <c r="F7675" s="7">
        <v>38657</v>
      </c>
      <c r="G7675" s="8">
        <v>1</v>
      </c>
      <c r="H7675" s="8">
        <v>1</v>
      </c>
      <c r="I7675" s="8">
        <v>0</v>
      </c>
      <c r="J7675" s="8">
        <v>1</v>
      </c>
      <c r="K7675" s="9">
        <v>19</v>
      </c>
      <c r="L7675" s="6" t="s">
        <v>51</v>
      </c>
    </row>
    <row r="7676" spans="1:12">
      <c r="A7676" s="6" t="s">
        <v>49</v>
      </c>
      <c r="B7676" s="6"/>
      <c r="C7676" s="6" t="s">
        <v>7700</v>
      </c>
      <c r="D7676" s="6"/>
      <c r="E7676" s="6" t="s">
        <v>9</v>
      </c>
      <c r="F7676" s="7">
        <v>38657</v>
      </c>
      <c r="G7676" s="8">
        <v>1</v>
      </c>
      <c r="H7676" s="8">
        <v>1</v>
      </c>
      <c r="I7676" s="8">
        <v>0</v>
      </c>
      <c r="J7676" s="8">
        <v>1</v>
      </c>
      <c r="K7676" s="9">
        <v>204</v>
      </c>
      <c r="L7676" s="6" t="s">
        <v>51</v>
      </c>
    </row>
    <row r="7677" spans="1:12">
      <c r="A7677" s="6" t="s">
        <v>49</v>
      </c>
      <c r="B7677" s="6"/>
      <c r="C7677" s="6" t="s">
        <v>7701</v>
      </c>
      <c r="D7677" s="6"/>
      <c r="E7677" s="6" t="s">
        <v>9</v>
      </c>
      <c r="F7677" s="7">
        <v>38657</v>
      </c>
      <c r="G7677" s="8">
        <v>1</v>
      </c>
      <c r="H7677" s="8">
        <v>1</v>
      </c>
      <c r="I7677" s="8">
        <v>0</v>
      </c>
      <c r="J7677" s="8">
        <v>1</v>
      </c>
      <c r="K7677" s="9">
        <v>122</v>
      </c>
      <c r="L7677" s="6" t="s">
        <v>51</v>
      </c>
    </row>
    <row r="7678" spans="1:12">
      <c r="A7678" s="6" t="s">
        <v>49</v>
      </c>
      <c r="B7678" s="6"/>
      <c r="C7678" s="6" t="s">
        <v>7702</v>
      </c>
      <c r="D7678" s="6"/>
      <c r="E7678" s="6" t="s">
        <v>9</v>
      </c>
      <c r="F7678" s="7">
        <v>38657</v>
      </c>
      <c r="G7678" s="8">
        <v>1</v>
      </c>
      <c r="H7678" s="8">
        <v>1</v>
      </c>
      <c r="I7678" s="8">
        <v>0</v>
      </c>
      <c r="J7678" s="8">
        <v>1</v>
      </c>
      <c r="K7678" s="9">
        <v>51</v>
      </c>
      <c r="L7678" s="6" t="s">
        <v>51</v>
      </c>
    </row>
    <row r="7679" spans="1:12">
      <c r="A7679" s="6" t="s">
        <v>49</v>
      </c>
      <c r="B7679" s="6"/>
      <c r="C7679" s="6" t="s">
        <v>7703</v>
      </c>
      <c r="D7679" s="6"/>
      <c r="E7679" s="6" t="s">
        <v>9</v>
      </c>
      <c r="F7679" s="7">
        <v>38657</v>
      </c>
      <c r="G7679" s="8">
        <v>1</v>
      </c>
      <c r="H7679" s="8">
        <v>1</v>
      </c>
      <c r="I7679" s="8">
        <v>0</v>
      </c>
      <c r="J7679" s="8">
        <v>1</v>
      </c>
      <c r="K7679" s="9">
        <v>42</v>
      </c>
      <c r="L7679" s="6" t="s">
        <v>51</v>
      </c>
    </row>
    <row r="7680" spans="1:12">
      <c r="A7680" s="6" t="s">
        <v>49</v>
      </c>
      <c r="B7680" s="6"/>
      <c r="C7680" s="6" t="s">
        <v>7704</v>
      </c>
      <c r="D7680" s="6"/>
      <c r="E7680" s="6" t="s">
        <v>9</v>
      </c>
      <c r="F7680" s="7">
        <v>38657</v>
      </c>
      <c r="G7680" s="8">
        <v>1</v>
      </c>
      <c r="H7680" s="8">
        <v>1</v>
      </c>
      <c r="I7680" s="8">
        <v>0</v>
      </c>
      <c r="J7680" s="8">
        <v>1</v>
      </c>
      <c r="K7680" s="9">
        <v>9.86</v>
      </c>
      <c r="L7680" s="6" t="s">
        <v>51</v>
      </c>
    </row>
    <row r="7681" spans="1:12">
      <c r="A7681" s="6" t="s">
        <v>49</v>
      </c>
      <c r="B7681" s="6"/>
      <c r="C7681" s="6" t="s">
        <v>7705</v>
      </c>
      <c r="D7681" s="6"/>
      <c r="E7681" s="6" t="s">
        <v>9</v>
      </c>
      <c r="F7681" s="7">
        <v>38657</v>
      </c>
      <c r="G7681" s="8">
        <v>1</v>
      </c>
      <c r="H7681" s="8">
        <v>1</v>
      </c>
      <c r="I7681" s="8">
        <v>0</v>
      </c>
      <c r="J7681" s="8">
        <v>1</v>
      </c>
      <c r="K7681" s="9">
        <v>12</v>
      </c>
      <c r="L7681" s="6" t="s">
        <v>51</v>
      </c>
    </row>
    <row r="7682" spans="1:12">
      <c r="A7682" s="6" t="s">
        <v>49</v>
      </c>
      <c r="B7682" s="6"/>
      <c r="C7682" s="6" t="s">
        <v>7706</v>
      </c>
      <c r="D7682" s="6"/>
      <c r="E7682" s="6" t="s">
        <v>9</v>
      </c>
      <c r="F7682" s="7">
        <v>38657</v>
      </c>
      <c r="G7682" s="8">
        <v>1</v>
      </c>
      <c r="H7682" s="8">
        <v>1</v>
      </c>
      <c r="I7682" s="8">
        <v>0</v>
      </c>
      <c r="J7682" s="8">
        <v>1</v>
      </c>
      <c r="K7682" s="9">
        <v>39</v>
      </c>
      <c r="L7682" s="6" t="s">
        <v>51</v>
      </c>
    </row>
    <row r="7683" spans="1:12">
      <c r="A7683" s="6" t="s">
        <v>49</v>
      </c>
      <c r="B7683" s="6"/>
      <c r="C7683" s="6" t="s">
        <v>7707</v>
      </c>
      <c r="D7683" s="6"/>
      <c r="E7683" s="6" t="s">
        <v>9</v>
      </c>
      <c r="F7683" s="7">
        <v>38657</v>
      </c>
      <c r="G7683" s="8">
        <v>1</v>
      </c>
      <c r="H7683" s="8">
        <v>1</v>
      </c>
      <c r="I7683" s="8">
        <v>0</v>
      </c>
      <c r="J7683" s="8">
        <v>1</v>
      </c>
      <c r="K7683" s="9">
        <v>51</v>
      </c>
      <c r="L7683" s="6" t="s">
        <v>51</v>
      </c>
    </row>
    <row r="7684" spans="1:12">
      <c r="A7684" s="6" t="s">
        <v>49</v>
      </c>
      <c r="B7684" s="6"/>
      <c r="C7684" s="6" t="s">
        <v>7708</v>
      </c>
      <c r="D7684" s="6"/>
      <c r="E7684" s="6" t="s">
        <v>9</v>
      </c>
      <c r="F7684" s="7">
        <v>38657</v>
      </c>
      <c r="G7684" s="8">
        <v>1</v>
      </c>
      <c r="H7684" s="8">
        <v>1</v>
      </c>
      <c r="I7684" s="8">
        <v>0</v>
      </c>
      <c r="J7684" s="8">
        <v>1</v>
      </c>
      <c r="K7684" s="9">
        <v>0.56000000000000005</v>
      </c>
      <c r="L7684" s="6" t="s">
        <v>51</v>
      </c>
    </row>
    <row r="7685" spans="1:12">
      <c r="A7685" s="6" t="s">
        <v>49</v>
      </c>
      <c r="B7685" s="6"/>
      <c r="C7685" s="6" t="s">
        <v>7709</v>
      </c>
      <c r="D7685" s="6"/>
      <c r="E7685" s="6" t="s">
        <v>9</v>
      </c>
      <c r="F7685" s="7">
        <v>38657</v>
      </c>
      <c r="G7685" s="8">
        <v>1</v>
      </c>
      <c r="H7685" s="8">
        <v>1</v>
      </c>
      <c r="I7685" s="8">
        <v>0</v>
      </c>
      <c r="J7685" s="8">
        <v>1</v>
      </c>
      <c r="K7685" s="9">
        <v>97</v>
      </c>
      <c r="L7685" s="6" t="s">
        <v>51</v>
      </c>
    </row>
    <row r="7686" spans="1:12">
      <c r="A7686" s="6" t="s">
        <v>49</v>
      </c>
      <c r="B7686" s="6"/>
      <c r="C7686" s="6" t="s">
        <v>7710</v>
      </c>
      <c r="D7686" s="6"/>
      <c r="E7686" s="6" t="s">
        <v>9</v>
      </c>
      <c r="F7686" s="7">
        <v>38657</v>
      </c>
      <c r="G7686" s="8">
        <v>1</v>
      </c>
      <c r="H7686" s="8">
        <v>1</v>
      </c>
      <c r="I7686" s="8">
        <v>0</v>
      </c>
      <c r="J7686" s="8">
        <v>1</v>
      </c>
      <c r="K7686" s="9">
        <v>125</v>
      </c>
      <c r="L7686" s="6" t="s">
        <v>51</v>
      </c>
    </row>
    <row r="7687" spans="1:12">
      <c r="A7687" s="6" t="s">
        <v>49</v>
      </c>
      <c r="B7687" s="6"/>
      <c r="C7687" s="6" t="s">
        <v>7711</v>
      </c>
      <c r="D7687" s="6"/>
      <c r="E7687" s="6" t="s">
        <v>9</v>
      </c>
      <c r="F7687" s="7">
        <v>38657</v>
      </c>
      <c r="G7687" s="8">
        <v>1</v>
      </c>
      <c r="H7687" s="8">
        <v>1</v>
      </c>
      <c r="I7687" s="8">
        <v>0</v>
      </c>
      <c r="J7687" s="8">
        <v>1</v>
      </c>
      <c r="K7687" s="9">
        <v>2.19</v>
      </c>
      <c r="L7687" s="6" t="s">
        <v>51</v>
      </c>
    </row>
    <row r="7688" spans="1:12">
      <c r="A7688" s="6" t="s">
        <v>49</v>
      </c>
      <c r="B7688" s="6"/>
      <c r="C7688" s="6" t="s">
        <v>7712</v>
      </c>
      <c r="D7688" s="6"/>
      <c r="E7688" s="6" t="s">
        <v>9</v>
      </c>
      <c r="F7688" s="7">
        <v>38657</v>
      </c>
      <c r="G7688" s="8">
        <v>1</v>
      </c>
      <c r="H7688" s="8">
        <v>1</v>
      </c>
      <c r="I7688" s="8">
        <v>0</v>
      </c>
      <c r="J7688" s="8">
        <v>1</v>
      </c>
      <c r="K7688" s="9">
        <v>30</v>
      </c>
      <c r="L7688" s="6" t="s">
        <v>51</v>
      </c>
    </row>
    <row r="7689" spans="1:12">
      <c r="A7689" s="6" t="s">
        <v>49</v>
      </c>
      <c r="B7689" s="6"/>
      <c r="C7689" s="6" t="s">
        <v>7713</v>
      </c>
      <c r="D7689" s="6"/>
      <c r="E7689" s="6" t="s">
        <v>9</v>
      </c>
      <c r="F7689" s="7">
        <v>38657</v>
      </c>
      <c r="G7689" s="8">
        <v>1</v>
      </c>
      <c r="H7689" s="8">
        <v>1</v>
      </c>
      <c r="I7689" s="8">
        <v>0</v>
      </c>
      <c r="J7689" s="8">
        <v>1</v>
      </c>
      <c r="K7689" s="9">
        <v>23</v>
      </c>
      <c r="L7689" s="6" t="s">
        <v>51</v>
      </c>
    </row>
    <row r="7690" spans="1:12">
      <c r="A7690" s="6" t="s">
        <v>49</v>
      </c>
      <c r="B7690" s="6"/>
      <c r="C7690" s="6" t="s">
        <v>7714</v>
      </c>
      <c r="D7690" s="6"/>
      <c r="E7690" s="6" t="s">
        <v>9</v>
      </c>
      <c r="F7690" s="7">
        <v>38657</v>
      </c>
      <c r="G7690" s="8">
        <v>1</v>
      </c>
      <c r="H7690" s="8">
        <v>1</v>
      </c>
      <c r="I7690" s="8">
        <v>0</v>
      </c>
      <c r="J7690" s="8">
        <v>1</v>
      </c>
      <c r="K7690" s="9">
        <v>78</v>
      </c>
      <c r="L7690" s="6" t="s">
        <v>51</v>
      </c>
    </row>
    <row r="7691" spans="1:12">
      <c r="A7691" s="6" t="s">
        <v>49</v>
      </c>
      <c r="B7691" s="6"/>
      <c r="C7691" s="6" t="s">
        <v>7715</v>
      </c>
      <c r="D7691" s="6"/>
      <c r="E7691" s="6" t="s">
        <v>9</v>
      </c>
      <c r="F7691" s="7">
        <v>38657</v>
      </c>
      <c r="G7691" s="8">
        <v>1</v>
      </c>
      <c r="H7691" s="8">
        <v>1</v>
      </c>
      <c r="I7691" s="8">
        <v>0</v>
      </c>
      <c r="J7691" s="8">
        <v>1</v>
      </c>
      <c r="K7691" s="9">
        <v>76</v>
      </c>
      <c r="L7691" s="6" t="s">
        <v>51</v>
      </c>
    </row>
    <row r="7692" spans="1:12">
      <c r="A7692" s="6" t="s">
        <v>49</v>
      </c>
      <c r="B7692" s="6"/>
      <c r="C7692" s="6" t="s">
        <v>7716</v>
      </c>
      <c r="D7692" s="6"/>
      <c r="E7692" s="6" t="s">
        <v>9</v>
      </c>
      <c r="F7692" s="7">
        <v>38657</v>
      </c>
      <c r="G7692" s="8">
        <v>1</v>
      </c>
      <c r="H7692" s="8">
        <v>1</v>
      </c>
      <c r="I7692" s="8">
        <v>0</v>
      </c>
      <c r="J7692" s="8">
        <v>1</v>
      </c>
      <c r="K7692" s="9">
        <v>79</v>
      </c>
      <c r="L7692" s="6" t="s">
        <v>51</v>
      </c>
    </row>
    <row r="7693" spans="1:12">
      <c r="A7693" s="6" t="s">
        <v>49</v>
      </c>
      <c r="B7693" s="6"/>
      <c r="C7693" s="6" t="s">
        <v>7717</v>
      </c>
      <c r="D7693" s="6"/>
      <c r="E7693" s="6" t="s">
        <v>9</v>
      </c>
      <c r="F7693" s="7">
        <v>38657</v>
      </c>
      <c r="G7693" s="8">
        <v>1</v>
      </c>
      <c r="H7693" s="8">
        <v>1</v>
      </c>
      <c r="I7693" s="8">
        <v>0</v>
      </c>
      <c r="J7693" s="8">
        <v>1</v>
      </c>
      <c r="K7693" s="9">
        <v>37</v>
      </c>
      <c r="L7693" s="6" t="s">
        <v>51</v>
      </c>
    </row>
    <row r="7694" spans="1:12">
      <c r="A7694" s="6" t="s">
        <v>49</v>
      </c>
      <c r="B7694" s="6"/>
      <c r="C7694" s="6" t="s">
        <v>7718</v>
      </c>
      <c r="D7694" s="6"/>
      <c r="E7694" s="6" t="s">
        <v>9</v>
      </c>
      <c r="F7694" s="7">
        <v>38657</v>
      </c>
      <c r="G7694" s="8">
        <v>1</v>
      </c>
      <c r="H7694" s="8">
        <v>1</v>
      </c>
      <c r="I7694" s="8">
        <v>0</v>
      </c>
      <c r="J7694" s="8">
        <v>1</v>
      </c>
      <c r="K7694" s="9">
        <v>38</v>
      </c>
      <c r="L7694" s="6" t="s">
        <v>51</v>
      </c>
    </row>
    <row r="7695" spans="1:12">
      <c r="A7695" s="6" t="s">
        <v>49</v>
      </c>
      <c r="B7695" s="6"/>
      <c r="C7695" s="6" t="s">
        <v>7719</v>
      </c>
      <c r="D7695" s="6"/>
      <c r="E7695" s="6" t="s">
        <v>9</v>
      </c>
      <c r="F7695" s="7">
        <v>38657</v>
      </c>
      <c r="G7695" s="8">
        <v>1</v>
      </c>
      <c r="H7695" s="8">
        <v>1</v>
      </c>
      <c r="I7695" s="8">
        <v>0</v>
      </c>
      <c r="J7695" s="8">
        <v>1</v>
      </c>
      <c r="K7695" s="9">
        <v>38</v>
      </c>
      <c r="L7695" s="6" t="s">
        <v>51</v>
      </c>
    </row>
    <row r="7696" spans="1:12">
      <c r="A7696" s="6" t="s">
        <v>49</v>
      </c>
      <c r="B7696" s="6"/>
      <c r="C7696" s="6" t="s">
        <v>7720</v>
      </c>
      <c r="D7696" s="6"/>
      <c r="E7696" s="6" t="s">
        <v>9</v>
      </c>
      <c r="F7696" s="7">
        <v>38657</v>
      </c>
      <c r="G7696" s="8">
        <v>1</v>
      </c>
      <c r="H7696" s="8">
        <v>1</v>
      </c>
      <c r="I7696" s="8">
        <v>0</v>
      </c>
      <c r="J7696" s="8">
        <v>1</v>
      </c>
      <c r="K7696" s="9">
        <v>38</v>
      </c>
      <c r="L7696" s="6" t="s">
        <v>51</v>
      </c>
    </row>
    <row r="7697" spans="1:12">
      <c r="A7697" s="6" t="s">
        <v>49</v>
      </c>
      <c r="B7697" s="6"/>
      <c r="C7697" s="6" t="s">
        <v>7721</v>
      </c>
      <c r="D7697" s="6"/>
      <c r="E7697" s="6" t="s">
        <v>9</v>
      </c>
      <c r="F7697" s="7">
        <v>38657</v>
      </c>
      <c r="G7697" s="8">
        <v>1</v>
      </c>
      <c r="H7697" s="8">
        <v>1</v>
      </c>
      <c r="I7697" s="8">
        <v>0</v>
      </c>
      <c r="J7697" s="8">
        <v>1</v>
      </c>
      <c r="K7697" s="9">
        <v>83</v>
      </c>
      <c r="L7697" s="6" t="s">
        <v>51</v>
      </c>
    </row>
    <row r="7698" spans="1:12">
      <c r="A7698" s="6" t="s">
        <v>49</v>
      </c>
      <c r="B7698" s="6"/>
      <c r="C7698" s="6" t="s">
        <v>7722</v>
      </c>
      <c r="D7698" s="6"/>
      <c r="E7698" s="6" t="s">
        <v>9</v>
      </c>
      <c r="F7698" s="7">
        <v>38657</v>
      </c>
      <c r="G7698" s="8">
        <v>1</v>
      </c>
      <c r="H7698" s="8">
        <v>1</v>
      </c>
      <c r="I7698" s="8">
        <v>0</v>
      </c>
      <c r="J7698" s="8">
        <v>1</v>
      </c>
      <c r="K7698" s="9">
        <v>36</v>
      </c>
      <c r="L7698" s="6" t="s">
        <v>51</v>
      </c>
    </row>
    <row r="7699" spans="1:12">
      <c r="A7699" s="6" t="s">
        <v>49</v>
      </c>
      <c r="B7699" s="6"/>
      <c r="C7699" s="6" t="s">
        <v>7723</v>
      </c>
      <c r="D7699" s="6"/>
      <c r="E7699" s="6" t="s">
        <v>9</v>
      </c>
      <c r="F7699" s="7">
        <v>38657</v>
      </c>
      <c r="G7699" s="8">
        <v>1</v>
      </c>
      <c r="H7699" s="8">
        <v>1</v>
      </c>
      <c r="I7699" s="8">
        <v>0</v>
      </c>
      <c r="J7699" s="8">
        <v>1</v>
      </c>
      <c r="K7699" s="9">
        <v>39</v>
      </c>
      <c r="L7699" s="6" t="s">
        <v>51</v>
      </c>
    </row>
    <row r="7700" spans="1:12">
      <c r="A7700" s="6" t="s">
        <v>49</v>
      </c>
      <c r="B7700" s="6"/>
      <c r="C7700" s="6" t="s">
        <v>7724</v>
      </c>
      <c r="D7700" s="6"/>
      <c r="E7700" s="6" t="s">
        <v>9</v>
      </c>
      <c r="F7700" s="7">
        <v>38657</v>
      </c>
      <c r="G7700" s="8">
        <v>1</v>
      </c>
      <c r="H7700" s="8">
        <v>1</v>
      </c>
      <c r="I7700" s="8">
        <v>0</v>
      </c>
      <c r="J7700" s="8">
        <v>1</v>
      </c>
      <c r="K7700" s="9">
        <v>77.900000000000006</v>
      </c>
      <c r="L7700" s="6" t="s">
        <v>51</v>
      </c>
    </row>
    <row r="7701" spans="1:12">
      <c r="A7701" s="6" t="s">
        <v>49</v>
      </c>
      <c r="B7701" s="6"/>
      <c r="C7701" s="6" t="s">
        <v>7725</v>
      </c>
      <c r="D7701" s="6"/>
      <c r="E7701" s="6" t="s">
        <v>9</v>
      </c>
      <c r="F7701" s="7">
        <v>38657</v>
      </c>
      <c r="G7701" s="8">
        <v>1</v>
      </c>
      <c r="H7701" s="8">
        <v>1</v>
      </c>
      <c r="I7701" s="8">
        <v>0</v>
      </c>
      <c r="J7701" s="8">
        <v>1</v>
      </c>
      <c r="K7701" s="9">
        <v>76.89</v>
      </c>
      <c r="L7701" s="6" t="s">
        <v>51</v>
      </c>
    </row>
    <row r="7702" spans="1:12">
      <c r="A7702" s="6" t="s">
        <v>49</v>
      </c>
      <c r="B7702" s="6"/>
      <c r="C7702" s="6" t="s">
        <v>7726</v>
      </c>
      <c r="D7702" s="6"/>
      <c r="E7702" s="6" t="s">
        <v>9</v>
      </c>
      <c r="F7702" s="7">
        <v>38657</v>
      </c>
      <c r="G7702" s="8">
        <v>1</v>
      </c>
      <c r="H7702" s="8">
        <v>1</v>
      </c>
      <c r="I7702" s="8">
        <v>0</v>
      </c>
      <c r="J7702" s="8">
        <v>1</v>
      </c>
      <c r="K7702" s="9">
        <v>79.48</v>
      </c>
      <c r="L7702" s="6" t="s">
        <v>51</v>
      </c>
    </row>
    <row r="7703" spans="1:12">
      <c r="A7703" s="6" t="s">
        <v>49</v>
      </c>
      <c r="B7703" s="6"/>
      <c r="C7703" s="6" t="s">
        <v>7727</v>
      </c>
      <c r="D7703" s="6"/>
      <c r="E7703" s="6" t="s">
        <v>9</v>
      </c>
      <c r="F7703" s="7">
        <v>38657</v>
      </c>
      <c r="G7703" s="8">
        <v>1</v>
      </c>
      <c r="H7703" s="8">
        <v>1</v>
      </c>
      <c r="I7703" s="8">
        <v>0</v>
      </c>
      <c r="J7703" s="8">
        <v>1</v>
      </c>
      <c r="K7703" s="9">
        <v>38.19</v>
      </c>
      <c r="L7703" s="6" t="s">
        <v>51</v>
      </c>
    </row>
    <row r="7704" spans="1:12">
      <c r="A7704" s="6" t="s">
        <v>49</v>
      </c>
      <c r="B7704" s="6"/>
      <c r="C7704" s="6" t="s">
        <v>7728</v>
      </c>
      <c r="D7704" s="6"/>
      <c r="E7704" s="6" t="s">
        <v>9</v>
      </c>
      <c r="F7704" s="7">
        <v>38657</v>
      </c>
      <c r="G7704" s="8">
        <v>1</v>
      </c>
      <c r="H7704" s="8">
        <v>1</v>
      </c>
      <c r="I7704" s="8">
        <v>0</v>
      </c>
      <c r="J7704" s="8">
        <v>1</v>
      </c>
      <c r="K7704" s="9">
        <v>37.11</v>
      </c>
      <c r="L7704" s="6" t="s">
        <v>51</v>
      </c>
    </row>
    <row r="7705" spans="1:12">
      <c r="A7705" s="6" t="s">
        <v>49</v>
      </c>
      <c r="B7705" s="6"/>
      <c r="C7705" s="6" t="s">
        <v>7729</v>
      </c>
      <c r="D7705" s="6"/>
      <c r="E7705" s="6" t="s">
        <v>9</v>
      </c>
      <c r="F7705" s="7">
        <v>38657</v>
      </c>
      <c r="G7705" s="8">
        <v>1</v>
      </c>
      <c r="H7705" s="8">
        <v>1</v>
      </c>
      <c r="I7705" s="8">
        <v>0</v>
      </c>
      <c r="J7705" s="8">
        <v>1</v>
      </c>
      <c r="K7705" s="9">
        <v>23.18</v>
      </c>
      <c r="L7705" s="6" t="s">
        <v>51</v>
      </c>
    </row>
    <row r="7706" spans="1:12">
      <c r="A7706" s="6" t="s">
        <v>49</v>
      </c>
      <c r="B7706" s="6"/>
      <c r="C7706" s="6" t="s">
        <v>7730</v>
      </c>
      <c r="D7706" s="6"/>
      <c r="E7706" s="6" t="s">
        <v>9</v>
      </c>
      <c r="F7706" s="7">
        <v>38657</v>
      </c>
      <c r="G7706" s="8">
        <v>1</v>
      </c>
      <c r="H7706" s="8">
        <v>1</v>
      </c>
      <c r="I7706" s="8">
        <v>0</v>
      </c>
      <c r="J7706" s="8">
        <v>1</v>
      </c>
      <c r="K7706" s="9">
        <v>55.26</v>
      </c>
      <c r="L7706" s="6" t="s">
        <v>51</v>
      </c>
    </row>
    <row r="7707" spans="1:12">
      <c r="A7707" s="6" t="s">
        <v>49</v>
      </c>
      <c r="B7707" s="6"/>
      <c r="C7707" s="6" t="s">
        <v>7731</v>
      </c>
      <c r="D7707" s="6"/>
      <c r="E7707" s="6" t="s">
        <v>9</v>
      </c>
      <c r="F7707" s="7">
        <v>38657</v>
      </c>
      <c r="G7707" s="8">
        <v>1</v>
      </c>
      <c r="H7707" s="8">
        <v>1</v>
      </c>
      <c r="I7707" s="8">
        <v>0</v>
      </c>
      <c r="J7707" s="8">
        <v>1</v>
      </c>
      <c r="K7707" s="9">
        <v>44.23</v>
      </c>
      <c r="L7707" s="6" t="s">
        <v>51</v>
      </c>
    </row>
    <row r="7708" spans="1:12">
      <c r="A7708" s="6" t="s">
        <v>49</v>
      </c>
      <c r="B7708" s="6"/>
      <c r="C7708" s="6" t="s">
        <v>7732</v>
      </c>
      <c r="D7708" s="6"/>
      <c r="E7708" s="6" t="s">
        <v>9</v>
      </c>
      <c r="F7708" s="7">
        <v>38657</v>
      </c>
      <c r="G7708" s="8">
        <v>1</v>
      </c>
      <c r="H7708" s="8">
        <v>1</v>
      </c>
      <c r="I7708" s="8">
        <v>0</v>
      </c>
      <c r="J7708" s="8">
        <v>1</v>
      </c>
      <c r="K7708" s="9">
        <v>85.48</v>
      </c>
      <c r="L7708" s="6" t="s">
        <v>51</v>
      </c>
    </row>
    <row r="7709" spans="1:12">
      <c r="A7709" s="6" t="s">
        <v>49</v>
      </c>
      <c r="B7709" s="6"/>
      <c r="C7709" s="6" t="s">
        <v>7733</v>
      </c>
      <c r="D7709" s="6"/>
      <c r="E7709" s="6" t="s">
        <v>9</v>
      </c>
      <c r="F7709" s="7">
        <v>38657</v>
      </c>
      <c r="G7709" s="8">
        <v>1</v>
      </c>
      <c r="H7709" s="8">
        <v>1</v>
      </c>
      <c r="I7709" s="8">
        <v>0</v>
      </c>
      <c r="J7709" s="8">
        <v>1</v>
      </c>
      <c r="K7709" s="9">
        <v>9.6199999999999903</v>
      </c>
      <c r="L7709" s="6" t="s">
        <v>51</v>
      </c>
    </row>
    <row r="7710" spans="1:12">
      <c r="A7710" s="6" t="s">
        <v>49</v>
      </c>
      <c r="B7710" s="6"/>
      <c r="C7710" s="6" t="s">
        <v>7734</v>
      </c>
      <c r="D7710" s="6"/>
      <c r="E7710" s="6" t="s">
        <v>9</v>
      </c>
      <c r="F7710" s="7">
        <v>38657</v>
      </c>
      <c r="G7710" s="8">
        <v>1</v>
      </c>
      <c r="H7710" s="8">
        <v>1</v>
      </c>
      <c r="I7710" s="8">
        <v>0</v>
      </c>
      <c r="J7710" s="8">
        <v>1</v>
      </c>
      <c r="K7710" s="9">
        <v>112</v>
      </c>
      <c r="L7710" s="6" t="s">
        <v>51</v>
      </c>
    </row>
    <row r="7711" spans="1:12">
      <c r="A7711" s="6" t="s">
        <v>49</v>
      </c>
      <c r="B7711" s="6"/>
      <c r="C7711" s="6" t="s">
        <v>7735</v>
      </c>
      <c r="D7711" s="6"/>
      <c r="E7711" s="6" t="s">
        <v>9</v>
      </c>
      <c r="F7711" s="7">
        <v>38657</v>
      </c>
      <c r="G7711" s="8">
        <v>1</v>
      </c>
      <c r="H7711" s="8">
        <v>1</v>
      </c>
      <c r="I7711" s="8">
        <v>0</v>
      </c>
      <c r="J7711" s="8">
        <v>1</v>
      </c>
      <c r="K7711" s="9">
        <v>38.85</v>
      </c>
      <c r="L7711" s="6" t="s">
        <v>51</v>
      </c>
    </row>
    <row r="7712" spans="1:12">
      <c r="A7712" s="6" t="s">
        <v>49</v>
      </c>
      <c r="B7712" s="6"/>
      <c r="C7712" s="6" t="s">
        <v>7736</v>
      </c>
      <c r="D7712" s="6"/>
      <c r="E7712" s="6" t="s">
        <v>9</v>
      </c>
      <c r="F7712" s="7">
        <v>38657</v>
      </c>
      <c r="G7712" s="8">
        <v>1</v>
      </c>
      <c r="H7712" s="8">
        <v>1</v>
      </c>
      <c r="I7712" s="8">
        <v>0</v>
      </c>
      <c r="J7712" s="8">
        <v>1</v>
      </c>
      <c r="K7712" s="9">
        <v>40.24</v>
      </c>
      <c r="L7712" s="6" t="s">
        <v>51</v>
      </c>
    </row>
    <row r="7713" spans="1:12">
      <c r="A7713" s="6" t="s">
        <v>49</v>
      </c>
      <c r="B7713" s="6"/>
      <c r="C7713" s="6" t="s">
        <v>7737</v>
      </c>
      <c r="D7713" s="6"/>
      <c r="E7713" s="6" t="s">
        <v>9</v>
      </c>
      <c r="F7713" s="7">
        <v>38657</v>
      </c>
      <c r="G7713" s="8">
        <v>1</v>
      </c>
      <c r="H7713" s="8">
        <v>1</v>
      </c>
      <c r="I7713" s="8">
        <v>0</v>
      </c>
      <c r="J7713" s="8">
        <v>1</v>
      </c>
      <c r="K7713" s="9">
        <v>43.03</v>
      </c>
      <c r="L7713" s="6" t="s">
        <v>51</v>
      </c>
    </row>
    <row r="7714" spans="1:12">
      <c r="A7714" s="6" t="s">
        <v>49</v>
      </c>
      <c r="B7714" s="6"/>
      <c r="C7714" s="6" t="s">
        <v>7738</v>
      </c>
      <c r="D7714" s="6"/>
      <c r="E7714" s="6" t="s">
        <v>9</v>
      </c>
      <c r="F7714" s="7">
        <v>38657</v>
      </c>
      <c r="G7714" s="8">
        <v>1</v>
      </c>
      <c r="H7714" s="8">
        <v>1</v>
      </c>
      <c r="I7714" s="8">
        <v>0</v>
      </c>
      <c r="J7714" s="8">
        <v>1</v>
      </c>
      <c r="K7714" s="9">
        <v>116</v>
      </c>
      <c r="L7714" s="6" t="s">
        <v>51</v>
      </c>
    </row>
    <row r="7715" spans="1:12">
      <c r="A7715" s="6" t="s">
        <v>49</v>
      </c>
      <c r="B7715" s="6"/>
      <c r="C7715" s="6" t="s">
        <v>7739</v>
      </c>
      <c r="D7715" s="6"/>
      <c r="E7715" s="6" t="s">
        <v>9</v>
      </c>
      <c r="F7715" s="7">
        <v>38657</v>
      </c>
      <c r="G7715" s="8">
        <v>1</v>
      </c>
      <c r="H7715" s="8">
        <v>1</v>
      </c>
      <c r="I7715" s="8">
        <v>0</v>
      </c>
      <c r="J7715" s="8">
        <v>1</v>
      </c>
      <c r="K7715" s="9">
        <v>37</v>
      </c>
      <c r="L7715" s="6" t="s">
        <v>51</v>
      </c>
    </row>
    <row r="7716" spans="1:12">
      <c r="A7716" s="6" t="s">
        <v>49</v>
      </c>
      <c r="B7716" s="6"/>
      <c r="C7716" s="6" t="s">
        <v>7740</v>
      </c>
      <c r="D7716" s="6"/>
      <c r="E7716" s="6" t="s">
        <v>9</v>
      </c>
      <c r="F7716" s="7">
        <v>38657</v>
      </c>
      <c r="G7716" s="8">
        <v>1</v>
      </c>
      <c r="H7716" s="8">
        <v>1</v>
      </c>
      <c r="I7716" s="8">
        <v>0</v>
      </c>
      <c r="J7716" s="8">
        <v>1</v>
      </c>
      <c r="K7716" s="9">
        <v>77</v>
      </c>
      <c r="L7716" s="6" t="s">
        <v>51</v>
      </c>
    </row>
    <row r="7717" spans="1:12">
      <c r="A7717" s="6" t="s">
        <v>49</v>
      </c>
      <c r="B7717" s="6"/>
      <c r="C7717" s="6" t="s">
        <v>7741</v>
      </c>
      <c r="D7717" s="6"/>
      <c r="E7717" s="6" t="s">
        <v>9</v>
      </c>
      <c r="F7717" s="7">
        <v>38657</v>
      </c>
      <c r="G7717" s="8">
        <v>1</v>
      </c>
      <c r="H7717" s="8">
        <v>1</v>
      </c>
      <c r="I7717" s="8">
        <v>0</v>
      </c>
      <c r="J7717" s="8">
        <v>1</v>
      </c>
      <c r="K7717" s="9">
        <v>77</v>
      </c>
      <c r="L7717" s="6" t="s">
        <v>51</v>
      </c>
    </row>
    <row r="7718" spans="1:12">
      <c r="A7718" s="6" t="s">
        <v>49</v>
      </c>
      <c r="B7718" s="6"/>
      <c r="C7718" s="6" t="s">
        <v>7742</v>
      </c>
      <c r="D7718" s="6"/>
      <c r="E7718" s="6" t="s">
        <v>9</v>
      </c>
      <c r="F7718" s="7">
        <v>38657</v>
      </c>
      <c r="G7718" s="8">
        <v>1</v>
      </c>
      <c r="H7718" s="8">
        <v>1</v>
      </c>
      <c r="I7718" s="8">
        <v>0</v>
      </c>
      <c r="J7718" s="8">
        <v>1</v>
      </c>
      <c r="K7718" s="9">
        <v>74</v>
      </c>
      <c r="L7718" s="6" t="s">
        <v>51</v>
      </c>
    </row>
    <row r="7719" spans="1:12">
      <c r="A7719" s="6" t="s">
        <v>49</v>
      </c>
      <c r="B7719" s="6"/>
      <c r="C7719" s="6" t="s">
        <v>7743</v>
      </c>
      <c r="D7719" s="6"/>
      <c r="E7719" s="6" t="s">
        <v>9</v>
      </c>
      <c r="F7719" s="7">
        <v>38657</v>
      </c>
      <c r="G7719" s="8">
        <v>1</v>
      </c>
      <c r="H7719" s="8">
        <v>1</v>
      </c>
      <c r="I7719" s="8">
        <v>0</v>
      </c>
      <c r="J7719" s="8">
        <v>1</v>
      </c>
      <c r="K7719" s="9">
        <v>49</v>
      </c>
      <c r="L7719" s="6" t="s">
        <v>51</v>
      </c>
    </row>
    <row r="7720" spans="1:12">
      <c r="A7720" s="6" t="s">
        <v>49</v>
      </c>
      <c r="B7720" s="6"/>
      <c r="C7720" s="6" t="s">
        <v>7744</v>
      </c>
      <c r="D7720" s="6"/>
      <c r="E7720" s="6" t="s">
        <v>9</v>
      </c>
      <c r="F7720" s="7">
        <v>38657</v>
      </c>
      <c r="G7720" s="8">
        <v>1</v>
      </c>
      <c r="H7720" s="8">
        <v>1</v>
      </c>
      <c r="I7720" s="8">
        <v>0</v>
      </c>
      <c r="J7720" s="8">
        <v>1</v>
      </c>
      <c r="K7720" s="9">
        <v>72.19</v>
      </c>
      <c r="L7720" s="6" t="s">
        <v>51</v>
      </c>
    </row>
    <row r="7721" spans="1:12">
      <c r="A7721" s="6" t="s">
        <v>49</v>
      </c>
      <c r="B7721" s="6"/>
      <c r="C7721" s="6" t="s">
        <v>7745</v>
      </c>
      <c r="D7721" s="6"/>
      <c r="E7721" s="6" t="s">
        <v>9</v>
      </c>
      <c r="F7721" s="7">
        <v>38657</v>
      </c>
      <c r="G7721" s="8">
        <v>1</v>
      </c>
      <c r="H7721" s="8">
        <v>1</v>
      </c>
      <c r="I7721" s="8">
        <v>0</v>
      </c>
      <c r="J7721" s="8">
        <v>1</v>
      </c>
      <c r="K7721" s="9">
        <v>80</v>
      </c>
      <c r="L7721" s="6" t="s">
        <v>51</v>
      </c>
    </row>
    <row r="7722" spans="1:12">
      <c r="A7722" s="6" t="s">
        <v>49</v>
      </c>
      <c r="B7722" s="6"/>
      <c r="C7722" s="6" t="s">
        <v>7746</v>
      </c>
      <c r="D7722" s="6"/>
      <c r="E7722" s="6" t="s">
        <v>9</v>
      </c>
      <c r="F7722" s="7">
        <v>38657</v>
      </c>
      <c r="G7722" s="8">
        <v>1</v>
      </c>
      <c r="H7722" s="8">
        <v>1</v>
      </c>
      <c r="I7722" s="8">
        <v>0</v>
      </c>
      <c r="J7722" s="8">
        <v>1</v>
      </c>
      <c r="K7722" s="9">
        <v>47</v>
      </c>
      <c r="L7722" s="6" t="s">
        <v>51</v>
      </c>
    </row>
    <row r="7723" spans="1:12">
      <c r="A7723" s="6" t="s">
        <v>49</v>
      </c>
      <c r="B7723" s="6"/>
      <c r="C7723" s="6" t="s">
        <v>7747</v>
      </c>
      <c r="D7723" s="6"/>
      <c r="E7723" s="6" t="s">
        <v>9</v>
      </c>
      <c r="F7723" s="7">
        <v>38657</v>
      </c>
      <c r="G7723" s="8">
        <v>1</v>
      </c>
      <c r="H7723" s="8">
        <v>1</v>
      </c>
      <c r="I7723" s="8">
        <v>0</v>
      </c>
      <c r="J7723" s="8">
        <v>1</v>
      </c>
      <c r="K7723" s="9">
        <v>18</v>
      </c>
      <c r="L7723" s="6" t="s">
        <v>51</v>
      </c>
    </row>
    <row r="7724" spans="1:12">
      <c r="A7724" s="6" t="s">
        <v>49</v>
      </c>
      <c r="B7724" s="6"/>
      <c r="C7724" s="6" t="s">
        <v>7748</v>
      </c>
      <c r="D7724" s="6"/>
      <c r="E7724" s="6" t="s">
        <v>9</v>
      </c>
      <c r="F7724" s="7">
        <v>38657</v>
      </c>
      <c r="G7724" s="8">
        <v>1</v>
      </c>
      <c r="H7724" s="8">
        <v>1</v>
      </c>
      <c r="I7724" s="8">
        <v>0</v>
      </c>
      <c r="J7724" s="8">
        <v>1</v>
      </c>
      <c r="K7724" s="9">
        <v>65</v>
      </c>
      <c r="L7724" s="6" t="s">
        <v>51</v>
      </c>
    </row>
    <row r="7725" spans="1:12">
      <c r="A7725" s="6" t="s">
        <v>49</v>
      </c>
      <c r="B7725" s="6"/>
      <c r="C7725" s="6" t="s">
        <v>7749</v>
      </c>
      <c r="D7725" s="6"/>
      <c r="E7725" s="6" t="s">
        <v>9</v>
      </c>
      <c r="F7725" s="7">
        <v>38657</v>
      </c>
      <c r="G7725" s="8">
        <v>1</v>
      </c>
      <c r="H7725" s="8">
        <v>1</v>
      </c>
      <c r="I7725" s="8">
        <v>0</v>
      </c>
      <c r="J7725" s="8">
        <v>1</v>
      </c>
      <c r="K7725" s="9">
        <v>1.19</v>
      </c>
      <c r="L7725" s="6" t="s">
        <v>51</v>
      </c>
    </row>
    <row r="7726" spans="1:12">
      <c r="A7726" s="6" t="s">
        <v>49</v>
      </c>
      <c r="B7726" s="6"/>
      <c r="C7726" s="6" t="s">
        <v>7750</v>
      </c>
      <c r="D7726" s="6"/>
      <c r="E7726" s="6" t="s">
        <v>9</v>
      </c>
      <c r="F7726" s="7">
        <v>38806</v>
      </c>
      <c r="G7726" s="8">
        <v>4095</v>
      </c>
      <c r="H7726" s="8">
        <v>4095</v>
      </c>
      <c r="I7726" s="8">
        <v>0</v>
      </c>
      <c r="J7726" s="8">
        <v>4095</v>
      </c>
      <c r="K7726" s="9">
        <v>0.85</v>
      </c>
      <c r="L7726" s="6" t="s">
        <v>51</v>
      </c>
    </row>
    <row r="7727" spans="1:12">
      <c r="A7727" s="6" t="s">
        <v>49</v>
      </c>
      <c r="B7727" s="6"/>
      <c r="C7727" s="6" t="s">
        <v>7751</v>
      </c>
      <c r="D7727" s="6"/>
      <c r="E7727" s="6" t="s">
        <v>9</v>
      </c>
      <c r="F7727" s="7">
        <v>38806</v>
      </c>
      <c r="G7727" s="8">
        <v>2341590</v>
      </c>
      <c r="H7727" s="8">
        <v>2341590</v>
      </c>
      <c r="I7727" s="8">
        <v>0</v>
      </c>
      <c r="J7727" s="8">
        <v>2341590</v>
      </c>
      <c r="K7727" s="9">
        <v>486</v>
      </c>
      <c r="L7727" s="6" t="s">
        <v>51</v>
      </c>
    </row>
    <row r="7728" spans="1:12">
      <c r="A7728" s="6" t="s">
        <v>49</v>
      </c>
      <c r="B7728" s="6"/>
      <c r="C7728" s="6" t="s">
        <v>7752</v>
      </c>
      <c r="D7728" s="6"/>
      <c r="E7728" s="6" t="s">
        <v>9</v>
      </c>
      <c r="F7728" s="7">
        <v>41060</v>
      </c>
      <c r="G7728" s="8">
        <v>1</v>
      </c>
      <c r="H7728" s="8">
        <v>1</v>
      </c>
      <c r="I7728" s="8">
        <v>0</v>
      </c>
      <c r="J7728" s="8">
        <v>1</v>
      </c>
      <c r="K7728" s="9">
        <v>0.39</v>
      </c>
      <c r="L7728" s="6" t="s">
        <v>51</v>
      </c>
    </row>
    <row r="7729" spans="1:12">
      <c r="A7729" s="6" t="s">
        <v>49</v>
      </c>
      <c r="B7729" s="6"/>
      <c r="C7729" s="6" t="s">
        <v>7753</v>
      </c>
      <c r="D7729" s="6"/>
      <c r="E7729" s="6" t="s">
        <v>9</v>
      </c>
      <c r="F7729" s="7"/>
      <c r="G7729" s="8">
        <v>1</v>
      </c>
      <c r="H7729" s="8">
        <v>1</v>
      </c>
      <c r="I7729" s="8">
        <v>0</v>
      </c>
      <c r="J7729" s="8">
        <v>1</v>
      </c>
      <c r="K7729" s="9">
        <v>340</v>
      </c>
      <c r="L7729" s="6" t="s">
        <v>51</v>
      </c>
    </row>
    <row r="7730" spans="1:12">
      <c r="A7730" s="6" t="s">
        <v>49</v>
      </c>
      <c r="B7730" s="6"/>
      <c r="C7730" s="6" t="s">
        <v>7754</v>
      </c>
      <c r="D7730" s="6"/>
      <c r="E7730" s="6" t="s">
        <v>9</v>
      </c>
      <c r="F7730" s="7">
        <v>38657</v>
      </c>
      <c r="G7730" s="8">
        <v>1</v>
      </c>
      <c r="H7730" s="8">
        <v>1</v>
      </c>
      <c r="I7730" s="8">
        <v>0</v>
      </c>
      <c r="J7730" s="8">
        <v>1</v>
      </c>
      <c r="K7730" s="9">
        <v>71</v>
      </c>
      <c r="L7730" s="6" t="s">
        <v>51</v>
      </c>
    </row>
    <row r="7731" spans="1:12">
      <c r="A7731" s="6" t="s">
        <v>49</v>
      </c>
      <c r="B7731" s="6"/>
      <c r="C7731" s="6" t="s">
        <v>7755</v>
      </c>
      <c r="D7731" s="6"/>
      <c r="E7731" s="6" t="s">
        <v>9</v>
      </c>
      <c r="F7731" s="7">
        <v>38657</v>
      </c>
      <c r="G7731" s="8">
        <v>1</v>
      </c>
      <c r="H7731" s="8">
        <v>1</v>
      </c>
      <c r="I7731" s="8">
        <v>0</v>
      </c>
      <c r="J7731" s="8">
        <v>1</v>
      </c>
      <c r="K7731" s="9">
        <v>9.91</v>
      </c>
      <c r="L7731" s="6" t="s">
        <v>51</v>
      </c>
    </row>
    <row r="7732" spans="1:12">
      <c r="A7732" s="6" t="s">
        <v>49</v>
      </c>
      <c r="B7732" s="6"/>
      <c r="C7732" s="6" t="s">
        <v>7756</v>
      </c>
      <c r="D7732" s="6"/>
      <c r="E7732" s="6" t="s">
        <v>9</v>
      </c>
      <c r="F7732" s="7">
        <v>38657</v>
      </c>
      <c r="G7732" s="8">
        <v>1</v>
      </c>
      <c r="H7732" s="8">
        <v>1</v>
      </c>
      <c r="I7732" s="8">
        <v>0</v>
      </c>
      <c r="J7732" s="8">
        <v>1</v>
      </c>
      <c r="K7732" s="9">
        <v>303</v>
      </c>
      <c r="L7732" s="6" t="s">
        <v>51</v>
      </c>
    </row>
    <row r="7733" spans="1:12">
      <c r="A7733" s="6" t="s">
        <v>49</v>
      </c>
      <c r="B7733" s="6"/>
      <c r="C7733" s="6" t="s">
        <v>7757</v>
      </c>
      <c r="D7733" s="6"/>
      <c r="E7733" s="6" t="s">
        <v>9</v>
      </c>
      <c r="F7733" s="7">
        <v>38657</v>
      </c>
      <c r="G7733" s="8">
        <v>1</v>
      </c>
      <c r="H7733" s="8">
        <v>1</v>
      </c>
      <c r="I7733" s="8">
        <v>0</v>
      </c>
      <c r="J7733" s="8">
        <v>1</v>
      </c>
      <c r="K7733" s="9">
        <v>460</v>
      </c>
      <c r="L7733" s="6" t="s">
        <v>51</v>
      </c>
    </row>
    <row r="7734" spans="1:12">
      <c r="A7734" s="6" t="s">
        <v>49</v>
      </c>
      <c r="B7734" s="6"/>
      <c r="C7734" s="6" t="s">
        <v>7758</v>
      </c>
      <c r="D7734" s="6"/>
      <c r="E7734" s="6" t="s">
        <v>9</v>
      </c>
      <c r="F7734" s="7">
        <v>38657</v>
      </c>
      <c r="G7734" s="8">
        <v>1</v>
      </c>
      <c r="H7734" s="8">
        <v>1</v>
      </c>
      <c r="I7734" s="8">
        <v>0</v>
      </c>
      <c r="J7734" s="8">
        <v>1</v>
      </c>
      <c r="K7734" s="9">
        <v>658</v>
      </c>
      <c r="L7734" s="6" t="s">
        <v>51</v>
      </c>
    </row>
    <row r="7735" spans="1:12">
      <c r="A7735" s="6" t="s">
        <v>49</v>
      </c>
      <c r="B7735" s="6"/>
      <c r="C7735" s="6" t="s">
        <v>7759</v>
      </c>
      <c r="D7735" s="6"/>
      <c r="E7735" s="6" t="s">
        <v>9</v>
      </c>
      <c r="F7735" s="7">
        <v>38657</v>
      </c>
      <c r="G7735" s="8">
        <v>1</v>
      </c>
      <c r="H7735" s="8">
        <v>1</v>
      </c>
      <c r="I7735" s="8">
        <v>0</v>
      </c>
      <c r="J7735" s="8">
        <v>1</v>
      </c>
      <c r="K7735" s="9">
        <v>144</v>
      </c>
      <c r="L7735" s="6" t="s">
        <v>51</v>
      </c>
    </row>
    <row r="7736" spans="1:12">
      <c r="A7736" s="6" t="s">
        <v>49</v>
      </c>
      <c r="B7736" s="6"/>
      <c r="C7736" s="6" t="s">
        <v>7760</v>
      </c>
      <c r="D7736" s="6"/>
      <c r="E7736" s="6" t="s">
        <v>9</v>
      </c>
      <c r="F7736" s="7">
        <v>38657</v>
      </c>
      <c r="G7736" s="8">
        <v>1</v>
      </c>
      <c r="H7736" s="8">
        <v>1</v>
      </c>
      <c r="I7736" s="8">
        <v>0</v>
      </c>
      <c r="J7736" s="8">
        <v>1</v>
      </c>
      <c r="K7736" s="9">
        <v>228</v>
      </c>
      <c r="L7736" s="6" t="s">
        <v>51</v>
      </c>
    </row>
    <row r="7737" spans="1:12">
      <c r="A7737" s="6" t="s">
        <v>49</v>
      </c>
      <c r="B7737" s="6"/>
      <c r="C7737" s="6" t="s">
        <v>7761</v>
      </c>
      <c r="D7737" s="6"/>
      <c r="E7737" s="6" t="s">
        <v>9</v>
      </c>
      <c r="F7737" s="7">
        <v>38657</v>
      </c>
      <c r="G7737" s="8">
        <v>1</v>
      </c>
      <c r="H7737" s="8">
        <v>1</v>
      </c>
      <c r="I7737" s="8">
        <v>0</v>
      </c>
      <c r="J7737" s="8">
        <v>1</v>
      </c>
      <c r="K7737" s="9">
        <v>1329</v>
      </c>
      <c r="L7737" s="6" t="s">
        <v>51</v>
      </c>
    </row>
    <row r="7738" spans="1:12">
      <c r="A7738" s="6" t="s">
        <v>49</v>
      </c>
      <c r="B7738" s="6"/>
      <c r="C7738" s="6" t="s">
        <v>7762</v>
      </c>
      <c r="D7738" s="6"/>
      <c r="E7738" s="6" t="s">
        <v>9</v>
      </c>
      <c r="F7738" s="7">
        <v>38657</v>
      </c>
      <c r="G7738" s="8">
        <v>1</v>
      </c>
      <c r="H7738" s="8">
        <v>1</v>
      </c>
      <c r="I7738" s="8">
        <v>0</v>
      </c>
      <c r="J7738" s="8">
        <v>1</v>
      </c>
      <c r="K7738" s="9">
        <v>289</v>
      </c>
      <c r="L7738" s="6" t="s">
        <v>51</v>
      </c>
    </row>
    <row r="7739" spans="1:12">
      <c r="A7739" s="6" t="s">
        <v>49</v>
      </c>
      <c r="B7739" s="6"/>
      <c r="C7739" s="6" t="s">
        <v>7763</v>
      </c>
      <c r="D7739" s="6"/>
      <c r="E7739" s="6" t="s">
        <v>9</v>
      </c>
      <c r="F7739" s="7">
        <v>38657</v>
      </c>
      <c r="G7739" s="8">
        <v>1</v>
      </c>
      <c r="H7739" s="8">
        <v>1</v>
      </c>
      <c r="I7739" s="8">
        <v>0</v>
      </c>
      <c r="J7739" s="8">
        <v>1</v>
      </c>
      <c r="K7739" s="9">
        <v>464</v>
      </c>
      <c r="L7739" s="6" t="s">
        <v>51</v>
      </c>
    </row>
    <row r="7740" spans="1:12">
      <c r="A7740" s="6" t="s">
        <v>49</v>
      </c>
      <c r="B7740" s="6"/>
      <c r="C7740" s="6" t="s">
        <v>7764</v>
      </c>
      <c r="D7740" s="6"/>
      <c r="E7740" s="6" t="s">
        <v>9</v>
      </c>
      <c r="F7740" s="7">
        <v>38657</v>
      </c>
      <c r="G7740" s="8">
        <v>1</v>
      </c>
      <c r="H7740" s="8">
        <v>1</v>
      </c>
      <c r="I7740" s="8">
        <v>0</v>
      </c>
      <c r="J7740" s="8">
        <v>1</v>
      </c>
      <c r="K7740" s="9">
        <v>717</v>
      </c>
      <c r="L7740" s="6" t="s">
        <v>51</v>
      </c>
    </row>
    <row r="7741" spans="1:12">
      <c r="A7741" s="6" t="s">
        <v>49</v>
      </c>
      <c r="B7741" s="6"/>
      <c r="C7741" s="6" t="s">
        <v>7765</v>
      </c>
      <c r="D7741" s="6"/>
      <c r="E7741" s="6" t="s">
        <v>9</v>
      </c>
      <c r="F7741" s="7">
        <v>38657</v>
      </c>
      <c r="G7741" s="8">
        <v>1</v>
      </c>
      <c r="H7741" s="8">
        <v>1</v>
      </c>
      <c r="I7741" s="8">
        <v>0</v>
      </c>
      <c r="J7741" s="8">
        <v>1</v>
      </c>
      <c r="K7741" s="9">
        <v>2329</v>
      </c>
      <c r="L7741" s="6" t="s">
        <v>51</v>
      </c>
    </row>
    <row r="7742" spans="1:12">
      <c r="A7742" s="6" t="s">
        <v>49</v>
      </c>
      <c r="B7742" s="6"/>
      <c r="C7742" s="6" t="s">
        <v>7766</v>
      </c>
      <c r="D7742" s="6"/>
      <c r="E7742" s="6" t="s">
        <v>9</v>
      </c>
      <c r="F7742" s="7">
        <v>38657</v>
      </c>
      <c r="G7742" s="8">
        <v>1</v>
      </c>
      <c r="H7742" s="8">
        <v>1</v>
      </c>
      <c r="I7742" s="8">
        <v>0</v>
      </c>
      <c r="J7742" s="8">
        <v>1</v>
      </c>
      <c r="K7742" s="9">
        <v>36</v>
      </c>
      <c r="L7742" s="6" t="s">
        <v>51</v>
      </c>
    </row>
    <row r="7743" spans="1:12">
      <c r="A7743" s="6" t="s">
        <v>49</v>
      </c>
      <c r="B7743" s="6"/>
      <c r="C7743" s="6" t="s">
        <v>7767</v>
      </c>
      <c r="D7743" s="6"/>
      <c r="E7743" s="6" t="s">
        <v>9</v>
      </c>
      <c r="F7743" s="7">
        <v>38657</v>
      </c>
      <c r="G7743" s="8">
        <v>1</v>
      </c>
      <c r="H7743" s="8">
        <v>1</v>
      </c>
      <c r="I7743" s="8">
        <v>0</v>
      </c>
      <c r="J7743" s="8">
        <v>1</v>
      </c>
      <c r="K7743" s="9">
        <v>280</v>
      </c>
      <c r="L7743" s="6" t="s">
        <v>51</v>
      </c>
    </row>
    <row r="7744" spans="1:12">
      <c r="A7744" s="6" t="s">
        <v>49</v>
      </c>
      <c r="B7744" s="6"/>
      <c r="C7744" s="6" t="s">
        <v>7768</v>
      </c>
      <c r="D7744" s="6"/>
      <c r="E7744" s="6" t="s">
        <v>9</v>
      </c>
      <c r="F7744" s="7">
        <v>38657</v>
      </c>
      <c r="G7744" s="8">
        <v>1</v>
      </c>
      <c r="H7744" s="8">
        <v>1</v>
      </c>
      <c r="I7744" s="8">
        <v>0</v>
      </c>
      <c r="J7744" s="8">
        <v>1</v>
      </c>
      <c r="K7744" s="9">
        <v>223</v>
      </c>
      <c r="L7744" s="6" t="s">
        <v>51</v>
      </c>
    </row>
    <row r="7745" spans="1:12">
      <c r="A7745" s="6" t="s">
        <v>49</v>
      </c>
      <c r="B7745" s="6"/>
      <c r="C7745" s="6" t="s">
        <v>7769</v>
      </c>
      <c r="D7745" s="6"/>
      <c r="E7745" s="6" t="s">
        <v>9</v>
      </c>
      <c r="F7745" s="7">
        <v>38657</v>
      </c>
      <c r="G7745" s="8">
        <v>1</v>
      </c>
      <c r="H7745" s="8">
        <v>1</v>
      </c>
      <c r="I7745" s="8">
        <v>0</v>
      </c>
      <c r="J7745" s="8">
        <v>1</v>
      </c>
      <c r="K7745" s="9">
        <v>121</v>
      </c>
      <c r="L7745" s="6" t="s">
        <v>51</v>
      </c>
    </row>
    <row r="7746" spans="1:12">
      <c r="A7746" s="6" t="s">
        <v>49</v>
      </c>
      <c r="B7746" s="6"/>
      <c r="C7746" s="6" t="s">
        <v>7770</v>
      </c>
      <c r="D7746" s="6"/>
      <c r="E7746" s="6" t="s">
        <v>9</v>
      </c>
      <c r="F7746" s="7">
        <v>38657</v>
      </c>
      <c r="G7746" s="8">
        <v>1</v>
      </c>
      <c r="H7746" s="8">
        <v>1</v>
      </c>
      <c r="I7746" s="8">
        <v>0</v>
      </c>
      <c r="J7746" s="8">
        <v>1</v>
      </c>
      <c r="K7746" s="9">
        <v>1332</v>
      </c>
      <c r="L7746" s="6" t="s">
        <v>51</v>
      </c>
    </row>
    <row r="7747" spans="1:12">
      <c r="A7747" s="6" t="s">
        <v>49</v>
      </c>
      <c r="B7747" s="6"/>
      <c r="C7747" s="6" t="s">
        <v>7771</v>
      </c>
      <c r="D7747" s="6"/>
      <c r="E7747" s="6" t="s">
        <v>9</v>
      </c>
      <c r="F7747" s="7">
        <v>38657</v>
      </c>
      <c r="G7747" s="8">
        <v>1</v>
      </c>
      <c r="H7747" s="8">
        <v>1</v>
      </c>
      <c r="I7747" s="8">
        <v>0</v>
      </c>
      <c r="J7747" s="8">
        <v>1</v>
      </c>
      <c r="K7747" s="9">
        <v>169</v>
      </c>
      <c r="L7747" s="6" t="s">
        <v>51</v>
      </c>
    </row>
    <row r="7748" spans="1:12">
      <c r="A7748" s="6" t="s">
        <v>49</v>
      </c>
      <c r="B7748" s="6"/>
      <c r="C7748" s="6" t="s">
        <v>7772</v>
      </c>
      <c r="D7748" s="6"/>
      <c r="E7748" s="6" t="s">
        <v>9</v>
      </c>
      <c r="F7748" s="7">
        <v>38657</v>
      </c>
      <c r="G7748" s="8">
        <v>1</v>
      </c>
      <c r="H7748" s="8">
        <v>1</v>
      </c>
      <c r="I7748" s="8">
        <v>0</v>
      </c>
      <c r="J7748" s="8">
        <v>1</v>
      </c>
      <c r="K7748" s="9">
        <v>167</v>
      </c>
      <c r="L7748" s="6" t="s">
        <v>51</v>
      </c>
    </row>
    <row r="7749" spans="1:12">
      <c r="A7749" s="6" t="s">
        <v>49</v>
      </c>
      <c r="B7749" s="6"/>
      <c r="C7749" s="6" t="s">
        <v>7773</v>
      </c>
      <c r="D7749" s="6"/>
      <c r="E7749" s="6" t="s">
        <v>9</v>
      </c>
      <c r="F7749" s="7">
        <v>38657</v>
      </c>
      <c r="G7749" s="8">
        <v>1</v>
      </c>
      <c r="H7749" s="8">
        <v>1</v>
      </c>
      <c r="I7749" s="8">
        <v>0</v>
      </c>
      <c r="J7749" s="8">
        <v>1</v>
      </c>
      <c r="K7749" s="9">
        <v>290</v>
      </c>
      <c r="L7749" s="6" t="s">
        <v>51</v>
      </c>
    </row>
    <row r="7750" spans="1:12">
      <c r="A7750" s="6" t="s">
        <v>49</v>
      </c>
      <c r="B7750" s="6"/>
      <c r="C7750" s="6" t="s">
        <v>7774</v>
      </c>
      <c r="D7750" s="6"/>
      <c r="E7750" s="6" t="s">
        <v>9</v>
      </c>
      <c r="F7750" s="7">
        <v>38657</v>
      </c>
      <c r="G7750" s="8">
        <v>1</v>
      </c>
      <c r="H7750" s="8">
        <v>1</v>
      </c>
      <c r="I7750" s="8">
        <v>0</v>
      </c>
      <c r="J7750" s="8">
        <v>1</v>
      </c>
      <c r="K7750" s="9">
        <v>290</v>
      </c>
      <c r="L7750" s="6" t="s">
        <v>51</v>
      </c>
    </row>
    <row r="7751" spans="1:12">
      <c r="A7751" s="6" t="s">
        <v>49</v>
      </c>
      <c r="B7751" s="6"/>
      <c r="C7751" s="6" t="s">
        <v>7775</v>
      </c>
      <c r="D7751" s="6"/>
      <c r="E7751" s="6" t="s">
        <v>9</v>
      </c>
      <c r="F7751" s="7">
        <v>38657</v>
      </c>
      <c r="G7751" s="8">
        <v>1</v>
      </c>
      <c r="H7751" s="8">
        <v>1</v>
      </c>
      <c r="I7751" s="8">
        <v>0</v>
      </c>
      <c r="J7751" s="8">
        <v>1</v>
      </c>
      <c r="K7751" s="9">
        <v>290</v>
      </c>
      <c r="L7751" s="6" t="s">
        <v>51</v>
      </c>
    </row>
    <row r="7752" spans="1:12">
      <c r="A7752" s="6" t="s">
        <v>49</v>
      </c>
      <c r="B7752" s="6"/>
      <c r="C7752" s="6" t="s">
        <v>7776</v>
      </c>
      <c r="D7752" s="6"/>
      <c r="E7752" s="6" t="s">
        <v>9</v>
      </c>
      <c r="F7752" s="7">
        <v>38657</v>
      </c>
      <c r="G7752" s="8">
        <v>1</v>
      </c>
      <c r="H7752" s="8">
        <v>1</v>
      </c>
      <c r="I7752" s="8">
        <v>0</v>
      </c>
      <c r="J7752" s="8">
        <v>1</v>
      </c>
      <c r="K7752" s="9">
        <v>290</v>
      </c>
      <c r="L7752" s="6" t="s">
        <v>51</v>
      </c>
    </row>
    <row r="7753" spans="1:12">
      <c r="A7753" s="6" t="s">
        <v>49</v>
      </c>
      <c r="B7753" s="6"/>
      <c r="C7753" s="6" t="s">
        <v>7777</v>
      </c>
      <c r="D7753" s="6"/>
      <c r="E7753" s="6" t="s">
        <v>9</v>
      </c>
      <c r="F7753" s="7">
        <v>38657</v>
      </c>
      <c r="G7753" s="8">
        <v>1</v>
      </c>
      <c r="H7753" s="8">
        <v>1</v>
      </c>
      <c r="I7753" s="8">
        <v>0</v>
      </c>
      <c r="J7753" s="8">
        <v>1</v>
      </c>
      <c r="K7753" s="9">
        <v>49</v>
      </c>
      <c r="L7753" s="6" t="s">
        <v>51</v>
      </c>
    </row>
    <row r="7754" spans="1:12">
      <c r="A7754" s="6" t="s">
        <v>49</v>
      </c>
      <c r="B7754" s="6"/>
      <c r="C7754" s="6" t="s">
        <v>7778</v>
      </c>
      <c r="D7754" s="6"/>
      <c r="E7754" s="6" t="s">
        <v>9</v>
      </c>
      <c r="F7754" s="7">
        <v>38657</v>
      </c>
      <c r="G7754" s="8">
        <v>1</v>
      </c>
      <c r="H7754" s="8">
        <v>1</v>
      </c>
      <c r="I7754" s="8">
        <v>0</v>
      </c>
      <c r="J7754" s="8">
        <v>1</v>
      </c>
      <c r="K7754" s="9">
        <v>236</v>
      </c>
      <c r="L7754" s="6" t="s">
        <v>51</v>
      </c>
    </row>
    <row r="7755" spans="1:12">
      <c r="A7755" s="6" t="s">
        <v>49</v>
      </c>
      <c r="B7755" s="6"/>
      <c r="C7755" s="6" t="s">
        <v>7779</v>
      </c>
      <c r="D7755" s="6"/>
      <c r="E7755" s="6" t="s">
        <v>9</v>
      </c>
      <c r="F7755" s="7">
        <v>38657</v>
      </c>
      <c r="G7755" s="8">
        <v>1</v>
      </c>
      <c r="H7755" s="8">
        <v>1</v>
      </c>
      <c r="I7755" s="8">
        <v>0</v>
      </c>
      <c r="J7755" s="8">
        <v>1</v>
      </c>
      <c r="K7755" s="9">
        <v>95</v>
      </c>
      <c r="L7755" s="6" t="s">
        <v>51</v>
      </c>
    </row>
    <row r="7756" spans="1:12">
      <c r="A7756" s="6" t="s">
        <v>49</v>
      </c>
      <c r="B7756" s="6"/>
      <c r="C7756" s="6" t="s">
        <v>7780</v>
      </c>
      <c r="D7756" s="6"/>
      <c r="E7756" s="6" t="s">
        <v>9</v>
      </c>
      <c r="F7756" s="7">
        <v>38657</v>
      </c>
      <c r="G7756" s="8">
        <v>1</v>
      </c>
      <c r="H7756" s="8">
        <v>1</v>
      </c>
      <c r="I7756" s="8">
        <v>0</v>
      </c>
      <c r="J7756" s="8">
        <v>1</v>
      </c>
      <c r="K7756" s="9">
        <v>31</v>
      </c>
      <c r="L7756" s="6" t="s">
        <v>51</v>
      </c>
    </row>
    <row r="7757" spans="1:12">
      <c r="A7757" s="6" t="s">
        <v>49</v>
      </c>
      <c r="B7757" s="6"/>
      <c r="C7757" s="6" t="s">
        <v>7781</v>
      </c>
      <c r="D7757" s="6"/>
      <c r="E7757" s="6" t="s">
        <v>9</v>
      </c>
      <c r="F7757" s="7">
        <v>38657</v>
      </c>
      <c r="G7757" s="8">
        <v>1</v>
      </c>
      <c r="H7757" s="8">
        <v>1</v>
      </c>
      <c r="I7757" s="8">
        <v>0</v>
      </c>
      <c r="J7757" s="8">
        <v>1</v>
      </c>
      <c r="K7757" s="9">
        <v>139</v>
      </c>
      <c r="L7757" s="6" t="s">
        <v>51</v>
      </c>
    </row>
    <row r="7758" spans="1:12">
      <c r="A7758" s="6" t="s">
        <v>49</v>
      </c>
      <c r="B7758" s="6"/>
      <c r="C7758" s="6" t="s">
        <v>7782</v>
      </c>
      <c r="D7758" s="6"/>
      <c r="E7758" s="6" t="s">
        <v>9</v>
      </c>
      <c r="F7758" s="7">
        <v>38657</v>
      </c>
      <c r="G7758" s="8">
        <v>1</v>
      </c>
      <c r="H7758" s="8">
        <v>1</v>
      </c>
      <c r="I7758" s="8">
        <v>0</v>
      </c>
      <c r="J7758" s="8">
        <v>1</v>
      </c>
      <c r="K7758" s="9">
        <v>18</v>
      </c>
      <c r="L7758" s="6" t="s">
        <v>51</v>
      </c>
    </row>
    <row r="7759" spans="1:12">
      <c r="A7759" s="6" t="s">
        <v>49</v>
      </c>
      <c r="B7759" s="6"/>
      <c r="C7759" s="6" t="s">
        <v>7783</v>
      </c>
      <c r="D7759" s="6"/>
      <c r="E7759" s="6" t="s">
        <v>9</v>
      </c>
      <c r="F7759" s="7">
        <v>38657</v>
      </c>
      <c r="G7759" s="8">
        <v>1</v>
      </c>
      <c r="H7759" s="8">
        <v>1</v>
      </c>
      <c r="I7759" s="8">
        <v>0</v>
      </c>
      <c r="J7759" s="8">
        <v>1</v>
      </c>
      <c r="K7759" s="9">
        <v>178</v>
      </c>
      <c r="L7759" s="6" t="s">
        <v>51</v>
      </c>
    </row>
    <row r="7760" spans="1:12">
      <c r="A7760" s="6" t="s">
        <v>49</v>
      </c>
      <c r="B7760" s="6"/>
      <c r="C7760" s="6" t="s">
        <v>7784</v>
      </c>
      <c r="D7760" s="6"/>
      <c r="E7760" s="6" t="s">
        <v>9</v>
      </c>
      <c r="F7760" s="7">
        <v>40082</v>
      </c>
      <c r="G7760" s="8">
        <v>1</v>
      </c>
      <c r="H7760" s="8">
        <v>1</v>
      </c>
      <c r="I7760" s="8">
        <v>0</v>
      </c>
      <c r="J7760" s="8">
        <v>1</v>
      </c>
      <c r="K7760" s="9">
        <v>804</v>
      </c>
      <c r="L7760" s="6" t="s">
        <v>51</v>
      </c>
    </row>
    <row r="7761" spans="1:12">
      <c r="A7761" s="6" t="s">
        <v>49</v>
      </c>
      <c r="B7761" s="6"/>
      <c r="C7761" s="6" t="s">
        <v>7785</v>
      </c>
      <c r="D7761" s="6"/>
      <c r="E7761" s="6" t="s">
        <v>9</v>
      </c>
      <c r="F7761" s="7">
        <v>40082</v>
      </c>
      <c r="G7761" s="8">
        <v>1</v>
      </c>
      <c r="H7761" s="8">
        <v>1</v>
      </c>
      <c r="I7761" s="8">
        <v>0</v>
      </c>
      <c r="J7761" s="8">
        <v>1</v>
      </c>
      <c r="K7761" s="9">
        <v>1328</v>
      </c>
      <c r="L7761" s="6" t="s">
        <v>51</v>
      </c>
    </row>
    <row r="7762" spans="1:12">
      <c r="A7762" s="6" t="s">
        <v>49</v>
      </c>
      <c r="B7762" s="6"/>
      <c r="C7762" s="6" t="s">
        <v>7786</v>
      </c>
      <c r="D7762" s="6"/>
      <c r="E7762" s="6" t="s">
        <v>9</v>
      </c>
      <c r="F7762" s="7">
        <v>38657</v>
      </c>
      <c r="G7762" s="8">
        <v>1</v>
      </c>
      <c r="H7762" s="8">
        <v>1</v>
      </c>
      <c r="I7762" s="8">
        <v>0</v>
      </c>
      <c r="J7762" s="8">
        <v>1</v>
      </c>
      <c r="K7762" s="9">
        <v>66</v>
      </c>
      <c r="L7762" s="6" t="s">
        <v>51</v>
      </c>
    </row>
    <row r="7763" spans="1:12">
      <c r="A7763" s="6" t="s">
        <v>49</v>
      </c>
      <c r="B7763" s="6"/>
      <c r="C7763" s="6" t="s">
        <v>7787</v>
      </c>
      <c r="D7763" s="6"/>
      <c r="E7763" s="6" t="s">
        <v>9</v>
      </c>
      <c r="F7763" s="7">
        <v>38657</v>
      </c>
      <c r="G7763" s="8">
        <v>1</v>
      </c>
      <c r="H7763" s="8">
        <v>1</v>
      </c>
      <c r="I7763" s="8">
        <v>0</v>
      </c>
      <c r="J7763" s="8">
        <v>1</v>
      </c>
      <c r="K7763" s="9">
        <v>67.790000000000006</v>
      </c>
      <c r="L7763" s="6" t="s">
        <v>51</v>
      </c>
    </row>
    <row r="7764" spans="1:12">
      <c r="A7764" s="6" t="s">
        <v>49</v>
      </c>
      <c r="B7764" s="6"/>
      <c r="C7764" s="6" t="s">
        <v>7788</v>
      </c>
      <c r="D7764" s="6"/>
      <c r="E7764" s="6" t="s">
        <v>9</v>
      </c>
      <c r="F7764" s="7">
        <v>38657</v>
      </c>
      <c r="G7764" s="8">
        <v>1</v>
      </c>
      <c r="H7764" s="8">
        <v>1</v>
      </c>
      <c r="I7764" s="8">
        <v>0</v>
      </c>
      <c r="J7764" s="8">
        <v>1</v>
      </c>
      <c r="K7764" s="9">
        <v>98</v>
      </c>
      <c r="L7764" s="6" t="s">
        <v>51</v>
      </c>
    </row>
    <row r="7765" spans="1:12">
      <c r="A7765" s="6" t="s">
        <v>49</v>
      </c>
      <c r="B7765" s="6"/>
      <c r="C7765" s="6" t="s">
        <v>7789</v>
      </c>
      <c r="D7765" s="6"/>
      <c r="E7765" s="6" t="s">
        <v>9</v>
      </c>
      <c r="F7765" s="7">
        <v>38657</v>
      </c>
      <c r="G7765" s="8">
        <v>1</v>
      </c>
      <c r="H7765" s="8">
        <v>1</v>
      </c>
      <c r="I7765" s="8">
        <v>0</v>
      </c>
      <c r="J7765" s="8">
        <v>1</v>
      </c>
      <c r="K7765" s="9">
        <v>584</v>
      </c>
      <c r="L7765" s="6" t="s">
        <v>51</v>
      </c>
    </row>
    <row r="7766" spans="1:12">
      <c r="A7766" s="6" t="s">
        <v>49</v>
      </c>
      <c r="B7766" s="6"/>
      <c r="C7766" s="6" t="s">
        <v>7790</v>
      </c>
      <c r="D7766" s="6"/>
      <c r="E7766" s="6" t="s">
        <v>9</v>
      </c>
      <c r="F7766" s="7">
        <v>38657</v>
      </c>
      <c r="G7766" s="8">
        <v>1</v>
      </c>
      <c r="H7766" s="8">
        <v>1</v>
      </c>
      <c r="I7766" s="8">
        <v>0</v>
      </c>
      <c r="J7766" s="8">
        <v>1</v>
      </c>
      <c r="K7766" s="9">
        <v>576</v>
      </c>
      <c r="L7766" s="6" t="s">
        <v>51</v>
      </c>
    </row>
    <row r="7767" spans="1:12">
      <c r="A7767" s="6" t="s">
        <v>49</v>
      </c>
      <c r="B7767" s="6"/>
      <c r="C7767" s="6" t="s">
        <v>7791</v>
      </c>
      <c r="D7767" s="6"/>
      <c r="E7767" s="6" t="s">
        <v>9</v>
      </c>
      <c r="F7767" s="7">
        <v>38657</v>
      </c>
      <c r="G7767" s="8">
        <v>1</v>
      </c>
      <c r="H7767" s="8">
        <v>1</v>
      </c>
      <c r="I7767" s="8">
        <v>0</v>
      </c>
      <c r="J7767" s="8">
        <v>1</v>
      </c>
      <c r="K7767" s="9">
        <v>576</v>
      </c>
      <c r="L7767" s="6" t="s">
        <v>51</v>
      </c>
    </row>
    <row r="7768" spans="1:12">
      <c r="A7768" s="6" t="s">
        <v>49</v>
      </c>
      <c r="B7768" s="6"/>
      <c r="C7768" s="6" t="s">
        <v>7792</v>
      </c>
      <c r="D7768" s="6"/>
      <c r="E7768" s="6" t="s">
        <v>9</v>
      </c>
      <c r="F7768" s="7">
        <v>38657</v>
      </c>
      <c r="G7768" s="8">
        <v>1</v>
      </c>
      <c r="H7768" s="8">
        <v>1</v>
      </c>
      <c r="I7768" s="8">
        <v>0</v>
      </c>
      <c r="J7768" s="8">
        <v>1</v>
      </c>
      <c r="K7768" s="9">
        <v>397</v>
      </c>
      <c r="L7768" s="6" t="s">
        <v>51</v>
      </c>
    </row>
    <row r="7769" spans="1:12">
      <c r="A7769" s="6" t="s">
        <v>49</v>
      </c>
      <c r="B7769" s="6"/>
      <c r="C7769" s="6" t="s">
        <v>7793</v>
      </c>
      <c r="D7769" s="6"/>
      <c r="E7769" s="6" t="s">
        <v>9</v>
      </c>
      <c r="F7769" s="7">
        <v>38657</v>
      </c>
      <c r="G7769" s="8">
        <v>1</v>
      </c>
      <c r="H7769" s="8">
        <v>1</v>
      </c>
      <c r="I7769" s="8">
        <v>0</v>
      </c>
      <c r="J7769" s="8">
        <v>1</v>
      </c>
      <c r="K7769" s="9">
        <v>0.72</v>
      </c>
      <c r="L7769" s="6" t="s">
        <v>51</v>
      </c>
    </row>
    <row r="7770" spans="1:12">
      <c r="A7770" s="6" t="s">
        <v>49</v>
      </c>
      <c r="B7770" s="6"/>
      <c r="C7770" s="6" t="s">
        <v>7794</v>
      </c>
      <c r="D7770" s="6"/>
      <c r="E7770" s="6" t="s">
        <v>9</v>
      </c>
      <c r="F7770" s="7">
        <v>38657</v>
      </c>
      <c r="G7770" s="8">
        <v>1</v>
      </c>
      <c r="H7770" s="8">
        <v>1</v>
      </c>
      <c r="I7770" s="8">
        <v>0</v>
      </c>
      <c r="J7770" s="8">
        <v>1</v>
      </c>
      <c r="K7770" s="9">
        <v>237</v>
      </c>
      <c r="L7770" s="6" t="s">
        <v>51</v>
      </c>
    </row>
    <row r="7771" spans="1:12">
      <c r="A7771" s="6" t="s">
        <v>49</v>
      </c>
      <c r="B7771" s="6"/>
      <c r="C7771" s="6" t="s">
        <v>7795</v>
      </c>
      <c r="D7771" s="6"/>
      <c r="E7771" s="6" t="s">
        <v>9</v>
      </c>
      <c r="F7771" s="7">
        <v>38657</v>
      </c>
      <c r="G7771" s="8">
        <v>1</v>
      </c>
      <c r="H7771" s="8">
        <v>1</v>
      </c>
      <c r="I7771" s="8">
        <v>0</v>
      </c>
      <c r="J7771" s="8">
        <v>1</v>
      </c>
      <c r="K7771" s="9">
        <v>251</v>
      </c>
      <c r="L7771" s="6" t="s">
        <v>51</v>
      </c>
    </row>
    <row r="7772" spans="1:12">
      <c r="A7772" s="6" t="s">
        <v>49</v>
      </c>
      <c r="B7772" s="6"/>
      <c r="C7772" s="6" t="s">
        <v>7796</v>
      </c>
      <c r="D7772" s="6"/>
      <c r="E7772" s="6" t="s">
        <v>9</v>
      </c>
      <c r="F7772" s="7">
        <v>38657</v>
      </c>
      <c r="G7772" s="8">
        <v>1</v>
      </c>
      <c r="H7772" s="8">
        <v>1</v>
      </c>
      <c r="I7772" s="8">
        <v>0</v>
      </c>
      <c r="J7772" s="8">
        <v>1</v>
      </c>
      <c r="K7772" s="9">
        <v>34</v>
      </c>
      <c r="L7772" s="6" t="s">
        <v>51</v>
      </c>
    </row>
    <row r="7773" spans="1:12">
      <c r="A7773" s="6" t="s">
        <v>49</v>
      </c>
      <c r="B7773" s="6"/>
      <c r="C7773" s="6" t="s">
        <v>7797</v>
      </c>
      <c r="D7773" s="6"/>
      <c r="E7773" s="6" t="s">
        <v>9</v>
      </c>
      <c r="F7773" s="7">
        <v>38657</v>
      </c>
      <c r="G7773" s="8">
        <v>1</v>
      </c>
      <c r="H7773" s="8">
        <v>1</v>
      </c>
      <c r="I7773" s="8">
        <v>0</v>
      </c>
      <c r="J7773" s="8">
        <v>1</v>
      </c>
      <c r="K7773" s="9">
        <v>1055</v>
      </c>
      <c r="L7773" s="6" t="s">
        <v>51</v>
      </c>
    </row>
    <row r="7774" spans="1:12">
      <c r="A7774" s="6" t="s">
        <v>49</v>
      </c>
      <c r="B7774" s="6"/>
      <c r="C7774" s="6" t="s">
        <v>7798</v>
      </c>
      <c r="D7774" s="6"/>
      <c r="E7774" s="6" t="s">
        <v>9</v>
      </c>
      <c r="F7774" s="7">
        <v>38657</v>
      </c>
      <c r="G7774" s="8">
        <v>1</v>
      </c>
      <c r="H7774" s="8">
        <v>1</v>
      </c>
      <c r="I7774" s="8">
        <v>0</v>
      </c>
      <c r="J7774" s="8">
        <v>1</v>
      </c>
      <c r="K7774" s="9">
        <v>320</v>
      </c>
      <c r="L7774" s="6" t="s">
        <v>51</v>
      </c>
    </row>
    <row r="7775" spans="1:12">
      <c r="A7775" s="6" t="s">
        <v>49</v>
      </c>
      <c r="B7775" s="6"/>
      <c r="C7775" s="6" t="s">
        <v>7799</v>
      </c>
      <c r="D7775" s="6"/>
      <c r="E7775" s="6" t="s">
        <v>9</v>
      </c>
      <c r="F7775" s="7">
        <v>38657</v>
      </c>
      <c r="G7775" s="8">
        <v>1</v>
      </c>
      <c r="H7775" s="8">
        <v>1</v>
      </c>
      <c r="I7775" s="8">
        <v>0</v>
      </c>
      <c r="J7775" s="8">
        <v>1</v>
      </c>
      <c r="K7775" s="9">
        <v>49</v>
      </c>
      <c r="L7775" s="6" t="s">
        <v>51</v>
      </c>
    </row>
    <row r="7776" spans="1:12">
      <c r="A7776" s="6" t="s">
        <v>49</v>
      </c>
      <c r="B7776" s="6"/>
      <c r="C7776" s="6" t="s">
        <v>7800</v>
      </c>
      <c r="D7776" s="6"/>
      <c r="E7776" s="6" t="s">
        <v>9</v>
      </c>
      <c r="F7776" s="7">
        <v>38657</v>
      </c>
      <c r="G7776" s="8">
        <v>1</v>
      </c>
      <c r="H7776" s="8">
        <v>1</v>
      </c>
      <c r="I7776" s="8">
        <v>0</v>
      </c>
      <c r="J7776" s="8">
        <v>1</v>
      </c>
      <c r="K7776" s="9">
        <v>133</v>
      </c>
      <c r="L7776" s="6" t="s">
        <v>51</v>
      </c>
    </row>
    <row r="7777" spans="1:12">
      <c r="A7777" s="6" t="s">
        <v>49</v>
      </c>
      <c r="B7777" s="6"/>
      <c r="C7777" s="6" t="s">
        <v>7801</v>
      </c>
      <c r="D7777" s="6"/>
      <c r="E7777" s="6" t="s">
        <v>9</v>
      </c>
      <c r="F7777" s="7">
        <v>38657</v>
      </c>
      <c r="G7777" s="8">
        <v>1</v>
      </c>
      <c r="H7777" s="8">
        <v>1</v>
      </c>
      <c r="I7777" s="8">
        <v>0</v>
      </c>
      <c r="J7777" s="8">
        <v>1</v>
      </c>
      <c r="K7777" s="9">
        <v>170</v>
      </c>
      <c r="L7777" s="6" t="s">
        <v>51</v>
      </c>
    </row>
    <row r="7778" spans="1:12">
      <c r="A7778" s="6" t="s">
        <v>49</v>
      </c>
      <c r="B7778" s="6"/>
      <c r="C7778" s="6" t="s">
        <v>7802</v>
      </c>
      <c r="D7778" s="6"/>
      <c r="E7778" s="6" t="s">
        <v>9</v>
      </c>
      <c r="F7778" s="7">
        <v>38657</v>
      </c>
      <c r="G7778" s="8">
        <v>1</v>
      </c>
      <c r="H7778" s="8">
        <v>1</v>
      </c>
      <c r="I7778" s="8">
        <v>0</v>
      </c>
      <c r="J7778" s="8">
        <v>1</v>
      </c>
      <c r="K7778" s="9">
        <v>0.45</v>
      </c>
      <c r="L7778" s="6" t="s">
        <v>51</v>
      </c>
    </row>
    <row r="7779" spans="1:12">
      <c r="A7779" s="6" t="s">
        <v>49</v>
      </c>
      <c r="B7779" s="6"/>
      <c r="C7779" s="6" t="s">
        <v>7803</v>
      </c>
      <c r="D7779" s="6"/>
      <c r="E7779" s="6" t="s">
        <v>9</v>
      </c>
      <c r="F7779" s="7"/>
      <c r="G7779" s="8">
        <v>1269</v>
      </c>
      <c r="H7779" s="8">
        <v>1269</v>
      </c>
      <c r="I7779" s="8">
        <v>0</v>
      </c>
      <c r="J7779" s="8">
        <v>1269</v>
      </c>
      <c r="K7779" s="9">
        <v>27</v>
      </c>
      <c r="L7779" s="6" t="s">
        <v>1842</v>
      </c>
    </row>
    <row r="7780" spans="1:12">
      <c r="A7780" s="6" t="s">
        <v>49</v>
      </c>
      <c r="B7780" s="6"/>
      <c r="C7780" s="6" t="s">
        <v>7804</v>
      </c>
      <c r="D7780" s="6"/>
      <c r="E7780" s="6" t="s">
        <v>9</v>
      </c>
      <c r="F7780" s="7">
        <v>38657</v>
      </c>
      <c r="G7780" s="8">
        <v>1</v>
      </c>
      <c r="H7780" s="8">
        <v>1</v>
      </c>
      <c r="I7780" s="8">
        <v>0</v>
      </c>
      <c r="J7780" s="8">
        <v>1</v>
      </c>
      <c r="K7780" s="9">
        <v>452</v>
      </c>
      <c r="L7780" s="6" t="s">
        <v>51</v>
      </c>
    </row>
    <row r="7781" spans="1:12">
      <c r="A7781" s="6" t="s">
        <v>49</v>
      </c>
      <c r="B7781" s="6"/>
      <c r="C7781" s="6" t="s">
        <v>7805</v>
      </c>
      <c r="D7781" s="6"/>
      <c r="E7781" s="6" t="s">
        <v>9</v>
      </c>
      <c r="F7781" s="7">
        <v>38657</v>
      </c>
      <c r="G7781" s="8">
        <v>1</v>
      </c>
      <c r="H7781" s="8">
        <v>1</v>
      </c>
      <c r="I7781" s="8">
        <v>0</v>
      </c>
      <c r="J7781" s="8">
        <v>1</v>
      </c>
      <c r="K7781" s="9">
        <v>180</v>
      </c>
      <c r="L7781" s="6" t="s">
        <v>51</v>
      </c>
    </row>
    <row r="7782" spans="1:12">
      <c r="A7782" s="6" t="s">
        <v>49</v>
      </c>
      <c r="B7782" s="6"/>
      <c r="C7782" s="6" t="s">
        <v>7806</v>
      </c>
      <c r="D7782" s="6"/>
      <c r="E7782" s="6" t="s">
        <v>9</v>
      </c>
      <c r="F7782" s="7">
        <v>38657</v>
      </c>
      <c r="G7782" s="8">
        <v>1</v>
      </c>
      <c r="H7782" s="8">
        <v>1</v>
      </c>
      <c r="I7782" s="8">
        <v>0</v>
      </c>
      <c r="J7782" s="8">
        <v>1</v>
      </c>
      <c r="K7782" s="9">
        <v>6.17</v>
      </c>
      <c r="L7782" s="6" t="s">
        <v>51</v>
      </c>
    </row>
    <row r="7783" spans="1:12">
      <c r="A7783" s="6" t="s">
        <v>49</v>
      </c>
      <c r="B7783" s="6"/>
      <c r="C7783" s="6" t="s">
        <v>7807</v>
      </c>
      <c r="D7783" s="6"/>
      <c r="E7783" s="6" t="s">
        <v>9</v>
      </c>
      <c r="F7783" s="7">
        <v>38657</v>
      </c>
      <c r="G7783" s="8">
        <v>1</v>
      </c>
      <c r="H7783" s="8">
        <v>1</v>
      </c>
      <c r="I7783" s="8">
        <v>0</v>
      </c>
      <c r="J7783" s="8">
        <v>1</v>
      </c>
      <c r="K7783" s="9">
        <v>0.52</v>
      </c>
      <c r="L7783" s="6" t="s">
        <v>51</v>
      </c>
    </row>
    <row r="7784" spans="1:12">
      <c r="A7784" s="6" t="s">
        <v>49</v>
      </c>
      <c r="B7784" s="6"/>
      <c r="C7784" s="6" t="s">
        <v>7808</v>
      </c>
      <c r="D7784" s="6"/>
      <c r="E7784" s="6" t="s">
        <v>9</v>
      </c>
      <c r="F7784" s="7">
        <v>38657</v>
      </c>
      <c r="G7784" s="8">
        <v>1</v>
      </c>
      <c r="H7784" s="8">
        <v>1</v>
      </c>
      <c r="I7784" s="8">
        <v>0</v>
      </c>
      <c r="J7784" s="8">
        <v>1</v>
      </c>
      <c r="K7784" s="9">
        <v>0.73</v>
      </c>
      <c r="L7784" s="6" t="s">
        <v>51</v>
      </c>
    </row>
    <row r="7785" spans="1:12">
      <c r="A7785" s="6" t="s">
        <v>49</v>
      </c>
      <c r="B7785" s="6"/>
      <c r="C7785" s="6" t="s">
        <v>7809</v>
      </c>
      <c r="D7785" s="6"/>
      <c r="E7785" s="6" t="s">
        <v>9</v>
      </c>
      <c r="F7785" s="7">
        <v>38657</v>
      </c>
      <c r="G7785" s="8">
        <v>1</v>
      </c>
      <c r="H7785" s="8">
        <v>1</v>
      </c>
      <c r="I7785" s="8">
        <v>0</v>
      </c>
      <c r="J7785" s="8">
        <v>1</v>
      </c>
      <c r="K7785" s="9">
        <v>15</v>
      </c>
      <c r="L7785" s="6" t="s">
        <v>51</v>
      </c>
    </row>
    <row r="7786" spans="1:12">
      <c r="A7786" s="6" t="s">
        <v>49</v>
      </c>
      <c r="B7786" s="6"/>
      <c r="C7786" s="6" t="s">
        <v>7810</v>
      </c>
      <c r="D7786" s="6"/>
      <c r="E7786" s="6" t="s">
        <v>9</v>
      </c>
      <c r="F7786" s="7">
        <v>38657</v>
      </c>
      <c r="G7786" s="8">
        <v>1</v>
      </c>
      <c r="H7786" s="8">
        <v>1</v>
      </c>
      <c r="I7786" s="8">
        <v>0</v>
      </c>
      <c r="J7786" s="8">
        <v>1</v>
      </c>
      <c r="K7786" s="9">
        <v>274</v>
      </c>
      <c r="L7786" s="6" t="s">
        <v>51</v>
      </c>
    </row>
    <row r="7787" spans="1:12">
      <c r="A7787" s="6" t="s">
        <v>49</v>
      </c>
      <c r="B7787" s="6"/>
      <c r="C7787" s="6" t="s">
        <v>7811</v>
      </c>
      <c r="D7787" s="6"/>
      <c r="E7787" s="6" t="s">
        <v>9</v>
      </c>
      <c r="F7787" s="7">
        <v>38657</v>
      </c>
      <c r="G7787" s="8">
        <v>1</v>
      </c>
      <c r="H7787" s="8">
        <v>1</v>
      </c>
      <c r="I7787" s="8">
        <v>0</v>
      </c>
      <c r="J7787" s="8">
        <v>1</v>
      </c>
      <c r="K7787" s="9">
        <v>17.64</v>
      </c>
      <c r="L7787" s="6" t="s">
        <v>51</v>
      </c>
    </row>
    <row r="7788" spans="1:12">
      <c r="A7788" s="6" t="s">
        <v>49</v>
      </c>
      <c r="B7788" s="6"/>
      <c r="C7788" s="6" t="s">
        <v>7812</v>
      </c>
      <c r="D7788" s="6"/>
      <c r="E7788" s="6" t="s">
        <v>9</v>
      </c>
      <c r="F7788" s="7">
        <v>38657</v>
      </c>
      <c r="G7788" s="8">
        <v>1</v>
      </c>
      <c r="H7788" s="8">
        <v>1</v>
      </c>
      <c r="I7788" s="8">
        <v>0</v>
      </c>
      <c r="J7788" s="8">
        <v>1</v>
      </c>
      <c r="K7788" s="9">
        <v>20.47</v>
      </c>
      <c r="L7788" s="6" t="s">
        <v>51</v>
      </c>
    </row>
    <row r="7789" spans="1:12">
      <c r="A7789" s="6" t="s">
        <v>49</v>
      </c>
      <c r="B7789" s="6"/>
      <c r="C7789" s="6" t="s">
        <v>7813</v>
      </c>
      <c r="D7789" s="6"/>
      <c r="E7789" s="6" t="s">
        <v>9</v>
      </c>
      <c r="F7789" s="7">
        <v>38657</v>
      </c>
      <c r="G7789" s="8">
        <v>1</v>
      </c>
      <c r="H7789" s="8">
        <v>1</v>
      </c>
      <c r="I7789" s="8">
        <v>0</v>
      </c>
      <c r="J7789" s="8">
        <v>1</v>
      </c>
      <c r="K7789" s="9">
        <v>25</v>
      </c>
      <c r="L7789" s="6" t="s">
        <v>51</v>
      </c>
    </row>
    <row r="7790" spans="1:12">
      <c r="A7790" s="6" t="s">
        <v>49</v>
      </c>
      <c r="B7790" s="6"/>
      <c r="C7790" s="6" t="s">
        <v>7814</v>
      </c>
      <c r="D7790" s="6"/>
      <c r="E7790" s="6" t="s">
        <v>9</v>
      </c>
      <c r="F7790" s="7">
        <v>38657</v>
      </c>
      <c r="G7790" s="8">
        <v>1</v>
      </c>
      <c r="H7790" s="8">
        <v>1</v>
      </c>
      <c r="I7790" s="8">
        <v>0</v>
      </c>
      <c r="J7790" s="8">
        <v>1</v>
      </c>
      <c r="K7790" s="9">
        <v>10.56</v>
      </c>
      <c r="L7790" s="6" t="s">
        <v>51</v>
      </c>
    </row>
    <row r="7791" spans="1:12">
      <c r="A7791" s="6" t="s">
        <v>49</v>
      </c>
      <c r="B7791" s="6"/>
      <c r="C7791" s="6" t="s">
        <v>7815</v>
      </c>
      <c r="D7791" s="6"/>
      <c r="E7791" s="6" t="s">
        <v>9</v>
      </c>
      <c r="F7791" s="7">
        <v>38657</v>
      </c>
      <c r="G7791" s="8">
        <v>1</v>
      </c>
      <c r="H7791" s="8">
        <v>1</v>
      </c>
      <c r="I7791" s="8">
        <v>0</v>
      </c>
      <c r="J7791" s="8">
        <v>1</v>
      </c>
      <c r="K7791" s="9">
        <v>11.28</v>
      </c>
      <c r="L7791" s="6" t="s">
        <v>51</v>
      </c>
    </row>
    <row r="7792" spans="1:12">
      <c r="A7792" s="6" t="s">
        <v>49</v>
      </c>
      <c r="B7792" s="6"/>
      <c r="C7792" s="6" t="s">
        <v>7816</v>
      </c>
      <c r="D7792" s="6"/>
      <c r="E7792" s="6" t="s">
        <v>9</v>
      </c>
      <c r="F7792" s="7">
        <v>38657</v>
      </c>
      <c r="G7792" s="8">
        <v>1</v>
      </c>
      <c r="H7792" s="8">
        <v>1</v>
      </c>
      <c r="I7792" s="8">
        <v>0</v>
      </c>
      <c r="J7792" s="8">
        <v>1</v>
      </c>
      <c r="K7792" s="9">
        <v>12</v>
      </c>
      <c r="L7792" s="6" t="s">
        <v>51</v>
      </c>
    </row>
    <row r="7793" spans="1:12">
      <c r="A7793" s="6" t="s">
        <v>49</v>
      </c>
      <c r="B7793" s="6"/>
      <c r="C7793" s="6" t="s">
        <v>7817</v>
      </c>
      <c r="D7793" s="6"/>
      <c r="E7793" s="6" t="s">
        <v>9</v>
      </c>
      <c r="F7793" s="7">
        <v>38657</v>
      </c>
      <c r="G7793" s="8">
        <v>1</v>
      </c>
      <c r="H7793" s="8">
        <v>1</v>
      </c>
      <c r="I7793" s="8">
        <v>0</v>
      </c>
      <c r="J7793" s="8">
        <v>1</v>
      </c>
      <c r="K7793" s="9">
        <v>9.3699999999999903</v>
      </c>
      <c r="L7793" s="6" t="s">
        <v>51</v>
      </c>
    </row>
    <row r="7794" spans="1:12">
      <c r="A7794" s="6" t="s">
        <v>49</v>
      </c>
      <c r="B7794" s="6"/>
      <c r="C7794" s="6" t="s">
        <v>7818</v>
      </c>
      <c r="D7794" s="6"/>
      <c r="E7794" s="6" t="s">
        <v>9</v>
      </c>
      <c r="F7794" s="7"/>
      <c r="G7794" s="8">
        <v>1</v>
      </c>
      <c r="H7794" s="8">
        <v>1</v>
      </c>
      <c r="I7794" s="8">
        <v>0</v>
      </c>
      <c r="J7794" s="8">
        <v>1</v>
      </c>
      <c r="K7794" s="9">
        <v>238</v>
      </c>
      <c r="L7794" s="6" t="s">
        <v>51</v>
      </c>
    </row>
    <row r="7795" spans="1:12">
      <c r="A7795" s="6" t="s">
        <v>49</v>
      </c>
      <c r="B7795" s="6"/>
      <c r="C7795" s="6" t="s">
        <v>7819</v>
      </c>
      <c r="D7795" s="6"/>
      <c r="E7795" s="6" t="s">
        <v>9</v>
      </c>
      <c r="F7795" s="7">
        <v>38657</v>
      </c>
      <c r="G7795" s="8">
        <v>1</v>
      </c>
      <c r="H7795" s="8">
        <v>1</v>
      </c>
      <c r="I7795" s="8">
        <v>0</v>
      </c>
      <c r="J7795" s="8">
        <v>1</v>
      </c>
      <c r="K7795" s="9">
        <v>89</v>
      </c>
      <c r="L7795" s="6" t="s">
        <v>51</v>
      </c>
    </row>
    <row r="7796" spans="1:12">
      <c r="A7796" s="6" t="s">
        <v>49</v>
      </c>
      <c r="B7796" s="6"/>
      <c r="C7796" s="6" t="s">
        <v>7820</v>
      </c>
      <c r="D7796" s="6"/>
      <c r="E7796" s="6" t="s">
        <v>9</v>
      </c>
      <c r="F7796" s="7">
        <v>38657</v>
      </c>
      <c r="G7796" s="8">
        <v>1</v>
      </c>
      <c r="H7796" s="8">
        <v>1</v>
      </c>
      <c r="I7796" s="8">
        <v>0</v>
      </c>
      <c r="J7796" s="8">
        <v>1</v>
      </c>
      <c r="K7796" s="9">
        <v>1.66</v>
      </c>
      <c r="L7796" s="6" t="s">
        <v>51</v>
      </c>
    </row>
    <row r="7797" spans="1:12">
      <c r="A7797" s="6" t="s">
        <v>49</v>
      </c>
      <c r="B7797" s="6"/>
      <c r="C7797" s="6" t="s">
        <v>7821</v>
      </c>
      <c r="D7797" s="6"/>
      <c r="E7797" s="6" t="s">
        <v>9</v>
      </c>
      <c r="F7797" s="7">
        <v>38657</v>
      </c>
      <c r="G7797" s="8">
        <v>1</v>
      </c>
      <c r="H7797" s="8">
        <v>1</v>
      </c>
      <c r="I7797" s="8">
        <v>0</v>
      </c>
      <c r="J7797" s="8">
        <v>1</v>
      </c>
      <c r="K7797" s="9">
        <v>24</v>
      </c>
      <c r="L7797" s="6" t="s">
        <v>51</v>
      </c>
    </row>
    <row r="7798" spans="1:12">
      <c r="A7798" s="6" t="s">
        <v>49</v>
      </c>
      <c r="B7798" s="6"/>
      <c r="C7798" s="6" t="s">
        <v>7822</v>
      </c>
      <c r="D7798" s="6"/>
      <c r="E7798" s="6" t="s">
        <v>9</v>
      </c>
      <c r="F7798" s="7">
        <v>38657</v>
      </c>
      <c r="G7798" s="8">
        <v>1</v>
      </c>
      <c r="H7798" s="8">
        <v>1</v>
      </c>
      <c r="I7798" s="8">
        <v>0</v>
      </c>
      <c r="J7798" s="8">
        <v>1</v>
      </c>
      <c r="K7798" s="9">
        <v>1.75</v>
      </c>
      <c r="L7798" s="6" t="s">
        <v>51</v>
      </c>
    </row>
    <row r="7799" spans="1:12">
      <c r="A7799" s="6" t="s">
        <v>49</v>
      </c>
      <c r="B7799" s="6"/>
      <c r="C7799" s="6" t="s">
        <v>7823</v>
      </c>
      <c r="D7799" s="6"/>
      <c r="E7799" s="6" t="s">
        <v>9</v>
      </c>
      <c r="F7799" s="7">
        <v>38657</v>
      </c>
      <c r="G7799" s="8">
        <v>1</v>
      </c>
      <c r="H7799" s="8">
        <v>1</v>
      </c>
      <c r="I7799" s="8">
        <v>0</v>
      </c>
      <c r="J7799" s="8">
        <v>1</v>
      </c>
      <c r="K7799" s="9">
        <v>2.7</v>
      </c>
      <c r="L7799" s="6" t="s">
        <v>51</v>
      </c>
    </row>
    <row r="7800" spans="1:12">
      <c r="A7800" s="6" t="s">
        <v>49</v>
      </c>
      <c r="B7800" s="6"/>
      <c r="C7800" s="6" t="s">
        <v>7824</v>
      </c>
      <c r="D7800" s="6"/>
      <c r="E7800" s="6" t="s">
        <v>9</v>
      </c>
      <c r="F7800" s="7">
        <v>38657</v>
      </c>
      <c r="G7800" s="8">
        <v>1</v>
      </c>
      <c r="H7800" s="8">
        <v>1</v>
      </c>
      <c r="I7800" s="8">
        <v>0</v>
      </c>
      <c r="J7800" s="8">
        <v>1</v>
      </c>
      <c r="K7800" s="9">
        <v>1.79</v>
      </c>
      <c r="L7800" s="6" t="s">
        <v>51</v>
      </c>
    </row>
    <row r="7801" spans="1:12">
      <c r="A7801" s="6" t="s">
        <v>49</v>
      </c>
      <c r="B7801" s="6"/>
      <c r="C7801" s="6" t="s">
        <v>7825</v>
      </c>
      <c r="D7801" s="6"/>
      <c r="E7801" s="6" t="s">
        <v>9</v>
      </c>
      <c r="F7801" s="7">
        <v>38657</v>
      </c>
      <c r="G7801" s="8">
        <v>1</v>
      </c>
      <c r="H7801" s="8">
        <v>1</v>
      </c>
      <c r="I7801" s="8">
        <v>0</v>
      </c>
      <c r="J7801" s="8">
        <v>1</v>
      </c>
      <c r="K7801" s="9">
        <v>246</v>
      </c>
      <c r="L7801" s="6" t="s">
        <v>51</v>
      </c>
    </row>
    <row r="7802" spans="1:12">
      <c r="A7802" s="6" t="s">
        <v>49</v>
      </c>
      <c r="B7802" s="6"/>
      <c r="C7802" s="6" t="s">
        <v>7826</v>
      </c>
      <c r="D7802" s="6"/>
      <c r="E7802" s="6" t="s">
        <v>9</v>
      </c>
      <c r="F7802" s="7">
        <v>38657</v>
      </c>
      <c r="G7802" s="8">
        <v>1</v>
      </c>
      <c r="H7802" s="8">
        <v>1</v>
      </c>
      <c r="I7802" s="8">
        <v>0</v>
      </c>
      <c r="J7802" s="8">
        <v>1</v>
      </c>
      <c r="K7802" s="9">
        <v>386</v>
      </c>
      <c r="L7802" s="6" t="s">
        <v>51</v>
      </c>
    </row>
    <row r="7803" spans="1:12">
      <c r="A7803" s="6" t="s">
        <v>49</v>
      </c>
      <c r="B7803" s="6"/>
      <c r="C7803" s="6" t="s">
        <v>7827</v>
      </c>
      <c r="D7803" s="6"/>
      <c r="E7803" s="6" t="s">
        <v>9</v>
      </c>
      <c r="F7803" s="7">
        <v>38657</v>
      </c>
      <c r="G7803" s="8">
        <v>1</v>
      </c>
      <c r="H7803" s="8">
        <v>1</v>
      </c>
      <c r="I7803" s="8">
        <v>0</v>
      </c>
      <c r="J7803" s="8">
        <v>1</v>
      </c>
      <c r="K7803" s="9">
        <v>273</v>
      </c>
      <c r="L7803" s="6" t="s">
        <v>51</v>
      </c>
    </row>
    <row r="7804" spans="1:12">
      <c r="A7804" s="6" t="s">
        <v>49</v>
      </c>
      <c r="B7804" s="6"/>
      <c r="C7804" s="6" t="s">
        <v>7828</v>
      </c>
      <c r="D7804" s="6"/>
      <c r="E7804" s="6" t="s">
        <v>9</v>
      </c>
      <c r="F7804" s="7">
        <v>38657</v>
      </c>
      <c r="G7804" s="8">
        <v>1</v>
      </c>
      <c r="H7804" s="8">
        <v>1</v>
      </c>
      <c r="I7804" s="8">
        <v>0</v>
      </c>
      <c r="J7804" s="8">
        <v>1</v>
      </c>
      <c r="K7804" s="9">
        <v>146</v>
      </c>
      <c r="L7804" s="6" t="s">
        <v>51</v>
      </c>
    </row>
    <row r="7805" spans="1:12">
      <c r="A7805" s="6" t="s">
        <v>49</v>
      </c>
      <c r="B7805" s="6"/>
      <c r="C7805" s="6" t="s">
        <v>7829</v>
      </c>
      <c r="D7805" s="6"/>
      <c r="E7805" s="6" t="s">
        <v>9</v>
      </c>
      <c r="F7805" s="7">
        <v>38657</v>
      </c>
      <c r="G7805" s="8">
        <v>1</v>
      </c>
      <c r="H7805" s="8">
        <v>1</v>
      </c>
      <c r="I7805" s="8">
        <v>0</v>
      </c>
      <c r="J7805" s="8">
        <v>1</v>
      </c>
      <c r="K7805" s="9">
        <v>279</v>
      </c>
      <c r="L7805" s="6" t="s">
        <v>51</v>
      </c>
    </row>
    <row r="7806" spans="1:12">
      <c r="A7806" s="6" t="s">
        <v>49</v>
      </c>
      <c r="B7806" s="6"/>
      <c r="C7806" s="6" t="s">
        <v>7830</v>
      </c>
      <c r="D7806" s="6"/>
      <c r="E7806" s="6" t="s">
        <v>9</v>
      </c>
      <c r="F7806" s="7">
        <v>38657</v>
      </c>
      <c r="G7806" s="8">
        <v>1</v>
      </c>
      <c r="H7806" s="8">
        <v>1</v>
      </c>
      <c r="I7806" s="8">
        <v>0</v>
      </c>
      <c r="J7806" s="8">
        <v>1</v>
      </c>
      <c r="K7806" s="9">
        <v>456</v>
      </c>
      <c r="L7806" s="6" t="s">
        <v>51</v>
      </c>
    </row>
    <row r="7807" spans="1:12">
      <c r="A7807" s="6" t="s">
        <v>49</v>
      </c>
      <c r="B7807" s="6"/>
      <c r="C7807" s="6" t="s">
        <v>7831</v>
      </c>
      <c r="D7807" s="6"/>
      <c r="E7807" s="6" t="s">
        <v>9</v>
      </c>
      <c r="F7807" s="7">
        <v>38657</v>
      </c>
      <c r="G7807" s="8">
        <v>1</v>
      </c>
      <c r="H7807" s="8">
        <v>1</v>
      </c>
      <c r="I7807" s="8">
        <v>0</v>
      </c>
      <c r="J7807" s="8">
        <v>1</v>
      </c>
      <c r="K7807" s="9">
        <v>213</v>
      </c>
      <c r="L7807" s="6" t="s">
        <v>51</v>
      </c>
    </row>
    <row r="7808" spans="1:12">
      <c r="A7808" s="6" t="s">
        <v>49</v>
      </c>
      <c r="B7808" s="6"/>
      <c r="C7808" s="6" t="s">
        <v>7832</v>
      </c>
      <c r="D7808" s="6"/>
      <c r="E7808" s="6" t="s">
        <v>9</v>
      </c>
      <c r="F7808" s="7">
        <v>38657</v>
      </c>
      <c r="G7808" s="8">
        <v>1</v>
      </c>
      <c r="H7808" s="8">
        <v>1</v>
      </c>
      <c r="I7808" s="8">
        <v>0</v>
      </c>
      <c r="J7808" s="8">
        <v>1</v>
      </c>
      <c r="K7808" s="9">
        <v>29</v>
      </c>
      <c r="L7808" s="6" t="s">
        <v>51</v>
      </c>
    </row>
    <row r="7809" spans="1:12">
      <c r="A7809" s="6" t="s">
        <v>49</v>
      </c>
      <c r="B7809" s="6"/>
      <c r="C7809" s="6" t="s">
        <v>7833</v>
      </c>
      <c r="D7809" s="6"/>
      <c r="E7809" s="6" t="s">
        <v>9</v>
      </c>
      <c r="F7809" s="7">
        <v>38657</v>
      </c>
      <c r="G7809" s="8">
        <v>1</v>
      </c>
      <c r="H7809" s="8">
        <v>1</v>
      </c>
      <c r="I7809" s="8">
        <v>0</v>
      </c>
      <c r="J7809" s="8">
        <v>1</v>
      </c>
      <c r="K7809" s="9">
        <v>542</v>
      </c>
      <c r="L7809" s="6" t="s">
        <v>51</v>
      </c>
    </row>
    <row r="7810" spans="1:12">
      <c r="A7810" s="6" t="s">
        <v>49</v>
      </c>
      <c r="B7810" s="6"/>
      <c r="C7810" s="6" t="s">
        <v>7834</v>
      </c>
      <c r="D7810" s="6"/>
      <c r="E7810" s="6" t="s">
        <v>9</v>
      </c>
      <c r="F7810" s="7">
        <v>38657</v>
      </c>
      <c r="G7810" s="8">
        <v>1</v>
      </c>
      <c r="H7810" s="8">
        <v>1</v>
      </c>
      <c r="I7810" s="8">
        <v>0</v>
      </c>
      <c r="J7810" s="8">
        <v>1</v>
      </c>
      <c r="K7810" s="9">
        <v>840</v>
      </c>
      <c r="L7810" s="6" t="s">
        <v>51</v>
      </c>
    </row>
    <row r="7811" spans="1:12">
      <c r="A7811" s="6" t="s">
        <v>49</v>
      </c>
      <c r="B7811" s="6"/>
      <c r="C7811" s="6" t="s">
        <v>7835</v>
      </c>
      <c r="D7811" s="6"/>
      <c r="E7811" s="6" t="s">
        <v>9</v>
      </c>
      <c r="F7811" s="7">
        <v>38657</v>
      </c>
      <c r="G7811" s="8">
        <v>1</v>
      </c>
      <c r="H7811" s="8">
        <v>1</v>
      </c>
      <c r="I7811" s="8">
        <v>0</v>
      </c>
      <c r="J7811" s="8">
        <v>1</v>
      </c>
      <c r="K7811" s="9">
        <v>3003</v>
      </c>
      <c r="L7811" s="6" t="s">
        <v>51</v>
      </c>
    </row>
    <row r="7812" spans="1:12">
      <c r="A7812" s="6" t="s">
        <v>49</v>
      </c>
      <c r="B7812" s="6"/>
      <c r="C7812" s="6" t="s">
        <v>7836</v>
      </c>
      <c r="D7812" s="6"/>
      <c r="E7812" s="6" t="s">
        <v>9</v>
      </c>
      <c r="F7812" s="7">
        <v>38657</v>
      </c>
      <c r="G7812" s="8">
        <v>1</v>
      </c>
      <c r="H7812" s="8">
        <v>1</v>
      </c>
      <c r="I7812" s="8">
        <v>0</v>
      </c>
      <c r="J7812" s="8">
        <v>1</v>
      </c>
      <c r="K7812" s="9">
        <v>1156</v>
      </c>
      <c r="L7812" s="6" t="s">
        <v>51</v>
      </c>
    </row>
    <row r="7813" spans="1:12">
      <c r="A7813" s="6" t="s">
        <v>49</v>
      </c>
      <c r="B7813" s="6"/>
      <c r="C7813" s="6" t="s">
        <v>7837</v>
      </c>
      <c r="D7813" s="6"/>
      <c r="E7813" s="6" t="s">
        <v>9</v>
      </c>
      <c r="F7813" s="7"/>
      <c r="G7813" s="8">
        <v>1</v>
      </c>
      <c r="H7813" s="8">
        <v>1</v>
      </c>
      <c r="I7813" s="8">
        <v>0</v>
      </c>
      <c r="J7813" s="8">
        <v>1</v>
      </c>
      <c r="K7813" s="9">
        <v>114</v>
      </c>
      <c r="L7813" s="6" t="s">
        <v>51</v>
      </c>
    </row>
    <row r="7814" spans="1:12">
      <c r="A7814" s="6" t="s">
        <v>49</v>
      </c>
      <c r="B7814" s="6"/>
      <c r="C7814" s="6" t="s">
        <v>7838</v>
      </c>
      <c r="D7814" s="6"/>
      <c r="E7814" s="6" t="s">
        <v>9</v>
      </c>
      <c r="F7814" s="7"/>
      <c r="G7814" s="8">
        <v>1</v>
      </c>
      <c r="H7814" s="8">
        <v>1</v>
      </c>
      <c r="I7814" s="8">
        <v>0</v>
      </c>
      <c r="J7814" s="8">
        <v>1</v>
      </c>
      <c r="K7814" s="9">
        <v>115</v>
      </c>
      <c r="L7814" s="6" t="s">
        <v>51</v>
      </c>
    </row>
    <row r="7815" spans="1:12">
      <c r="A7815" s="6" t="s">
        <v>49</v>
      </c>
      <c r="B7815" s="6"/>
      <c r="C7815" s="6" t="s">
        <v>7839</v>
      </c>
      <c r="D7815" s="6"/>
      <c r="E7815" s="6" t="s">
        <v>9</v>
      </c>
      <c r="F7815" s="7"/>
      <c r="G7815" s="8">
        <v>1</v>
      </c>
      <c r="H7815" s="8">
        <v>1</v>
      </c>
      <c r="I7815" s="8">
        <v>0</v>
      </c>
      <c r="J7815" s="8">
        <v>1</v>
      </c>
      <c r="K7815" s="9">
        <v>145</v>
      </c>
      <c r="L7815" s="6" t="s">
        <v>51</v>
      </c>
    </row>
    <row r="7816" spans="1:12">
      <c r="A7816" s="6" t="s">
        <v>49</v>
      </c>
      <c r="B7816" s="6"/>
      <c r="C7816" s="6" t="s">
        <v>7840</v>
      </c>
      <c r="D7816" s="6"/>
      <c r="E7816" s="6" t="s">
        <v>9</v>
      </c>
      <c r="F7816" s="7"/>
      <c r="G7816" s="8">
        <v>1</v>
      </c>
      <c r="H7816" s="8">
        <v>1</v>
      </c>
      <c r="I7816" s="8">
        <v>0</v>
      </c>
      <c r="J7816" s="8">
        <v>1</v>
      </c>
      <c r="K7816" s="9">
        <v>846</v>
      </c>
      <c r="L7816" s="6" t="s">
        <v>51</v>
      </c>
    </row>
    <row r="7817" spans="1:12">
      <c r="A7817" s="6" t="s">
        <v>49</v>
      </c>
      <c r="B7817" s="6"/>
      <c r="C7817" s="6" t="s">
        <v>7841</v>
      </c>
      <c r="D7817" s="6"/>
      <c r="E7817" s="6" t="s">
        <v>9</v>
      </c>
      <c r="F7817" s="7"/>
      <c r="G7817" s="8">
        <v>1</v>
      </c>
      <c r="H7817" s="8">
        <v>1</v>
      </c>
      <c r="I7817" s="8">
        <v>0</v>
      </c>
      <c r="J7817" s="8">
        <v>1</v>
      </c>
      <c r="K7817" s="9">
        <v>8.56</v>
      </c>
      <c r="L7817" s="6" t="s">
        <v>51</v>
      </c>
    </row>
    <row r="7818" spans="1:12">
      <c r="A7818" s="6" t="s">
        <v>49</v>
      </c>
      <c r="B7818" s="6"/>
      <c r="C7818" s="6" t="s">
        <v>7842</v>
      </c>
      <c r="D7818" s="6"/>
      <c r="E7818" s="6" t="s">
        <v>9</v>
      </c>
      <c r="F7818" s="7"/>
      <c r="G7818" s="8">
        <v>1</v>
      </c>
      <c r="H7818" s="8">
        <v>1</v>
      </c>
      <c r="I7818" s="8">
        <v>0</v>
      </c>
      <c r="J7818" s="8">
        <v>1</v>
      </c>
      <c r="K7818" s="9">
        <v>42</v>
      </c>
      <c r="L7818" s="6" t="s">
        <v>51</v>
      </c>
    </row>
    <row r="7819" spans="1:12">
      <c r="A7819" s="6" t="s">
        <v>49</v>
      </c>
      <c r="B7819" s="6"/>
      <c r="C7819" s="6" t="s">
        <v>7843</v>
      </c>
      <c r="D7819" s="6"/>
      <c r="E7819" s="6" t="s">
        <v>9</v>
      </c>
      <c r="F7819" s="7">
        <v>38657</v>
      </c>
      <c r="G7819" s="8">
        <v>1</v>
      </c>
      <c r="H7819" s="8">
        <v>1</v>
      </c>
      <c r="I7819" s="8">
        <v>0</v>
      </c>
      <c r="J7819" s="8">
        <v>1</v>
      </c>
      <c r="K7819" s="9">
        <v>16</v>
      </c>
      <c r="L7819" s="6" t="s">
        <v>51</v>
      </c>
    </row>
    <row r="7820" spans="1:12">
      <c r="A7820" s="6" t="s">
        <v>49</v>
      </c>
      <c r="B7820" s="6"/>
      <c r="C7820" s="6" t="s">
        <v>7844</v>
      </c>
      <c r="D7820" s="6"/>
      <c r="E7820" s="6" t="s">
        <v>9</v>
      </c>
      <c r="F7820" s="7"/>
      <c r="G7820" s="8">
        <v>5828</v>
      </c>
      <c r="H7820" s="8">
        <v>5828</v>
      </c>
      <c r="I7820" s="8">
        <v>0</v>
      </c>
      <c r="J7820" s="8">
        <v>5828</v>
      </c>
      <c r="K7820" s="9">
        <v>124</v>
      </c>
      <c r="L7820" s="6" t="s">
        <v>1842</v>
      </c>
    </row>
    <row r="7821" spans="1:12">
      <c r="A7821" s="6" t="s">
        <v>49</v>
      </c>
      <c r="B7821" s="6"/>
      <c r="C7821" s="6" t="s">
        <v>7845</v>
      </c>
      <c r="D7821" s="6"/>
      <c r="E7821" s="6" t="s">
        <v>9</v>
      </c>
      <c r="F7821" s="7">
        <v>38657</v>
      </c>
      <c r="G7821" s="8">
        <v>1</v>
      </c>
      <c r="H7821" s="8">
        <v>1</v>
      </c>
      <c r="I7821" s="8">
        <v>0</v>
      </c>
      <c r="J7821" s="8">
        <v>1</v>
      </c>
      <c r="K7821" s="9">
        <v>28</v>
      </c>
      <c r="L7821" s="6" t="s">
        <v>51</v>
      </c>
    </row>
    <row r="7822" spans="1:12">
      <c r="A7822" s="6" t="s">
        <v>49</v>
      </c>
      <c r="B7822" s="6"/>
      <c r="C7822" s="6" t="s">
        <v>7846</v>
      </c>
      <c r="D7822" s="6"/>
      <c r="E7822" s="6" t="s">
        <v>9</v>
      </c>
      <c r="F7822" s="7">
        <v>38657</v>
      </c>
      <c r="G7822" s="8">
        <v>1</v>
      </c>
      <c r="H7822" s="8">
        <v>1</v>
      </c>
      <c r="I7822" s="8">
        <v>0</v>
      </c>
      <c r="J7822" s="8">
        <v>1</v>
      </c>
      <c r="K7822" s="9">
        <v>1619</v>
      </c>
      <c r="L7822" s="6" t="s">
        <v>51</v>
      </c>
    </row>
    <row r="7823" spans="1:12">
      <c r="A7823" s="6" t="s">
        <v>49</v>
      </c>
      <c r="B7823" s="6"/>
      <c r="C7823" s="6" t="s">
        <v>7847</v>
      </c>
      <c r="D7823" s="6"/>
      <c r="E7823" s="6" t="s">
        <v>9</v>
      </c>
      <c r="F7823" s="7">
        <v>38657</v>
      </c>
      <c r="G7823" s="8">
        <v>1</v>
      </c>
      <c r="H7823" s="8">
        <v>1</v>
      </c>
      <c r="I7823" s="8">
        <v>0</v>
      </c>
      <c r="J7823" s="8">
        <v>1</v>
      </c>
      <c r="K7823" s="9">
        <v>699</v>
      </c>
      <c r="L7823" s="6" t="s">
        <v>51</v>
      </c>
    </row>
    <row r="7824" spans="1:12">
      <c r="A7824" s="6" t="s">
        <v>49</v>
      </c>
      <c r="B7824" s="6"/>
      <c r="C7824" s="6" t="s">
        <v>7848</v>
      </c>
      <c r="D7824" s="6"/>
      <c r="E7824" s="6" t="s">
        <v>9</v>
      </c>
      <c r="F7824" s="7">
        <v>38657</v>
      </c>
      <c r="G7824" s="8">
        <v>1</v>
      </c>
      <c r="H7824" s="8">
        <v>1</v>
      </c>
      <c r="I7824" s="8">
        <v>0</v>
      </c>
      <c r="J7824" s="8">
        <v>1</v>
      </c>
      <c r="K7824" s="9">
        <v>514</v>
      </c>
      <c r="L7824" s="6" t="s">
        <v>51</v>
      </c>
    </row>
    <row r="7825" spans="1:12">
      <c r="A7825" s="6" t="s">
        <v>49</v>
      </c>
      <c r="B7825" s="6"/>
      <c r="C7825" s="6" t="s">
        <v>7849</v>
      </c>
      <c r="D7825" s="6"/>
      <c r="E7825" s="6" t="s">
        <v>9</v>
      </c>
      <c r="F7825" s="7">
        <v>38657</v>
      </c>
      <c r="G7825" s="8">
        <v>1</v>
      </c>
      <c r="H7825" s="8">
        <v>1</v>
      </c>
      <c r="I7825" s="8">
        <v>0</v>
      </c>
      <c r="J7825" s="8">
        <v>1</v>
      </c>
      <c r="K7825" s="9">
        <v>111</v>
      </c>
      <c r="L7825" s="6" t="s">
        <v>51</v>
      </c>
    </row>
    <row r="7826" spans="1:12">
      <c r="A7826" s="6" t="s">
        <v>49</v>
      </c>
      <c r="B7826" s="6"/>
      <c r="C7826" s="6" t="s">
        <v>7850</v>
      </c>
      <c r="D7826" s="6"/>
      <c r="E7826" s="6" t="s">
        <v>9</v>
      </c>
      <c r="F7826" s="7">
        <v>38657</v>
      </c>
      <c r="G7826" s="8">
        <v>1</v>
      </c>
      <c r="H7826" s="8">
        <v>1</v>
      </c>
      <c r="I7826" s="8">
        <v>0</v>
      </c>
      <c r="J7826" s="8">
        <v>1</v>
      </c>
      <c r="K7826" s="9">
        <v>411</v>
      </c>
      <c r="L7826" s="6" t="s">
        <v>51</v>
      </c>
    </row>
    <row r="7827" spans="1:12">
      <c r="A7827" s="6" t="s">
        <v>49</v>
      </c>
      <c r="B7827" s="6"/>
      <c r="C7827" s="6" t="s">
        <v>7851</v>
      </c>
      <c r="D7827" s="6"/>
      <c r="E7827" s="6" t="s">
        <v>9</v>
      </c>
      <c r="F7827" s="7">
        <v>38657</v>
      </c>
      <c r="G7827" s="8">
        <v>1</v>
      </c>
      <c r="H7827" s="8">
        <v>1</v>
      </c>
      <c r="I7827" s="8">
        <v>0</v>
      </c>
      <c r="J7827" s="8">
        <v>1</v>
      </c>
      <c r="K7827" s="9">
        <v>812</v>
      </c>
      <c r="L7827" s="6" t="s">
        <v>51</v>
      </c>
    </row>
    <row r="7828" spans="1:12">
      <c r="A7828" s="6" t="s">
        <v>49</v>
      </c>
      <c r="B7828" s="6"/>
      <c r="C7828" s="6" t="s">
        <v>7852</v>
      </c>
      <c r="D7828" s="6"/>
      <c r="E7828" s="6" t="s">
        <v>9</v>
      </c>
      <c r="F7828" s="7">
        <v>38657</v>
      </c>
      <c r="G7828" s="8">
        <v>1</v>
      </c>
      <c r="H7828" s="8">
        <v>1</v>
      </c>
      <c r="I7828" s="8">
        <v>0</v>
      </c>
      <c r="J7828" s="8">
        <v>1</v>
      </c>
      <c r="K7828" s="9">
        <v>66</v>
      </c>
      <c r="L7828" s="6" t="s">
        <v>51</v>
      </c>
    </row>
    <row r="7829" spans="1:12">
      <c r="A7829" s="6" t="s">
        <v>49</v>
      </c>
      <c r="B7829" s="6"/>
      <c r="C7829" s="6" t="s">
        <v>7853</v>
      </c>
      <c r="D7829" s="6"/>
      <c r="E7829" s="6" t="s">
        <v>9</v>
      </c>
      <c r="F7829" s="7">
        <v>38657</v>
      </c>
      <c r="G7829" s="8">
        <v>1</v>
      </c>
      <c r="H7829" s="8">
        <v>1</v>
      </c>
      <c r="I7829" s="8">
        <v>0</v>
      </c>
      <c r="J7829" s="8">
        <v>1</v>
      </c>
      <c r="K7829" s="9">
        <v>296</v>
      </c>
      <c r="L7829" s="6" t="s">
        <v>51</v>
      </c>
    </row>
    <row r="7830" spans="1:12">
      <c r="A7830" s="6" t="s">
        <v>49</v>
      </c>
      <c r="B7830" s="6"/>
      <c r="C7830" s="6" t="s">
        <v>7854</v>
      </c>
      <c r="D7830" s="6"/>
      <c r="E7830" s="6" t="s">
        <v>9</v>
      </c>
      <c r="F7830" s="7">
        <v>38657</v>
      </c>
      <c r="G7830" s="8">
        <v>1</v>
      </c>
      <c r="H7830" s="8">
        <v>1</v>
      </c>
      <c r="I7830" s="8">
        <v>0</v>
      </c>
      <c r="J7830" s="8">
        <v>1</v>
      </c>
      <c r="K7830" s="9">
        <v>112</v>
      </c>
      <c r="L7830" s="6" t="s">
        <v>51</v>
      </c>
    </row>
    <row r="7831" spans="1:12">
      <c r="A7831" s="6" t="s">
        <v>49</v>
      </c>
      <c r="B7831" s="6"/>
      <c r="C7831" s="6" t="s">
        <v>7855</v>
      </c>
      <c r="D7831" s="6"/>
      <c r="E7831" s="6" t="s">
        <v>9</v>
      </c>
      <c r="F7831" s="7">
        <v>38657</v>
      </c>
      <c r="G7831" s="8">
        <v>1</v>
      </c>
      <c r="H7831" s="8">
        <v>1</v>
      </c>
      <c r="I7831" s="8">
        <v>0</v>
      </c>
      <c r="J7831" s="8">
        <v>1</v>
      </c>
      <c r="K7831" s="9">
        <v>47</v>
      </c>
      <c r="L7831" s="6" t="s">
        <v>51</v>
      </c>
    </row>
    <row r="7832" spans="1:12">
      <c r="A7832" s="6" t="s">
        <v>49</v>
      </c>
      <c r="B7832" s="6"/>
      <c r="C7832" s="6" t="s">
        <v>7856</v>
      </c>
      <c r="D7832" s="6"/>
      <c r="E7832" s="6" t="s">
        <v>9</v>
      </c>
      <c r="F7832" s="7">
        <v>38657</v>
      </c>
      <c r="G7832" s="8">
        <v>1</v>
      </c>
      <c r="H7832" s="8">
        <v>1</v>
      </c>
      <c r="I7832" s="8">
        <v>0</v>
      </c>
      <c r="J7832" s="8">
        <v>1</v>
      </c>
      <c r="K7832" s="9">
        <v>26</v>
      </c>
      <c r="L7832" s="6" t="s">
        <v>51</v>
      </c>
    </row>
    <row r="7833" spans="1:12">
      <c r="A7833" s="6" t="s">
        <v>49</v>
      </c>
      <c r="B7833" s="6"/>
      <c r="C7833" s="6" t="s">
        <v>7857</v>
      </c>
      <c r="D7833" s="6"/>
      <c r="E7833" s="6" t="s">
        <v>9</v>
      </c>
      <c r="F7833" s="7">
        <v>38657</v>
      </c>
      <c r="G7833" s="8">
        <v>1</v>
      </c>
      <c r="H7833" s="8">
        <v>1</v>
      </c>
      <c r="I7833" s="8">
        <v>0</v>
      </c>
      <c r="J7833" s="8">
        <v>1</v>
      </c>
      <c r="K7833" s="9">
        <v>560</v>
      </c>
      <c r="L7833" s="6" t="s">
        <v>51</v>
      </c>
    </row>
    <row r="7834" spans="1:12">
      <c r="A7834" s="6" t="s">
        <v>49</v>
      </c>
      <c r="B7834" s="6"/>
      <c r="C7834" s="6" t="s">
        <v>7858</v>
      </c>
      <c r="D7834" s="6"/>
      <c r="E7834" s="6" t="s">
        <v>9</v>
      </c>
      <c r="F7834" s="7">
        <v>38657</v>
      </c>
      <c r="G7834" s="8">
        <v>1</v>
      </c>
      <c r="H7834" s="8">
        <v>1</v>
      </c>
      <c r="I7834" s="8">
        <v>0</v>
      </c>
      <c r="J7834" s="8">
        <v>1</v>
      </c>
      <c r="K7834" s="9">
        <v>318</v>
      </c>
      <c r="L7834" s="6" t="s">
        <v>51</v>
      </c>
    </row>
    <row r="7835" spans="1:12">
      <c r="A7835" s="6" t="s">
        <v>49</v>
      </c>
      <c r="B7835" s="6"/>
      <c r="C7835" s="6" t="s">
        <v>7859</v>
      </c>
      <c r="D7835" s="6"/>
      <c r="E7835" s="6" t="s">
        <v>9</v>
      </c>
      <c r="F7835" s="7">
        <v>38657</v>
      </c>
      <c r="G7835" s="8">
        <v>1</v>
      </c>
      <c r="H7835" s="8">
        <v>1</v>
      </c>
      <c r="I7835" s="8">
        <v>0</v>
      </c>
      <c r="J7835" s="8">
        <v>1</v>
      </c>
      <c r="K7835" s="9">
        <v>224</v>
      </c>
      <c r="L7835" s="6" t="s">
        <v>51</v>
      </c>
    </row>
    <row r="7836" spans="1:12">
      <c r="A7836" s="6" t="s">
        <v>49</v>
      </c>
      <c r="B7836" s="6"/>
      <c r="C7836" s="6" t="s">
        <v>7860</v>
      </c>
      <c r="D7836" s="6"/>
      <c r="E7836" s="6" t="s">
        <v>9</v>
      </c>
      <c r="F7836" s="7">
        <v>38657</v>
      </c>
      <c r="G7836" s="8">
        <v>1</v>
      </c>
      <c r="H7836" s="8">
        <v>1</v>
      </c>
      <c r="I7836" s="8">
        <v>0</v>
      </c>
      <c r="J7836" s="8">
        <v>1</v>
      </c>
      <c r="K7836" s="9">
        <v>717</v>
      </c>
      <c r="L7836" s="6" t="s">
        <v>51</v>
      </c>
    </row>
    <row r="7837" spans="1:12">
      <c r="A7837" s="6" t="s">
        <v>49</v>
      </c>
      <c r="B7837" s="6"/>
      <c r="C7837" s="6" t="s">
        <v>7861</v>
      </c>
      <c r="D7837" s="6"/>
      <c r="E7837" s="6" t="s">
        <v>9</v>
      </c>
      <c r="F7837" s="7">
        <v>38657</v>
      </c>
      <c r="G7837" s="8">
        <v>1</v>
      </c>
      <c r="H7837" s="8">
        <v>1</v>
      </c>
      <c r="I7837" s="8">
        <v>0</v>
      </c>
      <c r="J7837" s="8">
        <v>1</v>
      </c>
      <c r="K7837" s="9">
        <v>252</v>
      </c>
      <c r="L7837" s="6" t="s">
        <v>51</v>
      </c>
    </row>
    <row r="7838" spans="1:12">
      <c r="A7838" s="6" t="s">
        <v>49</v>
      </c>
      <c r="B7838" s="6"/>
      <c r="C7838" s="6" t="s">
        <v>7862</v>
      </c>
      <c r="D7838" s="6"/>
      <c r="E7838" s="6" t="s">
        <v>9</v>
      </c>
      <c r="F7838" s="7">
        <v>38657</v>
      </c>
      <c r="G7838" s="8">
        <v>1</v>
      </c>
      <c r="H7838" s="8">
        <v>1</v>
      </c>
      <c r="I7838" s="8">
        <v>0</v>
      </c>
      <c r="J7838" s="8">
        <v>1</v>
      </c>
      <c r="K7838" s="9">
        <v>448</v>
      </c>
      <c r="L7838" s="6" t="s">
        <v>51</v>
      </c>
    </row>
    <row r="7839" spans="1:12">
      <c r="A7839" s="6" t="s">
        <v>49</v>
      </c>
      <c r="B7839" s="6"/>
      <c r="C7839" s="6" t="s">
        <v>7863</v>
      </c>
      <c r="D7839" s="6"/>
      <c r="E7839" s="6" t="s">
        <v>9</v>
      </c>
      <c r="F7839" s="7">
        <v>38657</v>
      </c>
      <c r="G7839" s="8">
        <v>1</v>
      </c>
      <c r="H7839" s="8">
        <v>1</v>
      </c>
      <c r="I7839" s="8">
        <v>0</v>
      </c>
      <c r="J7839" s="8">
        <v>1</v>
      </c>
      <c r="K7839" s="9">
        <v>155</v>
      </c>
      <c r="L7839" s="6" t="s">
        <v>51</v>
      </c>
    </row>
    <row r="7840" spans="1:12">
      <c r="A7840" s="6" t="s">
        <v>49</v>
      </c>
      <c r="B7840" s="6"/>
      <c r="C7840" s="6" t="s">
        <v>7864</v>
      </c>
      <c r="D7840" s="6"/>
      <c r="E7840" s="6" t="s">
        <v>9</v>
      </c>
      <c r="F7840" s="7">
        <v>38657</v>
      </c>
      <c r="G7840" s="8">
        <v>1</v>
      </c>
      <c r="H7840" s="8">
        <v>1</v>
      </c>
      <c r="I7840" s="8">
        <v>0</v>
      </c>
      <c r="J7840" s="8">
        <v>1</v>
      </c>
      <c r="K7840" s="9">
        <v>362</v>
      </c>
      <c r="L7840" s="6" t="s">
        <v>51</v>
      </c>
    </row>
    <row r="7841" spans="1:12">
      <c r="A7841" s="6" t="s">
        <v>49</v>
      </c>
      <c r="B7841" s="6"/>
      <c r="C7841" s="6" t="s">
        <v>7865</v>
      </c>
      <c r="D7841" s="6"/>
      <c r="E7841" s="6" t="s">
        <v>9</v>
      </c>
      <c r="F7841" s="7">
        <v>38657</v>
      </c>
      <c r="G7841" s="8">
        <v>1</v>
      </c>
      <c r="H7841" s="8">
        <v>1</v>
      </c>
      <c r="I7841" s="8">
        <v>0</v>
      </c>
      <c r="J7841" s="8">
        <v>1</v>
      </c>
      <c r="K7841" s="9">
        <v>89</v>
      </c>
      <c r="L7841" s="6" t="s">
        <v>51</v>
      </c>
    </row>
    <row r="7842" spans="1:12">
      <c r="A7842" s="6" t="s">
        <v>49</v>
      </c>
      <c r="B7842" s="6"/>
      <c r="C7842" s="6" t="s">
        <v>7866</v>
      </c>
      <c r="D7842" s="6"/>
      <c r="E7842" s="6" t="s">
        <v>9</v>
      </c>
      <c r="F7842" s="7">
        <v>38657</v>
      </c>
      <c r="G7842" s="8">
        <v>1</v>
      </c>
      <c r="H7842" s="8">
        <v>1</v>
      </c>
      <c r="I7842" s="8">
        <v>0</v>
      </c>
      <c r="J7842" s="8">
        <v>1</v>
      </c>
      <c r="K7842" s="9">
        <v>1027</v>
      </c>
      <c r="L7842" s="6" t="s">
        <v>51</v>
      </c>
    </row>
    <row r="7843" spans="1:12">
      <c r="A7843" s="6" t="s">
        <v>49</v>
      </c>
      <c r="B7843" s="6"/>
      <c r="C7843" s="6" t="s">
        <v>7867</v>
      </c>
      <c r="D7843" s="6"/>
      <c r="E7843" s="6" t="s">
        <v>9</v>
      </c>
      <c r="F7843" s="7">
        <v>38657</v>
      </c>
      <c r="G7843" s="8">
        <v>1</v>
      </c>
      <c r="H7843" s="8">
        <v>1</v>
      </c>
      <c r="I7843" s="8">
        <v>0</v>
      </c>
      <c r="J7843" s="8">
        <v>1</v>
      </c>
      <c r="K7843" s="9">
        <v>16</v>
      </c>
      <c r="L7843" s="6" t="s">
        <v>51</v>
      </c>
    </row>
    <row r="7844" spans="1:12">
      <c r="A7844" s="6" t="s">
        <v>49</v>
      </c>
      <c r="B7844" s="6"/>
      <c r="C7844" s="6" t="s">
        <v>7868</v>
      </c>
      <c r="D7844" s="6"/>
      <c r="E7844" s="6" t="s">
        <v>9</v>
      </c>
      <c r="F7844" s="7">
        <v>38657</v>
      </c>
      <c r="G7844" s="8">
        <v>1</v>
      </c>
      <c r="H7844" s="8">
        <v>1</v>
      </c>
      <c r="I7844" s="8">
        <v>0</v>
      </c>
      <c r="J7844" s="8">
        <v>1</v>
      </c>
      <c r="K7844" s="9">
        <v>3.89</v>
      </c>
      <c r="L7844" s="6" t="s">
        <v>51</v>
      </c>
    </row>
    <row r="7845" spans="1:12">
      <c r="A7845" s="6" t="s">
        <v>49</v>
      </c>
      <c r="B7845" s="6"/>
      <c r="C7845" s="6" t="s">
        <v>7869</v>
      </c>
      <c r="D7845" s="6"/>
      <c r="E7845" s="6" t="s">
        <v>9</v>
      </c>
      <c r="F7845" s="7">
        <v>38657</v>
      </c>
      <c r="G7845" s="8">
        <v>1</v>
      </c>
      <c r="H7845" s="8">
        <v>1</v>
      </c>
      <c r="I7845" s="8">
        <v>0</v>
      </c>
      <c r="J7845" s="8">
        <v>1</v>
      </c>
      <c r="K7845" s="9">
        <v>220</v>
      </c>
      <c r="L7845" s="6" t="s">
        <v>51</v>
      </c>
    </row>
    <row r="7846" spans="1:12">
      <c r="A7846" s="6" t="s">
        <v>49</v>
      </c>
      <c r="B7846" s="6"/>
      <c r="C7846" s="6" t="s">
        <v>7870</v>
      </c>
      <c r="D7846" s="6"/>
      <c r="E7846" s="6" t="s">
        <v>9</v>
      </c>
      <c r="F7846" s="7">
        <v>38657</v>
      </c>
      <c r="G7846" s="8">
        <v>1</v>
      </c>
      <c r="H7846" s="8">
        <v>1</v>
      </c>
      <c r="I7846" s="8">
        <v>0</v>
      </c>
      <c r="J7846" s="8">
        <v>1</v>
      </c>
      <c r="K7846" s="9">
        <v>59</v>
      </c>
      <c r="L7846" s="6" t="s">
        <v>51</v>
      </c>
    </row>
    <row r="7847" spans="1:12">
      <c r="A7847" s="6" t="s">
        <v>49</v>
      </c>
      <c r="B7847" s="6"/>
      <c r="C7847" s="6" t="s">
        <v>7871</v>
      </c>
      <c r="D7847" s="6"/>
      <c r="E7847" s="6" t="s">
        <v>9</v>
      </c>
      <c r="F7847" s="7">
        <v>38657</v>
      </c>
      <c r="G7847" s="8">
        <v>1</v>
      </c>
      <c r="H7847" s="8">
        <v>1</v>
      </c>
      <c r="I7847" s="8">
        <v>0</v>
      </c>
      <c r="J7847" s="8">
        <v>1</v>
      </c>
      <c r="K7847" s="9">
        <v>191</v>
      </c>
      <c r="L7847" s="6" t="s">
        <v>51</v>
      </c>
    </row>
    <row r="7848" spans="1:12">
      <c r="A7848" s="6" t="s">
        <v>49</v>
      </c>
      <c r="B7848" s="6"/>
      <c r="C7848" s="6" t="s">
        <v>7872</v>
      </c>
      <c r="D7848" s="6"/>
      <c r="E7848" s="6" t="s">
        <v>9</v>
      </c>
      <c r="F7848" s="7"/>
      <c r="G7848" s="8">
        <v>1</v>
      </c>
      <c r="H7848" s="8">
        <v>1</v>
      </c>
      <c r="I7848" s="8">
        <v>0</v>
      </c>
      <c r="J7848" s="8">
        <v>1</v>
      </c>
      <c r="K7848" s="9">
        <v>5.69</v>
      </c>
      <c r="L7848" s="6" t="s">
        <v>51</v>
      </c>
    </row>
    <row r="7849" spans="1:12">
      <c r="A7849" s="6" t="s">
        <v>49</v>
      </c>
      <c r="B7849" s="6"/>
      <c r="C7849" s="6" t="s">
        <v>7873</v>
      </c>
      <c r="D7849" s="6"/>
      <c r="E7849" s="6" t="s">
        <v>9</v>
      </c>
      <c r="F7849" s="7">
        <v>38657</v>
      </c>
      <c r="G7849" s="8">
        <v>1</v>
      </c>
      <c r="H7849" s="8">
        <v>1</v>
      </c>
      <c r="I7849" s="8">
        <v>0</v>
      </c>
      <c r="J7849" s="8">
        <v>1</v>
      </c>
      <c r="K7849" s="9">
        <v>625.49</v>
      </c>
      <c r="L7849" s="6" t="s">
        <v>51</v>
      </c>
    </row>
    <row r="7850" spans="1:12">
      <c r="A7850" s="6" t="s">
        <v>49</v>
      </c>
      <c r="B7850" s="6"/>
      <c r="C7850" s="6" t="s">
        <v>7874</v>
      </c>
      <c r="D7850" s="6"/>
      <c r="E7850" s="6" t="s">
        <v>9</v>
      </c>
      <c r="F7850" s="7">
        <v>38657</v>
      </c>
      <c r="G7850" s="8">
        <v>1</v>
      </c>
      <c r="H7850" s="8">
        <v>1</v>
      </c>
      <c r="I7850" s="8">
        <v>0</v>
      </c>
      <c r="J7850" s="8">
        <v>1</v>
      </c>
      <c r="K7850" s="9">
        <v>1128</v>
      </c>
      <c r="L7850" s="6" t="s">
        <v>51</v>
      </c>
    </row>
    <row r="7851" spans="1:12">
      <c r="A7851" s="6" t="s">
        <v>49</v>
      </c>
      <c r="B7851" s="6"/>
      <c r="C7851" s="6" t="s">
        <v>7875</v>
      </c>
      <c r="D7851" s="6"/>
      <c r="E7851" s="6" t="s">
        <v>9</v>
      </c>
      <c r="F7851" s="7">
        <v>38657</v>
      </c>
      <c r="G7851" s="8">
        <v>1</v>
      </c>
      <c r="H7851" s="8">
        <v>1</v>
      </c>
      <c r="I7851" s="8">
        <v>0</v>
      </c>
      <c r="J7851" s="8">
        <v>1</v>
      </c>
      <c r="K7851" s="9">
        <v>6.76</v>
      </c>
      <c r="L7851" s="6" t="s">
        <v>51</v>
      </c>
    </row>
    <row r="7852" spans="1:12">
      <c r="A7852" s="6" t="s">
        <v>49</v>
      </c>
      <c r="B7852" s="6"/>
      <c r="C7852" s="6" t="s">
        <v>7876</v>
      </c>
      <c r="D7852" s="6"/>
      <c r="E7852" s="6" t="s">
        <v>9</v>
      </c>
      <c r="F7852" s="7">
        <v>38657</v>
      </c>
      <c r="G7852" s="8">
        <v>1</v>
      </c>
      <c r="H7852" s="8">
        <v>1</v>
      </c>
      <c r="I7852" s="8">
        <v>0</v>
      </c>
      <c r="J7852" s="8">
        <v>1</v>
      </c>
      <c r="K7852" s="9">
        <v>154.80000000000001</v>
      </c>
      <c r="L7852" s="6" t="s">
        <v>51</v>
      </c>
    </row>
    <row r="7853" spans="1:12">
      <c r="A7853" s="6" t="s">
        <v>49</v>
      </c>
      <c r="B7853" s="6"/>
      <c r="C7853" s="6" t="s">
        <v>7877</v>
      </c>
      <c r="D7853" s="6"/>
      <c r="E7853" s="6" t="s">
        <v>9</v>
      </c>
      <c r="F7853" s="7">
        <v>38657</v>
      </c>
      <c r="G7853" s="8">
        <v>1</v>
      </c>
      <c r="H7853" s="8">
        <v>1</v>
      </c>
      <c r="I7853" s="8">
        <v>0</v>
      </c>
      <c r="J7853" s="8">
        <v>1</v>
      </c>
      <c r="K7853" s="9">
        <v>154</v>
      </c>
      <c r="L7853" s="6" t="s">
        <v>51</v>
      </c>
    </row>
    <row r="7854" spans="1:12">
      <c r="A7854" s="6" t="s">
        <v>49</v>
      </c>
      <c r="B7854" s="6"/>
      <c r="C7854" s="6" t="s">
        <v>7878</v>
      </c>
      <c r="D7854" s="6"/>
      <c r="E7854" s="6" t="s">
        <v>9</v>
      </c>
      <c r="F7854" s="7">
        <v>38657</v>
      </c>
      <c r="G7854" s="8">
        <v>1</v>
      </c>
      <c r="H7854" s="8">
        <v>1</v>
      </c>
      <c r="I7854" s="8">
        <v>0</v>
      </c>
      <c r="J7854" s="8">
        <v>1</v>
      </c>
      <c r="K7854" s="9">
        <v>13</v>
      </c>
      <c r="L7854" s="6" t="s">
        <v>51</v>
      </c>
    </row>
    <row r="7855" spans="1:12">
      <c r="A7855" s="6" t="s">
        <v>49</v>
      </c>
      <c r="B7855" s="6"/>
      <c r="C7855" s="6" t="s">
        <v>7879</v>
      </c>
      <c r="D7855" s="6"/>
      <c r="E7855" s="6" t="s">
        <v>9</v>
      </c>
      <c r="F7855" s="7">
        <v>38657</v>
      </c>
      <c r="G7855" s="8">
        <v>1</v>
      </c>
      <c r="H7855" s="8">
        <v>1</v>
      </c>
      <c r="I7855" s="8">
        <v>0</v>
      </c>
      <c r="J7855" s="8">
        <v>1</v>
      </c>
      <c r="K7855" s="9">
        <v>154</v>
      </c>
      <c r="L7855" s="6" t="s">
        <v>51</v>
      </c>
    </row>
    <row r="7856" spans="1:12">
      <c r="A7856" s="6" t="s">
        <v>49</v>
      </c>
      <c r="B7856" s="6"/>
      <c r="C7856" s="6" t="s">
        <v>7880</v>
      </c>
      <c r="D7856" s="6"/>
      <c r="E7856" s="6" t="s">
        <v>9</v>
      </c>
      <c r="F7856" s="7">
        <v>38657</v>
      </c>
      <c r="G7856" s="8">
        <v>1</v>
      </c>
      <c r="H7856" s="8">
        <v>1</v>
      </c>
      <c r="I7856" s="8">
        <v>0</v>
      </c>
      <c r="J7856" s="8">
        <v>1</v>
      </c>
      <c r="K7856" s="9">
        <v>73</v>
      </c>
      <c r="L7856" s="6" t="s">
        <v>51</v>
      </c>
    </row>
    <row r="7857" spans="1:12">
      <c r="A7857" s="6" t="s">
        <v>49</v>
      </c>
      <c r="B7857" s="6"/>
      <c r="C7857" s="6" t="s">
        <v>7881</v>
      </c>
      <c r="D7857" s="6"/>
      <c r="E7857" s="6" t="s">
        <v>9</v>
      </c>
      <c r="F7857" s="7">
        <v>38657</v>
      </c>
      <c r="G7857" s="8">
        <v>1</v>
      </c>
      <c r="H7857" s="8">
        <v>1</v>
      </c>
      <c r="I7857" s="8">
        <v>0</v>
      </c>
      <c r="J7857" s="8">
        <v>1</v>
      </c>
      <c r="K7857" s="9">
        <v>81</v>
      </c>
      <c r="L7857" s="6" t="s">
        <v>51</v>
      </c>
    </row>
    <row r="7858" spans="1:12">
      <c r="A7858" s="6" t="s">
        <v>49</v>
      </c>
      <c r="B7858" s="6"/>
      <c r="C7858" s="6" t="s">
        <v>7882</v>
      </c>
      <c r="D7858" s="6"/>
      <c r="E7858" s="6" t="s">
        <v>9</v>
      </c>
      <c r="F7858" s="7">
        <v>38657</v>
      </c>
      <c r="G7858" s="8">
        <v>1</v>
      </c>
      <c r="H7858" s="8">
        <v>1</v>
      </c>
      <c r="I7858" s="8">
        <v>0</v>
      </c>
      <c r="J7858" s="8">
        <v>1</v>
      </c>
      <c r="K7858" s="9">
        <v>177</v>
      </c>
      <c r="L7858" s="6" t="s">
        <v>51</v>
      </c>
    </row>
    <row r="7859" spans="1:12">
      <c r="A7859" s="6" t="s">
        <v>49</v>
      </c>
      <c r="B7859" s="6"/>
      <c r="C7859" s="6" t="s">
        <v>7883</v>
      </c>
      <c r="D7859" s="6"/>
      <c r="E7859" s="6" t="s">
        <v>9</v>
      </c>
      <c r="F7859" s="7">
        <v>38657</v>
      </c>
      <c r="G7859" s="8">
        <v>1</v>
      </c>
      <c r="H7859" s="8">
        <v>1</v>
      </c>
      <c r="I7859" s="8">
        <v>0</v>
      </c>
      <c r="J7859" s="8">
        <v>1</v>
      </c>
      <c r="K7859" s="9">
        <v>108</v>
      </c>
      <c r="L7859" s="6" t="s">
        <v>51</v>
      </c>
    </row>
    <row r="7860" spans="1:12">
      <c r="A7860" s="6" t="s">
        <v>49</v>
      </c>
      <c r="B7860" s="6"/>
      <c r="C7860" s="6" t="s">
        <v>7884</v>
      </c>
      <c r="D7860" s="6"/>
      <c r="E7860" s="6" t="s">
        <v>9</v>
      </c>
      <c r="F7860" s="7">
        <v>38657</v>
      </c>
      <c r="G7860" s="8">
        <v>1</v>
      </c>
      <c r="H7860" s="8">
        <v>1</v>
      </c>
      <c r="I7860" s="8">
        <v>0</v>
      </c>
      <c r="J7860" s="8">
        <v>1</v>
      </c>
      <c r="K7860" s="9">
        <v>23</v>
      </c>
      <c r="L7860" s="6" t="s">
        <v>51</v>
      </c>
    </row>
    <row r="7861" spans="1:12">
      <c r="A7861" s="6" t="s">
        <v>49</v>
      </c>
      <c r="B7861" s="6"/>
      <c r="C7861" s="6" t="s">
        <v>7885</v>
      </c>
      <c r="D7861" s="6"/>
      <c r="E7861" s="6" t="s">
        <v>9</v>
      </c>
      <c r="F7861" s="7">
        <v>38657</v>
      </c>
      <c r="G7861" s="8">
        <v>1</v>
      </c>
      <c r="H7861" s="8">
        <v>1</v>
      </c>
      <c r="I7861" s="8">
        <v>0</v>
      </c>
      <c r="J7861" s="8">
        <v>1</v>
      </c>
      <c r="K7861" s="9">
        <v>154</v>
      </c>
      <c r="L7861" s="6" t="s">
        <v>51</v>
      </c>
    </row>
    <row r="7862" spans="1:12">
      <c r="A7862" s="6" t="s">
        <v>49</v>
      </c>
      <c r="B7862" s="6"/>
      <c r="C7862" s="6" t="s">
        <v>7886</v>
      </c>
      <c r="D7862" s="6"/>
      <c r="E7862" s="6" t="s">
        <v>9</v>
      </c>
      <c r="F7862" s="7">
        <v>38657</v>
      </c>
      <c r="G7862" s="8">
        <v>1</v>
      </c>
      <c r="H7862" s="8">
        <v>1</v>
      </c>
      <c r="I7862" s="8">
        <v>0</v>
      </c>
      <c r="J7862" s="8">
        <v>1</v>
      </c>
      <c r="K7862" s="9">
        <v>154</v>
      </c>
      <c r="L7862" s="6" t="s">
        <v>51</v>
      </c>
    </row>
    <row r="7863" spans="1:12">
      <c r="A7863" s="6" t="s">
        <v>49</v>
      </c>
      <c r="B7863" s="6"/>
      <c r="C7863" s="6" t="s">
        <v>7887</v>
      </c>
      <c r="D7863" s="6"/>
      <c r="E7863" s="6" t="s">
        <v>9</v>
      </c>
      <c r="F7863" s="7">
        <v>38657</v>
      </c>
      <c r="G7863" s="8">
        <v>1</v>
      </c>
      <c r="H7863" s="8">
        <v>1</v>
      </c>
      <c r="I7863" s="8">
        <v>0</v>
      </c>
      <c r="J7863" s="8">
        <v>1</v>
      </c>
      <c r="K7863" s="9">
        <v>154</v>
      </c>
      <c r="L7863" s="6" t="s">
        <v>51</v>
      </c>
    </row>
    <row r="7864" spans="1:12">
      <c r="A7864" s="6" t="s">
        <v>49</v>
      </c>
      <c r="B7864" s="6"/>
      <c r="C7864" s="6" t="s">
        <v>7888</v>
      </c>
      <c r="D7864" s="6"/>
      <c r="E7864" s="6" t="s">
        <v>9</v>
      </c>
      <c r="F7864" s="7">
        <v>38657</v>
      </c>
      <c r="G7864" s="8">
        <v>1</v>
      </c>
      <c r="H7864" s="8">
        <v>1</v>
      </c>
      <c r="I7864" s="8">
        <v>0</v>
      </c>
      <c r="J7864" s="8">
        <v>1</v>
      </c>
      <c r="K7864" s="9">
        <v>77</v>
      </c>
      <c r="L7864" s="6" t="s">
        <v>51</v>
      </c>
    </row>
    <row r="7865" spans="1:12">
      <c r="A7865" s="6" t="s">
        <v>49</v>
      </c>
      <c r="B7865" s="6"/>
      <c r="C7865" s="6" t="s">
        <v>7889</v>
      </c>
      <c r="D7865" s="6"/>
      <c r="E7865" s="6" t="s">
        <v>9</v>
      </c>
      <c r="F7865" s="7">
        <v>38657</v>
      </c>
      <c r="G7865" s="8">
        <v>1</v>
      </c>
      <c r="H7865" s="8">
        <v>1</v>
      </c>
      <c r="I7865" s="8">
        <v>0</v>
      </c>
      <c r="J7865" s="8">
        <v>1</v>
      </c>
      <c r="K7865" s="9">
        <v>122</v>
      </c>
      <c r="L7865" s="6" t="s">
        <v>51</v>
      </c>
    </row>
    <row r="7866" spans="1:12">
      <c r="A7866" s="6" t="s">
        <v>49</v>
      </c>
      <c r="B7866" s="6"/>
      <c r="C7866" s="6" t="s">
        <v>7890</v>
      </c>
      <c r="D7866" s="6"/>
      <c r="E7866" s="6" t="s">
        <v>9</v>
      </c>
      <c r="F7866" s="7">
        <v>38657</v>
      </c>
      <c r="G7866" s="8">
        <v>1</v>
      </c>
      <c r="H7866" s="8">
        <v>1</v>
      </c>
      <c r="I7866" s="8">
        <v>0</v>
      </c>
      <c r="J7866" s="8">
        <v>1</v>
      </c>
      <c r="K7866" s="9">
        <v>77</v>
      </c>
      <c r="L7866" s="6" t="s">
        <v>51</v>
      </c>
    </row>
    <row r="7867" spans="1:12">
      <c r="A7867" s="6" t="s">
        <v>49</v>
      </c>
      <c r="B7867" s="6"/>
      <c r="C7867" s="6" t="s">
        <v>7891</v>
      </c>
      <c r="D7867" s="6"/>
      <c r="E7867" s="6" t="s">
        <v>9</v>
      </c>
      <c r="F7867" s="7">
        <v>38657</v>
      </c>
      <c r="G7867" s="8">
        <v>1</v>
      </c>
      <c r="H7867" s="8">
        <v>1</v>
      </c>
      <c r="I7867" s="8">
        <v>0</v>
      </c>
      <c r="J7867" s="8">
        <v>1</v>
      </c>
      <c r="K7867" s="9">
        <v>154</v>
      </c>
      <c r="L7867" s="6" t="s">
        <v>51</v>
      </c>
    </row>
    <row r="7868" spans="1:12">
      <c r="A7868" s="6" t="s">
        <v>49</v>
      </c>
      <c r="B7868" s="6"/>
      <c r="C7868" s="6" t="s">
        <v>7892</v>
      </c>
      <c r="D7868" s="6"/>
      <c r="E7868" s="6" t="s">
        <v>9</v>
      </c>
      <c r="F7868" s="7">
        <v>38657</v>
      </c>
      <c r="G7868" s="8">
        <v>1</v>
      </c>
      <c r="H7868" s="8">
        <v>1</v>
      </c>
      <c r="I7868" s="8">
        <v>0</v>
      </c>
      <c r="J7868" s="8">
        <v>1</v>
      </c>
      <c r="K7868" s="9">
        <v>82</v>
      </c>
      <c r="L7868" s="6" t="s">
        <v>51</v>
      </c>
    </row>
    <row r="7869" spans="1:12">
      <c r="A7869" s="6" t="s">
        <v>49</v>
      </c>
      <c r="B7869" s="6"/>
      <c r="C7869" s="6" t="s">
        <v>7893</v>
      </c>
      <c r="D7869" s="6"/>
      <c r="E7869" s="6" t="s">
        <v>9</v>
      </c>
      <c r="F7869" s="7">
        <v>38657</v>
      </c>
      <c r="G7869" s="8">
        <v>1</v>
      </c>
      <c r="H7869" s="8">
        <v>1</v>
      </c>
      <c r="I7869" s="8">
        <v>0</v>
      </c>
      <c r="J7869" s="8">
        <v>1</v>
      </c>
      <c r="K7869" s="9">
        <v>72</v>
      </c>
      <c r="L7869" s="6" t="s">
        <v>51</v>
      </c>
    </row>
    <row r="7870" spans="1:12">
      <c r="A7870" s="6" t="s">
        <v>49</v>
      </c>
      <c r="B7870" s="6"/>
      <c r="C7870" s="6" t="s">
        <v>7894</v>
      </c>
      <c r="D7870" s="6"/>
      <c r="E7870" s="6" t="s">
        <v>9</v>
      </c>
      <c r="F7870" s="7">
        <v>38657</v>
      </c>
      <c r="G7870" s="8">
        <v>1</v>
      </c>
      <c r="H7870" s="8">
        <v>1</v>
      </c>
      <c r="I7870" s="8">
        <v>0</v>
      </c>
      <c r="J7870" s="8">
        <v>1</v>
      </c>
      <c r="K7870" s="9">
        <v>105</v>
      </c>
      <c r="L7870" s="6" t="s">
        <v>51</v>
      </c>
    </row>
    <row r="7871" spans="1:12">
      <c r="A7871" s="6" t="s">
        <v>49</v>
      </c>
      <c r="B7871" s="6"/>
      <c r="C7871" s="6" t="s">
        <v>7895</v>
      </c>
      <c r="D7871" s="6"/>
      <c r="E7871" s="6" t="s">
        <v>9</v>
      </c>
      <c r="F7871" s="7">
        <v>38657</v>
      </c>
      <c r="G7871" s="8">
        <v>1</v>
      </c>
      <c r="H7871" s="8">
        <v>1</v>
      </c>
      <c r="I7871" s="8">
        <v>0</v>
      </c>
      <c r="J7871" s="8">
        <v>1</v>
      </c>
      <c r="K7871" s="9">
        <v>49</v>
      </c>
      <c r="L7871" s="6" t="s">
        <v>51</v>
      </c>
    </row>
    <row r="7872" spans="1:12">
      <c r="A7872" s="6" t="s">
        <v>49</v>
      </c>
      <c r="B7872" s="6"/>
      <c r="C7872" s="6" t="s">
        <v>7896</v>
      </c>
      <c r="D7872" s="6"/>
      <c r="E7872" s="6" t="s">
        <v>9</v>
      </c>
      <c r="F7872" s="7">
        <v>38657</v>
      </c>
      <c r="G7872" s="8">
        <v>1</v>
      </c>
      <c r="H7872" s="8">
        <v>1</v>
      </c>
      <c r="I7872" s="8">
        <v>0</v>
      </c>
      <c r="J7872" s="8">
        <v>1</v>
      </c>
      <c r="K7872" s="9">
        <v>154</v>
      </c>
      <c r="L7872" s="6" t="s">
        <v>51</v>
      </c>
    </row>
    <row r="7873" spans="1:12">
      <c r="A7873" s="6" t="s">
        <v>49</v>
      </c>
      <c r="B7873" s="6"/>
      <c r="C7873" s="6" t="s">
        <v>7897</v>
      </c>
      <c r="D7873" s="6"/>
      <c r="E7873" s="6" t="s">
        <v>9</v>
      </c>
      <c r="F7873" s="7">
        <v>38657</v>
      </c>
      <c r="G7873" s="8">
        <v>1</v>
      </c>
      <c r="H7873" s="8">
        <v>1</v>
      </c>
      <c r="I7873" s="8">
        <v>0</v>
      </c>
      <c r="J7873" s="8">
        <v>1</v>
      </c>
      <c r="K7873" s="9">
        <v>90</v>
      </c>
      <c r="L7873" s="6" t="s">
        <v>51</v>
      </c>
    </row>
    <row r="7874" spans="1:12">
      <c r="A7874" s="6" t="s">
        <v>49</v>
      </c>
      <c r="B7874" s="6"/>
      <c r="C7874" s="6" t="s">
        <v>7898</v>
      </c>
      <c r="D7874" s="6"/>
      <c r="E7874" s="6" t="s">
        <v>9</v>
      </c>
      <c r="F7874" s="7">
        <v>38657</v>
      </c>
      <c r="G7874" s="8">
        <v>1</v>
      </c>
      <c r="H7874" s="8">
        <v>1</v>
      </c>
      <c r="I7874" s="8">
        <v>0</v>
      </c>
      <c r="J7874" s="8">
        <v>1</v>
      </c>
      <c r="K7874" s="9">
        <v>63</v>
      </c>
      <c r="L7874" s="6" t="s">
        <v>51</v>
      </c>
    </row>
    <row r="7875" spans="1:12">
      <c r="A7875" s="6" t="s">
        <v>49</v>
      </c>
      <c r="B7875" s="6"/>
      <c r="C7875" s="6" t="s">
        <v>7899</v>
      </c>
      <c r="D7875" s="6"/>
      <c r="E7875" s="6" t="s">
        <v>9</v>
      </c>
      <c r="F7875" s="7">
        <v>38657</v>
      </c>
      <c r="G7875" s="8">
        <v>1</v>
      </c>
      <c r="H7875" s="8">
        <v>1</v>
      </c>
      <c r="I7875" s="8">
        <v>0</v>
      </c>
      <c r="J7875" s="8">
        <v>1</v>
      </c>
      <c r="K7875" s="9">
        <v>33</v>
      </c>
      <c r="L7875" s="6" t="s">
        <v>51</v>
      </c>
    </row>
    <row r="7876" spans="1:12">
      <c r="A7876" s="6" t="s">
        <v>49</v>
      </c>
      <c r="B7876" s="6"/>
      <c r="C7876" s="6" t="s">
        <v>7900</v>
      </c>
      <c r="D7876" s="6"/>
      <c r="E7876" s="6" t="s">
        <v>9</v>
      </c>
      <c r="F7876" s="7">
        <v>38657</v>
      </c>
      <c r="G7876" s="8">
        <v>1</v>
      </c>
      <c r="H7876" s="8">
        <v>1</v>
      </c>
      <c r="I7876" s="8">
        <v>0</v>
      </c>
      <c r="J7876" s="8">
        <v>1</v>
      </c>
      <c r="K7876" s="9">
        <v>26.1</v>
      </c>
      <c r="L7876" s="6" t="s">
        <v>51</v>
      </c>
    </row>
    <row r="7877" spans="1:12">
      <c r="A7877" s="6" t="s">
        <v>49</v>
      </c>
      <c r="B7877" s="6"/>
      <c r="C7877" s="6" t="s">
        <v>7901</v>
      </c>
      <c r="D7877" s="6"/>
      <c r="E7877" s="6" t="s">
        <v>9</v>
      </c>
      <c r="F7877" s="7">
        <v>38657</v>
      </c>
      <c r="G7877" s="8">
        <v>1</v>
      </c>
      <c r="H7877" s="8">
        <v>1</v>
      </c>
      <c r="I7877" s="8">
        <v>0</v>
      </c>
      <c r="J7877" s="8">
        <v>1</v>
      </c>
      <c r="K7877" s="9">
        <v>120</v>
      </c>
      <c r="L7877" s="6" t="s">
        <v>51</v>
      </c>
    </row>
    <row r="7878" spans="1:12">
      <c r="A7878" s="6" t="s">
        <v>49</v>
      </c>
      <c r="B7878" s="6"/>
      <c r="C7878" s="6" t="s">
        <v>7902</v>
      </c>
      <c r="D7878" s="6"/>
      <c r="E7878" s="6" t="s">
        <v>9</v>
      </c>
      <c r="F7878" s="7">
        <v>38657</v>
      </c>
      <c r="G7878" s="8">
        <v>1</v>
      </c>
      <c r="H7878" s="8">
        <v>1</v>
      </c>
      <c r="I7878" s="8">
        <v>0</v>
      </c>
      <c r="J7878" s="8">
        <v>1</v>
      </c>
      <c r="K7878" s="9">
        <v>154</v>
      </c>
      <c r="L7878" s="6" t="s">
        <v>51</v>
      </c>
    </row>
    <row r="7879" spans="1:12">
      <c r="A7879" s="6" t="s">
        <v>49</v>
      </c>
      <c r="B7879" s="6"/>
      <c r="C7879" s="6" t="s">
        <v>7903</v>
      </c>
      <c r="D7879" s="6"/>
      <c r="E7879" s="6" t="s">
        <v>9</v>
      </c>
      <c r="F7879" s="7">
        <v>38657</v>
      </c>
      <c r="G7879" s="8">
        <v>1</v>
      </c>
      <c r="H7879" s="8">
        <v>1</v>
      </c>
      <c r="I7879" s="8">
        <v>0</v>
      </c>
      <c r="J7879" s="8">
        <v>1</v>
      </c>
      <c r="K7879" s="9">
        <v>167</v>
      </c>
      <c r="L7879" s="6" t="s">
        <v>51</v>
      </c>
    </row>
    <row r="7880" spans="1:12">
      <c r="A7880" s="6" t="s">
        <v>49</v>
      </c>
      <c r="B7880" s="6"/>
      <c r="C7880" s="6" t="s">
        <v>7904</v>
      </c>
      <c r="D7880" s="6"/>
      <c r="E7880" s="6" t="s">
        <v>9</v>
      </c>
      <c r="F7880" s="7">
        <v>38657</v>
      </c>
      <c r="G7880" s="8">
        <v>1</v>
      </c>
      <c r="H7880" s="8">
        <v>1</v>
      </c>
      <c r="I7880" s="8">
        <v>0</v>
      </c>
      <c r="J7880" s="8">
        <v>1</v>
      </c>
      <c r="K7880" s="9">
        <v>146</v>
      </c>
      <c r="L7880" s="6" t="s">
        <v>51</v>
      </c>
    </row>
    <row r="7881" spans="1:12">
      <c r="A7881" s="6" t="s">
        <v>49</v>
      </c>
      <c r="B7881" s="6"/>
      <c r="C7881" s="6" t="s">
        <v>7905</v>
      </c>
      <c r="D7881" s="6"/>
      <c r="E7881" s="6" t="s">
        <v>9</v>
      </c>
      <c r="F7881" s="7">
        <v>38657</v>
      </c>
      <c r="G7881" s="8">
        <v>1</v>
      </c>
      <c r="H7881" s="8">
        <v>1</v>
      </c>
      <c r="I7881" s="8">
        <v>0</v>
      </c>
      <c r="J7881" s="8">
        <v>1</v>
      </c>
      <c r="K7881" s="9">
        <v>427</v>
      </c>
      <c r="L7881" s="6" t="s">
        <v>51</v>
      </c>
    </row>
    <row r="7882" spans="1:12">
      <c r="A7882" s="6" t="s">
        <v>49</v>
      </c>
      <c r="B7882" s="6"/>
      <c r="C7882" s="6" t="s">
        <v>7906</v>
      </c>
      <c r="D7882" s="6"/>
      <c r="E7882" s="6" t="s">
        <v>9</v>
      </c>
      <c r="F7882" s="7">
        <v>38657</v>
      </c>
      <c r="G7882" s="8">
        <v>1</v>
      </c>
      <c r="H7882" s="8">
        <v>1</v>
      </c>
      <c r="I7882" s="8">
        <v>0</v>
      </c>
      <c r="J7882" s="8">
        <v>1</v>
      </c>
      <c r="K7882" s="9">
        <v>507</v>
      </c>
      <c r="L7882" s="6" t="s">
        <v>51</v>
      </c>
    </row>
    <row r="7883" spans="1:12">
      <c r="A7883" s="6" t="s">
        <v>49</v>
      </c>
      <c r="B7883" s="6"/>
      <c r="C7883" s="6" t="s">
        <v>7907</v>
      </c>
      <c r="D7883" s="6"/>
      <c r="E7883" s="6" t="s">
        <v>9</v>
      </c>
      <c r="F7883" s="7">
        <v>38657</v>
      </c>
      <c r="G7883" s="8">
        <v>1</v>
      </c>
      <c r="H7883" s="8">
        <v>1</v>
      </c>
      <c r="I7883" s="8">
        <v>0</v>
      </c>
      <c r="J7883" s="8">
        <v>1</v>
      </c>
      <c r="K7883" s="9">
        <v>648</v>
      </c>
      <c r="L7883" s="6" t="s">
        <v>51</v>
      </c>
    </row>
    <row r="7884" spans="1:12">
      <c r="A7884" s="6" t="s">
        <v>49</v>
      </c>
      <c r="B7884" s="6"/>
      <c r="C7884" s="6" t="s">
        <v>7908</v>
      </c>
      <c r="D7884" s="6"/>
      <c r="E7884" s="6" t="s">
        <v>9</v>
      </c>
      <c r="F7884" s="7">
        <v>38657</v>
      </c>
      <c r="G7884" s="8">
        <v>1</v>
      </c>
      <c r="H7884" s="8">
        <v>1</v>
      </c>
      <c r="I7884" s="8">
        <v>0</v>
      </c>
      <c r="J7884" s="8">
        <v>1</v>
      </c>
      <c r="K7884" s="9">
        <v>540</v>
      </c>
      <c r="L7884" s="6" t="s">
        <v>51</v>
      </c>
    </row>
    <row r="7885" spans="1:12">
      <c r="A7885" s="6" t="s">
        <v>49</v>
      </c>
      <c r="B7885" s="6"/>
      <c r="C7885" s="6" t="s">
        <v>7909</v>
      </c>
      <c r="D7885" s="6"/>
      <c r="E7885" s="6" t="s">
        <v>9</v>
      </c>
      <c r="F7885" s="7">
        <v>38657</v>
      </c>
      <c r="G7885" s="8">
        <v>1</v>
      </c>
      <c r="H7885" s="8">
        <v>1</v>
      </c>
      <c r="I7885" s="8">
        <v>0</v>
      </c>
      <c r="J7885" s="8">
        <v>1</v>
      </c>
      <c r="K7885" s="9">
        <v>1038</v>
      </c>
      <c r="L7885" s="6" t="s">
        <v>51</v>
      </c>
    </row>
    <row r="7886" spans="1:12">
      <c r="A7886" s="6" t="s">
        <v>49</v>
      </c>
      <c r="B7886" s="6"/>
      <c r="C7886" s="6" t="s">
        <v>7910</v>
      </c>
      <c r="D7886" s="6"/>
      <c r="E7886" s="6" t="s">
        <v>9</v>
      </c>
      <c r="F7886" s="7">
        <v>38657</v>
      </c>
      <c r="G7886" s="8">
        <v>1</v>
      </c>
      <c r="H7886" s="8">
        <v>1</v>
      </c>
      <c r="I7886" s="8">
        <v>0</v>
      </c>
      <c r="J7886" s="8">
        <v>1</v>
      </c>
      <c r="K7886" s="9">
        <v>207</v>
      </c>
      <c r="L7886" s="6" t="s">
        <v>51</v>
      </c>
    </row>
    <row r="7887" spans="1:12">
      <c r="A7887" s="6" t="s">
        <v>49</v>
      </c>
      <c r="B7887" s="6"/>
      <c r="C7887" s="6" t="s">
        <v>7911</v>
      </c>
      <c r="D7887" s="6"/>
      <c r="E7887" s="6" t="s">
        <v>9</v>
      </c>
      <c r="F7887" s="7">
        <v>38657</v>
      </c>
      <c r="G7887" s="8">
        <v>1</v>
      </c>
      <c r="H7887" s="8">
        <v>1</v>
      </c>
      <c r="I7887" s="8">
        <v>0</v>
      </c>
      <c r="J7887" s="8">
        <v>1</v>
      </c>
      <c r="K7887" s="9">
        <v>1.45</v>
      </c>
      <c r="L7887" s="6" t="s">
        <v>51</v>
      </c>
    </row>
    <row r="7888" spans="1:12">
      <c r="A7888" s="6" t="s">
        <v>49</v>
      </c>
      <c r="B7888" s="6"/>
      <c r="C7888" s="6" t="s">
        <v>7912</v>
      </c>
      <c r="D7888" s="6"/>
      <c r="E7888" s="6" t="s">
        <v>9</v>
      </c>
      <c r="F7888" s="7">
        <v>38657</v>
      </c>
      <c r="G7888" s="8">
        <v>1</v>
      </c>
      <c r="H7888" s="8">
        <v>1</v>
      </c>
      <c r="I7888" s="8">
        <v>0</v>
      </c>
      <c r="J7888" s="8">
        <v>1</v>
      </c>
      <c r="K7888" s="9">
        <v>776</v>
      </c>
      <c r="L7888" s="6" t="s">
        <v>51</v>
      </c>
    </row>
    <row r="7889" spans="1:12">
      <c r="A7889" s="6" t="s">
        <v>49</v>
      </c>
      <c r="B7889" s="6"/>
      <c r="C7889" s="6" t="s">
        <v>7913</v>
      </c>
      <c r="D7889" s="6"/>
      <c r="E7889" s="6" t="s">
        <v>9</v>
      </c>
      <c r="F7889" s="7">
        <v>38657</v>
      </c>
      <c r="G7889" s="8">
        <v>1</v>
      </c>
      <c r="H7889" s="8">
        <v>1</v>
      </c>
      <c r="I7889" s="8">
        <v>0</v>
      </c>
      <c r="J7889" s="8">
        <v>1</v>
      </c>
      <c r="K7889" s="9">
        <v>547</v>
      </c>
      <c r="L7889" s="6" t="s">
        <v>51</v>
      </c>
    </row>
    <row r="7890" spans="1:12">
      <c r="A7890" s="6" t="s">
        <v>49</v>
      </c>
      <c r="B7890" s="6"/>
      <c r="C7890" s="6" t="s">
        <v>7914</v>
      </c>
      <c r="D7890" s="6"/>
      <c r="E7890" s="6" t="s">
        <v>9</v>
      </c>
      <c r="F7890" s="7">
        <v>38657</v>
      </c>
      <c r="G7890" s="8">
        <v>1</v>
      </c>
      <c r="H7890" s="8">
        <v>1</v>
      </c>
      <c r="I7890" s="8">
        <v>0</v>
      </c>
      <c r="J7890" s="8">
        <v>1</v>
      </c>
      <c r="K7890" s="9">
        <v>729</v>
      </c>
      <c r="L7890" s="6" t="s">
        <v>51</v>
      </c>
    </row>
    <row r="7891" spans="1:12">
      <c r="A7891" s="6" t="s">
        <v>49</v>
      </c>
      <c r="B7891" s="6"/>
      <c r="C7891" s="6" t="s">
        <v>7915</v>
      </c>
      <c r="D7891" s="6"/>
      <c r="E7891" s="6" t="s">
        <v>9</v>
      </c>
      <c r="F7891" s="7">
        <v>38657</v>
      </c>
      <c r="G7891" s="8">
        <v>1</v>
      </c>
      <c r="H7891" s="8">
        <v>1</v>
      </c>
      <c r="I7891" s="8">
        <v>0</v>
      </c>
      <c r="J7891" s="8">
        <v>1</v>
      </c>
      <c r="K7891" s="9">
        <v>778</v>
      </c>
      <c r="L7891" s="6" t="s">
        <v>51</v>
      </c>
    </row>
    <row r="7892" spans="1:12">
      <c r="A7892" s="6" t="s">
        <v>49</v>
      </c>
      <c r="B7892" s="6"/>
      <c r="C7892" s="6" t="s">
        <v>7916</v>
      </c>
      <c r="D7892" s="6"/>
      <c r="E7892" s="6" t="s">
        <v>9</v>
      </c>
      <c r="F7892" s="7">
        <v>38657</v>
      </c>
      <c r="G7892" s="8">
        <v>1</v>
      </c>
      <c r="H7892" s="8">
        <v>1</v>
      </c>
      <c r="I7892" s="8">
        <v>0</v>
      </c>
      <c r="J7892" s="8">
        <v>1</v>
      </c>
      <c r="K7892" s="9">
        <v>2091</v>
      </c>
      <c r="L7892" s="6" t="s">
        <v>51</v>
      </c>
    </row>
    <row r="7893" spans="1:12">
      <c r="A7893" s="6" t="s">
        <v>49</v>
      </c>
      <c r="B7893" s="6"/>
      <c r="C7893" s="6" t="s">
        <v>7917</v>
      </c>
      <c r="D7893" s="6"/>
      <c r="E7893" s="6" t="s">
        <v>9</v>
      </c>
      <c r="F7893" s="7">
        <v>38657</v>
      </c>
      <c r="G7893" s="8">
        <v>1</v>
      </c>
      <c r="H7893" s="8">
        <v>1</v>
      </c>
      <c r="I7893" s="8">
        <v>0</v>
      </c>
      <c r="J7893" s="8">
        <v>1</v>
      </c>
      <c r="K7893" s="9">
        <v>929</v>
      </c>
      <c r="L7893" s="6" t="s">
        <v>51</v>
      </c>
    </row>
    <row r="7894" spans="1:12">
      <c r="A7894" s="6" t="s">
        <v>49</v>
      </c>
      <c r="B7894" s="6"/>
      <c r="C7894" s="6" t="s">
        <v>7918</v>
      </c>
      <c r="D7894" s="6"/>
      <c r="E7894" s="6" t="s">
        <v>9</v>
      </c>
      <c r="F7894" s="7">
        <v>38657</v>
      </c>
      <c r="G7894" s="8">
        <v>1</v>
      </c>
      <c r="H7894" s="8">
        <v>1</v>
      </c>
      <c r="I7894" s="8">
        <v>0</v>
      </c>
      <c r="J7894" s="8">
        <v>1</v>
      </c>
      <c r="K7894" s="9">
        <v>2660</v>
      </c>
      <c r="L7894" s="6" t="s">
        <v>51</v>
      </c>
    </row>
    <row r="7895" spans="1:12">
      <c r="A7895" s="6" t="s">
        <v>49</v>
      </c>
      <c r="B7895" s="6"/>
      <c r="C7895" s="6" t="s">
        <v>7919</v>
      </c>
      <c r="D7895" s="6"/>
      <c r="E7895" s="6" t="s">
        <v>9</v>
      </c>
      <c r="F7895" s="7">
        <v>38657</v>
      </c>
      <c r="G7895" s="8">
        <v>1</v>
      </c>
      <c r="H7895" s="8">
        <v>1</v>
      </c>
      <c r="I7895" s="8">
        <v>0</v>
      </c>
      <c r="J7895" s="8">
        <v>1</v>
      </c>
      <c r="K7895" s="9">
        <v>877</v>
      </c>
      <c r="L7895" s="6" t="s">
        <v>51</v>
      </c>
    </row>
    <row r="7896" spans="1:12">
      <c r="A7896" s="6" t="s">
        <v>49</v>
      </c>
      <c r="B7896" s="6"/>
      <c r="C7896" s="6" t="s">
        <v>7920</v>
      </c>
      <c r="D7896" s="6"/>
      <c r="E7896" s="6" t="s">
        <v>9</v>
      </c>
      <c r="F7896" s="7">
        <v>38657</v>
      </c>
      <c r="G7896" s="8">
        <v>1</v>
      </c>
      <c r="H7896" s="8">
        <v>1</v>
      </c>
      <c r="I7896" s="8">
        <v>0</v>
      </c>
      <c r="J7896" s="8">
        <v>1</v>
      </c>
      <c r="K7896" s="9">
        <v>1429</v>
      </c>
      <c r="L7896" s="6" t="s">
        <v>51</v>
      </c>
    </row>
    <row r="7897" spans="1:12">
      <c r="A7897" s="6" t="s">
        <v>49</v>
      </c>
      <c r="B7897" s="6"/>
      <c r="C7897" s="6" t="s">
        <v>7921</v>
      </c>
      <c r="D7897" s="6"/>
      <c r="E7897" s="6" t="s">
        <v>9</v>
      </c>
      <c r="F7897" s="7">
        <v>38657</v>
      </c>
      <c r="G7897" s="8">
        <v>1</v>
      </c>
      <c r="H7897" s="8">
        <v>1</v>
      </c>
      <c r="I7897" s="8">
        <v>0</v>
      </c>
      <c r="J7897" s="8">
        <v>1</v>
      </c>
      <c r="K7897" s="9">
        <v>529</v>
      </c>
      <c r="L7897" s="6" t="s">
        <v>51</v>
      </c>
    </row>
    <row r="7898" spans="1:12">
      <c r="A7898" s="6" t="s">
        <v>49</v>
      </c>
      <c r="B7898" s="6"/>
      <c r="C7898" s="6" t="s">
        <v>7922</v>
      </c>
      <c r="D7898" s="6"/>
      <c r="E7898" s="6" t="s">
        <v>9</v>
      </c>
      <c r="F7898" s="7">
        <v>38657</v>
      </c>
      <c r="G7898" s="8">
        <v>1</v>
      </c>
      <c r="H7898" s="8">
        <v>1</v>
      </c>
      <c r="I7898" s="8">
        <v>0</v>
      </c>
      <c r="J7898" s="8">
        <v>1</v>
      </c>
      <c r="K7898" s="9">
        <v>137</v>
      </c>
      <c r="L7898" s="6" t="s">
        <v>51</v>
      </c>
    </row>
    <row r="7899" spans="1:12">
      <c r="A7899" s="6" t="s">
        <v>49</v>
      </c>
      <c r="B7899" s="6"/>
      <c r="C7899" s="6" t="s">
        <v>7923</v>
      </c>
      <c r="D7899" s="6"/>
      <c r="E7899" s="6" t="s">
        <v>9</v>
      </c>
      <c r="F7899" s="7">
        <v>38657</v>
      </c>
      <c r="G7899" s="8">
        <v>1</v>
      </c>
      <c r="H7899" s="8">
        <v>1</v>
      </c>
      <c r="I7899" s="8">
        <v>0</v>
      </c>
      <c r="J7899" s="8">
        <v>1</v>
      </c>
      <c r="K7899" s="9">
        <v>31</v>
      </c>
      <c r="L7899" s="6" t="s">
        <v>51</v>
      </c>
    </row>
    <row r="7900" spans="1:12">
      <c r="A7900" s="6" t="s">
        <v>49</v>
      </c>
      <c r="B7900" s="6"/>
      <c r="C7900" s="6" t="s">
        <v>7924</v>
      </c>
      <c r="D7900" s="6"/>
      <c r="E7900" s="6" t="s">
        <v>9</v>
      </c>
      <c r="F7900" s="7">
        <v>38657</v>
      </c>
      <c r="G7900" s="8">
        <v>1</v>
      </c>
      <c r="H7900" s="8">
        <v>1</v>
      </c>
      <c r="I7900" s="8">
        <v>0</v>
      </c>
      <c r="J7900" s="8">
        <v>1</v>
      </c>
      <c r="K7900" s="9">
        <v>325</v>
      </c>
      <c r="L7900" s="6" t="s">
        <v>51</v>
      </c>
    </row>
    <row r="7901" spans="1:12">
      <c r="A7901" s="6" t="s">
        <v>49</v>
      </c>
      <c r="B7901" s="6"/>
      <c r="C7901" s="6" t="s">
        <v>7925</v>
      </c>
      <c r="D7901" s="6"/>
      <c r="E7901" s="6" t="s">
        <v>9</v>
      </c>
      <c r="F7901" s="7">
        <v>38657</v>
      </c>
      <c r="G7901" s="8">
        <v>1</v>
      </c>
      <c r="H7901" s="8">
        <v>1</v>
      </c>
      <c r="I7901" s="8">
        <v>0</v>
      </c>
      <c r="J7901" s="8">
        <v>1</v>
      </c>
      <c r="K7901" s="9">
        <v>464</v>
      </c>
      <c r="L7901" s="6" t="s">
        <v>51</v>
      </c>
    </row>
    <row r="7902" spans="1:12">
      <c r="A7902" s="6" t="s">
        <v>49</v>
      </c>
      <c r="B7902" s="6"/>
      <c r="C7902" s="6" t="s">
        <v>7926</v>
      </c>
      <c r="D7902" s="6"/>
      <c r="E7902" s="6" t="s">
        <v>9</v>
      </c>
      <c r="F7902" s="7">
        <v>40450</v>
      </c>
      <c r="G7902" s="8">
        <v>1</v>
      </c>
      <c r="H7902" s="8">
        <v>1</v>
      </c>
      <c r="I7902" s="8">
        <v>0</v>
      </c>
      <c r="J7902" s="8">
        <v>1</v>
      </c>
      <c r="K7902" s="9">
        <v>181.97</v>
      </c>
      <c r="L7902" s="6" t="s">
        <v>51</v>
      </c>
    </row>
    <row r="7903" spans="1:12">
      <c r="A7903" s="6" t="s">
        <v>49</v>
      </c>
      <c r="B7903" s="6"/>
      <c r="C7903" s="6" t="s">
        <v>7927</v>
      </c>
      <c r="D7903" s="6"/>
      <c r="E7903" s="6" t="s">
        <v>9</v>
      </c>
      <c r="F7903" s="7">
        <v>40450</v>
      </c>
      <c r="G7903" s="8">
        <v>1</v>
      </c>
      <c r="H7903" s="8">
        <v>1</v>
      </c>
      <c r="I7903" s="8">
        <v>0</v>
      </c>
      <c r="J7903" s="8">
        <v>1</v>
      </c>
      <c r="K7903" s="9">
        <v>8.27</v>
      </c>
      <c r="L7903" s="6" t="s">
        <v>51</v>
      </c>
    </row>
    <row r="7904" spans="1:12">
      <c r="A7904" s="6" t="s">
        <v>49</v>
      </c>
      <c r="B7904" s="6"/>
      <c r="C7904" s="6" t="s">
        <v>7928</v>
      </c>
      <c r="D7904" s="6"/>
      <c r="E7904" s="6" t="s">
        <v>9</v>
      </c>
      <c r="F7904" s="7">
        <v>40450</v>
      </c>
      <c r="G7904" s="8">
        <v>1</v>
      </c>
      <c r="H7904" s="8">
        <v>1</v>
      </c>
      <c r="I7904" s="8">
        <v>0</v>
      </c>
      <c r="J7904" s="8">
        <v>1</v>
      </c>
      <c r="K7904" s="9">
        <v>1.71</v>
      </c>
      <c r="L7904" s="6" t="s">
        <v>51</v>
      </c>
    </row>
    <row r="7905" spans="1:12">
      <c r="A7905" s="6" t="s">
        <v>49</v>
      </c>
      <c r="B7905" s="6"/>
      <c r="C7905" s="6" t="s">
        <v>7929</v>
      </c>
      <c r="D7905" s="6"/>
      <c r="E7905" s="6" t="s">
        <v>9</v>
      </c>
      <c r="F7905" s="7">
        <v>38657</v>
      </c>
      <c r="G7905" s="8">
        <v>1</v>
      </c>
      <c r="H7905" s="8">
        <v>1</v>
      </c>
      <c r="I7905" s="8">
        <v>0</v>
      </c>
      <c r="J7905" s="8">
        <v>1</v>
      </c>
      <c r="K7905" s="9">
        <v>1517</v>
      </c>
      <c r="L7905" s="6" t="s">
        <v>51</v>
      </c>
    </row>
    <row r="7906" spans="1:12">
      <c r="A7906" s="6" t="s">
        <v>49</v>
      </c>
      <c r="B7906" s="6"/>
      <c r="C7906" s="6" t="s">
        <v>7930</v>
      </c>
      <c r="D7906" s="6"/>
      <c r="E7906" s="6" t="s">
        <v>9</v>
      </c>
      <c r="F7906" s="7">
        <v>38657</v>
      </c>
      <c r="G7906" s="8">
        <v>1</v>
      </c>
      <c r="H7906" s="8">
        <v>1</v>
      </c>
      <c r="I7906" s="8">
        <v>0</v>
      </c>
      <c r="J7906" s="8">
        <v>1</v>
      </c>
      <c r="K7906" s="9">
        <v>26</v>
      </c>
      <c r="L7906" s="6" t="s">
        <v>51</v>
      </c>
    </row>
    <row r="7907" spans="1:12">
      <c r="A7907" s="6" t="s">
        <v>49</v>
      </c>
      <c r="B7907" s="6"/>
      <c r="C7907" s="6" t="s">
        <v>7931</v>
      </c>
      <c r="D7907" s="6"/>
      <c r="E7907" s="6" t="s">
        <v>9</v>
      </c>
      <c r="F7907" s="7">
        <v>38657</v>
      </c>
      <c r="G7907" s="8">
        <v>1</v>
      </c>
      <c r="H7907" s="8">
        <v>1</v>
      </c>
      <c r="I7907" s="8">
        <v>0</v>
      </c>
      <c r="J7907" s="8">
        <v>1</v>
      </c>
      <c r="K7907" s="9">
        <v>1063</v>
      </c>
      <c r="L7907" s="6" t="s">
        <v>51</v>
      </c>
    </row>
    <row r="7908" spans="1:12">
      <c r="A7908" s="6" t="s">
        <v>49</v>
      </c>
      <c r="B7908" s="6"/>
      <c r="C7908" s="6" t="s">
        <v>7932</v>
      </c>
      <c r="D7908" s="6"/>
      <c r="E7908" s="6" t="s">
        <v>9</v>
      </c>
      <c r="F7908" s="7">
        <v>38657</v>
      </c>
      <c r="G7908" s="8">
        <v>1</v>
      </c>
      <c r="H7908" s="8">
        <v>1</v>
      </c>
      <c r="I7908" s="8">
        <v>0</v>
      </c>
      <c r="J7908" s="8">
        <v>1</v>
      </c>
      <c r="K7908" s="9">
        <v>530</v>
      </c>
      <c r="L7908" s="6" t="s">
        <v>51</v>
      </c>
    </row>
    <row r="7909" spans="1:12">
      <c r="A7909" s="6" t="s">
        <v>49</v>
      </c>
      <c r="B7909" s="6"/>
      <c r="C7909" s="6" t="s">
        <v>7933</v>
      </c>
      <c r="D7909" s="6"/>
      <c r="E7909" s="6" t="s">
        <v>9</v>
      </c>
      <c r="F7909" s="7">
        <v>38657</v>
      </c>
      <c r="G7909" s="8">
        <v>1</v>
      </c>
      <c r="H7909" s="8">
        <v>1</v>
      </c>
      <c r="I7909" s="8">
        <v>0</v>
      </c>
      <c r="J7909" s="8">
        <v>1</v>
      </c>
      <c r="K7909" s="9">
        <v>13.12</v>
      </c>
      <c r="L7909" s="6" t="s">
        <v>51</v>
      </c>
    </row>
    <row r="7910" spans="1:12">
      <c r="A7910" s="6" t="s">
        <v>49</v>
      </c>
      <c r="B7910" s="6"/>
      <c r="C7910" s="6" t="s">
        <v>7934</v>
      </c>
      <c r="D7910" s="6"/>
      <c r="E7910" s="6" t="s">
        <v>9</v>
      </c>
      <c r="F7910" s="7">
        <v>38657</v>
      </c>
      <c r="G7910" s="8">
        <v>1</v>
      </c>
      <c r="H7910" s="8">
        <v>1</v>
      </c>
      <c r="I7910" s="8">
        <v>0</v>
      </c>
      <c r="J7910" s="8">
        <v>1</v>
      </c>
      <c r="K7910" s="9">
        <v>507</v>
      </c>
      <c r="L7910" s="6" t="s">
        <v>51</v>
      </c>
    </row>
    <row r="7911" spans="1:12">
      <c r="A7911" s="6" t="s">
        <v>49</v>
      </c>
      <c r="B7911" s="6"/>
      <c r="C7911" s="6" t="s">
        <v>7935</v>
      </c>
      <c r="D7911" s="6"/>
      <c r="E7911" s="6" t="s">
        <v>9</v>
      </c>
      <c r="F7911" s="7">
        <v>38657</v>
      </c>
      <c r="G7911" s="8">
        <v>1</v>
      </c>
      <c r="H7911" s="8">
        <v>1</v>
      </c>
      <c r="I7911" s="8">
        <v>0</v>
      </c>
      <c r="J7911" s="8">
        <v>1</v>
      </c>
      <c r="K7911" s="9">
        <v>16</v>
      </c>
      <c r="L7911" s="6" t="s">
        <v>51</v>
      </c>
    </row>
    <row r="7912" spans="1:12">
      <c r="A7912" s="6" t="s">
        <v>49</v>
      </c>
      <c r="B7912" s="6"/>
      <c r="C7912" s="6" t="s">
        <v>7936</v>
      </c>
      <c r="D7912" s="6"/>
      <c r="E7912" s="6" t="s">
        <v>9</v>
      </c>
      <c r="F7912" s="7">
        <v>38657</v>
      </c>
      <c r="G7912" s="8">
        <v>1</v>
      </c>
      <c r="H7912" s="8">
        <v>1</v>
      </c>
      <c r="I7912" s="8">
        <v>0</v>
      </c>
      <c r="J7912" s="8">
        <v>1</v>
      </c>
      <c r="K7912" s="9">
        <v>210</v>
      </c>
      <c r="L7912" s="6" t="s">
        <v>51</v>
      </c>
    </row>
    <row r="7913" spans="1:12">
      <c r="A7913" s="6" t="s">
        <v>49</v>
      </c>
      <c r="B7913" s="6"/>
      <c r="C7913" s="6" t="s">
        <v>7937</v>
      </c>
      <c r="D7913" s="6"/>
      <c r="E7913" s="6" t="s">
        <v>9</v>
      </c>
      <c r="F7913" s="7">
        <v>38657</v>
      </c>
      <c r="G7913" s="8">
        <v>1</v>
      </c>
      <c r="H7913" s="8">
        <v>1</v>
      </c>
      <c r="I7913" s="8">
        <v>0</v>
      </c>
      <c r="J7913" s="8">
        <v>1</v>
      </c>
      <c r="K7913" s="9">
        <v>320.77999999999901</v>
      </c>
      <c r="L7913" s="6" t="s">
        <v>51</v>
      </c>
    </row>
    <row r="7914" spans="1:12">
      <c r="A7914" s="6" t="s">
        <v>49</v>
      </c>
      <c r="B7914" s="6"/>
      <c r="C7914" s="6" t="s">
        <v>7938</v>
      </c>
      <c r="D7914" s="6"/>
      <c r="E7914" s="6" t="s">
        <v>9</v>
      </c>
      <c r="F7914" s="7">
        <v>38657</v>
      </c>
      <c r="G7914" s="8">
        <v>1</v>
      </c>
      <c r="H7914" s="8">
        <v>1</v>
      </c>
      <c r="I7914" s="8">
        <v>0</v>
      </c>
      <c r="J7914" s="8">
        <v>1</v>
      </c>
      <c r="K7914" s="9">
        <v>449</v>
      </c>
      <c r="L7914" s="6" t="s">
        <v>51</v>
      </c>
    </row>
    <row r="7915" spans="1:12">
      <c r="A7915" s="6" t="s">
        <v>49</v>
      </c>
      <c r="B7915" s="6"/>
      <c r="C7915" s="6" t="s">
        <v>7939</v>
      </c>
      <c r="D7915" s="6"/>
      <c r="E7915" s="6" t="s">
        <v>9</v>
      </c>
      <c r="F7915" s="7">
        <v>40799</v>
      </c>
      <c r="G7915" s="8">
        <v>1</v>
      </c>
      <c r="H7915" s="8">
        <v>1</v>
      </c>
      <c r="I7915" s="8">
        <v>0</v>
      </c>
      <c r="J7915" s="8">
        <v>1</v>
      </c>
      <c r="K7915" s="9">
        <v>0.87</v>
      </c>
      <c r="L7915" s="6" t="s">
        <v>51</v>
      </c>
    </row>
    <row r="7916" spans="1:12">
      <c r="A7916" s="6" t="s">
        <v>49</v>
      </c>
      <c r="B7916" s="6"/>
      <c r="C7916" s="6" t="s">
        <v>7940</v>
      </c>
      <c r="D7916" s="6"/>
      <c r="E7916" s="6" t="s">
        <v>9</v>
      </c>
      <c r="F7916" s="7">
        <v>40799</v>
      </c>
      <c r="G7916" s="8">
        <v>1</v>
      </c>
      <c r="H7916" s="8">
        <v>1</v>
      </c>
      <c r="I7916" s="8">
        <v>0</v>
      </c>
      <c r="J7916" s="8">
        <v>1</v>
      </c>
      <c r="K7916" s="9">
        <v>9.11</v>
      </c>
      <c r="L7916" s="6" t="s">
        <v>51</v>
      </c>
    </row>
    <row r="7917" spans="1:12">
      <c r="A7917" s="6" t="s">
        <v>49</v>
      </c>
      <c r="B7917" s="6"/>
      <c r="C7917" s="6" t="s">
        <v>7941</v>
      </c>
      <c r="D7917" s="6"/>
      <c r="E7917" s="6" t="s">
        <v>9</v>
      </c>
      <c r="F7917" s="7">
        <v>38657</v>
      </c>
      <c r="G7917" s="8">
        <v>1</v>
      </c>
      <c r="H7917" s="8">
        <v>1</v>
      </c>
      <c r="I7917" s="8">
        <v>0</v>
      </c>
      <c r="J7917" s="8">
        <v>1</v>
      </c>
      <c r="K7917" s="9">
        <v>10</v>
      </c>
      <c r="L7917" s="6" t="s">
        <v>51</v>
      </c>
    </row>
    <row r="7918" spans="1:12">
      <c r="A7918" s="6" t="s">
        <v>49</v>
      </c>
      <c r="B7918" s="6"/>
      <c r="C7918" s="6" t="s">
        <v>7942</v>
      </c>
      <c r="D7918" s="6"/>
      <c r="E7918" s="6" t="s">
        <v>9</v>
      </c>
      <c r="F7918" s="7">
        <v>38657</v>
      </c>
      <c r="G7918" s="8">
        <v>1</v>
      </c>
      <c r="H7918" s="8">
        <v>1</v>
      </c>
      <c r="I7918" s="8">
        <v>0</v>
      </c>
      <c r="J7918" s="8">
        <v>1</v>
      </c>
      <c r="K7918" s="9">
        <v>5.68</v>
      </c>
      <c r="L7918" s="6" t="s">
        <v>51</v>
      </c>
    </row>
    <row r="7919" spans="1:12">
      <c r="A7919" s="6" t="s">
        <v>49</v>
      </c>
      <c r="B7919" s="6"/>
      <c r="C7919" s="6" t="s">
        <v>7943</v>
      </c>
      <c r="D7919" s="6"/>
      <c r="E7919" s="6" t="s">
        <v>9</v>
      </c>
      <c r="F7919" s="7">
        <v>41536</v>
      </c>
      <c r="G7919" s="8">
        <v>1</v>
      </c>
      <c r="H7919" s="8">
        <v>1</v>
      </c>
      <c r="I7919" s="8">
        <v>0</v>
      </c>
      <c r="J7919" s="8">
        <v>1</v>
      </c>
      <c r="K7919" s="9">
        <v>4.24</v>
      </c>
      <c r="L7919" s="6" t="s">
        <v>51</v>
      </c>
    </row>
    <row r="7920" spans="1:12">
      <c r="A7920" s="6" t="s">
        <v>49</v>
      </c>
      <c r="B7920" s="6"/>
      <c r="C7920" s="6" t="s">
        <v>7944</v>
      </c>
      <c r="D7920" s="6"/>
      <c r="E7920" s="6" t="s">
        <v>9</v>
      </c>
      <c r="F7920" s="7">
        <v>38657</v>
      </c>
      <c r="G7920" s="8">
        <v>1</v>
      </c>
      <c r="H7920" s="8">
        <v>1</v>
      </c>
      <c r="I7920" s="8">
        <v>0</v>
      </c>
      <c r="J7920" s="8">
        <v>1</v>
      </c>
      <c r="K7920" s="9">
        <v>198</v>
      </c>
      <c r="L7920" s="6" t="s">
        <v>51</v>
      </c>
    </row>
    <row r="7921" spans="1:12">
      <c r="A7921" s="6" t="s">
        <v>49</v>
      </c>
      <c r="B7921" s="6"/>
      <c r="C7921" s="6" t="s">
        <v>7945</v>
      </c>
      <c r="D7921" s="6"/>
      <c r="E7921" s="6" t="s">
        <v>9</v>
      </c>
      <c r="F7921" s="7">
        <v>41557</v>
      </c>
      <c r="G7921" s="8">
        <v>1</v>
      </c>
      <c r="H7921" s="8">
        <v>1</v>
      </c>
      <c r="I7921" s="8">
        <v>0</v>
      </c>
      <c r="J7921" s="8">
        <v>1</v>
      </c>
      <c r="K7921" s="9">
        <v>7.98</v>
      </c>
      <c r="L7921" s="6" t="s">
        <v>51</v>
      </c>
    </row>
    <row r="7922" spans="1:12">
      <c r="A7922" s="6" t="s">
        <v>49</v>
      </c>
      <c r="B7922" s="6"/>
      <c r="C7922" s="6" t="s">
        <v>7946</v>
      </c>
      <c r="D7922" s="6"/>
      <c r="E7922" s="6" t="s">
        <v>9</v>
      </c>
      <c r="F7922" s="7">
        <v>41557</v>
      </c>
      <c r="G7922" s="8">
        <v>1</v>
      </c>
      <c r="H7922" s="8">
        <v>1</v>
      </c>
      <c r="I7922" s="8">
        <v>0</v>
      </c>
      <c r="J7922" s="8">
        <v>1</v>
      </c>
      <c r="K7922" s="9">
        <v>91</v>
      </c>
      <c r="L7922" s="6" t="s">
        <v>51</v>
      </c>
    </row>
    <row r="7923" spans="1:12">
      <c r="A7923" s="6" t="s">
        <v>49</v>
      </c>
      <c r="B7923" s="6"/>
      <c r="C7923" s="6" t="s">
        <v>7947</v>
      </c>
      <c r="D7923" s="6"/>
      <c r="E7923" s="6" t="s">
        <v>9</v>
      </c>
      <c r="F7923" s="7">
        <v>41526</v>
      </c>
      <c r="G7923" s="8">
        <v>1</v>
      </c>
      <c r="H7923" s="8">
        <v>1</v>
      </c>
      <c r="I7923" s="8">
        <v>0</v>
      </c>
      <c r="J7923" s="8">
        <v>1</v>
      </c>
      <c r="K7923" s="9">
        <v>111</v>
      </c>
      <c r="L7923" s="6" t="s">
        <v>51</v>
      </c>
    </row>
    <row r="7924" spans="1:12">
      <c r="A7924" s="6" t="s">
        <v>49</v>
      </c>
      <c r="B7924" s="6"/>
      <c r="C7924" s="6" t="s">
        <v>7948</v>
      </c>
      <c r="D7924" s="6"/>
      <c r="E7924" s="6" t="s">
        <v>9</v>
      </c>
      <c r="F7924" s="7">
        <v>38657</v>
      </c>
      <c r="G7924" s="8">
        <v>1</v>
      </c>
      <c r="H7924" s="8">
        <v>1</v>
      </c>
      <c r="I7924" s="8">
        <v>0</v>
      </c>
      <c r="J7924" s="8">
        <v>1</v>
      </c>
      <c r="K7924" s="9">
        <v>2.76</v>
      </c>
      <c r="L7924" s="6" t="s">
        <v>51</v>
      </c>
    </row>
    <row r="7925" spans="1:12">
      <c r="A7925" s="6" t="s">
        <v>49</v>
      </c>
      <c r="B7925" s="6"/>
      <c r="C7925" s="6" t="s">
        <v>7949</v>
      </c>
      <c r="D7925" s="6"/>
      <c r="E7925" s="6" t="s">
        <v>9</v>
      </c>
      <c r="F7925" s="7">
        <v>38657</v>
      </c>
      <c r="G7925" s="8">
        <v>1</v>
      </c>
      <c r="H7925" s="8">
        <v>1</v>
      </c>
      <c r="I7925" s="8">
        <v>0</v>
      </c>
      <c r="J7925" s="8">
        <v>1</v>
      </c>
      <c r="K7925" s="9">
        <v>1360</v>
      </c>
      <c r="L7925" s="6" t="s">
        <v>51</v>
      </c>
    </row>
    <row r="7926" spans="1:12">
      <c r="A7926" s="6" t="s">
        <v>49</v>
      </c>
      <c r="B7926" s="6"/>
      <c r="C7926" s="6" t="s">
        <v>7950</v>
      </c>
      <c r="D7926" s="6"/>
      <c r="E7926" s="6" t="s">
        <v>9</v>
      </c>
      <c r="F7926" s="7">
        <v>38657</v>
      </c>
      <c r="G7926" s="8">
        <v>1</v>
      </c>
      <c r="H7926" s="8">
        <v>1</v>
      </c>
      <c r="I7926" s="8">
        <v>0</v>
      </c>
      <c r="J7926" s="8">
        <v>1</v>
      </c>
      <c r="K7926" s="9">
        <v>1609</v>
      </c>
      <c r="L7926" s="6" t="s">
        <v>51</v>
      </c>
    </row>
    <row r="7927" spans="1:12">
      <c r="A7927" s="6" t="s">
        <v>49</v>
      </c>
      <c r="B7927" s="6"/>
      <c r="C7927" s="6" t="s">
        <v>7951</v>
      </c>
      <c r="D7927" s="6"/>
      <c r="E7927" s="6" t="s">
        <v>9</v>
      </c>
      <c r="F7927" s="7">
        <v>38657</v>
      </c>
      <c r="G7927" s="8">
        <v>1</v>
      </c>
      <c r="H7927" s="8">
        <v>1</v>
      </c>
      <c r="I7927" s="8">
        <v>0</v>
      </c>
      <c r="J7927" s="8">
        <v>1</v>
      </c>
      <c r="K7927" s="9">
        <v>2364</v>
      </c>
      <c r="L7927" s="6" t="s">
        <v>51</v>
      </c>
    </row>
    <row r="7928" spans="1:12">
      <c r="A7928" s="6" t="s">
        <v>49</v>
      </c>
      <c r="B7928" s="6"/>
      <c r="C7928" s="6" t="s">
        <v>7952</v>
      </c>
      <c r="D7928" s="6"/>
      <c r="E7928" s="6" t="s">
        <v>9</v>
      </c>
      <c r="F7928" s="7">
        <v>38657</v>
      </c>
      <c r="G7928" s="8">
        <v>1</v>
      </c>
      <c r="H7928" s="8">
        <v>1</v>
      </c>
      <c r="I7928" s="8">
        <v>0</v>
      </c>
      <c r="J7928" s="8">
        <v>1</v>
      </c>
      <c r="K7928" s="9">
        <v>1141</v>
      </c>
      <c r="L7928" s="6" t="s">
        <v>51</v>
      </c>
    </row>
    <row r="7929" spans="1:12">
      <c r="A7929" s="6" t="s">
        <v>49</v>
      </c>
      <c r="B7929" s="6"/>
      <c r="C7929" s="6" t="s">
        <v>7953</v>
      </c>
      <c r="D7929" s="6"/>
      <c r="E7929" s="6" t="s">
        <v>9</v>
      </c>
      <c r="F7929" s="7">
        <v>38657</v>
      </c>
      <c r="G7929" s="8">
        <v>1</v>
      </c>
      <c r="H7929" s="8">
        <v>1</v>
      </c>
      <c r="I7929" s="8">
        <v>0</v>
      </c>
      <c r="J7929" s="8">
        <v>1</v>
      </c>
      <c r="K7929" s="9">
        <v>9.4600000000000009</v>
      </c>
      <c r="L7929" s="6" t="s">
        <v>51</v>
      </c>
    </row>
    <row r="7930" spans="1:12">
      <c r="A7930" s="6" t="s">
        <v>49</v>
      </c>
      <c r="B7930" s="6"/>
      <c r="C7930" s="6" t="s">
        <v>7954</v>
      </c>
      <c r="D7930" s="6"/>
      <c r="E7930" s="6" t="s">
        <v>9</v>
      </c>
      <c r="F7930" s="7">
        <v>38657</v>
      </c>
      <c r="G7930" s="8">
        <v>1</v>
      </c>
      <c r="H7930" s="8">
        <v>1</v>
      </c>
      <c r="I7930" s="8">
        <v>0</v>
      </c>
      <c r="J7930" s="8">
        <v>1</v>
      </c>
      <c r="K7930" s="9">
        <v>708</v>
      </c>
      <c r="L7930" s="6" t="s">
        <v>51</v>
      </c>
    </row>
    <row r="7931" spans="1:12">
      <c r="A7931" s="6" t="s">
        <v>49</v>
      </c>
      <c r="B7931" s="6"/>
      <c r="C7931" s="6" t="s">
        <v>7955</v>
      </c>
      <c r="D7931" s="6"/>
      <c r="E7931" s="6" t="s">
        <v>9</v>
      </c>
      <c r="F7931" s="7">
        <v>38657</v>
      </c>
      <c r="G7931" s="8">
        <v>1</v>
      </c>
      <c r="H7931" s="8">
        <v>1</v>
      </c>
      <c r="I7931" s="8">
        <v>0</v>
      </c>
      <c r="J7931" s="8">
        <v>1</v>
      </c>
      <c r="K7931" s="9">
        <v>198</v>
      </c>
      <c r="L7931" s="6" t="s">
        <v>51</v>
      </c>
    </row>
    <row r="7932" spans="1:12">
      <c r="A7932" s="6" t="s">
        <v>49</v>
      </c>
      <c r="B7932" s="6"/>
      <c r="C7932" s="6" t="s">
        <v>7956</v>
      </c>
      <c r="D7932" s="6"/>
      <c r="E7932" s="6" t="s">
        <v>9</v>
      </c>
      <c r="F7932" s="7">
        <v>38657</v>
      </c>
      <c r="G7932" s="8">
        <v>1</v>
      </c>
      <c r="H7932" s="8">
        <v>1</v>
      </c>
      <c r="I7932" s="8">
        <v>0</v>
      </c>
      <c r="J7932" s="8">
        <v>1</v>
      </c>
      <c r="K7932" s="9">
        <v>265</v>
      </c>
      <c r="L7932" s="6" t="s">
        <v>51</v>
      </c>
    </row>
    <row r="7933" spans="1:12">
      <c r="A7933" s="6" t="s">
        <v>49</v>
      </c>
      <c r="B7933" s="6"/>
      <c r="C7933" s="6" t="s">
        <v>7957</v>
      </c>
      <c r="D7933" s="6"/>
      <c r="E7933" s="6" t="s">
        <v>9</v>
      </c>
      <c r="F7933" s="7">
        <v>38657</v>
      </c>
      <c r="G7933" s="8">
        <v>1</v>
      </c>
      <c r="H7933" s="8">
        <v>1</v>
      </c>
      <c r="I7933" s="8">
        <v>0</v>
      </c>
      <c r="J7933" s="8">
        <v>1</v>
      </c>
      <c r="K7933" s="9">
        <v>293</v>
      </c>
      <c r="L7933" s="6" t="s">
        <v>51</v>
      </c>
    </row>
    <row r="7934" spans="1:12">
      <c r="A7934" s="6" t="s">
        <v>49</v>
      </c>
      <c r="B7934" s="6"/>
      <c r="C7934" s="6" t="s">
        <v>7958</v>
      </c>
      <c r="D7934" s="6"/>
      <c r="E7934" s="6" t="s">
        <v>9</v>
      </c>
      <c r="F7934" s="7">
        <v>38657</v>
      </c>
      <c r="G7934" s="8">
        <v>1</v>
      </c>
      <c r="H7934" s="8">
        <v>1</v>
      </c>
      <c r="I7934" s="8">
        <v>0</v>
      </c>
      <c r="J7934" s="8">
        <v>1</v>
      </c>
      <c r="K7934" s="9">
        <v>289</v>
      </c>
      <c r="L7934" s="6" t="s">
        <v>51</v>
      </c>
    </row>
    <row r="7935" spans="1:12">
      <c r="A7935" s="6" t="s">
        <v>49</v>
      </c>
      <c r="B7935" s="6"/>
      <c r="C7935" s="6" t="s">
        <v>7959</v>
      </c>
      <c r="D7935" s="6"/>
      <c r="E7935" s="6" t="s">
        <v>9</v>
      </c>
      <c r="F7935" s="7">
        <v>38657</v>
      </c>
      <c r="G7935" s="8">
        <v>1</v>
      </c>
      <c r="H7935" s="8">
        <v>1</v>
      </c>
      <c r="I7935" s="8">
        <v>0</v>
      </c>
      <c r="J7935" s="8">
        <v>1</v>
      </c>
      <c r="K7935" s="9">
        <v>278</v>
      </c>
      <c r="L7935" s="6" t="s">
        <v>51</v>
      </c>
    </row>
    <row r="7936" spans="1:12">
      <c r="A7936" s="6" t="s">
        <v>49</v>
      </c>
      <c r="B7936" s="6"/>
      <c r="C7936" s="6" t="s">
        <v>7960</v>
      </c>
      <c r="D7936" s="6"/>
      <c r="E7936" s="6" t="s">
        <v>9</v>
      </c>
      <c r="F7936" s="7">
        <v>38657</v>
      </c>
      <c r="G7936" s="8">
        <v>1</v>
      </c>
      <c r="H7936" s="8">
        <v>1</v>
      </c>
      <c r="I7936" s="8">
        <v>0</v>
      </c>
      <c r="J7936" s="8">
        <v>1</v>
      </c>
      <c r="K7936" s="9">
        <v>257</v>
      </c>
      <c r="L7936" s="6" t="s">
        <v>51</v>
      </c>
    </row>
    <row r="7937" spans="1:12">
      <c r="A7937" s="6" t="s">
        <v>49</v>
      </c>
      <c r="B7937" s="6"/>
      <c r="C7937" s="6" t="s">
        <v>7961</v>
      </c>
      <c r="D7937" s="6"/>
      <c r="E7937" s="6" t="s">
        <v>9</v>
      </c>
      <c r="F7937" s="7">
        <v>38657</v>
      </c>
      <c r="G7937" s="8">
        <v>1</v>
      </c>
      <c r="H7937" s="8">
        <v>1</v>
      </c>
      <c r="I7937" s="8">
        <v>0</v>
      </c>
      <c r="J7937" s="8">
        <v>1</v>
      </c>
      <c r="K7937" s="9">
        <v>331</v>
      </c>
      <c r="L7937" s="6" t="s">
        <v>51</v>
      </c>
    </row>
    <row r="7938" spans="1:12">
      <c r="A7938" s="6" t="s">
        <v>49</v>
      </c>
      <c r="B7938" s="6"/>
      <c r="C7938" s="6" t="s">
        <v>7962</v>
      </c>
      <c r="D7938" s="6"/>
      <c r="E7938" s="6" t="s">
        <v>9</v>
      </c>
      <c r="F7938" s="7">
        <v>38657</v>
      </c>
      <c r="G7938" s="8">
        <v>1</v>
      </c>
      <c r="H7938" s="8">
        <v>1</v>
      </c>
      <c r="I7938" s="8">
        <v>0</v>
      </c>
      <c r="J7938" s="8">
        <v>1</v>
      </c>
      <c r="K7938" s="9">
        <v>136</v>
      </c>
      <c r="L7938" s="6" t="s">
        <v>51</v>
      </c>
    </row>
    <row r="7939" spans="1:12">
      <c r="A7939" s="6" t="s">
        <v>49</v>
      </c>
      <c r="B7939" s="6"/>
      <c r="C7939" s="6" t="s">
        <v>7963</v>
      </c>
      <c r="D7939" s="6"/>
      <c r="E7939" s="6" t="s">
        <v>9</v>
      </c>
      <c r="F7939" s="7">
        <v>38657</v>
      </c>
      <c r="G7939" s="8">
        <v>1</v>
      </c>
      <c r="H7939" s="8">
        <v>1</v>
      </c>
      <c r="I7939" s="8">
        <v>0</v>
      </c>
      <c r="J7939" s="8">
        <v>1</v>
      </c>
      <c r="K7939" s="9">
        <v>3208</v>
      </c>
      <c r="L7939" s="6" t="s">
        <v>51</v>
      </c>
    </row>
    <row r="7940" spans="1:12">
      <c r="A7940" s="6" t="s">
        <v>49</v>
      </c>
      <c r="B7940" s="6"/>
      <c r="C7940" s="6" t="s">
        <v>7964</v>
      </c>
      <c r="D7940" s="6"/>
      <c r="E7940" s="6" t="s">
        <v>9</v>
      </c>
      <c r="F7940" s="7">
        <v>38657</v>
      </c>
      <c r="G7940" s="8">
        <v>1</v>
      </c>
      <c r="H7940" s="8">
        <v>1</v>
      </c>
      <c r="I7940" s="8">
        <v>0</v>
      </c>
      <c r="J7940" s="8">
        <v>1</v>
      </c>
      <c r="K7940" s="9">
        <v>3049</v>
      </c>
      <c r="L7940" s="6" t="s">
        <v>51</v>
      </c>
    </row>
    <row r="7941" spans="1:12">
      <c r="A7941" s="6" t="s">
        <v>49</v>
      </c>
      <c r="B7941" s="6"/>
      <c r="C7941" s="6" t="s">
        <v>7965</v>
      </c>
      <c r="D7941" s="6"/>
      <c r="E7941" s="6" t="s">
        <v>9</v>
      </c>
      <c r="F7941" s="7">
        <v>38657</v>
      </c>
      <c r="G7941" s="8">
        <v>1</v>
      </c>
      <c r="H7941" s="8">
        <v>1</v>
      </c>
      <c r="I7941" s="8">
        <v>0</v>
      </c>
      <c r="J7941" s="8">
        <v>1</v>
      </c>
      <c r="K7941" s="9">
        <v>8398</v>
      </c>
      <c r="L7941" s="6" t="s">
        <v>51</v>
      </c>
    </row>
    <row r="7942" spans="1:12">
      <c r="A7942" s="6" t="s">
        <v>49</v>
      </c>
      <c r="B7942" s="6"/>
      <c r="C7942" s="6" t="s">
        <v>7966</v>
      </c>
      <c r="D7942" s="6"/>
      <c r="E7942" s="6" t="s">
        <v>9</v>
      </c>
      <c r="F7942" s="7"/>
      <c r="G7942" s="8">
        <v>1</v>
      </c>
      <c r="H7942" s="8">
        <v>1</v>
      </c>
      <c r="I7942" s="8">
        <v>0</v>
      </c>
      <c r="J7942" s="8">
        <v>1</v>
      </c>
      <c r="K7942" s="9">
        <v>1.98</v>
      </c>
      <c r="L7942" s="6" t="s">
        <v>51</v>
      </c>
    </row>
    <row r="7943" spans="1:12">
      <c r="A7943" s="6" t="s">
        <v>49</v>
      </c>
      <c r="B7943" s="6"/>
      <c r="C7943" s="6" t="s">
        <v>7967</v>
      </c>
      <c r="D7943" s="6"/>
      <c r="E7943" s="6" t="s">
        <v>9</v>
      </c>
      <c r="F7943" s="7">
        <v>40238</v>
      </c>
      <c r="G7943" s="8">
        <v>1</v>
      </c>
      <c r="H7943" s="8">
        <v>1</v>
      </c>
      <c r="I7943" s="8">
        <v>0</v>
      </c>
      <c r="J7943" s="8">
        <v>1</v>
      </c>
      <c r="K7943" s="9">
        <v>82</v>
      </c>
      <c r="L7943" s="6" t="s">
        <v>51</v>
      </c>
    </row>
    <row r="7944" spans="1:12">
      <c r="A7944" s="6" t="s">
        <v>49</v>
      </c>
      <c r="B7944" s="6"/>
      <c r="C7944" s="6" t="s">
        <v>7968</v>
      </c>
      <c r="D7944" s="6"/>
      <c r="E7944" s="6" t="s">
        <v>9</v>
      </c>
      <c r="F7944" s="7">
        <v>38657</v>
      </c>
      <c r="G7944" s="8">
        <v>1</v>
      </c>
      <c r="H7944" s="8">
        <v>1</v>
      </c>
      <c r="I7944" s="8">
        <v>0</v>
      </c>
      <c r="J7944" s="8">
        <v>1</v>
      </c>
      <c r="K7944" s="9">
        <v>8053</v>
      </c>
      <c r="L7944" s="6" t="s">
        <v>51</v>
      </c>
    </row>
    <row r="7945" spans="1:12">
      <c r="A7945" s="6" t="s">
        <v>49</v>
      </c>
      <c r="B7945" s="6"/>
      <c r="C7945" s="6" t="s">
        <v>7969</v>
      </c>
      <c r="D7945" s="6"/>
      <c r="E7945" s="6" t="s">
        <v>9</v>
      </c>
      <c r="F7945" s="7">
        <v>38657</v>
      </c>
      <c r="G7945" s="8">
        <v>1</v>
      </c>
      <c r="H7945" s="8">
        <v>1</v>
      </c>
      <c r="I7945" s="8">
        <v>0</v>
      </c>
      <c r="J7945" s="8">
        <v>1</v>
      </c>
      <c r="K7945" s="9">
        <v>2.23</v>
      </c>
      <c r="L7945" s="6" t="s">
        <v>51</v>
      </c>
    </row>
    <row r="7946" spans="1:12">
      <c r="A7946" s="6" t="s">
        <v>49</v>
      </c>
      <c r="B7946" s="6"/>
      <c r="C7946" s="6" t="s">
        <v>7970</v>
      </c>
      <c r="D7946" s="6"/>
      <c r="E7946" s="6" t="s">
        <v>9</v>
      </c>
      <c r="F7946" s="7">
        <v>38657</v>
      </c>
      <c r="G7946" s="8">
        <v>1</v>
      </c>
      <c r="H7946" s="8">
        <v>1</v>
      </c>
      <c r="I7946" s="8">
        <v>0</v>
      </c>
      <c r="J7946" s="8">
        <v>1</v>
      </c>
      <c r="K7946" s="9">
        <v>3437</v>
      </c>
      <c r="L7946" s="6" t="s">
        <v>51</v>
      </c>
    </row>
    <row r="7947" spans="1:12">
      <c r="A7947" s="6" t="s">
        <v>49</v>
      </c>
      <c r="B7947" s="6"/>
      <c r="C7947" s="6" t="s">
        <v>7971</v>
      </c>
      <c r="D7947" s="6"/>
      <c r="E7947" s="6" t="s">
        <v>9</v>
      </c>
      <c r="F7947" s="7">
        <v>38657</v>
      </c>
      <c r="G7947" s="8">
        <v>1</v>
      </c>
      <c r="H7947" s="8">
        <v>1</v>
      </c>
      <c r="I7947" s="8">
        <v>0</v>
      </c>
      <c r="J7947" s="8">
        <v>1</v>
      </c>
      <c r="K7947" s="9">
        <v>1.75</v>
      </c>
      <c r="L7947" s="6" t="s">
        <v>51</v>
      </c>
    </row>
    <row r="7948" spans="1:12">
      <c r="A7948" s="6" t="s">
        <v>49</v>
      </c>
      <c r="B7948" s="6"/>
      <c r="C7948" s="6" t="s">
        <v>7972</v>
      </c>
      <c r="D7948" s="6"/>
      <c r="E7948" s="6" t="s">
        <v>9</v>
      </c>
      <c r="F7948" s="7">
        <v>38657</v>
      </c>
      <c r="G7948" s="8">
        <v>1</v>
      </c>
      <c r="H7948" s="8">
        <v>1</v>
      </c>
      <c r="I7948" s="8">
        <v>0</v>
      </c>
      <c r="J7948" s="8">
        <v>1</v>
      </c>
      <c r="K7948" s="9">
        <v>1141</v>
      </c>
      <c r="L7948" s="6" t="s">
        <v>51</v>
      </c>
    </row>
    <row r="7949" spans="1:12">
      <c r="A7949" s="6" t="s">
        <v>49</v>
      </c>
      <c r="B7949" s="6"/>
      <c r="C7949" s="6" t="s">
        <v>7973</v>
      </c>
      <c r="D7949" s="6"/>
      <c r="E7949" s="6" t="s">
        <v>9</v>
      </c>
      <c r="F7949" s="7">
        <v>38657</v>
      </c>
      <c r="G7949" s="8">
        <v>1</v>
      </c>
      <c r="H7949" s="8">
        <v>1</v>
      </c>
      <c r="I7949" s="8">
        <v>0</v>
      </c>
      <c r="J7949" s="8">
        <v>1</v>
      </c>
      <c r="K7949" s="9">
        <v>5660</v>
      </c>
      <c r="L7949" s="6" t="s">
        <v>51</v>
      </c>
    </row>
    <row r="7950" spans="1:12">
      <c r="A7950" s="6" t="s">
        <v>49</v>
      </c>
      <c r="B7950" s="6"/>
      <c r="C7950" s="6" t="s">
        <v>7974</v>
      </c>
      <c r="D7950" s="6"/>
      <c r="E7950" s="6" t="s">
        <v>9</v>
      </c>
      <c r="F7950" s="7">
        <v>38657</v>
      </c>
      <c r="G7950" s="8">
        <v>1</v>
      </c>
      <c r="H7950" s="8">
        <v>1</v>
      </c>
      <c r="I7950" s="8">
        <v>0</v>
      </c>
      <c r="J7950" s="8">
        <v>1</v>
      </c>
      <c r="K7950" s="9">
        <v>1.72</v>
      </c>
      <c r="L7950" s="6" t="s">
        <v>51</v>
      </c>
    </row>
    <row r="7951" spans="1:12">
      <c r="A7951" s="6" t="s">
        <v>49</v>
      </c>
      <c r="B7951" s="6"/>
      <c r="C7951" s="6" t="s">
        <v>7975</v>
      </c>
      <c r="D7951" s="6"/>
      <c r="E7951" s="6" t="s">
        <v>9</v>
      </c>
      <c r="F7951" s="7">
        <v>38657</v>
      </c>
      <c r="G7951" s="8">
        <v>1</v>
      </c>
      <c r="H7951" s="8">
        <v>1</v>
      </c>
      <c r="I7951" s="8">
        <v>0</v>
      </c>
      <c r="J7951" s="8">
        <v>1</v>
      </c>
      <c r="K7951" s="9">
        <v>5363</v>
      </c>
      <c r="L7951" s="6" t="s">
        <v>51</v>
      </c>
    </row>
    <row r="7952" spans="1:12">
      <c r="A7952" s="6" t="s">
        <v>49</v>
      </c>
      <c r="B7952" s="6"/>
      <c r="C7952" s="6" t="s">
        <v>7976</v>
      </c>
      <c r="D7952" s="6"/>
      <c r="E7952" s="6" t="s">
        <v>9</v>
      </c>
      <c r="F7952" s="7">
        <v>38657</v>
      </c>
      <c r="G7952" s="8">
        <v>1</v>
      </c>
      <c r="H7952" s="8">
        <v>1</v>
      </c>
      <c r="I7952" s="8">
        <v>0</v>
      </c>
      <c r="J7952" s="8">
        <v>1</v>
      </c>
      <c r="K7952" s="9">
        <v>1347</v>
      </c>
      <c r="L7952" s="6" t="s">
        <v>51</v>
      </c>
    </row>
    <row r="7953" spans="1:12">
      <c r="A7953" s="6" t="s">
        <v>49</v>
      </c>
      <c r="B7953" s="6"/>
      <c r="C7953" s="6" t="s">
        <v>7977</v>
      </c>
      <c r="D7953" s="6"/>
      <c r="E7953" s="6" t="s">
        <v>9</v>
      </c>
      <c r="F7953" s="7">
        <v>38657</v>
      </c>
      <c r="G7953" s="8">
        <v>1</v>
      </c>
      <c r="H7953" s="8">
        <v>1</v>
      </c>
      <c r="I7953" s="8">
        <v>0</v>
      </c>
      <c r="J7953" s="8">
        <v>1</v>
      </c>
      <c r="K7953" s="9">
        <v>663</v>
      </c>
      <c r="L7953" s="6" t="s">
        <v>51</v>
      </c>
    </row>
    <row r="7954" spans="1:12">
      <c r="A7954" s="6" t="s">
        <v>49</v>
      </c>
      <c r="B7954" s="6"/>
      <c r="C7954" s="6" t="s">
        <v>7978</v>
      </c>
      <c r="D7954" s="6"/>
      <c r="E7954" s="6" t="s">
        <v>9</v>
      </c>
      <c r="F7954" s="7">
        <v>38657</v>
      </c>
      <c r="G7954" s="8">
        <v>1</v>
      </c>
      <c r="H7954" s="8">
        <v>1</v>
      </c>
      <c r="I7954" s="8">
        <v>0</v>
      </c>
      <c r="J7954" s="8">
        <v>1</v>
      </c>
      <c r="K7954" s="9">
        <v>23</v>
      </c>
      <c r="L7954" s="6" t="s">
        <v>51</v>
      </c>
    </row>
    <row r="7955" spans="1:12">
      <c r="A7955" s="6" t="s">
        <v>49</v>
      </c>
      <c r="B7955" s="6"/>
      <c r="C7955" s="6" t="s">
        <v>7979</v>
      </c>
      <c r="D7955" s="6"/>
      <c r="E7955" s="6" t="s">
        <v>9</v>
      </c>
      <c r="F7955" s="7">
        <v>38657</v>
      </c>
      <c r="G7955" s="8">
        <v>1</v>
      </c>
      <c r="H7955" s="8">
        <v>1</v>
      </c>
      <c r="I7955" s="8">
        <v>0</v>
      </c>
      <c r="J7955" s="8">
        <v>1</v>
      </c>
      <c r="K7955" s="9">
        <v>131</v>
      </c>
      <c r="L7955" s="6" t="s">
        <v>51</v>
      </c>
    </row>
    <row r="7956" spans="1:12">
      <c r="A7956" s="6" t="s">
        <v>49</v>
      </c>
      <c r="B7956" s="6"/>
      <c r="C7956" s="6" t="s">
        <v>7980</v>
      </c>
      <c r="D7956" s="6"/>
      <c r="E7956" s="6" t="s">
        <v>9</v>
      </c>
      <c r="F7956" s="7">
        <v>41730</v>
      </c>
      <c r="G7956" s="8">
        <v>1</v>
      </c>
      <c r="H7956" s="8">
        <v>1</v>
      </c>
      <c r="I7956" s="8">
        <v>0</v>
      </c>
      <c r="J7956" s="8">
        <v>1</v>
      </c>
      <c r="K7956" s="9">
        <v>18.579999999999899</v>
      </c>
      <c r="L7956" s="6" t="s">
        <v>51</v>
      </c>
    </row>
    <row r="7957" spans="1:12">
      <c r="A7957" s="6" t="s">
        <v>49</v>
      </c>
      <c r="B7957" s="6"/>
      <c r="C7957" s="6" t="s">
        <v>7981</v>
      </c>
      <c r="D7957" s="6"/>
      <c r="E7957" s="6" t="s">
        <v>9</v>
      </c>
      <c r="F7957" s="7">
        <v>38657</v>
      </c>
      <c r="G7957" s="8">
        <v>1</v>
      </c>
      <c r="H7957" s="8">
        <v>1</v>
      </c>
      <c r="I7957" s="8">
        <v>0</v>
      </c>
      <c r="J7957" s="8">
        <v>1</v>
      </c>
      <c r="K7957" s="9">
        <v>7.98</v>
      </c>
      <c r="L7957" s="6" t="s">
        <v>51</v>
      </c>
    </row>
    <row r="7958" spans="1:12">
      <c r="A7958" s="6" t="s">
        <v>49</v>
      </c>
      <c r="B7958" s="6"/>
      <c r="C7958" s="6" t="s">
        <v>7982</v>
      </c>
      <c r="D7958" s="6"/>
      <c r="E7958" s="6" t="s">
        <v>9</v>
      </c>
      <c r="F7958" s="7">
        <v>38657</v>
      </c>
      <c r="G7958" s="8">
        <v>1</v>
      </c>
      <c r="H7958" s="8">
        <v>1</v>
      </c>
      <c r="I7958" s="8">
        <v>0</v>
      </c>
      <c r="J7958" s="8">
        <v>1</v>
      </c>
      <c r="K7958" s="9">
        <v>835.17</v>
      </c>
      <c r="L7958" s="6" t="s">
        <v>51</v>
      </c>
    </row>
    <row r="7959" spans="1:12">
      <c r="A7959" s="6" t="s">
        <v>49</v>
      </c>
      <c r="B7959" s="6"/>
      <c r="C7959" s="6" t="s">
        <v>7983</v>
      </c>
      <c r="D7959" s="6"/>
      <c r="E7959" s="6" t="s">
        <v>9</v>
      </c>
      <c r="F7959" s="7">
        <v>38657</v>
      </c>
      <c r="G7959" s="8">
        <v>1</v>
      </c>
      <c r="H7959" s="8">
        <v>1</v>
      </c>
      <c r="I7959" s="8">
        <v>0</v>
      </c>
      <c r="J7959" s="8">
        <v>1</v>
      </c>
      <c r="K7959" s="9">
        <v>182</v>
      </c>
      <c r="L7959" s="6" t="s">
        <v>51</v>
      </c>
    </row>
    <row r="7960" spans="1:12">
      <c r="A7960" s="6" t="s">
        <v>49</v>
      </c>
      <c r="B7960" s="6"/>
      <c r="C7960" s="6" t="s">
        <v>7984</v>
      </c>
      <c r="D7960" s="6"/>
      <c r="E7960" s="6" t="s">
        <v>9</v>
      </c>
      <c r="F7960" s="7">
        <v>38657</v>
      </c>
      <c r="G7960" s="8">
        <v>1</v>
      </c>
      <c r="H7960" s="8">
        <v>1</v>
      </c>
      <c r="I7960" s="8">
        <v>0</v>
      </c>
      <c r="J7960" s="8">
        <v>1</v>
      </c>
      <c r="K7960" s="9">
        <v>187</v>
      </c>
      <c r="L7960" s="6" t="s">
        <v>51</v>
      </c>
    </row>
    <row r="7961" spans="1:12">
      <c r="A7961" s="6" t="s">
        <v>49</v>
      </c>
      <c r="B7961" s="6"/>
      <c r="C7961" s="6" t="s">
        <v>7985</v>
      </c>
      <c r="D7961" s="6"/>
      <c r="E7961" s="6" t="s">
        <v>9</v>
      </c>
      <c r="F7961" s="7">
        <v>38657</v>
      </c>
      <c r="G7961" s="8">
        <v>1</v>
      </c>
      <c r="H7961" s="8">
        <v>1</v>
      </c>
      <c r="I7961" s="8">
        <v>0</v>
      </c>
      <c r="J7961" s="8">
        <v>1</v>
      </c>
      <c r="K7961" s="9">
        <v>4147</v>
      </c>
      <c r="L7961" s="6" t="s">
        <v>51</v>
      </c>
    </row>
    <row r="7962" spans="1:12">
      <c r="A7962" s="6" t="s">
        <v>49</v>
      </c>
      <c r="B7962" s="6"/>
      <c r="C7962" s="6" t="s">
        <v>7986</v>
      </c>
      <c r="D7962" s="6"/>
      <c r="E7962" s="6" t="s">
        <v>9</v>
      </c>
      <c r="F7962" s="7">
        <v>38657</v>
      </c>
      <c r="G7962" s="8">
        <v>1</v>
      </c>
      <c r="H7962" s="8">
        <v>1</v>
      </c>
      <c r="I7962" s="8">
        <v>0</v>
      </c>
      <c r="J7962" s="8">
        <v>1</v>
      </c>
      <c r="K7962" s="9">
        <v>133</v>
      </c>
      <c r="L7962" s="6" t="s">
        <v>51</v>
      </c>
    </row>
    <row r="7963" spans="1:12">
      <c r="A7963" s="6" t="s">
        <v>49</v>
      </c>
      <c r="B7963" s="6"/>
      <c r="C7963" s="6" t="s">
        <v>7987</v>
      </c>
      <c r="D7963" s="6"/>
      <c r="E7963" s="6" t="s">
        <v>9</v>
      </c>
      <c r="F7963" s="7">
        <v>38657</v>
      </c>
      <c r="G7963" s="8">
        <v>1</v>
      </c>
      <c r="H7963" s="8">
        <v>1</v>
      </c>
      <c r="I7963" s="8">
        <v>0</v>
      </c>
      <c r="J7963" s="8">
        <v>1</v>
      </c>
      <c r="K7963" s="9">
        <v>328.86</v>
      </c>
      <c r="L7963" s="6" t="s">
        <v>51</v>
      </c>
    </row>
    <row r="7964" spans="1:12">
      <c r="A7964" s="6" t="s">
        <v>49</v>
      </c>
      <c r="B7964" s="6"/>
      <c r="C7964" s="6" t="s">
        <v>7988</v>
      </c>
      <c r="D7964" s="6"/>
      <c r="E7964" s="6" t="s">
        <v>9</v>
      </c>
      <c r="F7964" s="7">
        <v>41730</v>
      </c>
      <c r="G7964" s="8">
        <v>1</v>
      </c>
      <c r="H7964" s="8">
        <v>1</v>
      </c>
      <c r="I7964" s="8">
        <v>0</v>
      </c>
      <c r="J7964" s="8">
        <v>1</v>
      </c>
      <c r="K7964" s="9">
        <v>18.649999999999899</v>
      </c>
      <c r="L7964" s="6" t="s">
        <v>51</v>
      </c>
    </row>
    <row r="7965" spans="1:12">
      <c r="A7965" s="6" t="s">
        <v>49</v>
      </c>
      <c r="B7965" s="6"/>
      <c r="C7965" s="6" t="s">
        <v>7989</v>
      </c>
      <c r="D7965" s="6"/>
      <c r="E7965" s="6" t="s">
        <v>9</v>
      </c>
      <c r="F7965" s="7">
        <v>38657</v>
      </c>
      <c r="G7965" s="8">
        <v>1</v>
      </c>
      <c r="H7965" s="8">
        <v>1</v>
      </c>
      <c r="I7965" s="8">
        <v>0</v>
      </c>
      <c r="J7965" s="8">
        <v>1</v>
      </c>
      <c r="K7965" s="9">
        <v>22.68</v>
      </c>
      <c r="L7965" s="6" t="s">
        <v>51</v>
      </c>
    </row>
    <row r="7966" spans="1:12">
      <c r="A7966" s="6" t="s">
        <v>49</v>
      </c>
      <c r="B7966" s="6"/>
      <c r="C7966" s="6" t="s">
        <v>7990</v>
      </c>
      <c r="D7966" s="6"/>
      <c r="E7966" s="6" t="s">
        <v>9</v>
      </c>
      <c r="F7966" s="7">
        <v>38657</v>
      </c>
      <c r="G7966" s="8">
        <v>1</v>
      </c>
      <c r="H7966" s="8">
        <v>1</v>
      </c>
      <c r="I7966" s="8">
        <v>0</v>
      </c>
      <c r="J7966" s="8">
        <v>1</v>
      </c>
      <c r="K7966" s="9">
        <v>8034</v>
      </c>
      <c r="L7966" s="6" t="s">
        <v>51</v>
      </c>
    </row>
    <row r="7967" spans="1:12">
      <c r="A7967" s="6" t="s">
        <v>49</v>
      </c>
      <c r="B7967" s="6"/>
      <c r="C7967" s="6" t="s">
        <v>7991</v>
      </c>
      <c r="D7967" s="6"/>
      <c r="E7967" s="6" t="s">
        <v>9</v>
      </c>
      <c r="F7967" s="7">
        <v>38657</v>
      </c>
      <c r="G7967" s="8">
        <v>1</v>
      </c>
      <c r="H7967" s="8">
        <v>1</v>
      </c>
      <c r="I7967" s="8">
        <v>0</v>
      </c>
      <c r="J7967" s="8">
        <v>1</v>
      </c>
      <c r="K7967" s="9">
        <v>2840</v>
      </c>
      <c r="L7967" s="6" t="s">
        <v>51</v>
      </c>
    </row>
    <row r="7968" spans="1:12">
      <c r="A7968" s="6" t="s">
        <v>49</v>
      </c>
      <c r="B7968" s="6"/>
      <c r="C7968" s="6" t="s">
        <v>7992</v>
      </c>
      <c r="D7968" s="6"/>
      <c r="E7968" s="6" t="s">
        <v>9</v>
      </c>
      <c r="F7968" s="7">
        <v>38657</v>
      </c>
      <c r="G7968" s="8">
        <v>1</v>
      </c>
      <c r="H7968" s="8">
        <v>1</v>
      </c>
      <c r="I7968" s="8">
        <v>0</v>
      </c>
      <c r="J7968" s="8">
        <v>1</v>
      </c>
      <c r="K7968" s="9">
        <v>1323.9</v>
      </c>
      <c r="L7968" s="6" t="s">
        <v>51</v>
      </c>
    </row>
    <row r="7969" spans="1:12">
      <c r="A7969" s="6" t="s">
        <v>49</v>
      </c>
      <c r="B7969" s="6"/>
      <c r="C7969" s="6" t="s">
        <v>7993</v>
      </c>
      <c r="D7969" s="6"/>
      <c r="E7969" s="6" t="s">
        <v>9</v>
      </c>
      <c r="F7969" s="7">
        <v>38657</v>
      </c>
      <c r="G7969" s="8">
        <v>1</v>
      </c>
      <c r="H7969" s="8">
        <v>1</v>
      </c>
      <c r="I7969" s="8">
        <v>0</v>
      </c>
      <c r="J7969" s="8">
        <v>1</v>
      </c>
      <c r="K7969" s="9">
        <v>3272</v>
      </c>
      <c r="L7969" s="6" t="s">
        <v>51</v>
      </c>
    </row>
    <row r="7970" spans="1:12">
      <c r="A7970" s="6" t="s">
        <v>49</v>
      </c>
      <c r="B7970" s="6"/>
      <c r="C7970" s="6" t="s">
        <v>7994</v>
      </c>
      <c r="D7970" s="6"/>
      <c r="E7970" s="6" t="s">
        <v>9</v>
      </c>
      <c r="F7970" s="7">
        <v>38657</v>
      </c>
      <c r="G7970" s="8">
        <v>1</v>
      </c>
      <c r="H7970" s="8">
        <v>1</v>
      </c>
      <c r="I7970" s="8">
        <v>0</v>
      </c>
      <c r="J7970" s="8">
        <v>1</v>
      </c>
      <c r="K7970" s="9">
        <v>3499.65</v>
      </c>
      <c r="L7970" s="6" t="s">
        <v>51</v>
      </c>
    </row>
    <row r="7971" spans="1:12">
      <c r="A7971" s="6" t="s">
        <v>49</v>
      </c>
      <c r="B7971" s="6"/>
      <c r="C7971" s="6" t="s">
        <v>7995</v>
      </c>
      <c r="D7971" s="6"/>
      <c r="E7971" s="6" t="s">
        <v>9</v>
      </c>
      <c r="F7971" s="7">
        <v>38657</v>
      </c>
      <c r="G7971" s="8">
        <v>1</v>
      </c>
      <c r="H7971" s="8">
        <v>1</v>
      </c>
      <c r="I7971" s="8">
        <v>0</v>
      </c>
      <c r="J7971" s="8">
        <v>1</v>
      </c>
      <c r="K7971" s="9">
        <v>2205.35</v>
      </c>
      <c r="L7971" s="6" t="s">
        <v>51</v>
      </c>
    </row>
    <row r="7972" spans="1:12">
      <c r="A7972" s="6" t="s">
        <v>49</v>
      </c>
      <c r="B7972" s="6"/>
      <c r="C7972" s="6" t="s">
        <v>7996</v>
      </c>
      <c r="D7972" s="6"/>
      <c r="E7972" s="6" t="s">
        <v>9</v>
      </c>
      <c r="F7972" s="7">
        <v>38657</v>
      </c>
      <c r="G7972" s="8">
        <v>1</v>
      </c>
      <c r="H7972" s="8">
        <v>1</v>
      </c>
      <c r="I7972" s="8">
        <v>0</v>
      </c>
      <c r="J7972" s="8">
        <v>1</v>
      </c>
      <c r="K7972" s="9">
        <v>10</v>
      </c>
      <c r="L7972" s="6" t="s">
        <v>51</v>
      </c>
    </row>
    <row r="7973" spans="1:12">
      <c r="A7973" s="6" t="s">
        <v>49</v>
      </c>
      <c r="B7973" s="6"/>
      <c r="C7973" s="6" t="s">
        <v>7997</v>
      </c>
      <c r="D7973" s="6"/>
      <c r="E7973" s="6" t="s">
        <v>9</v>
      </c>
      <c r="F7973" s="7">
        <v>38657</v>
      </c>
      <c r="G7973" s="8">
        <v>1</v>
      </c>
      <c r="H7973" s="8">
        <v>1</v>
      </c>
      <c r="I7973" s="8">
        <v>0</v>
      </c>
      <c r="J7973" s="8">
        <v>1</v>
      </c>
      <c r="K7973" s="9">
        <v>63.67</v>
      </c>
      <c r="L7973" s="6" t="s">
        <v>51</v>
      </c>
    </row>
    <row r="7974" spans="1:12">
      <c r="A7974" s="6" t="s">
        <v>49</v>
      </c>
      <c r="B7974" s="6"/>
      <c r="C7974" s="6" t="s">
        <v>7998</v>
      </c>
      <c r="D7974" s="6"/>
      <c r="E7974" s="6" t="s">
        <v>9</v>
      </c>
      <c r="F7974" s="7">
        <v>38657</v>
      </c>
      <c r="G7974" s="8">
        <v>1</v>
      </c>
      <c r="H7974" s="8">
        <v>1</v>
      </c>
      <c r="I7974" s="8">
        <v>0</v>
      </c>
      <c r="J7974" s="8">
        <v>1</v>
      </c>
      <c r="K7974" s="9">
        <v>1330</v>
      </c>
      <c r="L7974" s="6" t="s">
        <v>51</v>
      </c>
    </row>
    <row r="7975" spans="1:12">
      <c r="A7975" s="6" t="s">
        <v>49</v>
      </c>
      <c r="B7975" s="6"/>
      <c r="C7975" s="6" t="s">
        <v>7999</v>
      </c>
      <c r="D7975" s="6"/>
      <c r="E7975" s="6" t="s">
        <v>9</v>
      </c>
      <c r="F7975" s="7">
        <v>38657</v>
      </c>
      <c r="G7975" s="8">
        <v>1</v>
      </c>
      <c r="H7975" s="8">
        <v>1</v>
      </c>
      <c r="I7975" s="8">
        <v>0</v>
      </c>
      <c r="J7975" s="8">
        <v>1</v>
      </c>
      <c r="K7975" s="9">
        <v>53</v>
      </c>
      <c r="L7975" s="6" t="s">
        <v>51</v>
      </c>
    </row>
    <row r="7976" spans="1:12">
      <c r="A7976" s="6" t="s">
        <v>49</v>
      </c>
      <c r="B7976" s="6"/>
      <c r="C7976" s="6" t="s">
        <v>8000</v>
      </c>
      <c r="D7976" s="6"/>
      <c r="E7976" s="6" t="s">
        <v>9</v>
      </c>
      <c r="F7976" s="7">
        <v>38657</v>
      </c>
      <c r="G7976" s="8">
        <v>1</v>
      </c>
      <c r="H7976" s="8">
        <v>1</v>
      </c>
      <c r="I7976" s="8">
        <v>0</v>
      </c>
      <c r="J7976" s="8">
        <v>1</v>
      </c>
      <c r="K7976" s="9">
        <v>207</v>
      </c>
      <c r="L7976" s="6" t="s">
        <v>51</v>
      </c>
    </row>
    <row r="7977" spans="1:12">
      <c r="A7977" s="6" t="s">
        <v>49</v>
      </c>
      <c r="B7977" s="6"/>
      <c r="C7977" s="6" t="s">
        <v>8001</v>
      </c>
      <c r="D7977" s="6"/>
      <c r="E7977" s="6" t="s">
        <v>9</v>
      </c>
      <c r="F7977" s="7">
        <v>38657</v>
      </c>
      <c r="G7977" s="8">
        <v>1</v>
      </c>
      <c r="H7977" s="8">
        <v>1</v>
      </c>
      <c r="I7977" s="8">
        <v>0</v>
      </c>
      <c r="J7977" s="8">
        <v>1</v>
      </c>
      <c r="K7977" s="9">
        <v>1103</v>
      </c>
      <c r="L7977" s="6" t="s">
        <v>51</v>
      </c>
    </row>
    <row r="7978" spans="1:12">
      <c r="A7978" s="6" t="s">
        <v>49</v>
      </c>
      <c r="B7978" s="6"/>
      <c r="C7978" s="6" t="s">
        <v>8002</v>
      </c>
      <c r="D7978" s="6"/>
      <c r="E7978" s="6" t="s">
        <v>9</v>
      </c>
      <c r="F7978" s="7">
        <v>38657</v>
      </c>
      <c r="G7978" s="8">
        <v>1</v>
      </c>
      <c r="H7978" s="8">
        <v>1</v>
      </c>
      <c r="I7978" s="8">
        <v>0</v>
      </c>
      <c r="J7978" s="8">
        <v>1</v>
      </c>
      <c r="K7978" s="9">
        <v>36.99</v>
      </c>
      <c r="L7978" s="6" t="s">
        <v>51</v>
      </c>
    </row>
    <row r="7979" spans="1:12">
      <c r="A7979" s="6" t="s">
        <v>49</v>
      </c>
      <c r="B7979" s="6"/>
      <c r="C7979" s="6" t="s">
        <v>8003</v>
      </c>
      <c r="D7979" s="6"/>
      <c r="E7979" s="6" t="s">
        <v>9</v>
      </c>
      <c r="F7979" s="7">
        <v>40624</v>
      </c>
      <c r="G7979" s="8">
        <v>1</v>
      </c>
      <c r="H7979" s="8">
        <v>1</v>
      </c>
      <c r="I7979" s="8">
        <v>0</v>
      </c>
      <c r="J7979" s="8">
        <v>1</v>
      </c>
      <c r="K7979" s="9">
        <v>88.31</v>
      </c>
      <c r="L7979" s="6" t="s">
        <v>51</v>
      </c>
    </row>
    <row r="7980" spans="1:12">
      <c r="A7980" s="6" t="s">
        <v>49</v>
      </c>
      <c r="B7980" s="6"/>
      <c r="C7980" s="6" t="s">
        <v>8004</v>
      </c>
      <c r="D7980" s="6"/>
      <c r="E7980" s="6" t="s">
        <v>9</v>
      </c>
      <c r="F7980" s="7">
        <v>40624</v>
      </c>
      <c r="G7980" s="8">
        <v>1</v>
      </c>
      <c r="H7980" s="8">
        <v>1</v>
      </c>
      <c r="I7980" s="8">
        <v>0</v>
      </c>
      <c r="J7980" s="8">
        <v>1</v>
      </c>
      <c r="K7980" s="9">
        <v>49.02</v>
      </c>
      <c r="L7980" s="6" t="s">
        <v>51</v>
      </c>
    </row>
    <row r="7981" spans="1:12">
      <c r="A7981" s="6" t="s">
        <v>49</v>
      </c>
      <c r="B7981" s="6"/>
      <c r="C7981" s="6" t="s">
        <v>8005</v>
      </c>
      <c r="D7981" s="6"/>
      <c r="E7981" s="6" t="s">
        <v>9</v>
      </c>
      <c r="F7981" s="7">
        <v>38657</v>
      </c>
      <c r="G7981" s="8">
        <v>1</v>
      </c>
      <c r="H7981" s="8">
        <v>1</v>
      </c>
      <c r="I7981" s="8">
        <v>0</v>
      </c>
      <c r="J7981" s="8">
        <v>1</v>
      </c>
      <c r="K7981" s="9">
        <v>154</v>
      </c>
      <c r="L7981" s="6" t="s">
        <v>51</v>
      </c>
    </row>
    <row r="7982" spans="1:12">
      <c r="A7982" s="6" t="s">
        <v>49</v>
      </c>
      <c r="B7982" s="6"/>
      <c r="C7982" s="6" t="s">
        <v>8006</v>
      </c>
      <c r="D7982" s="6"/>
      <c r="E7982" s="6" t="s">
        <v>9</v>
      </c>
      <c r="F7982" s="7">
        <v>38657</v>
      </c>
      <c r="G7982" s="8">
        <v>1</v>
      </c>
      <c r="H7982" s="8">
        <v>1</v>
      </c>
      <c r="I7982" s="8">
        <v>0</v>
      </c>
      <c r="J7982" s="8">
        <v>1</v>
      </c>
      <c r="K7982" s="9">
        <v>62</v>
      </c>
      <c r="L7982" s="6" t="s">
        <v>51</v>
      </c>
    </row>
    <row r="7983" spans="1:12">
      <c r="A7983" s="6" t="s">
        <v>49</v>
      </c>
      <c r="B7983" s="6"/>
      <c r="C7983" s="6" t="s">
        <v>8007</v>
      </c>
      <c r="D7983" s="6"/>
      <c r="E7983" s="6" t="s">
        <v>9</v>
      </c>
      <c r="F7983" s="7">
        <v>38657</v>
      </c>
      <c r="G7983" s="8">
        <v>1</v>
      </c>
      <c r="H7983" s="8">
        <v>1</v>
      </c>
      <c r="I7983" s="8">
        <v>0</v>
      </c>
      <c r="J7983" s="8">
        <v>1</v>
      </c>
      <c r="K7983" s="9">
        <v>28</v>
      </c>
      <c r="L7983" s="6" t="s">
        <v>51</v>
      </c>
    </row>
    <row r="7984" spans="1:12">
      <c r="A7984" s="6" t="s">
        <v>49</v>
      </c>
      <c r="B7984" s="6"/>
      <c r="C7984" s="6" t="s">
        <v>8008</v>
      </c>
      <c r="D7984" s="6"/>
      <c r="E7984" s="6" t="s">
        <v>9</v>
      </c>
      <c r="F7984" s="7">
        <v>38657</v>
      </c>
      <c r="G7984" s="8">
        <v>1</v>
      </c>
      <c r="H7984" s="8">
        <v>1</v>
      </c>
      <c r="I7984" s="8">
        <v>0</v>
      </c>
      <c r="J7984" s="8">
        <v>1</v>
      </c>
      <c r="K7984" s="9">
        <v>48</v>
      </c>
      <c r="L7984" s="6" t="s">
        <v>51</v>
      </c>
    </row>
    <row r="7985" spans="1:12">
      <c r="A7985" s="6" t="s">
        <v>49</v>
      </c>
      <c r="B7985" s="6"/>
      <c r="C7985" s="6" t="s">
        <v>8009</v>
      </c>
      <c r="D7985" s="6"/>
      <c r="E7985" s="6" t="s">
        <v>9</v>
      </c>
      <c r="F7985" s="7">
        <v>38657</v>
      </c>
      <c r="G7985" s="8">
        <v>1</v>
      </c>
      <c r="H7985" s="8">
        <v>1</v>
      </c>
      <c r="I7985" s="8">
        <v>0</v>
      </c>
      <c r="J7985" s="8">
        <v>1</v>
      </c>
      <c r="K7985" s="9">
        <v>45</v>
      </c>
      <c r="L7985" s="6" t="s">
        <v>51</v>
      </c>
    </row>
    <row r="7986" spans="1:12">
      <c r="A7986" s="6" t="s">
        <v>49</v>
      </c>
      <c r="B7986" s="6"/>
      <c r="C7986" s="6" t="s">
        <v>8010</v>
      </c>
      <c r="D7986" s="6"/>
      <c r="E7986" s="6" t="s">
        <v>9</v>
      </c>
      <c r="F7986" s="7">
        <v>38657</v>
      </c>
      <c r="G7986" s="8">
        <v>1</v>
      </c>
      <c r="H7986" s="8">
        <v>1</v>
      </c>
      <c r="I7986" s="8">
        <v>0</v>
      </c>
      <c r="J7986" s="8">
        <v>1</v>
      </c>
      <c r="K7986" s="9">
        <v>108</v>
      </c>
      <c r="L7986" s="6" t="s">
        <v>51</v>
      </c>
    </row>
    <row r="7987" spans="1:12">
      <c r="A7987" s="6" t="s">
        <v>49</v>
      </c>
      <c r="B7987" s="6"/>
      <c r="C7987" s="6" t="s">
        <v>8011</v>
      </c>
      <c r="D7987" s="6"/>
      <c r="E7987" s="6" t="s">
        <v>9</v>
      </c>
      <c r="F7987" s="7">
        <v>38657</v>
      </c>
      <c r="G7987" s="8">
        <v>1</v>
      </c>
      <c r="H7987" s="8">
        <v>1</v>
      </c>
      <c r="I7987" s="8">
        <v>0</v>
      </c>
      <c r="J7987" s="8">
        <v>1</v>
      </c>
      <c r="K7987" s="9">
        <v>207</v>
      </c>
      <c r="L7987" s="6" t="s">
        <v>51</v>
      </c>
    </row>
    <row r="7988" spans="1:12">
      <c r="A7988" s="6" t="s">
        <v>49</v>
      </c>
      <c r="B7988" s="6"/>
      <c r="C7988" s="6" t="s">
        <v>8012</v>
      </c>
      <c r="D7988" s="6"/>
      <c r="E7988" s="6" t="s">
        <v>9</v>
      </c>
      <c r="F7988" s="7">
        <v>38657</v>
      </c>
      <c r="G7988" s="8">
        <v>1</v>
      </c>
      <c r="H7988" s="8">
        <v>1</v>
      </c>
      <c r="I7988" s="8">
        <v>0</v>
      </c>
      <c r="J7988" s="8">
        <v>1</v>
      </c>
      <c r="K7988" s="9">
        <v>67</v>
      </c>
      <c r="L7988" s="6" t="s">
        <v>51</v>
      </c>
    </row>
    <row r="7989" spans="1:12">
      <c r="A7989" s="6" t="s">
        <v>49</v>
      </c>
      <c r="B7989" s="6"/>
      <c r="C7989" s="6" t="s">
        <v>8013</v>
      </c>
      <c r="D7989" s="6"/>
      <c r="E7989" s="6" t="s">
        <v>9</v>
      </c>
      <c r="F7989" s="7">
        <v>38657</v>
      </c>
      <c r="G7989" s="8">
        <v>1</v>
      </c>
      <c r="H7989" s="8">
        <v>1</v>
      </c>
      <c r="I7989" s="8">
        <v>0</v>
      </c>
      <c r="J7989" s="8">
        <v>1</v>
      </c>
      <c r="K7989" s="9">
        <v>95</v>
      </c>
      <c r="L7989" s="6" t="s">
        <v>51</v>
      </c>
    </row>
    <row r="7990" spans="1:12">
      <c r="A7990" s="6" t="s">
        <v>49</v>
      </c>
      <c r="B7990" s="6"/>
      <c r="C7990" s="6" t="s">
        <v>8014</v>
      </c>
      <c r="D7990" s="6"/>
      <c r="E7990" s="6" t="s">
        <v>9</v>
      </c>
      <c r="F7990" s="7">
        <v>38657</v>
      </c>
      <c r="G7990" s="8">
        <v>1</v>
      </c>
      <c r="H7990" s="8">
        <v>1</v>
      </c>
      <c r="I7990" s="8">
        <v>0</v>
      </c>
      <c r="J7990" s="8">
        <v>1</v>
      </c>
      <c r="K7990" s="9">
        <v>46</v>
      </c>
      <c r="L7990" s="6" t="s">
        <v>51</v>
      </c>
    </row>
    <row r="7991" spans="1:12">
      <c r="A7991" s="6" t="s">
        <v>49</v>
      </c>
      <c r="B7991" s="6"/>
      <c r="C7991" s="6" t="s">
        <v>8015</v>
      </c>
      <c r="D7991" s="6"/>
      <c r="E7991" s="6" t="s">
        <v>9</v>
      </c>
      <c r="F7991" s="7">
        <v>38657</v>
      </c>
      <c r="G7991" s="8">
        <v>1</v>
      </c>
      <c r="H7991" s="8">
        <v>1</v>
      </c>
      <c r="I7991" s="8">
        <v>0</v>
      </c>
      <c r="J7991" s="8">
        <v>1</v>
      </c>
      <c r="K7991" s="9">
        <v>422</v>
      </c>
      <c r="L7991" s="6" t="s">
        <v>51</v>
      </c>
    </row>
    <row r="7992" spans="1:12">
      <c r="A7992" s="6" t="s">
        <v>49</v>
      </c>
      <c r="B7992" s="6"/>
      <c r="C7992" s="6" t="s">
        <v>8016</v>
      </c>
      <c r="D7992" s="6"/>
      <c r="E7992" s="6" t="s">
        <v>9</v>
      </c>
      <c r="F7992" s="7">
        <v>38657</v>
      </c>
      <c r="G7992" s="8">
        <v>1</v>
      </c>
      <c r="H7992" s="8">
        <v>1</v>
      </c>
      <c r="I7992" s="8">
        <v>0</v>
      </c>
      <c r="J7992" s="8">
        <v>1</v>
      </c>
      <c r="K7992" s="9">
        <v>413</v>
      </c>
      <c r="L7992" s="6" t="s">
        <v>51</v>
      </c>
    </row>
    <row r="7993" spans="1:12">
      <c r="A7993" s="6" t="s">
        <v>49</v>
      </c>
      <c r="B7993" s="6"/>
      <c r="C7993" s="6" t="s">
        <v>8017</v>
      </c>
      <c r="D7993" s="6"/>
      <c r="E7993" s="6" t="s">
        <v>9</v>
      </c>
      <c r="F7993" s="7">
        <v>38657</v>
      </c>
      <c r="G7993" s="8">
        <v>1</v>
      </c>
      <c r="H7993" s="8">
        <v>1</v>
      </c>
      <c r="I7993" s="8">
        <v>0</v>
      </c>
      <c r="J7993" s="8">
        <v>1</v>
      </c>
      <c r="K7993" s="9">
        <v>1070</v>
      </c>
      <c r="L7993" s="6" t="s">
        <v>51</v>
      </c>
    </row>
    <row r="7994" spans="1:12">
      <c r="A7994" s="6" t="s">
        <v>49</v>
      </c>
      <c r="B7994" s="6"/>
      <c r="C7994" s="6" t="s">
        <v>8018</v>
      </c>
      <c r="D7994" s="6"/>
      <c r="E7994" s="6" t="s">
        <v>9</v>
      </c>
      <c r="F7994" s="7">
        <v>38657</v>
      </c>
      <c r="G7994" s="8">
        <v>1</v>
      </c>
      <c r="H7994" s="8">
        <v>1</v>
      </c>
      <c r="I7994" s="8">
        <v>0</v>
      </c>
      <c r="J7994" s="8">
        <v>1</v>
      </c>
      <c r="K7994" s="9">
        <v>8.14</v>
      </c>
      <c r="L7994" s="6" t="s">
        <v>51</v>
      </c>
    </row>
    <row r="7995" spans="1:12">
      <c r="A7995" s="6" t="s">
        <v>49</v>
      </c>
      <c r="B7995" s="6"/>
      <c r="C7995" s="6" t="s">
        <v>8019</v>
      </c>
      <c r="D7995" s="6"/>
      <c r="E7995" s="6" t="s">
        <v>9</v>
      </c>
      <c r="F7995" s="7">
        <v>38657</v>
      </c>
      <c r="G7995" s="8">
        <v>1</v>
      </c>
      <c r="H7995" s="8">
        <v>1</v>
      </c>
      <c r="I7995" s="8">
        <v>0</v>
      </c>
      <c r="J7995" s="8">
        <v>1</v>
      </c>
      <c r="K7995" s="9">
        <v>45</v>
      </c>
      <c r="L7995" s="6" t="s">
        <v>51</v>
      </c>
    </row>
    <row r="7996" spans="1:12">
      <c r="A7996" s="6" t="s">
        <v>49</v>
      </c>
      <c r="B7996" s="6"/>
      <c r="C7996" s="6" t="s">
        <v>8020</v>
      </c>
      <c r="D7996" s="6"/>
      <c r="E7996" s="6" t="s">
        <v>9</v>
      </c>
      <c r="F7996" s="7">
        <v>38657</v>
      </c>
      <c r="G7996" s="8">
        <v>1</v>
      </c>
      <c r="H7996" s="8">
        <v>1</v>
      </c>
      <c r="I7996" s="8">
        <v>0</v>
      </c>
      <c r="J7996" s="8">
        <v>1</v>
      </c>
      <c r="K7996" s="9">
        <v>29</v>
      </c>
      <c r="L7996" s="6" t="s">
        <v>51</v>
      </c>
    </row>
    <row r="7997" spans="1:12">
      <c r="A7997" s="6" t="s">
        <v>49</v>
      </c>
      <c r="B7997" s="6"/>
      <c r="C7997" s="6" t="s">
        <v>8021</v>
      </c>
      <c r="D7997" s="6"/>
      <c r="E7997" s="6" t="s">
        <v>9</v>
      </c>
      <c r="F7997" s="7">
        <v>38657</v>
      </c>
      <c r="G7997" s="8">
        <v>1</v>
      </c>
      <c r="H7997" s="8">
        <v>1</v>
      </c>
      <c r="I7997" s="8">
        <v>0</v>
      </c>
      <c r="J7997" s="8">
        <v>1</v>
      </c>
      <c r="K7997" s="9">
        <v>98</v>
      </c>
      <c r="L7997" s="6" t="s">
        <v>51</v>
      </c>
    </row>
    <row r="7998" spans="1:12">
      <c r="A7998" s="6" t="s">
        <v>49</v>
      </c>
      <c r="B7998" s="6"/>
      <c r="C7998" s="6" t="s">
        <v>8022</v>
      </c>
      <c r="D7998" s="6"/>
      <c r="E7998" s="6" t="s">
        <v>9</v>
      </c>
      <c r="F7998" s="7">
        <v>38657</v>
      </c>
      <c r="G7998" s="8">
        <v>1</v>
      </c>
      <c r="H7998" s="8">
        <v>1</v>
      </c>
      <c r="I7998" s="8">
        <v>0</v>
      </c>
      <c r="J7998" s="8">
        <v>1</v>
      </c>
      <c r="K7998" s="9">
        <v>34</v>
      </c>
      <c r="L7998" s="6" t="s">
        <v>51</v>
      </c>
    </row>
    <row r="7999" spans="1:12">
      <c r="A7999" s="6" t="s">
        <v>49</v>
      </c>
      <c r="B7999" s="6"/>
      <c r="C7999" s="6" t="s">
        <v>8023</v>
      </c>
      <c r="D7999" s="6"/>
      <c r="E7999" s="6" t="s">
        <v>9</v>
      </c>
      <c r="F7999" s="7">
        <v>38657</v>
      </c>
      <c r="G7999" s="8">
        <v>1</v>
      </c>
      <c r="H7999" s="8">
        <v>1</v>
      </c>
      <c r="I7999" s="8">
        <v>0</v>
      </c>
      <c r="J7999" s="8">
        <v>1</v>
      </c>
      <c r="K7999" s="9">
        <v>26</v>
      </c>
      <c r="L7999" s="6" t="s">
        <v>51</v>
      </c>
    </row>
    <row r="8000" spans="1:12">
      <c r="A8000" s="6" t="s">
        <v>49</v>
      </c>
      <c r="B8000" s="6"/>
      <c r="C8000" s="6" t="s">
        <v>8024</v>
      </c>
      <c r="D8000" s="6"/>
      <c r="E8000" s="6" t="s">
        <v>9</v>
      </c>
      <c r="F8000" s="7">
        <v>38657</v>
      </c>
      <c r="G8000" s="8">
        <v>1</v>
      </c>
      <c r="H8000" s="8">
        <v>1</v>
      </c>
      <c r="I8000" s="8">
        <v>0</v>
      </c>
      <c r="J8000" s="8">
        <v>1</v>
      </c>
      <c r="K8000" s="9">
        <v>31</v>
      </c>
      <c r="L8000" s="6" t="s">
        <v>51</v>
      </c>
    </row>
    <row r="8001" spans="1:12">
      <c r="A8001" s="6" t="s">
        <v>49</v>
      </c>
      <c r="B8001" s="6"/>
      <c r="C8001" s="6" t="s">
        <v>8025</v>
      </c>
      <c r="D8001" s="6"/>
      <c r="E8001" s="6" t="s">
        <v>9</v>
      </c>
      <c r="F8001" s="7">
        <v>38657</v>
      </c>
      <c r="G8001" s="8">
        <v>1</v>
      </c>
      <c r="H8001" s="8">
        <v>1</v>
      </c>
      <c r="I8001" s="8">
        <v>0</v>
      </c>
      <c r="J8001" s="8">
        <v>1</v>
      </c>
      <c r="K8001" s="9">
        <v>45</v>
      </c>
      <c r="L8001" s="6" t="s">
        <v>51</v>
      </c>
    </row>
    <row r="8002" spans="1:12">
      <c r="A8002" s="6" t="s">
        <v>49</v>
      </c>
      <c r="B8002" s="6"/>
      <c r="C8002" s="6" t="s">
        <v>8026</v>
      </c>
      <c r="D8002" s="6"/>
      <c r="E8002" s="6" t="s">
        <v>9</v>
      </c>
      <c r="F8002" s="7">
        <v>38657</v>
      </c>
      <c r="G8002" s="8">
        <v>1</v>
      </c>
      <c r="H8002" s="8">
        <v>1</v>
      </c>
      <c r="I8002" s="8">
        <v>0</v>
      </c>
      <c r="J8002" s="8">
        <v>1</v>
      </c>
      <c r="K8002" s="9">
        <v>8.64</v>
      </c>
      <c r="L8002" s="6" t="s">
        <v>51</v>
      </c>
    </row>
    <row r="8003" spans="1:12">
      <c r="A8003" s="6" t="s">
        <v>49</v>
      </c>
      <c r="B8003" s="6"/>
      <c r="C8003" s="6" t="s">
        <v>8027</v>
      </c>
      <c r="D8003" s="6"/>
      <c r="E8003" s="6" t="s">
        <v>9</v>
      </c>
      <c r="F8003" s="7">
        <v>38657</v>
      </c>
      <c r="G8003" s="8">
        <v>1</v>
      </c>
      <c r="H8003" s="8">
        <v>1</v>
      </c>
      <c r="I8003" s="8">
        <v>0</v>
      </c>
      <c r="J8003" s="8">
        <v>1</v>
      </c>
      <c r="K8003" s="9">
        <v>38</v>
      </c>
      <c r="L8003" s="6" t="s">
        <v>51</v>
      </c>
    </row>
    <row r="8004" spans="1:12">
      <c r="A8004" s="6" t="s">
        <v>49</v>
      </c>
      <c r="B8004" s="6"/>
      <c r="C8004" s="6" t="s">
        <v>8028</v>
      </c>
      <c r="D8004" s="6"/>
      <c r="E8004" s="6" t="s">
        <v>9</v>
      </c>
      <c r="F8004" s="7">
        <v>38657</v>
      </c>
      <c r="G8004" s="8">
        <v>1</v>
      </c>
      <c r="H8004" s="8">
        <v>1</v>
      </c>
      <c r="I8004" s="8">
        <v>0</v>
      </c>
      <c r="J8004" s="8">
        <v>1</v>
      </c>
      <c r="K8004" s="9">
        <v>21</v>
      </c>
      <c r="L8004" s="6" t="s">
        <v>51</v>
      </c>
    </row>
    <row r="8005" spans="1:12">
      <c r="A8005" s="6" t="s">
        <v>49</v>
      </c>
      <c r="B8005" s="6"/>
      <c r="C8005" s="6" t="s">
        <v>8029</v>
      </c>
      <c r="D8005" s="6"/>
      <c r="E8005" s="6" t="s">
        <v>9</v>
      </c>
      <c r="F8005" s="7">
        <v>38657</v>
      </c>
      <c r="G8005" s="8">
        <v>1</v>
      </c>
      <c r="H8005" s="8">
        <v>1</v>
      </c>
      <c r="I8005" s="8">
        <v>0</v>
      </c>
      <c r="J8005" s="8">
        <v>1</v>
      </c>
      <c r="K8005" s="9">
        <v>1730</v>
      </c>
      <c r="L8005" s="6" t="s">
        <v>51</v>
      </c>
    </row>
    <row r="8006" spans="1:12">
      <c r="A8006" s="6" t="s">
        <v>49</v>
      </c>
      <c r="B8006" s="6"/>
      <c r="C8006" s="6" t="s">
        <v>8030</v>
      </c>
      <c r="D8006" s="6"/>
      <c r="E8006" s="6" t="s">
        <v>9</v>
      </c>
      <c r="F8006" s="7">
        <v>38657</v>
      </c>
      <c r="G8006" s="8">
        <v>1</v>
      </c>
      <c r="H8006" s="8">
        <v>1</v>
      </c>
      <c r="I8006" s="8">
        <v>0</v>
      </c>
      <c r="J8006" s="8">
        <v>1</v>
      </c>
      <c r="K8006" s="9">
        <v>6.75</v>
      </c>
      <c r="L8006" s="6" t="s">
        <v>51</v>
      </c>
    </row>
    <row r="8007" spans="1:12">
      <c r="A8007" s="6" t="s">
        <v>49</v>
      </c>
      <c r="B8007" s="6"/>
      <c r="C8007" s="6" t="s">
        <v>8031</v>
      </c>
      <c r="D8007" s="6"/>
      <c r="E8007" s="6" t="s">
        <v>9</v>
      </c>
      <c r="F8007" s="7">
        <v>38657</v>
      </c>
      <c r="G8007" s="8">
        <v>1</v>
      </c>
      <c r="H8007" s="8">
        <v>1</v>
      </c>
      <c r="I8007" s="8">
        <v>0</v>
      </c>
      <c r="J8007" s="8">
        <v>1</v>
      </c>
      <c r="K8007" s="9">
        <v>207</v>
      </c>
      <c r="L8007" s="6" t="s">
        <v>51</v>
      </c>
    </row>
    <row r="8008" spans="1:12">
      <c r="A8008" s="6" t="s">
        <v>49</v>
      </c>
      <c r="B8008" s="6"/>
      <c r="C8008" s="6" t="s">
        <v>8032</v>
      </c>
      <c r="D8008" s="6"/>
      <c r="E8008" s="6" t="s">
        <v>9</v>
      </c>
      <c r="F8008" s="7">
        <v>38657</v>
      </c>
      <c r="G8008" s="8">
        <v>1</v>
      </c>
      <c r="H8008" s="8">
        <v>1</v>
      </c>
      <c r="I8008" s="8">
        <v>0</v>
      </c>
      <c r="J8008" s="8">
        <v>1</v>
      </c>
      <c r="K8008" s="9">
        <v>1688</v>
      </c>
      <c r="L8008" s="6" t="s">
        <v>51</v>
      </c>
    </row>
    <row r="8009" spans="1:12">
      <c r="A8009" s="6" t="s">
        <v>49</v>
      </c>
      <c r="B8009" s="6"/>
      <c r="C8009" s="6" t="s">
        <v>8033</v>
      </c>
      <c r="D8009" s="6"/>
      <c r="E8009" s="6" t="s">
        <v>9</v>
      </c>
      <c r="F8009" s="7">
        <v>38657</v>
      </c>
      <c r="G8009" s="8">
        <v>1</v>
      </c>
      <c r="H8009" s="8">
        <v>1</v>
      </c>
      <c r="I8009" s="8">
        <v>0</v>
      </c>
      <c r="J8009" s="8">
        <v>1</v>
      </c>
      <c r="K8009" s="9">
        <v>123</v>
      </c>
      <c r="L8009" s="6" t="s">
        <v>51</v>
      </c>
    </row>
    <row r="8010" spans="1:12">
      <c r="A8010" s="6" t="s">
        <v>49</v>
      </c>
      <c r="B8010" s="6"/>
      <c r="C8010" s="6" t="s">
        <v>8034</v>
      </c>
      <c r="D8010" s="6"/>
      <c r="E8010" s="6" t="s">
        <v>9</v>
      </c>
      <c r="F8010" s="7">
        <v>38657</v>
      </c>
      <c r="G8010" s="8">
        <v>1</v>
      </c>
      <c r="H8010" s="8">
        <v>1</v>
      </c>
      <c r="I8010" s="8">
        <v>0</v>
      </c>
      <c r="J8010" s="8">
        <v>1</v>
      </c>
      <c r="K8010" s="9">
        <v>1559</v>
      </c>
      <c r="L8010" s="6" t="s">
        <v>51</v>
      </c>
    </row>
    <row r="8011" spans="1:12">
      <c r="A8011" s="6" t="s">
        <v>49</v>
      </c>
      <c r="B8011" s="6"/>
      <c r="C8011" s="6" t="s">
        <v>8035</v>
      </c>
      <c r="D8011" s="6"/>
      <c r="E8011" s="6" t="s">
        <v>9</v>
      </c>
      <c r="F8011" s="7">
        <v>38657</v>
      </c>
      <c r="G8011" s="8">
        <v>1</v>
      </c>
      <c r="H8011" s="8">
        <v>1</v>
      </c>
      <c r="I8011" s="8">
        <v>0</v>
      </c>
      <c r="J8011" s="8">
        <v>1</v>
      </c>
      <c r="K8011" s="9">
        <v>211</v>
      </c>
      <c r="L8011" s="6" t="s">
        <v>51</v>
      </c>
    </row>
    <row r="8012" spans="1:12">
      <c r="A8012" s="6" t="s">
        <v>49</v>
      </c>
      <c r="B8012" s="6"/>
      <c r="C8012" s="6" t="s">
        <v>8036</v>
      </c>
      <c r="D8012" s="6"/>
      <c r="E8012" s="6" t="s">
        <v>9</v>
      </c>
      <c r="F8012" s="7">
        <v>38657</v>
      </c>
      <c r="G8012" s="8">
        <v>1</v>
      </c>
      <c r="H8012" s="8">
        <v>1</v>
      </c>
      <c r="I8012" s="8">
        <v>0</v>
      </c>
      <c r="J8012" s="8">
        <v>1</v>
      </c>
      <c r="K8012" s="9">
        <v>61</v>
      </c>
      <c r="L8012" s="6" t="s">
        <v>51</v>
      </c>
    </row>
    <row r="8013" spans="1:12">
      <c r="A8013" s="6" t="s">
        <v>49</v>
      </c>
      <c r="B8013" s="6"/>
      <c r="C8013" s="6" t="s">
        <v>8037</v>
      </c>
      <c r="D8013" s="6"/>
      <c r="E8013" s="6" t="s">
        <v>9</v>
      </c>
      <c r="F8013" s="7">
        <v>38657</v>
      </c>
      <c r="G8013" s="8">
        <v>1</v>
      </c>
      <c r="H8013" s="8">
        <v>1</v>
      </c>
      <c r="I8013" s="8">
        <v>0</v>
      </c>
      <c r="J8013" s="8">
        <v>1</v>
      </c>
      <c r="K8013" s="9">
        <v>19.649999999999899</v>
      </c>
      <c r="L8013" s="6" t="s">
        <v>51</v>
      </c>
    </row>
    <row r="8014" spans="1:12">
      <c r="A8014" s="6" t="s">
        <v>49</v>
      </c>
      <c r="B8014" s="6"/>
      <c r="C8014" s="6" t="s">
        <v>8038</v>
      </c>
      <c r="D8014" s="6"/>
      <c r="E8014" s="6" t="s">
        <v>9</v>
      </c>
      <c r="F8014" s="7">
        <v>38657</v>
      </c>
      <c r="G8014" s="8">
        <v>1</v>
      </c>
      <c r="H8014" s="8">
        <v>1</v>
      </c>
      <c r="I8014" s="8">
        <v>0</v>
      </c>
      <c r="J8014" s="8">
        <v>1</v>
      </c>
      <c r="K8014" s="9">
        <v>1193</v>
      </c>
      <c r="L8014" s="6" t="s">
        <v>51</v>
      </c>
    </row>
    <row r="8015" spans="1:12">
      <c r="A8015" s="6" t="s">
        <v>49</v>
      </c>
      <c r="B8015" s="6"/>
      <c r="C8015" s="6" t="s">
        <v>8039</v>
      </c>
      <c r="D8015" s="6"/>
      <c r="E8015" s="6" t="s">
        <v>9</v>
      </c>
      <c r="F8015" s="7"/>
      <c r="G8015" s="8">
        <v>86904</v>
      </c>
      <c r="H8015" s="8">
        <v>86904</v>
      </c>
      <c r="I8015" s="8">
        <v>0</v>
      </c>
      <c r="J8015" s="8">
        <v>86904</v>
      </c>
      <c r="K8015" s="9">
        <v>17</v>
      </c>
      <c r="L8015" s="6" t="s">
        <v>23</v>
      </c>
    </row>
    <row r="8016" spans="1:12">
      <c r="A8016" s="6" t="s">
        <v>49</v>
      </c>
      <c r="B8016" s="6"/>
      <c r="C8016" s="6" t="s">
        <v>8040</v>
      </c>
      <c r="D8016" s="6"/>
      <c r="E8016" s="6" t="s">
        <v>9</v>
      </c>
      <c r="F8016" s="7">
        <v>38657</v>
      </c>
      <c r="G8016" s="8">
        <v>1</v>
      </c>
      <c r="H8016" s="8">
        <v>1</v>
      </c>
      <c r="I8016" s="8">
        <v>0</v>
      </c>
      <c r="J8016" s="8">
        <v>1</v>
      </c>
      <c r="K8016" s="9">
        <v>174.5</v>
      </c>
      <c r="L8016" s="6" t="s">
        <v>51</v>
      </c>
    </row>
    <row r="8017" spans="1:12">
      <c r="A8017" s="6" t="s">
        <v>49</v>
      </c>
      <c r="B8017" s="6"/>
      <c r="C8017" s="6" t="s">
        <v>8041</v>
      </c>
      <c r="D8017" s="6"/>
      <c r="E8017" s="6" t="s">
        <v>9</v>
      </c>
      <c r="F8017" s="7">
        <v>38657</v>
      </c>
      <c r="G8017" s="8">
        <v>1</v>
      </c>
      <c r="H8017" s="8">
        <v>1</v>
      </c>
      <c r="I8017" s="8">
        <v>0</v>
      </c>
      <c r="J8017" s="8">
        <v>1</v>
      </c>
      <c r="K8017" s="9">
        <v>125</v>
      </c>
      <c r="L8017" s="6" t="s">
        <v>51</v>
      </c>
    </row>
    <row r="8018" spans="1:12">
      <c r="A8018" s="6" t="s">
        <v>49</v>
      </c>
      <c r="B8018" s="6"/>
      <c r="C8018" s="6" t="s">
        <v>8042</v>
      </c>
      <c r="D8018" s="6"/>
      <c r="E8018" s="6" t="s">
        <v>9</v>
      </c>
      <c r="F8018" s="7">
        <v>38657</v>
      </c>
      <c r="G8018" s="8">
        <v>1</v>
      </c>
      <c r="H8018" s="8">
        <v>1</v>
      </c>
      <c r="I8018" s="8">
        <v>0</v>
      </c>
      <c r="J8018" s="8">
        <v>1</v>
      </c>
      <c r="K8018" s="9">
        <v>48</v>
      </c>
      <c r="L8018" s="6" t="s">
        <v>51</v>
      </c>
    </row>
    <row r="8019" spans="1:12">
      <c r="A8019" s="6" t="s">
        <v>49</v>
      </c>
      <c r="B8019" s="6"/>
      <c r="C8019" s="6" t="s">
        <v>8043</v>
      </c>
      <c r="D8019" s="6"/>
      <c r="E8019" s="6" t="s">
        <v>9</v>
      </c>
      <c r="F8019" s="7">
        <v>38657</v>
      </c>
      <c r="G8019" s="8">
        <v>1</v>
      </c>
      <c r="H8019" s="8">
        <v>1</v>
      </c>
      <c r="I8019" s="8">
        <v>0</v>
      </c>
      <c r="J8019" s="8">
        <v>1</v>
      </c>
      <c r="K8019" s="9">
        <v>612</v>
      </c>
      <c r="L8019" s="6" t="s">
        <v>51</v>
      </c>
    </row>
    <row r="8020" spans="1:12">
      <c r="A8020" s="6" t="s">
        <v>49</v>
      </c>
      <c r="B8020" s="6"/>
      <c r="C8020" s="6" t="s">
        <v>8044</v>
      </c>
      <c r="D8020" s="6"/>
      <c r="E8020" s="6" t="s">
        <v>9</v>
      </c>
      <c r="F8020" s="7">
        <v>38657</v>
      </c>
      <c r="G8020" s="8">
        <v>1</v>
      </c>
      <c r="H8020" s="8">
        <v>1</v>
      </c>
      <c r="I8020" s="8">
        <v>0</v>
      </c>
      <c r="J8020" s="8">
        <v>1</v>
      </c>
      <c r="K8020" s="9">
        <v>32</v>
      </c>
      <c r="L8020" s="6" t="s">
        <v>51</v>
      </c>
    </row>
    <row r="8021" spans="1:12">
      <c r="A8021" s="6" t="s">
        <v>49</v>
      </c>
      <c r="B8021" s="6"/>
      <c r="C8021" s="6" t="s">
        <v>8045</v>
      </c>
      <c r="D8021" s="6"/>
      <c r="E8021" s="6" t="s">
        <v>9</v>
      </c>
      <c r="F8021" s="7">
        <v>38657</v>
      </c>
      <c r="G8021" s="8">
        <v>1</v>
      </c>
      <c r="H8021" s="8">
        <v>1</v>
      </c>
      <c r="I8021" s="8">
        <v>0</v>
      </c>
      <c r="J8021" s="8">
        <v>1</v>
      </c>
      <c r="K8021" s="9">
        <v>4.5599999999999898</v>
      </c>
      <c r="L8021" s="6" t="s">
        <v>51</v>
      </c>
    </row>
    <row r="8022" spans="1:12">
      <c r="A8022" s="6" t="s">
        <v>49</v>
      </c>
      <c r="B8022" s="6"/>
      <c r="C8022" s="6" t="s">
        <v>8046</v>
      </c>
      <c r="D8022" s="6"/>
      <c r="E8022" s="6" t="s">
        <v>9</v>
      </c>
      <c r="F8022" s="7">
        <v>38657</v>
      </c>
      <c r="G8022" s="8">
        <v>1</v>
      </c>
      <c r="H8022" s="8">
        <v>1</v>
      </c>
      <c r="I8022" s="8">
        <v>0</v>
      </c>
      <c r="J8022" s="8">
        <v>1</v>
      </c>
      <c r="K8022" s="9">
        <v>20</v>
      </c>
      <c r="L8022" s="6" t="s">
        <v>51</v>
      </c>
    </row>
    <row r="8023" spans="1:12">
      <c r="A8023" s="6" t="s">
        <v>49</v>
      </c>
      <c r="B8023" s="6"/>
      <c r="C8023" s="6" t="s">
        <v>8047</v>
      </c>
      <c r="D8023" s="6"/>
      <c r="E8023" s="6" t="s">
        <v>9</v>
      </c>
      <c r="F8023" s="7">
        <v>38657</v>
      </c>
      <c r="G8023" s="8">
        <v>1</v>
      </c>
      <c r="H8023" s="8">
        <v>1</v>
      </c>
      <c r="I8023" s="8">
        <v>0</v>
      </c>
      <c r="J8023" s="8">
        <v>1</v>
      </c>
      <c r="K8023" s="9">
        <v>326</v>
      </c>
      <c r="L8023" s="6" t="s">
        <v>51</v>
      </c>
    </row>
    <row r="8024" spans="1:12">
      <c r="A8024" s="6" t="s">
        <v>49</v>
      </c>
      <c r="B8024" s="6"/>
      <c r="C8024" s="6" t="s">
        <v>8048</v>
      </c>
      <c r="D8024" s="6"/>
      <c r="E8024" s="6" t="s">
        <v>9</v>
      </c>
      <c r="F8024" s="7">
        <v>38657</v>
      </c>
      <c r="G8024" s="8">
        <v>1</v>
      </c>
      <c r="H8024" s="8">
        <v>1</v>
      </c>
      <c r="I8024" s="8">
        <v>0</v>
      </c>
      <c r="J8024" s="8">
        <v>1</v>
      </c>
      <c r="K8024" s="9">
        <v>78</v>
      </c>
      <c r="L8024" s="6" t="s">
        <v>51</v>
      </c>
    </row>
    <row r="8025" spans="1:12">
      <c r="A8025" s="6" t="s">
        <v>49</v>
      </c>
      <c r="B8025" s="6"/>
      <c r="C8025" s="6" t="s">
        <v>8049</v>
      </c>
      <c r="D8025" s="6"/>
      <c r="E8025" s="6" t="s">
        <v>9</v>
      </c>
      <c r="F8025" s="7">
        <v>38657</v>
      </c>
      <c r="G8025" s="8">
        <v>1</v>
      </c>
      <c r="H8025" s="8">
        <v>1</v>
      </c>
      <c r="I8025" s="8">
        <v>0</v>
      </c>
      <c r="J8025" s="8">
        <v>1</v>
      </c>
      <c r="K8025" s="9">
        <v>2.63</v>
      </c>
      <c r="L8025" s="6" t="s">
        <v>51</v>
      </c>
    </row>
    <row r="8026" spans="1:12">
      <c r="A8026" s="6" t="s">
        <v>49</v>
      </c>
      <c r="B8026" s="6"/>
      <c r="C8026" s="6" t="s">
        <v>8050</v>
      </c>
      <c r="D8026" s="6"/>
      <c r="E8026" s="6" t="s">
        <v>9</v>
      </c>
      <c r="F8026" s="7">
        <v>38657</v>
      </c>
      <c r="G8026" s="8">
        <v>1</v>
      </c>
      <c r="H8026" s="8">
        <v>1</v>
      </c>
      <c r="I8026" s="8">
        <v>0</v>
      </c>
      <c r="J8026" s="8">
        <v>1</v>
      </c>
      <c r="K8026" s="9">
        <v>70</v>
      </c>
      <c r="L8026" s="6" t="s">
        <v>51</v>
      </c>
    </row>
    <row r="8027" spans="1:12">
      <c r="A8027" s="6" t="s">
        <v>49</v>
      </c>
      <c r="B8027" s="6"/>
      <c r="C8027" s="6" t="s">
        <v>8051</v>
      </c>
      <c r="D8027" s="6"/>
      <c r="E8027" s="6" t="s">
        <v>9</v>
      </c>
      <c r="F8027" s="7">
        <v>38657</v>
      </c>
      <c r="G8027" s="8">
        <v>1</v>
      </c>
      <c r="H8027" s="8">
        <v>1</v>
      </c>
      <c r="I8027" s="8">
        <v>0</v>
      </c>
      <c r="J8027" s="8">
        <v>1</v>
      </c>
      <c r="K8027" s="9">
        <v>60</v>
      </c>
      <c r="L8027" s="6" t="s">
        <v>51</v>
      </c>
    </row>
    <row r="8028" spans="1:12">
      <c r="A8028" s="6" t="s">
        <v>49</v>
      </c>
      <c r="B8028" s="6"/>
      <c r="C8028" s="6" t="s">
        <v>8052</v>
      </c>
      <c r="D8028" s="6"/>
      <c r="E8028" s="6" t="s">
        <v>9</v>
      </c>
      <c r="F8028" s="7">
        <v>38657</v>
      </c>
      <c r="G8028" s="8">
        <v>1</v>
      </c>
      <c r="H8028" s="8">
        <v>1</v>
      </c>
      <c r="I8028" s="8">
        <v>0</v>
      </c>
      <c r="J8028" s="8">
        <v>1</v>
      </c>
      <c r="K8028" s="9">
        <v>83</v>
      </c>
      <c r="L8028" s="6" t="s">
        <v>51</v>
      </c>
    </row>
    <row r="8029" spans="1:12">
      <c r="A8029" s="6" t="s">
        <v>49</v>
      </c>
      <c r="B8029" s="6"/>
      <c r="C8029" s="6" t="s">
        <v>8053</v>
      </c>
      <c r="D8029" s="6"/>
      <c r="E8029" s="6" t="s">
        <v>9</v>
      </c>
      <c r="F8029" s="7">
        <v>38657</v>
      </c>
      <c r="G8029" s="8">
        <v>1</v>
      </c>
      <c r="H8029" s="8">
        <v>1</v>
      </c>
      <c r="I8029" s="8">
        <v>0</v>
      </c>
      <c r="J8029" s="8">
        <v>1</v>
      </c>
      <c r="K8029" s="9">
        <v>135</v>
      </c>
      <c r="L8029" s="6" t="s">
        <v>51</v>
      </c>
    </row>
    <row r="8030" spans="1:12">
      <c r="A8030" s="6" t="s">
        <v>49</v>
      </c>
      <c r="B8030" s="6"/>
      <c r="C8030" s="6" t="s">
        <v>8054</v>
      </c>
      <c r="D8030" s="6"/>
      <c r="E8030" s="6" t="s">
        <v>9</v>
      </c>
      <c r="F8030" s="7">
        <v>38657</v>
      </c>
      <c r="G8030" s="8">
        <v>1</v>
      </c>
      <c r="H8030" s="8">
        <v>1</v>
      </c>
      <c r="I8030" s="8">
        <v>0</v>
      </c>
      <c r="J8030" s="8">
        <v>1</v>
      </c>
      <c r="K8030" s="9">
        <v>134</v>
      </c>
      <c r="L8030" s="6" t="s">
        <v>51</v>
      </c>
    </row>
    <row r="8031" spans="1:12">
      <c r="A8031" s="6" t="s">
        <v>49</v>
      </c>
      <c r="B8031" s="6"/>
      <c r="C8031" s="6" t="s">
        <v>8055</v>
      </c>
      <c r="D8031" s="6"/>
      <c r="E8031" s="6" t="s">
        <v>9</v>
      </c>
      <c r="F8031" s="7">
        <v>38657</v>
      </c>
      <c r="G8031" s="8">
        <v>1</v>
      </c>
      <c r="H8031" s="8">
        <v>1</v>
      </c>
      <c r="I8031" s="8">
        <v>0</v>
      </c>
      <c r="J8031" s="8">
        <v>1</v>
      </c>
      <c r="K8031" s="9">
        <v>25</v>
      </c>
      <c r="L8031" s="6" t="s">
        <v>51</v>
      </c>
    </row>
    <row r="8032" spans="1:12">
      <c r="A8032" s="6" t="s">
        <v>49</v>
      </c>
      <c r="B8032" s="6"/>
      <c r="C8032" s="6" t="s">
        <v>8056</v>
      </c>
      <c r="D8032" s="6"/>
      <c r="E8032" s="6" t="s">
        <v>9</v>
      </c>
      <c r="F8032" s="7">
        <v>38657</v>
      </c>
      <c r="G8032" s="8">
        <v>1</v>
      </c>
      <c r="H8032" s="8">
        <v>1</v>
      </c>
      <c r="I8032" s="8">
        <v>0</v>
      </c>
      <c r="J8032" s="8">
        <v>1</v>
      </c>
      <c r="K8032" s="9">
        <v>40</v>
      </c>
      <c r="L8032" s="6" t="s">
        <v>51</v>
      </c>
    </row>
    <row r="8033" spans="1:12">
      <c r="A8033" s="6" t="s">
        <v>49</v>
      </c>
      <c r="B8033" s="6"/>
      <c r="C8033" s="6" t="s">
        <v>8057</v>
      </c>
      <c r="D8033" s="6"/>
      <c r="E8033" s="6" t="s">
        <v>9</v>
      </c>
      <c r="F8033" s="7">
        <v>38657</v>
      </c>
      <c r="G8033" s="8">
        <v>1</v>
      </c>
      <c r="H8033" s="8">
        <v>1</v>
      </c>
      <c r="I8033" s="8">
        <v>0</v>
      </c>
      <c r="J8033" s="8">
        <v>1</v>
      </c>
      <c r="K8033" s="9">
        <v>259</v>
      </c>
      <c r="L8033" s="6" t="s">
        <v>51</v>
      </c>
    </row>
    <row r="8034" spans="1:12">
      <c r="A8034" s="6" t="s">
        <v>49</v>
      </c>
      <c r="B8034" s="6"/>
      <c r="C8034" s="6" t="s">
        <v>8058</v>
      </c>
      <c r="D8034" s="6"/>
      <c r="E8034" s="6" t="s">
        <v>9</v>
      </c>
      <c r="F8034" s="7">
        <v>38657</v>
      </c>
      <c r="G8034" s="8">
        <v>1</v>
      </c>
      <c r="H8034" s="8">
        <v>1</v>
      </c>
      <c r="I8034" s="8">
        <v>0</v>
      </c>
      <c r="J8034" s="8">
        <v>1</v>
      </c>
      <c r="K8034" s="9">
        <v>0.7</v>
      </c>
      <c r="L8034" s="6" t="s">
        <v>51</v>
      </c>
    </row>
    <row r="8035" spans="1:12">
      <c r="A8035" s="6" t="s">
        <v>49</v>
      </c>
      <c r="B8035" s="6"/>
      <c r="C8035" s="6" t="s">
        <v>8059</v>
      </c>
      <c r="D8035" s="6"/>
      <c r="E8035" s="6" t="s">
        <v>9</v>
      </c>
      <c r="F8035" s="7">
        <v>38657</v>
      </c>
      <c r="G8035" s="8">
        <v>1</v>
      </c>
      <c r="H8035" s="8">
        <v>1</v>
      </c>
      <c r="I8035" s="8">
        <v>0</v>
      </c>
      <c r="J8035" s="8">
        <v>1</v>
      </c>
      <c r="K8035" s="9">
        <v>2.95</v>
      </c>
      <c r="L8035" s="6" t="s">
        <v>51</v>
      </c>
    </row>
    <row r="8036" spans="1:12">
      <c r="A8036" s="6" t="s">
        <v>49</v>
      </c>
      <c r="B8036" s="6"/>
      <c r="C8036" s="6" t="s">
        <v>8060</v>
      </c>
      <c r="D8036" s="6"/>
      <c r="E8036" s="6" t="s">
        <v>9</v>
      </c>
      <c r="F8036" s="7">
        <v>38657</v>
      </c>
      <c r="G8036" s="8">
        <v>1</v>
      </c>
      <c r="H8036" s="8">
        <v>1</v>
      </c>
      <c r="I8036" s="8">
        <v>0</v>
      </c>
      <c r="J8036" s="8">
        <v>1</v>
      </c>
      <c r="K8036" s="9">
        <v>447</v>
      </c>
      <c r="L8036" s="6" t="s">
        <v>51</v>
      </c>
    </row>
    <row r="8037" spans="1:12">
      <c r="A8037" s="6" t="s">
        <v>49</v>
      </c>
      <c r="B8037" s="6"/>
      <c r="C8037" s="6" t="s">
        <v>8061</v>
      </c>
      <c r="D8037" s="6"/>
      <c r="E8037" s="6" t="s">
        <v>9</v>
      </c>
      <c r="F8037" s="7">
        <v>38657</v>
      </c>
      <c r="G8037" s="8">
        <v>1</v>
      </c>
      <c r="H8037" s="8">
        <v>1</v>
      </c>
      <c r="I8037" s="8">
        <v>0</v>
      </c>
      <c r="J8037" s="8">
        <v>1</v>
      </c>
      <c r="K8037" s="9">
        <v>27</v>
      </c>
      <c r="L8037" s="6" t="s">
        <v>51</v>
      </c>
    </row>
    <row r="8038" spans="1:12">
      <c r="A8038" s="6" t="s">
        <v>49</v>
      </c>
      <c r="B8038" s="6"/>
      <c r="C8038" s="6" t="s">
        <v>8062</v>
      </c>
      <c r="D8038" s="6"/>
      <c r="E8038" s="6" t="s">
        <v>9</v>
      </c>
      <c r="F8038" s="7">
        <v>38657</v>
      </c>
      <c r="G8038" s="8">
        <v>1</v>
      </c>
      <c r="H8038" s="8">
        <v>1</v>
      </c>
      <c r="I8038" s="8">
        <v>0</v>
      </c>
      <c r="J8038" s="8">
        <v>1</v>
      </c>
      <c r="K8038" s="9">
        <v>9.27</v>
      </c>
      <c r="L8038" s="6" t="s">
        <v>51</v>
      </c>
    </row>
    <row r="8039" spans="1:12">
      <c r="A8039" s="6" t="s">
        <v>49</v>
      </c>
      <c r="B8039" s="6"/>
      <c r="C8039" s="6" t="s">
        <v>8063</v>
      </c>
      <c r="D8039" s="6"/>
      <c r="E8039" s="6" t="s">
        <v>9</v>
      </c>
      <c r="F8039" s="7">
        <v>38657</v>
      </c>
      <c r="G8039" s="8">
        <v>1</v>
      </c>
      <c r="H8039" s="8">
        <v>1</v>
      </c>
      <c r="I8039" s="8">
        <v>0</v>
      </c>
      <c r="J8039" s="8">
        <v>1</v>
      </c>
      <c r="K8039" s="9">
        <v>201</v>
      </c>
      <c r="L8039" s="6" t="s">
        <v>51</v>
      </c>
    </row>
    <row r="8040" spans="1:12">
      <c r="A8040" s="6" t="s">
        <v>49</v>
      </c>
      <c r="B8040" s="6"/>
      <c r="C8040" s="6" t="s">
        <v>8064</v>
      </c>
      <c r="D8040" s="6"/>
      <c r="E8040" s="6" t="s">
        <v>9</v>
      </c>
      <c r="F8040" s="7">
        <v>38657</v>
      </c>
      <c r="G8040" s="8">
        <v>1</v>
      </c>
      <c r="H8040" s="8">
        <v>1</v>
      </c>
      <c r="I8040" s="8">
        <v>0</v>
      </c>
      <c r="J8040" s="8">
        <v>1</v>
      </c>
      <c r="K8040" s="9">
        <v>0.52</v>
      </c>
      <c r="L8040" s="6" t="s">
        <v>51</v>
      </c>
    </row>
    <row r="8041" spans="1:12">
      <c r="A8041" s="6" t="s">
        <v>49</v>
      </c>
      <c r="B8041" s="6"/>
      <c r="C8041" s="6" t="s">
        <v>8065</v>
      </c>
      <c r="D8041" s="6"/>
      <c r="E8041" s="6" t="s">
        <v>9</v>
      </c>
      <c r="F8041" s="7">
        <v>38657</v>
      </c>
      <c r="G8041" s="8">
        <v>1</v>
      </c>
      <c r="H8041" s="8">
        <v>1</v>
      </c>
      <c r="I8041" s="8">
        <v>0</v>
      </c>
      <c r="J8041" s="8">
        <v>1</v>
      </c>
      <c r="K8041" s="9">
        <v>115</v>
      </c>
      <c r="L8041" s="6" t="s">
        <v>51</v>
      </c>
    </row>
    <row r="8042" spans="1:12">
      <c r="A8042" s="6" t="s">
        <v>49</v>
      </c>
      <c r="B8042" s="6"/>
      <c r="C8042" s="6" t="s">
        <v>8066</v>
      </c>
      <c r="D8042" s="6"/>
      <c r="E8042" s="6" t="s">
        <v>9</v>
      </c>
      <c r="F8042" s="7">
        <v>38657</v>
      </c>
      <c r="G8042" s="8">
        <v>1</v>
      </c>
      <c r="H8042" s="8">
        <v>1</v>
      </c>
      <c r="I8042" s="8">
        <v>0</v>
      </c>
      <c r="J8042" s="8">
        <v>1</v>
      </c>
      <c r="K8042" s="9">
        <v>328</v>
      </c>
      <c r="L8042" s="6" t="s">
        <v>51</v>
      </c>
    </row>
    <row r="8043" spans="1:12">
      <c r="A8043" s="6" t="s">
        <v>49</v>
      </c>
      <c r="B8043" s="6"/>
      <c r="C8043" s="6" t="s">
        <v>8067</v>
      </c>
      <c r="D8043" s="6"/>
      <c r="E8043" s="6" t="s">
        <v>9</v>
      </c>
      <c r="F8043" s="7">
        <v>38657</v>
      </c>
      <c r="G8043" s="8">
        <v>1</v>
      </c>
      <c r="H8043" s="8">
        <v>1</v>
      </c>
      <c r="I8043" s="8">
        <v>0</v>
      </c>
      <c r="J8043" s="8">
        <v>1</v>
      </c>
      <c r="K8043" s="9">
        <v>248</v>
      </c>
      <c r="L8043" s="6" t="s">
        <v>51</v>
      </c>
    </row>
    <row r="8044" spans="1:12">
      <c r="A8044" s="6" t="s">
        <v>49</v>
      </c>
      <c r="B8044" s="6"/>
      <c r="C8044" s="6" t="s">
        <v>8068</v>
      </c>
      <c r="D8044" s="6"/>
      <c r="E8044" s="6" t="s">
        <v>9</v>
      </c>
      <c r="F8044" s="7">
        <v>38657</v>
      </c>
      <c r="G8044" s="8">
        <v>1</v>
      </c>
      <c r="H8044" s="8">
        <v>1</v>
      </c>
      <c r="I8044" s="8">
        <v>0</v>
      </c>
      <c r="J8044" s="8">
        <v>1</v>
      </c>
      <c r="K8044" s="9">
        <v>8.77</v>
      </c>
      <c r="L8044" s="6" t="s">
        <v>51</v>
      </c>
    </row>
    <row r="8045" spans="1:12">
      <c r="A8045" s="6" t="s">
        <v>49</v>
      </c>
      <c r="B8045" s="6"/>
      <c r="C8045" s="6" t="s">
        <v>8069</v>
      </c>
      <c r="D8045" s="6"/>
      <c r="E8045" s="6" t="s">
        <v>9</v>
      </c>
      <c r="F8045" s="7">
        <v>38657</v>
      </c>
      <c r="G8045" s="8">
        <v>1</v>
      </c>
      <c r="H8045" s="8">
        <v>1</v>
      </c>
      <c r="I8045" s="8">
        <v>0</v>
      </c>
      <c r="J8045" s="8">
        <v>1</v>
      </c>
      <c r="K8045" s="9">
        <v>149</v>
      </c>
      <c r="L8045" s="6" t="s">
        <v>51</v>
      </c>
    </row>
    <row r="8046" spans="1:12">
      <c r="A8046" s="6" t="s">
        <v>49</v>
      </c>
      <c r="B8046" s="6"/>
      <c r="C8046" s="6" t="s">
        <v>8070</v>
      </c>
      <c r="D8046" s="6"/>
      <c r="E8046" s="6" t="s">
        <v>9</v>
      </c>
      <c r="F8046" s="7">
        <v>38657</v>
      </c>
      <c r="G8046" s="8">
        <v>1</v>
      </c>
      <c r="H8046" s="8">
        <v>1</v>
      </c>
      <c r="I8046" s="8">
        <v>0</v>
      </c>
      <c r="J8046" s="8">
        <v>1</v>
      </c>
      <c r="K8046" s="9">
        <v>114</v>
      </c>
      <c r="L8046" s="6" t="s">
        <v>51</v>
      </c>
    </row>
    <row r="8047" spans="1:12">
      <c r="A8047" s="6" t="s">
        <v>49</v>
      </c>
      <c r="B8047" s="6"/>
      <c r="C8047" s="6" t="s">
        <v>8071</v>
      </c>
      <c r="D8047" s="6"/>
      <c r="E8047" s="6" t="s">
        <v>9</v>
      </c>
      <c r="F8047" s="7">
        <v>38657</v>
      </c>
      <c r="G8047" s="8">
        <v>1</v>
      </c>
      <c r="H8047" s="8">
        <v>1</v>
      </c>
      <c r="I8047" s="8">
        <v>0</v>
      </c>
      <c r="J8047" s="8">
        <v>1</v>
      </c>
      <c r="K8047" s="9">
        <v>1.06</v>
      </c>
      <c r="L8047" s="6" t="s">
        <v>51</v>
      </c>
    </row>
    <row r="8048" spans="1:12">
      <c r="A8048" s="6" t="s">
        <v>49</v>
      </c>
      <c r="B8048" s="6"/>
      <c r="C8048" s="6" t="s">
        <v>8072</v>
      </c>
      <c r="D8048" s="6"/>
      <c r="E8048" s="6" t="s">
        <v>9</v>
      </c>
      <c r="F8048" s="7">
        <v>38657</v>
      </c>
      <c r="G8048" s="8">
        <v>1</v>
      </c>
      <c r="H8048" s="8">
        <v>1</v>
      </c>
      <c r="I8048" s="8">
        <v>0</v>
      </c>
      <c r="J8048" s="8">
        <v>1</v>
      </c>
      <c r="K8048" s="9">
        <v>58</v>
      </c>
      <c r="L8048" s="6" t="s">
        <v>51</v>
      </c>
    </row>
    <row r="8049" spans="1:12">
      <c r="A8049" s="6" t="s">
        <v>49</v>
      </c>
      <c r="B8049" s="6"/>
      <c r="C8049" s="6" t="s">
        <v>8073</v>
      </c>
      <c r="D8049" s="6"/>
      <c r="E8049" s="6" t="s">
        <v>9</v>
      </c>
      <c r="F8049" s="7">
        <v>38657</v>
      </c>
      <c r="G8049" s="8">
        <v>1</v>
      </c>
      <c r="H8049" s="8">
        <v>1</v>
      </c>
      <c r="I8049" s="8">
        <v>0</v>
      </c>
      <c r="J8049" s="8">
        <v>1</v>
      </c>
      <c r="K8049" s="9">
        <v>95</v>
      </c>
      <c r="L8049" s="6" t="s">
        <v>51</v>
      </c>
    </row>
    <row r="8050" spans="1:12">
      <c r="A8050" s="6" t="s">
        <v>49</v>
      </c>
      <c r="B8050" s="6"/>
      <c r="C8050" s="6" t="s">
        <v>8074</v>
      </c>
      <c r="D8050" s="6"/>
      <c r="E8050" s="6" t="s">
        <v>9</v>
      </c>
      <c r="F8050" s="7">
        <v>38657</v>
      </c>
      <c r="G8050" s="8">
        <v>1</v>
      </c>
      <c r="H8050" s="8">
        <v>1</v>
      </c>
      <c r="I8050" s="8">
        <v>0</v>
      </c>
      <c r="J8050" s="8">
        <v>1</v>
      </c>
      <c r="K8050" s="9">
        <v>16</v>
      </c>
      <c r="L8050" s="6" t="s">
        <v>51</v>
      </c>
    </row>
    <row r="8051" spans="1:12">
      <c r="A8051" s="6" t="s">
        <v>49</v>
      </c>
      <c r="B8051" s="6"/>
      <c r="C8051" s="6" t="s">
        <v>8075</v>
      </c>
      <c r="D8051" s="6"/>
      <c r="E8051" s="6" t="s">
        <v>9</v>
      </c>
      <c r="F8051" s="7">
        <v>38657</v>
      </c>
      <c r="G8051" s="8">
        <v>1</v>
      </c>
      <c r="H8051" s="8">
        <v>1</v>
      </c>
      <c r="I8051" s="8">
        <v>0</v>
      </c>
      <c r="J8051" s="8">
        <v>1</v>
      </c>
      <c r="K8051" s="9">
        <v>318</v>
      </c>
      <c r="L8051" s="6" t="s">
        <v>51</v>
      </c>
    </row>
    <row r="8052" spans="1:12">
      <c r="A8052" s="6" t="s">
        <v>49</v>
      </c>
      <c r="B8052" s="6"/>
      <c r="C8052" s="6" t="s">
        <v>8076</v>
      </c>
      <c r="D8052" s="6"/>
      <c r="E8052" s="6" t="s">
        <v>9</v>
      </c>
      <c r="F8052" s="7">
        <v>38657</v>
      </c>
      <c r="G8052" s="8">
        <v>1</v>
      </c>
      <c r="H8052" s="8">
        <v>1</v>
      </c>
      <c r="I8052" s="8">
        <v>0</v>
      </c>
      <c r="J8052" s="8">
        <v>1</v>
      </c>
      <c r="K8052" s="9">
        <v>492</v>
      </c>
      <c r="L8052" s="6" t="s">
        <v>51</v>
      </c>
    </row>
    <row r="8053" spans="1:12">
      <c r="A8053" s="6" t="s">
        <v>49</v>
      </c>
      <c r="B8053" s="6"/>
      <c r="C8053" s="6" t="s">
        <v>8077</v>
      </c>
      <c r="D8053" s="6"/>
      <c r="E8053" s="6" t="s">
        <v>9</v>
      </c>
      <c r="F8053" s="7">
        <v>38657</v>
      </c>
      <c r="G8053" s="8">
        <v>1</v>
      </c>
      <c r="H8053" s="8">
        <v>1</v>
      </c>
      <c r="I8053" s="8">
        <v>0</v>
      </c>
      <c r="J8053" s="8">
        <v>1</v>
      </c>
      <c r="K8053" s="9">
        <v>46</v>
      </c>
      <c r="L8053" s="6" t="s">
        <v>51</v>
      </c>
    </row>
    <row r="8054" spans="1:12">
      <c r="A8054" s="6" t="s">
        <v>49</v>
      </c>
      <c r="B8054" s="6"/>
      <c r="C8054" s="6" t="s">
        <v>8078</v>
      </c>
      <c r="D8054" s="6"/>
      <c r="E8054" s="6" t="s">
        <v>9</v>
      </c>
      <c r="F8054" s="7">
        <v>38657</v>
      </c>
      <c r="G8054" s="8">
        <v>1</v>
      </c>
      <c r="H8054" s="8">
        <v>1</v>
      </c>
      <c r="I8054" s="8">
        <v>0</v>
      </c>
      <c r="J8054" s="8">
        <v>1</v>
      </c>
      <c r="K8054" s="9">
        <v>27</v>
      </c>
      <c r="L8054" s="6" t="s">
        <v>51</v>
      </c>
    </row>
    <row r="8055" spans="1:12">
      <c r="A8055" s="6" t="s">
        <v>49</v>
      </c>
      <c r="B8055" s="6"/>
      <c r="C8055" s="6" t="s">
        <v>8079</v>
      </c>
      <c r="D8055" s="6"/>
      <c r="E8055" s="6" t="s">
        <v>9</v>
      </c>
      <c r="F8055" s="7">
        <v>38657</v>
      </c>
      <c r="G8055" s="8">
        <v>1</v>
      </c>
      <c r="H8055" s="8">
        <v>1</v>
      </c>
      <c r="I8055" s="8">
        <v>0</v>
      </c>
      <c r="J8055" s="8">
        <v>1</v>
      </c>
      <c r="K8055" s="9">
        <v>56</v>
      </c>
      <c r="L8055" s="6" t="s">
        <v>51</v>
      </c>
    </row>
    <row r="8056" spans="1:12">
      <c r="A8056" s="6" t="s">
        <v>49</v>
      </c>
      <c r="B8056" s="6"/>
      <c r="C8056" s="6" t="s">
        <v>8080</v>
      </c>
      <c r="D8056" s="6"/>
      <c r="E8056" s="6" t="s">
        <v>9</v>
      </c>
      <c r="F8056" s="7">
        <v>38657</v>
      </c>
      <c r="G8056" s="8">
        <v>1</v>
      </c>
      <c r="H8056" s="8">
        <v>1</v>
      </c>
      <c r="I8056" s="8">
        <v>0</v>
      </c>
      <c r="J8056" s="8">
        <v>1</v>
      </c>
      <c r="K8056" s="9">
        <v>15</v>
      </c>
      <c r="L8056" s="6" t="s">
        <v>51</v>
      </c>
    </row>
    <row r="8057" spans="1:12">
      <c r="A8057" s="6" t="s">
        <v>49</v>
      </c>
      <c r="B8057" s="6"/>
      <c r="C8057" s="6" t="s">
        <v>8081</v>
      </c>
      <c r="D8057" s="6"/>
      <c r="E8057" s="6" t="s">
        <v>9</v>
      </c>
      <c r="F8057" s="7">
        <v>38657</v>
      </c>
      <c r="G8057" s="8">
        <v>1</v>
      </c>
      <c r="H8057" s="8">
        <v>1</v>
      </c>
      <c r="I8057" s="8">
        <v>0</v>
      </c>
      <c r="J8057" s="8">
        <v>1</v>
      </c>
      <c r="K8057" s="9">
        <v>38</v>
      </c>
      <c r="L8057" s="6" t="s">
        <v>51</v>
      </c>
    </row>
    <row r="8058" spans="1:12">
      <c r="A8058" s="6" t="s">
        <v>49</v>
      </c>
      <c r="B8058" s="6"/>
      <c r="C8058" s="6" t="s">
        <v>8082</v>
      </c>
      <c r="D8058" s="6"/>
      <c r="E8058" s="6" t="s">
        <v>9</v>
      </c>
      <c r="F8058" s="7">
        <v>38657</v>
      </c>
      <c r="G8058" s="8">
        <v>1</v>
      </c>
      <c r="H8058" s="8">
        <v>1</v>
      </c>
      <c r="I8058" s="8">
        <v>0</v>
      </c>
      <c r="J8058" s="8">
        <v>1</v>
      </c>
      <c r="K8058" s="9">
        <v>31</v>
      </c>
      <c r="L8058" s="6" t="s">
        <v>51</v>
      </c>
    </row>
    <row r="8059" spans="1:12">
      <c r="A8059" s="6" t="s">
        <v>49</v>
      </c>
      <c r="B8059" s="6"/>
      <c r="C8059" s="6" t="s">
        <v>8083</v>
      </c>
      <c r="D8059" s="6"/>
      <c r="E8059" s="6" t="s">
        <v>9</v>
      </c>
      <c r="F8059" s="7">
        <v>38657</v>
      </c>
      <c r="G8059" s="8">
        <v>1</v>
      </c>
      <c r="H8059" s="8">
        <v>1</v>
      </c>
      <c r="I8059" s="8">
        <v>0</v>
      </c>
      <c r="J8059" s="8">
        <v>1</v>
      </c>
      <c r="K8059" s="9">
        <v>38</v>
      </c>
      <c r="L8059" s="6" t="s">
        <v>51</v>
      </c>
    </row>
    <row r="8060" spans="1:12">
      <c r="A8060" s="6" t="s">
        <v>49</v>
      </c>
      <c r="B8060" s="6"/>
      <c r="C8060" s="6" t="s">
        <v>8084</v>
      </c>
      <c r="D8060" s="6"/>
      <c r="E8060" s="6" t="s">
        <v>9</v>
      </c>
      <c r="F8060" s="7">
        <v>38657</v>
      </c>
      <c r="G8060" s="8">
        <v>1</v>
      </c>
      <c r="H8060" s="8">
        <v>1</v>
      </c>
      <c r="I8060" s="8">
        <v>0</v>
      </c>
      <c r="J8060" s="8">
        <v>1</v>
      </c>
      <c r="K8060" s="9">
        <v>17</v>
      </c>
      <c r="L8060" s="6" t="s">
        <v>51</v>
      </c>
    </row>
    <row r="8061" spans="1:12">
      <c r="A8061" s="6" t="s">
        <v>49</v>
      </c>
      <c r="B8061" s="6"/>
      <c r="C8061" s="6" t="s">
        <v>8085</v>
      </c>
      <c r="D8061" s="6"/>
      <c r="E8061" s="6" t="s">
        <v>9</v>
      </c>
      <c r="F8061" s="7">
        <v>38657</v>
      </c>
      <c r="G8061" s="8">
        <v>1</v>
      </c>
      <c r="H8061" s="8">
        <v>1</v>
      </c>
      <c r="I8061" s="8">
        <v>0</v>
      </c>
      <c r="J8061" s="8">
        <v>1</v>
      </c>
      <c r="K8061" s="9">
        <v>13</v>
      </c>
      <c r="L8061" s="6" t="s">
        <v>51</v>
      </c>
    </row>
    <row r="8062" spans="1:12">
      <c r="A8062" s="6" t="s">
        <v>49</v>
      </c>
      <c r="B8062" s="6"/>
      <c r="C8062" s="6" t="s">
        <v>8086</v>
      </c>
      <c r="D8062" s="6"/>
      <c r="E8062" s="6" t="s">
        <v>9</v>
      </c>
      <c r="F8062" s="7">
        <v>38657</v>
      </c>
      <c r="G8062" s="8">
        <v>1</v>
      </c>
      <c r="H8062" s="8">
        <v>1</v>
      </c>
      <c r="I8062" s="8">
        <v>0</v>
      </c>
      <c r="J8062" s="8">
        <v>1</v>
      </c>
      <c r="K8062" s="9">
        <v>55</v>
      </c>
      <c r="L8062" s="6" t="s">
        <v>51</v>
      </c>
    </row>
    <row r="8063" spans="1:12">
      <c r="A8063" s="6" t="s">
        <v>49</v>
      </c>
      <c r="B8063" s="6"/>
      <c r="C8063" s="6" t="s">
        <v>8087</v>
      </c>
      <c r="D8063" s="6"/>
      <c r="E8063" s="6" t="s">
        <v>9</v>
      </c>
      <c r="F8063" s="7">
        <v>38657</v>
      </c>
      <c r="G8063" s="8">
        <v>1</v>
      </c>
      <c r="H8063" s="8">
        <v>1</v>
      </c>
      <c r="I8063" s="8">
        <v>0</v>
      </c>
      <c r="J8063" s="8">
        <v>1</v>
      </c>
      <c r="K8063" s="9">
        <v>19</v>
      </c>
      <c r="L8063" s="6" t="s">
        <v>51</v>
      </c>
    </row>
    <row r="8064" spans="1:12">
      <c r="A8064" s="6" t="s">
        <v>49</v>
      </c>
      <c r="B8064" s="6"/>
      <c r="C8064" s="6" t="s">
        <v>8088</v>
      </c>
      <c r="D8064" s="6"/>
      <c r="E8064" s="6" t="s">
        <v>9</v>
      </c>
      <c r="F8064" s="7">
        <v>38657</v>
      </c>
      <c r="G8064" s="8">
        <v>1</v>
      </c>
      <c r="H8064" s="8">
        <v>1</v>
      </c>
      <c r="I8064" s="8">
        <v>0</v>
      </c>
      <c r="J8064" s="8">
        <v>1</v>
      </c>
      <c r="K8064" s="9">
        <v>77</v>
      </c>
      <c r="L8064" s="6" t="s">
        <v>51</v>
      </c>
    </row>
    <row r="8065" spans="1:12">
      <c r="A8065" s="6" t="s">
        <v>49</v>
      </c>
      <c r="B8065" s="6"/>
      <c r="C8065" s="6" t="s">
        <v>8089</v>
      </c>
      <c r="D8065" s="6"/>
      <c r="E8065" s="6" t="s">
        <v>9</v>
      </c>
      <c r="F8065" s="7">
        <v>38657</v>
      </c>
      <c r="G8065" s="8">
        <v>1</v>
      </c>
      <c r="H8065" s="8">
        <v>1</v>
      </c>
      <c r="I8065" s="8">
        <v>0</v>
      </c>
      <c r="J8065" s="8">
        <v>1</v>
      </c>
      <c r="K8065" s="9">
        <v>27</v>
      </c>
      <c r="L8065" s="6" t="s">
        <v>51</v>
      </c>
    </row>
    <row r="8066" spans="1:12">
      <c r="A8066" s="6" t="s">
        <v>49</v>
      </c>
      <c r="B8066" s="6"/>
      <c r="C8066" s="6" t="s">
        <v>8090</v>
      </c>
      <c r="D8066" s="6"/>
      <c r="E8066" s="6" t="s">
        <v>9</v>
      </c>
      <c r="F8066" s="7">
        <v>38657</v>
      </c>
      <c r="G8066" s="8">
        <v>1</v>
      </c>
      <c r="H8066" s="8">
        <v>1</v>
      </c>
      <c r="I8066" s="8">
        <v>0</v>
      </c>
      <c r="J8066" s="8">
        <v>1</v>
      </c>
      <c r="K8066" s="9">
        <v>74</v>
      </c>
      <c r="L8066" s="6" t="s">
        <v>51</v>
      </c>
    </row>
    <row r="8067" spans="1:12">
      <c r="A8067" s="6" t="s">
        <v>49</v>
      </c>
      <c r="B8067" s="6"/>
      <c r="C8067" s="6" t="s">
        <v>8091</v>
      </c>
      <c r="D8067" s="6"/>
      <c r="E8067" s="6" t="s">
        <v>9</v>
      </c>
      <c r="F8067" s="7">
        <v>38657</v>
      </c>
      <c r="G8067" s="8">
        <v>1</v>
      </c>
      <c r="H8067" s="8">
        <v>1</v>
      </c>
      <c r="I8067" s="8">
        <v>0</v>
      </c>
      <c r="J8067" s="8">
        <v>1</v>
      </c>
      <c r="K8067" s="9">
        <v>36</v>
      </c>
      <c r="L8067" s="6" t="s">
        <v>51</v>
      </c>
    </row>
    <row r="8068" spans="1:12">
      <c r="A8068" s="6" t="s">
        <v>49</v>
      </c>
      <c r="B8068" s="6"/>
      <c r="C8068" s="6" t="s">
        <v>8092</v>
      </c>
      <c r="D8068" s="6"/>
      <c r="E8068" s="6" t="s">
        <v>9</v>
      </c>
      <c r="F8068" s="7">
        <v>38657</v>
      </c>
      <c r="G8068" s="8">
        <v>1</v>
      </c>
      <c r="H8068" s="8">
        <v>1</v>
      </c>
      <c r="I8068" s="8">
        <v>0</v>
      </c>
      <c r="J8068" s="8">
        <v>1</v>
      </c>
      <c r="K8068" s="9">
        <v>37</v>
      </c>
      <c r="L8068" s="6" t="s">
        <v>51</v>
      </c>
    </row>
    <row r="8069" spans="1:12">
      <c r="A8069" s="6" t="s">
        <v>49</v>
      </c>
      <c r="B8069" s="6"/>
      <c r="C8069" s="6" t="s">
        <v>8093</v>
      </c>
      <c r="D8069" s="6"/>
      <c r="E8069" s="6" t="s">
        <v>9</v>
      </c>
      <c r="F8069" s="7">
        <v>38657</v>
      </c>
      <c r="G8069" s="8">
        <v>1</v>
      </c>
      <c r="H8069" s="8">
        <v>1</v>
      </c>
      <c r="I8069" s="8">
        <v>0</v>
      </c>
      <c r="J8069" s="8">
        <v>1</v>
      </c>
      <c r="K8069" s="9">
        <v>556</v>
      </c>
      <c r="L8069" s="6" t="s">
        <v>51</v>
      </c>
    </row>
    <row r="8070" spans="1:12">
      <c r="A8070" s="6" t="s">
        <v>49</v>
      </c>
      <c r="B8070" s="6"/>
      <c r="C8070" s="6" t="s">
        <v>8094</v>
      </c>
      <c r="D8070" s="6"/>
      <c r="E8070" s="6" t="s">
        <v>9</v>
      </c>
      <c r="F8070" s="7">
        <v>38657</v>
      </c>
      <c r="G8070" s="8">
        <v>1</v>
      </c>
      <c r="H8070" s="8">
        <v>1</v>
      </c>
      <c r="I8070" s="8">
        <v>0</v>
      </c>
      <c r="J8070" s="8">
        <v>1</v>
      </c>
      <c r="K8070" s="9">
        <v>57</v>
      </c>
      <c r="L8070" s="6" t="s">
        <v>51</v>
      </c>
    </row>
    <row r="8071" spans="1:12">
      <c r="A8071" s="6" t="s">
        <v>49</v>
      </c>
      <c r="B8071" s="6"/>
      <c r="C8071" s="6" t="s">
        <v>8095</v>
      </c>
      <c r="D8071" s="6"/>
      <c r="E8071" s="6" t="s">
        <v>9</v>
      </c>
      <c r="F8071" s="7">
        <v>38657</v>
      </c>
      <c r="G8071" s="8">
        <v>1</v>
      </c>
      <c r="H8071" s="8">
        <v>1</v>
      </c>
      <c r="I8071" s="8">
        <v>0</v>
      </c>
      <c r="J8071" s="8">
        <v>1</v>
      </c>
      <c r="K8071" s="9">
        <v>22</v>
      </c>
      <c r="L8071" s="6" t="s">
        <v>51</v>
      </c>
    </row>
    <row r="8072" spans="1:12">
      <c r="A8072" s="6" t="s">
        <v>49</v>
      </c>
      <c r="B8072" s="6"/>
      <c r="C8072" s="6" t="s">
        <v>8096</v>
      </c>
      <c r="D8072" s="6"/>
      <c r="E8072" s="6" t="s">
        <v>9</v>
      </c>
      <c r="F8072" s="7">
        <v>38657</v>
      </c>
      <c r="G8072" s="8">
        <v>1</v>
      </c>
      <c r="H8072" s="8">
        <v>1</v>
      </c>
      <c r="I8072" s="8">
        <v>0</v>
      </c>
      <c r="J8072" s="8">
        <v>1</v>
      </c>
      <c r="K8072" s="9">
        <v>68</v>
      </c>
      <c r="L8072" s="6" t="s">
        <v>51</v>
      </c>
    </row>
    <row r="8073" spans="1:12">
      <c r="A8073" s="6" t="s">
        <v>49</v>
      </c>
      <c r="B8073" s="6"/>
      <c r="C8073" s="6" t="s">
        <v>8097</v>
      </c>
      <c r="D8073" s="6"/>
      <c r="E8073" s="6" t="s">
        <v>9</v>
      </c>
      <c r="F8073" s="7">
        <v>38657</v>
      </c>
      <c r="G8073" s="8">
        <v>1</v>
      </c>
      <c r="H8073" s="8">
        <v>1</v>
      </c>
      <c r="I8073" s="8">
        <v>0</v>
      </c>
      <c r="J8073" s="8">
        <v>1</v>
      </c>
      <c r="K8073" s="9">
        <v>44.79</v>
      </c>
      <c r="L8073" s="6" t="s">
        <v>51</v>
      </c>
    </row>
    <row r="8074" spans="1:12">
      <c r="A8074" s="6" t="s">
        <v>49</v>
      </c>
      <c r="B8074" s="6"/>
      <c r="C8074" s="6" t="s">
        <v>8098</v>
      </c>
      <c r="D8074" s="6"/>
      <c r="E8074" s="6" t="s">
        <v>9</v>
      </c>
      <c r="F8074" s="7">
        <v>38657</v>
      </c>
      <c r="G8074" s="8">
        <v>1</v>
      </c>
      <c r="H8074" s="8">
        <v>1</v>
      </c>
      <c r="I8074" s="8">
        <v>0</v>
      </c>
      <c r="J8074" s="8">
        <v>1</v>
      </c>
      <c r="K8074" s="9">
        <v>6.95</v>
      </c>
      <c r="L8074" s="6" t="s">
        <v>51</v>
      </c>
    </row>
    <row r="8075" spans="1:12">
      <c r="A8075" s="6" t="s">
        <v>49</v>
      </c>
      <c r="B8075" s="6"/>
      <c r="C8075" s="6" t="s">
        <v>8099</v>
      </c>
      <c r="D8075" s="6"/>
      <c r="E8075" s="6" t="s">
        <v>9</v>
      </c>
      <c r="F8075" s="7">
        <v>38657</v>
      </c>
      <c r="G8075" s="8">
        <v>1</v>
      </c>
      <c r="H8075" s="8">
        <v>1</v>
      </c>
      <c r="I8075" s="8">
        <v>0</v>
      </c>
      <c r="J8075" s="8">
        <v>1</v>
      </c>
      <c r="K8075" s="9">
        <v>626</v>
      </c>
      <c r="L8075" s="6" t="s">
        <v>51</v>
      </c>
    </row>
    <row r="8076" spans="1:12">
      <c r="A8076" s="6" t="s">
        <v>49</v>
      </c>
      <c r="B8076" s="6"/>
      <c r="C8076" s="6" t="s">
        <v>8100</v>
      </c>
      <c r="D8076" s="6"/>
      <c r="E8076" s="6" t="s">
        <v>9</v>
      </c>
      <c r="F8076" s="7">
        <v>38657</v>
      </c>
      <c r="G8076" s="8">
        <v>1</v>
      </c>
      <c r="H8076" s="8">
        <v>1</v>
      </c>
      <c r="I8076" s="8">
        <v>0</v>
      </c>
      <c r="J8076" s="8">
        <v>1</v>
      </c>
      <c r="K8076" s="9">
        <v>122</v>
      </c>
      <c r="L8076" s="6" t="s">
        <v>51</v>
      </c>
    </row>
    <row r="8077" spans="1:12">
      <c r="A8077" s="6" t="s">
        <v>49</v>
      </c>
      <c r="B8077" s="6"/>
      <c r="C8077" s="6" t="s">
        <v>8101</v>
      </c>
      <c r="D8077" s="6"/>
      <c r="E8077" s="6" t="s">
        <v>9</v>
      </c>
      <c r="F8077" s="7">
        <v>38657</v>
      </c>
      <c r="G8077" s="8">
        <v>1</v>
      </c>
      <c r="H8077" s="8">
        <v>1</v>
      </c>
      <c r="I8077" s="8">
        <v>0</v>
      </c>
      <c r="J8077" s="8">
        <v>1</v>
      </c>
      <c r="K8077" s="9">
        <v>890</v>
      </c>
      <c r="L8077" s="6" t="s">
        <v>51</v>
      </c>
    </row>
    <row r="8078" spans="1:12">
      <c r="A8078" s="6" t="s">
        <v>49</v>
      </c>
      <c r="B8078" s="6"/>
      <c r="C8078" s="6" t="s">
        <v>8102</v>
      </c>
      <c r="D8078" s="6"/>
      <c r="E8078" s="6" t="s">
        <v>9</v>
      </c>
      <c r="F8078" s="7">
        <v>38657</v>
      </c>
      <c r="G8078" s="8">
        <v>1</v>
      </c>
      <c r="H8078" s="8">
        <v>1</v>
      </c>
      <c r="I8078" s="8">
        <v>0</v>
      </c>
      <c r="J8078" s="8">
        <v>1</v>
      </c>
      <c r="K8078" s="9">
        <v>416</v>
      </c>
      <c r="L8078" s="6" t="s">
        <v>51</v>
      </c>
    </row>
    <row r="8079" spans="1:12">
      <c r="A8079" s="6" t="s">
        <v>49</v>
      </c>
      <c r="B8079" s="6"/>
      <c r="C8079" s="6" t="s">
        <v>8103</v>
      </c>
      <c r="D8079" s="6"/>
      <c r="E8079" s="6" t="s">
        <v>9</v>
      </c>
      <c r="F8079" s="7">
        <v>38657</v>
      </c>
      <c r="G8079" s="8">
        <v>1</v>
      </c>
      <c r="H8079" s="8">
        <v>1</v>
      </c>
      <c r="I8079" s="8">
        <v>0</v>
      </c>
      <c r="J8079" s="8">
        <v>1</v>
      </c>
      <c r="K8079" s="9">
        <v>151</v>
      </c>
      <c r="L8079" s="6" t="s">
        <v>51</v>
      </c>
    </row>
    <row r="8080" spans="1:12">
      <c r="A8080" s="6" t="s">
        <v>49</v>
      </c>
      <c r="B8080" s="6"/>
      <c r="C8080" s="6" t="s">
        <v>8104</v>
      </c>
      <c r="D8080" s="6"/>
      <c r="E8080" s="6" t="s">
        <v>9</v>
      </c>
      <c r="F8080" s="7">
        <v>39972</v>
      </c>
      <c r="G8080" s="8">
        <v>1</v>
      </c>
      <c r="H8080" s="8">
        <v>1</v>
      </c>
      <c r="I8080" s="8">
        <v>0</v>
      </c>
      <c r="J8080" s="8">
        <v>1</v>
      </c>
      <c r="K8080" s="9">
        <v>8.1</v>
      </c>
      <c r="L8080" s="6" t="s">
        <v>51</v>
      </c>
    </row>
    <row r="8081" spans="1:12">
      <c r="A8081" s="6" t="s">
        <v>49</v>
      </c>
      <c r="B8081" s="6"/>
      <c r="C8081" s="6" t="s">
        <v>8105</v>
      </c>
      <c r="D8081" s="6"/>
      <c r="E8081" s="6" t="s">
        <v>9</v>
      </c>
      <c r="F8081" s="7">
        <v>38657</v>
      </c>
      <c r="G8081" s="8">
        <v>1</v>
      </c>
      <c r="H8081" s="8">
        <v>1</v>
      </c>
      <c r="I8081" s="8">
        <v>0</v>
      </c>
      <c r="J8081" s="8">
        <v>1</v>
      </c>
      <c r="K8081" s="9">
        <v>208</v>
      </c>
      <c r="L8081" s="6" t="s">
        <v>51</v>
      </c>
    </row>
    <row r="8082" spans="1:12">
      <c r="A8082" s="6" t="s">
        <v>49</v>
      </c>
      <c r="B8082" s="6"/>
      <c r="C8082" s="6" t="s">
        <v>8106</v>
      </c>
      <c r="D8082" s="6"/>
      <c r="E8082" s="6" t="s">
        <v>9</v>
      </c>
      <c r="F8082" s="7">
        <v>38657</v>
      </c>
      <c r="G8082" s="8">
        <v>1</v>
      </c>
      <c r="H8082" s="8">
        <v>1</v>
      </c>
      <c r="I8082" s="8">
        <v>0</v>
      </c>
      <c r="J8082" s="8">
        <v>1</v>
      </c>
      <c r="K8082" s="9">
        <v>3.76</v>
      </c>
      <c r="L8082" s="6" t="s">
        <v>51</v>
      </c>
    </row>
    <row r="8083" spans="1:12">
      <c r="A8083" s="6" t="s">
        <v>49</v>
      </c>
      <c r="B8083" s="6"/>
      <c r="C8083" s="6" t="s">
        <v>8107</v>
      </c>
      <c r="D8083" s="6"/>
      <c r="E8083" s="6" t="s">
        <v>9</v>
      </c>
      <c r="F8083" s="7">
        <v>38657</v>
      </c>
      <c r="G8083" s="8">
        <v>1</v>
      </c>
      <c r="H8083" s="8">
        <v>1</v>
      </c>
      <c r="I8083" s="8">
        <v>0</v>
      </c>
      <c r="J8083" s="8">
        <v>1</v>
      </c>
      <c r="K8083" s="9">
        <v>668</v>
      </c>
      <c r="L8083" s="6" t="s">
        <v>51</v>
      </c>
    </row>
    <row r="8084" spans="1:12">
      <c r="A8084" s="6" t="s">
        <v>49</v>
      </c>
      <c r="B8084" s="6"/>
      <c r="C8084" s="6" t="s">
        <v>8108</v>
      </c>
      <c r="D8084" s="6"/>
      <c r="E8084" s="6" t="s">
        <v>9</v>
      </c>
      <c r="F8084" s="7">
        <v>38657</v>
      </c>
      <c r="G8084" s="8">
        <v>1</v>
      </c>
      <c r="H8084" s="8">
        <v>1</v>
      </c>
      <c r="I8084" s="8">
        <v>0</v>
      </c>
      <c r="J8084" s="8">
        <v>1</v>
      </c>
      <c r="K8084" s="9">
        <v>115</v>
      </c>
      <c r="L8084" s="6" t="s">
        <v>51</v>
      </c>
    </row>
    <row r="8085" spans="1:12">
      <c r="A8085" s="6" t="s">
        <v>49</v>
      </c>
      <c r="B8085" s="6"/>
      <c r="C8085" s="6" t="s">
        <v>8109</v>
      </c>
      <c r="D8085" s="6"/>
      <c r="E8085" s="6" t="s">
        <v>9</v>
      </c>
      <c r="F8085" s="7">
        <v>38657</v>
      </c>
      <c r="G8085" s="8">
        <v>1</v>
      </c>
      <c r="H8085" s="8">
        <v>1</v>
      </c>
      <c r="I8085" s="8">
        <v>0</v>
      </c>
      <c r="J8085" s="8">
        <v>1</v>
      </c>
      <c r="K8085" s="9">
        <v>334</v>
      </c>
      <c r="L8085" s="6" t="s">
        <v>51</v>
      </c>
    </row>
    <row r="8086" spans="1:12">
      <c r="A8086" s="6" t="s">
        <v>49</v>
      </c>
      <c r="B8086" s="6"/>
      <c r="C8086" s="6" t="s">
        <v>8110</v>
      </c>
      <c r="D8086" s="6"/>
      <c r="E8086" s="6" t="s">
        <v>9</v>
      </c>
      <c r="F8086" s="7">
        <v>38657</v>
      </c>
      <c r="G8086" s="8">
        <v>1</v>
      </c>
      <c r="H8086" s="8">
        <v>1</v>
      </c>
      <c r="I8086" s="8">
        <v>0</v>
      </c>
      <c r="J8086" s="8">
        <v>1</v>
      </c>
      <c r="K8086" s="9">
        <v>782</v>
      </c>
      <c r="L8086" s="6" t="s">
        <v>51</v>
      </c>
    </row>
    <row r="8087" spans="1:12">
      <c r="A8087" s="6" t="s">
        <v>49</v>
      </c>
      <c r="B8087" s="6"/>
      <c r="C8087" s="6" t="s">
        <v>8111</v>
      </c>
      <c r="D8087" s="6"/>
      <c r="E8087" s="6" t="s">
        <v>9</v>
      </c>
      <c r="F8087" s="7">
        <v>38657</v>
      </c>
      <c r="G8087" s="8">
        <v>1</v>
      </c>
      <c r="H8087" s="8">
        <v>1</v>
      </c>
      <c r="I8087" s="8">
        <v>0</v>
      </c>
      <c r="J8087" s="8">
        <v>1</v>
      </c>
      <c r="K8087" s="9">
        <v>122</v>
      </c>
      <c r="L8087" s="6" t="s">
        <v>51</v>
      </c>
    </row>
    <row r="8088" spans="1:12">
      <c r="A8088" s="6" t="s">
        <v>49</v>
      </c>
      <c r="B8088" s="6"/>
      <c r="C8088" s="6" t="s">
        <v>8112</v>
      </c>
      <c r="D8088" s="6"/>
      <c r="E8088" s="6" t="s">
        <v>9</v>
      </c>
      <c r="F8088" s="7">
        <v>38657</v>
      </c>
      <c r="G8088" s="8">
        <v>1</v>
      </c>
      <c r="H8088" s="8">
        <v>1</v>
      </c>
      <c r="I8088" s="8">
        <v>0</v>
      </c>
      <c r="J8088" s="8">
        <v>1</v>
      </c>
      <c r="K8088" s="9">
        <v>295</v>
      </c>
      <c r="L8088" s="6" t="s">
        <v>51</v>
      </c>
    </row>
    <row r="8089" spans="1:12">
      <c r="A8089" s="6" t="s">
        <v>49</v>
      </c>
      <c r="B8089" s="6"/>
      <c r="C8089" s="6" t="s">
        <v>8113</v>
      </c>
      <c r="D8089" s="6"/>
      <c r="E8089" s="6" t="s">
        <v>9</v>
      </c>
      <c r="F8089" s="7">
        <v>38657</v>
      </c>
      <c r="G8089" s="8">
        <v>1</v>
      </c>
      <c r="H8089" s="8">
        <v>1</v>
      </c>
      <c r="I8089" s="8">
        <v>0</v>
      </c>
      <c r="J8089" s="8">
        <v>1</v>
      </c>
      <c r="K8089" s="9">
        <v>41</v>
      </c>
      <c r="L8089" s="6" t="s">
        <v>51</v>
      </c>
    </row>
    <row r="8090" spans="1:12">
      <c r="A8090" s="6" t="s">
        <v>49</v>
      </c>
      <c r="B8090" s="6"/>
      <c r="C8090" s="6" t="s">
        <v>8114</v>
      </c>
      <c r="D8090" s="6"/>
      <c r="E8090" s="6" t="s">
        <v>9</v>
      </c>
      <c r="F8090" s="7">
        <v>38657</v>
      </c>
      <c r="G8090" s="8">
        <v>1</v>
      </c>
      <c r="H8090" s="8">
        <v>1</v>
      </c>
      <c r="I8090" s="8">
        <v>0</v>
      </c>
      <c r="J8090" s="8">
        <v>1</v>
      </c>
      <c r="K8090" s="9">
        <v>30</v>
      </c>
      <c r="L8090" s="6" t="s">
        <v>51</v>
      </c>
    </row>
    <row r="8091" spans="1:12">
      <c r="A8091" s="6" t="s">
        <v>49</v>
      </c>
      <c r="B8091" s="6"/>
      <c r="C8091" s="6" t="s">
        <v>8115</v>
      </c>
      <c r="D8091" s="6"/>
      <c r="E8091" s="6" t="s">
        <v>9</v>
      </c>
      <c r="F8091" s="7">
        <v>38657</v>
      </c>
      <c r="G8091" s="8">
        <v>1</v>
      </c>
      <c r="H8091" s="8">
        <v>1</v>
      </c>
      <c r="I8091" s="8">
        <v>0</v>
      </c>
      <c r="J8091" s="8">
        <v>1</v>
      </c>
      <c r="K8091" s="9">
        <v>0.83</v>
      </c>
      <c r="L8091" s="6" t="s">
        <v>51</v>
      </c>
    </row>
    <row r="8092" spans="1:12">
      <c r="A8092" s="6" t="s">
        <v>49</v>
      </c>
      <c r="B8092" s="6"/>
      <c r="C8092" s="6" t="s">
        <v>8116</v>
      </c>
      <c r="D8092" s="6"/>
      <c r="E8092" s="6" t="s">
        <v>9</v>
      </c>
      <c r="F8092" s="7">
        <v>38657</v>
      </c>
      <c r="G8092" s="8">
        <v>1</v>
      </c>
      <c r="H8092" s="8">
        <v>1</v>
      </c>
      <c r="I8092" s="8">
        <v>0</v>
      </c>
      <c r="J8092" s="8">
        <v>1</v>
      </c>
      <c r="K8092" s="9">
        <v>12.06</v>
      </c>
      <c r="L8092" s="6" t="s">
        <v>51</v>
      </c>
    </row>
    <row r="8093" spans="1:12">
      <c r="A8093" s="6" t="s">
        <v>49</v>
      </c>
      <c r="B8093" s="6"/>
      <c r="C8093" s="6" t="s">
        <v>8117</v>
      </c>
      <c r="D8093" s="6"/>
      <c r="E8093" s="6" t="s">
        <v>9</v>
      </c>
      <c r="F8093" s="7">
        <v>38657</v>
      </c>
      <c r="G8093" s="8">
        <v>1</v>
      </c>
      <c r="H8093" s="8">
        <v>1</v>
      </c>
      <c r="I8093" s="8">
        <v>0</v>
      </c>
      <c r="J8093" s="8">
        <v>1</v>
      </c>
      <c r="K8093" s="9">
        <v>26</v>
      </c>
      <c r="L8093" s="6" t="s">
        <v>51</v>
      </c>
    </row>
    <row r="8094" spans="1:12">
      <c r="A8094" s="6" t="s">
        <v>49</v>
      </c>
      <c r="B8094" s="6"/>
      <c r="C8094" s="6" t="s">
        <v>8118</v>
      </c>
      <c r="D8094" s="6"/>
      <c r="E8094" s="6" t="s">
        <v>9</v>
      </c>
      <c r="F8094" s="7">
        <v>38657</v>
      </c>
      <c r="G8094" s="8">
        <v>1</v>
      </c>
      <c r="H8094" s="8">
        <v>1</v>
      </c>
      <c r="I8094" s="8">
        <v>0</v>
      </c>
      <c r="J8094" s="8">
        <v>1</v>
      </c>
      <c r="K8094" s="9">
        <v>373</v>
      </c>
      <c r="L8094" s="6" t="s">
        <v>51</v>
      </c>
    </row>
    <row r="8095" spans="1:12">
      <c r="A8095" s="6" t="s">
        <v>49</v>
      </c>
      <c r="B8095" s="6"/>
      <c r="C8095" s="6" t="s">
        <v>8119</v>
      </c>
      <c r="D8095" s="6"/>
      <c r="E8095" s="6" t="s">
        <v>9</v>
      </c>
      <c r="F8095" s="7">
        <v>38657</v>
      </c>
      <c r="G8095" s="8">
        <v>1</v>
      </c>
      <c r="H8095" s="8">
        <v>1</v>
      </c>
      <c r="I8095" s="8">
        <v>0</v>
      </c>
      <c r="J8095" s="8">
        <v>1</v>
      </c>
      <c r="K8095" s="9">
        <v>221</v>
      </c>
      <c r="L8095" s="6" t="s">
        <v>51</v>
      </c>
    </row>
    <row r="8096" spans="1:12">
      <c r="A8096" s="6" t="s">
        <v>49</v>
      </c>
      <c r="B8096" s="6"/>
      <c r="C8096" s="6" t="s">
        <v>8120</v>
      </c>
      <c r="D8096" s="6"/>
      <c r="E8096" s="6" t="s">
        <v>9</v>
      </c>
      <c r="F8096" s="7">
        <v>38657</v>
      </c>
      <c r="G8096" s="8">
        <v>1</v>
      </c>
      <c r="H8096" s="8">
        <v>1</v>
      </c>
      <c r="I8096" s="8">
        <v>0</v>
      </c>
      <c r="J8096" s="8">
        <v>1</v>
      </c>
      <c r="K8096" s="9">
        <v>314</v>
      </c>
      <c r="L8096" s="6" t="s">
        <v>51</v>
      </c>
    </row>
    <row r="8097" spans="1:12">
      <c r="A8097" s="6" t="s">
        <v>49</v>
      </c>
      <c r="B8097" s="6"/>
      <c r="C8097" s="6" t="s">
        <v>8121</v>
      </c>
      <c r="D8097" s="6"/>
      <c r="E8097" s="6" t="s">
        <v>9</v>
      </c>
      <c r="F8097" s="7">
        <v>38657</v>
      </c>
      <c r="G8097" s="8">
        <v>1</v>
      </c>
      <c r="H8097" s="8">
        <v>1</v>
      </c>
      <c r="I8097" s="8">
        <v>0</v>
      </c>
      <c r="J8097" s="8">
        <v>1</v>
      </c>
      <c r="K8097" s="9">
        <v>255</v>
      </c>
      <c r="L8097" s="6" t="s">
        <v>51</v>
      </c>
    </row>
    <row r="8098" spans="1:12">
      <c r="A8098" s="6" t="s">
        <v>49</v>
      </c>
      <c r="B8098" s="6"/>
      <c r="C8098" s="6" t="s">
        <v>8122</v>
      </c>
      <c r="D8098" s="6"/>
      <c r="E8098" s="6" t="s">
        <v>9</v>
      </c>
      <c r="F8098" s="7">
        <v>38657</v>
      </c>
      <c r="G8098" s="8">
        <v>1</v>
      </c>
      <c r="H8098" s="8">
        <v>1</v>
      </c>
      <c r="I8098" s="8">
        <v>0</v>
      </c>
      <c r="J8098" s="8">
        <v>1</v>
      </c>
      <c r="K8098" s="9">
        <v>169</v>
      </c>
      <c r="L8098" s="6" t="s">
        <v>51</v>
      </c>
    </row>
    <row r="8099" spans="1:12">
      <c r="A8099" s="6" t="s">
        <v>49</v>
      </c>
      <c r="B8099" s="6"/>
      <c r="C8099" s="6" t="s">
        <v>8123</v>
      </c>
      <c r="D8099" s="6"/>
      <c r="E8099" s="6" t="s">
        <v>9</v>
      </c>
      <c r="F8099" s="7">
        <v>38657</v>
      </c>
      <c r="G8099" s="8">
        <v>1</v>
      </c>
      <c r="H8099" s="8">
        <v>1</v>
      </c>
      <c r="I8099" s="8">
        <v>0</v>
      </c>
      <c r="J8099" s="8">
        <v>1</v>
      </c>
      <c r="K8099" s="9">
        <v>265</v>
      </c>
      <c r="L8099" s="6" t="s">
        <v>51</v>
      </c>
    </row>
    <row r="8100" spans="1:12">
      <c r="A8100" s="6" t="s">
        <v>49</v>
      </c>
      <c r="B8100" s="6"/>
      <c r="C8100" s="6" t="s">
        <v>8124</v>
      </c>
      <c r="D8100" s="6"/>
      <c r="E8100" s="6" t="s">
        <v>9</v>
      </c>
      <c r="F8100" s="7">
        <v>38657</v>
      </c>
      <c r="G8100" s="8">
        <v>1</v>
      </c>
      <c r="H8100" s="8">
        <v>1</v>
      </c>
      <c r="I8100" s="8">
        <v>0</v>
      </c>
      <c r="J8100" s="8">
        <v>1</v>
      </c>
      <c r="K8100" s="9">
        <v>798</v>
      </c>
      <c r="L8100" s="6" t="s">
        <v>51</v>
      </c>
    </row>
    <row r="8101" spans="1:12">
      <c r="A8101" s="6" t="s">
        <v>49</v>
      </c>
      <c r="B8101" s="6"/>
      <c r="C8101" s="6" t="s">
        <v>8125</v>
      </c>
      <c r="D8101" s="6"/>
      <c r="E8101" s="6" t="s">
        <v>9</v>
      </c>
      <c r="F8101" s="7">
        <v>38657</v>
      </c>
      <c r="G8101" s="8">
        <v>1</v>
      </c>
      <c r="H8101" s="8">
        <v>1</v>
      </c>
      <c r="I8101" s="8">
        <v>0</v>
      </c>
      <c r="J8101" s="8">
        <v>1</v>
      </c>
      <c r="K8101" s="9">
        <v>779</v>
      </c>
      <c r="L8101" s="6" t="s">
        <v>51</v>
      </c>
    </row>
    <row r="8102" spans="1:12">
      <c r="A8102" s="6" t="s">
        <v>49</v>
      </c>
      <c r="B8102" s="6"/>
      <c r="C8102" s="6" t="s">
        <v>8126</v>
      </c>
      <c r="D8102" s="6"/>
      <c r="E8102" s="6" t="s">
        <v>9</v>
      </c>
      <c r="F8102" s="7">
        <v>38657</v>
      </c>
      <c r="G8102" s="8">
        <v>1</v>
      </c>
      <c r="H8102" s="8">
        <v>1</v>
      </c>
      <c r="I8102" s="8">
        <v>0</v>
      </c>
      <c r="J8102" s="8">
        <v>1</v>
      </c>
      <c r="K8102" s="9">
        <v>1018</v>
      </c>
      <c r="L8102" s="6" t="s">
        <v>51</v>
      </c>
    </row>
    <row r="8103" spans="1:12">
      <c r="A8103" s="6" t="s">
        <v>49</v>
      </c>
      <c r="B8103" s="6"/>
      <c r="C8103" s="6" t="s">
        <v>8127</v>
      </c>
      <c r="D8103" s="6"/>
      <c r="E8103" s="6" t="s">
        <v>9</v>
      </c>
      <c r="F8103" s="7">
        <v>38657</v>
      </c>
      <c r="G8103" s="8">
        <v>1</v>
      </c>
      <c r="H8103" s="8">
        <v>1</v>
      </c>
      <c r="I8103" s="8">
        <v>0</v>
      </c>
      <c r="J8103" s="8">
        <v>1</v>
      </c>
      <c r="K8103" s="9">
        <v>569</v>
      </c>
      <c r="L8103" s="6" t="s">
        <v>51</v>
      </c>
    </row>
    <row r="8104" spans="1:12">
      <c r="A8104" s="6" t="s">
        <v>49</v>
      </c>
      <c r="B8104" s="6"/>
      <c r="C8104" s="6" t="s">
        <v>8128</v>
      </c>
      <c r="D8104" s="6"/>
      <c r="E8104" s="6" t="s">
        <v>9</v>
      </c>
      <c r="F8104" s="7">
        <v>38657</v>
      </c>
      <c r="G8104" s="8">
        <v>1</v>
      </c>
      <c r="H8104" s="8">
        <v>1</v>
      </c>
      <c r="I8104" s="8">
        <v>0</v>
      </c>
      <c r="J8104" s="8">
        <v>1</v>
      </c>
      <c r="K8104" s="9">
        <v>67</v>
      </c>
      <c r="L8104" s="6" t="s">
        <v>51</v>
      </c>
    </row>
    <row r="8105" spans="1:12">
      <c r="A8105" s="6" t="s">
        <v>49</v>
      </c>
      <c r="B8105" s="6"/>
      <c r="C8105" s="6" t="s">
        <v>8129</v>
      </c>
      <c r="D8105" s="6"/>
      <c r="E8105" s="6" t="s">
        <v>9</v>
      </c>
      <c r="F8105" s="7">
        <v>38657</v>
      </c>
      <c r="G8105" s="8">
        <v>1</v>
      </c>
      <c r="H8105" s="8">
        <v>1</v>
      </c>
      <c r="I8105" s="8">
        <v>0</v>
      </c>
      <c r="J8105" s="8">
        <v>1</v>
      </c>
      <c r="K8105" s="9">
        <v>31</v>
      </c>
      <c r="L8105" s="6" t="s">
        <v>51</v>
      </c>
    </row>
    <row r="8106" spans="1:12">
      <c r="A8106" s="6" t="s">
        <v>49</v>
      </c>
      <c r="B8106" s="6"/>
      <c r="C8106" s="6" t="s">
        <v>8130</v>
      </c>
      <c r="D8106" s="6"/>
      <c r="E8106" s="6" t="s">
        <v>9</v>
      </c>
      <c r="F8106" s="7">
        <v>38657</v>
      </c>
      <c r="G8106" s="8">
        <v>1</v>
      </c>
      <c r="H8106" s="8">
        <v>1</v>
      </c>
      <c r="I8106" s="8">
        <v>0</v>
      </c>
      <c r="J8106" s="8">
        <v>1</v>
      </c>
      <c r="K8106" s="9">
        <v>37</v>
      </c>
      <c r="L8106" s="6" t="s">
        <v>51</v>
      </c>
    </row>
    <row r="8107" spans="1:12">
      <c r="A8107" s="6" t="s">
        <v>49</v>
      </c>
      <c r="B8107" s="6"/>
      <c r="C8107" s="6" t="s">
        <v>8131</v>
      </c>
      <c r="D8107" s="6"/>
      <c r="E8107" s="6" t="s">
        <v>9</v>
      </c>
      <c r="F8107" s="7">
        <v>38657</v>
      </c>
      <c r="G8107" s="8">
        <v>1</v>
      </c>
      <c r="H8107" s="8">
        <v>1</v>
      </c>
      <c r="I8107" s="8">
        <v>0</v>
      </c>
      <c r="J8107" s="8">
        <v>1</v>
      </c>
      <c r="K8107" s="9">
        <v>67</v>
      </c>
      <c r="L8107" s="6" t="s">
        <v>51</v>
      </c>
    </row>
    <row r="8108" spans="1:12">
      <c r="A8108" s="6" t="s">
        <v>49</v>
      </c>
      <c r="B8108" s="6"/>
      <c r="C8108" s="6" t="s">
        <v>8132</v>
      </c>
      <c r="D8108" s="6"/>
      <c r="E8108" s="6" t="s">
        <v>9</v>
      </c>
      <c r="F8108" s="7">
        <v>38657</v>
      </c>
      <c r="G8108" s="8">
        <v>1</v>
      </c>
      <c r="H8108" s="8">
        <v>1</v>
      </c>
      <c r="I8108" s="8">
        <v>0</v>
      </c>
      <c r="J8108" s="8">
        <v>1</v>
      </c>
      <c r="K8108" s="9">
        <v>68</v>
      </c>
      <c r="L8108" s="6" t="s">
        <v>51</v>
      </c>
    </row>
    <row r="8109" spans="1:12">
      <c r="A8109" s="6" t="s">
        <v>49</v>
      </c>
      <c r="B8109" s="6"/>
      <c r="C8109" s="6" t="s">
        <v>8133</v>
      </c>
      <c r="D8109" s="6"/>
      <c r="E8109" s="6" t="s">
        <v>9</v>
      </c>
      <c r="F8109" s="7">
        <v>38657</v>
      </c>
      <c r="G8109" s="8">
        <v>1</v>
      </c>
      <c r="H8109" s="8">
        <v>1</v>
      </c>
      <c r="I8109" s="8">
        <v>0</v>
      </c>
      <c r="J8109" s="8">
        <v>1</v>
      </c>
      <c r="K8109" s="9">
        <v>54</v>
      </c>
      <c r="L8109" s="6" t="s">
        <v>51</v>
      </c>
    </row>
    <row r="8110" spans="1:12">
      <c r="A8110" s="6" t="s">
        <v>49</v>
      </c>
      <c r="B8110" s="6"/>
      <c r="C8110" s="6" t="s">
        <v>8134</v>
      </c>
      <c r="D8110" s="6"/>
      <c r="E8110" s="6" t="s">
        <v>9</v>
      </c>
      <c r="F8110" s="7">
        <v>38657</v>
      </c>
      <c r="G8110" s="8">
        <v>1</v>
      </c>
      <c r="H8110" s="8">
        <v>1</v>
      </c>
      <c r="I8110" s="8">
        <v>0</v>
      </c>
      <c r="J8110" s="8">
        <v>1</v>
      </c>
      <c r="K8110" s="9">
        <v>65</v>
      </c>
      <c r="L8110" s="6" t="s">
        <v>51</v>
      </c>
    </row>
    <row r="8111" spans="1:12">
      <c r="A8111" s="6" t="s">
        <v>49</v>
      </c>
      <c r="B8111" s="6"/>
      <c r="C8111" s="6" t="s">
        <v>8135</v>
      </c>
      <c r="D8111" s="6"/>
      <c r="E8111" s="6" t="s">
        <v>9</v>
      </c>
      <c r="F8111" s="7">
        <v>38657</v>
      </c>
      <c r="G8111" s="8">
        <v>1</v>
      </c>
      <c r="H8111" s="8">
        <v>1</v>
      </c>
      <c r="I8111" s="8">
        <v>0</v>
      </c>
      <c r="J8111" s="8">
        <v>1</v>
      </c>
      <c r="K8111" s="9">
        <v>62</v>
      </c>
      <c r="L8111" s="6" t="s">
        <v>51</v>
      </c>
    </row>
    <row r="8112" spans="1:12">
      <c r="A8112" s="6" t="s">
        <v>49</v>
      </c>
      <c r="B8112" s="6"/>
      <c r="C8112" s="6" t="s">
        <v>8136</v>
      </c>
      <c r="D8112" s="6"/>
      <c r="E8112" s="6" t="s">
        <v>9</v>
      </c>
      <c r="F8112" s="7">
        <v>38657</v>
      </c>
      <c r="G8112" s="8">
        <v>1</v>
      </c>
      <c r="H8112" s="8">
        <v>1</v>
      </c>
      <c r="I8112" s="8">
        <v>0</v>
      </c>
      <c r="J8112" s="8">
        <v>1</v>
      </c>
      <c r="K8112" s="9">
        <v>12</v>
      </c>
      <c r="L8112" s="6" t="s">
        <v>51</v>
      </c>
    </row>
    <row r="8113" spans="1:12">
      <c r="A8113" s="6" t="s">
        <v>49</v>
      </c>
      <c r="B8113" s="6"/>
      <c r="C8113" s="6" t="s">
        <v>8137</v>
      </c>
      <c r="D8113" s="6"/>
      <c r="E8113" s="6" t="s">
        <v>9</v>
      </c>
      <c r="F8113" s="7">
        <v>38657</v>
      </c>
      <c r="G8113" s="8">
        <v>1</v>
      </c>
      <c r="H8113" s="8">
        <v>1</v>
      </c>
      <c r="I8113" s="8">
        <v>0</v>
      </c>
      <c r="J8113" s="8">
        <v>1</v>
      </c>
      <c r="K8113" s="9">
        <v>37</v>
      </c>
      <c r="L8113" s="6" t="s">
        <v>51</v>
      </c>
    </row>
    <row r="8114" spans="1:12">
      <c r="A8114" s="6" t="s">
        <v>49</v>
      </c>
      <c r="B8114" s="6"/>
      <c r="C8114" s="6" t="s">
        <v>8138</v>
      </c>
      <c r="D8114" s="6"/>
      <c r="E8114" s="6" t="s">
        <v>9</v>
      </c>
      <c r="F8114" s="7">
        <v>38657</v>
      </c>
      <c r="G8114" s="8">
        <v>1</v>
      </c>
      <c r="H8114" s="8">
        <v>1</v>
      </c>
      <c r="I8114" s="8">
        <v>0</v>
      </c>
      <c r="J8114" s="8">
        <v>1</v>
      </c>
      <c r="K8114" s="9">
        <v>15</v>
      </c>
      <c r="L8114" s="6" t="s">
        <v>51</v>
      </c>
    </row>
    <row r="8115" spans="1:12">
      <c r="A8115" s="6" t="s">
        <v>49</v>
      </c>
      <c r="B8115" s="6"/>
      <c r="C8115" s="6" t="s">
        <v>8139</v>
      </c>
      <c r="D8115" s="6"/>
      <c r="E8115" s="6" t="s">
        <v>9</v>
      </c>
      <c r="F8115" s="7">
        <v>38657</v>
      </c>
      <c r="G8115" s="8">
        <v>1</v>
      </c>
      <c r="H8115" s="8">
        <v>1</v>
      </c>
      <c r="I8115" s="8">
        <v>0</v>
      </c>
      <c r="J8115" s="8">
        <v>1</v>
      </c>
      <c r="K8115" s="9">
        <v>12</v>
      </c>
      <c r="L8115" s="6" t="s">
        <v>51</v>
      </c>
    </row>
    <row r="8116" spans="1:12">
      <c r="A8116" s="6" t="s">
        <v>49</v>
      </c>
      <c r="B8116" s="6"/>
      <c r="C8116" s="6" t="s">
        <v>8140</v>
      </c>
      <c r="D8116" s="6"/>
      <c r="E8116" s="6" t="s">
        <v>9</v>
      </c>
      <c r="F8116" s="7">
        <v>38657</v>
      </c>
      <c r="G8116" s="8">
        <v>1</v>
      </c>
      <c r="H8116" s="8">
        <v>1</v>
      </c>
      <c r="I8116" s="8">
        <v>0</v>
      </c>
      <c r="J8116" s="8">
        <v>1</v>
      </c>
      <c r="K8116" s="9">
        <v>13</v>
      </c>
      <c r="L8116" s="6" t="s">
        <v>51</v>
      </c>
    </row>
    <row r="8117" spans="1:12">
      <c r="A8117" s="6" t="s">
        <v>49</v>
      </c>
      <c r="B8117" s="6"/>
      <c r="C8117" s="6" t="s">
        <v>8141</v>
      </c>
      <c r="D8117" s="6"/>
      <c r="E8117" s="6" t="s">
        <v>9</v>
      </c>
      <c r="F8117" s="7">
        <v>38657</v>
      </c>
      <c r="G8117" s="8">
        <v>1</v>
      </c>
      <c r="H8117" s="8">
        <v>1</v>
      </c>
      <c r="I8117" s="8">
        <v>0</v>
      </c>
      <c r="J8117" s="8">
        <v>1</v>
      </c>
      <c r="K8117" s="9">
        <v>39</v>
      </c>
      <c r="L8117" s="6" t="s">
        <v>51</v>
      </c>
    </row>
    <row r="8118" spans="1:12">
      <c r="A8118" s="6" t="s">
        <v>49</v>
      </c>
      <c r="B8118" s="6"/>
      <c r="C8118" s="6" t="s">
        <v>8142</v>
      </c>
      <c r="D8118" s="6"/>
      <c r="E8118" s="6" t="s">
        <v>9</v>
      </c>
      <c r="F8118" s="7">
        <v>38657</v>
      </c>
      <c r="G8118" s="8">
        <v>1</v>
      </c>
      <c r="H8118" s="8">
        <v>1</v>
      </c>
      <c r="I8118" s="8">
        <v>0</v>
      </c>
      <c r="J8118" s="8">
        <v>1</v>
      </c>
      <c r="K8118" s="9">
        <v>383</v>
      </c>
      <c r="L8118" s="6" t="s">
        <v>51</v>
      </c>
    </row>
    <row r="8119" spans="1:12">
      <c r="A8119" s="6" t="s">
        <v>49</v>
      </c>
      <c r="B8119" s="6"/>
      <c r="C8119" s="6" t="s">
        <v>8143</v>
      </c>
      <c r="D8119" s="6"/>
      <c r="E8119" s="6" t="s">
        <v>9</v>
      </c>
      <c r="F8119" s="7">
        <v>38657</v>
      </c>
      <c r="G8119" s="8">
        <v>1</v>
      </c>
      <c r="H8119" s="8">
        <v>1</v>
      </c>
      <c r="I8119" s="8">
        <v>0</v>
      </c>
      <c r="J8119" s="8">
        <v>1</v>
      </c>
      <c r="K8119" s="9">
        <v>737</v>
      </c>
      <c r="L8119" s="6" t="s">
        <v>51</v>
      </c>
    </row>
    <row r="8120" spans="1:12">
      <c r="A8120" s="6" t="s">
        <v>49</v>
      </c>
      <c r="B8120" s="6"/>
      <c r="C8120" s="6" t="s">
        <v>8144</v>
      </c>
      <c r="D8120" s="6"/>
      <c r="E8120" s="6" t="s">
        <v>9</v>
      </c>
      <c r="F8120" s="7">
        <v>38657</v>
      </c>
      <c r="G8120" s="8">
        <v>1</v>
      </c>
      <c r="H8120" s="8">
        <v>1</v>
      </c>
      <c r="I8120" s="8">
        <v>0</v>
      </c>
      <c r="J8120" s="8">
        <v>1</v>
      </c>
      <c r="K8120" s="9">
        <v>54</v>
      </c>
      <c r="L8120" s="6" t="s">
        <v>51</v>
      </c>
    </row>
    <row r="8121" spans="1:12">
      <c r="A8121" s="6" t="s">
        <v>49</v>
      </c>
      <c r="B8121" s="6"/>
      <c r="C8121" s="6" t="s">
        <v>8145</v>
      </c>
      <c r="D8121" s="6"/>
      <c r="E8121" s="6" t="s">
        <v>9</v>
      </c>
      <c r="F8121" s="7">
        <v>38657</v>
      </c>
      <c r="G8121" s="8">
        <v>1</v>
      </c>
      <c r="H8121" s="8">
        <v>1</v>
      </c>
      <c r="I8121" s="8">
        <v>0</v>
      </c>
      <c r="J8121" s="8">
        <v>1</v>
      </c>
      <c r="K8121" s="9">
        <v>777</v>
      </c>
      <c r="L8121" s="6" t="s">
        <v>51</v>
      </c>
    </row>
    <row r="8122" spans="1:12">
      <c r="A8122" s="6" t="s">
        <v>49</v>
      </c>
      <c r="B8122" s="6"/>
      <c r="C8122" s="6" t="s">
        <v>8146</v>
      </c>
      <c r="D8122" s="6"/>
      <c r="E8122" s="6" t="s">
        <v>9</v>
      </c>
      <c r="F8122" s="7">
        <v>38657</v>
      </c>
      <c r="G8122" s="8">
        <v>1</v>
      </c>
      <c r="H8122" s="8">
        <v>1</v>
      </c>
      <c r="I8122" s="8">
        <v>0</v>
      </c>
      <c r="J8122" s="8">
        <v>1</v>
      </c>
      <c r="K8122" s="9">
        <v>21.13</v>
      </c>
      <c r="L8122" s="6" t="s">
        <v>51</v>
      </c>
    </row>
    <row r="8123" spans="1:12">
      <c r="A8123" s="6" t="s">
        <v>49</v>
      </c>
      <c r="B8123" s="6"/>
      <c r="C8123" s="6" t="s">
        <v>8147</v>
      </c>
      <c r="D8123" s="6"/>
      <c r="E8123" s="6" t="s">
        <v>9</v>
      </c>
      <c r="F8123" s="7">
        <v>38657</v>
      </c>
      <c r="G8123" s="8">
        <v>1</v>
      </c>
      <c r="H8123" s="8">
        <v>1</v>
      </c>
      <c r="I8123" s="8">
        <v>0</v>
      </c>
      <c r="J8123" s="8">
        <v>1</v>
      </c>
      <c r="K8123" s="9">
        <v>419</v>
      </c>
      <c r="L8123" s="6" t="s">
        <v>51</v>
      </c>
    </row>
    <row r="8124" spans="1:12">
      <c r="A8124" s="6" t="s">
        <v>49</v>
      </c>
      <c r="B8124" s="6"/>
      <c r="C8124" s="6" t="s">
        <v>8148</v>
      </c>
      <c r="D8124" s="6"/>
      <c r="E8124" s="6" t="s">
        <v>9</v>
      </c>
      <c r="F8124" s="7">
        <v>38657</v>
      </c>
      <c r="G8124" s="8">
        <v>1</v>
      </c>
      <c r="H8124" s="8">
        <v>1</v>
      </c>
      <c r="I8124" s="8">
        <v>0</v>
      </c>
      <c r="J8124" s="8">
        <v>1</v>
      </c>
      <c r="K8124" s="9">
        <v>391</v>
      </c>
      <c r="L8124" s="6" t="s">
        <v>51</v>
      </c>
    </row>
    <row r="8125" spans="1:12">
      <c r="A8125" s="6" t="s">
        <v>49</v>
      </c>
      <c r="B8125" s="6"/>
      <c r="C8125" s="6" t="s">
        <v>8149</v>
      </c>
      <c r="D8125" s="6"/>
      <c r="E8125" s="6" t="s">
        <v>9</v>
      </c>
      <c r="F8125" s="7">
        <v>38657</v>
      </c>
      <c r="G8125" s="8">
        <v>1</v>
      </c>
      <c r="H8125" s="8">
        <v>1</v>
      </c>
      <c r="I8125" s="8">
        <v>0</v>
      </c>
      <c r="J8125" s="8">
        <v>1</v>
      </c>
      <c r="K8125" s="9">
        <v>132</v>
      </c>
      <c r="L8125" s="6" t="s">
        <v>51</v>
      </c>
    </row>
    <row r="8126" spans="1:12">
      <c r="A8126" s="6" t="s">
        <v>49</v>
      </c>
      <c r="B8126" s="6"/>
      <c r="C8126" s="6" t="s">
        <v>8150</v>
      </c>
      <c r="D8126" s="6"/>
      <c r="E8126" s="6" t="s">
        <v>9</v>
      </c>
      <c r="F8126" s="7">
        <v>38657</v>
      </c>
      <c r="G8126" s="8">
        <v>1</v>
      </c>
      <c r="H8126" s="8">
        <v>1</v>
      </c>
      <c r="I8126" s="8">
        <v>0</v>
      </c>
      <c r="J8126" s="8">
        <v>1</v>
      </c>
      <c r="K8126" s="9">
        <v>4293</v>
      </c>
      <c r="L8126" s="6" t="s">
        <v>51</v>
      </c>
    </row>
    <row r="8127" spans="1:12">
      <c r="A8127" s="6" t="s">
        <v>49</v>
      </c>
      <c r="B8127" s="6"/>
      <c r="C8127" s="6" t="s">
        <v>8151</v>
      </c>
      <c r="D8127" s="6"/>
      <c r="E8127" s="6" t="s">
        <v>9</v>
      </c>
      <c r="F8127" s="7">
        <v>38657</v>
      </c>
      <c r="G8127" s="8">
        <v>1</v>
      </c>
      <c r="H8127" s="8">
        <v>1</v>
      </c>
      <c r="I8127" s="8">
        <v>0</v>
      </c>
      <c r="J8127" s="8">
        <v>1</v>
      </c>
      <c r="K8127" s="9">
        <v>1048</v>
      </c>
      <c r="L8127" s="6" t="s">
        <v>51</v>
      </c>
    </row>
    <row r="8128" spans="1:12">
      <c r="A8128" s="6" t="s">
        <v>49</v>
      </c>
      <c r="B8128" s="6"/>
      <c r="C8128" s="6" t="s">
        <v>8152</v>
      </c>
      <c r="D8128" s="6"/>
      <c r="E8128" s="6" t="s">
        <v>9</v>
      </c>
      <c r="F8128" s="7">
        <v>38657</v>
      </c>
      <c r="G8128" s="8">
        <v>1</v>
      </c>
      <c r="H8128" s="8">
        <v>1</v>
      </c>
      <c r="I8128" s="8">
        <v>0</v>
      </c>
      <c r="J8128" s="8">
        <v>1</v>
      </c>
      <c r="K8128" s="9">
        <v>496</v>
      </c>
      <c r="L8128" s="6" t="s">
        <v>51</v>
      </c>
    </row>
    <row r="8129" spans="1:12">
      <c r="A8129" s="6" t="s">
        <v>49</v>
      </c>
      <c r="B8129" s="6"/>
      <c r="C8129" s="6" t="s">
        <v>8153</v>
      </c>
      <c r="D8129" s="6"/>
      <c r="E8129" s="6" t="s">
        <v>9</v>
      </c>
      <c r="F8129" s="7">
        <v>38657</v>
      </c>
      <c r="G8129" s="8">
        <v>1</v>
      </c>
      <c r="H8129" s="8">
        <v>1</v>
      </c>
      <c r="I8129" s="8">
        <v>0</v>
      </c>
      <c r="J8129" s="8">
        <v>1</v>
      </c>
      <c r="K8129" s="9">
        <v>365</v>
      </c>
      <c r="L8129" s="6" t="s">
        <v>51</v>
      </c>
    </row>
    <row r="8130" spans="1:12">
      <c r="A8130" s="6" t="s">
        <v>49</v>
      </c>
      <c r="B8130" s="6"/>
      <c r="C8130" s="6" t="s">
        <v>8154</v>
      </c>
      <c r="D8130" s="6"/>
      <c r="E8130" s="6" t="s">
        <v>9</v>
      </c>
      <c r="F8130" s="7">
        <v>38657</v>
      </c>
      <c r="G8130" s="8">
        <v>1</v>
      </c>
      <c r="H8130" s="8">
        <v>1</v>
      </c>
      <c r="I8130" s="8">
        <v>0</v>
      </c>
      <c r="J8130" s="8">
        <v>1</v>
      </c>
      <c r="K8130" s="9">
        <v>1867</v>
      </c>
      <c r="L8130" s="6" t="s">
        <v>51</v>
      </c>
    </row>
    <row r="8131" spans="1:12">
      <c r="A8131" s="6" t="s">
        <v>49</v>
      </c>
      <c r="B8131" s="6"/>
      <c r="C8131" s="6" t="s">
        <v>8155</v>
      </c>
      <c r="D8131" s="6"/>
      <c r="E8131" s="6" t="s">
        <v>9</v>
      </c>
      <c r="F8131" s="7">
        <v>38657</v>
      </c>
      <c r="G8131" s="8">
        <v>1</v>
      </c>
      <c r="H8131" s="8">
        <v>1</v>
      </c>
      <c r="I8131" s="8">
        <v>0</v>
      </c>
      <c r="J8131" s="8">
        <v>1</v>
      </c>
      <c r="K8131" s="9">
        <v>20</v>
      </c>
      <c r="L8131" s="6" t="s">
        <v>51</v>
      </c>
    </row>
    <row r="8132" spans="1:12">
      <c r="A8132" s="6" t="s">
        <v>49</v>
      </c>
      <c r="B8132" s="6"/>
      <c r="C8132" s="6" t="s">
        <v>8156</v>
      </c>
      <c r="D8132" s="6"/>
      <c r="E8132" s="6" t="s">
        <v>9</v>
      </c>
      <c r="F8132" s="7">
        <v>38657</v>
      </c>
      <c r="G8132" s="8">
        <v>1</v>
      </c>
      <c r="H8132" s="8">
        <v>1</v>
      </c>
      <c r="I8132" s="8">
        <v>0</v>
      </c>
      <c r="J8132" s="8">
        <v>1</v>
      </c>
      <c r="K8132" s="9">
        <v>532</v>
      </c>
      <c r="L8132" s="6" t="s">
        <v>51</v>
      </c>
    </row>
    <row r="8133" spans="1:12">
      <c r="A8133" s="6" t="s">
        <v>49</v>
      </c>
      <c r="B8133" s="6"/>
      <c r="C8133" s="6" t="s">
        <v>8157</v>
      </c>
      <c r="D8133" s="6"/>
      <c r="E8133" s="6" t="s">
        <v>9</v>
      </c>
      <c r="F8133" s="7">
        <v>38657</v>
      </c>
      <c r="G8133" s="8">
        <v>1</v>
      </c>
      <c r="H8133" s="8">
        <v>1</v>
      </c>
      <c r="I8133" s="8">
        <v>0</v>
      </c>
      <c r="J8133" s="8">
        <v>1</v>
      </c>
      <c r="K8133" s="9">
        <v>1637</v>
      </c>
      <c r="L8133" s="6" t="s">
        <v>51</v>
      </c>
    </row>
    <row r="8134" spans="1:12">
      <c r="A8134" s="6" t="s">
        <v>49</v>
      </c>
      <c r="B8134" s="6"/>
      <c r="C8134" s="6" t="s">
        <v>8158</v>
      </c>
      <c r="D8134" s="6"/>
      <c r="E8134" s="6" t="s">
        <v>9</v>
      </c>
      <c r="F8134" s="7">
        <v>38657</v>
      </c>
      <c r="G8134" s="8">
        <v>1</v>
      </c>
      <c r="H8134" s="8">
        <v>1</v>
      </c>
      <c r="I8134" s="8">
        <v>0</v>
      </c>
      <c r="J8134" s="8">
        <v>1</v>
      </c>
      <c r="K8134" s="9">
        <v>424</v>
      </c>
      <c r="L8134" s="6" t="s">
        <v>51</v>
      </c>
    </row>
    <row r="8135" spans="1:12">
      <c r="A8135" s="6" t="s">
        <v>49</v>
      </c>
      <c r="B8135" s="6"/>
      <c r="C8135" s="6" t="s">
        <v>8159</v>
      </c>
      <c r="D8135" s="6"/>
      <c r="E8135" s="6" t="s">
        <v>9</v>
      </c>
      <c r="F8135" s="7">
        <v>38657</v>
      </c>
      <c r="G8135" s="8">
        <v>1</v>
      </c>
      <c r="H8135" s="8">
        <v>1</v>
      </c>
      <c r="I8135" s="8">
        <v>0</v>
      </c>
      <c r="J8135" s="8">
        <v>1</v>
      </c>
      <c r="K8135" s="9">
        <v>554</v>
      </c>
      <c r="L8135" s="6" t="s">
        <v>51</v>
      </c>
    </row>
    <row r="8136" spans="1:12">
      <c r="A8136" s="6" t="s">
        <v>49</v>
      </c>
      <c r="B8136" s="6"/>
      <c r="C8136" s="6" t="s">
        <v>8160</v>
      </c>
      <c r="D8136" s="6"/>
      <c r="E8136" s="6" t="s">
        <v>9</v>
      </c>
      <c r="F8136" s="7">
        <v>38657</v>
      </c>
      <c r="G8136" s="8">
        <v>1</v>
      </c>
      <c r="H8136" s="8">
        <v>1</v>
      </c>
      <c r="I8136" s="8">
        <v>0</v>
      </c>
      <c r="J8136" s="8">
        <v>1</v>
      </c>
      <c r="K8136" s="9">
        <v>658</v>
      </c>
      <c r="L8136" s="6" t="s">
        <v>51</v>
      </c>
    </row>
    <row r="8137" spans="1:12">
      <c r="A8137" s="6" t="s">
        <v>49</v>
      </c>
      <c r="B8137" s="6"/>
      <c r="C8137" s="6" t="s">
        <v>8161</v>
      </c>
      <c r="D8137" s="6"/>
      <c r="E8137" s="6" t="s">
        <v>9</v>
      </c>
      <c r="F8137" s="7">
        <v>38657</v>
      </c>
      <c r="G8137" s="8">
        <v>1</v>
      </c>
      <c r="H8137" s="8">
        <v>1</v>
      </c>
      <c r="I8137" s="8">
        <v>0</v>
      </c>
      <c r="J8137" s="8">
        <v>1</v>
      </c>
      <c r="K8137" s="9">
        <v>547</v>
      </c>
      <c r="L8137" s="6" t="s">
        <v>51</v>
      </c>
    </row>
    <row r="8138" spans="1:12">
      <c r="A8138" s="6" t="s">
        <v>49</v>
      </c>
      <c r="B8138" s="6"/>
      <c r="C8138" s="6" t="s">
        <v>8162</v>
      </c>
      <c r="D8138" s="6"/>
      <c r="E8138" s="6" t="s">
        <v>9</v>
      </c>
      <c r="F8138" s="7">
        <v>38657</v>
      </c>
      <c r="G8138" s="8">
        <v>1</v>
      </c>
      <c r="H8138" s="8">
        <v>1</v>
      </c>
      <c r="I8138" s="8">
        <v>0</v>
      </c>
      <c r="J8138" s="8">
        <v>1</v>
      </c>
      <c r="K8138" s="9">
        <v>1030</v>
      </c>
      <c r="L8138" s="6" t="s">
        <v>51</v>
      </c>
    </row>
    <row r="8139" spans="1:12">
      <c r="A8139" s="6" t="s">
        <v>49</v>
      </c>
      <c r="B8139" s="6"/>
      <c r="C8139" s="6" t="s">
        <v>8163</v>
      </c>
      <c r="D8139" s="6"/>
      <c r="E8139" s="6" t="s">
        <v>9</v>
      </c>
      <c r="F8139" s="7">
        <v>38657</v>
      </c>
      <c r="G8139" s="8">
        <v>1</v>
      </c>
      <c r="H8139" s="8">
        <v>1</v>
      </c>
      <c r="I8139" s="8">
        <v>0</v>
      </c>
      <c r="J8139" s="8">
        <v>1</v>
      </c>
      <c r="K8139" s="9">
        <v>404</v>
      </c>
      <c r="L8139" s="6" t="s">
        <v>51</v>
      </c>
    </row>
    <row r="8140" spans="1:12">
      <c r="A8140" s="6" t="s">
        <v>49</v>
      </c>
      <c r="B8140" s="6"/>
      <c r="C8140" s="6" t="s">
        <v>8164</v>
      </c>
      <c r="D8140" s="6"/>
      <c r="E8140" s="6" t="s">
        <v>9</v>
      </c>
      <c r="F8140" s="7">
        <v>38657</v>
      </c>
      <c r="G8140" s="8">
        <v>1</v>
      </c>
      <c r="H8140" s="8">
        <v>1</v>
      </c>
      <c r="I8140" s="8">
        <v>0</v>
      </c>
      <c r="J8140" s="8">
        <v>1</v>
      </c>
      <c r="K8140" s="9">
        <v>119</v>
      </c>
      <c r="L8140" s="6" t="s">
        <v>51</v>
      </c>
    </row>
    <row r="8141" spans="1:12">
      <c r="A8141" s="6" t="s">
        <v>49</v>
      </c>
      <c r="B8141" s="6"/>
      <c r="C8141" s="6" t="s">
        <v>8165</v>
      </c>
      <c r="D8141" s="6"/>
      <c r="E8141" s="6" t="s">
        <v>9</v>
      </c>
      <c r="F8141" s="7">
        <v>38657</v>
      </c>
      <c r="G8141" s="8">
        <v>1</v>
      </c>
      <c r="H8141" s="8">
        <v>1</v>
      </c>
      <c r="I8141" s="8">
        <v>0</v>
      </c>
      <c r="J8141" s="8">
        <v>1</v>
      </c>
      <c r="K8141" s="9">
        <v>586</v>
      </c>
      <c r="L8141" s="6" t="s">
        <v>51</v>
      </c>
    </row>
    <row r="8142" spans="1:12">
      <c r="A8142" s="6" t="s">
        <v>49</v>
      </c>
      <c r="B8142" s="6"/>
      <c r="C8142" s="6" t="s">
        <v>8166</v>
      </c>
      <c r="D8142" s="6"/>
      <c r="E8142" s="6" t="s">
        <v>9</v>
      </c>
      <c r="F8142" s="7">
        <v>38657</v>
      </c>
      <c r="G8142" s="8">
        <v>1</v>
      </c>
      <c r="H8142" s="8">
        <v>1</v>
      </c>
      <c r="I8142" s="8">
        <v>0</v>
      </c>
      <c r="J8142" s="8">
        <v>1</v>
      </c>
      <c r="K8142" s="9">
        <v>40</v>
      </c>
      <c r="L8142" s="6" t="s">
        <v>51</v>
      </c>
    </row>
    <row r="8143" spans="1:12">
      <c r="A8143" s="6" t="s">
        <v>49</v>
      </c>
      <c r="B8143" s="6"/>
      <c r="C8143" s="6" t="s">
        <v>8167</v>
      </c>
      <c r="D8143" s="6"/>
      <c r="E8143" s="6" t="s">
        <v>9</v>
      </c>
      <c r="F8143" s="7">
        <v>38657</v>
      </c>
      <c r="G8143" s="8">
        <v>1</v>
      </c>
      <c r="H8143" s="8">
        <v>1</v>
      </c>
      <c r="I8143" s="8">
        <v>0</v>
      </c>
      <c r="J8143" s="8">
        <v>1</v>
      </c>
      <c r="K8143" s="9">
        <v>348</v>
      </c>
      <c r="L8143" s="6" t="s">
        <v>51</v>
      </c>
    </row>
    <row r="8144" spans="1:12">
      <c r="A8144" s="6" t="s">
        <v>49</v>
      </c>
      <c r="B8144" s="6"/>
      <c r="C8144" s="6" t="s">
        <v>8168</v>
      </c>
      <c r="D8144" s="6"/>
      <c r="E8144" s="6" t="s">
        <v>9</v>
      </c>
      <c r="F8144" s="7">
        <v>38657</v>
      </c>
      <c r="G8144" s="8">
        <v>1</v>
      </c>
      <c r="H8144" s="8">
        <v>1</v>
      </c>
      <c r="I8144" s="8">
        <v>0</v>
      </c>
      <c r="J8144" s="8">
        <v>1</v>
      </c>
      <c r="K8144" s="9">
        <v>2103</v>
      </c>
      <c r="L8144" s="6" t="s">
        <v>51</v>
      </c>
    </row>
    <row r="8145" spans="1:12">
      <c r="A8145" s="6" t="s">
        <v>49</v>
      </c>
      <c r="B8145" s="6"/>
      <c r="C8145" s="6" t="s">
        <v>8169</v>
      </c>
      <c r="D8145" s="6"/>
      <c r="E8145" s="6" t="s">
        <v>9</v>
      </c>
      <c r="F8145" s="7">
        <v>38657</v>
      </c>
      <c r="G8145" s="8">
        <v>1</v>
      </c>
      <c r="H8145" s="8">
        <v>1</v>
      </c>
      <c r="I8145" s="8">
        <v>0</v>
      </c>
      <c r="J8145" s="8">
        <v>1</v>
      </c>
      <c r="K8145" s="9">
        <v>561</v>
      </c>
      <c r="L8145" s="6" t="s">
        <v>51</v>
      </c>
    </row>
    <row r="8146" spans="1:12">
      <c r="A8146" s="6" t="s">
        <v>49</v>
      </c>
      <c r="B8146" s="6"/>
      <c r="C8146" s="6" t="s">
        <v>8170</v>
      </c>
      <c r="D8146" s="6"/>
      <c r="E8146" s="6" t="s">
        <v>9</v>
      </c>
      <c r="F8146" s="7">
        <v>38657</v>
      </c>
      <c r="G8146" s="8">
        <v>1</v>
      </c>
      <c r="H8146" s="8">
        <v>1</v>
      </c>
      <c r="I8146" s="8">
        <v>0</v>
      </c>
      <c r="J8146" s="8">
        <v>1</v>
      </c>
      <c r="K8146" s="9">
        <v>531</v>
      </c>
      <c r="L8146" s="6" t="s">
        <v>51</v>
      </c>
    </row>
    <row r="8147" spans="1:12">
      <c r="A8147" s="6" t="s">
        <v>49</v>
      </c>
      <c r="B8147" s="6"/>
      <c r="C8147" s="6" t="s">
        <v>8171</v>
      </c>
      <c r="D8147" s="6"/>
      <c r="E8147" s="6" t="s">
        <v>9</v>
      </c>
      <c r="F8147" s="7">
        <v>38657</v>
      </c>
      <c r="G8147" s="8">
        <v>1</v>
      </c>
      <c r="H8147" s="8">
        <v>1</v>
      </c>
      <c r="I8147" s="8">
        <v>0</v>
      </c>
      <c r="J8147" s="8">
        <v>1</v>
      </c>
      <c r="K8147" s="9">
        <v>547</v>
      </c>
      <c r="L8147" s="6" t="s">
        <v>51</v>
      </c>
    </row>
    <row r="8148" spans="1:12">
      <c r="A8148" s="6" t="s">
        <v>49</v>
      </c>
      <c r="B8148" s="6"/>
      <c r="C8148" s="6" t="s">
        <v>8172</v>
      </c>
      <c r="D8148" s="6"/>
      <c r="E8148" s="6" t="s">
        <v>9</v>
      </c>
      <c r="F8148" s="7">
        <v>38657</v>
      </c>
      <c r="G8148" s="8">
        <v>1</v>
      </c>
      <c r="H8148" s="8">
        <v>1</v>
      </c>
      <c r="I8148" s="8">
        <v>0</v>
      </c>
      <c r="J8148" s="8">
        <v>1</v>
      </c>
      <c r="K8148" s="9">
        <v>66</v>
      </c>
      <c r="L8148" s="6" t="s">
        <v>51</v>
      </c>
    </row>
    <row r="8149" spans="1:12">
      <c r="A8149" s="6" t="s">
        <v>49</v>
      </c>
      <c r="B8149" s="6"/>
      <c r="C8149" s="6" t="s">
        <v>8173</v>
      </c>
      <c r="D8149" s="6"/>
      <c r="E8149" s="6" t="s">
        <v>9</v>
      </c>
      <c r="F8149" s="7">
        <v>38657</v>
      </c>
      <c r="G8149" s="8">
        <v>1</v>
      </c>
      <c r="H8149" s="8">
        <v>1</v>
      </c>
      <c r="I8149" s="8">
        <v>0</v>
      </c>
      <c r="J8149" s="8">
        <v>1</v>
      </c>
      <c r="K8149" s="9">
        <v>3847</v>
      </c>
      <c r="L8149" s="6" t="s">
        <v>51</v>
      </c>
    </row>
    <row r="8150" spans="1:12">
      <c r="A8150" s="6" t="s">
        <v>49</v>
      </c>
      <c r="B8150" s="6"/>
      <c r="C8150" s="6" t="s">
        <v>8174</v>
      </c>
      <c r="D8150" s="6"/>
      <c r="E8150" s="6" t="s">
        <v>9</v>
      </c>
      <c r="F8150" s="7">
        <v>38657</v>
      </c>
      <c r="G8150" s="8">
        <v>1</v>
      </c>
      <c r="H8150" s="8">
        <v>1</v>
      </c>
      <c r="I8150" s="8">
        <v>0</v>
      </c>
      <c r="J8150" s="8">
        <v>1</v>
      </c>
      <c r="K8150" s="9">
        <v>2267</v>
      </c>
      <c r="L8150" s="6" t="s">
        <v>51</v>
      </c>
    </row>
    <row r="8151" spans="1:12">
      <c r="A8151" s="6" t="s">
        <v>49</v>
      </c>
      <c r="B8151" s="6"/>
      <c r="C8151" s="6" t="s">
        <v>8175</v>
      </c>
      <c r="D8151" s="6"/>
      <c r="E8151" s="6" t="s">
        <v>9</v>
      </c>
      <c r="F8151" s="7">
        <v>38657</v>
      </c>
      <c r="G8151" s="8">
        <v>1</v>
      </c>
      <c r="H8151" s="8">
        <v>1</v>
      </c>
      <c r="I8151" s="8">
        <v>0</v>
      </c>
      <c r="J8151" s="8">
        <v>1</v>
      </c>
      <c r="K8151" s="9">
        <v>2418</v>
      </c>
      <c r="L8151" s="6" t="s">
        <v>51</v>
      </c>
    </row>
    <row r="8152" spans="1:12">
      <c r="A8152" s="6" t="s">
        <v>49</v>
      </c>
      <c r="B8152" s="6"/>
      <c r="C8152" s="6" t="s">
        <v>8176</v>
      </c>
      <c r="D8152" s="6"/>
      <c r="E8152" s="6" t="s">
        <v>9</v>
      </c>
      <c r="F8152" s="7">
        <v>38657</v>
      </c>
      <c r="G8152" s="8">
        <v>1</v>
      </c>
      <c r="H8152" s="8">
        <v>1</v>
      </c>
      <c r="I8152" s="8">
        <v>0</v>
      </c>
      <c r="J8152" s="8">
        <v>1</v>
      </c>
      <c r="K8152" s="9">
        <v>748</v>
      </c>
      <c r="L8152" s="6" t="s">
        <v>51</v>
      </c>
    </row>
    <row r="8153" spans="1:12">
      <c r="A8153" s="6" t="s">
        <v>49</v>
      </c>
      <c r="B8153" s="6"/>
      <c r="C8153" s="6" t="s">
        <v>8177</v>
      </c>
      <c r="D8153" s="6"/>
      <c r="E8153" s="6" t="s">
        <v>9</v>
      </c>
      <c r="F8153" s="7">
        <v>38657</v>
      </c>
      <c r="G8153" s="8">
        <v>1</v>
      </c>
      <c r="H8153" s="8">
        <v>1</v>
      </c>
      <c r="I8153" s="8">
        <v>0</v>
      </c>
      <c r="J8153" s="8">
        <v>1</v>
      </c>
      <c r="K8153" s="9">
        <v>33</v>
      </c>
      <c r="L8153" s="6" t="s">
        <v>51</v>
      </c>
    </row>
    <row r="8154" spans="1:12">
      <c r="A8154" s="6" t="s">
        <v>49</v>
      </c>
      <c r="B8154" s="6"/>
      <c r="C8154" s="6" t="s">
        <v>8178</v>
      </c>
      <c r="D8154" s="6"/>
      <c r="E8154" s="6" t="s">
        <v>9</v>
      </c>
      <c r="F8154" s="7">
        <v>38657</v>
      </c>
      <c r="G8154" s="8">
        <v>1</v>
      </c>
      <c r="H8154" s="8">
        <v>1</v>
      </c>
      <c r="I8154" s="8">
        <v>0</v>
      </c>
      <c r="J8154" s="8">
        <v>1</v>
      </c>
      <c r="K8154" s="9">
        <v>4572</v>
      </c>
      <c r="L8154" s="6" t="s">
        <v>51</v>
      </c>
    </row>
    <row r="8155" spans="1:12">
      <c r="A8155" s="6" t="s">
        <v>49</v>
      </c>
      <c r="B8155" s="6"/>
      <c r="C8155" s="6" t="s">
        <v>8179</v>
      </c>
      <c r="D8155" s="6"/>
      <c r="E8155" s="6" t="s">
        <v>9</v>
      </c>
      <c r="F8155" s="7">
        <v>38657</v>
      </c>
      <c r="G8155" s="8">
        <v>1</v>
      </c>
      <c r="H8155" s="8">
        <v>1</v>
      </c>
      <c r="I8155" s="8">
        <v>0</v>
      </c>
      <c r="J8155" s="8">
        <v>1</v>
      </c>
      <c r="K8155" s="9">
        <v>2055</v>
      </c>
      <c r="L8155" s="6" t="s">
        <v>51</v>
      </c>
    </row>
    <row r="8156" spans="1:12">
      <c r="A8156" s="6" t="s">
        <v>49</v>
      </c>
      <c r="B8156" s="6"/>
      <c r="C8156" s="6" t="s">
        <v>8180</v>
      </c>
      <c r="D8156" s="6"/>
      <c r="E8156" s="6" t="s">
        <v>9</v>
      </c>
      <c r="F8156" s="7">
        <v>38657</v>
      </c>
      <c r="G8156" s="8">
        <v>1</v>
      </c>
      <c r="H8156" s="8">
        <v>1</v>
      </c>
      <c r="I8156" s="8">
        <v>0</v>
      </c>
      <c r="J8156" s="8">
        <v>1</v>
      </c>
      <c r="K8156" s="9">
        <v>407</v>
      </c>
      <c r="L8156" s="6" t="s">
        <v>51</v>
      </c>
    </row>
    <row r="8157" spans="1:12">
      <c r="A8157" s="6" t="s">
        <v>49</v>
      </c>
      <c r="B8157" s="6"/>
      <c r="C8157" s="6" t="s">
        <v>8181</v>
      </c>
      <c r="D8157" s="6"/>
      <c r="E8157" s="6" t="s">
        <v>9</v>
      </c>
      <c r="F8157" s="7">
        <v>38657</v>
      </c>
      <c r="G8157" s="8">
        <v>1</v>
      </c>
      <c r="H8157" s="8">
        <v>1</v>
      </c>
      <c r="I8157" s="8">
        <v>0</v>
      </c>
      <c r="J8157" s="8">
        <v>1</v>
      </c>
      <c r="K8157" s="9">
        <v>441</v>
      </c>
      <c r="L8157" s="6" t="s">
        <v>51</v>
      </c>
    </row>
    <row r="8158" spans="1:12">
      <c r="A8158" s="6" t="s">
        <v>49</v>
      </c>
      <c r="B8158" s="6"/>
      <c r="C8158" s="6" t="s">
        <v>8182</v>
      </c>
      <c r="D8158" s="6"/>
      <c r="E8158" s="6" t="s">
        <v>9</v>
      </c>
      <c r="F8158" s="7">
        <v>38657</v>
      </c>
      <c r="G8158" s="8">
        <v>1</v>
      </c>
      <c r="H8158" s="8">
        <v>1</v>
      </c>
      <c r="I8158" s="8">
        <v>0</v>
      </c>
      <c r="J8158" s="8">
        <v>1</v>
      </c>
      <c r="K8158" s="9">
        <v>930</v>
      </c>
      <c r="L8158" s="6" t="s">
        <v>51</v>
      </c>
    </row>
    <row r="8159" spans="1:12">
      <c r="A8159" s="6" t="s">
        <v>49</v>
      </c>
      <c r="B8159" s="6"/>
      <c r="C8159" s="6" t="s">
        <v>8183</v>
      </c>
      <c r="D8159" s="6"/>
      <c r="E8159" s="6" t="s">
        <v>9</v>
      </c>
      <c r="F8159" s="7">
        <v>38657</v>
      </c>
      <c r="G8159" s="8">
        <v>1</v>
      </c>
      <c r="H8159" s="8">
        <v>1</v>
      </c>
      <c r="I8159" s="8">
        <v>0</v>
      </c>
      <c r="J8159" s="8">
        <v>1</v>
      </c>
      <c r="K8159" s="9">
        <v>830</v>
      </c>
      <c r="L8159" s="6" t="s">
        <v>51</v>
      </c>
    </row>
    <row r="8160" spans="1:12">
      <c r="A8160" s="6" t="s">
        <v>49</v>
      </c>
      <c r="B8160" s="6"/>
      <c r="C8160" s="6" t="s">
        <v>8184</v>
      </c>
      <c r="D8160" s="6"/>
      <c r="E8160" s="6" t="s">
        <v>9</v>
      </c>
      <c r="F8160" s="7">
        <v>38657</v>
      </c>
      <c r="G8160" s="8">
        <v>1</v>
      </c>
      <c r="H8160" s="8">
        <v>1</v>
      </c>
      <c r="I8160" s="8">
        <v>0</v>
      </c>
      <c r="J8160" s="8">
        <v>1</v>
      </c>
      <c r="K8160" s="9">
        <v>827</v>
      </c>
      <c r="L8160" s="6" t="s">
        <v>51</v>
      </c>
    </row>
    <row r="8161" spans="1:12">
      <c r="A8161" s="6" t="s">
        <v>49</v>
      </c>
      <c r="B8161" s="6"/>
      <c r="C8161" s="6" t="s">
        <v>8185</v>
      </c>
      <c r="D8161" s="6"/>
      <c r="E8161" s="6" t="s">
        <v>9</v>
      </c>
      <c r="F8161" s="7">
        <v>38657</v>
      </c>
      <c r="G8161" s="8">
        <v>1</v>
      </c>
      <c r="H8161" s="8">
        <v>1</v>
      </c>
      <c r="I8161" s="8">
        <v>0</v>
      </c>
      <c r="J8161" s="8">
        <v>1</v>
      </c>
      <c r="K8161" s="9">
        <v>824</v>
      </c>
      <c r="L8161" s="6" t="s">
        <v>51</v>
      </c>
    </row>
    <row r="8162" spans="1:12">
      <c r="A8162" s="6" t="s">
        <v>49</v>
      </c>
      <c r="B8162" s="6"/>
      <c r="C8162" s="6" t="s">
        <v>8186</v>
      </c>
      <c r="D8162" s="6"/>
      <c r="E8162" s="6" t="s">
        <v>9</v>
      </c>
      <c r="F8162" s="7">
        <v>38657</v>
      </c>
      <c r="G8162" s="8">
        <v>1</v>
      </c>
      <c r="H8162" s="8">
        <v>1</v>
      </c>
      <c r="I8162" s="8">
        <v>0</v>
      </c>
      <c r="J8162" s="8">
        <v>1</v>
      </c>
      <c r="K8162" s="9">
        <v>173</v>
      </c>
      <c r="L8162" s="6" t="s">
        <v>51</v>
      </c>
    </row>
    <row r="8163" spans="1:12">
      <c r="A8163" s="6" t="s">
        <v>49</v>
      </c>
      <c r="B8163" s="6"/>
      <c r="C8163" s="6" t="s">
        <v>8187</v>
      </c>
      <c r="D8163" s="6"/>
      <c r="E8163" s="6" t="s">
        <v>9</v>
      </c>
      <c r="F8163" s="7">
        <v>38657</v>
      </c>
      <c r="G8163" s="8">
        <v>1</v>
      </c>
      <c r="H8163" s="8">
        <v>1</v>
      </c>
      <c r="I8163" s="8">
        <v>0</v>
      </c>
      <c r="J8163" s="8">
        <v>1</v>
      </c>
      <c r="K8163" s="9">
        <v>538</v>
      </c>
      <c r="L8163" s="6" t="s">
        <v>51</v>
      </c>
    </row>
    <row r="8164" spans="1:12">
      <c r="A8164" s="6" t="s">
        <v>49</v>
      </c>
      <c r="B8164" s="6"/>
      <c r="C8164" s="6" t="s">
        <v>8188</v>
      </c>
      <c r="D8164" s="6"/>
      <c r="E8164" s="6" t="s">
        <v>9</v>
      </c>
      <c r="F8164" s="7">
        <v>38657</v>
      </c>
      <c r="G8164" s="8">
        <v>1</v>
      </c>
      <c r="H8164" s="8">
        <v>1</v>
      </c>
      <c r="I8164" s="8">
        <v>0</v>
      </c>
      <c r="J8164" s="8">
        <v>1</v>
      </c>
      <c r="K8164" s="9">
        <v>8.16</v>
      </c>
      <c r="L8164" s="6" t="s">
        <v>51</v>
      </c>
    </row>
    <row r="8165" spans="1:12">
      <c r="A8165" s="6" t="s">
        <v>49</v>
      </c>
      <c r="B8165" s="6"/>
      <c r="C8165" s="6" t="s">
        <v>8189</v>
      </c>
      <c r="D8165" s="6"/>
      <c r="E8165" s="6" t="s">
        <v>9</v>
      </c>
      <c r="F8165" s="7">
        <v>38657</v>
      </c>
      <c r="G8165" s="8">
        <v>1</v>
      </c>
      <c r="H8165" s="8">
        <v>1</v>
      </c>
      <c r="I8165" s="8">
        <v>0</v>
      </c>
      <c r="J8165" s="8">
        <v>1</v>
      </c>
      <c r="K8165" s="9">
        <v>59</v>
      </c>
      <c r="L8165" s="6" t="s">
        <v>51</v>
      </c>
    </row>
    <row r="8166" spans="1:12">
      <c r="A8166" s="6" t="s">
        <v>49</v>
      </c>
      <c r="B8166" s="6"/>
      <c r="C8166" s="6" t="s">
        <v>8190</v>
      </c>
      <c r="D8166" s="6"/>
      <c r="E8166" s="6" t="s">
        <v>9</v>
      </c>
      <c r="F8166" s="7">
        <v>38657</v>
      </c>
      <c r="G8166" s="8">
        <v>1</v>
      </c>
      <c r="H8166" s="8">
        <v>1</v>
      </c>
      <c r="I8166" s="8">
        <v>0</v>
      </c>
      <c r="J8166" s="8">
        <v>1</v>
      </c>
      <c r="K8166" s="9">
        <v>630</v>
      </c>
      <c r="L8166" s="6" t="s">
        <v>51</v>
      </c>
    </row>
    <row r="8167" spans="1:12">
      <c r="A8167" s="6" t="s">
        <v>49</v>
      </c>
      <c r="B8167" s="6"/>
      <c r="C8167" s="6" t="s">
        <v>8191</v>
      </c>
      <c r="D8167" s="6"/>
      <c r="E8167" s="6" t="s">
        <v>9</v>
      </c>
      <c r="F8167" s="7">
        <v>38657</v>
      </c>
      <c r="G8167" s="8">
        <v>1</v>
      </c>
      <c r="H8167" s="8">
        <v>1</v>
      </c>
      <c r="I8167" s="8">
        <v>0</v>
      </c>
      <c r="J8167" s="8">
        <v>1</v>
      </c>
      <c r="K8167" s="9">
        <v>954</v>
      </c>
      <c r="L8167" s="6" t="s">
        <v>51</v>
      </c>
    </row>
    <row r="8168" spans="1:12">
      <c r="A8168" s="6" t="s">
        <v>49</v>
      </c>
      <c r="B8168" s="6"/>
      <c r="C8168" s="6" t="s">
        <v>8192</v>
      </c>
      <c r="D8168" s="6"/>
      <c r="E8168" s="6" t="s">
        <v>9</v>
      </c>
      <c r="F8168" s="7">
        <v>38657</v>
      </c>
      <c r="G8168" s="8">
        <v>1</v>
      </c>
      <c r="H8168" s="8">
        <v>1</v>
      </c>
      <c r="I8168" s="8">
        <v>0</v>
      </c>
      <c r="J8168" s="8">
        <v>1</v>
      </c>
      <c r="K8168" s="9">
        <v>683</v>
      </c>
      <c r="L8168" s="6" t="s">
        <v>51</v>
      </c>
    </row>
    <row r="8169" spans="1:12">
      <c r="A8169" s="6" t="s">
        <v>49</v>
      </c>
      <c r="B8169" s="6"/>
      <c r="C8169" s="6" t="s">
        <v>8193</v>
      </c>
      <c r="D8169" s="6"/>
      <c r="E8169" s="6" t="s">
        <v>9</v>
      </c>
      <c r="F8169" s="7">
        <v>38657</v>
      </c>
      <c r="G8169" s="8">
        <v>1</v>
      </c>
      <c r="H8169" s="8">
        <v>1</v>
      </c>
      <c r="I8169" s="8">
        <v>0</v>
      </c>
      <c r="J8169" s="8">
        <v>1</v>
      </c>
      <c r="K8169" s="9">
        <v>686</v>
      </c>
      <c r="L8169" s="6" t="s">
        <v>51</v>
      </c>
    </row>
    <row r="8170" spans="1:12">
      <c r="A8170" s="6" t="s">
        <v>49</v>
      </c>
      <c r="B8170" s="6"/>
      <c r="C8170" s="6" t="s">
        <v>8194</v>
      </c>
      <c r="D8170" s="6"/>
      <c r="E8170" s="6" t="s">
        <v>9</v>
      </c>
      <c r="F8170" s="7">
        <v>38657</v>
      </c>
      <c r="G8170" s="8">
        <v>1</v>
      </c>
      <c r="H8170" s="8">
        <v>1</v>
      </c>
      <c r="I8170" s="8">
        <v>0</v>
      </c>
      <c r="J8170" s="8">
        <v>1</v>
      </c>
      <c r="K8170" s="9">
        <v>683</v>
      </c>
      <c r="L8170" s="6" t="s">
        <v>51</v>
      </c>
    </row>
    <row r="8171" spans="1:12">
      <c r="A8171" s="6" t="s">
        <v>49</v>
      </c>
      <c r="B8171" s="6"/>
      <c r="C8171" s="6" t="s">
        <v>8195</v>
      </c>
      <c r="D8171" s="6"/>
      <c r="E8171" s="6" t="s">
        <v>9</v>
      </c>
      <c r="F8171" s="7">
        <v>38657</v>
      </c>
      <c r="G8171" s="8">
        <v>1</v>
      </c>
      <c r="H8171" s="8">
        <v>1</v>
      </c>
      <c r="I8171" s="8">
        <v>0</v>
      </c>
      <c r="J8171" s="8">
        <v>1</v>
      </c>
      <c r="K8171" s="9">
        <v>624</v>
      </c>
      <c r="L8171" s="6" t="s">
        <v>51</v>
      </c>
    </row>
    <row r="8172" spans="1:12">
      <c r="A8172" s="6" t="s">
        <v>49</v>
      </c>
      <c r="B8172" s="6"/>
      <c r="C8172" s="6" t="s">
        <v>8196</v>
      </c>
      <c r="D8172" s="6"/>
      <c r="E8172" s="6" t="s">
        <v>9</v>
      </c>
      <c r="F8172" s="7">
        <v>38657</v>
      </c>
      <c r="G8172" s="8">
        <v>1</v>
      </c>
      <c r="H8172" s="8">
        <v>1</v>
      </c>
      <c r="I8172" s="8">
        <v>0</v>
      </c>
      <c r="J8172" s="8">
        <v>1</v>
      </c>
      <c r="K8172" s="9">
        <v>682</v>
      </c>
      <c r="L8172" s="6" t="s">
        <v>51</v>
      </c>
    </row>
    <row r="8173" spans="1:12">
      <c r="A8173" s="6" t="s">
        <v>49</v>
      </c>
      <c r="B8173" s="6"/>
      <c r="C8173" s="6" t="s">
        <v>8197</v>
      </c>
      <c r="D8173" s="6"/>
      <c r="E8173" s="6" t="s">
        <v>9</v>
      </c>
      <c r="F8173" s="7">
        <v>38657</v>
      </c>
      <c r="G8173" s="8">
        <v>1</v>
      </c>
      <c r="H8173" s="8">
        <v>1</v>
      </c>
      <c r="I8173" s="8">
        <v>0</v>
      </c>
      <c r="J8173" s="8">
        <v>1</v>
      </c>
      <c r="K8173" s="9">
        <v>739</v>
      </c>
      <c r="L8173" s="6" t="s">
        <v>51</v>
      </c>
    </row>
    <row r="8174" spans="1:12">
      <c r="A8174" s="6" t="s">
        <v>49</v>
      </c>
      <c r="B8174" s="6"/>
      <c r="C8174" s="6" t="s">
        <v>8198</v>
      </c>
      <c r="D8174" s="6"/>
      <c r="E8174" s="6" t="s">
        <v>9</v>
      </c>
      <c r="F8174" s="7">
        <v>38657</v>
      </c>
      <c r="G8174" s="8">
        <v>1</v>
      </c>
      <c r="H8174" s="8">
        <v>1</v>
      </c>
      <c r="I8174" s="8">
        <v>0</v>
      </c>
      <c r="J8174" s="8">
        <v>1</v>
      </c>
      <c r="K8174" s="9">
        <v>583</v>
      </c>
      <c r="L8174" s="6" t="s">
        <v>51</v>
      </c>
    </row>
    <row r="8175" spans="1:12">
      <c r="A8175" s="6" t="s">
        <v>49</v>
      </c>
      <c r="B8175" s="6"/>
      <c r="C8175" s="6" t="s">
        <v>8199</v>
      </c>
      <c r="D8175" s="6"/>
      <c r="E8175" s="6" t="s">
        <v>9</v>
      </c>
      <c r="F8175" s="7">
        <v>38657</v>
      </c>
      <c r="G8175" s="8">
        <v>1</v>
      </c>
      <c r="H8175" s="8">
        <v>1</v>
      </c>
      <c r="I8175" s="8">
        <v>0</v>
      </c>
      <c r="J8175" s="8">
        <v>1</v>
      </c>
      <c r="K8175" s="9">
        <v>518</v>
      </c>
      <c r="L8175" s="6" t="s">
        <v>51</v>
      </c>
    </row>
    <row r="8176" spans="1:12">
      <c r="A8176" s="6" t="s">
        <v>49</v>
      </c>
      <c r="B8176" s="6"/>
      <c r="C8176" s="6" t="s">
        <v>8200</v>
      </c>
      <c r="D8176" s="6"/>
      <c r="E8176" s="6" t="s">
        <v>9</v>
      </c>
      <c r="F8176" s="7">
        <v>38657</v>
      </c>
      <c r="G8176" s="8">
        <v>1</v>
      </c>
      <c r="H8176" s="8">
        <v>1</v>
      </c>
      <c r="I8176" s="8">
        <v>0</v>
      </c>
      <c r="J8176" s="8">
        <v>1</v>
      </c>
      <c r="K8176" s="9">
        <v>59</v>
      </c>
      <c r="L8176" s="6" t="s">
        <v>51</v>
      </c>
    </row>
    <row r="8177" spans="1:12">
      <c r="A8177" s="6" t="s">
        <v>49</v>
      </c>
      <c r="B8177" s="6"/>
      <c r="C8177" s="6" t="s">
        <v>8201</v>
      </c>
      <c r="D8177" s="6"/>
      <c r="E8177" s="6" t="s">
        <v>9</v>
      </c>
      <c r="F8177" s="7">
        <v>38657</v>
      </c>
      <c r="G8177" s="8">
        <v>1</v>
      </c>
      <c r="H8177" s="8">
        <v>1</v>
      </c>
      <c r="I8177" s="8">
        <v>0</v>
      </c>
      <c r="J8177" s="8">
        <v>1</v>
      </c>
      <c r="K8177" s="9">
        <v>615</v>
      </c>
      <c r="L8177" s="6" t="s">
        <v>51</v>
      </c>
    </row>
    <row r="8178" spans="1:12">
      <c r="A8178" s="6" t="s">
        <v>49</v>
      </c>
      <c r="B8178" s="6"/>
      <c r="C8178" s="6" t="s">
        <v>8202</v>
      </c>
      <c r="D8178" s="6"/>
      <c r="E8178" s="6" t="s">
        <v>9</v>
      </c>
      <c r="F8178" s="7">
        <v>38657</v>
      </c>
      <c r="G8178" s="8">
        <v>1</v>
      </c>
      <c r="H8178" s="8">
        <v>1</v>
      </c>
      <c r="I8178" s="8">
        <v>0</v>
      </c>
      <c r="J8178" s="8">
        <v>1</v>
      </c>
      <c r="K8178" s="9">
        <v>1166</v>
      </c>
      <c r="L8178" s="6" t="s">
        <v>51</v>
      </c>
    </row>
    <row r="8179" spans="1:12">
      <c r="A8179" s="6" t="s">
        <v>49</v>
      </c>
      <c r="B8179" s="6"/>
      <c r="C8179" s="6" t="s">
        <v>8203</v>
      </c>
      <c r="D8179" s="6"/>
      <c r="E8179" s="6" t="s">
        <v>9</v>
      </c>
      <c r="F8179" s="7">
        <v>38657</v>
      </c>
      <c r="G8179" s="8">
        <v>1</v>
      </c>
      <c r="H8179" s="8">
        <v>1</v>
      </c>
      <c r="I8179" s="8">
        <v>0</v>
      </c>
      <c r="J8179" s="8">
        <v>1</v>
      </c>
      <c r="K8179" s="9">
        <v>784</v>
      </c>
      <c r="L8179" s="6" t="s">
        <v>51</v>
      </c>
    </row>
    <row r="8180" spans="1:12">
      <c r="A8180" s="6" t="s">
        <v>49</v>
      </c>
      <c r="B8180" s="6"/>
      <c r="C8180" s="6" t="s">
        <v>8204</v>
      </c>
      <c r="D8180" s="6"/>
      <c r="E8180" s="6" t="s">
        <v>9</v>
      </c>
      <c r="F8180" s="7">
        <v>38657</v>
      </c>
      <c r="G8180" s="8">
        <v>1</v>
      </c>
      <c r="H8180" s="8">
        <v>1</v>
      </c>
      <c r="I8180" s="8">
        <v>0</v>
      </c>
      <c r="J8180" s="8">
        <v>1</v>
      </c>
      <c r="K8180" s="9">
        <v>574</v>
      </c>
      <c r="L8180" s="6" t="s">
        <v>51</v>
      </c>
    </row>
    <row r="8181" spans="1:12">
      <c r="A8181" s="6" t="s">
        <v>49</v>
      </c>
      <c r="B8181" s="6"/>
      <c r="C8181" s="6" t="s">
        <v>8205</v>
      </c>
      <c r="D8181" s="6"/>
      <c r="E8181" s="6" t="s">
        <v>9</v>
      </c>
      <c r="F8181" s="7">
        <v>38657</v>
      </c>
      <c r="G8181" s="8">
        <v>1</v>
      </c>
      <c r="H8181" s="8">
        <v>1</v>
      </c>
      <c r="I8181" s="8">
        <v>0</v>
      </c>
      <c r="J8181" s="8">
        <v>1</v>
      </c>
      <c r="K8181" s="9">
        <v>416</v>
      </c>
      <c r="L8181" s="6" t="s">
        <v>51</v>
      </c>
    </row>
    <row r="8182" spans="1:12">
      <c r="A8182" s="6" t="s">
        <v>49</v>
      </c>
      <c r="B8182" s="6"/>
      <c r="C8182" s="6" t="s">
        <v>8206</v>
      </c>
      <c r="D8182" s="6"/>
      <c r="E8182" s="6" t="s">
        <v>9</v>
      </c>
      <c r="F8182" s="7">
        <v>38657</v>
      </c>
      <c r="G8182" s="8">
        <v>1</v>
      </c>
      <c r="H8182" s="8">
        <v>1</v>
      </c>
      <c r="I8182" s="8">
        <v>0</v>
      </c>
      <c r="J8182" s="8">
        <v>1</v>
      </c>
      <c r="K8182" s="9">
        <v>287</v>
      </c>
      <c r="L8182" s="6" t="s">
        <v>51</v>
      </c>
    </row>
    <row r="8183" spans="1:12">
      <c r="A8183" s="6" t="s">
        <v>49</v>
      </c>
      <c r="B8183" s="6"/>
      <c r="C8183" s="6" t="s">
        <v>8207</v>
      </c>
      <c r="D8183" s="6"/>
      <c r="E8183" s="6" t="s">
        <v>9</v>
      </c>
      <c r="F8183" s="7">
        <v>38657</v>
      </c>
      <c r="G8183" s="8">
        <v>1</v>
      </c>
      <c r="H8183" s="8">
        <v>1</v>
      </c>
      <c r="I8183" s="8">
        <v>0</v>
      </c>
      <c r="J8183" s="8">
        <v>1</v>
      </c>
      <c r="K8183" s="9">
        <v>242</v>
      </c>
      <c r="L8183" s="6" t="s">
        <v>51</v>
      </c>
    </row>
    <row r="8184" spans="1:12">
      <c r="A8184" s="6" t="s">
        <v>49</v>
      </c>
      <c r="B8184" s="6"/>
      <c r="C8184" s="6" t="s">
        <v>8208</v>
      </c>
      <c r="D8184" s="6"/>
      <c r="E8184" s="6" t="s">
        <v>9</v>
      </c>
      <c r="F8184" s="7">
        <v>38657</v>
      </c>
      <c r="G8184" s="8">
        <v>1</v>
      </c>
      <c r="H8184" s="8">
        <v>1</v>
      </c>
      <c r="I8184" s="8">
        <v>0</v>
      </c>
      <c r="J8184" s="8">
        <v>1</v>
      </c>
      <c r="K8184" s="9">
        <v>2550</v>
      </c>
      <c r="L8184" s="6" t="s">
        <v>51</v>
      </c>
    </row>
    <row r="8185" spans="1:12">
      <c r="A8185" s="6" t="s">
        <v>49</v>
      </c>
      <c r="B8185" s="6"/>
      <c r="C8185" s="6" t="s">
        <v>8209</v>
      </c>
      <c r="D8185" s="6"/>
      <c r="E8185" s="6" t="s">
        <v>9</v>
      </c>
      <c r="F8185" s="7">
        <v>38657</v>
      </c>
      <c r="G8185" s="8">
        <v>1</v>
      </c>
      <c r="H8185" s="8">
        <v>1</v>
      </c>
      <c r="I8185" s="8">
        <v>0</v>
      </c>
      <c r="J8185" s="8">
        <v>1</v>
      </c>
      <c r="K8185" s="9">
        <v>484</v>
      </c>
      <c r="L8185" s="6" t="s">
        <v>51</v>
      </c>
    </row>
    <row r="8186" spans="1:12">
      <c r="A8186" s="6" t="s">
        <v>49</v>
      </c>
      <c r="B8186" s="6"/>
      <c r="C8186" s="6" t="s">
        <v>8210</v>
      </c>
      <c r="D8186" s="6"/>
      <c r="E8186" s="6" t="s">
        <v>9</v>
      </c>
      <c r="F8186" s="7">
        <v>38657</v>
      </c>
      <c r="G8186" s="8">
        <v>1</v>
      </c>
      <c r="H8186" s="8">
        <v>1</v>
      </c>
      <c r="I8186" s="8">
        <v>0</v>
      </c>
      <c r="J8186" s="8">
        <v>1</v>
      </c>
      <c r="K8186" s="9">
        <v>424</v>
      </c>
      <c r="L8186" s="6" t="s">
        <v>51</v>
      </c>
    </row>
    <row r="8187" spans="1:12">
      <c r="A8187" s="6" t="s">
        <v>49</v>
      </c>
      <c r="B8187" s="6"/>
      <c r="C8187" s="6" t="s">
        <v>8211</v>
      </c>
      <c r="D8187" s="6"/>
      <c r="E8187" s="6" t="s">
        <v>9</v>
      </c>
      <c r="F8187" s="7">
        <v>38657</v>
      </c>
      <c r="G8187" s="8">
        <v>1</v>
      </c>
      <c r="H8187" s="8">
        <v>1</v>
      </c>
      <c r="I8187" s="8">
        <v>0</v>
      </c>
      <c r="J8187" s="8">
        <v>1</v>
      </c>
      <c r="K8187" s="9">
        <v>33</v>
      </c>
      <c r="L8187" s="6" t="s">
        <v>51</v>
      </c>
    </row>
    <row r="8188" spans="1:12">
      <c r="A8188" s="6" t="s">
        <v>49</v>
      </c>
      <c r="B8188" s="6"/>
      <c r="C8188" s="6" t="s">
        <v>8212</v>
      </c>
      <c r="D8188" s="6"/>
      <c r="E8188" s="6" t="s">
        <v>9</v>
      </c>
      <c r="F8188" s="7">
        <v>38657</v>
      </c>
      <c r="G8188" s="8">
        <v>1</v>
      </c>
      <c r="H8188" s="8">
        <v>1</v>
      </c>
      <c r="I8188" s="8">
        <v>0</v>
      </c>
      <c r="J8188" s="8">
        <v>1</v>
      </c>
      <c r="K8188" s="9">
        <v>500</v>
      </c>
      <c r="L8188" s="6" t="s">
        <v>51</v>
      </c>
    </row>
    <row r="8189" spans="1:12">
      <c r="A8189" s="6" t="s">
        <v>49</v>
      </c>
      <c r="B8189" s="6"/>
      <c r="C8189" s="6" t="s">
        <v>8213</v>
      </c>
      <c r="D8189" s="6"/>
      <c r="E8189" s="6" t="s">
        <v>9</v>
      </c>
      <c r="F8189" s="7">
        <v>38657</v>
      </c>
      <c r="G8189" s="8">
        <v>1</v>
      </c>
      <c r="H8189" s="8">
        <v>1</v>
      </c>
      <c r="I8189" s="8">
        <v>0</v>
      </c>
      <c r="J8189" s="8">
        <v>1</v>
      </c>
      <c r="K8189" s="9">
        <v>500</v>
      </c>
      <c r="L8189" s="6" t="s">
        <v>51</v>
      </c>
    </row>
    <row r="8190" spans="1:12">
      <c r="A8190" s="6" t="s">
        <v>49</v>
      </c>
      <c r="B8190" s="6"/>
      <c r="C8190" s="6" t="s">
        <v>8214</v>
      </c>
      <c r="D8190" s="6"/>
      <c r="E8190" s="6" t="s">
        <v>9</v>
      </c>
      <c r="F8190" s="7">
        <v>38657</v>
      </c>
      <c r="G8190" s="8">
        <v>1</v>
      </c>
      <c r="H8190" s="8">
        <v>1</v>
      </c>
      <c r="I8190" s="8">
        <v>0</v>
      </c>
      <c r="J8190" s="8">
        <v>1</v>
      </c>
      <c r="K8190" s="9">
        <v>501</v>
      </c>
      <c r="L8190" s="6" t="s">
        <v>51</v>
      </c>
    </row>
    <row r="8191" spans="1:12">
      <c r="A8191" s="6" t="s">
        <v>49</v>
      </c>
      <c r="B8191" s="6"/>
      <c r="C8191" s="6" t="s">
        <v>8215</v>
      </c>
      <c r="D8191" s="6"/>
      <c r="E8191" s="6" t="s">
        <v>9</v>
      </c>
      <c r="F8191" s="7">
        <v>38657</v>
      </c>
      <c r="G8191" s="8">
        <v>1</v>
      </c>
      <c r="H8191" s="8">
        <v>1</v>
      </c>
      <c r="I8191" s="8">
        <v>0</v>
      </c>
      <c r="J8191" s="8">
        <v>1</v>
      </c>
      <c r="K8191" s="9">
        <v>499</v>
      </c>
      <c r="L8191" s="6" t="s">
        <v>51</v>
      </c>
    </row>
    <row r="8192" spans="1:12">
      <c r="A8192" s="6" t="s">
        <v>49</v>
      </c>
      <c r="B8192" s="6"/>
      <c r="C8192" s="6" t="s">
        <v>8216</v>
      </c>
      <c r="D8192" s="6"/>
      <c r="E8192" s="6" t="s">
        <v>9</v>
      </c>
      <c r="F8192" s="7">
        <v>39842</v>
      </c>
      <c r="G8192" s="8">
        <v>1</v>
      </c>
      <c r="H8192" s="8">
        <v>1</v>
      </c>
      <c r="I8192" s="8">
        <v>0</v>
      </c>
      <c r="J8192" s="8">
        <v>1</v>
      </c>
      <c r="K8192" s="9">
        <v>145</v>
      </c>
      <c r="L8192" s="6" t="s">
        <v>51</v>
      </c>
    </row>
    <row r="8193" spans="1:12">
      <c r="A8193" s="6" t="s">
        <v>49</v>
      </c>
      <c r="B8193" s="6"/>
      <c r="C8193" s="6" t="s">
        <v>8217</v>
      </c>
      <c r="D8193" s="6"/>
      <c r="E8193" s="6" t="s">
        <v>9</v>
      </c>
      <c r="F8193" s="7">
        <v>39842</v>
      </c>
      <c r="G8193" s="8">
        <v>1</v>
      </c>
      <c r="H8193" s="8">
        <v>1</v>
      </c>
      <c r="I8193" s="8">
        <v>0</v>
      </c>
      <c r="J8193" s="8">
        <v>1</v>
      </c>
      <c r="K8193" s="9">
        <v>24</v>
      </c>
      <c r="L8193" s="6" t="s">
        <v>51</v>
      </c>
    </row>
    <row r="8194" spans="1:12">
      <c r="A8194" s="6" t="s">
        <v>49</v>
      </c>
      <c r="B8194" s="6"/>
      <c r="C8194" s="6" t="s">
        <v>8218</v>
      </c>
      <c r="D8194" s="6"/>
      <c r="E8194" s="6" t="s">
        <v>9</v>
      </c>
      <c r="F8194" s="7">
        <v>39842</v>
      </c>
      <c r="G8194" s="8">
        <v>1</v>
      </c>
      <c r="H8194" s="8">
        <v>1</v>
      </c>
      <c r="I8194" s="8">
        <v>0</v>
      </c>
      <c r="J8194" s="8">
        <v>1</v>
      </c>
      <c r="K8194" s="9">
        <v>29</v>
      </c>
      <c r="L8194" s="6" t="s">
        <v>51</v>
      </c>
    </row>
    <row r="8195" spans="1:12">
      <c r="A8195" s="6" t="s">
        <v>49</v>
      </c>
      <c r="B8195" s="6"/>
      <c r="C8195" s="6" t="s">
        <v>8219</v>
      </c>
      <c r="D8195" s="6"/>
      <c r="E8195" s="6" t="s">
        <v>9</v>
      </c>
      <c r="F8195" s="7">
        <v>39842</v>
      </c>
      <c r="G8195" s="8">
        <v>1</v>
      </c>
      <c r="H8195" s="8">
        <v>1</v>
      </c>
      <c r="I8195" s="8">
        <v>0</v>
      </c>
      <c r="J8195" s="8">
        <v>1</v>
      </c>
      <c r="K8195" s="9">
        <v>122</v>
      </c>
      <c r="L8195" s="6" t="s">
        <v>51</v>
      </c>
    </row>
    <row r="8196" spans="1:12">
      <c r="A8196" s="6" t="s">
        <v>49</v>
      </c>
      <c r="B8196" s="6"/>
      <c r="C8196" s="6" t="s">
        <v>8220</v>
      </c>
      <c r="D8196" s="6"/>
      <c r="E8196" s="6" t="s">
        <v>9</v>
      </c>
      <c r="F8196" s="7">
        <v>39842</v>
      </c>
      <c r="G8196" s="8">
        <v>1</v>
      </c>
      <c r="H8196" s="8">
        <v>1</v>
      </c>
      <c r="I8196" s="8">
        <v>0</v>
      </c>
      <c r="J8196" s="8">
        <v>1</v>
      </c>
      <c r="K8196" s="9">
        <v>1735</v>
      </c>
      <c r="L8196" s="6" t="s">
        <v>51</v>
      </c>
    </row>
    <row r="8197" spans="1:12">
      <c r="A8197" s="6" t="s">
        <v>49</v>
      </c>
      <c r="B8197" s="6"/>
      <c r="C8197" s="6" t="s">
        <v>8221</v>
      </c>
      <c r="D8197" s="6"/>
      <c r="E8197" s="6" t="s">
        <v>9</v>
      </c>
      <c r="F8197" s="7">
        <v>39842</v>
      </c>
      <c r="G8197" s="8">
        <v>1</v>
      </c>
      <c r="H8197" s="8">
        <v>1</v>
      </c>
      <c r="I8197" s="8">
        <v>0</v>
      </c>
      <c r="J8197" s="8">
        <v>1</v>
      </c>
      <c r="K8197" s="9">
        <v>167</v>
      </c>
      <c r="L8197" s="6" t="s">
        <v>51</v>
      </c>
    </row>
    <row r="8198" spans="1:12">
      <c r="A8198" s="6" t="s">
        <v>49</v>
      </c>
      <c r="B8198" s="6"/>
      <c r="C8198" s="6" t="s">
        <v>8222</v>
      </c>
      <c r="D8198" s="6"/>
      <c r="E8198" s="6" t="s">
        <v>9</v>
      </c>
      <c r="F8198" s="7">
        <v>38657</v>
      </c>
      <c r="G8198" s="8">
        <v>1</v>
      </c>
      <c r="H8198" s="8">
        <v>1</v>
      </c>
      <c r="I8198" s="8">
        <v>0</v>
      </c>
      <c r="J8198" s="8">
        <v>1</v>
      </c>
      <c r="K8198" s="9">
        <v>52</v>
      </c>
      <c r="L8198" s="6" t="s">
        <v>51</v>
      </c>
    </row>
    <row r="8199" spans="1:12">
      <c r="A8199" s="6" t="s">
        <v>49</v>
      </c>
      <c r="B8199" s="6"/>
      <c r="C8199" s="6" t="s">
        <v>8223</v>
      </c>
      <c r="D8199" s="6"/>
      <c r="E8199" s="6" t="s">
        <v>9</v>
      </c>
      <c r="F8199" s="7">
        <v>39842</v>
      </c>
      <c r="G8199" s="8">
        <v>1</v>
      </c>
      <c r="H8199" s="8">
        <v>1</v>
      </c>
      <c r="I8199" s="8">
        <v>0</v>
      </c>
      <c r="J8199" s="8">
        <v>1</v>
      </c>
      <c r="K8199" s="9">
        <v>59</v>
      </c>
      <c r="L8199" s="6" t="s">
        <v>51</v>
      </c>
    </row>
    <row r="8200" spans="1:12">
      <c r="A8200" s="6" t="s">
        <v>49</v>
      </c>
      <c r="B8200" s="6"/>
      <c r="C8200" s="6" t="s">
        <v>8224</v>
      </c>
      <c r="D8200" s="6"/>
      <c r="E8200" s="6" t="s">
        <v>9</v>
      </c>
      <c r="F8200" s="7">
        <v>39842</v>
      </c>
      <c r="G8200" s="8">
        <v>1</v>
      </c>
      <c r="H8200" s="8">
        <v>1</v>
      </c>
      <c r="I8200" s="8">
        <v>0</v>
      </c>
      <c r="J8200" s="8">
        <v>1</v>
      </c>
      <c r="K8200" s="9">
        <v>1952</v>
      </c>
      <c r="L8200" s="6" t="s">
        <v>51</v>
      </c>
    </row>
    <row r="8201" spans="1:12">
      <c r="A8201" s="6" t="s">
        <v>49</v>
      </c>
      <c r="B8201" s="6"/>
      <c r="C8201" s="6" t="s">
        <v>8225</v>
      </c>
      <c r="D8201" s="6"/>
      <c r="E8201" s="6" t="s">
        <v>9</v>
      </c>
      <c r="F8201" s="7">
        <v>39842</v>
      </c>
      <c r="G8201" s="8">
        <v>1</v>
      </c>
      <c r="H8201" s="8">
        <v>1</v>
      </c>
      <c r="I8201" s="8">
        <v>0</v>
      </c>
      <c r="J8201" s="8">
        <v>1</v>
      </c>
      <c r="K8201" s="9">
        <v>17</v>
      </c>
      <c r="L8201" s="6" t="s">
        <v>51</v>
      </c>
    </row>
    <row r="8202" spans="1:12">
      <c r="A8202" s="6" t="s">
        <v>49</v>
      </c>
      <c r="B8202" s="6"/>
      <c r="C8202" s="6" t="s">
        <v>8226</v>
      </c>
      <c r="D8202" s="6"/>
      <c r="E8202" s="6" t="s">
        <v>9</v>
      </c>
      <c r="F8202" s="7">
        <v>39842</v>
      </c>
      <c r="G8202" s="8">
        <v>1</v>
      </c>
      <c r="H8202" s="8">
        <v>1</v>
      </c>
      <c r="I8202" s="8">
        <v>0</v>
      </c>
      <c r="J8202" s="8">
        <v>1</v>
      </c>
      <c r="K8202" s="9">
        <v>41</v>
      </c>
      <c r="L8202" s="6" t="s">
        <v>51</v>
      </c>
    </row>
    <row r="8203" spans="1:12">
      <c r="A8203" s="6" t="s">
        <v>49</v>
      </c>
      <c r="B8203" s="6"/>
      <c r="C8203" s="6" t="s">
        <v>8227</v>
      </c>
      <c r="D8203" s="6"/>
      <c r="E8203" s="6" t="s">
        <v>9</v>
      </c>
      <c r="F8203" s="7">
        <v>39842</v>
      </c>
      <c r="G8203" s="8">
        <v>1</v>
      </c>
      <c r="H8203" s="8">
        <v>1</v>
      </c>
      <c r="I8203" s="8">
        <v>0</v>
      </c>
      <c r="J8203" s="8">
        <v>1</v>
      </c>
      <c r="K8203" s="9">
        <v>605</v>
      </c>
      <c r="L8203" s="6" t="s">
        <v>51</v>
      </c>
    </row>
    <row r="8204" spans="1:12">
      <c r="A8204" s="6" t="s">
        <v>49</v>
      </c>
      <c r="B8204" s="6"/>
      <c r="C8204" s="6" t="s">
        <v>8228</v>
      </c>
      <c r="D8204" s="6"/>
      <c r="E8204" s="6" t="s">
        <v>9</v>
      </c>
      <c r="F8204" s="7">
        <v>39842</v>
      </c>
      <c r="G8204" s="8">
        <v>1</v>
      </c>
      <c r="H8204" s="8">
        <v>1</v>
      </c>
      <c r="I8204" s="8">
        <v>0</v>
      </c>
      <c r="J8204" s="8">
        <v>1</v>
      </c>
      <c r="K8204" s="9">
        <v>27</v>
      </c>
      <c r="L8204" s="6" t="s">
        <v>51</v>
      </c>
    </row>
    <row r="8205" spans="1:12">
      <c r="A8205" s="6" t="s">
        <v>49</v>
      </c>
      <c r="B8205" s="6"/>
      <c r="C8205" s="6" t="s">
        <v>8229</v>
      </c>
      <c r="D8205" s="6"/>
      <c r="E8205" s="6" t="s">
        <v>9</v>
      </c>
      <c r="F8205" s="7">
        <v>39842</v>
      </c>
      <c r="G8205" s="8">
        <v>1</v>
      </c>
      <c r="H8205" s="8">
        <v>1</v>
      </c>
      <c r="I8205" s="8">
        <v>0</v>
      </c>
      <c r="J8205" s="8">
        <v>1</v>
      </c>
      <c r="K8205" s="9">
        <v>112</v>
      </c>
      <c r="L8205" s="6" t="s">
        <v>51</v>
      </c>
    </row>
    <row r="8206" spans="1:12">
      <c r="A8206" s="6" t="s">
        <v>49</v>
      </c>
      <c r="B8206" s="6"/>
      <c r="C8206" s="6" t="s">
        <v>8230</v>
      </c>
      <c r="D8206" s="6"/>
      <c r="E8206" s="6" t="s">
        <v>9</v>
      </c>
      <c r="F8206" s="7">
        <v>39842</v>
      </c>
      <c r="G8206" s="8">
        <v>1</v>
      </c>
      <c r="H8206" s="8">
        <v>1</v>
      </c>
      <c r="I8206" s="8">
        <v>0</v>
      </c>
      <c r="J8206" s="8">
        <v>1</v>
      </c>
      <c r="K8206" s="9">
        <v>659</v>
      </c>
      <c r="L8206" s="6" t="s">
        <v>51</v>
      </c>
    </row>
    <row r="8207" spans="1:12">
      <c r="A8207" s="6" t="s">
        <v>49</v>
      </c>
      <c r="B8207" s="6"/>
      <c r="C8207" s="6" t="s">
        <v>8231</v>
      </c>
      <c r="D8207" s="6"/>
      <c r="E8207" s="6" t="s">
        <v>9</v>
      </c>
      <c r="F8207" s="7">
        <v>39842</v>
      </c>
      <c r="G8207" s="8">
        <v>1</v>
      </c>
      <c r="H8207" s="8">
        <v>1</v>
      </c>
      <c r="I8207" s="8">
        <v>0</v>
      </c>
      <c r="J8207" s="8">
        <v>1</v>
      </c>
      <c r="K8207" s="9">
        <v>611</v>
      </c>
      <c r="L8207" s="6" t="s">
        <v>51</v>
      </c>
    </row>
    <row r="8208" spans="1:12">
      <c r="A8208" s="6" t="s">
        <v>49</v>
      </c>
      <c r="B8208" s="6"/>
      <c r="C8208" s="6" t="s">
        <v>8232</v>
      </c>
      <c r="D8208" s="6"/>
      <c r="E8208" s="6" t="s">
        <v>9</v>
      </c>
      <c r="F8208" s="7">
        <v>39842</v>
      </c>
      <c r="G8208" s="8">
        <v>1</v>
      </c>
      <c r="H8208" s="8">
        <v>1</v>
      </c>
      <c r="I8208" s="8">
        <v>0</v>
      </c>
      <c r="J8208" s="8">
        <v>1</v>
      </c>
      <c r="K8208" s="9">
        <v>67</v>
      </c>
      <c r="L8208" s="6" t="s">
        <v>51</v>
      </c>
    </row>
    <row r="8209" spans="1:12">
      <c r="A8209" s="6" t="s">
        <v>49</v>
      </c>
      <c r="B8209" s="6"/>
      <c r="C8209" s="6" t="s">
        <v>8233</v>
      </c>
      <c r="D8209" s="6"/>
      <c r="E8209" s="6" t="s">
        <v>9</v>
      </c>
      <c r="F8209" s="7">
        <v>38657</v>
      </c>
      <c r="G8209" s="8">
        <v>1</v>
      </c>
      <c r="H8209" s="8">
        <v>1</v>
      </c>
      <c r="I8209" s="8">
        <v>0</v>
      </c>
      <c r="J8209" s="8">
        <v>1</v>
      </c>
      <c r="K8209" s="9">
        <v>33</v>
      </c>
      <c r="L8209" s="6" t="s">
        <v>51</v>
      </c>
    </row>
    <row r="8210" spans="1:12">
      <c r="A8210" s="6" t="s">
        <v>49</v>
      </c>
      <c r="B8210" s="6"/>
      <c r="C8210" s="6" t="s">
        <v>8234</v>
      </c>
      <c r="D8210" s="6"/>
      <c r="E8210" s="6" t="s">
        <v>9</v>
      </c>
      <c r="F8210" s="7">
        <v>39842</v>
      </c>
      <c r="G8210" s="8">
        <v>1</v>
      </c>
      <c r="H8210" s="8">
        <v>1</v>
      </c>
      <c r="I8210" s="8">
        <v>0</v>
      </c>
      <c r="J8210" s="8">
        <v>1</v>
      </c>
      <c r="K8210" s="9">
        <v>75</v>
      </c>
      <c r="L8210" s="6" t="s">
        <v>51</v>
      </c>
    </row>
    <row r="8211" spans="1:12">
      <c r="A8211" s="6" t="s">
        <v>49</v>
      </c>
      <c r="B8211" s="6"/>
      <c r="C8211" s="6" t="s">
        <v>8235</v>
      </c>
      <c r="D8211" s="6"/>
      <c r="E8211" s="6" t="s">
        <v>9</v>
      </c>
      <c r="F8211" s="7">
        <v>39842</v>
      </c>
      <c r="G8211" s="8">
        <v>1</v>
      </c>
      <c r="H8211" s="8">
        <v>1</v>
      </c>
      <c r="I8211" s="8">
        <v>0</v>
      </c>
      <c r="J8211" s="8">
        <v>1</v>
      </c>
      <c r="K8211" s="9">
        <v>568</v>
      </c>
      <c r="L8211" s="6" t="s">
        <v>51</v>
      </c>
    </row>
    <row r="8212" spans="1:12">
      <c r="A8212" s="6" t="s">
        <v>49</v>
      </c>
      <c r="B8212" s="6"/>
      <c r="C8212" s="6" t="s">
        <v>8236</v>
      </c>
      <c r="D8212" s="6"/>
      <c r="E8212" s="6" t="s">
        <v>9</v>
      </c>
      <c r="F8212" s="7">
        <v>39842</v>
      </c>
      <c r="G8212" s="8">
        <v>1</v>
      </c>
      <c r="H8212" s="8">
        <v>1</v>
      </c>
      <c r="I8212" s="8">
        <v>0</v>
      </c>
      <c r="J8212" s="8">
        <v>1</v>
      </c>
      <c r="K8212" s="9">
        <v>946</v>
      </c>
      <c r="L8212" s="6" t="s">
        <v>51</v>
      </c>
    </row>
    <row r="8213" spans="1:12">
      <c r="A8213" s="6" t="s">
        <v>49</v>
      </c>
      <c r="B8213" s="6"/>
      <c r="C8213" s="6" t="s">
        <v>8237</v>
      </c>
      <c r="D8213" s="6"/>
      <c r="E8213" s="6" t="s">
        <v>9</v>
      </c>
      <c r="F8213" s="7">
        <v>39842</v>
      </c>
      <c r="G8213" s="8">
        <v>1</v>
      </c>
      <c r="H8213" s="8">
        <v>1</v>
      </c>
      <c r="I8213" s="8">
        <v>0</v>
      </c>
      <c r="J8213" s="8">
        <v>1</v>
      </c>
      <c r="K8213" s="9">
        <v>2.09</v>
      </c>
      <c r="L8213" s="6" t="s">
        <v>51</v>
      </c>
    </row>
    <row r="8214" spans="1:12">
      <c r="A8214" s="6" t="s">
        <v>49</v>
      </c>
      <c r="B8214" s="6"/>
      <c r="C8214" s="6" t="s">
        <v>8238</v>
      </c>
      <c r="D8214" s="6"/>
      <c r="E8214" s="6" t="s">
        <v>9</v>
      </c>
      <c r="F8214" s="7">
        <v>39842</v>
      </c>
      <c r="G8214" s="8">
        <v>1</v>
      </c>
      <c r="H8214" s="8">
        <v>1</v>
      </c>
      <c r="I8214" s="8">
        <v>0</v>
      </c>
      <c r="J8214" s="8">
        <v>1</v>
      </c>
      <c r="K8214" s="9">
        <v>153</v>
      </c>
      <c r="L8214" s="6" t="s">
        <v>51</v>
      </c>
    </row>
    <row r="8215" spans="1:12">
      <c r="A8215" s="6" t="s">
        <v>49</v>
      </c>
      <c r="B8215" s="6"/>
      <c r="C8215" s="6" t="s">
        <v>8239</v>
      </c>
      <c r="D8215" s="6"/>
      <c r="E8215" s="6" t="s">
        <v>9</v>
      </c>
      <c r="F8215" s="7">
        <v>39842</v>
      </c>
      <c r="G8215" s="8">
        <v>1</v>
      </c>
      <c r="H8215" s="8">
        <v>1</v>
      </c>
      <c r="I8215" s="8">
        <v>0</v>
      </c>
      <c r="J8215" s="8">
        <v>1</v>
      </c>
      <c r="K8215" s="9">
        <v>86</v>
      </c>
      <c r="L8215" s="6" t="s">
        <v>51</v>
      </c>
    </row>
    <row r="8216" spans="1:12">
      <c r="A8216" s="6" t="s">
        <v>49</v>
      </c>
      <c r="B8216" s="6"/>
      <c r="C8216" s="6" t="s">
        <v>8240</v>
      </c>
      <c r="D8216" s="6"/>
      <c r="E8216" s="6" t="s">
        <v>9</v>
      </c>
      <c r="F8216" s="7">
        <v>39842</v>
      </c>
      <c r="G8216" s="8">
        <v>1</v>
      </c>
      <c r="H8216" s="8">
        <v>1</v>
      </c>
      <c r="I8216" s="8">
        <v>0</v>
      </c>
      <c r="J8216" s="8">
        <v>1</v>
      </c>
      <c r="K8216" s="9">
        <v>161</v>
      </c>
      <c r="L8216" s="6" t="s">
        <v>51</v>
      </c>
    </row>
    <row r="8217" spans="1:12">
      <c r="A8217" s="6" t="s">
        <v>49</v>
      </c>
      <c r="B8217" s="6"/>
      <c r="C8217" s="6" t="s">
        <v>8241</v>
      </c>
      <c r="D8217" s="6"/>
      <c r="E8217" s="6" t="s">
        <v>9</v>
      </c>
      <c r="F8217" s="7">
        <v>39842</v>
      </c>
      <c r="G8217" s="8">
        <v>1</v>
      </c>
      <c r="H8217" s="8">
        <v>1</v>
      </c>
      <c r="I8217" s="8">
        <v>0</v>
      </c>
      <c r="J8217" s="8">
        <v>1</v>
      </c>
      <c r="K8217" s="9">
        <v>24</v>
      </c>
      <c r="L8217" s="6" t="s">
        <v>51</v>
      </c>
    </row>
    <row r="8218" spans="1:12">
      <c r="A8218" s="6" t="s">
        <v>49</v>
      </c>
      <c r="B8218" s="6"/>
      <c r="C8218" s="6" t="s">
        <v>8242</v>
      </c>
      <c r="D8218" s="6"/>
      <c r="E8218" s="6" t="s">
        <v>9</v>
      </c>
      <c r="F8218" s="7">
        <v>39842</v>
      </c>
      <c r="G8218" s="8">
        <v>1</v>
      </c>
      <c r="H8218" s="8">
        <v>1</v>
      </c>
      <c r="I8218" s="8">
        <v>0</v>
      </c>
      <c r="J8218" s="8">
        <v>1</v>
      </c>
      <c r="K8218" s="9">
        <v>154</v>
      </c>
      <c r="L8218" s="6" t="s">
        <v>51</v>
      </c>
    </row>
    <row r="8219" spans="1:12">
      <c r="A8219" s="6" t="s">
        <v>49</v>
      </c>
      <c r="B8219" s="6"/>
      <c r="C8219" s="6" t="s">
        <v>8243</v>
      </c>
      <c r="D8219" s="6"/>
      <c r="E8219" s="6" t="s">
        <v>9</v>
      </c>
      <c r="F8219" s="7">
        <v>39842</v>
      </c>
      <c r="G8219" s="8">
        <v>1</v>
      </c>
      <c r="H8219" s="8">
        <v>1</v>
      </c>
      <c r="I8219" s="8">
        <v>0</v>
      </c>
      <c r="J8219" s="8">
        <v>1</v>
      </c>
      <c r="K8219" s="9">
        <v>573</v>
      </c>
      <c r="L8219" s="6" t="s">
        <v>51</v>
      </c>
    </row>
    <row r="8220" spans="1:12">
      <c r="A8220" s="6" t="s">
        <v>49</v>
      </c>
      <c r="B8220" s="6"/>
      <c r="C8220" s="6" t="s">
        <v>8244</v>
      </c>
      <c r="D8220" s="6"/>
      <c r="E8220" s="6" t="s">
        <v>9</v>
      </c>
      <c r="F8220" s="7">
        <v>38657</v>
      </c>
      <c r="G8220" s="8">
        <v>1</v>
      </c>
      <c r="H8220" s="8">
        <v>1</v>
      </c>
      <c r="I8220" s="8">
        <v>0</v>
      </c>
      <c r="J8220" s="8">
        <v>1</v>
      </c>
      <c r="K8220" s="9">
        <v>52</v>
      </c>
      <c r="L8220" s="6" t="s">
        <v>51</v>
      </c>
    </row>
    <row r="8221" spans="1:12">
      <c r="A8221" s="6" t="s">
        <v>49</v>
      </c>
      <c r="B8221" s="6"/>
      <c r="C8221" s="6" t="s">
        <v>8245</v>
      </c>
      <c r="D8221" s="6"/>
      <c r="E8221" s="6" t="s">
        <v>9</v>
      </c>
      <c r="F8221" s="7">
        <v>39842</v>
      </c>
      <c r="G8221" s="8">
        <v>1</v>
      </c>
      <c r="H8221" s="8">
        <v>1</v>
      </c>
      <c r="I8221" s="8">
        <v>0</v>
      </c>
      <c r="J8221" s="8">
        <v>1</v>
      </c>
      <c r="K8221" s="9">
        <v>190</v>
      </c>
      <c r="L8221" s="6" t="s">
        <v>51</v>
      </c>
    </row>
    <row r="8222" spans="1:12">
      <c r="A8222" s="6" t="s">
        <v>49</v>
      </c>
      <c r="B8222" s="6"/>
      <c r="C8222" s="6" t="s">
        <v>8246</v>
      </c>
      <c r="D8222" s="6"/>
      <c r="E8222" s="6" t="s">
        <v>9</v>
      </c>
      <c r="F8222" s="7">
        <v>39842</v>
      </c>
      <c r="G8222" s="8">
        <v>1</v>
      </c>
      <c r="H8222" s="8">
        <v>1</v>
      </c>
      <c r="I8222" s="8">
        <v>0</v>
      </c>
      <c r="J8222" s="8">
        <v>1</v>
      </c>
      <c r="K8222" s="9">
        <v>593</v>
      </c>
      <c r="L8222" s="6" t="s">
        <v>51</v>
      </c>
    </row>
    <row r="8223" spans="1:12">
      <c r="A8223" s="6" t="s">
        <v>49</v>
      </c>
      <c r="B8223" s="6"/>
      <c r="C8223" s="6" t="s">
        <v>8247</v>
      </c>
      <c r="D8223" s="6"/>
      <c r="E8223" s="6" t="s">
        <v>9</v>
      </c>
      <c r="F8223" s="7">
        <v>39842</v>
      </c>
      <c r="G8223" s="8">
        <v>1</v>
      </c>
      <c r="H8223" s="8">
        <v>1</v>
      </c>
      <c r="I8223" s="8">
        <v>0</v>
      </c>
      <c r="J8223" s="8">
        <v>1</v>
      </c>
      <c r="K8223" s="9">
        <v>69</v>
      </c>
      <c r="L8223" s="6" t="s">
        <v>51</v>
      </c>
    </row>
    <row r="8224" spans="1:12">
      <c r="A8224" s="6" t="s">
        <v>49</v>
      </c>
      <c r="B8224" s="6"/>
      <c r="C8224" s="6" t="s">
        <v>8248</v>
      </c>
      <c r="D8224" s="6"/>
      <c r="E8224" s="6" t="s">
        <v>9</v>
      </c>
      <c r="F8224" s="7">
        <v>39842</v>
      </c>
      <c r="G8224" s="8">
        <v>1</v>
      </c>
      <c r="H8224" s="8">
        <v>1</v>
      </c>
      <c r="I8224" s="8">
        <v>0</v>
      </c>
      <c r="J8224" s="8">
        <v>1</v>
      </c>
      <c r="K8224" s="9">
        <v>537</v>
      </c>
      <c r="L8224" s="6" t="s">
        <v>51</v>
      </c>
    </row>
    <row r="8225" spans="1:12">
      <c r="A8225" s="6" t="s">
        <v>49</v>
      </c>
      <c r="B8225" s="6"/>
      <c r="C8225" s="6" t="s">
        <v>8249</v>
      </c>
      <c r="D8225" s="6"/>
      <c r="E8225" s="6" t="s">
        <v>9</v>
      </c>
      <c r="F8225" s="7">
        <v>39842</v>
      </c>
      <c r="G8225" s="8">
        <v>1</v>
      </c>
      <c r="H8225" s="8">
        <v>1</v>
      </c>
      <c r="I8225" s="8">
        <v>0</v>
      </c>
      <c r="J8225" s="8">
        <v>1</v>
      </c>
      <c r="K8225" s="9">
        <v>197</v>
      </c>
      <c r="L8225" s="6" t="s">
        <v>51</v>
      </c>
    </row>
    <row r="8226" spans="1:12">
      <c r="A8226" s="6" t="s">
        <v>49</v>
      </c>
      <c r="B8226" s="6"/>
      <c r="C8226" s="6" t="s">
        <v>8250</v>
      </c>
      <c r="D8226" s="6"/>
      <c r="E8226" s="6" t="s">
        <v>9</v>
      </c>
      <c r="F8226" s="7">
        <v>39842</v>
      </c>
      <c r="G8226" s="8">
        <v>1</v>
      </c>
      <c r="H8226" s="8">
        <v>1</v>
      </c>
      <c r="I8226" s="8">
        <v>0</v>
      </c>
      <c r="J8226" s="8">
        <v>1</v>
      </c>
      <c r="K8226" s="9">
        <v>197</v>
      </c>
      <c r="L8226" s="6" t="s">
        <v>51</v>
      </c>
    </row>
    <row r="8227" spans="1:12">
      <c r="A8227" s="6" t="s">
        <v>49</v>
      </c>
      <c r="B8227" s="6"/>
      <c r="C8227" s="6" t="s">
        <v>8251</v>
      </c>
      <c r="D8227" s="6"/>
      <c r="E8227" s="6" t="s">
        <v>9</v>
      </c>
      <c r="F8227" s="7">
        <v>39842</v>
      </c>
      <c r="G8227" s="8">
        <v>1</v>
      </c>
      <c r="H8227" s="8">
        <v>1</v>
      </c>
      <c r="I8227" s="8">
        <v>0</v>
      </c>
      <c r="J8227" s="8">
        <v>1</v>
      </c>
      <c r="K8227" s="9">
        <v>196</v>
      </c>
      <c r="L8227" s="6" t="s">
        <v>51</v>
      </c>
    </row>
    <row r="8228" spans="1:12">
      <c r="A8228" s="6" t="s">
        <v>49</v>
      </c>
      <c r="B8228" s="6"/>
      <c r="C8228" s="6" t="s">
        <v>8252</v>
      </c>
      <c r="D8228" s="6"/>
      <c r="E8228" s="6" t="s">
        <v>9</v>
      </c>
      <c r="F8228" s="7">
        <v>39842</v>
      </c>
      <c r="G8228" s="8">
        <v>1</v>
      </c>
      <c r="H8228" s="8">
        <v>1</v>
      </c>
      <c r="I8228" s="8">
        <v>0</v>
      </c>
      <c r="J8228" s="8">
        <v>1</v>
      </c>
      <c r="K8228" s="9">
        <v>1132</v>
      </c>
      <c r="L8228" s="6" t="s">
        <v>51</v>
      </c>
    </row>
    <row r="8229" spans="1:12">
      <c r="A8229" s="6" t="s">
        <v>49</v>
      </c>
      <c r="B8229" s="6"/>
      <c r="C8229" s="6" t="s">
        <v>8253</v>
      </c>
      <c r="D8229" s="6"/>
      <c r="E8229" s="6" t="s">
        <v>9</v>
      </c>
      <c r="F8229" s="7">
        <v>39842</v>
      </c>
      <c r="G8229" s="8">
        <v>1</v>
      </c>
      <c r="H8229" s="8">
        <v>1</v>
      </c>
      <c r="I8229" s="8">
        <v>0</v>
      </c>
      <c r="J8229" s="8">
        <v>1</v>
      </c>
      <c r="K8229" s="9">
        <v>24</v>
      </c>
      <c r="L8229" s="6" t="s">
        <v>51</v>
      </c>
    </row>
    <row r="8230" spans="1:12">
      <c r="A8230" s="6" t="s">
        <v>49</v>
      </c>
      <c r="B8230" s="6"/>
      <c r="C8230" s="6" t="s">
        <v>8254</v>
      </c>
      <c r="D8230" s="6"/>
      <c r="E8230" s="6" t="s">
        <v>9</v>
      </c>
      <c r="F8230" s="7">
        <v>39842</v>
      </c>
      <c r="G8230" s="8">
        <v>1</v>
      </c>
      <c r="H8230" s="8">
        <v>1</v>
      </c>
      <c r="I8230" s="8">
        <v>0</v>
      </c>
      <c r="J8230" s="8">
        <v>1</v>
      </c>
      <c r="K8230" s="9">
        <v>385</v>
      </c>
      <c r="L8230" s="6" t="s">
        <v>51</v>
      </c>
    </row>
    <row r="8231" spans="1:12">
      <c r="A8231" s="6" t="s">
        <v>49</v>
      </c>
      <c r="B8231" s="6"/>
      <c r="C8231" s="6" t="s">
        <v>8255</v>
      </c>
      <c r="D8231" s="6"/>
      <c r="E8231" s="6" t="s">
        <v>9</v>
      </c>
      <c r="F8231" s="7">
        <v>38657</v>
      </c>
      <c r="G8231" s="8">
        <v>1</v>
      </c>
      <c r="H8231" s="8">
        <v>1</v>
      </c>
      <c r="I8231" s="8">
        <v>0</v>
      </c>
      <c r="J8231" s="8">
        <v>1</v>
      </c>
      <c r="K8231" s="9">
        <v>33</v>
      </c>
      <c r="L8231" s="6" t="s">
        <v>51</v>
      </c>
    </row>
    <row r="8232" spans="1:12">
      <c r="A8232" s="6" t="s">
        <v>49</v>
      </c>
      <c r="B8232" s="6"/>
      <c r="C8232" s="6" t="s">
        <v>8256</v>
      </c>
      <c r="D8232" s="6"/>
      <c r="E8232" s="6" t="s">
        <v>9</v>
      </c>
      <c r="F8232" s="7">
        <v>39842</v>
      </c>
      <c r="G8232" s="8">
        <v>1</v>
      </c>
      <c r="H8232" s="8">
        <v>1</v>
      </c>
      <c r="I8232" s="8">
        <v>0</v>
      </c>
      <c r="J8232" s="8">
        <v>1</v>
      </c>
      <c r="K8232" s="9">
        <v>1290</v>
      </c>
      <c r="L8232" s="6" t="s">
        <v>51</v>
      </c>
    </row>
    <row r="8233" spans="1:12">
      <c r="A8233" s="6" t="s">
        <v>49</v>
      </c>
      <c r="B8233" s="6"/>
      <c r="C8233" s="6" t="s">
        <v>8257</v>
      </c>
      <c r="D8233" s="6"/>
      <c r="E8233" s="6" t="s">
        <v>9</v>
      </c>
      <c r="F8233" s="7">
        <v>38657</v>
      </c>
      <c r="G8233" s="8">
        <v>1</v>
      </c>
      <c r="H8233" s="8">
        <v>1</v>
      </c>
      <c r="I8233" s="8">
        <v>0</v>
      </c>
      <c r="J8233" s="8">
        <v>1</v>
      </c>
      <c r="K8233" s="9">
        <v>911</v>
      </c>
      <c r="L8233" s="6" t="s">
        <v>51</v>
      </c>
    </row>
    <row r="8234" spans="1:12">
      <c r="A8234" s="6" t="s">
        <v>49</v>
      </c>
      <c r="B8234" s="6"/>
      <c r="C8234" s="6" t="s">
        <v>8258</v>
      </c>
      <c r="D8234" s="6"/>
      <c r="E8234" s="6" t="s">
        <v>9</v>
      </c>
      <c r="F8234" s="7">
        <v>38657</v>
      </c>
      <c r="G8234" s="8">
        <v>1</v>
      </c>
      <c r="H8234" s="8">
        <v>1</v>
      </c>
      <c r="I8234" s="8">
        <v>0</v>
      </c>
      <c r="J8234" s="8">
        <v>1</v>
      </c>
      <c r="K8234" s="9">
        <v>72</v>
      </c>
      <c r="L8234" s="6" t="s">
        <v>51</v>
      </c>
    </row>
    <row r="8235" spans="1:12">
      <c r="A8235" s="6" t="s">
        <v>49</v>
      </c>
      <c r="B8235" s="6"/>
      <c r="C8235" s="6" t="s">
        <v>8259</v>
      </c>
      <c r="D8235" s="6"/>
      <c r="E8235" s="6" t="s">
        <v>9</v>
      </c>
      <c r="F8235" s="7">
        <v>38657</v>
      </c>
      <c r="G8235" s="8">
        <v>1</v>
      </c>
      <c r="H8235" s="8">
        <v>1</v>
      </c>
      <c r="I8235" s="8">
        <v>0</v>
      </c>
      <c r="J8235" s="8">
        <v>1</v>
      </c>
      <c r="K8235" s="9">
        <v>458</v>
      </c>
      <c r="L8235" s="6" t="s">
        <v>51</v>
      </c>
    </row>
    <row r="8236" spans="1:12">
      <c r="A8236" s="6" t="s">
        <v>49</v>
      </c>
      <c r="B8236" s="6"/>
      <c r="C8236" s="6" t="s">
        <v>8260</v>
      </c>
      <c r="D8236" s="6"/>
      <c r="E8236" s="6" t="s">
        <v>9</v>
      </c>
      <c r="F8236" s="7">
        <v>38657</v>
      </c>
      <c r="G8236" s="8">
        <v>1</v>
      </c>
      <c r="H8236" s="8">
        <v>1</v>
      </c>
      <c r="I8236" s="8">
        <v>0</v>
      </c>
      <c r="J8236" s="8">
        <v>1</v>
      </c>
      <c r="K8236" s="9">
        <v>464</v>
      </c>
      <c r="L8236" s="6" t="s">
        <v>51</v>
      </c>
    </row>
    <row r="8237" spans="1:12">
      <c r="A8237" s="6" t="s">
        <v>49</v>
      </c>
      <c r="B8237" s="6"/>
      <c r="C8237" s="6" t="s">
        <v>8261</v>
      </c>
      <c r="D8237" s="6"/>
      <c r="E8237" s="6" t="s">
        <v>9</v>
      </c>
      <c r="F8237" s="7">
        <v>38657</v>
      </c>
      <c r="G8237" s="8">
        <v>1</v>
      </c>
      <c r="H8237" s="8">
        <v>1</v>
      </c>
      <c r="I8237" s="8">
        <v>0</v>
      </c>
      <c r="J8237" s="8">
        <v>1</v>
      </c>
      <c r="K8237" s="9">
        <v>476</v>
      </c>
      <c r="L8237" s="6" t="s">
        <v>51</v>
      </c>
    </row>
    <row r="8238" spans="1:12">
      <c r="A8238" s="6" t="s">
        <v>49</v>
      </c>
      <c r="B8238" s="6"/>
      <c r="C8238" s="6" t="s">
        <v>8262</v>
      </c>
      <c r="D8238" s="6"/>
      <c r="E8238" s="6" t="s">
        <v>9</v>
      </c>
      <c r="F8238" s="7">
        <v>38657</v>
      </c>
      <c r="G8238" s="8">
        <v>1</v>
      </c>
      <c r="H8238" s="8">
        <v>1</v>
      </c>
      <c r="I8238" s="8">
        <v>0</v>
      </c>
      <c r="J8238" s="8">
        <v>1</v>
      </c>
      <c r="K8238" s="9">
        <v>16</v>
      </c>
      <c r="L8238" s="6" t="s">
        <v>51</v>
      </c>
    </row>
    <row r="8239" spans="1:12">
      <c r="A8239" s="6" t="s">
        <v>49</v>
      </c>
      <c r="B8239" s="6"/>
      <c r="C8239" s="6" t="s">
        <v>8263</v>
      </c>
      <c r="D8239" s="6"/>
      <c r="E8239" s="6" t="s">
        <v>9</v>
      </c>
      <c r="F8239" s="7">
        <v>39862</v>
      </c>
      <c r="G8239" s="8">
        <v>82360</v>
      </c>
      <c r="H8239" s="8">
        <v>82360</v>
      </c>
      <c r="I8239" s="8">
        <v>0</v>
      </c>
      <c r="J8239" s="8">
        <v>82360</v>
      </c>
      <c r="K8239" s="9">
        <v>7.1</v>
      </c>
      <c r="L8239" s="6" t="s">
        <v>51</v>
      </c>
    </row>
    <row r="8240" spans="1:12">
      <c r="A8240" s="6" t="s">
        <v>49</v>
      </c>
      <c r="B8240" s="6"/>
      <c r="C8240" s="6" t="s">
        <v>8264</v>
      </c>
      <c r="D8240" s="6"/>
      <c r="E8240" s="6" t="s">
        <v>9</v>
      </c>
      <c r="F8240" s="7">
        <v>38657</v>
      </c>
      <c r="G8240" s="8">
        <v>1</v>
      </c>
      <c r="H8240" s="8">
        <v>1</v>
      </c>
      <c r="I8240" s="8">
        <v>0</v>
      </c>
      <c r="J8240" s="8">
        <v>1</v>
      </c>
      <c r="K8240" s="9">
        <v>102</v>
      </c>
      <c r="L8240" s="6" t="s">
        <v>51</v>
      </c>
    </row>
    <row r="8241" spans="1:12">
      <c r="A8241" s="6" t="s">
        <v>49</v>
      </c>
      <c r="B8241" s="6"/>
      <c r="C8241" s="6" t="s">
        <v>8265</v>
      </c>
      <c r="D8241" s="6"/>
      <c r="E8241" s="6" t="s">
        <v>9</v>
      </c>
      <c r="F8241" s="7">
        <v>39862</v>
      </c>
      <c r="G8241" s="8">
        <v>191052</v>
      </c>
      <c r="H8241" s="8">
        <v>191052</v>
      </c>
      <c r="I8241" s="8">
        <v>0</v>
      </c>
      <c r="J8241" s="8">
        <v>191052</v>
      </c>
      <c r="K8241" s="9">
        <v>16</v>
      </c>
      <c r="L8241" s="6" t="s">
        <v>51</v>
      </c>
    </row>
    <row r="8242" spans="1:12">
      <c r="A8242" s="6" t="s">
        <v>49</v>
      </c>
      <c r="B8242" s="6"/>
      <c r="C8242" s="6" t="s">
        <v>8266</v>
      </c>
      <c r="D8242" s="6"/>
      <c r="E8242" s="6" t="s">
        <v>9</v>
      </c>
      <c r="F8242" s="7">
        <v>38657</v>
      </c>
      <c r="G8242" s="8">
        <v>1</v>
      </c>
      <c r="H8242" s="8">
        <v>1</v>
      </c>
      <c r="I8242" s="8">
        <v>0</v>
      </c>
      <c r="J8242" s="8">
        <v>1</v>
      </c>
      <c r="K8242" s="9">
        <v>33</v>
      </c>
      <c r="L8242" s="6" t="s">
        <v>51</v>
      </c>
    </row>
    <row r="8243" spans="1:12">
      <c r="A8243" s="6" t="s">
        <v>49</v>
      </c>
      <c r="B8243" s="6"/>
      <c r="C8243" s="6" t="s">
        <v>8267</v>
      </c>
      <c r="D8243" s="6"/>
      <c r="E8243" s="6" t="s">
        <v>9</v>
      </c>
      <c r="F8243" s="7">
        <v>39831</v>
      </c>
      <c r="G8243" s="8">
        <v>809680</v>
      </c>
      <c r="H8243" s="8">
        <v>809680</v>
      </c>
      <c r="I8243" s="8">
        <v>0</v>
      </c>
      <c r="J8243" s="8">
        <v>809680</v>
      </c>
      <c r="K8243" s="9">
        <v>69</v>
      </c>
      <c r="L8243" s="6" t="s">
        <v>51</v>
      </c>
    </row>
    <row r="8244" spans="1:12">
      <c r="A8244" s="6" t="s">
        <v>49</v>
      </c>
      <c r="B8244" s="6"/>
      <c r="C8244" s="6" t="s">
        <v>8268</v>
      </c>
      <c r="D8244" s="6"/>
      <c r="E8244" s="6" t="s">
        <v>9</v>
      </c>
      <c r="F8244" s="7">
        <v>38657</v>
      </c>
      <c r="G8244" s="8">
        <v>1</v>
      </c>
      <c r="H8244" s="8">
        <v>1</v>
      </c>
      <c r="I8244" s="8">
        <v>0</v>
      </c>
      <c r="J8244" s="8">
        <v>1</v>
      </c>
      <c r="K8244" s="9">
        <v>53</v>
      </c>
      <c r="L8244" s="6" t="s">
        <v>51</v>
      </c>
    </row>
    <row r="8245" spans="1:12">
      <c r="A8245" s="6" t="s">
        <v>49</v>
      </c>
      <c r="B8245" s="6"/>
      <c r="C8245" s="6" t="s">
        <v>8269</v>
      </c>
      <c r="D8245" s="6"/>
      <c r="E8245" s="6" t="s">
        <v>9</v>
      </c>
      <c r="F8245" s="7">
        <v>39831</v>
      </c>
      <c r="G8245" s="8">
        <v>926028</v>
      </c>
      <c r="H8245" s="8">
        <v>926028</v>
      </c>
      <c r="I8245" s="8">
        <v>0</v>
      </c>
      <c r="J8245" s="8">
        <v>926028</v>
      </c>
      <c r="K8245" s="9">
        <v>79</v>
      </c>
      <c r="L8245" s="6" t="s">
        <v>51</v>
      </c>
    </row>
    <row r="8246" spans="1:12">
      <c r="A8246" s="6" t="s">
        <v>49</v>
      </c>
      <c r="B8246" s="6"/>
      <c r="C8246" s="6" t="s">
        <v>8270</v>
      </c>
      <c r="D8246" s="6"/>
      <c r="E8246" s="6" t="s">
        <v>9</v>
      </c>
      <c r="F8246" s="7">
        <v>40415</v>
      </c>
      <c r="G8246" s="8">
        <v>1</v>
      </c>
      <c r="H8246" s="8">
        <v>1</v>
      </c>
      <c r="I8246" s="8">
        <v>0</v>
      </c>
      <c r="J8246" s="8">
        <v>1</v>
      </c>
      <c r="K8246" s="9">
        <v>23</v>
      </c>
      <c r="L8246" s="6" t="s">
        <v>51</v>
      </c>
    </row>
    <row r="8247" spans="1:12">
      <c r="A8247" s="6" t="s">
        <v>49</v>
      </c>
      <c r="B8247" s="6"/>
      <c r="C8247" s="6" t="s">
        <v>8271</v>
      </c>
      <c r="D8247" s="6"/>
      <c r="E8247" s="6" t="s">
        <v>9</v>
      </c>
      <c r="F8247" s="7">
        <v>39850</v>
      </c>
      <c r="G8247" s="8">
        <v>768036</v>
      </c>
      <c r="H8247" s="8">
        <v>768036</v>
      </c>
      <c r="I8247" s="8">
        <v>0</v>
      </c>
      <c r="J8247" s="8">
        <v>768036</v>
      </c>
      <c r="K8247" s="9">
        <v>66</v>
      </c>
      <c r="L8247" s="6" t="s">
        <v>51</v>
      </c>
    </row>
    <row r="8248" spans="1:12">
      <c r="A8248" s="6" t="s">
        <v>49</v>
      </c>
      <c r="B8248" s="6"/>
      <c r="C8248" s="6" t="s">
        <v>8272</v>
      </c>
      <c r="D8248" s="6"/>
      <c r="E8248" s="6" t="s">
        <v>9</v>
      </c>
      <c r="F8248" s="7">
        <v>39862</v>
      </c>
      <c r="G8248" s="8">
        <v>791468</v>
      </c>
      <c r="H8248" s="8">
        <v>791468</v>
      </c>
      <c r="I8248" s="8">
        <v>0</v>
      </c>
      <c r="J8248" s="8">
        <v>791468</v>
      </c>
      <c r="K8248" s="9">
        <v>68</v>
      </c>
      <c r="L8248" s="6" t="s">
        <v>51</v>
      </c>
    </row>
    <row r="8249" spans="1:12">
      <c r="A8249" s="6" t="s">
        <v>49</v>
      </c>
      <c r="B8249" s="6"/>
      <c r="C8249" s="6" t="s">
        <v>8273</v>
      </c>
      <c r="D8249" s="6"/>
      <c r="E8249" s="6" t="s">
        <v>9</v>
      </c>
      <c r="F8249" s="7">
        <v>39831</v>
      </c>
      <c r="G8249" s="8">
        <v>993772</v>
      </c>
      <c r="H8249" s="8">
        <v>993772</v>
      </c>
      <c r="I8249" s="8">
        <v>0</v>
      </c>
      <c r="J8249" s="8">
        <v>993772</v>
      </c>
      <c r="K8249" s="9">
        <v>85</v>
      </c>
      <c r="L8249" s="6" t="s">
        <v>51</v>
      </c>
    </row>
    <row r="8250" spans="1:12">
      <c r="A8250" s="6" t="s">
        <v>49</v>
      </c>
      <c r="B8250" s="6"/>
      <c r="C8250" s="6" t="s">
        <v>8274</v>
      </c>
      <c r="D8250" s="6"/>
      <c r="E8250" s="6" t="s">
        <v>9</v>
      </c>
      <c r="F8250" s="7">
        <v>39831</v>
      </c>
      <c r="G8250" s="8">
        <v>964888</v>
      </c>
      <c r="H8250" s="8">
        <v>964888</v>
      </c>
      <c r="I8250" s="8">
        <v>0</v>
      </c>
      <c r="J8250" s="8">
        <v>964888</v>
      </c>
      <c r="K8250" s="9">
        <v>83</v>
      </c>
      <c r="L8250" s="6" t="s">
        <v>51</v>
      </c>
    </row>
    <row r="8251" spans="1:12">
      <c r="A8251" s="6" t="s">
        <v>49</v>
      </c>
      <c r="B8251" s="6"/>
      <c r="C8251" s="6" t="s">
        <v>8275</v>
      </c>
      <c r="D8251" s="6"/>
      <c r="E8251" s="6" t="s">
        <v>9</v>
      </c>
      <c r="F8251" s="7">
        <v>39831</v>
      </c>
      <c r="G8251" s="8">
        <v>926260</v>
      </c>
      <c r="H8251" s="8">
        <v>926260</v>
      </c>
      <c r="I8251" s="8">
        <v>0</v>
      </c>
      <c r="J8251" s="8">
        <v>926260</v>
      </c>
      <c r="K8251" s="9">
        <v>79</v>
      </c>
      <c r="L8251" s="6" t="s">
        <v>51</v>
      </c>
    </row>
    <row r="8252" spans="1:12">
      <c r="A8252" s="6" t="s">
        <v>49</v>
      </c>
      <c r="B8252" s="6"/>
      <c r="C8252" s="6" t="s">
        <v>8276</v>
      </c>
      <c r="D8252" s="6"/>
      <c r="E8252" s="6" t="s">
        <v>9</v>
      </c>
      <c r="F8252" s="7">
        <v>39831</v>
      </c>
      <c r="G8252" s="8">
        <v>826616</v>
      </c>
      <c r="H8252" s="8">
        <v>826616</v>
      </c>
      <c r="I8252" s="8">
        <v>0</v>
      </c>
      <c r="J8252" s="8">
        <v>826616</v>
      </c>
      <c r="K8252" s="9">
        <v>71</v>
      </c>
      <c r="L8252" s="6" t="s">
        <v>51</v>
      </c>
    </row>
    <row r="8253" spans="1:12">
      <c r="A8253" s="6" t="s">
        <v>49</v>
      </c>
      <c r="B8253" s="6"/>
      <c r="C8253" s="6" t="s">
        <v>8277</v>
      </c>
      <c r="D8253" s="6"/>
      <c r="E8253" s="6" t="s">
        <v>9</v>
      </c>
      <c r="F8253" s="7">
        <v>38657</v>
      </c>
      <c r="G8253" s="8">
        <v>1</v>
      </c>
      <c r="H8253" s="8">
        <v>1</v>
      </c>
      <c r="I8253" s="8">
        <v>0</v>
      </c>
      <c r="J8253" s="8">
        <v>1</v>
      </c>
      <c r="K8253" s="9">
        <v>203.3</v>
      </c>
      <c r="L8253" s="6" t="s">
        <v>51</v>
      </c>
    </row>
    <row r="8254" spans="1:12">
      <c r="A8254" s="6" t="s">
        <v>49</v>
      </c>
      <c r="B8254" s="6"/>
      <c r="C8254" s="6" t="s">
        <v>8278</v>
      </c>
      <c r="D8254" s="6"/>
      <c r="E8254" s="6" t="s">
        <v>9</v>
      </c>
      <c r="F8254" s="7">
        <v>39831</v>
      </c>
      <c r="G8254" s="8">
        <v>824528</v>
      </c>
      <c r="H8254" s="8">
        <v>824528</v>
      </c>
      <c r="I8254" s="8">
        <v>0</v>
      </c>
      <c r="J8254" s="8">
        <v>824528</v>
      </c>
      <c r="K8254" s="9">
        <v>71</v>
      </c>
      <c r="L8254" s="6" t="s">
        <v>51</v>
      </c>
    </row>
    <row r="8255" spans="1:12">
      <c r="A8255" s="6" t="s">
        <v>49</v>
      </c>
      <c r="B8255" s="6"/>
      <c r="C8255" s="6" t="s">
        <v>8279</v>
      </c>
      <c r="D8255" s="6"/>
      <c r="E8255" s="6" t="s">
        <v>9</v>
      </c>
      <c r="F8255" s="7">
        <v>39831</v>
      </c>
      <c r="G8255" s="8">
        <v>1007228</v>
      </c>
      <c r="H8255" s="8">
        <v>1007228</v>
      </c>
      <c r="I8255" s="8">
        <v>0</v>
      </c>
      <c r="J8255" s="8">
        <v>1007228</v>
      </c>
      <c r="K8255" s="9">
        <v>86</v>
      </c>
      <c r="L8255" s="6" t="s">
        <v>51</v>
      </c>
    </row>
    <row r="8256" spans="1:12">
      <c r="A8256" s="6" t="s">
        <v>49</v>
      </c>
      <c r="B8256" s="6"/>
      <c r="C8256" s="6" t="s">
        <v>8280</v>
      </c>
      <c r="D8256" s="6"/>
      <c r="E8256" s="6" t="s">
        <v>9</v>
      </c>
      <c r="F8256" s="7">
        <v>39831</v>
      </c>
      <c r="G8256" s="8">
        <v>786712</v>
      </c>
      <c r="H8256" s="8">
        <v>786712</v>
      </c>
      <c r="I8256" s="8">
        <v>0</v>
      </c>
      <c r="J8256" s="8">
        <v>786712</v>
      </c>
      <c r="K8256" s="9">
        <v>67</v>
      </c>
      <c r="L8256" s="6" t="s">
        <v>51</v>
      </c>
    </row>
    <row r="8257" spans="1:12">
      <c r="A8257" s="6" t="s">
        <v>49</v>
      </c>
      <c r="B8257" s="6"/>
      <c r="C8257" s="6" t="s">
        <v>8281</v>
      </c>
      <c r="D8257" s="6"/>
      <c r="E8257" s="6" t="s">
        <v>9</v>
      </c>
      <c r="F8257" s="7">
        <v>39831</v>
      </c>
      <c r="G8257" s="8">
        <v>1104088</v>
      </c>
      <c r="H8257" s="8">
        <v>1104088</v>
      </c>
      <c r="I8257" s="8">
        <v>0</v>
      </c>
      <c r="J8257" s="8">
        <v>1104088</v>
      </c>
      <c r="K8257" s="9">
        <v>95</v>
      </c>
      <c r="L8257" s="6" t="s">
        <v>51</v>
      </c>
    </row>
    <row r="8258" spans="1:12">
      <c r="A8258" s="6" t="s">
        <v>49</v>
      </c>
      <c r="B8258" s="6"/>
      <c r="C8258" s="6" t="s">
        <v>8282</v>
      </c>
      <c r="D8258" s="6"/>
      <c r="E8258" s="6" t="s">
        <v>9</v>
      </c>
      <c r="F8258" s="7">
        <v>39831</v>
      </c>
      <c r="G8258" s="8">
        <v>523972</v>
      </c>
      <c r="H8258" s="8">
        <v>523972</v>
      </c>
      <c r="I8258" s="8">
        <v>0</v>
      </c>
      <c r="J8258" s="8">
        <v>523972</v>
      </c>
      <c r="K8258" s="9">
        <v>45</v>
      </c>
      <c r="L8258" s="6" t="s">
        <v>51</v>
      </c>
    </row>
    <row r="8259" spans="1:12">
      <c r="A8259" s="6" t="s">
        <v>49</v>
      </c>
      <c r="B8259" s="6"/>
      <c r="C8259" s="6" t="s">
        <v>8283</v>
      </c>
      <c r="D8259" s="6"/>
      <c r="E8259" s="6" t="s">
        <v>9</v>
      </c>
      <c r="F8259" s="7">
        <v>39831</v>
      </c>
      <c r="G8259" s="8">
        <v>1105016</v>
      </c>
      <c r="H8259" s="8">
        <v>1105016</v>
      </c>
      <c r="I8259" s="8">
        <v>0</v>
      </c>
      <c r="J8259" s="8">
        <v>1105016</v>
      </c>
      <c r="K8259" s="9">
        <v>95</v>
      </c>
      <c r="L8259" s="6" t="s">
        <v>51</v>
      </c>
    </row>
    <row r="8260" spans="1:12">
      <c r="A8260" s="6" t="s">
        <v>49</v>
      </c>
      <c r="B8260" s="6"/>
      <c r="C8260" s="6" t="s">
        <v>8284</v>
      </c>
      <c r="D8260" s="6"/>
      <c r="E8260" s="6" t="s">
        <v>9</v>
      </c>
      <c r="F8260" s="7">
        <v>39831</v>
      </c>
      <c r="G8260" s="8">
        <v>586612</v>
      </c>
      <c r="H8260" s="8">
        <v>586612</v>
      </c>
      <c r="I8260" s="8">
        <v>0</v>
      </c>
      <c r="J8260" s="8">
        <v>586612</v>
      </c>
      <c r="K8260" s="9">
        <v>50</v>
      </c>
      <c r="L8260" s="6" t="s">
        <v>51</v>
      </c>
    </row>
    <row r="8261" spans="1:12">
      <c r="A8261" s="6" t="s">
        <v>49</v>
      </c>
      <c r="B8261" s="6"/>
      <c r="C8261" s="6" t="s">
        <v>8285</v>
      </c>
      <c r="D8261" s="6"/>
      <c r="E8261" s="6" t="s">
        <v>9</v>
      </c>
      <c r="F8261" s="7">
        <v>39831</v>
      </c>
      <c r="G8261" s="8">
        <v>785320</v>
      </c>
      <c r="H8261" s="8">
        <v>785320</v>
      </c>
      <c r="I8261" s="8">
        <v>0</v>
      </c>
      <c r="J8261" s="8">
        <v>785320</v>
      </c>
      <c r="K8261" s="9">
        <v>67</v>
      </c>
      <c r="L8261" s="6" t="s">
        <v>51</v>
      </c>
    </row>
    <row r="8262" spans="1:12">
      <c r="A8262" s="6" t="s">
        <v>49</v>
      </c>
      <c r="B8262" s="6"/>
      <c r="C8262" s="6" t="s">
        <v>8286</v>
      </c>
      <c r="D8262" s="6"/>
      <c r="E8262" s="6" t="s">
        <v>9</v>
      </c>
      <c r="F8262" s="7">
        <v>40186</v>
      </c>
      <c r="G8262" s="8">
        <v>1</v>
      </c>
      <c r="H8262" s="8">
        <v>1</v>
      </c>
      <c r="I8262" s="8">
        <v>0</v>
      </c>
      <c r="J8262" s="8">
        <v>1</v>
      </c>
      <c r="K8262" s="9">
        <v>108</v>
      </c>
      <c r="L8262" s="6" t="s">
        <v>51</v>
      </c>
    </row>
    <row r="8263" spans="1:12">
      <c r="A8263" s="6" t="s">
        <v>49</v>
      </c>
      <c r="B8263" s="6"/>
      <c r="C8263" s="6" t="s">
        <v>8287</v>
      </c>
      <c r="D8263" s="6"/>
      <c r="E8263" s="6" t="s">
        <v>9</v>
      </c>
      <c r="F8263" s="7">
        <v>38657</v>
      </c>
      <c r="G8263" s="8">
        <v>1</v>
      </c>
      <c r="H8263" s="8">
        <v>1</v>
      </c>
      <c r="I8263" s="8">
        <v>0</v>
      </c>
      <c r="J8263" s="8">
        <v>1</v>
      </c>
      <c r="K8263" s="9">
        <v>32</v>
      </c>
      <c r="L8263" s="6" t="s">
        <v>51</v>
      </c>
    </row>
    <row r="8264" spans="1:12">
      <c r="A8264" s="6" t="s">
        <v>49</v>
      </c>
      <c r="B8264" s="6"/>
      <c r="C8264" s="6" t="s">
        <v>8288</v>
      </c>
      <c r="D8264" s="6"/>
      <c r="E8264" s="6" t="s">
        <v>9</v>
      </c>
      <c r="F8264" s="7">
        <v>38657</v>
      </c>
      <c r="G8264" s="8">
        <v>1</v>
      </c>
      <c r="H8264" s="8">
        <v>1</v>
      </c>
      <c r="I8264" s="8">
        <v>0</v>
      </c>
      <c r="J8264" s="8">
        <v>1</v>
      </c>
      <c r="K8264" s="9">
        <v>45.42</v>
      </c>
      <c r="L8264" s="6" t="s">
        <v>51</v>
      </c>
    </row>
    <row r="8265" spans="1:12">
      <c r="A8265" s="6" t="s">
        <v>49</v>
      </c>
      <c r="B8265" s="6"/>
      <c r="C8265" s="6" t="s">
        <v>8289</v>
      </c>
      <c r="D8265" s="6"/>
      <c r="E8265" s="6" t="s">
        <v>9</v>
      </c>
      <c r="F8265" s="7">
        <v>38657</v>
      </c>
      <c r="G8265" s="8">
        <v>1</v>
      </c>
      <c r="H8265" s="8">
        <v>1</v>
      </c>
      <c r="I8265" s="8">
        <v>0</v>
      </c>
      <c r="J8265" s="8">
        <v>1</v>
      </c>
      <c r="K8265" s="9">
        <v>453</v>
      </c>
      <c r="L8265" s="6" t="s">
        <v>51</v>
      </c>
    </row>
    <row r="8266" spans="1:12">
      <c r="A8266" s="6" t="s">
        <v>49</v>
      </c>
      <c r="B8266" s="6"/>
      <c r="C8266" s="6" t="s">
        <v>8290</v>
      </c>
      <c r="D8266" s="6"/>
      <c r="E8266" s="6" t="s">
        <v>9</v>
      </c>
      <c r="F8266" s="7">
        <v>40186</v>
      </c>
      <c r="G8266" s="8">
        <v>1</v>
      </c>
      <c r="H8266" s="8">
        <v>1</v>
      </c>
      <c r="I8266" s="8">
        <v>0</v>
      </c>
      <c r="J8266" s="8">
        <v>1</v>
      </c>
      <c r="K8266" s="9">
        <v>83</v>
      </c>
      <c r="L8266" s="6" t="s">
        <v>51</v>
      </c>
    </row>
    <row r="8267" spans="1:12">
      <c r="A8267" s="6" t="s">
        <v>49</v>
      </c>
      <c r="B8267" s="6"/>
      <c r="C8267" s="6" t="s">
        <v>8291</v>
      </c>
      <c r="D8267" s="6"/>
      <c r="E8267" s="6" t="s">
        <v>9</v>
      </c>
      <c r="F8267" s="7">
        <v>38657</v>
      </c>
      <c r="G8267" s="8">
        <v>1</v>
      </c>
      <c r="H8267" s="8">
        <v>1</v>
      </c>
      <c r="I8267" s="8">
        <v>0</v>
      </c>
      <c r="J8267" s="8">
        <v>1</v>
      </c>
      <c r="K8267" s="9">
        <v>38</v>
      </c>
      <c r="L8267" s="6" t="s">
        <v>51</v>
      </c>
    </row>
    <row r="8268" spans="1:12">
      <c r="A8268" s="6" t="s">
        <v>49</v>
      </c>
      <c r="B8268" s="6"/>
      <c r="C8268" s="6" t="s">
        <v>8292</v>
      </c>
      <c r="D8268" s="6"/>
      <c r="E8268" s="6" t="s">
        <v>9</v>
      </c>
      <c r="F8268" s="7">
        <v>38657</v>
      </c>
      <c r="G8268" s="8">
        <v>1</v>
      </c>
      <c r="H8268" s="8">
        <v>1</v>
      </c>
      <c r="I8268" s="8">
        <v>0</v>
      </c>
      <c r="J8268" s="8">
        <v>1</v>
      </c>
      <c r="K8268" s="9">
        <v>449</v>
      </c>
      <c r="L8268" s="6" t="s">
        <v>51</v>
      </c>
    </row>
    <row r="8269" spans="1:12">
      <c r="A8269" s="6" t="s">
        <v>49</v>
      </c>
      <c r="B8269" s="6"/>
      <c r="C8269" s="6" t="s">
        <v>8293</v>
      </c>
      <c r="D8269" s="6"/>
      <c r="E8269" s="6" t="s">
        <v>9</v>
      </c>
      <c r="F8269" s="7">
        <v>40337</v>
      </c>
      <c r="G8269" s="8">
        <v>1</v>
      </c>
      <c r="H8269" s="8">
        <v>1</v>
      </c>
      <c r="I8269" s="8">
        <v>0</v>
      </c>
      <c r="J8269" s="8">
        <v>1</v>
      </c>
      <c r="K8269" s="9">
        <v>88</v>
      </c>
      <c r="L8269" s="6" t="s">
        <v>51</v>
      </c>
    </row>
    <row r="8270" spans="1:12">
      <c r="A8270" s="6" t="s">
        <v>49</v>
      </c>
      <c r="B8270" s="6"/>
      <c r="C8270" s="6" t="s">
        <v>8294</v>
      </c>
      <c r="D8270" s="6"/>
      <c r="E8270" s="6" t="s">
        <v>9</v>
      </c>
      <c r="F8270" s="7">
        <v>38657</v>
      </c>
      <c r="G8270" s="8">
        <v>1</v>
      </c>
      <c r="H8270" s="8">
        <v>1</v>
      </c>
      <c r="I8270" s="8">
        <v>0</v>
      </c>
      <c r="J8270" s="8">
        <v>1</v>
      </c>
      <c r="K8270" s="9">
        <v>28</v>
      </c>
      <c r="L8270" s="6" t="s">
        <v>51</v>
      </c>
    </row>
    <row r="8271" spans="1:12">
      <c r="A8271" s="6" t="s">
        <v>49</v>
      </c>
      <c r="B8271" s="6"/>
      <c r="C8271" s="6" t="s">
        <v>8295</v>
      </c>
      <c r="D8271" s="6"/>
      <c r="E8271" s="6" t="s">
        <v>9</v>
      </c>
      <c r="F8271" s="7">
        <v>38657</v>
      </c>
      <c r="G8271" s="8">
        <v>1</v>
      </c>
      <c r="H8271" s="8">
        <v>1</v>
      </c>
      <c r="I8271" s="8">
        <v>0</v>
      </c>
      <c r="J8271" s="8">
        <v>1</v>
      </c>
      <c r="K8271" s="9">
        <v>71</v>
      </c>
      <c r="L8271" s="6" t="s">
        <v>51</v>
      </c>
    </row>
    <row r="8272" spans="1:12">
      <c r="A8272" s="6" t="s">
        <v>49</v>
      </c>
      <c r="B8272" s="6"/>
      <c r="C8272" s="6" t="s">
        <v>8296</v>
      </c>
      <c r="D8272" s="6"/>
      <c r="E8272" s="6" t="s">
        <v>9</v>
      </c>
      <c r="F8272" s="7">
        <v>39831</v>
      </c>
      <c r="G8272" s="8">
        <v>1269852</v>
      </c>
      <c r="H8272" s="8">
        <v>1269852</v>
      </c>
      <c r="I8272" s="8">
        <v>0</v>
      </c>
      <c r="J8272" s="8">
        <v>1269852</v>
      </c>
      <c r="K8272" s="9">
        <v>109</v>
      </c>
      <c r="L8272" s="6" t="s">
        <v>51</v>
      </c>
    </row>
    <row r="8273" spans="1:12">
      <c r="A8273" s="6" t="s">
        <v>49</v>
      </c>
      <c r="B8273" s="6"/>
      <c r="C8273" s="6" t="s">
        <v>8297</v>
      </c>
      <c r="D8273" s="6"/>
      <c r="E8273" s="6" t="s">
        <v>9</v>
      </c>
      <c r="F8273" s="7">
        <v>38657</v>
      </c>
      <c r="G8273" s="8">
        <v>1</v>
      </c>
      <c r="H8273" s="8">
        <v>1</v>
      </c>
      <c r="I8273" s="8">
        <v>0</v>
      </c>
      <c r="J8273" s="8">
        <v>1</v>
      </c>
      <c r="K8273" s="9">
        <v>38</v>
      </c>
      <c r="L8273" s="6" t="s">
        <v>51</v>
      </c>
    </row>
    <row r="8274" spans="1:12">
      <c r="A8274" s="6" t="s">
        <v>49</v>
      </c>
      <c r="B8274" s="6"/>
      <c r="C8274" s="6" t="s">
        <v>8298</v>
      </c>
      <c r="D8274" s="6"/>
      <c r="E8274" s="6" t="s">
        <v>9</v>
      </c>
      <c r="F8274" s="7">
        <v>39831</v>
      </c>
      <c r="G8274" s="8">
        <v>630228</v>
      </c>
      <c r="H8274" s="8">
        <v>630228</v>
      </c>
      <c r="I8274" s="8">
        <v>0</v>
      </c>
      <c r="J8274" s="8">
        <v>630228</v>
      </c>
      <c r="K8274" s="9">
        <v>54</v>
      </c>
      <c r="L8274" s="6" t="s">
        <v>51</v>
      </c>
    </row>
    <row r="8275" spans="1:12">
      <c r="A8275" s="6" t="s">
        <v>49</v>
      </c>
      <c r="B8275" s="6"/>
      <c r="C8275" s="6" t="s">
        <v>8299</v>
      </c>
      <c r="D8275" s="6"/>
      <c r="E8275" s="6" t="s">
        <v>9</v>
      </c>
      <c r="F8275" s="7">
        <v>38657</v>
      </c>
      <c r="G8275" s="8">
        <v>1</v>
      </c>
      <c r="H8275" s="8">
        <v>1</v>
      </c>
      <c r="I8275" s="8">
        <v>0</v>
      </c>
      <c r="J8275" s="8">
        <v>1</v>
      </c>
      <c r="K8275" s="9">
        <v>318</v>
      </c>
      <c r="L8275" s="6" t="s">
        <v>51</v>
      </c>
    </row>
    <row r="8276" spans="1:12">
      <c r="A8276" s="6" t="s">
        <v>49</v>
      </c>
      <c r="B8276" s="6"/>
      <c r="C8276" s="6" t="s">
        <v>8300</v>
      </c>
      <c r="D8276" s="6"/>
      <c r="E8276" s="6" t="s">
        <v>9</v>
      </c>
      <c r="F8276" s="7">
        <v>38657</v>
      </c>
      <c r="G8276" s="8">
        <v>1</v>
      </c>
      <c r="H8276" s="8">
        <v>1</v>
      </c>
      <c r="I8276" s="8">
        <v>0</v>
      </c>
      <c r="J8276" s="8">
        <v>1</v>
      </c>
      <c r="K8276" s="9">
        <v>153</v>
      </c>
      <c r="L8276" s="6" t="s">
        <v>51</v>
      </c>
    </row>
    <row r="8277" spans="1:12">
      <c r="A8277" s="6" t="s">
        <v>49</v>
      </c>
      <c r="B8277" s="6"/>
      <c r="C8277" s="6" t="s">
        <v>8301</v>
      </c>
      <c r="D8277" s="6"/>
      <c r="E8277" s="6" t="s">
        <v>9</v>
      </c>
      <c r="F8277" s="7">
        <v>38657</v>
      </c>
      <c r="G8277" s="8">
        <v>1</v>
      </c>
      <c r="H8277" s="8">
        <v>1</v>
      </c>
      <c r="I8277" s="8">
        <v>0</v>
      </c>
      <c r="J8277" s="8">
        <v>1</v>
      </c>
      <c r="K8277" s="9">
        <v>39</v>
      </c>
      <c r="L8277" s="6" t="s">
        <v>51</v>
      </c>
    </row>
    <row r="8278" spans="1:12">
      <c r="A8278" s="6" t="s">
        <v>49</v>
      </c>
      <c r="B8278" s="6"/>
      <c r="C8278" s="6" t="s">
        <v>8302</v>
      </c>
      <c r="D8278" s="6"/>
      <c r="E8278" s="6" t="s">
        <v>9</v>
      </c>
      <c r="F8278" s="7">
        <v>39831</v>
      </c>
      <c r="G8278" s="8">
        <v>602388</v>
      </c>
      <c r="H8278" s="8">
        <v>602388</v>
      </c>
      <c r="I8278" s="8">
        <v>0</v>
      </c>
      <c r="J8278" s="8">
        <v>602388</v>
      </c>
      <c r="K8278" s="9">
        <v>51</v>
      </c>
      <c r="L8278" s="6" t="s">
        <v>51</v>
      </c>
    </row>
    <row r="8279" spans="1:12">
      <c r="A8279" s="6" t="s">
        <v>49</v>
      </c>
      <c r="B8279" s="6"/>
      <c r="C8279" s="6" t="s">
        <v>8303</v>
      </c>
      <c r="D8279" s="6"/>
      <c r="E8279" s="6" t="s">
        <v>9</v>
      </c>
      <c r="F8279" s="7">
        <v>38657</v>
      </c>
      <c r="G8279" s="8">
        <v>1</v>
      </c>
      <c r="H8279" s="8">
        <v>1</v>
      </c>
      <c r="I8279" s="8">
        <v>0</v>
      </c>
      <c r="J8279" s="8">
        <v>1</v>
      </c>
      <c r="K8279" s="9">
        <v>37</v>
      </c>
      <c r="L8279" s="6" t="s">
        <v>51</v>
      </c>
    </row>
    <row r="8280" spans="1:12">
      <c r="A8280" s="6" t="s">
        <v>49</v>
      </c>
      <c r="B8280" s="6"/>
      <c r="C8280" s="6" t="s">
        <v>8304</v>
      </c>
      <c r="D8280" s="6"/>
      <c r="E8280" s="6" t="s">
        <v>9</v>
      </c>
      <c r="F8280" s="7">
        <v>39831</v>
      </c>
      <c r="G8280" s="8">
        <v>514228</v>
      </c>
      <c r="H8280" s="8">
        <v>514228</v>
      </c>
      <c r="I8280" s="8">
        <v>0</v>
      </c>
      <c r="J8280" s="8">
        <v>514228</v>
      </c>
      <c r="K8280" s="9">
        <v>44</v>
      </c>
      <c r="L8280" s="6" t="s">
        <v>51</v>
      </c>
    </row>
    <row r="8281" spans="1:12">
      <c r="A8281" s="6" t="s">
        <v>49</v>
      </c>
      <c r="B8281" s="6"/>
      <c r="C8281" s="6" t="s">
        <v>8305</v>
      </c>
      <c r="D8281" s="6"/>
      <c r="E8281" s="6" t="s">
        <v>9</v>
      </c>
      <c r="F8281" s="7">
        <v>38657</v>
      </c>
      <c r="G8281" s="8">
        <v>1</v>
      </c>
      <c r="H8281" s="8">
        <v>1</v>
      </c>
      <c r="I8281" s="8">
        <v>0</v>
      </c>
      <c r="J8281" s="8">
        <v>1</v>
      </c>
      <c r="K8281" s="9">
        <v>61</v>
      </c>
      <c r="L8281" s="6" t="s">
        <v>51</v>
      </c>
    </row>
    <row r="8282" spans="1:12">
      <c r="A8282" s="6" t="s">
        <v>49</v>
      </c>
      <c r="B8282" s="6"/>
      <c r="C8282" s="6" t="s">
        <v>8306</v>
      </c>
      <c r="D8282" s="6"/>
      <c r="E8282" s="6" t="s">
        <v>9</v>
      </c>
      <c r="F8282" s="7">
        <v>39862</v>
      </c>
      <c r="G8282" s="8">
        <v>738456</v>
      </c>
      <c r="H8282" s="8">
        <v>738456</v>
      </c>
      <c r="I8282" s="8">
        <v>0</v>
      </c>
      <c r="J8282" s="8">
        <v>738456</v>
      </c>
      <c r="K8282" s="9">
        <v>63</v>
      </c>
      <c r="L8282" s="6" t="s">
        <v>51</v>
      </c>
    </row>
    <row r="8283" spans="1:12">
      <c r="A8283" s="6" t="s">
        <v>49</v>
      </c>
      <c r="B8283" s="6"/>
      <c r="C8283" s="6" t="s">
        <v>8307</v>
      </c>
      <c r="D8283" s="6"/>
      <c r="E8283" s="6" t="s">
        <v>9</v>
      </c>
      <c r="F8283" s="7">
        <v>38657</v>
      </c>
      <c r="G8283" s="8">
        <v>1</v>
      </c>
      <c r="H8283" s="8">
        <v>1</v>
      </c>
      <c r="I8283" s="8">
        <v>0</v>
      </c>
      <c r="J8283" s="8">
        <v>1</v>
      </c>
      <c r="K8283" s="9">
        <v>71</v>
      </c>
      <c r="L8283" s="6" t="s">
        <v>51</v>
      </c>
    </row>
    <row r="8284" spans="1:12">
      <c r="A8284" s="6" t="s">
        <v>49</v>
      </c>
      <c r="B8284" s="6"/>
      <c r="C8284" s="6" t="s">
        <v>8308</v>
      </c>
      <c r="D8284" s="6"/>
      <c r="E8284" s="6" t="s">
        <v>9</v>
      </c>
      <c r="F8284" s="7">
        <v>39862</v>
      </c>
      <c r="G8284" s="8">
        <v>703540</v>
      </c>
      <c r="H8284" s="8">
        <v>703540</v>
      </c>
      <c r="I8284" s="8">
        <v>0</v>
      </c>
      <c r="J8284" s="8">
        <v>703540</v>
      </c>
      <c r="K8284" s="9">
        <v>60</v>
      </c>
      <c r="L8284" s="6" t="s">
        <v>51</v>
      </c>
    </row>
    <row r="8285" spans="1:12">
      <c r="A8285" s="6" t="s">
        <v>49</v>
      </c>
      <c r="B8285" s="6"/>
      <c r="C8285" s="6" t="s">
        <v>8309</v>
      </c>
      <c r="D8285" s="6"/>
      <c r="E8285" s="6" t="s">
        <v>9</v>
      </c>
      <c r="F8285" s="7">
        <v>38657</v>
      </c>
      <c r="G8285" s="8">
        <v>1</v>
      </c>
      <c r="H8285" s="8">
        <v>1</v>
      </c>
      <c r="I8285" s="8">
        <v>0</v>
      </c>
      <c r="J8285" s="8">
        <v>1</v>
      </c>
      <c r="K8285" s="9">
        <v>48</v>
      </c>
      <c r="L8285" s="6" t="s">
        <v>51</v>
      </c>
    </row>
    <row r="8286" spans="1:12">
      <c r="A8286" s="6" t="s">
        <v>49</v>
      </c>
      <c r="B8286" s="6"/>
      <c r="C8286" s="6" t="s">
        <v>8310</v>
      </c>
      <c r="D8286" s="6"/>
      <c r="E8286" s="6" t="s">
        <v>9</v>
      </c>
      <c r="F8286" s="7">
        <v>39862</v>
      </c>
      <c r="G8286" s="8">
        <v>396720</v>
      </c>
      <c r="H8286" s="8">
        <v>396720</v>
      </c>
      <c r="I8286" s="8">
        <v>0</v>
      </c>
      <c r="J8286" s="8">
        <v>396720</v>
      </c>
      <c r="K8286" s="9">
        <v>34</v>
      </c>
      <c r="L8286" s="6" t="s">
        <v>51</v>
      </c>
    </row>
    <row r="8287" spans="1:12">
      <c r="A8287" s="6" t="s">
        <v>49</v>
      </c>
      <c r="B8287" s="6"/>
      <c r="C8287" s="6" t="s">
        <v>8311</v>
      </c>
      <c r="D8287" s="6"/>
      <c r="E8287" s="6" t="s">
        <v>9</v>
      </c>
      <c r="F8287" s="7">
        <v>38657</v>
      </c>
      <c r="G8287" s="8">
        <v>1</v>
      </c>
      <c r="H8287" s="8">
        <v>1</v>
      </c>
      <c r="I8287" s="8">
        <v>0</v>
      </c>
      <c r="J8287" s="8">
        <v>1</v>
      </c>
      <c r="K8287" s="9">
        <v>270.54000000000002</v>
      </c>
      <c r="L8287" s="6" t="s">
        <v>51</v>
      </c>
    </row>
    <row r="8288" spans="1:12">
      <c r="A8288" s="6" t="s">
        <v>49</v>
      </c>
      <c r="B8288" s="6"/>
      <c r="C8288" s="6" t="s">
        <v>8312</v>
      </c>
      <c r="D8288" s="6"/>
      <c r="E8288" s="6" t="s">
        <v>9</v>
      </c>
      <c r="F8288" s="7">
        <v>38657</v>
      </c>
      <c r="G8288" s="8">
        <v>1</v>
      </c>
      <c r="H8288" s="8">
        <v>1</v>
      </c>
      <c r="I8288" s="8">
        <v>0</v>
      </c>
      <c r="J8288" s="8">
        <v>1</v>
      </c>
      <c r="K8288" s="9">
        <v>47</v>
      </c>
      <c r="L8288" s="6" t="s">
        <v>51</v>
      </c>
    </row>
    <row r="8289" spans="1:12">
      <c r="A8289" s="6" t="s">
        <v>49</v>
      </c>
      <c r="B8289" s="6"/>
      <c r="C8289" s="6" t="s">
        <v>8313</v>
      </c>
      <c r="D8289" s="6"/>
      <c r="E8289" s="6" t="s">
        <v>9</v>
      </c>
      <c r="F8289" s="7">
        <v>39862</v>
      </c>
      <c r="G8289" s="8">
        <v>384540</v>
      </c>
      <c r="H8289" s="8">
        <v>384540</v>
      </c>
      <c r="I8289" s="8">
        <v>0</v>
      </c>
      <c r="J8289" s="8">
        <v>384540</v>
      </c>
      <c r="K8289" s="9">
        <v>33</v>
      </c>
      <c r="L8289" s="6" t="s">
        <v>51</v>
      </c>
    </row>
    <row r="8290" spans="1:12">
      <c r="A8290" s="6" t="s">
        <v>49</v>
      </c>
      <c r="B8290" s="6"/>
      <c r="C8290" s="6" t="s">
        <v>8314</v>
      </c>
      <c r="D8290" s="6"/>
      <c r="E8290" s="6" t="s">
        <v>9</v>
      </c>
      <c r="F8290" s="7">
        <v>38657</v>
      </c>
      <c r="G8290" s="8">
        <v>1</v>
      </c>
      <c r="H8290" s="8">
        <v>1</v>
      </c>
      <c r="I8290" s="8">
        <v>0</v>
      </c>
      <c r="J8290" s="8">
        <v>1</v>
      </c>
      <c r="K8290" s="9">
        <v>47</v>
      </c>
      <c r="L8290" s="6" t="s">
        <v>51</v>
      </c>
    </row>
    <row r="8291" spans="1:12">
      <c r="A8291" s="6" t="s">
        <v>49</v>
      </c>
      <c r="B8291" s="6"/>
      <c r="C8291" s="6" t="s">
        <v>8315</v>
      </c>
      <c r="D8291" s="6"/>
      <c r="E8291" s="6" t="s">
        <v>9</v>
      </c>
      <c r="F8291" s="7">
        <v>39862</v>
      </c>
      <c r="G8291" s="8">
        <v>362384</v>
      </c>
      <c r="H8291" s="8">
        <v>362384</v>
      </c>
      <c r="I8291" s="8">
        <v>0</v>
      </c>
      <c r="J8291" s="8">
        <v>362384</v>
      </c>
      <c r="K8291" s="9">
        <v>31</v>
      </c>
      <c r="L8291" s="6" t="s">
        <v>51</v>
      </c>
    </row>
    <row r="8292" spans="1:12">
      <c r="A8292" s="6" t="s">
        <v>49</v>
      </c>
      <c r="B8292" s="6"/>
      <c r="C8292" s="6" t="s">
        <v>8316</v>
      </c>
      <c r="D8292" s="6"/>
      <c r="E8292" s="6" t="s">
        <v>9</v>
      </c>
      <c r="F8292" s="7">
        <v>38657</v>
      </c>
      <c r="G8292" s="8">
        <v>1</v>
      </c>
      <c r="H8292" s="8">
        <v>1</v>
      </c>
      <c r="I8292" s="8">
        <v>0</v>
      </c>
      <c r="J8292" s="8">
        <v>1</v>
      </c>
      <c r="K8292" s="9">
        <v>31</v>
      </c>
      <c r="L8292" s="6" t="s">
        <v>51</v>
      </c>
    </row>
    <row r="8293" spans="1:12">
      <c r="A8293" s="6" t="s">
        <v>49</v>
      </c>
      <c r="B8293" s="6"/>
      <c r="C8293" s="6" t="s">
        <v>8317</v>
      </c>
      <c r="D8293" s="6"/>
      <c r="E8293" s="6" t="s">
        <v>9</v>
      </c>
      <c r="F8293" s="7">
        <v>39862</v>
      </c>
      <c r="G8293" s="8">
        <v>217384</v>
      </c>
      <c r="H8293" s="8">
        <v>217384</v>
      </c>
      <c r="I8293" s="8">
        <v>0</v>
      </c>
      <c r="J8293" s="8">
        <v>217384</v>
      </c>
      <c r="K8293" s="9">
        <v>18</v>
      </c>
      <c r="L8293" s="6" t="s">
        <v>51</v>
      </c>
    </row>
    <row r="8294" spans="1:12">
      <c r="A8294" s="6" t="s">
        <v>49</v>
      </c>
      <c r="B8294" s="6"/>
      <c r="C8294" s="6" t="s">
        <v>8318</v>
      </c>
      <c r="D8294" s="6"/>
      <c r="E8294" s="6" t="s">
        <v>9</v>
      </c>
      <c r="F8294" s="7">
        <v>38657</v>
      </c>
      <c r="G8294" s="8">
        <v>1</v>
      </c>
      <c r="H8294" s="8">
        <v>1</v>
      </c>
      <c r="I8294" s="8">
        <v>0</v>
      </c>
      <c r="J8294" s="8">
        <v>1</v>
      </c>
      <c r="K8294" s="9">
        <v>49</v>
      </c>
      <c r="L8294" s="6" t="s">
        <v>51</v>
      </c>
    </row>
    <row r="8295" spans="1:12">
      <c r="A8295" s="6" t="s">
        <v>49</v>
      </c>
      <c r="B8295" s="6"/>
      <c r="C8295" s="6" t="s">
        <v>8319</v>
      </c>
      <c r="D8295" s="6"/>
      <c r="E8295" s="6" t="s">
        <v>9</v>
      </c>
      <c r="F8295" s="7">
        <v>40255</v>
      </c>
      <c r="G8295" s="8">
        <v>1</v>
      </c>
      <c r="H8295" s="8">
        <v>1</v>
      </c>
      <c r="I8295" s="8">
        <v>0</v>
      </c>
      <c r="J8295" s="8">
        <v>1</v>
      </c>
      <c r="K8295" s="9">
        <v>25</v>
      </c>
      <c r="L8295" s="6" t="s">
        <v>51</v>
      </c>
    </row>
    <row r="8296" spans="1:12">
      <c r="A8296" s="6" t="s">
        <v>49</v>
      </c>
      <c r="B8296" s="6"/>
      <c r="C8296" s="6" t="s">
        <v>8320</v>
      </c>
      <c r="D8296" s="6"/>
      <c r="E8296" s="6" t="s">
        <v>9</v>
      </c>
      <c r="F8296" s="7">
        <v>38657</v>
      </c>
      <c r="G8296" s="8">
        <v>1</v>
      </c>
      <c r="H8296" s="8">
        <v>1</v>
      </c>
      <c r="I8296" s="8">
        <v>0</v>
      </c>
      <c r="J8296" s="8">
        <v>1</v>
      </c>
      <c r="K8296" s="9">
        <v>48</v>
      </c>
      <c r="L8296" s="6" t="s">
        <v>51</v>
      </c>
    </row>
    <row r="8297" spans="1:12">
      <c r="A8297" s="6" t="s">
        <v>49</v>
      </c>
      <c r="B8297" s="6"/>
      <c r="C8297" s="6" t="s">
        <v>8321</v>
      </c>
      <c r="D8297" s="6"/>
      <c r="E8297" s="6" t="s">
        <v>9</v>
      </c>
      <c r="F8297" s="7">
        <v>40255</v>
      </c>
      <c r="G8297" s="8">
        <v>1</v>
      </c>
      <c r="H8297" s="8">
        <v>1</v>
      </c>
      <c r="I8297" s="8">
        <v>0</v>
      </c>
      <c r="J8297" s="8">
        <v>1</v>
      </c>
      <c r="K8297" s="9">
        <v>25</v>
      </c>
      <c r="L8297" s="6" t="s">
        <v>51</v>
      </c>
    </row>
    <row r="8298" spans="1:12">
      <c r="A8298" s="6" t="s">
        <v>49</v>
      </c>
      <c r="B8298" s="6"/>
      <c r="C8298" s="6" t="s">
        <v>8322</v>
      </c>
      <c r="D8298" s="6"/>
      <c r="E8298" s="6" t="s">
        <v>9</v>
      </c>
      <c r="F8298" s="7">
        <v>38657</v>
      </c>
      <c r="G8298" s="8">
        <v>1</v>
      </c>
      <c r="H8298" s="8">
        <v>1</v>
      </c>
      <c r="I8298" s="8">
        <v>0</v>
      </c>
      <c r="J8298" s="8">
        <v>1</v>
      </c>
      <c r="K8298" s="9">
        <v>94.54</v>
      </c>
      <c r="L8298" s="6" t="s">
        <v>51</v>
      </c>
    </row>
    <row r="8299" spans="1:12">
      <c r="A8299" s="6" t="s">
        <v>49</v>
      </c>
      <c r="B8299" s="6"/>
      <c r="C8299" s="6" t="s">
        <v>8323</v>
      </c>
      <c r="D8299" s="6"/>
      <c r="E8299" s="6" t="s">
        <v>9</v>
      </c>
      <c r="F8299" s="7">
        <v>38657</v>
      </c>
      <c r="G8299" s="8">
        <v>1</v>
      </c>
      <c r="H8299" s="8">
        <v>1</v>
      </c>
      <c r="I8299" s="8">
        <v>0</v>
      </c>
      <c r="J8299" s="8">
        <v>1</v>
      </c>
      <c r="K8299" s="9">
        <v>38</v>
      </c>
      <c r="L8299" s="6" t="s">
        <v>51</v>
      </c>
    </row>
    <row r="8300" spans="1:12">
      <c r="A8300" s="6" t="s">
        <v>49</v>
      </c>
      <c r="B8300" s="6"/>
      <c r="C8300" s="6" t="s">
        <v>8324</v>
      </c>
      <c r="D8300" s="6"/>
      <c r="E8300" s="6" t="s">
        <v>9</v>
      </c>
      <c r="F8300" s="7">
        <v>40255</v>
      </c>
      <c r="G8300" s="8">
        <v>1</v>
      </c>
      <c r="H8300" s="8">
        <v>1</v>
      </c>
      <c r="I8300" s="8">
        <v>0</v>
      </c>
      <c r="J8300" s="8">
        <v>1</v>
      </c>
      <c r="K8300" s="9">
        <v>34</v>
      </c>
      <c r="L8300" s="6" t="s">
        <v>51</v>
      </c>
    </row>
    <row r="8301" spans="1:12">
      <c r="A8301" s="6" t="s">
        <v>49</v>
      </c>
      <c r="B8301" s="6"/>
      <c r="C8301" s="6" t="s">
        <v>8325</v>
      </c>
      <c r="D8301" s="6"/>
      <c r="E8301" s="6" t="s">
        <v>9</v>
      </c>
      <c r="F8301" s="7">
        <v>38657</v>
      </c>
      <c r="G8301" s="8">
        <v>1</v>
      </c>
      <c r="H8301" s="8">
        <v>1</v>
      </c>
      <c r="I8301" s="8">
        <v>0</v>
      </c>
      <c r="J8301" s="8">
        <v>1</v>
      </c>
      <c r="K8301" s="9">
        <v>24</v>
      </c>
      <c r="L8301" s="6" t="s">
        <v>51</v>
      </c>
    </row>
    <row r="8302" spans="1:12">
      <c r="A8302" s="6" t="s">
        <v>49</v>
      </c>
      <c r="B8302" s="6"/>
      <c r="C8302" s="6" t="s">
        <v>8326</v>
      </c>
      <c r="D8302" s="6"/>
      <c r="E8302" s="6" t="s">
        <v>9</v>
      </c>
      <c r="F8302" s="7">
        <v>40255</v>
      </c>
      <c r="G8302" s="8">
        <v>1</v>
      </c>
      <c r="H8302" s="8">
        <v>1</v>
      </c>
      <c r="I8302" s="8">
        <v>0</v>
      </c>
      <c r="J8302" s="8">
        <v>1</v>
      </c>
      <c r="K8302" s="9">
        <v>68</v>
      </c>
      <c r="L8302" s="6" t="s">
        <v>51</v>
      </c>
    </row>
    <row r="8303" spans="1:12">
      <c r="A8303" s="6" t="s">
        <v>49</v>
      </c>
      <c r="B8303" s="6"/>
      <c r="C8303" s="6" t="s">
        <v>8327</v>
      </c>
      <c r="D8303" s="6"/>
      <c r="E8303" s="6" t="s">
        <v>9</v>
      </c>
      <c r="F8303" s="7">
        <v>38657</v>
      </c>
      <c r="G8303" s="8">
        <v>1</v>
      </c>
      <c r="H8303" s="8">
        <v>1</v>
      </c>
      <c r="I8303" s="8">
        <v>0</v>
      </c>
      <c r="J8303" s="8">
        <v>1</v>
      </c>
      <c r="K8303" s="9">
        <v>4.75</v>
      </c>
      <c r="L8303" s="6" t="s">
        <v>51</v>
      </c>
    </row>
    <row r="8304" spans="1:12">
      <c r="A8304" s="6" t="s">
        <v>49</v>
      </c>
      <c r="B8304" s="6"/>
      <c r="C8304" s="6" t="s">
        <v>8328</v>
      </c>
      <c r="D8304" s="6"/>
      <c r="E8304" s="6" t="s">
        <v>9</v>
      </c>
      <c r="F8304" s="7">
        <v>38657</v>
      </c>
      <c r="G8304" s="8">
        <v>1</v>
      </c>
      <c r="H8304" s="8">
        <v>1</v>
      </c>
      <c r="I8304" s="8">
        <v>0</v>
      </c>
      <c r="J8304" s="8">
        <v>1</v>
      </c>
      <c r="K8304" s="9">
        <v>470</v>
      </c>
      <c r="L8304" s="6" t="s">
        <v>51</v>
      </c>
    </row>
    <row r="8305" spans="1:12">
      <c r="A8305" s="6" t="s">
        <v>49</v>
      </c>
      <c r="B8305" s="6"/>
      <c r="C8305" s="6" t="s">
        <v>8329</v>
      </c>
      <c r="D8305" s="6"/>
      <c r="E8305" s="6" t="s">
        <v>9</v>
      </c>
      <c r="F8305" s="7">
        <v>38657</v>
      </c>
      <c r="G8305" s="8">
        <v>1</v>
      </c>
      <c r="H8305" s="8">
        <v>1</v>
      </c>
      <c r="I8305" s="8">
        <v>0</v>
      </c>
      <c r="J8305" s="8">
        <v>1</v>
      </c>
      <c r="K8305" s="9">
        <v>37</v>
      </c>
      <c r="L8305" s="6" t="s">
        <v>51</v>
      </c>
    </row>
    <row r="8306" spans="1:12">
      <c r="A8306" s="6" t="s">
        <v>49</v>
      </c>
      <c r="B8306" s="6"/>
      <c r="C8306" s="6" t="s">
        <v>8330</v>
      </c>
      <c r="D8306" s="6"/>
      <c r="E8306" s="6" t="s">
        <v>9</v>
      </c>
      <c r="F8306" s="7">
        <v>39831</v>
      </c>
      <c r="G8306" s="8">
        <v>566544</v>
      </c>
      <c r="H8306" s="8">
        <v>566544</v>
      </c>
      <c r="I8306" s="8">
        <v>0</v>
      </c>
      <c r="J8306" s="8">
        <v>566544</v>
      </c>
      <c r="K8306" s="9">
        <v>48</v>
      </c>
      <c r="L8306" s="6" t="s">
        <v>51</v>
      </c>
    </row>
    <row r="8307" spans="1:12">
      <c r="A8307" s="6" t="s">
        <v>49</v>
      </c>
      <c r="B8307" s="6"/>
      <c r="C8307" s="6" t="s">
        <v>8331</v>
      </c>
      <c r="D8307" s="6"/>
      <c r="E8307" s="6" t="s">
        <v>9</v>
      </c>
      <c r="F8307" s="7">
        <v>38657</v>
      </c>
      <c r="G8307" s="8">
        <v>1</v>
      </c>
      <c r="H8307" s="8">
        <v>1</v>
      </c>
      <c r="I8307" s="8">
        <v>0</v>
      </c>
      <c r="J8307" s="8">
        <v>1</v>
      </c>
      <c r="K8307" s="9">
        <v>37</v>
      </c>
      <c r="L8307" s="6" t="s">
        <v>51</v>
      </c>
    </row>
    <row r="8308" spans="1:12">
      <c r="A8308" s="6" t="s">
        <v>49</v>
      </c>
      <c r="B8308" s="6"/>
      <c r="C8308" s="6" t="s">
        <v>8332</v>
      </c>
      <c r="D8308" s="6"/>
      <c r="E8308" s="6" t="s">
        <v>9</v>
      </c>
      <c r="F8308" s="7">
        <v>39831</v>
      </c>
      <c r="G8308" s="8">
        <v>566544</v>
      </c>
      <c r="H8308" s="8">
        <v>566544</v>
      </c>
      <c r="I8308" s="8">
        <v>0</v>
      </c>
      <c r="J8308" s="8">
        <v>566544</v>
      </c>
      <c r="K8308" s="9">
        <v>48</v>
      </c>
      <c r="L8308" s="6" t="s">
        <v>51</v>
      </c>
    </row>
    <row r="8309" spans="1:12">
      <c r="A8309" s="6" t="s">
        <v>49</v>
      </c>
      <c r="B8309" s="6"/>
      <c r="C8309" s="6" t="s">
        <v>8333</v>
      </c>
      <c r="D8309" s="6"/>
      <c r="E8309" s="6" t="s">
        <v>9</v>
      </c>
      <c r="F8309" s="7">
        <v>38657</v>
      </c>
      <c r="G8309" s="8">
        <v>1</v>
      </c>
      <c r="H8309" s="8">
        <v>1</v>
      </c>
      <c r="I8309" s="8">
        <v>0</v>
      </c>
      <c r="J8309" s="8">
        <v>1</v>
      </c>
      <c r="K8309" s="9">
        <v>101.81</v>
      </c>
      <c r="L8309" s="6" t="s">
        <v>51</v>
      </c>
    </row>
    <row r="8310" spans="1:12">
      <c r="A8310" s="6" t="s">
        <v>49</v>
      </c>
      <c r="B8310" s="6"/>
      <c r="C8310" s="6" t="s">
        <v>8334</v>
      </c>
      <c r="D8310" s="6"/>
      <c r="E8310" s="6" t="s">
        <v>9</v>
      </c>
      <c r="F8310" s="7">
        <v>38657</v>
      </c>
      <c r="G8310" s="8">
        <v>1</v>
      </c>
      <c r="H8310" s="8">
        <v>1</v>
      </c>
      <c r="I8310" s="8">
        <v>0</v>
      </c>
      <c r="J8310" s="8">
        <v>1</v>
      </c>
      <c r="K8310" s="9">
        <v>37</v>
      </c>
      <c r="L8310" s="6" t="s">
        <v>51</v>
      </c>
    </row>
    <row r="8311" spans="1:12">
      <c r="A8311" s="6" t="s">
        <v>49</v>
      </c>
      <c r="B8311" s="6"/>
      <c r="C8311" s="6" t="s">
        <v>8335</v>
      </c>
      <c r="D8311" s="6"/>
      <c r="E8311" s="6" t="s">
        <v>9</v>
      </c>
      <c r="F8311" s="7">
        <v>39831</v>
      </c>
      <c r="G8311" s="8">
        <v>562948</v>
      </c>
      <c r="H8311" s="8">
        <v>562948</v>
      </c>
      <c r="I8311" s="8">
        <v>0</v>
      </c>
      <c r="J8311" s="8">
        <v>562948</v>
      </c>
      <c r="K8311" s="9">
        <v>48</v>
      </c>
      <c r="L8311" s="6" t="s">
        <v>51</v>
      </c>
    </row>
    <row r="8312" spans="1:12">
      <c r="A8312" s="6" t="s">
        <v>49</v>
      </c>
      <c r="B8312" s="6"/>
      <c r="C8312" s="6" t="s">
        <v>8336</v>
      </c>
      <c r="D8312" s="6"/>
      <c r="E8312" s="6" t="s">
        <v>9</v>
      </c>
      <c r="F8312" s="7">
        <v>38657</v>
      </c>
      <c r="G8312" s="8">
        <v>1</v>
      </c>
      <c r="H8312" s="8">
        <v>1</v>
      </c>
      <c r="I8312" s="8">
        <v>0</v>
      </c>
      <c r="J8312" s="8">
        <v>1</v>
      </c>
      <c r="K8312" s="9">
        <v>6.8</v>
      </c>
      <c r="L8312" s="6" t="s">
        <v>51</v>
      </c>
    </row>
    <row r="8313" spans="1:12">
      <c r="A8313" s="6" t="s">
        <v>49</v>
      </c>
      <c r="B8313" s="6"/>
      <c r="C8313" s="6" t="s">
        <v>8337</v>
      </c>
      <c r="D8313" s="6"/>
      <c r="E8313" s="6" t="s">
        <v>9</v>
      </c>
      <c r="F8313" s="7">
        <v>39831</v>
      </c>
      <c r="G8313" s="8">
        <v>102312</v>
      </c>
      <c r="H8313" s="8">
        <v>102312</v>
      </c>
      <c r="I8313" s="8">
        <v>0</v>
      </c>
      <c r="J8313" s="8">
        <v>102312</v>
      </c>
      <c r="K8313" s="9">
        <v>8.82</v>
      </c>
      <c r="L8313" s="6" t="s">
        <v>51</v>
      </c>
    </row>
    <row r="8314" spans="1:12">
      <c r="A8314" s="6" t="s">
        <v>49</v>
      </c>
      <c r="B8314" s="6"/>
      <c r="C8314" s="6" t="s">
        <v>8338</v>
      </c>
      <c r="D8314" s="6"/>
      <c r="E8314" s="6" t="s">
        <v>9</v>
      </c>
      <c r="F8314" s="7">
        <v>38657</v>
      </c>
      <c r="G8314" s="8">
        <v>1</v>
      </c>
      <c r="H8314" s="8">
        <v>1</v>
      </c>
      <c r="I8314" s="8">
        <v>0</v>
      </c>
      <c r="J8314" s="8">
        <v>1</v>
      </c>
      <c r="K8314" s="9">
        <v>30</v>
      </c>
      <c r="L8314" s="6" t="s">
        <v>51</v>
      </c>
    </row>
    <row r="8315" spans="1:12">
      <c r="A8315" s="6" t="s">
        <v>49</v>
      </c>
      <c r="B8315" s="6"/>
      <c r="C8315" s="6" t="s">
        <v>8339</v>
      </c>
      <c r="D8315" s="6"/>
      <c r="E8315" s="6" t="s">
        <v>9</v>
      </c>
      <c r="F8315" s="7">
        <v>39831</v>
      </c>
      <c r="G8315" s="8">
        <v>453560</v>
      </c>
      <c r="H8315" s="8">
        <v>453560</v>
      </c>
      <c r="I8315" s="8">
        <v>0</v>
      </c>
      <c r="J8315" s="8">
        <v>453560</v>
      </c>
      <c r="K8315" s="9">
        <v>39</v>
      </c>
      <c r="L8315" s="6" t="s">
        <v>51</v>
      </c>
    </row>
    <row r="8316" spans="1:12">
      <c r="A8316" s="6" t="s">
        <v>49</v>
      </c>
      <c r="B8316" s="6"/>
      <c r="C8316" s="6" t="s">
        <v>8340</v>
      </c>
      <c r="D8316" s="6"/>
      <c r="E8316" s="6" t="s">
        <v>9</v>
      </c>
      <c r="F8316" s="7">
        <v>38657</v>
      </c>
      <c r="G8316" s="8">
        <v>1</v>
      </c>
      <c r="H8316" s="8">
        <v>1</v>
      </c>
      <c r="I8316" s="8">
        <v>0</v>
      </c>
      <c r="J8316" s="8">
        <v>1</v>
      </c>
      <c r="K8316" s="9">
        <v>36</v>
      </c>
      <c r="L8316" s="6" t="s">
        <v>51</v>
      </c>
    </row>
    <row r="8317" spans="1:12">
      <c r="A8317" s="6" t="s">
        <v>49</v>
      </c>
      <c r="B8317" s="6"/>
      <c r="C8317" s="6" t="s">
        <v>8341</v>
      </c>
      <c r="D8317" s="6"/>
      <c r="E8317" s="6" t="s">
        <v>9</v>
      </c>
      <c r="F8317" s="7">
        <v>39831</v>
      </c>
      <c r="G8317" s="8">
        <v>544620</v>
      </c>
      <c r="H8317" s="8">
        <v>544620</v>
      </c>
      <c r="I8317" s="8">
        <v>0</v>
      </c>
      <c r="J8317" s="8">
        <v>544620</v>
      </c>
      <c r="K8317" s="9">
        <v>46</v>
      </c>
      <c r="L8317" s="6" t="s">
        <v>51</v>
      </c>
    </row>
    <row r="8318" spans="1:12">
      <c r="A8318" s="6" t="s">
        <v>49</v>
      </c>
      <c r="B8318" s="6"/>
      <c r="C8318" s="6" t="s">
        <v>8342</v>
      </c>
      <c r="D8318" s="6"/>
      <c r="E8318" s="6" t="s">
        <v>9</v>
      </c>
      <c r="F8318" s="7">
        <v>38657</v>
      </c>
      <c r="G8318" s="8">
        <v>1</v>
      </c>
      <c r="H8318" s="8">
        <v>1</v>
      </c>
      <c r="I8318" s="8">
        <v>0</v>
      </c>
      <c r="J8318" s="8">
        <v>1</v>
      </c>
      <c r="K8318" s="9">
        <v>36</v>
      </c>
      <c r="L8318" s="6" t="s">
        <v>51</v>
      </c>
    </row>
    <row r="8319" spans="1:12">
      <c r="A8319" s="6" t="s">
        <v>49</v>
      </c>
      <c r="B8319" s="6"/>
      <c r="C8319" s="6" t="s">
        <v>8343</v>
      </c>
      <c r="D8319" s="6"/>
      <c r="E8319" s="6" t="s">
        <v>9</v>
      </c>
      <c r="F8319" s="7">
        <v>39831</v>
      </c>
      <c r="G8319" s="8">
        <v>528728</v>
      </c>
      <c r="H8319" s="8">
        <v>528728</v>
      </c>
      <c r="I8319" s="8">
        <v>0</v>
      </c>
      <c r="J8319" s="8">
        <v>528728</v>
      </c>
      <c r="K8319" s="9">
        <v>45</v>
      </c>
      <c r="L8319" s="6" t="s">
        <v>51</v>
      </c>
    </row>
    <row r="8320" spans="1:12">
      <c r="A8320" s="6" t="s">
        <v>49</v>
      </c>
      <c r="B8320" s="6"/>
      <c r="C8320" s="6" t="s">
        <v>8344</v>
      </c>
      <c r="D8320" s="6"/>
      <c r="E8320" s="6" t="s">
        <v>9</v>
      </c>
      <c r="F8320" s="7">
        <v>38657</v>
      </c>
      <c r="G8320" s="8">
        <v>1</v>
      </c>
      <c r="H8320" s="8">
        <v>1</v>
      </c>
      <c r="I8320" s="8">
        <v>0</v>
      </c>
      <c r="J8320" s="8">
        <v>1</v>
      </c>
      <c r="K8320" s="9">
        <v>231.3</v>
      </c>
      <c r="L8320" s="6" t="s">
        <v>51</v>
      </c>
    </row>
    <row r="8321" spans="1:12">
      <c r="A8321" s="6" t="s">
        <v>49</v>
      </c>
      <c r="B8321" s="6"/>
      <c r="C8321" s="6" t="s">
        <v>8345</v>
      </c>
      <c r="D8321" s="6"/>
      <c r="E8321" s="6" t="s">
        <v>9</v>
      </c>
      <c r="F8321" s="7">
        <v>38657</v>
      </c>
      <c r="G8321" s="8">
        <v>1</v>
      </c>
      <c r="H8321" s="8">
        <v>1</v>
      </c>
      <c r="I8321" s="8">
        <v>0</v>
      </c>
      <c r="J8321" s="8">
        <v>1</v>
      </c>
      <c r="K8321" s="9">
        <v>36</v>
      </c>
      <c r="L8321" s="6" t="s">
        <v>51</v>
      </c>
    </row>
    <row r="8322" spans="1:12">
      <c r="A8322" s="6" t="s">
        <v>49</v>
      </c>
      <c r="B8322" s="6"/>
      <c r="C8322" s="6" t="s">
        <v>8346</v>
      </c>
      <c r="D8322" s="6"/>
      <c r="E8322" s="6" t="s">
        <v>9</v>
      </c>
      <c r="F8322" s="7">
        <v>39831</v>
      </c>
      <c r="G8322" s="8">
        <v>510052</v>
      </c>
      <c r="H8322" s="8">
        <v>510052</v>
      </c>
      <c r="I8322" s="8">
        <v>0</v>
      </c>
      <c r="J8322" s="8">
        <v>510052</v>
      </c>
      <c r="K8322" s="9">
        <v>43</v>
      </c>
      <c r="L8322" s="6" t="s">
        <v>51</v>
      </c>
    </row>
    <row r="8323" spans="1:12">
      <c r="A8323" s="6" t="s">
        <v>49</v>
      </c>
      <c r="B8323" s="6"/>
      <c r="C8323" s="6" t="s">
        <v>8347</v>
      </c>
      <c r="D8323" s="6"/>
      <c r="E8323" s="6" t="s">
        <v>9</v>
      </c>
      <c r="F8323" s="7">
        <v>38657</v>
      </c>
      <c r="G8323" s="8">
        <v>1</v>
      </c>
      <c r="H8323" s="8">
        <v>1</v>
      </c>
      <c r="I8323" s="8">
        <v>0</v>
      </c>
      <c r="J8323" s="8">
        <v>1</v>
      </c>
      <c r="K8323" s="9">
        <v>35</v>
      </c>
      <c r="L8323" s="6" t="s">
        <v>51</v>
      </c>
    </row>
    <row r="8324" spans="1:12">
      <c r="A8324" s="6" t="s">
        <v>49</v>
      </c>
      <c r="B8324" s="6"/>
      <c r="C8324" s="6" t="s">
        <v>8348</v>
      </c>
      <c r="D8324" s="6"/>
      <c r="E8324" s="6" t="s">
        <v>9</v>
      </c>
      <c r="F8324" s="7">
        <v>39831</v>
      </c>
      <c r="G8324" s="8">
        <v>488824</v>
      </c>
      <c r="H8324" s="8">
        <v>488824</v>
      </c>
      <c r="I8324" s="8">
        <v>0</v>
      </c>
      <c r="J8324" s="8">
        <v>488824</v>
      </c>
      <c r="K8324" s="9">
        <v>42</v>
      </c>
      <c r="L8324" s="6" t="s">
        <v>51</v>
      </c>
    </row>
    <row r="8325" spans="1:12">
      <c r="A8325" s="6" t="s">
        <v>49</v>
      </c>
      <c r="B8325" s="6"/>
      <c r="C8325" s="6" t="s">
        <v>8349</v>
      </c>
      <c r="D8325" s="6"/>
      <c r="E8325" s="6" t="s">
        <v>9</v>
      </c>
      <c r="F8325" s="7">
        <v>38657</v>
      </c>
      <c r="G8325" s="8">
        <v>1</v>
      </c>
      <c r="H8325" s="8">
        <v>1</v>
      </c>
      <c r="I8325" s="8">
        <v>0</v>
      </c>
      <c r="J8325" s="8">
        <v>1</v>
      </c>
      <c r="K8325" s="9">
        <v>35</v>
      </c>
      <c r="L8325" s="6" t="s">
        <v>51</v>
      </c>
    </row>
    <row r="8326" spans="1:12">
      <c r="A8326" s="6" t="s">
        <v>49</v>
      </c>
      <c r="B8326" s="6"/>
      <c r="C8326" s="6" t="s">
        <v>8350</v>
      </c>
      <c r="D8326" s="6"/>
      <c r="E8326" s="6" t="s">
        <v>9</v>
      </c>
      <c r="F8326" s="7">
        <v>40925</v>
      </c>
      <c r="G8326" s="8">
        <v>1</v>
      </c>
      <c r="H8326" s="8">
        <v>1</v>
      </c>
      <c r="I8326" s="8">
        <v>0</v>
      </c>
      <c r="J8326" s="8">
        <v>1</v>
      </c>
      <c r="K8326" s="9">
        <v>40</v>
      </c>
      <c r="L8326" s="6" t="s">
        <v>51</v>
      </c>
    </row>
    <row r="8327" spans="1:12">
      <c r="A8327" s="6" t="s">
        <v>49</v>
      </c>
      <c r="B8327" s="6"/>
      <c r="C8327" s="6" t="s">
        <v>8351</v>
      </c>
      <c r="D8327" s="6"/>
      <c r="E8327" s="6" t="s">
        <v>9</v>
      </c>
      <c r="F8327" s="7">
        <v>38657</v>
      </c>
      <c r="G8327" s="8">
        <v>1</v>
      </c>
      <c r="H8327" s="8">
        <v>1</v>
      </c>
      <c r="I8327" s="8">
        <v>0</v>
      </c>
      <c r="J8327" s="8">
        <v>1</v>
      </c>
      <c r="K8327" s="9">
        <v>29</v>
      </c>
      <c r="L8327" s="6" t="s">
        <v>51</v>
      </c>
    </row>
    <row r="8328" spans="1:12">
      <c r="A8328" s="6" t="s">
        <v>49</v>
      </c>
      <c r="B8328" s="6"/>
      <c r="C8328" s="6" t="s">
        <v>8352</v>
      </c>
      <c r="D8328" s="6"/>
      <c r="E8328" s="6" t="s">
        <v>9</v>
      </c>
      <c r="F8328" s="7">
        <v>39831</v>
      </c>
      <c r="G8328" s="8">
        <v>280372</v>
      </c>
      <c r="H8328" s="8">
        <v>280372</v>
      </c>
      <c r="I8328" s="8">
        <v>0</v>
      </c>
      <c r="J8328" s="8">
        <v>280372</v>
      </c>
      <c r="K8328" s="9">
        <v>24</v>
      </c>
      <c r="L8328" s="6" t="s">
        <v>51</v>
      </c>
    </row>
    <row r="8329" spans="1:12">
      <c r="A8329" s="6" t="s">
        <v>49</v>
      </c>
      <c r="B8329" s="6"/>
      <c r="C8329" s="6" t="s">
        <v>8353</v>
      </c>
      <c r="D8329" s="6"/>
      <c r="E8329" s="6" t="s">
        <v>9</v>
      </c>
      <c r="F8329" s="7">
        <v>38657</v>
      </c>
      <c r="G8329" s="8">
        <v>1</v>
      </c>
      <c r="H8329" s="8">
        <v>1</v>
      </c>
      <c r="I8329" s="8">
        <v>0</v>
      </c>
      <c r="J8329" s="8">
        <v>1</v>
      </c>
      <c r="K8329" s="9">
        <v>9.6199999999999903</v>
      </c>
      <c r="L8329" s="6" t="s">
        <v>51</v>
      </c>
    </row>
    <row r="8330" spans="1:12">
      <c r="A8330" s="6" t="s">
        <v>49</v>
      </c>
      <c r="B8330" s="6"/>
      <c r="C8330" s="6" t="s">
        <v>8354</v>
      </c>
      <c r="D8330" s="6"/>
      <c r="E8330" s="6" t="s">
        <v>9</v>
      </c>
      <c r="F8330" s="7">
        <v>39831</v>
      </c>
      <c r="G8330" s="8">
        <v>114608</v>
      </c>
      <c r="H8330" s="8">
        <v>114608</v>
      </c>
      <c r="I8330" s="8">
        <v>0</v>
      </c>
      <c r="J8330" s="8">
        <v>114608</v>
      </c>
      <c r="K8330" s="9">
        <v>9.8800000000000008</v>
      </c>
      <c r="L8330" s="6" t="s">
        <v>51</v>
      </c>
    </row>
    <row r="8331" spans="1:12">
      <c r="A8331" s="6" t="s">
        <v>49</v>
      </c>
      <c r="B8331" s="6"/>
      <c r="C8331" s="6" t="s">
        <v>8355</v>
      </c>
      <c r="D8331" s="6"/>
      <c r="E8331" s="6" t="s">
        <v>9</v>
      </c>
      <c r="F8331" s="7">
        <v>38657</v>
      </c>
      <c r="G8331" s="8">
        <v>1</v>
      </c>
      <c r="H8331" s="8">
        <v>1</v>
      </c>
      <c r="I8331" s="8">
        <v>0</v>
      </c>
      <c r="J8331" s="8">
        <v>1</v>
      </c>
      <c r="K8331" s="9">
        <v>126</v>
      </c>
      <c r="L8331" s="6" t="s">
        <v>51</v>
      </c>
    </row>
    <row r="8332" spans="1:12">
      <c r="A8332" s="6" t="s">
        <v>49</v>
      </c>
      <c r="B8332" s="6"/>
      <c r="C8332" s="6" t="s">
        <v>8356</v>
      </c>
      <c r="D8332" s="6"/>
      <c r="E8332" s="6" t="s">
        <v>9</v>
      </c>
      <c r="F8332" s="7">
        <v>38657</v>
      </c>
      <c r="G8332" s="8">
        <v>1</v>
      </c>
      <c r="H8332" s="8">
        <v>1</v>
      </c>
      <c r="I8332" s="8">
        <v>0</v>
      </c>
      <c r="J8332" s="8">
        <v>1</v>
      </c>
      <c r="K8332" s="9">
        <v>32</v>
      </c>
      <c r="L8332" s="6" t="s">
        <v>51</v>
      </c>
    </row>
    <row r="8333" spans="1:12">
      <c r="A8333" s="6" t="s">
        <v>49</v>
      </c>
      <c r="B8333" s="6"/>
      <c r="C8333" s="6" t="s">
        <v>8357</v>
      </c>
      <c r="D8333" s="6"/>
      <c r="E8333" s="6" t="s">
        <v>9</v>
      </c>
      <c r="F8333" s="7">
        <v>39831</v>
      </c>
      <c r="G8333" s="8">
        <v>484416</v>
      </c>
      <c r="H8333" s="8">
        <v>484416</v>
      </c>
      <c r="I8333" s="8">
        <v>0</v>
      </c>
      <c r="J8333" s="8">
        <v>484416</v>
      </c>
      <c r="K8333" s="9">
        <v>41</v>
      </c>
      <c r="L8333" s="6" t="s">
        <v>51</v>
      </c>
    </row>
    <row r="8334" spans="1:12">
      <c r="A8334" s="6" t="s">
        <v>49</v>
      </c>
      <c r="B8334" s="6"/>
      <c r="C8334" s="6" t="s">
        <v>8358</v>
      </c>
      <c r="D8334" s="6"/>
      <c r="E8334" s="6" t="s">
        <v>9</v>
      </c>
      <c r="F8334" s="7">
        <v>38657</v>
      </c>
      <c r="G8334" s="8">
        <v>1</v>
      </c>
      <c r="H8334" s="8">
        <v>1</v>
      </c>
      <c r="I8334" s="8">
        <v>0</v>
      </c>
      <c r="J8334" s="8">
        <v>1</v>
      </c>
      <c r="K8334" s="9">
        <v>6.81</v>
      </c>
      <c r="L8334" s="6" t="s">
        <v>51</v>
      </c>
    </row>
    <row r="8335" spans="1:12">
      <c r="A8335" s="6" t="s">
        <v>49</v>
      </c>
      <c r="B8335" s="6"/>
      <c r="C8335" s="6" t="s">
        <v>8359</v>
      </c>
      <c r="D8335" s="6"/>
      <c r="E8335" s="6" t="s">
        <v>9</v>
      </c>
      <c r="F8335" s="7">
        <v>38657</v>
      </c>
      <c r="G8335" s="8">
        <v>1</v>
      </c>
      <c r="H8335" s="8">
        <v>1</v>
      </c>
      <c r="I8335" s="8">
        <v>0</v>
      </c>
      <c r="J8335" s="8">
        <v>1</v>
      </c>
      <c r="K8335" s="9">
        <v>18</v>
      </c>
      <c r="L8335" s="6" t="s">
        <v>51</v>
      </c>
    </row>
    <row r="8336" spans="1:12">
      <c r="A8336" s="6" t="s">
        <v>49</v>
      </c>
      <c r="B8336" s="6"/>
      <c r="C8336" s="6" t="s">
        <v>8360</v>
      </c>
      <c r="D8336" s="6"/>
      <c r="E8336" s="6" t="s">
        <v>9</v>
      </c>
      <c r="F8336" s="7">
        <v>39831</v>
      </c>
      <c r="G8336" s="8">
        <v>428852</v>
      </c>
      <c r="H8336" s="8">
        <v>428852</v>
      </c>
      <c r="I8336" s="8">
        <v>0</v>
      </c>
      <c r="J8336" s="8">
        <v>428852</v>
      </c>
      <c r="K8336" s="9">
        <v>36</v>
      </c>
      <c r="L8336" s="6" t="s">
        <v>51</v>
      </c>
    </row>
    <row r="8337" spans="1:12">
      <c r="A8337" s="6" t="s">
        <v>49</v>
      </c>
      <c r="B8337" s="6"/>
      <c r="C8337" s="6" t="s">
        <v>8361</v>
      </c>
      <c r="D8337" s="6"/>
      <c r="E8337" s="6" t="s">
        <v>9</v>
      </c>
      <c r="F8337" s="7">
        <v>39831</v>
      </c>
      <c r="G8337" s="8">
        <v>206944</v>
      </c>
      <c r="H8337" s="8">
        <v>206944</v>
      </c>
      <c r="I8337" s="8">
        <v>0</v>
      </c>
      <c r="J8337" s="8">
        <v>206944</v>
      </c>
      <c r="K8337" s="9">
        <v>17</v>
      </c>
      <c r="L8337" s="6" t="s">
        <v>51</v>
      </c>
    </row>
    <row r="8338" spans="1:12">
      <c r="A8338" s="6" t="s">
        <v>49</v>
      </c>
      <c r="B8338" s="6"/>
      <c r="C8338" s="6" t="s">
        <v>8362</v>
      </c>
      <c r="D8338" s="6"/>
      <c r="E8338" s="6" t="s">
        <v>9</v>
      </c>
      <c r="F8338" s="7">
        <v>38657</v>
      </c>
      <c r="G8338" s="8">
        <v>1</v>
      </c>
      <c r="H8338" s="8">
        <v>1</v>
      </c>
      <c r="I8338" s="8">
        <v>0</v>
      </c>
      <c r="J8338" s="8">
        <v>1</v>
      </c>
      <c r="K8338" s="9">
        <v>19</v>
      </c>
      <c r="L8338" s="6" t="s">
        <v>51</v>
      </c>
    </row>
    <row r="8339" spans="1:12">
      <c r="A8339" s="6" t="s">
        <v>49</v>
      </c>
      <c r="B8339" s="6"/>
      <c r="C8339" s="6" t="s">
        <v>8363</v>
      </c>
      <c r="D8339" s="6"/>
      <c r="E8339" s="6" t="s">
        <v>9</v>
      </c>
      <c r="F8339" s="7">
        <v>39831</v>
      </c>
      <c r="G8339" s="8">
        <v>773720</v>
      </c>
      <c r="H8339" s="8">
        <v>773720</v>
      </c>
      <c r="I8339" s="8">
        <v>0</v>
      </c>
      <c r="J8339" s="8">
        <v>773720</v>
      </c>
      <c r="K8339" s="9">
        <v>66</v>
      </c>
      <c r="L8339" s="6" t="s">
        <v>51</v>
      </c>
    </row>
    <row r="8340" spans="1:12">
      <c r="A8340" s="6" t="s">
        <v>49</v>
      </c>
      <c r="B8340" s="6"/>
      <c r="C8340" s="6" t="s">
        <v>8364</v>
      </c>
      <c r="D8340" s="6"/>
      <c r="E8340" s="6" t="s">
        <v>9</v>
      </c>
      <c r="F8340" s="7">
        <v>38657</v>
      </c>
      <c r="G8340" s="8">
        <v>1</v>
      </c>
      <c r="H8340" s="8">
        <v>1</v>
      </c>
      <c r="I8340" s="8">
        <v>0</v>
      </c>
      <c r="J8340" s="8">
        <v>1</v>
      </c>
      <c r="K8340" s="9">
        <v>13</v>
      </c>
      <c r="L8340" s="6" t="s">
        <v>51</v>
      </c>
    </row>
    <row r="8341" spans="1:12">
      <c r="A8341" s="6" t="s">
        <v>49</v>
      </c>
      <c r="B8341" s="6"/>
      <c r="C8341" s="6" t="s">
        <v>8365</v>
      </c>
      <c r="D8341" s="6"/>
      <c r="E8341" s="6" t="s">
        <v>9</v>
      </c>
      <c r="F8341" s="7">
        <v>38657</v>
      </c>
      <c r="G8341" s="8">
        <v>1</v>
      </c>
      <c r="H8341" s="8">
        <v>1</v>
      </c>
      <c r="I8341" s="8">
        <v>0</v>
      </c>
      <c r="J8341" s="8">
        <v>1</v>
      </c>
      <c r="K8341" s="9">
        <v>8.9</v>
      </c>
      <c r="L8341" s="6" t="s">
        <v>51</v>
      </c>
    </row>
    <row r="8342" spans="1:12">
      <c r="A8342" s="6" t="s">
        <v>49</v>
      </c>
      <c r="B8342" s="6"/>
      <c r="C8342" s="6" t="s">
        <v>8366</v>
      </c>
      <c r="D8342" s="6"/>
      <c r="E8342" s="6" t="s">
        <v>9</v>
      </c>
      <c r="F8342" s="7">
        <v>38657</v>
      </c>
      <c r="G8342" s="8">
        <v>1</v>
      </c>
      <c r="H8342" s="8">
        <v>1</v>
      </c>
      <c r="I8342" s="8">
        <v>0</v>
      </c>
      <c r="J8342" s="8">
        <v>1</v>
      </c>
      <c r="K8342" s="9">
        <v>30.57</v>
      </c>
      <c r="L8342" s="6" t="s">
        <v>51</v>
      </c>
    </row>
    <row r="8343" spans="1:12">
      <c r="A8343" s="6" t="s">
        <v>49</v>
      </c>
      <c r="B8343" s="6"/>
      <c r="C8343" s="6" t="s">
        <v>8367</v>
      </c>
      <c r="D8343" s="6"/>
      <c r="E8343" s="6" t="s">
        <v>9</v>
      </c>
      <c r="F8343" s="7">
        <v>39831</v>
      </c>
      <c r="G8343" s="8">
        <v>937048</v>
      </c>
      <c r="H8343" s="8">
        <v>937048</v>
      </c>
      <c r="I8343" s="8">
        <v>0</v>
      </c>
      <c r="J8343" s="8">
        <v>937048</v>
      </c>
      <c r="K8343" s="9">
        <v>80</v>
      </c>
      <c r="L8343" s="6" t="s">
        <v>51</v>
      </c>
    </row>
    <row r="8344" spans="1:12">
      <c r="A8344" s="6" t="s">
        <v>49</v>
      </c>
      <c r="B8344" s="6"/>
      <c r="C8344" s="6" t="s">
        <v>8368</v>
      </c>
      <c r="D8344" s="6"/>
      <c r="E8344" s="6" t="s">
        <v>9</v>
      </c>
      <c r="F8344" s="7">
        <v>38657</v>
      </c>
      <c r="G8344" s="8">
        <v>1</v>
      </c>
      <c r="H8344" s="8">
        <v>1</v>
      </c>
      <c r="I8344" s="8">
        <v>0</v>
      </c>
      <c r="J8344" s="8">
        <v>1</v>
      </c>
      <c r="K8344" s="9">
        <v>6.81</v>
      </c>
      <c r="L8344" s="6" t="s">
        <v>51</v>
      </c>
    </row>
    <row r="8345" spans="1:12">
      <c r="A8345" s="6" t="s">
        <v>49</v>
      </c>
      <c r="B8345" s="6"/>
      <c r="C8345" s="6" t="s">
        <v>8369</v>
      </c>
      <c r="D8345" s="6"/>
      <c r="E8345" s="6" t="s">
        <v>9</v>
      </c>
      <c r="F8345" s="7">
        <v>39831</v>
      </c>
      <c r="G8345" s="8">
        <v>936584</v>
      </c>
      <c r="H8345" s="8">
        <v>936584</v>
      </c>
      <c r="I8345" s="8">
        <v>0</v>
      </c>
      <c r="J8345" s="8">
        <v>936584</v>
      </c>
      <c r="K8345" s="9">
        <v>80</v>
      </c>
      <c r="L8345" s="6" t="s">
        <v>51</v>
      </c>
    </row>
    <row r="8346" spans="1:12">
      <c r="A8346" s="6" t="s">
        <v>49</v>
      </c>
      <c r="B8346" s="6"/>
      <c r="C8346" s="6" t="s">
        <v>8370</v>
      </c>
      <c r="D8346" s="6"/>
      <c r="E8346" s="6" t="s">
        <v>9</v>
      </c>
      <c r="F8346" s="7">
        <v>38657</v>
      </c>
      <c r="G8346" s="8">
        <v>1</v>
      </c>
      <c r="H8346" s="8">
        <v>1</v>
      </c>
      <c r="I8346" s="8">
        <v>0</v>
      </c>
      <c r="J8346" s="8">
        <v>1</v>
      </c>
      <c r="K8346" s="9">
        <v>4.09</v>
      </c>
      <c r="L8346" s="6" t="s">
        <v>51</v>
      </c>
    </row>
    <row r="8347" spans="1:12">
      <c r="A8347" s="6" t="s">
        <v>49</v>
      </c>
      <c r="B8347" s="6"/>
      <c r="C8347" s="6" t="s">
        <v>8371</v>
      </c>
      <c r="D8347" s="6"/>
      <c r="E8347" s="6" t="s">
        <v>9</v>
      </c>
      <c r="F8347" s="7">
        <v>39831</v>
      </c>
      <c r="G8347" s="8">
        <v>1041152</v>
      </c>
      <c r="H8347" s="8">
        <v>1041152</v>
      </c>
      <c r="I8347" s="8">
        <v>0</v>
      </c>
      <c r="J8347" s="8">
        <v>1041152</v>
      </c>
      <c r="K8347" s="9">
        <v>81</v>
      </c>
      <c r="L8347" s="6" t="s">
        <v>51</v>
      </c>
    </row>
    <row r="8348" spans="1:12">
      <c r="A8348" s="6" t="s">
        <v>49</v>
      </c>
      <c r="B8348" s="6"/>
      <c r="C8348" s="6" t="s">
        <v>8372</v>
      </c>
      <c r="D8348" s="6"/>
      <c r="E8348" s="6" t="s">
        <v>9</v>
      </c>
      <c r="F8348" s="7">
        <v>38657</v>
      </c>
      <c r="G8348" s="8">
        <v>1</v>
      </c>
      <c r="H8348" s="8">
        <v>1</v>
      </c>
      <c r="I8348" s="8">
        <v>0</v>
      </c>
      <c r="J8348" s="8">
        <v>1</v>
      </c>
      <c r="K8348" s="9">
        <v>2.72</v>
      </c>
      <c r="L8348" s="6" t="s">
        <v>51</v>
      </c>
    </row>
    <row r="8349" spans="1:12">
      <c r="A8349" s="6" t="s">
        <v>49</v>
      </c>
      <c r="B8349" s="6"/>
      <c r="C8349" s="6" t="s">
        <v>8373</v>
      </c>
      <c r="D8349" s="6"/>
      <c r="E8349" s="6" t="s">
        <v>9</v>
      </c>
      <c r="F8349" s="7">
        <v>39831</v>
      </c>
      <c r="G8349" s="8">
        <v>2153728</v>
      </c>
      <c r="H8349" s="8">
        <v>2153728</v>
      </c>
      <c r="I8349" s="8">
        <v>0</v>
      </c>
      <c r="J8349" s="8">
        <v>2153728</v>
      </c>
      <c r="K8349" s="9">
        <v>168</v>
      </c>
      <c r="L8349" s="6" t="s">
        <v>51</v>
      </c>
    </row>
    <row r="8350" spans="1:12">
      <c r="A8350" s="6" t="s">
        <v>49</v>
      </c>
      <c r="B8350" s="6"/>
      <c r="C8350" s="6" t="s">
        <v>8374</v>
      </c>
      <c r="D8350" s="6"/>
      <c r="E8350" s="6" t="s">
        <v>9</v>
      </c>
      <c r="F8350" s="7">
        <v>39831</v>
      </c>
      <c r="G8350" s="8">
        <v>2303616</v>
      </c>
      <c r="H8350" s="8">
        <v>2303616</v>
      </c>
      <c r="I8350" s="8">
        <v>0</v>
      </c>
      <c r="J8350" s="8">
        <v>2303616</v>
      </c>
      <c r="K8350" s="9">
        <v>179</v>
      </c>
      <c r="L8350" s="6" t="s">
        <v>51</v>
      </c>
    </row>
    <row r="8351" spans="1:12">
      <c r="A8351" s="6" t="s">
        <v>49</v>
      </c>
      <c r="B8351" s="6"/>
      <c r="C8351" s="6" t="s">
        <v>8375</v>
      </c>
      <c r="D8351" s="6"/>
      <c r="E8351" s="6" t="s">
        <v>9</v>
      </c>
      <c r="F8351" s="7">
        <v>39831</v>
      </c>
      <c r="G8351" s="8">
        <v>791120</v>
      </c>
      <c r="H8351" s="8">
        <v>791120</v>
      </c>
      <c r="I8351" s="8">
        <v>0</v>
      </c>
      <c r="J8351" s="8">
        <v>791120</v>
      </c>
      <c r="K8351" s="9">
        <v>68</v>
      </c>
      <c r="L8351" s="6" t="s">
        <v>51</v>
      </c>
    </row>
    <row r="8352" spans="1:12">
      <c r="A8352" s="6" t="s">
        <v>49</v>
      </c>
      <c r="B8352" s="6"/>
      <c r="C8352" s="6" t="s">
        <v>8376</v>
      </c>
      <c r="D8352" s="6"/>
      <c r="E8352" s="6" t="s">
        <v>9</v>
      </c>
      <c r="F8352" s="7">
        <v>39831</v>
      </c>
      <c r="G8352" s="8">
        <v>1397452</v>
      </c>
      <c r="H8352" s="8">
        <v>1397452</v>
      </c>
      <c r="I8352" s="8">
        <v>0</v>
      </c>
      <c r="J8352" s="8">
        <v>1397452</v>
      </c>
      <c r="K8352" s="9">
        <v>120</v>
      </c>
      <c r="L8352" s="6" t="s">
        <v>51</v>
      </c>
    </row>
    <row r="8353" spans="1:12">
      <c r="A8353" s="6" t="s">
        <v>49</v>
      </c>
      <c r="B8353" s="6"/>
      <c r="C8353" s="6" t="s">
        <v>8377</v>
      </c>
      <c r="D8353" s="6"/>
      <c r="E8353" s="6" t="s">
        <v>9</v>
      </c>
      <c r="F8353" s="7">
        <v>38657</v>
      </c>
      <c r="G8353" s="8">
        <v>1</v>
      </c>
      <c r="H8353" s="8">
        <v>1</v>
      </c>
      <c r="I8353" s="8">
        <v>0</v>
      </c>
      <c r="J8353" s="8">
        <v>1</v>
      </c>
      <c r="K8353" s="9">
        <v>178</v>
      </c>
      <c r="L8353" s="6" t="s">
        <v>51</v>
      </c>
    </row>
    <row r="8354" spans="1:12">
      <c r="A8354" s="6" t="s">
        <v>49</v>
      </c>
      <c r="B8354" s="6"/>
      <c r="C8354" s="6" t="s">
        <v>8378</v>
      </c>
      <c r="D8354" s="6"/>
      <c r="E8354" s="6" t="s">
        <v>9</v>
      </c>
      <c r="F8354" s="7">
        <v>39831</v>
      </c>
      <c r="G8354" s="8">
        <v>1044812</v>
      </c>
      <c r="H8354" s="8">
        <v>1044812</v>
      </c>
      <c r="I8354" s="8">
        <v>0</v>
      </c>
      <c r="J8354" s="8">
        <v>1044812</v>
      </c>
      <c r="K8354" s="9">
        <v>90</v>
      </c>
      <c r="L8354" s="6" t="s">
        <v>51</v>
      </c>
    </row>
    <row r="8355" spans="1:12">
      <c r="A8355" s="6" t="s">
        <v>49</v>
      </c>
      <c r="B8355" s="6"/>
      <c r="C8355" s="6" t="s">
        <v>8379</v>
      </c>
      <c r="D8355" s="6"/>
      <c r="E8355" s="6" t="s">
        <v>9</v>
      </c>
      <c r="F8355" s="7">
        <v>39831</v>
      </c>
      <c r="G8355" s="8">
        <v>1022888</v>
      </c>
      <c r="H8355" s="8">
        <v>1022888</v>
      </c>
      <c r="I8355" s="8">
        <v>0</v>
      </c>
      <c r="J8355" s="8">
        <v>1022888</v>
      </c>
      <c r="K8355" s="9">
        <v>88</v>
      </c>
      <c r="L8355" s="6" t="s">
        <v>51</v>
      </c>
    </row>
    <row r="8356" spans="1:12">
      <c r="A8356" s="6" t="s">
        <v>49</v>
      </c>
      <c r="B8356" s="6"/>
      <c r="C8356" s="6" t="s">
        <v>8380</v>
      </c>
      <c r="D8356" s="6"/>
      <c r="E8356" s="6" t="s">
        <v>9</v>
      </c>
      <c r="F8356" s="7">
        <v>39857</v>
      </c>
      <c r="G8356" s="8">
        <v>747156</v>
      </c>
      <c r="H8356" s="8">
        <v>747156</v>
      </c>
      <c r="I8356" s="8">
        <v>0</v>
      </c>
      <c r="J8356" s="8">
        <v>747156</v>
      </c>
      <c r="K8356" s="9">
        <v>64</v>
      </c>
      <c r="L8356" s="6" t="s">
        <v>51</v>
      </c>
    </row>
    <row r="8357" spans="1:12">
      <c r="A8357" s="6" t="s">
        <v>49</v>
      </c>
      <c r="B8357" s="6"/>
      <c r="C8357" s="6" t="s">
        <v>8381</v>
      </c>
      <c r="D8357" s="6"/>
      <c r="E8357" s="6" t="s">
        <v>9</v>
      </c>
      <c r="F8357" s="7">
        <v>39831</v>
      </c>
      <c r="G8357" s="8">
        <v>743560</v>
      </c>
      <c r="H8357" s="8">
        <v>743560</v>
      </c>
      <c r="I8357" s="8">
        <v>0</v>
      </c>
      <c r="J8357" s="8">
        <v>743560</v>
      </c>
      <c r="K8357" s="9">
        <v>64</v>
      </c>
      <c r="L8357" s="6" t="s">
        <v>51</v>
      </c>
    </row>
    <row r="8358" spans="1:12">
      <c r="A8358" s="6" t="s">
        <v>49</v>
      </c>
      <c r="B8358" s="6"/>
      <c r="C8358" s="6" t="s">
        <v>8382</v>
      </c>
      <c r="D8358" s="6"/>
      <c r="E8358" s="6" t="s">
        <v>9</v>
      </c>
      <c r="F8358" s="7">
        <v>39850</v>
      </c>
      <c r="G8358" s="8">
        <v>553320</v>
      </c>
      <c r="H8358" s="8">
        <v>553320</v>
      </c>
      <c r="I8358" s="8">
        <v>0</v>
      </c>
      <c r="J8358" s="8">
        <v>553320</v>
      </c>
      <c r="K8358" s="9">
        <v>47</v>
      </c>
      <c r="L8358" s="6" t="s">
        <v>51</v>
      </c>
    </row>
    <row r="8359" spans="1:12">
      <c r="A8359" s="6" t="s">
        <v>49</v>
      </c>
      <c r="B8359" s="6"/>
      <c r="C8359" s="6" t="s">
        <v>8383</v>
      </c>
      <c r="D8359" s="6"/>
      <c r="E8359" s="6" t="s">
        <v>9</v>
      </c>
      <c r="F8359" s="7">
        <v>39831</v>
      </c>
      <c r="G8359" s="8">
        <v>1002240</v>
      </c>
      <c r="H8359" s="8">
        <v>1002240</v>
      </c>
      <c r="I8359" s="8">
        <v>0</v>
      </c>
      <c r="J8359" s="8">
        <v>1002240</v>
      </c>
      <c r="K8359" s="9">
        <v>86</v>
      </c>
      <c r="L8359" s="6" t="s">
        <v>51</v>
      </c>
    </row>
    <row r="8360" spans="1:12">
      <c r="A8360" s="6" t="s">
        <v>49</v>
      </c>
      <c r="B8360" s="6"/>
      <c r="C8360" s="6" t="s">
        <v>8384</v>
      </c>
      <c r="D8360" s="6"/>
      <c r="E8360" s="6" t="s">
        <v>9</v>
      </c>
      <c r="F8360" s="7">
        <v>39831</v>
      </c>
      <c r="G8360" s="8">
        <v>1</v>
      </c>
      <c r="H8360" s="8">
        <v>1</v>
      </c>
      <c r="I8360" s="8">
        <v>0</v>
      </c>
      <c r="J8360" s="8">
        <v>1</v>
      </c>
      <c r="K8360" s="9">
        <v>84</v>
      </c>
      <c r="L8360" s="6" t="s">
        <v>51</v>
      </c>
    </row>
    <row r="8361" spans="1:12">
      <c r="A8361" s="6" t="s">
        <v>49</v>
      </c>
      <c r="B8361" s="6"/>
      <c r="C8361" s="6" t="s">
        <v>8385</v>
      </c>
      <c r="D8361" s="6"/>
      <c r="E8361" s="6" t="s">
        <v>9</v>
      </c>
      <c r="F8361" s="7">
        <v>39831</v>
      </c>
      <c r="G8361" s="8">
        <v>167504</v>
      </c>
      <c r="H8361" s="8">
        <v>167504</v>
      </c>
      <c r="I8361" s="8">
        <v>0</v>
      </c>
      <c r="J8361" s="8">
        <v>167504</v>
      </c>
      <c r="K8361" s="9">
        <v>14</v>
      </c>
      <c r="L8361" s="6" t="s">
        <v>51</v>
      </c>
    </row>
    <row r="8362" spans="1:12">
      <c r="A8362" s="6" t="s">
        <v>49</v>
      </c>
      <c r="B8362" s="6"/>
      <c r="C8362" s="6" t="s">
        <v>8386</v>
      </c>
      <c r="D8362" s="6"/>
      <c r="E8362" s="6" t="s">
        <v>9</v>
      </c>
      <c r="F8362" s="7">
        <v>39831</v>
      </c>
      <c r="G8362" s="8">
        <v>152540</v>
      </c>
      <c r="H8362" s="8">
        <v>152540</v>
      </c>
      <c r="I8362" s="8">
        <v>0</v>
      </c>
      <c r="J8362" s="8">
        <v>152540</v>
      </c>
      <c r="K8362" s="9">
        <v>13</v>
      </c>
      <c r="L8362" s="6" t="s">
        <v>51</v>
      </c>
    </row>
    <row r="8363" spans="1:12">
      <c r="A8363" s="6" t="s">
        <v>49</v>
      </c>
      <c r="B8363" s="6"/>
      <c r="C8363" s="6" t="s">
        <v>8387</v>
      </c>
      <c r="D8363" s="6"/>
      <c r="E8363" s="6" t="s">
        <v>9</v>
      </c>
      <c r="F8363" s="7">
        <v>39831</v>
      </c>
      <c r="G8363" s="8">
        <v>156600</v>
      </c>
      <c r="H8363" s="8">
        <v>156600</v>
      </c>
      <c r="I8363" s="8">
        <v>0</v>
      </c>
      <c r="J8363" s="8">
        <v>156600</v>
      </c>
      <c r="K8363" s="9">
        <v>13</v>
      </c>
      <c r="L8363" s="6" t="s">
        <v>51</v>
      </c>
    </row>
    <row r="8364" spans="1:12">
      <c r="A8364" s="6" t="s">
        <v>49</v>
      </c>
      <c r="B8364" s="6"/>
      <c r="C8364" s="6" t="s">
        <v>8388</v>
      </c>
      <c r="D8364" s="6"/>
      <c r="E8364" s="6" t="s">
        <v>9</v>
      </c>
      <c r="F8364" s="7">
        <v>38657</v>
      </c>
      <c r="G8364" s="8">
        <v>1</v>
      </c>
      <c r="H8364" s="8">
        <v>1</v>
      </c>
      <c r="I8364" s="8">
        <v>0</v>
      </c>
      <c r="J8364" s="8">
        <v>1</v>
      </c>
      <c r="K8364" s="9">
        <v>92.39</v>
      </c>
      <c r="L8364" s="6" t="s">
        <v>51</v>
      </c>
    </row>
    <row r="8365" spans="1:12">
      <c r="A8365" s="6" t="s">
        <v>49</v>
      </c>
      <c r="B8365" s="6"/>
      <c r="C8365" s="6" t="s">
        <v>8389</v>
      </c>
      <c r="D8365" s="6"/>
      <c r="E8365" s="6" t="s">
        <v>9</v>
      </c>
      <c r="F8365" s="7">
        <v>39831</v>
      </c>
      <c r="G8365" s="8">
        <v>685676</v>
      </c>
      <c r="H8365" s="8">
        <v>685676</v>
      </c>
      <c r="I8365" s="8">
        <v>0</v>
      </c>
      <c r="J8365" s="8">
        <v>685676</v>
      </c>
      <c r="K8365" s="9">
        <v>59</v>
      </c>
      <c r="L8365" s="6" t="s">
        <v>51</v>
      </c>
    </row>
    <row r="8366" spans="1:12">
      <c r="A8366" s="6" t="s">
        <v>49</v>
      </c>
      <c r="B8366" s="6"/>
      <c r="C8366" s="6" t="s">
        <v>8390</v>
      </c>
      <c r="D8366" s="6"/>
      <c r="E8366" s="6" t="s">
        <v>9</v>
      </c>
      <c r="F8366" s="7">
        <v>39831</v>
      </c>
      <c r="G8366" s="8">
        <v>711428</v>
      </c>
      <c r="H8366" s="8">
        <v>711428</v>
      </c>
      <c r="I8366" s="8">
        <v>0</v>
      </c>
      <c r="J8366" s="8">
        <v>711428</v>
      </c>
      <c r="K8366" s="9">
        <v>61</v>
      </c>
      <c r="L8366" s="6" t="s">
        <v>51</v>
      </c>
    </row>
    <row r="8367" spans="1:12">
      <c r="A8367" s="6" t="s">
        <v>49</v>
      </c>
      <c r="B8367" s="6"/>
      <c r="C8367" s="6" t="s">
        <v>8391</v>
      </c>
      <c r="D8367" s="6"/>
      <c r="E8367" s="6" t="s">
        <v>9</v>
      </c>
      <c r="F8367" s="7">
        <v>39831</v>
      </c>
      <c r="G8367" s="8">
        <v>722100</v>
      </c>
      <c r="H8367" s="8">
        <v>722100</v>
      </c>
      <c r="I8367" s="8">
        <v>0</v>
      </c>
      <c r="J8367" s="8">
        <v>722100</v>
      </c>
      <c r="K8367" s="9">
        <v>62</v>
      </c>
      <c r="L8367" s="6" t="s">
        <v>51</v>
      </c>
    </row>
    <row r="8368" spans="1:12">
      <c r="A8368" s="6" t="s">
        <v>49</v>
      </c>
      <c r="B8368" s="6"/>
      <c r="C8368" s="6" t="s">
        <v>8392</v>
      </c>
      <c r="D8368" s="6"/>
      <c r="E8368" s="6" t="s">
        <v>9</v>
      </c>
      <c r="F8368" s="7">
        <v>39831</v>
      </c>
      <c r="G8368" s="8">
        <v>181656</v>
      </c>
      <c r="H8368" s="8">
        <v>181656</v>
      </c>
      <c r="I8368" s="8">
        <v>0</v>
      </c>
      <c r="J8368" s="8">
        <v>181656</v>
      </c>
      <c r="K8368" s="9">
        <v>15</v>
      </c>
      <c r="L8368" s="6" t="s">
        <v>51</v>
      </c>
    </row>
    <row r="8369" spans="1:12">
      <c r="A8369" s="6" t="s">
        <v>49</v>
      </c>
      <c r="B8369" s="6"/>
      <c r="C8369" s="6" t="s">
        <v>8393</v>
      </c>
      <c r="D8369" s="6"/>
      <c r="E8369" s="6" t="s">
        <v>9</v>
      </c>
      <c r="F8369" s="7">
        <v>39831</v>
      </c>
      <c r="G8369" s="8">
        <v>882644</v>
      </c>
      <c r="H8369" s="8">
        <v>882644</v>
      </c>
      <c r="I8369" s="8">
        <v>0</v>
      </c>
      <c r="J8369" s="8">
        <v>882644</v>
      </c>
      <c r="K8369" s="9">
        <v>76</v>
      </c>
      <c r="L8369" s="6" t="s">
        <v>51</v>
      </c>
    </row>
    <row r="8370" spans="1:12">
      <c r="A8370" s="6" t="s">
        <v>49</v>
      </c>
      <c r="B8370" s="6"/>
      <c r="C8370" s="6" t="s">
        <v>8394</v>
      </c>
      <c r="D8370" s="6"/>
      <c r="E8370" s="6" t="s">
        <v>9</v>
      </c>
      <c r="F8370" s="7">
        <v>39831</v>
      </c>
      <c r="G8370" s="8">
        <v>865824</v>
      </c>
      <c r="H8370" s="8">
        <v>865824</v>
      </c>
      <c r="I8370" s="8">
        <v>0</v>
      </c>
      <c r="J8370" s="8">
        <v>865824</v>
      </c>
      <c r="K8370" s="9">
        <v>74</v>
      </c>
      <c r="L8370" s="6" t="s">
        <v>51</v>
      </c>
    </row>
    <row r="8371" spans="1:12">
      <c r="A8371" s="6" t="s">
        <v>49</v>
      </c>
      <c r="B8371" s="6"/>
      <c r="C8371" s="6" t="s">
        <v>8395</v>
      </c>
      <c r="D8371" s="6"/>
      <c r="E8371" s="6" t="s">
        <v>9</v>
      </c>
      <c r="F8371" s="7">
        <v>39831</v>
      </c>
      <c r="G8371" s="8">
        <v>853922</v>
      </c>
      <c r="H8371" s="8">
        <v>853922</v>
      </c>
      <c r="I8371" s="8">
        <v>0</v>
      </c>
      <c r="J8371" s="8">
        <v>853922</v>
      </c>
      <c r="K8371" s="9">
        <v>73</v>
      </c>
      <c r="L8371" s="6" t="s">
        <v>51</v>
      </c>
    </row>
    <row r="8372" spans="1:12">
      <c r="A8372" s="6" t="s">
        <v>49</v>
      </c>
      <c r="B8372" s="6"/>
      <c r="C8372" s="6" t="s">
        <v>8396</v>
      </c>
      <c r="D8372" s="6"/>
      <c r="E8372" s="6" t="s">
        <v>9</v>
      </c>
      <c r="F8372" s="7">
        <v>39831</v>
      </c>
      <c r="G8372" s="8">
        <v>846220</v>
      </c>
      <c r="H8372" s="8">
        <v>846220</v>
      </c>
      <c r="I8372" s="8">
        <v>0</v>
      </c>
      <c r="J8372" s="8">
        <v>846220</v>
      </c>
      <c r="K8372" s="9">
        <v>72</v>
      </c>
      <c r="L8372" s="6" t="s">
        <v>51</v>
      </c>
    </row>
    <row r="8373" spans="1:12">
      <c r="A8373" s="6" t="s">
        <v>49</v>
      </c>
      <c r="B8373" s="6"/>
      <c r="C8373" s="6" t="s">
        <v>8397</v>
      </c>
      <c r="D8373" s="6"/>
      <c r="E8373" s="6" t="s">
        <v>9</v>
      </c>
      <c r="F8373" s="7">
        <v>39831</v>
      </c>
      <c r="G8373" s="8">
        <v>629068</v>
      </c>
      <c r="H8373" s="8">
        <v>629068</v>
      </c>
      <c r="I8373" s="8">
        <v>0</v>
      </c>
      <c r="J8373" s="8">
        <v>629068</v>
      </c>
      <c r="K8373" s="9">
        <v>54</v>
      </c>
      <c r="L8373" s="6" t="s">
        <v>51</v>
      </c>
    </row>
    <row r="8374" spans="1:12">
      <c r="A8374" s="6" t="s">
        <v>49</v>
      </c>
      <c r="B8374" s="6"/>
      <c r="C8374" s="6" t="s">
        <v>8398</v>
      </c>
      <c r="D8374" s="6"/>
      <c r="E8374" s="6" t="s">
        <v>9</v>
      </c>
      <c r="F8374" s="7">
        <v>39831</v>
      </c>
      <c r="G8374" s="8">
        <v>212628</v>
      </c>
      <c r="H8374" s="8">
        <v>212628</v>
      </c>
      <c r="I8374" s="8">
        <v>0</v>
      </c>
      <c r="J8374" s="8">
        <v>212628</v>
      </c>
      <c r="K8374" s="9">
        <v>18</v>
      </c>
      <c r="L8374" s="6" t="s">
        <v>51</v>
      </c>
    </row>
    <row r="8375" spans="1:12">
      <c r="A8375" s="6" t="s">
        <v>49</v>
      </c>
      <c r="B8375" s="6"/>
      <c r="C8375" s="6" t="s">
        <v>8399</v>
      </c>
      <c r="D8375" s="6"/>
      <c r="E8375" s="6" t="s">
        <v>9</v>
      </c>
      <c r="F8375" s="7">
        <v>38657</v>
      </c>
      <c r="G8375" s="8">
        <v>1</v>
      </c>
      <c r="H8375" s="8">
        <v>1</v>
      </c>
      <c r="I8375" s="8">
        <v>0</v>
      </c>
      <c r="J8375" s="8">
        <v>1</v>
      </c>
      <c r="K8375" s="9">
        <v>66</v>
      </c>
      <c r="L8375" s="6" t="s">
        <v>51</v>
      </c>
    </row>
    <row r="8376" spans="1:12">
      <c r="A8376" s="6" t="s">
        <v>49</v>
      </c>
      <c r="B8376" s="6"/>
      <c r="C8376" s="6" t="s">
        <v>8400</v>
      </c>
      <c r="D8376" s="6"/>
      <c r="E8376" s="6" t="s">
        <v>9</v>
      </c>
      <c r="F8376" s="7">
        <v>39831</v>
      </c>
      <c r="G8376" s="8">
        <v>840768</v>
      </c>
      <c r="H8376" s="8">
        <v>840768</v>
      </c>
      <c r="I8376" s="8">
        <v>0</v>
      </c>
      <c r="J8376" s="8">
        <v>840768</v>
      </c>
      <c r="K8376" s="9">
        <v>72</v>
      </c>
      <c r="L8376" s="6" t="s">
        <v>51</v>
      </c>
    </row>
    <row r="8377" spans="1:12">
      <c r="A8377" s="6" t="s">
        <v>49</v>
      </c>
      <c r="B8377" s="6"/>
      <c r="C8377" s="6" t="s">
        <v>8401</v>
      </c>
      <c r="D8377" s="6"/>
      <c r="E8377" s="6" t="s">
        <v>9</v>
      </c>
      <c r="F8377" s="7">
        <v>38657</v>
      </c>
      <c r="G8377" s="8">
        <v>1</v>
      </c>
      <c r="H8377" s="8">
        <v>1</v>
      </c>
      <c r="I8377" s="8">
        <v>0</v>
      </c>
      <c r="J8377" s="8">
        <v>1</v>
      </c>
      <c r="K8377" s="9">
        <v>895</v>
      </c>
      <c r="L8377" s="6" t="s">
        <v>51</v>
      </c>
    </row>
    <row r="8378" spans="1:12">
      <c r="A8378" s="6" t="s">
        <v>49</v>
      </c>
      <c r="B8378" s="6"/>
      <c r="C8378" s="6" t="s">
        <v>8402</v>
      </c>
      <c r="D8378" s="6"/>
      <c r="E8378" s="6" t="s">
        <v>9</v>
      </c>
      <c r="F8378" s="7">
        <v>38657</v>
      </c>
      <c r="G8378" s="8">
        <v>1</v>
      </c>
      <c r="H8378" s="8">
        <v>1</v>
      </c>
      <c r="I8378" s="8">
        <v>0</v>
      </c>
      <c r="J8378" s="8">
        <v>1</v>
      </c>
      <c r="K8378" s="9">
        <v>459</v>
      </c>
      <c r="L8378" s="6" t="s">
        <v>51</v>
      </c>
    </row>
    <row r="8379" spans="1:12">
      <c r="A8379" s="6" t="s">
        <v>49</v>
      </c>
      <c r="B8379" s="6"/>
      <c r="C8379" s="6" t="s">
        <v>8403</v>
      </c>
      <c r="D8379" s="6"/>
      <c r="E8379" s="6" t="s">
        <v>9</v>
      </c>
      <c r="F8379" s="7">
        <v>38657</v>
      </c>
      <c r="G8379" s="8">
        <v>1</v>
      </c>
      <c r="H8379" s="8">
        <v>1</v>
      </c>
      <c r="I8379" s="8">
        <v>0</v>
      </c>
      <c r="J8379" s="8">
        <v>1</v>
      </c>
      <c r="K8379" s="9">
        <v>373</v>
      </c>
      <c r="L8379" s="6" t="s">
        <v>51</v>
      </c>
    </row>
    <row r="8380" spans="1:12">
      <c r="A8380" s="6" t="s">
        <v>49</v>
      </c>
      <c r="B8380" s="6"/>
      <c r="C8380" s="6" t="s">
        <v>8404</v>
      </c>
      <c r="D8380" s="6"/>
      <c r="E8380" s="6" t="s">
        <v>9</v>
      </c>
      <c r="F8380" s="7">
        <v>38657</v>
      </c>
      <c r="G8380" s="8">
        <v>1</v>
      </c>
      <c r="H8380" s="8">
        <v>1</v>
      </c>
      <c r="I8380" s="8">
        <v>0</v>
      </c>
      <c r="J8380" s="8">
        <v>1</v>
      </c>
      <c r="K8380" s="9">
        <v>6.25</v>
      </c>
      <c r="L8380" s="6" t="s">
        <v>51</v>
      </c>
    </row>
    <row r="8381" spans="1:12">
      <c r="A8381" s="6" t="s">
        <v>49</v>
      </c>
      <c r="B8381" s="6"/>
      <c r="C8381" s="6" t="s">
        <v>8405</v>
      </c>
      <c r="D8381" s="6"/>
      <c r="E8381" s="6" t="s">
        <v>9</v>
      </c>
      <c r="F8381" s="7">
        <v>38657</v>
      </c>
      <c r="G8381" s="8">
        <v>1</v>
      </c>
      <c r="H8381" s="8">
        <v>1</v>
      </c>
      <c r="I8381" s="8">
        <v>0</v>
      </c>
      <c r="J8381" s="8">
        <v>1</v>
      </c>
      <c r="K8381" s="9">
        <v>254</v>
      </c>
      <c r="L8381" s="6" t="s">
        <v>51</v>
      </c>
    </row>
    <row r="8382" spans="1:12">
      <c r="A8382" s="6" t="s">
        <v>49</v>
      </c>
      <c r="B8382" s="6"/>
      <c r="C8382" s="6" t="s">
        <v>8406</v>
      </c>
      <c r="D8382" s="6"/>
      <c r="E8382" s="6" t="s">
        <v>9</v>
      </c>
      <c r="F8382" s="7">
        <v>38657</v>
      </c>
      <c r="G8382" s="8">
        <v>1</v>
      </c>
      <c r="H8382" s="8">
        <v>1</v>
      </c>
      <c r="I8382" s="8">
        <v>0</v>
      </c>
      <c r="J8382" s="8">
        <v>1</v>
      </c>
      <c r="K8382" s="9">
        <v>0.73</v>
      </c>
      <c r="L8382" s="6" t="s">
        <v>51</v>
      </c>
    </row>
    <row r="8383" spans="1:12">
      <c r="A8383" s="6" t="s">
        <v>49</v>
      </c>
      <c r="B8383" s="6"/>
      <c r="C8383" s="6" t="s">
        <v>8407</v>
      </c>
      <c r="D8383" s="6"/>
      <c r="E8383" s="6" t="s">
        <v>9</v>
      </c>
      <c r="F8383" s="7">
        <v>38657</v>
      </c>
      <c r="G8383" s="8">
        <v>1</v>
      </c>
      <c r="H8383" s="8">
        <v>1</v>
      </c>
      <c r="I8383" s="8">
        <v>0</v>
      </c>
      <c r="J8383" s="8">
        <v>1</v>
      </c>
      <c r="K8383" s="9">
        <v>1.24</v>
      </c>
      <c r="L8383" s="6" t="s">
        <v>51</v>
      </c>
    </row>
    <row r="8384" spans="1:12">
      <c r="A8384" s="6" t="s">
        <v>49</v>
      </c>
      <c r="B8384" s="6"/>
      <c r="C8384" s="6" t="s">
        <v>8408</v>
      </c>
      <c r="D8384" s="6"/>
      <c r="E8384" s="6" t="s">
        <v>9</v>
      </c>
      <c r="F8384" s="7">
        <v>38657</v>
      </c>
      <c r="G8384" s="8">
        <v>1</v>
      </c>
      <c r="H8384" s="8">
        <v>1</v>
      </c>
      <c r="I8384" s="8">
        <v>0</v>
      </c>
      <c r="J8384" s="8">
        <v>1</v>
      </c>
      <c r="K8384" s="9">
        <v>806</v>
      </c>
      <c r="L8384" s="6" t="s">
        <v>51</v>
      </c>
    </row>
    <row r="8385" spans="1:12">
      <c r="A8385" s="6" t="s">
        <v>49</v>
      </c>
      <c r="B8385" s="6"/>
      <c r="C8385" s="6" t="s">
        <v>8409</v>
      </c>
      <c r="D8385" s="6"/>
      <c r="E8385" s="6" t="s">
        <v>9</v>
      </c>
      <c r="F8385" s="7">
        <v>38657</v>
      </c>
      <c r="G8385" s="8">
        <v>1</v>
      </c>
      <c r="H8385" s="8">
        <v>1</v>
      </c>
      <c r="I8385" s="8">
        <v>0</v>
      </c>
      <c r="J8385" s="8">
        <v>1</v>
      </c>
      <c r="K8385" s="9">
        <v>2</v>
      </c>
      <c r="L8385" s="6" t="s">
        <v>51</v>
      </c>
    </row>
    <row r="8386" spans="1:12">
      <c r="A8386" s="6" t="s">
        <v>49</v>
      </c>
      <c r="B8386" s="6"/>
      <c r="C8386" s="6" t="s">
        <v>8410</v>
      </c>
      <c r="D8386" s="6"/>
      <c r="E8386" s="6" t="s">
        <v>9</v>
      </c>
      <c r="F8386" s="7">
        <v>38657</v>
      </c>
      <c r="G8386" s="8">
        <v>1</v>
      </c>
      <c r="H8386" s="8">
        <v>1</v>
      </c>
      <c r="I8386" s="8">
        <v>0</v>
      </c>
      <c r="J8386" s="8">
        <v>1</v>
      </c>
      <c r="K8386" s="9">
        <v>209</v>
      </c>
      <c r="L8386" s="6" t="s">
        <v>51</v>
      </c>
    </row>
    <row r="8387" spans="1:12">
      <c r="A8387" s="6" t="s">
        <v>49</v>
      </c>
      <c r="B8387" s="6"/>
      <c r="C8387" s="6" t="s">
        <v>8411</v>
      </c>
      <c r="D8387" s="6"/>
      <c r="E8387" s="6" t="s">
        <v>9</v>
      </c>
      <c r="F8387" s="7">
        <v>38657</v>
      </c>
      <c r="G8387" s="8">
        <v>1</v>
      </c>
      <c r="H8387" s="8">
        <v>1</v>
      </c>
      <c r="I8387" s="8">
        <v>0</v>
      </c>
      <c r="J8387" s="8">
        <v>1</v>
      </c>
      <c r="K8387" s="9">
        <v>33</v>
      </c>
      <c r="L8387" s="6" t="s">
        <v>51</v>
      </c>
    </row>
    <row r="8388" spans="1:12">
      <c r="A8388" s="6" t="s">
        <v>49</v>
      </c>
      <c r="B8388" s="6"/>
      <c r="C8388" s="6" t="s">
        <v>8412</v>
      </c>
      <c r="D8388" s="6"/>
      <c r="E8388" s="6" t="s">
        <v>9</v>
      </c>
      <c r="F8388" s="7">
        <v>38657</v>
      </c>
      <c r="G8388" s="8">
        <v>1</v>
      </c>
      <c r="H8388" s="8">
        <v>1</v>
      </c>
      <c r="I8388" s="8">
        <v>0</v>
      </c>
      <c r="J8388" s="8">
        <v>1</v>
      </c>
      <c r="K8388" s="9">
        <v>114</v>
      </c>
      <c r="L8388" s="6" t="s">
        <v>51</v>
      </c>
    </row>
    <row r="8389" spans="1:12">
      <c r="A8389" s="6" t="s">
        <v>49</v>
      </c>
      <c r="B8389" s="6"/>
      <c r="C8389" s="6" t="s">
        <v>8413</v>
      </c>
      <c r="D8389" s="6"/>
      <c r="E8389" s="6" t="s">
        <v>9</v>
      </c>
      <c r="F8389" s="7">
        <v>38657</v>
      </c>
      <c r="G8389" s="8">
        <v>1</v>
      </c>
      <c r="H8389" s="8">
        <v>1</v>
      </c>
      <c r="I8389" s="8">
        <v>0</v>
      </c>
      <c r="J8389" s="8">
        <v>1</v>
      </c>
      <c r="K8389" s="9">
        <v>114</v>
      </c>
      <c r="L8389" s="6" t="s">
        <v>51</v>
      </c>
    </row>
    <row r="8390" spans="1:12">
      <c r="A8390" s="6" t="s">
        <v>49</v>
      </c>
      <c r="B8390" s="6"/>
      <c r="C8390" s="6" t="s">
        <v>8414</v>
      </c>
      <c r="D8390" s="6"/>
      <c r="E8390" s="6" t="s">
        <v>9</v>
      </c>
      <c r="F8390" s="7">
        <v>41730</v>
      </c>
      <c r="G8390" s="8">
        <v>1</v>
      </c>
      <c r="H8390" s="8">
        <v>1</v>
      </c>
      <c r="I8390" s="8">
        <v>0</v>
      </c>
      <c r="J8390" s="8">
        <v>1</v>
      </c>
      <c r="K8390" s="9">
        <v>74</v>
      </c>
      <c r="L8390" s="6" t="s">
        <v>51</v>
      </c>
    </row>
    <row r="8391" spans="1:12">
      <c r="A8391" s="6" t="s">
        <v>49</v>
      </c>
      <c r="B8391" s="6"/>
      <c r="C8391" s="6" t="s">
        <v>8415</v>
      </c>
      <c r="D8391" s="6"/>
      <c r="E8391" s="6" t="s">
        <v>9</v>
      </c>
      <c r="F8391" s="7">
        <v>39831</v>
      </c>
      <c r="G8391" s="8">
        <v>707832</v>
      </c>
      <c r="H8391" s="8">
        <v>707832</v>
      </c>
      <c r="I8391" s="8">
        <v>0</v>
      </c>
      <c r="J8391" s="8">
        <v>707832</v>
      </c>
      <c r="K8391" s="9">
        <v>61</v>
      </c>
      <c r="L8391" s="6" t="s">
        <v>51</v>
      </c>
    </row>
    <row r="8392" spans="1:12">
      <c r="A8392" s="6" t="s">
        <v>49</v>
      </c>
      <c r="B8392" s="6"/>
      <c r="C8392" s="6" t="s">
        <v>8416</v>
      </c>
      <c r="D8392" s="6"/>
      <c r="E8392" s="6" t="s">
        <v>9</v>
      </c>
      <c r="F8392" s="7">
        <v>39831</v>
      </c>
      <c r="G8392" s="8">
        <v>1204892</v>
      </c>
      <c r="H8392" s="8">
        <v>1204892</v>
      </c>
      <c r="I8392" s="8">
        <v>0</v>
      </c>
      <c r="J8392" s="8">
        <v>1204892</v>
      </c>
      <c r="K8392" s="9">
        <v>103</v>
      </c>
      <c r="L8392" s="6" t="s">
        <v>51</v>
      </c>
    </row>
    <row r="8393" spans="1:12">
      <c r="A8393" s="6" t="s">
        <v>49</v>
      </c>
      <c r="B8393" s="6"/>
      <c r="C8393" s="6" t="s">
        <v>8417</v>
      </c>
      <c r="D8393" s="6"/>
      <c r="E8393" s="6" t="s">
        <v>9</v>
      </c>
      <c r="F8393" s="7">
        <v>39831</v>
      </c>
      <c r="G8393" s="8">
        <v>1192944</v>
      </c>
      <c r="H8393" s="8">
        <v>1192944</v>
      </c>
      <c r="I8393" s="8">
        <v>0</v>
      </c>
      <c r="J8393" s="8">
        <v>1192944</v>
      </c>
      <c r="K8393" s="9">
        <v>102</v>
      </c>
      <c r="L8393" s="6" t="s">
        <v>51</v>
      </c>
    </row>
    <row r="8394" spans="1:12">
      <c r="A8394" s="6" t="s">
        <v>49</v>
      </c>
      <c r="B8394" s="6"/>
      <c r="C8394" s="6" t="s">
        <v>8418</v>
      </c>
      <c r="D8394" s="6"/>
      <c r="E8394" s="6" t="s">
        <v>9</v>
      </c>
      <c r="F8394" s="7">
        <v>39831</v>
      </c>
      <c r="G8394" s="8">
        <v>766992</v>
      </c>
      <c r="H8394" s="8">
        <v>766992</v>
      </c>
      <c r="I8394" s="8">
        <v>0</v>
      </c>
      <c r="J8394" s="8">
        <v>766992</v>
      </c>
      <c r="K8394" s="9">
        <v>66</v>
      </c>
      <c r="L8394" s="6" t="s">
        <v>51</v>
      </c>
    </row>
    <row r="8395" spans="1:12">
      <c r="A8395" s="6" t="s">
        <v>49</v>
      </c>
      <c r="B8395" s="6"/>
      <c r="C8395" s="6" t="s">
        <v>8419</v>
      </c>
      <c r="D8395" s="6"/>
      <c r="E8395" s="6" t="s">
        <v>9</v>
      </c>
      <c r="F8395" s="7">
        <v>39831</v>
      </c>
      <c r="G8395" s="8">
        <v>771864</v>
      </c>
      <c r="H8395" s="8">
        <v>771864</v>
      </c>
      <c r="I8395" s="8">
        <v>0</v>
      </c>
      <c r="J8395" s="8">
        <v>771864</v>
      </c>
      <c r="K8395" s="9">
        <v>66</v>
      </c>
      <c r="L8395" s="6" t="s">
        <v>51</v>
      </c>
    </row>
    <row r="8396" spans="1:12">
      <c r="A8396" s="6" t="s">
        <v>49</v>
      </c>
      <c r="B8396" s="6"/>
      <c r="C8396" s="6" t="s">
        <v>8420</v>
      </c>
      <c r="D8396" s="6"/>
      <c r="E8396" s="6" t="s">
        <v>9</v>
      </c>
      <c r="F8396" s="7">
        <v>39891</v>
      </c>
      <c r="G8396" s="8">
        <v>786944</v>
      </c>
      <c r="H8396" s="8">
        <v>786944</v>
      </c>
      <c r="I8396" s="8">
        <v>0</v>
      </c>
      <c r="J8396" s="8">
        <v>786944</v>
      </c>
      <c r="K8396" s="9">
        <v>67</v>
      </c>
      <c r="L8396" s="6" t="s">
        <v>51</v>
      </c>
    </row>
    <row r="8397" spans="1:12">
      <c r="A8397" s="6" t="s">
        <v>49</v>
      </c>
      <c r="B8397" s="6"/>
      <c r="C8397" s="6" t="s">
        <v>8421</v>
      </c>
      <c r="D8397" s="6"/>
      <c r="E8397" s="6" t="s">
        <v>9</v>
      </c>
      <c r="F8397" s="7">
        <v>39831</v>
      </c>
      <c r="G8397" s="8">
        <v>810608</v>
      </c>
      <c r="H8397" s="8">
        <v>810608</v>
      </c>
      <c r="I8397" s="8">
        <v>0</v>
      </c>
      <c r="J8397" s="8">
        <v>810608</v>
      </c>
      <c r="K8397" s="9">
        <v>69</v>
      </c>
      <c r="L8397" s="6" t="s">
        <v>51</v>
      </c>
    </row>
    <row r="8398" spans="1:12">
      <c r="A8398" s="6" t="s">
        <v>49</v>
      </c>
      <c r="B8398" s="6"/>
      <c r="C8398" s="6" t="s">
        <v>8422</v>
      </c>
      <c r="D8398" s="6"/>
      <c r="E8398" s="6" t="s">
        <v>9</v>
      </c>
      <c r="F8398" s="7">
        <v>38657</v>
      </c>
      <c r="G8398" s="8">
        <v>1</v>
      </c>
      <c r="H8398" s="8">
        <v>1</v>
      </c>
      <c r="I8398" s="8">
        <v>0</v>
      </c>
      <c r="J8398" s="8">
        <v>1</v>
      </c>
      <c r="K8398" s="9">
        <v>20.9</v>
      </c>
      <c r="L8398" s="6" t="s">
        <v>51</v>
      </c>
    </row>
    <row r="8399" spans="1:12">
      <c r="A8399" s="6" t="s">
        <v>49</v>
      </c>
      <c r="B8399" s="6"/>
      <c r="C8399" s="6" t="s">
        <v>8423</v>
      </c>
      <c r="D8399" s="6"/>
      <c r="E8399" s="6" t="s">
        <v>9</v>
      </c>
      <c r="F8399" s="7">
        <v>38657</v>
      </c>
      <c r="G8399" s="8">
        <v>1</v>
      </c>
      <c r="H8399" s="8">
        <v>1</v>
      </c>
      <c r="I8399" s="8">
        <v>0</v>
      </c>
      <c r="J8399" s="8">
        <v>1</v>
      </c>
      <c r="K8399" s="9">
        <v>34</v>
      </c>
      <c r="L8399" s="6" t="s">
        <v>51</v>
      </c>
    </row>
    <row r="8400" spans="1:12">
      <c r="A8400" s="6" t="s">
        <v>49</v>
      </c>
      <c r="B8400" s="6"/>
      <c r="C8400" s="6" t="s">
        <v>8424</v>
      </c>
      <c r="D8400" s="6"/>
      <c r="E8400" s="6" t="s">
        <v>9</v>
      </c>
      <c r="F8400" s="7">
        <v>38657</v>
      </c>
      <c r="G8400" s="8">
        <v>1</v>
      </c>
      <c r="H8400" s="8">
        <v>1</v>
      </c>
      <c r="I8400" s="8">
        <v>0</v>
      </c>
      <c r="J8400" s="8">
        <v>1</v>
      </c>
      <c r="K8400" s="9">
        <v>39</v>
      </c>
      <c r="L8400" s="6" t="s">
        <v>51</v>
      </c>
    </row>
    <row r="8401" spans="1:12">
      <c r="A8401" s="6" t="s">
        <v>49</v>
      </c>
      <c r="B8401" s="6"/>
      <c r="C8401" s="6" t="s">
        <v>8425</v>
      </c>
      <c r="D8401" s="6"/>
      <c r="E8401" s="6" t="s">
        <v>9</v>
      </c>
      <c r="F8401" s="7">
        <v>38657</v>
      </c>
      <c r="G8401" s="8">
        <v>1</v>
      </c>
      <c r="H8401" s="8">
        <v>1</v>
      </c>
      <c r="I8401" s="8">
        <v>0</v>
      </c>
      <c r="J8401" s="8">
        <v>1</v>
      </c>
      <c r="K8401" s="9">
        <v>34</v>
      </c>
      <c r="L8401" s="6" t="s">
        <v>51</v>
      </c>
    </row>
    <row r="8402" spans="1:12">
      <c r="A8402" s="6" t="s">
        <v>49</v>
      </c>
      <c r="B8402" s="6"/>
      <c r="C8402" s="6" t="s">
        <v>8426</v>
      </c>
      <c r="D8402" s="6"/>
      <c r="E8402" s="6" t="s">
        <v>9</v>
      </c>
      <c r="F8402" s="7">
        <v>38657</v>
      </c>
      <c r="G8402" s="8">
        <v>1</v>
      </c>
      <c r="H8402" s="8">
        <v>1</v>
      </c>
      <c r="I8402" s="8">
        <v>0</v>
      </c>
      <c r="J8402" s="8">
        <v>1</v>
      </c>
      <c r="K8402" s="9">
        <v>39</v>
      </c>
      <c r="L8402" s="6" t="s">
        <v>51</v>
      </c>
    </row>
    <row r="8403" spans="1:12">
      <c r="A8403" s="6" t="s">
        <v>49</v>
      </c>
      <c r="B8403" s="6"/>
      <c r="C8403" s="6" t="s">
        <v>8427</v>
      </c>
      <c r="D8403" s="6"/>
      <c r="E8403" s="6" t="s">
        <v>9</v>
      </c>
      <c r="F8403" s="7">
        <v>38657</v>
      </c>
      <c r="G8403" s="8">
        <v>1</v>
      </c>
      <c r="H8403" s="8">
        <v>1</v>
      </c>
      <c r="I8403" s="8">
        <v>0</v>
      </c>
      <c r="J8403" s="8">
        <v>1</v>
      </c>
      <c r="K8403" s="9">
        <v>34</v>
      </c>
      <c r="L8403" s="6" t="s">
        <v>51</v>
      </c>
    </row>
    <row r="8404" spans="1:12">
      <c r="A8404" s="6" t="s">
        <v>49</v>
      </c>
      <c r="B8404" s="6"/>
      <c r="C8404" s="6" t="s">
        <v>8428</v>
      </c>
      <c r="D8404" s="6"/>
      <c r="E8404" s="6" t="s">
        <v>9</v>
      </c>
      <c r="F8404" s="7">
        <v>38657</v>
      </c>
      <c r="G8404" s="8">
        <v>1</v>
      </c>
      <c r="H8404" s="8">
        <v>1</v>
      </c>
      <c r="I8404" s="8">
        <v>0</v>
      </c>
      <c r="J8404" s="8">
        <v>1</v>
      </c>
      <c r="K8404" s="9">
        <v>39</v>
      </c>
      <c r="L8404" s="6" t="s">
        <v>51</v>
      </c>
    </row>
    <row r="8405" spans="1:12">
      <c r="A8405" s="6" t="s">
        <v>49</v>
      </c>
      <c r="B8405" s="6"/>
      <c r="C8405" s="6" t="s">
        <v>8429</v>
      </c>
      <c r="D8405" s="6"/>
      <c r="E8405" s="6" t="s">
        <v>9</v>
      </c>
      <c r="F8405" s="7">
        <v>38657</v>
      </c>
      <c r="G8405" s="8">
        <v>1</v>
      </c>
      <c r="H8405" s="8">
        <v>1</v>
      </c>
      <c r="I8405" s="8">
        <v>0</v>
      </c>
      <c r="J8405" s="8">
        <v>1</v>
      </c>
      <c r="K8405" s="9">
        <v>36</v>
      </c>
      <c r="L8405" s="6" t="s">
        <v>51</v>
      </c>
    </row>
    <row r="8406" spans="1:12">
      <c r="A8406" s="6" t="s">
        <v>49</v>
      </c>
      <c r="B8406" s="6"/>
      <c r="C8406" s="6" t="s">
        <v>8430</v>
      </c>
      <c r="D8406" s="6"/>
      <c r="E8406" s="6" t="s">
        <v>9</v>
      </c>
      <c r="F8406" s="7">
        <v>38657</v>
      </c>
      <c r="G8406" s="8">
        <v>1</v>
      </c>
      <c r="H8406" s="8">
        <v>1</v>
      </c>
      <c r="I8406" s="8">
        <v>0</v>
      </c>
      <c r="J8406" s="8">
        <v>1</v>
      </c>
      <c r="K8406" s="9">
        <v>37</v>
      </c>
      <c r="L8406" s="6" t="s">
        <v>51</v>
      </c>
    </row>
    <row r="8407" spans="1:12">
      <c r="A8407" s="6" t="s">
        <v>49</v>
      </c>
      <c r="B8407" s="6"/>
      <c r="C8407" s="6" t="s">
        <v>8431</v>
      </c>
      <c r="D8407" s="6"/>
      <c r="E8407" s="6" t="s">
        <v>9</v>
      </c>
      <c r="F8407" s="7">
        <v>38657</v>
      </c>
      <c r="G8407" s="8">
        <v>1</v>
      </c>
      <c r="H8407" s="8">
        <v>1</v>
      </c>
      <c r="I8407" s="8">
        <v>0</v>
      </c>
      <c r="J8407" s="8">
        <v>1</v>
      </c>
      <c r="K8407" s="9">
        <v>36</v>
      </c>
      <c r="L8407" s="6" t="s">
        <v>51</v>
      </c>
    </row>
    <row r="8408" spans="1:12">
      <c r="A8408" s="6" t="s">
        <v>49</v>
      </c>
      <c r="B8408" s="6"/>
      <c r="C8408" s="6" t="s">
        <v>8432</v>
      </c>
      <c r="D8408" s="6"/>
      <c r="E8408" s="6" t="s">
        <v>9</v>
      </c>
      <c r="F8408" s="7">
        <v>38657</v>
      </c>
      <c r="G8408" s="8">
        <v>1</v>
      </c>
      <c r="H8408" s="8">
        <v>1</v>
      </c>
      <c r="I8408" s="8">
        <v>0</v>
      </c>
      <c r="J8408" s="8">
        <v>1</v>
      </c>
      <c r="K8408" s="9">
        <v>36</v>
      </c>
      <c r="L8408" s="6" t="s">
        <v>51</v>
      </c>
    </row>
    <row r="8409" spans="1:12">
      <c r="A8409" s="6" t="s">
        <v>49</v>
      </c>
      <c r="B8409" s="6"/>
      <c r="C8409" s="6" t="s">
        <v>8433</v>
      </c>
      <c r="D8409" s="6"/>
      <c r="E8409" s="6" t="s">
        <v>9</v>
      </c>
      <c r="F8409" s="7">
        <v>38657</v>
      </c>
      <c r="G8409" s="8">
        <v>1</v>
      </c>
      <c r="H8409" s="8">
        <v>1</v>
      </c>
      <c r="I8409" s="8">
        <v>0</v>
      </c>
      <c r="J8409" s="8">
        <v>1</v>
      </c>
      <c r="K8409" s="9">
        <v>0.43</v>
      </c>
      <c r="L8409" s="6" t="s">
        <v>51</v>
      </c>
    </row>
    <row r="8410" spans="1:12">
      <c r="A8410" s="6" t="s">
        <v>49</v>
      </c>
      <c r="B8410" s="6"/>
      <c r="C8410" s="6" t="s">
        <v>8434</v>
      </c>
      <c r="D8410" s="6"/>
      <c r="E8410" s="6" t="s">
        <v>9</v>
      </c>
      <c r="F8410" s="7">
        <v>38657</v>
      </c>
      <c r="G8410" s="8">
        <v>1</v>
      </c>
      <c r="H8410" s="8">
        <v>1</v>
      </c>
      <c r="I8410" s="8">
        <v>0</v>
      </c>
      <c r="J8410" s="8">
        <v>1</v>
      </c>
      <c r="K8410" s="9">
        <v>37</v>
      </c>
      <c r="L8410" s="6" t="s">
        <v>51</v>
      </c>
    </row>
    <row r="8411" spans="1:12">
      <c r="A8411" s="6" t="s">
        <v>49</v>
      </c>
      <c r="B8411" s="6"/>
      <c r="C8411" s="6" t="s">
        <v>8435</v>
      </c>
      <c r="D8411" s="6"/>
      <c r="E8411" s="6" t="s">
        <v>9</v>
      </c>
      <c r="F8411" s="7">
        <v>38657</v>
      </c>
      <c r="G8411" s="8">
        <v>1</v>
      </c>
      <c r="H8411" s="8">
        <v>1</v>
      </c>
      <c r="I8411" s="8">
        <v>0</v>
      </c>
      <c r="J8411" s="8">
        <v>1</v>
      </c>
      <c r="K8411" s="9">
        <v>36</v>
      </c>
      <c r="L8411" s="6" t="s">
        <v>51</v>
      </c>
    </row>
    <row r="8412" spans="1:12">
      <c r="A8412" s="6" t="s">
        <v>49</v>
      </c>
      <c r="B8412" s="6"/>
      <c r="C8412" s="6" t="s">
        <v>8436</v>
      </c>
      <c r="D8412" s="6"/>
      <c r="E8412" s="6" t="s">
        <v>9</v>
      </c>
      <c r="F8412" s="7">
        <v>38657</v>
      </c>
      <c r="G8412" s="8">
        <v>1</v>
      </c>
      <c r="H8412" s="8">
        <v>1</v>
      </c>
      <c r="I8412" s="8">
        <v>0</v>
      </c>
      <c r="J8412" s="8">
        <v>1</v>
      </c>
      <c r="K8412" s="9">
        <v>26</v>
      </c>
      <c r="L8412" s="6" t="s">
        <v>51</v>
      </c>
    </row>
    <row r="8413" spans="1:12">
      <c r="A8413" s="6" t="s">
        <v>49</v>
      </c>
      <c r="B8413" s="6"/>
      <c r="C8413" s="6" t="s">
        <v>8437</v>
      </c>
      <c r="D8413" s="6"/>
      <c r="E8413" s="6" t="s">
        <v>9</v>
      </c>
      <c r="F8413" s="7">
        <v>38657</v>
      </c>
      <c r="G8413" s="8">
        <v>1</v>
      </c>
      <c r="H8413" s="8">
        <v>1</v>
      </c>
      <c r="I8413" s="8">
        <v>0</v>
      </c>
      <c r="J8413" s="8">
        <v>1</v>
      </c>
      <c r="K8413" s="9">
        <v>2.75</v>
      </c>
      <c r="L8413" s="6" t="s">
        <v>51</v>
      </c>
    </row>
    <row r="8414" spans="1:12">
      <c r="A8414" s="6" t="s">
        <v>49</v>
      </c>
      <c r="B8414" s="6"/>
      <c r="C8414" s="6" t="s">
        <v>8438</v>
      </c>
      <c r="D8414" s="6"/>
      <c r="E8414" s="6" t="s">
        <v>9</v>
      </c>
      <c r="F8414" s="7">
        <v>38657</v>
      </c>
      <c r="G8414" s="8">
        <v>1</v>
      </c>
      <c r="H8414" s="8">
        <v>1</v>
      </c>
      <c r="I8414" s="8">
        <v>0</v>
      </c>
      <c r="J8414" s="8">
        <v>1</v>
      </c>
      <c r="K8414" s="9">
        <v>10</v>
      </c>
      <c r="L8414" s="6" t="s">
        <v>51</v>
      </c>
    </row>
    <row r="8415" spans="1:12">
      <c r="A8415" s="6" t="s">
        <v>49</v>
      </c>
      <c r="B8415" s="6"/>
      <c r="C8415" s="6" t="s">
        <v>8439</v>
      </c>
      <c r="D8415" s="6"/>
      <c r="E8415" s="6" t="s">
        <v>9</v>
      </c>
      <c r="F8415" s="7">
        <v>38657</v>
      </c>
      <c r="G8415" s="8">
        <v>1</v>
      </c>
      <c r="H8415" s="8">
        <v>1</v>
      </c>
      <c r="I8415" s="8">
        <v>0</v>
      </c>
      <c r="J8415" s="8">
        <v>1</v>
      </c>
      <c r="K8415" s="9">
        <v>1.76</v>
      </c>
      <c r="L8415" s="6" t="s">
        <v>51</v>
      </c>
    </row>
    <row r="8416" spans="1:12">
      <c r="A8416" s="6" t="s">
        <v>49</v>
      </c>
      <c r="B8416" s="6"/>
      <c r="C8416" s="6" t="s">
        <v>8440</v>
      </c>
      <c r="D8416" s="6"/>
      <c r="E8416" s="6" t="s">
        <v>9</v>
      </c>
      <c r="F8416" s="7">
        <v>38657</v>
      </c>
      <c r="G8416" s="8">
        <v>1</v>
      </c>
      <c r="H8416" s="8">
        <v>1</v>
      </c>
      <c r="I8416" s="8">
        <v>0</v>
      </c>
      <c r="J8416" s="8">
        <v>1</v>
      </c>
      <c r="K8416" s="9">
        <v>9.24</v>
      </c>
      <c r="L8416" s="6" t="s">
        <v>51</v>
      </c>
    </row>
    <row r="8417" spans="1:12">
      <c r="A8417" s="6" t="s">
        <v>49</v>
      </c>
      <c r="B8417" s="6"/>
      <c r="C8417" s="6" t="s">
        <v>8441</v>
      </c>
      <c r="D8417" s="6"/>
      <c r="E8417" s="6" t="s">
        <v>9</v>
      </c>
      <c r="F8417" s="7">
        <v>38657</v>
      </c>
      <c r="G8417" s="8">
        <v>1</v>
      </c>
      <c r="H8417" s="8">
        <v>1</v>
      </c>
      <c r="I8417" s="8">
        <v>0</v>
      </c>
      <c r="J8417" s="8">
        <v>1</v>
      </c>
      <c r="K8417" s="9">
        <v>6.27</v>
      </c>
      <c r="L8417" s="6" t="s">
        <v>51</v>
      </c>
    </row>
    <row r="8418" spans="1:12">
      <c r="A8418" s="6" t="s">
        <v>49</v>
      </c>
      <c r="B8418" s="6"/>
      <c r="C8418" s="6" t="s">
        <v>8442</v>
      </c>
      <c r="D8418" s="6"/>
      <c r="E8418" s="6" t="s">
        <v>9</v>
      </c>
      <c r="F8418" s="7">
        <v>38657</v>
      </c>
      <c r="G8418" s="8">
        <v>1</v>
      </c>
      <c r="H8418" s="8">
        <v>1</v>
      </c>
      <c r="I8418" s="8">
        <v>0</v>
      </c>
      <c r="J8418" s="8">
        <v>1</v>
      </c>
      <c r="K8418" s="9">
        <v>2.1800000000000002</v>
      </c>
      <c r="L8418" s="6" t="s">
        <v>51</v>
      </c>
    </row>
    <row r="8419" spans="1:12">
      <c r="A8419" s="6" t="s">
        <v>49</v>
      </c>
      <c r="B8419" s="6"/>
      <c r="C8419" s="6" t="s">
        <v>8443</v>
      </c>
      <c r="D8419" s="6"/>
      <c r="E8419" s="6" t="s">
        <v>9</v>
      </c>
      <c r="F8419" s="7">
        <v>38657</v>
      </c>
      <c r="G8419" s="8">
        <v>1</v>
      </c>
      <c r="H8419" s="8">
        <v>1</v>
      </c>
      <c r="I8419" s="8">
        <v>0</v>
      </c>
      <c r="J8419" s="8">
        <v>1</v>
      </c>
      <c r="K8419" s="9">
        <v>0.65</v>
      </c>
      <c r="L8419" s="6" t="s">
        <v>51</v>
      </c>
    </row>
    <row r="8420" spans="1:12">
      <c r="A8420" s="6" t="s">
        <v>49</v>
      </c>
      <c r="B8420" s="6"/>
      <c r="C8420" s="6" t="s">
        <v>8444</v>
      </c>
      <c r="D8420" s="6"/>
      <c r="E8420" s="6" t="s">
        <v>9</v>
      </c>
      <c r="F8420" s="7">
        <v>38657</v>
      </c>
      <c r="G8420" s="8">
        <v>1</v>
      </c>
      <c r="H8420" s="8">
        <v>1</v>
      </c>
      <c r="I8420" s="8">
        <v>0</v>
      </c>
      <c r="J8420" s="8">
        <v>1</v>
      </c>
      <c r="K8420" s="9">
        <v>33</v>
      </c>
      <c r="L8420" s="6" t="s">
        <v>51</v>
      </c>
    </row>
    <row r="8421" spans="1:12">
      <c r="A8421" s="6" t="s">
        <v>49</v>
      </c>
      <c r="B8421" s="6"/>
      <c r="C8421" s="6" t="s">
        <v>8445</v>
      </c>
      <c r="D8421" s="6"/>
      <c r="E8421" s="6" t="s">
        <v>9</v>
      </c>
      <c r="F8421" s="7">
        <v>38657</v>
      </c>
      <c r="G8421" s="8">
        <v>1</v>
      </c>
      <c r="H8421" s="8">
        <v>1</v>
      </c>
      <c r="I8421" s="8">
        <v>0</v>
      </c>
      <c r="J8421" s="8">
        <v>1</v>
      </c>
      <c r="K8421" s="9">
        <v>33</v>
      </c>
      <c r="L8421" s="6" t="s">
        <v>51</v>
      </c>
    </row>
    <row r="8422" spans="1:12">
      <c r="A8422" s="6" t="s">
        <v>49</v>
      </c>
      <c r="B8422" s="6"/>
      <c r="C8422" s="6" t="s">
        <v>8446</v>
      </c>
      <c r="D8422" s="6"/>
      <c r="E8422" s="6" t="s">
        <v>9</v>
      </c>
      <c r="F8422" s="7">
        <v>38657</v>
      </c>
      <c r="G8422" s="8">
        <v>1</v>
      </c>
      <c r="H8422" s="8">
        <v>1</v>
      </c>
      <c r="I8422" s="8">
        <v>0</v>
      </c>
      <c r="J8422" s="8">
        <v>1</v>
      </c>
      <c r="K8422" s="9">
        <v>169.36</v>
      </c>
      <c r="L8422" s="6" t="s">
        <v>51</v>
      </c>
    </row>
    <row r="8423" spans="1:12">
      <c r="A8423" s="6" t="s">
        <v>49</v>
      </c>
      <c r="B8423" s="6"/>
      <c r="C8423" s="6" t="s">
        <v>8447</v>
      </c>
      <c r="D8423" s="6"/>
      <c r="E8423" s="6" t="s">
        <v>9</v>
      </c>
      <c r="F8423" s="7">
        <v>38657</v>
      </c>
      <c r="G8423" s="8">
        <v>1</v>
      </c>
      <c r="H8423" s="8">
        <v>1</v>
      </c>
      <c r="I8423" s="8">
        <v>0</v>
      </c>
      <c r="J8423" s="8">
        <v>1</v>
      </c>
      <c r="K8423" s="9">
        <v>25</v>
      </c>
      <c r="L8423" s="6" t="s">
        <v>51</v>
      </c>
    </row>
    <row r="8424" spans="1:12">
      <c r="A8424" s="6" t="s">
        <v>49</v>
      </c>
      <c r="B8424" s="6"/>
      <c r="C8424" s="6" t="s">
        <v>8448</v>
      </c>
      <c r="D8424" s="6"/>
      <c r="E8424" s="6" t="s">
        <v>9</v>
      </c>
      <c r="F8424" s="7">
        <v>38657</v>
      </c>
      <c r="G8424" s="8">
        <v>1</v>
      </c>
      <c r="H8424" s="8">
        <v>1</v>
      </c>
      <c r="I8424" s="8">
        <v>0</v>
      </c>
      <c r="J8424" s="8">
        <v>1</v>
      </c>
      <c r="K8424" s="9">
        <v>90.97</v>
      </c>
      <c r="L8424" s="6" t="s">
        <v>51</v>
      </c>
    </row>
    <row r="8425" spans="1:12">
      <c r="A8425" s="6" t="s">
        <v>49</v>
      </c>
      <c r="B8425" s="6"/>
      <c r="C8425" s="6" t="s">
        <v>8449</v>
      </c>
      <c r="D8425" s="6"/>
      <c r="E8425" s="6" t="s">
        <v>9</v>
      </c>
      <c r="F8425" s="7">
        <v>38657</v>
      </c>
      <c r="G8425" s="8">
        <v>1</v>
      </c>
      <c r="H8425" s="8">
        <v>1</v>
      </c>
      <c r="I8425" s="8">
        <v>0</v>
      </c>
      <c r="J8425" s="8">
        <v>1</v>
      </c>
      <c r="K8425" s="9">
        <v>37</v>
      </c>
      <c r="L8425" s="6" t="s">
        <v>51</v>
      </c>
    </row>
    <row r="8426" spans="1:12">
      <c r="A8426" s="6" t="s">
        <v>49</v>
      </c>
      <c r="B8426" s="6"/>
      <c r="C8426" s="6" t="s">
        <v>8450</v>
      </c>
      <c r="D8426" s="6"/>
      <c r="E8426" s="6" t="s">
        <v>9</v>
      </c>
      <c r="F8426" s="7">
        <v>38657</v>
      </c>
      <c r="G8426" s="8">
        <v>1</v>
      </c>
      <c r="H8426" s="8">
        <v>1</v>
      </c>
      <c r="I8426" s="8">
        <v>0</v>
      </c>
      <c r="J8426" s="8">
        <v>1</v>
      </c>
      <c r="K8426" s="9">
        <v>108.98</v>
      </c>
      <c r="L8426" s="6" t="s">
        <v>51</v>
      </c>
    </row>
    <row r="8427" spans="1:12">
      <c r="A8427" s="6" t="s">
        <v>49</v>
      </c>
      <c r="B8427" s="6"/>
      <c r="C8427" s="6" t="s">
        <v>8451</v>
      </c>
      <c r="D8427" s="6"/>
      <c r="E8427" s="6" t="s">
        <v>9</v>
      </c>
      <c r="F8427" s="7">
        <v>38657</v>
      </c>
      <c r="G8427" s="8">
        <v>1</v>
      </c>
      <c r="H8427" s="8">
        <v>1</v>
      </c>
      <c r="I8427" s="8">
        <v>0</v>
      </c>
      <c r="J8427" s="8">
        <v>1</v>
      </c>
      <c r="K8427" s="9">
        <v>36</v>
      </c>
      <c r="L8427" s="6" t="s">
        <v>51</v>
      </c>
    </row>
    <row r="8428" spans="1:12">
      <c r="A8428" s="6" t="s">
        <v>49</v>
      </c>
      <c r="B8428" s="6"/>
      <c r="C8428" s="6" t="s">
        <v>8452</v>
      </c>
      <c r="D8428" s="6"/>
      <c r="E8428" s="6" t="s">
        <v>9</v>
      </c>
      <c r="F8428" s="7">
        <v>38657</v>
      </c>
      <c r="G8428" s="8">
        <v>1</v>
      </c>
      <c r="H8428" s="8">
        <v>1</v>
      </c>
      <c r="I8428" s="8">
        <v>0</v>
      </c>
      <c r="J8428" s="8">
        <v>1</v>
      </c>
      <c r="K8428" s="9">
        <v>92.05</v>
      </c>
      <c r="L8428" s="6" t="s">
        <v>51</v>
      </c>
    </row>
    <row r="8429" spans="1:12">
      <c r="A8429" s="6" t="s">
        <v>49</v>
      </c>
      <c r="B8429" s="6"/>
      <c r="C8429" s="6" t="s">
        <v>8453</v>
      </c>
      <c r="D8429" s="6"/>
      <c r="E8429" s="6" t="s">
        <v>9</v>
      </c>
      <c r="F8429" s="7">
        <v>38657</v>
      </c>
      <c r="G8429" s="8">
        <v>1</v>
      </c>
      <c r="H8429" s="8">
        <v>1</v>
      </c>
      <c r="I8429" s="8">
        <v>0</v>
      </c>
      <c r="J8429" s="8">
        <v>1</v>
      </c>
      <c r="K8429" s="9">
        <v>24</v>
      </c>
      <c r="L8429" s="6" t="s">
        <v>51</v>
      </c>
    </row>
    <row r="8430" spans="1:12">
      <c r="A8430" s="6" t="s">
        <v>49</v>
      </c>
      <c r="B8430" s="6"/>
      <c r="C8430" s="6" t="s">
        <v>8454</v>
      </c>
      <c r="D8430" s="6"/>
      <c r="E8430" s="6" t="s">
        <v>9</v>
      </c>
      <c r="F8430" s="7">
        <v>38657</v>
      </c>
      <c r="G8430" s="8">
        <v>1</v>
      </c>
      <c r="H8430" s="8">
        <v>1</v>
      </c>
      <c r="I8430" s="8">
        <v>0</v>
      </c>
      <c r="J8430" s="8">
        <v>1</v>
      </c>
      <c r="K8430" s="9">
        <v>48</v>
      </c>
      <c r="L8430" s="6" t="s">
        <v>51</v>
      </c>
    </row>
    <row r="8431" spans="1:12">
      <c r="A8431" s="6" t="s">
        <v>49</v>
      </c>
      <c r="B8431" s="6"/>
      <c r="C8431" s="6" t="s">
        <v>8455</v>
      </c>
      <c r="D8431" s="6"/>
      <c r="E8431" s="6" t="s">
        <v>9</v>
      </c>
      <c r="F8431" s="7">
        <v>38657</v>
      </c>
      <c r="G8431" s="8">
        <v>1</v>
      </c>
      <c r="H8431" s="8">
        <v>1</v>
      </c>
      <c r="I8431" s="8">
        <v>0</v>
      </c>
      <c r="J8431" s="8">
        <v>1</v>
      </c>
      <c r="K8431" s="9">
        <v>35</v>
      </c>
      <c r="L8431" s="6" t="s">
        <v>51</v>
      </c>
    </row>
    <row r="8432" spans="1:12">
      <c r="A8432" s="6" t="s">
        <v>49</v>
      </c>
      <c r="B8432" s="6"/>
      <c r="C8432" s="6" t="s">
        <v>8456</v>
      </c>
      <c r="D8432" s="6"/>
      <c r="E8432" s="6" t="s">
        <v>9</v>
      </c>
      <c r="F8432" s="7">
        <v>38657</v>
      </c>
      <c r="G8432" s="8">
        <v>1</v>
      </c>
      <c r="H8432" s="8">
        <v>1</v>
      </c>
      <c r="I8432" s="8">
        <v>0</v>
      </c>
      <c r="J8432" s="8">
        <v>1</v>
      </c>
      <c r="K8432" s="9">
        <v>19</v>
      </c>
      <c r="L8432" s="6" t="s">
        <v>51</v>
      </c>
    </row>
    <row r="8433" spans="1:12">
      <c r="A8433" s="6" t="s">
        <v>49</v>
      </c>
      <c r="B8433" s="6"/>
      <c r="C8433" s="6" t="s">
        <v>8457</v>
      </c>
      <c r="D8433" s="6"/>
      <c r="E8433" s="6" t="s">
        <v>9</v>
      </c>
      <c r="F8433" s="7">
        <v>38657</v>
      </c>
      <c r="G8433" s="8">
        <v>1</v>
      </c>
      <c r="H8433" s="8">
        <v>1</v>
      </c>
      <c r="I8433" s="8">
        <v>0</v>
      </c>
      <c r="J8433" s="8">
        <v>1</v>
      </c>
      <c r="K8433" s="9">
        <v>72.06</v>
      </c>
      <c r="L8433" s="6" t="s">
        <v>51</v>
      </c>
    </row>
    <row r="8434" spans="1:12">
      <c r="A8434" s="6" t="s">
        <v>49</v>
      </c>
      <c r="B8434" s="6"/>
      <c r="C8434" s="6" t="s">
        <v>8458</v>
      </c>
      <c r="D8434" s="6"/>
      <c r="E8434" s="6" t="s">
        <v>9</v>
      </c>
      <c r="F8434" s="7">
        <v>38657</v>
      </c>
      <c r="G8434" s="8">
        <v>1</v>
      </c>
      <c r="H8434" s="8">
        <v>1</v>
      </c>
      <c r="I8434" s="8">
        <v>0</v>
      </c>
      <c r="J8434" s="8">
        <v>1</v>
      </c>
      <c r="K8434" s="9">
        <v>15</v>
      </c>
      <c r="L8434" s="6" t="s">
        <v>51</v>
      </c>
    </row>
    <row r="8435" spans="1:12">
      <c r="A8435" s="6" t="s">
        <v>49</v>
      </c>
      <c r="B8435" s="6"/>
      <c r="C8435" s="6" t="s">
        <v>8459</v>
      </c>
      <c r="D8435" s="6"/>
      <c r="E8435" s="6" t="s">
        <v>9</v>
      </c>
      <c r="F8435" s="7">
        <v>38657</v>
      </c>
      <c r="G8435" s="8">
        <v>1</v>
      </c>
      <c r="H8435" s="8">
        <v>1</v>
      </c>
      <c r="I8435" s="8">
        <v>0</v>
      </c>
      <c r="J8435" s="8">
        <v>1</v>
      </c>
      <c r="K8435" s="9">
        <v>63.85</v>
      </c>
      <c r="L8435" s="6" t="s">
        <v>51</v>
      </c>
    </row>
    <row r="8436" spans="1:12">
      <c r="A8436" s="6" t="s">
        <v>49</v>
      </c>
      <c r="B8436" s="6"/>
      <c r="C8436" s="6" t="s">
        <v>8460</v>
      </c>
      <c r="D8436" s="6"/>
      <c r="E8436" s="6" t="s">
        <v>9</v>
      </c>
      <c r="F8436" s="7">
        <v>38657</v>
      </c>
      <c r="G8436" s="8">
        <v>1</v>
      </c>
      <c r="H8436" s="8">
        <v>1</v>
      </c>
      <c r="I8436" s="8">
        <v>0</v>
      </c>
      <c r="J8436" s="8">
        <v>1</v>
      </c>
      <c r="K8436" s="9">
        <v>33</v>
      </c>
      <c r="L8436" s="6" t="s">
        <v>51</v>
      </c>
    </row>
    <row r="8437" spans="1:12">
      <c r="A8437" s="6" t="s">
        <v>49</v>
      </c>
      <c r="B8437" s="6"/>
      <c r="C8437" s="6" t="s">
        <v>8461</v>
      </c>
      <c r="D8437" s="6"/>
      <c r="E8437" s="6" t="s">
        <v>9</v>
      </c>
      <c r="F8437" s="7">
        <v>38657</v>
      </c>
      <c r="G8437" s="8">
        <v>1</v>
      </c>
      <c r="H8437" s="8">
        <v>1</v>
      </c>
      <c r="I8437" s="8">
        <v>0</v>
      </c>
      <c r="J8437" s="8">
        <v>1</v>
      </c>
      <c r="K8437" s="9">
        <v>39</v>
      </c>
      <c r="L8437" s="6" t="s">
        <v>51</v>
      </c>
    </row>
    <row r="8438" spans="1:12">
      <c r="A8438" s="6" t="s">
        <v>49</v>
      </c>
      <c r="B8438" s="6"/>
      <c r="C8438" s="6" t="s">
        <v>8462</v>
      </c>
      <c r="D8438" s="6"/>
      <c r="E8438" s="6" t="s">
        <v>9</v>
      </c>
      <c r="F8438" s="7">
        <v>38657</v>
      </c>
      <c r="G8438" s="8">
        <v>1</v>
      </c>
      <c r="H8438" s="8">
        <v>1</v>
      </c>
      <c r="I8438" s="8">
        <v>0</v>
      </c>
      <c r="J8438" s="8">
        <v>1</v>
      </c>
      <c r="K8438" s="9">
        <v>33</v>
      </c>
      <c r="L8438" s="6" t="s">
        <v>51</v>
      </c>
    </row>
    <row r="8439" spans="1:12">
      <c r="A8439" s="6" t="s">
        <v>49</v>
      </c>
      <c r="B8439" s="6"/>
      <c r="C8439" s="6" t="s">
        <v>8463</v>
      </c>
      <c r="D8439" s="6"/>
      <c r="E8439" s="6" t="s">
        <v>9</v>
      </c>
      <c r="F8439" s="7">
        <v>38657</v>
      </c>
      <c r="G8439" s="8">
        <v>1</v>
      </c>
      <c r="H8439" s="8">
        <v>1</v>
      </c>
      <c r="I8439" s="8">
        <v>0</v>
      </c>
      <c r="J8439" s="8">
        <v>1</v>
      </c>
      <c r="K8439" s="9">
        <v>38</v>
      </c>
      <c r="L8439" s="6" t="s">
        <v>51</v>
      </c>
    </row>
    <row r="8440" spans="1:12">
      <c r="A8440" s="6" t="s">
        <v>49</v>
      </c>
      <c r="B8440" s="6"/>
      <c r="C8440" s="6" t="s">
        <v>8464</v>
      </c>
      <c r="D8440" s="6"/>
      <c r="E8440" s="6" t="s">
        <v>9</v>
      </c>
      <c r="F8440" s="7">
        <v>38657</v>
      </c>
      <c r="G8440" s="8">
        <v>1</v>
      </c>
      <c r="H8440" s="8">
        <v>1</v>
      </c>
      <c r="I8440" s="8">
        <v>0</v>
      </c>
      <c r="J8440" s="8">
        <v>1</v>
      </c>
      <c r="K8440" s="9">
        <v>33</v>
      </c>
      <c r="L8440" s="6" t="s">
        <v>51</v>
      </c>
    </row>
    <row r="8441" spans="1:12">
      <c r="A8441" s="6" t="s">
        <v>49</v>
      </c>
      <c r="B8441" s="6"/>
      <c r="C8441" s="6" t="s">
        <v>8465</v>
      </c>
      <c r="D8441" s="6"/>
      <c r="E8441" s="6" t="s">
        <v>9</v>
      </c>
      <c r="F8441" s="7">
        <v>38657</v>
      </c>
      <c r="G8441" s="8">
        <v>1</v>
      </c>
      <c r="H8441" s="8">
        <v>1</v>
      </c>
      <c r="I8441" s="8">
        <v>0</v>
      </c>
      <c r="J8441" s="8">
        <v>1</v>
      </c>
      <c r="K8441" s="9">
        <v>38</v>
      </c>
      <c r="L8441" s="6" t="s">
        <v>51</v>
      </c>
    </row>
    <row r="8442" spans="1:12">
      <c r="A8442" s="6" t="s">
        <v>49</v>
      </c>
      <c r="B8442" s="6"/>
      <c r="C8442" s="6" t="s">
        <v>8466</v>
      </c>
      <c r="D8442" s="6"/>
      <c r="E8442" s="6" t="s">
        <v>9</v>
      </c>
      <c r="F8442" s="7">
        <v>38657</v>
      </c>
      <c r="G8442" s="8">
        <v>1</v>
      </c>
      <c r="H8442" s="8">
        <v>1</v>
      </c>
      <c r="I8442" s="8">
        <v>0</v>
      </c>
      <c r="J8442" s="8">
        <v>1</v>
      </c>
      <c r="K8442" s="9">
        <v>33</v>
      </c>
      <c r="L8442" s="6" t="s">
        <v>51</v>
      </c>
    </row>
    <row r="8443" spans="1:12">
      <c r="A8443" s="6" t="s">
        <v>49</v>
      </c>
      <c r="B8443" s="6"/>
      <c r="C8443" s="6" t="s">
        <v>8467</v>
      </c>
      <c r="D8443" s="6"/>
      <c r="E8443" s="6" t="s">
        <v>9</v>
      </c>
      <c r="F8443" s="7">
        <v>38657</v>
      </c>
      <c r="G8443" s="8">
        <v>1</v>
      </c>
      <c r="H8443" s="8">
        <v>1</v>
      </c>
      <c r="I8443" s="8">
        <v>0</v>
      </c>
      <c r="J8443" s="8">
        <v>1</v>
      </c>
      <c r="K8443" s="9">
        <v>27</v>
      </c>
      <c r="L8443" s="6" t="s">
        <v>51</v>
      </c>
    </row>
    <row r="8444" spans="1:12">
      <c r="A8444" s="6" t="s">
        <v>49</v>
      </c>
      <c r="B8444" s="6"/>
      <c r="C8444" s="6" t="s">
        <v>8468</v>
      </c>
      <c r="D8444" s="6"/>
      <c r="E8444" s="6" t="s">
        <v>9</v>
      </c>
      <c r="F8444" s="7">
        <v>38657</v>
      </c>
      <c r="G8444" s="8">
        <v>1</v>
      </c>
      <c r="H8444" s="8">
        <v>1</v>
      </c>
      <c r="I8444" s="8">
        <v>0</v>
      </c>
      <c r="J8444" s="8">
        <v>1</v>
      </c>
      <c r="K8444" s="9">
        <v>31.97</v>
      </c>
      <c r="L8444" s="6" t="s">
        <v>51</v>
      </c>
    </row>
    <row r="8445" spans="1:12">
      <c r="A8445" s="6" t="s">
        <v>49</v>
      </c>
      <c r="B8445" s="6"/>
      <c r="C8445" s="6" t="s">
        <v>8469</v>
      </c>
      <c r="D8445" s="6"/>
      <c r="E8445" s="6" t="s">
        <v>9</v>
      </c>
      <c r="F8445" s="7">
        <v>38657</v>
      </c>
      <c r="G8445" s="8">
        <v>1</v>
      </c>
      <c r="H8445" s="8">
        <v>1</v>
      </c>
      <c r="I8445" s="8">
        <v>0</v>
      </c>
      <c r="J8445" s="8">
        <v>1</v>
      </c>
      <c r="K8445" s="9">
        <v>5.42</v>
      </c>
      <c r="L8445" s="6" t="s">
        <v>51</v>
      </c>
    </row>
    <row r="8446" spans="1:12">
      <c r="A8446" s="6" t="s">
        <v>49</v>
      </c>
      <c r="B8446" s="6"/>
      <c r="C8446" s="6" t="s">
        <v>8470</v>
      </c>
      <c r="D8446" s="6"/>
      <c r="E8446" s="6" t="s">
        <v>9</v>
      </c>
      <c r="F8446" s="7">
        <v>38657</v>
      </c>
      <c r="G8446" s="8">
        <v>1</v>
      </c>
      <c r="H8446" s="8">
        <v>1</v>
      </c>
      <c r="I8446" s="8">
        <v>0</v>
      </c>
      <c r="J8446" s="8">
        <v>1</v>
      </c>
      <c r="K8446" s="9">
        <v>6.31</v>
      </c>
      <c r="L8446" s="6" t="s">
        <v>51</v>
      </c>
    </row>
    <row r="8447" spans="1:12">
      <c r="A8447" s="6" t="s">
        <v>49</v>
      </c>
      <c r="B8447" s="6"/>
      <c r="C8447" s="6" t="s">
        <v>8471</v>
      </c>
      <c r="D8447" s="6"/>
      <c r="E8447" s="6" t="s">
        <v>9</v>
      </c>
      <c r="F8447" s="7">
        <v>38657</v>
      </c>
      <c r="G8447" s="8">
        <v>1</v>
      </c>
      <c r="H8447" s="8">
        <v>1</v>
      </c>
      <c r="I8447" s="8">
        <v>0</v>
      </c>
      <c r="J8447" s="8">
        <v>1</v>
      </c>
      <c r="K8447" s="9">
        <v>35</v>
      </c>
      <c r="L8447" s="6" t="s">
        <v>51</v>
      </c>
    </row>
    <row r="8448" spans="1:12">
      <c r="A8448" s="6" t="s">
        <v>49</v>
      </c>
      <c r="B8448" s="6"/>
      <c r="C8448" s="6" t="s">
        <v>8472</v>
      </c>
      <c r="D8448" s="6"/>
      <c r="E8448" s="6" t="s">
        <v>9</v>
      </c>
      <c r="F8448" s="7">
        <v>39831</v>
      </c>
      <c r="G8448" s="8">
        <v>697722</v>
      </c>
      <c r="H8448" s="8">
        <v>697722</v>
      </c>
      <c r="I8448" s="8">
        <v>0</v>
      </c>
      <c r="J8448" s="8">
        <v>697722</v>
      </c>
      <c r="K8448" s="9">
        <v>33.869999999999898</v>
      </c>
      <c r="L8448" s="6" t="s">
        <v>51</v>
      </c>
    </row>
    <row r="8449" spans="1:12">
      <c r="A8449" s="6" t="s">
        <v>49</v>
      </c>
      <c r="B8449" s="6"/>
      <c r="C8449" s="6" t="s">
        <v>8473</v>
      </c>
      <c r="D8449" s="6"/>
      <c r="E8449" s="6" t="s">
        <v>9</v>
      </c>
      <c r="F8449" s="7">
        <v>38657</v>
      </c>
      <c r="G8449" s="8">
        <v>1</v>
      </c>
      <c r="H8449" s="8">
        <v>1</v>
      </c>
      <c r="I8449" s="8">
        <v>0</v>
      </c>
      <c r="J8449" s="8">
        <v>1</v>
      </c>
      <c r="K8449" s="9">
        <v>37</v>
      </c>
      <c r="L8449" s="6" t="s">
        <v>51</v>
      </c>
    </row>
    <row r="8450" spans="1:12">
      <c r="A8450" s="6" t="s">
        <v>49</v>
      </c>
      <c r="B8450" s="6"/>
      <c r="C8450" s="6" t="s">
        <v>8474</v>
      </c>
      <c r="D8450" s="6"/>
      <c r="E8450" s="6" t="s">
        <v>9</v>
      </c>
      <c r="F8450" s="7">
        <v>39831</v>
      </c>
      <c r="G8450" s="8">
        <v>589512</v>
      </c>
      <c r="H8450" s="8">
        <v>589512</v>
      </c>
      <c r="I8450" s="8">
        <v>0</v>
      </c>
      <c r="J8450" s="8">
        <v>589512</v>
      </c>
      <c r="K8450" s="9">
        <v>50</v>
      </c>
      <c r="L8450" s="6" t="s">
        <v>51</v>
      </c>
    </row>
    <row r="8451" spans="1:12">
      <c r="A8451" s="6" t="s">
        <v>49</v>
      </c>
      <c r="B8451" s="6"/>
      <c r="C8451" s="6" t="s">
        <v>8475</v>
      </c>
      <c r="D8451" s="6"/>
      <c r="E8451" s="6" t="s">
        <v>9</v>
      </c>
      <c r="F8451" s="7">
        <v>38657</v>
      </c>
      <c r="G8451" s="8">
        <v>1</v>
      </c>
      <c r="H8451" s="8">
        <v>1</v>
      </c>
      <c r="I8451" s="8">
        <v>0</v>
      </c>
      <c r="J8451" s="8">
        <v>1</v>
      </c>
      <c r="K8451" s="9">
        <v>39</v>
      </c>
      <c r="L8451" s="6" t="s">
        <v>51</v>
      </c>
    </row>
    <row r="8452" spans="1:12">
      <c r="A8452" s="6" t="s">
        <v>49</v>
      </c>
      <c r="B8452" s="6"/>
      <c r="C8452" s="6" t="s">
        <v>8476</v>
      </c>
      <c r="D8452" s="6"/>
      <c r="E8452" s="6" t="s">
        <v>9</v>
      </c>
      <c r="F8452" s="7">
        <v>39831</v>
      </c>
      <c r="G8452" s="8">
        <v>584524</v>
      </c>
      <c r="H8452" s="8">
        <v>584524</v>
      </c>
      <c r="I8452" s="8">
        <v>0</v>
      </c>
      <c r="J8452" s="8">
        <v>584524</v>
      </c>
      <c r="K8452" s="9">
        <v>50</v>
      </c>
      <c r="L8452" s="6" t="s">
        <v>51</v>
      </c>
    </row>
    <row r="8453" spans="1:12">
      <c r="A8453" s="6" t="s">
        <v>49</v>
      </c>
      <c r="B8453" s="6"/>
      <c r="C8453" s="6" t="s">
        <v>8477</v>
      </c>
      <c r="D8453" s="6"/>
      <c r="E8453" s="6" t="s">
        <v>9</v>
      </c>
      <c r="F8453" s="7">
        <v>38657</v>
      </c>
      <c r="G8453" s="8">
        <v>1</v>
      </c>
      <c r="H8453" s="8">
        <v>1</v>
      </c>
      <c r="I8453" s="8">
        <v>0</v>
      </c>
      <c r="J8453" s="8">
        <v>1</v>
      </c>
      <c r="K8453" s="9">
        <v>42</v>
      </c>
      <c r="L8453" s="6" t="s">
        <v>51</v>
      </c>
    </row>
    <row r="8454" spans="1:12">
      <c r="A8454" s="6" t="s">
        <v>49</v>
      </c>
      <c r="B8454" s="6"/>
      <c r="C8454" s="6" t="s">
        <v>8478</v>
      </c>
      <c r="D8454" s="6"/>
      <c r="E8454" s="6" t="s">
        <v>9</v>
      </c>
      <c r="F8454" s="7">
        <v>39831</v>
      </c>
      <c r="G8454" s="8">
        <v>726952</v>
      </c>
      <c r="H8454" s="8">
        <v>726952</v>
      </c>
      <c r="I8454" s="8">
        <v>0</v>
      </c>
      <c r="J8454" s="8">
        <v>726952</v>
      </c>
      <c r="K8454" s="9">
        <v>40</v>
      </c>
      <c r="L8454" s="6" t="s">
        <v>51</v>
      </c>
    </row>
    <row r="8455" spans="1:12">
      <c r="A8455" s="6" t="s">
        <v>49</v>
      </c>
      <c r="B8455" s="6"/>
      <c r="C8455" s="6" t="s">
        <v>8479</v>
      </c>
      <c r="D8455" s="6"/>
      <c r="E8455" s="6" t="s">
        <v>9</v>
      </c>
      <c r="F8455" s="7">
        <v>38657</v>
      </c>
      <c r="G8455" s="8">
        <v>1</v>
      </c>
      <c r="H8455" s="8">
        <v>1</v>
      </c>
      <c r="I8455" s="8">
        <v>0</v>
      </c>
      <c r="J8455" s="8">
        <v>1</v>
      </c>
      <c r="K8455" s="9">
        <v>41</v>
      </c>
      <c r="L8455" s="6" t="s">
        <v>51</v>
      </c>
    </row>
    <row r="8456" spans="1:12">
      <c r="A8456" s="6" t="s">
        <v>49</v>
      </c>
      <c r="B8456" s="6"/>
      <c r="C8456" s="6" t="s">
        <v>8480</v>
      </c>
      <c r="D8456" s="6"/>
      <c r="E8456" s="6" t="s">
        <v>9</v>
      </c>
      <c r="F8456" s="7">
        <v>38657</v>
      </c>
      <c r="G8456" s="8">
        <v>1</v>
      </c>
      <c r="H8456" s="8">
        <v>1</v>
      </c>
      <c r="I8456" s="8">
        <v>0</v>
      </c>
      <c r="J8456" s="8">
        <v>1</v>
      </c>
      <c r="K8456" s="9">
        <v>41</v>
      </c>
      <c r="L8456" s="6" t="s">
        <v>51</v>
      </c>
    </row>
    <row r="8457" spans="1:12">
      <c r="A8457" s="6" t="s">
        <v>49</v>
      </c>
      <c r="B8457" s="6"/>
      <c r="C8457" s="6" t="s">
        <v>8481</v>
      </c>
      <c r="D8457" s="6"/>
      <c r="E8457" s="6" t="s">
        <v>9</v>
      </c>
      <c r="F8457" s="7">
        <v>38657</v>
      </c>
      <c r="G8457" s="8">
        <v>1</v>
      </c>
      <c r="H8457" s="8">
        <v>1</v>
      </c>
      <c r="I8457" s="8">
        <v>0</v>
      </c>
      <c r="J8457" s="8">
        <v>1</v>
      </c>
      <c r="K8457" s="9">
        <v>38</v>
      </c>
      <c r="L8457" s="6" t="s">
        <v>51</v>
      </c>
    </row>
    <row r="8458" spans="1:12">
      <c r="A8458" s="6" t="s">
        <v>49</v>
      </c>
      <c r="B8458" s="6"/>
      <c r="C8458" s="6" t="s">
        <v>8482</v>
      </c>
      <c r="D8458" s="6"/>
      <c r="E8458" s="6" t="s">
        <v>9</v>
      </c>
      <c r="F8458" s="7">
        <v>38657</v>
      </c>
      <c r="G8458" s="8">
        <v>1</v>
      </c>
      <c r="H8458" s="8">
        <v>1</v>
      </c>
      <c r="I8458" s="8">
        <v>0</v>
      </c>
      <c r="J8458" s="8">
        <v>1</v>
      </c>
      <c r="K8458" s="9">
        <v>32</v>
      </c>
      <c r="L8458" s="6" t="s">
        <v>51</v>
      </c>
    </row>
    <row r="8459" spans="1:12">
      <c r="A8459" s="6" t="s">
        <v>49</v>
      </c>
      <c r="B8459" s="6"/>
      <c r="C8459" s="6" t="s">
        <v>8483</v>
      </c>
      <c r="D8459" s="6"/>
      <c r="E8459" s="6" t="s">
        <v>9</v>
      </c>
      <c r="F8459" s="7">
        <v>38657</v>
      </c>
      <c r="G8459" s="8">
        <v>1</v>
      </c>
      <c r="H8459" s="8">
        <v>1</v>
      </c>
      <c r="I8459" s="8">
        <v>0</v>
      </c>
      <c r="J8459" s="8">
        <v>1</v>
      </c>
      <c r="K8459" s="9">
        <v>30</v>
      </c>
      <c r="L8459" s="6" t="s">
        <v>51</v>
      </c>
    </row>
    <row r="8460" spans="1:12">
      <c r="A8460" s="6" t="s">
        <v>49</v>
      </c>
      <c r="B8460" s="6"/>
      <c r="C8460" s="6" t="s">
        <v>8484</v>
      </c>
      <c r="D8460" s="6"/>
      <c r="E8460" s="6" t="s">
        <v>9</v>
      </c>
      <c r="F8460" s="7">
        <v>38657</v>
      </c>
      <c r="G8460" s="8">
        <v>1</v>
      </c>
      <c r="H8460" s="8">
        <v>1</v>
      </c>
      <c r="I8460" s="8">
        <v>0</v>
      </c>
      <c r="J8460" s="8">
        <v>1</v>
      </c>
      <c r="K8460" s="9">
        <v>49</v>
      </c>
      <c r="L8460" s="6" t="s">
        <v>51</v>
      </c>
    </row>
    <row r="8461" spans="1:12">
      <c r="A8461" s="6" t="s">
        <v>49</v>
      </c>
      <c r="B8461" s="6"/>
      <c r="C8461" s="6" t="s">
        <v>8485</v>
      </c>
      <c r="D8461" s="6"/>
      <c r="E8461" s="6" t="s">
        <v>9</v>
      </c>
      <c r="F8461" s="7">
        <v>39826</v>
      </c>
      <c r="G8461" s="8">
        <v>704352</v>
      </c>
      <c r="H8461" s="8">
        <v>704352</v>
      </c>
      <c r="I8461" s="8">
        <v>0</v>
      </c>
      <c r="J8461" s="8">
        <v>704352</v>
      </c>
      <c r="K8461" s="9">
        <v>60</v>
      </c>
      <c r="L8461" s="6" t="s">
        <v>51</v>
      </c>
    </row>
    <row r="8462" spans="1:12">
      <c r="A8462" s="6" t="s">
        <v>49</v>
      </c>
      <c r="B8462" s="6"/>
      <c r="C8462" s="6" t="s">
        <v>8486</v>
      </c>
      <c r="D8462" s="6"/>
      <c r="E8462" s="6" t="s">
        <v>9</v>
      </c>
      <c r="F8462" s="7">
        <v>41730</v>
      </c>
      <c r="G8462" s="8">
        <v>1</v>
      </c>
      <c r="H8462" s="8">
        <v>1</v>
      </c>
      <c r="I8462" s="8">
        <v>0</v>
      </c>
      <c r="J8462" s="8">
        <v>1</v>
      </c>
      <c r="K8462" s="9">
        <v>50</v>
      </c>
      <c r="L8462" s="6" t="s">
        <v>51</v>
      </c>
    </row>
    <row r="8463" spans="1:12">
      <c r="A8463" s="6" t="s">
        <v>49</v>
      </c>
      <c r="B8463" s="6"/>
      <c r="C8463" s="6" t="s">
        <v>8487</v>
      </c>
      <c r="D8463" s="6"/>
      <c r="E8463" s="6" t="s">
        <v>9</v>
      </c>
      <c r="F8463" s="7">
        <v>38657</v>
      </c>
      <c r="G8463" s="8">
        <v>1</v>
      </c>
      <c r="H8463" s="8">
        <v>1</v>
      </c>
      <c r="I8463" s="8">
        <v>0</v>
      </c>
      <c r="J8463" s="8">
        <v>1</v>
      </c>
      <c r="K8463" s="9">
        <v>40</v>
      </c>
      <c r="L8463" s="6" t="s">
        <v>51</v>
      </c>
    </row>
    <row r="8464" spans="1:12">
      <c r="A8464" s="6" t="s">
        <v>49</v>
      </c>
      <c r="B8464" s="6"/>
      <c r="C8464" s="6" t="s">
        <v>8488</v>
      </c>
      <c r="D8464" s="6"/>
      <c r="E8464" s="6" t="s">
        <v>9</v>
      </c>
      <c r="F8464" s="7">
        <v>38657</v>
      </c>
      <c r="G8464" s="8">
        <v>1</v>
      </c>
      <c r="H8464" s="8">
        <v>1</v>
      </c>
      <c r="I8464" s="8">
        <v>0</v>
      </c>
      <c r="J8464" s="8">
        <v>1</v>
      </c>
      <c r="K8464" s="9">
        <v>43.25</v>
      </c>
      <c r="L8464" s="6" t="s">
        <v>51</v>
      </c>
    </row>
    <row r="8465" spans="1:12">
      <c r="A8465" s="6" t="s">
        <v>49</v>
      </c>
      <c r="B8465" s="6"/>
      <c r="C8465" s="6" t="s">
        <v>8489</v>
      </c>
      <c r="D8465" s="6"/>
      <c r="E8465" s="6" t="s">
        <v>9</v>
      </c>
      <c r="F8465" s="7">
        <v>39831</v>
      </c>
      <c r="G8465" s="8">
        <v>206248</v>
      </c>
      <c r="H8465" s="8">
        <v>206248</v>
      </c>
      <c r="I8465" s="8">
        <v>0</v>
      </c>
      <c r="J8465" s="8">
        <v>206248</v>
      </c>
      <c r="K8465" s="9">
        <v>17</v>
      </c>
      <c r="L8465" s="6" t="s">
        <v>51</v>
      </c>
    </row>
    <row r="8466" spans="1:12">
      <c r="A8466" s="6" t="s">
        <v>49</v>
      </c>
      <c r="B8466" s="6"/>
      <c r="C8466" s="6" t="s">
        <v>8490</v>
      </c>
      <c r="D8466" s="6"/>
      <c r="E8466" s="6" t="s">
        <v>9</v>
      </c>
      <c r="F8466" s="7">
        <v>40074</v>
      </c>
      <c r="G8466" s="8">
        <v>1</v>
      </c>
      <c r="H8466" s="8">
        <v>1</v>
      </c>
      <c r="I8466" s="8">
        <v>0</v>
      </c>
      <c r="J8466" s="8">
        <v>1</v>
      </c>
      <c r="K8466" s="9">
        <v>28</v>
      </c>
      <c r="L8466" s="6" t="s">
        <v>51</v>
      </c>
    </row>
    <row r="8467" spans="1:12">
      <c r="A8467" s="6" t="s">
        <v>49</v>
      </c>
      <c r="B8467" s="6"/>
      <c r="C8467" s="6" t="s">
        <v>8491</v>
      </c>
      <c r="D8467" s="6"/>
      <c r="E8467" s="6" t="s">
        <v>9</v>
      </c>
      <c r="F8467" s="7">
        <v>38657</v>
      </c>
      <c r="G8467" s="8">
        <v>1</v>
      </c>
      <c r="H8467" s="8">
        <v>1</v>
      </c>
      <c r="I8467" s="8">
        <v>0</v>
      </c>
      <c r="J8467" s="8">
        <v>1</v>
      </c>
      <c r="K8467" s="9">
        <v>40</v>
      </c>
      <c r="L8467" s="6" t="s">
        <v>51</v>
      </c>
    </row>
    <row r="8468" spans="1:12">
      <c r="A8468" s="6" t="s">
        <v>49</v>
      </c>
      <c r="B8468" s="6"/>
      <c r="C8468" s="6" t="s">
        <v>8492</v>
      </c>
      <c r="D8468" s="6"/>
      <c r="E8468" s="6" t="s">
        <v>9</v>
      </c>
      <c r="F8468" s="7">
        <v>40074</v>
      </c>
      <c r="G8468" s="8">
        <v>1</v>
      </c>
      <c r="H8468" s="8">
        <v>1</v>
      </c>
      <c r="I8468" s="8">
        <v>0</v>
      </c>
      <c r="J8468" s="8">
        <v>1</v>
      </c>
      <c r="K8468" s="9">
        <v>71</v>
      </c>
      <c r="L8468" s="6" t="s">
        <v>51</v>
      </c>
    </row>
    <row r="8469" spans="1:12">
      <c r="A8469" s="6" t="s">
        <v>49</v>
      </c>
      <c r="B8469" s="6"/>
      <c r="C8469" s="6" t="s">
        <v>8493</v>
      </c>
      <c r="D8469" s="6"/>
      <c r="E8469" s="6" t="s">
        <v>9</v>
      </c>
      <c r="F8469" s="7">
        <v>38657</v>
      </c>
      <c r="G8469" s="8">
        <v>1</v>
      </c>
      <c r="H8469" s="8">
        <v>1</v>
      </c>
      <c r="I8469" s="8">
        <v>0</v>
      </c>
      <c r="J8469" s="8">
        <v>1</v>
      </c>
      <c r="K8469" s="9">
        <v>39</v>
      </c>
      <c r="L8469" s="6" t="s">
        <v>51</v>
      </c>
    </row>
    <row r="8470" spans="1:12">
      <c r="A8470" s="6" t="s">
        <v>49</v>
      </c>
      <c r="B8470" s="6"/>
      <c r="C8470" s="6" t="s">
        <v>8494</v>
      </c>
      <c r="D8470" s="6"/>
      <c r="E8470" s="6" t="s">
        <v>9</v>
      </c>
      <c r="F8470" s="7">
        <v>39831</v>
      </c>
      <c r="G8470" s="8">
        <v>461216</v>
      </c>
      <c r="H8470" s="8">
        <v>461216</v>
      </c>
      <c r="I8470" s="8">
        <v>0</v>
      </c>
      <c r="J8470" s="8">
        <v>461216</v>
      </c>
      <c r="K8470" s="9">
        <v>39</v>
      </c>
      <c r="L8470" s="6" t="s">
        <v>51</v>
      </c>
    </row>
    <row r="8471" spans="1:12">
      <c r="A8471" s="6" t="s">
        <v>49</v>
      </c>
      <c r="B8471" s="6"/>
      <c r="C8471" s="6" t="s">
        <v>8495</v>
      </c>
      <c r="D8471" s="6"/>
      <c r="E8471" s="6" t="s">
        <v>9</v>
      </c>
      <c r="F8471" s="7">
        <v>40074</v>
      </c>
      <c r="G8471" s="8">
        <v>1</v>
      </c>
      <c r="H8471" s="8">
        <v>1</v>
      </c>
      <c r="I8471" s="8">
        <v>0</v>
      </c>
      <c r="J8471" s="8">
        <v>1</v>
      </c>
      <c r="K8471" s="9">
        <v>14</v>
      </c>
      <c r="L8471" s="6" t="s">
        <v>51</v>
      </c>
    </row>
    <row r="8472" spans="1:12">
      <c r="A8472" s="6" t="s">
        <v>49</v>
      </c>
      <c r="B8472" s="6"/>
      <c r="C8472" s="6" t="s">
        <v>8496</v>
      </c>
      <c r="D8472" s="6"/>
      <c r="E8472" s="6" t="s">
        <v>9</v>
      </c>
      <c r="F8472" s="7">
        <v>40357</v>
      </c>
      <c r="G8472" s="8">
        <v>1</v>
      </c>
      <c r="H8472" s="8">
        <v>1</v>
      </c>
      <c r="I8472" s="8">
        <v>0</v>
      </c>
      <c r="J8472" s="8">
        <v>1</v>
      </c>
      <c r="K8472" s="9">
        <v>28</v>
      </c>
      <c r="L8472" s="6" t="s">
        <v>51</v>
      </c>
    </row>
    <row r="8473" spans="1:12">
      <c r="A8473" s="6" t="s">
        <v>49</v>
      </c>
      <c r="B8473" s="6"/>
      <c r="C8473" s="6" t="s">
        <v>8497</v>
      </c>
      <c r="D8473" s="6"/>
      <c r="E8473" s="6" t="s">
        <v>9</v>
      </c>
      <c r="F8473" s="7">
        <v>40074</v>
      </c>
      <c r="G8473" s="8">
        <v>1</v>
      </c>
      <c r="H8473" s="8">
        <v>1</v>
      </c>
      <c r="I8473" s="8">
        <v>0</v>
      </c>
      <c r="J8473" s="8">
        <v>1</v>
      </c>
      <c r="K8473" s="9">
        <v>69</v>
      </c>
      <c r="L8473" s="6" t="s">
        <v>51</v>
      </c>
    </row>
    <row r="8474" spans="1:12">
      <c r="A8474" s="6" t="s">
        <v>49</v>
      </c>
      <c r="B8474" s="6"/>
      <c r="C8474" s="6" t="s">
        <v>8498</v>
      </c>
      <c r="D8474" s="6"/>
      <c r="E8474" s="6" t="s">
        <v>9</v>
      </c>
      <c r="F8474" s="7">
        <v>40074</v>
      </c>
      <c r="G8474" s="8">
        <v>1</v>
      </c>
      <c r="H8474" s="8">
        <v>1</v>
      </c>
      <c r="I8474" s="8">
        <v>0</v>
      </c>
      <c r="J8474" s="8">
        <v>1</v>
      </c>
      <c r="K8474" s="9">
        <v>29</v>
      </c>
      <c r="L8474" s="6" t="s">
        <v>51</v>
      </c>
    </row>
    <row r="8475" spans="1:12">
      <c r="A8475" s="6" t="s">
        <v>49</v>
      </c>
      <c r="B8475" s="6"/>
      <c r="C8475" s="6" t="s">
        <v>8499</v>
      </c>
      <c r="D8475" s="6"/>
      <c r="E8475" s="6" t="s">
        <v>9</v>
      </c>
      <c r="F8475" s="7">
        <v>38657</v>
      </c>
      <c r="G8475" s="8">
        <v>1</v>
      </c>
      <c r="H8475" s="8">
        <v>1</v>
      </c>
      <c r="I8475" s="8">
        <v>0</v>
      </c>
      <c r="J8475" s="8">
        <v>1</v>
      </c>
      <c r="K8475" s="9">
        <v>33</v>
      </c>
      <c r="L8475" s="6" t="s">
        <v>51</v>
      </c>
    </row>
    <row r="8476" spans="1:12">
      <c r="A8476" s="6" t="s">
        <v>49</v>
      </c>
      <c r="B8476" s="6"/>
      <c r="C8476" s="6" t="s">
        <v>8500</v>
      </c>
      <c r="D8476" s="6"/>
      <c r="E8476" s="6" t="s">
        <v>9</v>
      </c>
      <c r="F8476" s="7">
        <v>40074</v>
      </c>
      <c r="G8476" s="8">
        <v>1</v>
      </c>
      <c r="H8476" s="8">
        <v>1</v>
      </c>
      <c r="I8476" s="8">
        <v>0</v>
      </c>
      <c r="J8476" s="8">
        <v>1</v>
      </c>
      <c r="K8476" s="9">
        <v>38</v>
      </c>
      <c r="L8476" s="6" t="s">
        <v>51</v>
      </c>
    </row>
    <row r="8477" spans="1:12">
      <c r="A8477" s="6" t="s">
        <v>49</v>
      </c>
      <c r="B8477" s="6"/>
      <c r="C8477" s="6" t="s">
        <v>8501</v>
      </c>
      <c r="D8477" s="6"/>
      <c r="E8477" s="6" t="s">
        <v>9</v>
      </c>
      <c r="F8477" s="7">
        <v>40074</v>
      </c>
      <c r="G8477" s="8">
        <v>1</v>
      </c>
      <c r="H8477" s="8">
        <v>1</v>
      </c>
      <c r="I8477" s="8">
        <v>0</v>
      </c>
      <c r="J8477" s="8">
        <v>1</v>
      </c>
      <c r="K8477" s="9">
        <v>14</v>
      </c>
      <c r="L8477" s="6" t="s">
        <v>51</v>
      </c>
    </row>
    <row r="8478" spans="1:12">
      <c r="A8478" s="6" t="s">
        <v>49</v>
      </c>
      <c r="B8478" s="6"/>
      <c r="C8478" s="6" t="s">
        <v>8502</v>
      </c>
      <c r="D8478" s="6"/>
      <c r="E8478" s="6" t="s">
        <v>9</v>
      </c>
      <c r="F8478" s="7">
        <v>40074</v>
      </c>
      <c r="G8478" s="8">
        <v>1</v>
      </c>
      <c r="H8478" s="8">
        <v>1</v>
      </c>
      <c r="I8478" s="8">
        <v>0</v>
      </c>
      <c r="J8478" s="8">
        <v>1</v>
      </c>
      <c r="K8478" s="9">
        <v>58</v>
      </c>
      <c r="L8478" s="6" t="s">
        <v>51</v>
      </c>
    </row>
    <row r="8479" spans="1:12">
      <c r="A8479" s="6" t="s">
        <v>49</v>
      </c>
      <c r="B8479" s="6"/>
      <c r="C8479" s="6" t="s">
        <v>8503</v>
      </c>
      <c r="D8479" s="6"/>
      <c r="E8479" s="6" t="s">
        <v>9</v>
      </c>
      <c r="F8479" s="7">
        <v>38657</v>
      </c>
      <c r="G8479" s="8">
        <v>1</v>
      </c>
      <c r="H8479" s="8">
        <v>1</v>
      </c>
      <c r="I8479" s="8">
        <v>0</v>
      </c>
      <c r="J8479" s="8">
        <v>1</v>
      </c>
      <c r="K8479" s="9">
        <v>6723</v>
      </c>
      <c r="L8479" s="6" t="s">
        <v>51</v>
      </c>
    </row>
    <row r="8480" spans="1:12">
      <c r="A8480" s="6" t="s">
        <v>49</v>
      </c>
      <c r="B8480" s="6"/>
      <c r="C8480" s="6" t="s">
        <v>8504</v>
      </c>
      <c r="D8480" s="6"/>
      <c r="E8480" s="6" t="s">
        <v>9</v>
      </c>
      <c r="F8480" s="7">
        <v>38657</v>
      </c>
      <c r="G8480" s="8">
        <v>1</v>
      </c>
      <c r="H8480" s="8">
        <v>1</v>
      </c>
      <c r="I8480" s="8">
        <v>0</v>
      </c>
      <c r="J8480" s="8">
        <v>1</v>
      </c>
      <c r="K8480" s="9">
        <v>24</v>
      </c>
      <c r="L8480" s="6" t="s">
        <v>51</v>
      </c>
    </row>
    <row r="8481" spans="1:12">
      <c r="A8481" s="6" t="s">
        <v>49</v>
      </c>
      <c r="B8481" s="6"/>
      <c r="C8481" s="6" t="s">
        <v>8505</v>
      </c>
      <c r="D8481" s="6"/>
      <c r="E8481" s="6" t="s">
        <v>9</v>
      </c>
      <c r="F8481" s="7">
        <v>38657</v>
      </c>
      <c r="G8481" s="8">
        <v>1</v>
      </c>
      <c r="H8481" s="8">
        <v>1</v>
      </c>
      <c r="I8481" s="8">
        <v>0</v>
      </c>
      <c r="J8481" s="8">
        <v>1</v>
      </c>
      <c r="K8481" s="9">
        <v>373.14</v>
      </c>
      <c r="L8481" s="6" t="s">
        <v>51</v>
      </c>
    </row>
    <row r="8482" spans="1:12">
      <c r="A8482" s="6" t="s">
        <v>49</v>
      </c>
      <c r="B8482" s="6"/>
      <c r="C8482" s="6" t="s">
        <v>8506</v>
      </c>
      <c r="D8482" s="6"/>
      <c r="E8482" s="6" t="s">
        <v>9</v>
      </c>
      <c r="F8482" s="7">
        <v>38657</v>
      </c>
      <c r="G8482" s="8">
        <v>1</v>
      </c>
      <c r="H8482" s="8">
        <v>1</v>
      </c>
      <c r="I8482" s="8">
        <v>0</v>
      </c>
      <c r="J8482" s="8">
        <v>1</v>
      </c>
      <c r="K8482" s="9">
        <v>185</v>
      </c>
      <c r="L8482" s="6" t="s">
        <v>51</v>
      </c>
    </row>
    <row r="8483" spans="1:12">
      <c r="A8483" s="6" t="s">
        <v>49</v>
      </c>
      <c r="B8483" s="6"/>
      <c r="C8483" s="6" t="s">
        <v>8507</v>
      </c>
      <c r="D8483" s="6"/>
      <c r="E8483" s="6" t="s">
        <v>9</v>
      </c>
      <c r="F8483" s="7">
        <v>38657</v>
      </c>
      <c r="G8483" s="8">
        <v>1</v>
      </c>
      <c r="H8483" s="8">
        <v>1</v>
      </c>
      <c r="I8483" s="8">
        <v>0</v>
      </c>
      <c r="J8483" s="8">
        <v>1</v>
      </c>
      <c r="K8483" s="9">
        <v>293.27</v>
      </c>
      <c r="L8483" s="6" t="s">
        <v>51</v>
      </c>
    </row>
    <row r="8484" spans="1:12">
      <c r="A8484" s="6" t="s">
        <v>49</v>
      </c>
      <c r="B8484" s="6"/>
      <c r="C8484" s="6" t="s">
        <v>8508</v>
      </c>
      <c r="D8484" s="6"/>
      <c r="E8484" s="6" t="s">
        <v>9</v>
      </c>
      <c r="F8484" s="7">
        <v>38657</v>
      </c>
      <c r="G8484" s="8">
        <v>1</v>
      </c>
      <c r="H8484" s="8">
        <v>1</v>
      </c>
      <c r="I8484" s="8">
        <v>0</v>
      </c>
      <c r="J8484" s="8">
        <v>1</v>
      </c>
      <c r="K8484" s="9">
        <v>0.68</v>
      </c>
      <c r="L8484" s="6" t="s">
        <v>51</v>
      </c>
    </row>
    <row r="8485" spans="1:12">
      <c r="A8485" s="6" t="s">
        <v>49</v>
      </c>
      <c r="B8485" s="6"/>
      <c r="C8485" s="6" t="s">
        <v>8509</v>
      </c>
      <c r="D8485" s="6"/>
      <c r="E8485" s="6" t="s">
        <v>9</v>
      </c>
      <c r="F8485" s="7">
        <v>38657</v>
      </c>
      <c r="G8485" s="8">
        <v>1</v>
      </c>
      <c r="H8485" s="8">
        <v>1</v>
      </c>
      <c r="I8485" s="8">
        <v>0</v>
      </c>
      <c r="J8485" s="8">
        <v>1</v>
      </c>
      <c r="K8485" s="9">
        <v>214</v>
      </c>
      <c r="L8485" s="6" t="s">
        <v>51</v>
      </c>
    </row>
    <row r="8486" spans="1:12">
      <c r="A8486" s="6" t="s">
        <v>49</v>
      </c>
      <c r="B8486" s="6"/>
      <c r="C8486" s="6" t="s">
        <v>8510</v>
      </c>
      <c r="D8486" s="6"/>
      <c r="E8486" s="6" t="s">
        <v>9</v>
      </c>
      <c r="F8486" s="7">
        <v>38657</v>
      </c>
      <c r="G8486" s="8">
        <v>1</v>
      </c>
      <c r="H8486" s="8">
        <v>1</v>
      </c>
      <c r="I8486" s="8">
        <v>0</v>
      </c>
      <c r="J8486" s="8">
        <v>1</v>
      </c>
      <c r="K8486" s="9">
        <v>71.069999999999894</v>
      </c>
      <c r="L8486" s="6" t="s">
        <v>51</v>
      </c>
    </row>
    <row r="8487" spans="1:12">
      <c r="A8487" s="6" t="s">
        <v>49</v>
      </c>
      <c r="B8487" s="6"/>
      <c r="C8487" s="6" t="s">
        <v>8511</v>
      </c>
      <c r="D8487" s="6"/>
      <c r="E8487" s="6" t="s">
        <v>9</v>
      </c>
      <c r="F8487" s="7">
        <v>38657</v>
      </c>
      <c r="G8487" s="8">
        <v>1</v>
      </c>
      <c r="H8487" s="8">
        <v>1</v>
      </c>
      <c r="I8487" s="8">
        <v>0</v>
      </c>
      <c r="J8487" s="8">
        <v>1</v>
      </c>
      <c r="K8487" s="9">
        <v>386</v>
      </c>
      <c r="L8487" s="6" t="s">
        <v>51</v>
      </c>
    </row>
    <row r="8488" spans="1:12">
      <c r="A8488" s="6" t="s">
        <v>49</v>
      </c>
      <c r="B8488" s="6"/>
      <c r="C8488" s="6" t="s">
        <v>8512</v>
      </c>
      <c r="D8488" s="6"/>
      <c r="E8488" s="6" t="s">
        <v>9</v>
      </c>
      <c r="F8488" s="7">
        <v>38657</v>
      </c>
      <c r="G8488" s="8">
        <v>1</v>
      </c>
      <c r="H8488" s="8">
        <v>1</v>
      </c>
      <c r="I8488" s="8">
        <v>0</v>
      </c>
      <c r="J8488" s="8">
        <v>1</v>
      </c>
      <c r="K8488" s="9">
        <v>11203</v>
      </c>
      <c r="L8488" s="6" t="s">
        <v>51</v>
      </c>
    </row>
    <row r="8489" spans="1:12">
      <c r="A8489" s="6" t="s">
        <v>49</v>
      </c>
      <c r="B8489" s="6"/>
      <c r="C8489" s="6" t="s">
        <v>8513</v>
      </c>
      <c r="D8489" s="6"/>
      <c r="E8489" s="6" t="s">
        <v>9</v>
      </c>
      <c r="F8489" s="7">
        <v>38657</v>
      </c>
      <c r="G8489" s="8">
        <v>1</v>
      </c>
      <c r="H8489" s="8">
        <v>1</v>
      </c>
      <c r="I8489" s="8">
        <v>0</v>
      </c>
      <c r="J8489" s="8">
        <v>1</v>
      </c>
      <c r="K8489" s="9">
        <v>314</v>
      </c>
      <c r="L8489" s="6" t="s">
        <v>51</v>
      </c>
    </row>
    <row r="8490" spans="1:12">
      <c r="A8490" s="6" t="s">
        <v>49</v>
      </c>
      <c r="B8490" s="6"/>
      <c r="C8490" s="6" t="s">
        <v>8514</v>
      </c>
      <c r="D8490" s="6"/>
      <c r="E8490" s="6" t="s">
        <v>9</v>
      </c>
      <c r="F8490" s="7">
        <v>38657</v>
      </c>
      <c r="G8490" s="8">
        <v>1</v>
      </c>
      <c r="H8490" s="8">
        <v>1</v>
      </c>
      <c r="I8490" s="8">
        <v>0</v>
      </c>
      <c r="J8490" s="8">
        <v>1</v>
      </c>
      <c r="K8490" s="9">
        <v>1213</v>
      </c>
      <c r="L8490" s="6" t="s">
        <v>51</v>
      </c>
    </row>
    <row r="8491" spans="1:12">
      <c r="A8491" s="6" t="s">
        <v>49</v>
      </c>
      <c r="B8491" s="6"/>
      <c r="C8491" s="6" t="s">
        <v>8515</v>
      </c>
      <c r="D8491" s="6"/>
      <c r="E8491" s="6" t="s">
        <v>9</v>
      </c>
      <c r="F8491" s="7">
        <v>38657</v>
      </c>
      <c r="G8491" s="8">
        <v>1</v>
      </c>
      <c r="H8491" s="8">
        <v>1</v>
      </c>
      <c r="I8491" s="8">
        <v>0</v>
      </c>
      <c r="J8491" s="8">
        <v>1</v>
      </c>
      <c r="K8491" s="9">
        <v>145</v>
      </c>
      <c r="L8491" s="6" t="s">
        <v>51</v>
      </c>
    </row>
    <row r="8492" spans="1:12">
      <c r="A8492" s="6" t="s">
        <v>49</v>
      </c>
      <c r="B8492" s="6"/>
      <c r="C8492" s="6" t="s">
        <v>8516</v>
      </c>
      <c r="D8492" s="6"/>
      <c r="E8492" s="6" t="s">
        <v>9</v>
      </c>
      <c r="F8492" s="7">
        <v>38657</v>
      </c>
      <c r="G8492" s="8">
        <v>1</v>
      </c>
      <c r="H8492" s="8">
        <v>1</v>
      </c>
      <c r="I8492" s="8">
        <v>0</v>
      </c>
      <c r="J8492" s="8">
        <v>1</v>
      </c>
      <c r="K8492" s="9">
        <v>51</v>
      </c>
      <c r="L8492" s="6" t="s">
        <v>51</v>
      </c>
    </row>
    <row r="8493" spans="1:12">
      <c r="A8493" s="6" t="s">
        <v>49</v>
      </c>
      <c r="B8493" s="6"/>
      <c r="C8493" s="6" t="s">
        <v>8517</v>
      </c>
      <c r="D8493" s="6"/>
      <c r="E8493" s="6" t="s">
        <v>9</v>
      </c>
      <c r="F8493" s="7">
        <v>38657</v>
      </c>
      <c r="G8493" s="8">
        <v>1</v>
      </c>
      <c r="H8493" s="8">
        <v>1</v>
      </c>
      <c r="I8493" s="8">
        <v>0</v>
      </c>
      <c r="J8493" s="8">
        <v>1</v>
      </c>
      <c r="K8493" s="9">
        <v>269.11</v>
      </c>
      <c r="L8493" s="6" t="s">
        <v>51</v>
      </c>
    </row>
    <row r="8494" spans="1:12">
      <c r="A8494" s="6" t="s">
        <v>49</v>
      </c>
      <c r="B8494" s="6"/>
      <c r="C8494" s="6" t="s">
        <v>8518</v>
      </c>
      <c r="D8494" s="6"/>
      <c r="E8494" s="6" t="s">
        <v>9</v>
      </c>
      <c r="F8494" s="7">
        <v>38657</v>
      </c>
      <c r="G8494" s="8">
        <v>1</v>
      </c>
      <c r="H8494" s="8">
        <v>1</v>
      </c>
      <c r="I8494" s="8">
        <v>0</v>
      </c>
      <c r="J8494" s="8">
        <v>1</v>
      </c>
      <c r="K8494" s="9">
        <v>62</v>
      </c>
      <c r="L8494" s="6" t="s">
        <v>51</v>
      </c>
    </row>
    <row r="8495" spans="1:12">
      <c r="A8495" s="6" t="s">
        <v>49</v>
      </c>
      <c r="B8495" s="6"/>
      <c r="C8495" s="6" t="s">
        <v>8519</v>
      </c>
      <c r="D8495" s="6"/>
      <c r="E8495" s="6" t="s">
        <v>9</v>
      </c>
      <c r="F8495" s="7">
        <v>38657</v>
      </c>
      <c r="G8495" s="8">
        <v>1</v>
      </c>
      <c r="H8495" s="8">
        <v>1</v>
      </c>
      <c r="I8495" s="8">
        <v>0</v>
      </c>
      <c r="J8495" s="8">
        <v>1</v>
      </c>
      <c r="K8495" s="9">
        <v>0.5</v>
      </c>
      <c r="L8495" s="6" t="s">
        <v>51</v>
      </c>
    </row>
    <row r="8496" spans="1:12">
      <c r="A8496" s="6" t="s">
        <v>49</v>
      </c>
      <c r="B8496" s="6"/>
      <c r="C8496" s="6" t="s">
        <v>8520</v>
      </c>
      <c r="D8496" s="6"/>
      <c r="E8496" s="6" t="s">
        <v>9</v>
      </c>
      <c r="F8496" s="7">
        <v>38657</v>
      </c>
      <c r="G8496" s="8">
        <v>1</v>
      </c>
      <c r="H8496" s="8">
        <v>1</v>
      </c>
      <c r="I8496" s="8">
        <v>0</v>
      </c>
      <c r="J8496" s="8">
        <v>1</v>
      </c>
      <c r="K8496" s="9">
        <v>14.64</v>
      </c>
      <c r="L8496" s="6" t="s">
        <v>51</v>
      </c>
    </row>
    <row r="8497" spans="1:12">
      <c r="A8497" s="6" t="s">
        <v>49</v>
      </c>
      <c r="B8497" s="6"/>
      <c r="C8497" s="6" t="s">
        <v>8521</v>
      </c>
      <c r="D8497" s="6"/>
      <c r="E8497" s="6" t="s">
        <v>9</v>
      </c>
      <c r="F8497" s="7">
        <v>38657</v>
      </c>
      <c r="G8497" s="8">
        <v>1</v>
      </c>
      <c r="H8497" s="8">
        <v>1</v>
      </c>
      <c r="I8497" s="8">
        <v>0</v>
      </c>
      <c r="J8497" s="8">
        <v>1</v>
      </c>
      <c r="K8497" s="9">
        <v>88</v>
      </c>
      <c r="L8497" s="6" t="s">
        <v>51</v>
      </c>
    </row>
    <row r="8498" spans="1:12">
      <c r="A8498" s="6" t="s">
        <v>49</v>
      </c>
      <c r="B8498" s="6"/>
      <c r="C8498" s="6" t="s">
        <v>8522</v>
      </c>
      <c r="D8498" s="6"/>
      <c r="E8498" s="6" t="s">
        <v>9</v>
      </c>
      <c r="F8498" s="7">
        <v>38657</v>
      </c>
      <c r="G8498" s="8">
        <v>1</v>
      </c>
      <c r="H8498" s="8">
        <v>1</v>
      </c>
      <c r="I8498" s="8">
        <v>0</v>
      </c>
      <c r="J8498" s="8">
        <v>1</v>
      </c>
      <c r="K8498" s="9">
        <v>231.83</v>
      </c>
      <c r="L8498" s="6" t="s">
        <v>51</v>
      </c>
    </row>
    <row r="8499" spans="1:12">
      <c r="A8499" s="6" t="s">
        <v>49</v>
      </c>
      <c r="B8499" s="6"/>
      <c r="C8499" s="6" t="s">
        <v>8523</v>
      </c>
      <c r="D8499" s="6"/>
      <c r="E8499" s="6" t="s">
        <v>9</v>
      </c>
      <c r="F8499" s="7">
        <v>38657</v>
      </c>
      <c r="G8499" s="8">
        <v>1</v>
      </c>
      <c r="H8499" s="8">
        <v>1</v>
      </c>
      <c r="I8499" s="8">
        <v>0</v>
      </c>
      <c r="J8499" s="8">
        <v>1</v>
      </c>
      <c r="K8499" s="9">
        <v>1028</v>
      </c>
      <c r="L8499" s="6" t="s">
        <v>51</v>
      </c>
    </row>
    <row r="8500" spans="1:12">
      <c r="A8500" s="6" t="s">
        <v>49</v>
      </c>
      <c r="B8500" s="6"/>
      <c r="C8500" s="6" t="s">
        <v>8524</v>
      </c>
      <c r="D8500" s="6"/>
      <c r="E8500" s="6" t="s">
        <v>9</v>
      </c>
      <c r="F8500" s="7">
        <v>38657</v>
      </c>
      <c r="G8500" s="8">
        <v>1</v>
      </c>
      <c r="H8500" s="8">
        <v>1</v>
      </c>
      <c r="I8500" s="8">
        <v>0</v>
      </c>
      <c r="J8500" s="8">
        <v>1</v>
      </c>
      <c r="K8500" s="9">
        <v>2</v>
      </c>
      <c r="L8500" s="6" t="s">
        <v>51</v>
      </c>
    </row>
    <row r="8501" spans="1:12">
      <c r="A8501" s="6" t="s">
        <v>49</v>
      </c>
      <c r="B8501" s="6"/>
      <c r="C8501" s="6" t="s">
        <v>8525</v>
      </c>
      <c r="D8501" s="6"/>
      <c r="E8501" s="6" t="s">
        <v>9</v>
      </c>
      <c r="F8501" s="7">
        <v>38657</v>
      </c>
      <c r="G8501" s="8">
        <v>1</v>
      </c>
      <c r="H8501" s="8">
        <v>1</v>
      </c>
      <c r="I8501" s="8">
        <v>0</v>
      </c>
      <c r="J8501" s="8">
        <v>1</v>
      </c>
      <c r="K8501" s="9">
        <v>14</v>
      </c>
      <c r="L8501" s="6" t="s">
        <v>51</v>
      </c>
    </row>
    <row r="8502" spans="1:12">
      <c r="A8502" s="6" t="s">
        <v>49</v>
      </c>
      <c r="B8502" s="6"/>
      <c r="C8502" s="6" t="s">
        <v>8526</v>
      </c>
      <c r="D8502" s="6"/>
      <c r="E8502" s="6" t="s">
        <v>9</v>
      </c>
      <c r="F8502" s="7">
        <v>38657</v>
      </c>
      <c r="G8502" s="8">
        <v>1</v>
      </c>
      <c r="H8502" s="8">
        <v>1</v>
      </c>
      <c r="I8502" s="8">
        <v>0</v>
      </c>
      <c r="J8502" s="8">
        <v>1</v>
      </c>
      <c r="K8502" s="9">
        <v>9.6</v>
      </c>
      <c r="L8502" s="6" t="s">
        <v>51</v>
      </c>
    </row>
    <row r="8503" spans="1:12">
      <c r="A8503" s="6" t="s">
        <v>49</v>
      </c>
      <c r="B8503" s="6"/>
      <c r="C8503" s="6" t="s">
        <v>8527</v>
      </c>
      <c r="D8503" s="6"/>
      <c r="E8503" s="6" t="s">
        <v>9</v>
      </c>
      <c r="F8503" s="7">
        <v>38657</v>
      </c>
      <c r="G8503" s="8">
        <v>1</v>
      </c>
      <c r="H8503" s="8">
        <v>1</v>
      </c>
      <c r="I8503" s="8">
        <v>0</v>
      </c>
      <c r="J8503" s="8">
        <v>1</v>
      </c>
      <c r="K8503" s="9">
        <v>9.76</v>
      </c>
      <c r="L8503" s="6" t="s">
        <v>51</v>
      </c>
    </row>
    <row r="8504" spans="1:12">
      <c r="A8504" s="6" t="s">
        <v>49</v>
      </c>
      <c r="B8504" s="6"/>
      <c r="C8504" s="6" t="s">
        <v>8528</v>
      </c>
      <c r="D8504" s="6"/>
      <c r="E8504" s="6" t="s">
        <v>9</v>
      </c>
      <c r="F8504" s="7">
        <v>38657</v>
      </c>
      <c r="G8504" s="8">
        <v>1</v>
      </c>
      <c r="H8504" s="8">
        <v>1</v>
      </c>
      <c r="I8504" s="8">
        <v>0</v>
      </c>
      <c r="J8504" s="8">
        <v>1</v>
      </c>
      <c r="K8504" s="9">
        <v>10</v>
      </c>
      <c r="L8504" s="6" t="s">
        <v>51</v>
      </c>
    </row>
    <row r="8505" spans="1:12">
      <c r="A8505" s="6" t="s">
        <v>49</v>
      </c>
      <c r="B8505" s="6"/>
      <c r="C8505" s="6" t="s">
        <v>8529</v>
      </c>
      <c r="D8505" s="6"/>
      <c r="E8505" s="6" t="s">
        <v>9</v>
      </c>
      <c r="F8505" s="7">
        <v>38657</v>
      </c>
      <c r="G8505" s="8">
        <v>1</v>
      </c>
      <c r="H8505" s="8">
        <v>1</v>
      </c>
      <c r="I8505" s="8">
        <v>0</v>
      </c>
      <c r="J8505" s="8">
        <v>1</v>
      </c>
      <c r="K8505" s="9">
        <v>1.98</v>
      </c>
      <c r="L8505" s="6" t="s">
        <v>51</v>
      </c>
    </row>
    <row r="8506" spans="1:12">
      <c r="A8506" s="6" t="s">
        <v>49</v>
      </c>
      <c r="B8506" s="6"/>
      <c r="C8506" s="6" t="s">
        <v>8530</v>
      </c>
      <c r="D8506" s="6"/>
      <c r="E8506" s="6" t="s">
        <v>9</v>
      </c>
      <c r="F8506" s="7">
        <v>38657</v>
      </c>
      <c r="G8506" s="8">
        <v>1</v>
      </c>
      <c r="H8506" s="8">
        <v>1</v>
      </c>
      <c r="I8506" s="8">
        <v>0</v>
      </c>
      <c r="J8506" s="8">
        <v>1</v>
      </c>
      <c r="K8506" s="9">
        <v>575</v>
      </c>
      <c r="L8506" s="6" t="s">
        <v>51</v>
      </c>
    </row>
    <row r="8507" spans="1:12">
      <c r="A8507" s="6" t="s">
        <v>49</v>
      </c>
      <c r="B8507" s="6"/>
      <c r="C8507" s="6" t="s">
        <v>8531</v>
      </c>
      <c r="D8507" s="6"/>
      <c r="E8507" s="6" t="s">
        <v>9</v>
      </c>
      <c r="F8507" s="7">
        <v>38657</v>
      </c>
      <c r="G8507" s="8">
        <v>1</v>
      </c>
      <c r="H8507" s="8">
        <v>1</v>
      </c>
      <c r="I8507" s="8">
        <v>0</v>
      </c>
      <c r="J8507" s="8">
        <v>1</v>
      </c>
      <c r="K8507" s="9">
        <v>10</v>
      </c>
      <c r="L8507" s="6" t="s">
        <v>51</v>
      </c>
    </row>
    <row r="8508" spans="1:12">
      <c r="A8508" s="6" t="s">
        <v>49</v>
      </c>
      <c r="B8508" s="6"/>
      <c r="C8508" s="6" t="s">
        <v>8532</v>
      </c>
      <c r="D8508" s="6"/>
      <c r="E8508" s="6" t="s">
        <v>9</v>
      </c>
      <c r="F8508" s="7">
        <v>38657</v>
      </c>
      <c r="G8508" s="8">
        <v>1</v>
      </c>
      <c r="H8508" s="8">
        <v>1</v>
      </c>
      <c r="I8508" s="8">
        <v>0</v>
      </c>
      <c r="J8508" s="8">
        <v>1</v>
      </c>
      <c r="K8508" s="9">
        <v>1.5</v>
      </c>
      <c r="L8508" s="6" t="s">
        <v>51</v>
      </c>
    </row>
    <row r="8509" spans="1:12">
      <c r="A8509" s="6" t="s">
        <v>49</v>
      </c>
      <c r="B8509" s="6"/>
      <c r="C8509" s="6" t="s">
        <v>8533</v>
      </c>
      <c r="D8509" s="6"/>
      <c r="E8509" s="6" t="s">
        <v>9</v>
      </c>
      <c r="F8509" s="7">
        <v>38657</v>
      </c>
      <c r="G8509" s="8">
        <v>1</v>
      </c>
      <c r="H8509" s="8">
        <v>1</v>
      </c>
      <c r="I8509" s="8">
        <v>0</v>
      </c>
      <c r="J8509" s="8">
        <v>1</v>
      </c>
      <c r="K8509" s="9">
        <v>232</v>
      </c>
      <c r="L8509" s="6" t="s">
        <v>51</v>
      </c>
    </row>
    <row r="8510" spans="1:12">
      <c r="A8510" s="6" t="s">
        <v>49</v>
      </c>
      <c r="B8510" s="6"/>
      <c r="C8510" s="6" t="s">
        <v>8534</v>
      </c>
      <c r="D8510" s="6"/>
      <c r="E8510" s="6" t="s">
        <v>9</v>
      </c>
      <c r="F8510" s="7">
        <v>38657</v>
      </c>
      <c r="G8510" s="8">
        <v>1</v>
      </c>
      <c r="H8510" s="8">
        <v>1</v>
      </c>
      <c r="I8510" s="8">
        <v>0</v>
      </c>
      <c r="J8510" s="8">
        <v>1</v>
      </c>
      <c r="K8510" s="9">
        <v>6.37</v>
      </c>
      <c r="L8510" s="6" t="s">
        <v>51</v>
      </c>
    </row>
    <row r="8511" spans="1:12">
      <c r="A8511" s="6" t="s">
        <v>49</v>
      </c>
      <c r="B8511" s="6"/>
      <c r="C8511" s="6" t="s">
        <v>8535</v>
      </c>
      <c r="D8511" s="6"/>
      <c r="E8511" s="6" t="s">
        <v>9</v>
      </c>
      <c r="F8511" s="7">
        <v>38657</v>
      </c>
      <c r="G8511" s="8">
        <v>1</v>
      </c>
      <c r="H8511" s="8">
        <v>1</v>
      </c>
      <c r="I8511" s="8">
        <v>0</v>
      </c>
      <c r="J8511" s="8">
        <v>1</v>
      </c>
      <c r="K8511" s="9">
        <v>0.92</v>
      </c>
      <c r="L8511" s="6" t="s">
        <v>51</v>
      </c>
    </row>
    <row r="8512" spans="1:12">
      <c r="A8512" s="6" t="s">
        <v>49</v>
      </c>
      <c r="B8512" s="6"/>
      <c r="C8512" s="6" t="s">
        <v>8536</v>
      </c>
      <c r="D8512" s="6"/>
      <c r="E8512" s="6" t="s">
        <v>9</v>
      </c>
      <c r="F8512" s="7">
        <v>38657</v>
      </c>
      <c r="G8512" s="8">
        <v>1</v>
      </c>
      <c r="H8512" s="8">
        <v>1</v>
      </c>
      <c r="I8512" s="8">
        <v>0</v>
      </c>
      <c r="J8512" s="8">
        <v>1</v>
      </c>
      <c r="K8512" s="9">
        <v>4.46</v>
      </c>
      <c r="L8512" s="6" t="s">
        <v>51</v>
      </c>
    </row>
    <row r="8513" spans="1:12">
      <c r="A8513" s="6" t="s">
        <v>49</v>
      </c>
      <c r="B8513" s="6"/>
      <c r="C8513" s="6" t="s">
        <v>8537</v>
      </c>
      <c r="D8513" s="6"/>
      <c r="E8513" s="6" t="s">
        <v>9</v>
      </c>
      <c r="F8513" s="7">
        <v>38657</v>
      </c>
      <c r="G8513" s="8">
        <v>1</v>
      </c>
      <c r="H8513" s="8">
        <v>1</v>
      </c>
      <c r="I8513" s="8">
        <v>0</v>
      </c>
      <c r="J8513" s="8">
        <v>1</v>
      </c>
      <c r="K8513" s="9">
        <v>1530</v>
      </c>
      <c r="L8513" s="6" t="s">
        <v>51</v>
      </c>
    </row>
    <row r="8514" spans="1:12">
      <c r="A8514" s="6" t="s">
        <v>49</v>
      </c>
      <c r="B8514" s="6"/>
      <c r="C8514" s="6" t="s">
        <v>8538</v>
      </c>
      <c r="D8514" s="6"/>
      <c r="E8514" s="6" t="s">
        <v>9</v>
      </c>
      <c r="F8514" s="7">
        <v>40751</v>
      </c>
      <c r="G8514" s="8">
        <v>1</v>
      </c>
      <c r="H8514" s="8">
        <v>1</v>
      </c>
      <c r="I8514" s="8">
        <v>0</v>
      </c>
      <c r="J8514" s="8">
        <v>1</v>
      </c>
      <c r="K8514" s="9">
        <v>0.13</v>
      </c>
      <c r="L8514" s="6" t="s">
        <v>51</v>
      </c>
    </row>
    <row r="8515" spans="1:12">
      <c r="A8515" s="6" t="s">
        <v>49</v>
      </c>
      <c r="B8515" s="6"/>
      <c r="C8515" s="6" t="s">
        <v>8539</v>
      </c>
      <c r="D8515" s="6"/>
      <c r="E8515" s="6" t="s">
        <v>9</v>
      </c>
      <c r="F8515" s="7">
        <v>38657</v>
      </c>
      <c r="G8515" s="8">
        <v>1</v>
      </c>
      <c r="H8515" s="8">
        <v>1</v>
      </c>
      <c r="I8515" s="8">
        <v>0</v>
      </c>
      <c r="J8515" s="8">
        <v>1</v>
      </c>
      <c r="K8515" s="9">
        <v>2.0699999999999901</v>
      </c>
      <c r="L8515" s="6" t="s">
        <v>51</v>
      </c>
    </row>
    <row r="8516" spans="1:12">
      <c r="A8516" s="6" t="s">
        <v>49</v>
      </c>
      <c r="B8516" s="6"/>
      <c r="C8516" s="6" t="s">
        <v>8540</v>
      </c>
      <c r="D8516" s="6"/>
      <c r="E8516" s="6" t="s">
        <v>9</v>
      </c>
      <c r="F8516" s="7">
        <v>38657</v>
      </c>
      <c r="G8516" s="8">
        <v>1</v>
      </c>
      <c r="H8516" s="8">
        <v>1</v>
      </c>
      <c r="I8516" s="8">
        <v>0</v>
      </c>
      <c r="J8516" s="8">
        <v>1</v>
      </c>
      <c r="K8516" s="9">
        <v>1.77</v>
      </c>
      <c r="L8516" s="6" t="s">
        <v>51</v>
      </c>
    </row>
    <row r="8517" spans="1:12">
      <c r="A8517" s="6" t="s">
        <v>49</v>
      </c>
      <c r="B8517" s="6"/>
      <c r="C8517" s="6" t="s">
        <v>8541</v>
      </c>
      <c r="D8517" s="6"/>
      <c r="E8517" s="6" t="s">
        <v>9</v>
      </c>
      <c r="F8517" s="7">
        <v>38657</v>
      </c>
      <c r="G8517" s="8">
        <v>1</v>
      </c>
      <c r="H8517" s="8">
        <v>1</v>
      </c>
      <c r="I8517" s="8">
        <v>0</v>
      </c>
      <c r="J8517" s="8">
        <v>1</v>
      </c>
      <c r="K8517" s="9">
        <v>267</v>
      </c>
      <c r="L8517" s="6" t="s">
        <v>51</v>
      </c>
    </row>
    <row r="8518" spans="1:12">
      <c r="A8518" s="6" t="s">
        <v>49</v>
      </c>
      <c r="B8518" s="6"/>
      <c r="C8518" s="6" t="s">
        <v>8542</v>
      </c>
      <c r="D8518" s="6"/>
      <c r="E8518" s="6" t="s">
        <v>9</v>
      </c>
      <c r="F8518" s="7">
        <v>38657</v>
      </c>
      <c r="G8518" s="8">
        <v>1</v>
      </c>
      <c r="H8518" s="8">
        <v>1</v>
      </c>
      <c r="I8518" s="8">
        <v>0</v>
      </c>
      <c r="J8518" s="8">
        <v>1</v>
      </c>
      <c r="K8518" s="9">
        <v>218</v>
      </c>
      <c r="L8518" s="6" t="s">
        <v>51</v>
      </c>
    </row>
    <row r="8519" spans="1:12">
      <c r="A8519" s="6" t="s">
        <v>49</v>
      </c>
      <c r="B8519" s="6"/>
      <c r="C8519" s="6" t="s">
        <v>8543</v>
      </c>
      <c r="D8519" s="6"/>
      <c r="E8519" s="6" t="s">
        <v>9</v>
      </c>
      <c r="F8519" s="7">
        <v>38657</v>
      </c>
      <c r="G8519" s="8">
        <v>1</v>
      </c>
      <c r="H8519" s="8">
        <v>1</v>
      </c>
      <c r="I8519" s="8">
        <v>0</v>
      </c>
      <c r="J8519" s="8">
        <v>1</v>
      </c>
      <c r="K8519" s="9">
        <v>17</v>
      </c>
      <c r="L8519" s="6" t="s">
        <v>51</v>
      </c>
    </row>
    <row r="8520" spans="1:12">
      <c r="A8520" s="6" t="s">
        <v>49</v>
      </c>
      <c r="B8520" s="6"/>
      <c r="C8520" s="6" t="s">
        <v>8544</v>
      </c>
      <c r="D8520" s="6"/>
      <c r="E8520" s="6" t="s">
        <v>9</v>
      </c>
      <c r="F8520" s="7">
        <v>38657</v>
      </c>
      <c r="G8520" s="8">
        <v>1</v>
      </c>
      <c r="H8520" s="8">
        <v>1</v>
      </c>
      <c r="I8520" s="8">
        <v>0</v>
      </c>
      <c r="J8520" s="8">
        <v>1</v>
      </c>
      <c r="K8520" s="9">
        <v>46</v>
      </c>
      <c r="L8520" s="6" t="s">
        <v>51</v>
      </c>
    </row>
    <row r="8521" spans="1:12">
      <c r="A8521" s="6" t="s">
        <v>49</v>
      </c>
      <c r="B8521" s="6"/>
      <c r="C8521" s="6" t="s">
        <v>8545</v>
      </c>
      <c r="D8521" s="6"/>
      <c r="E8521" s="6" t="s">
        <v>9</v>
      </c>
      <c r="F8521" s="7">
        <v>38657</v>
      </c>
      <c r="G8521" s="8">
        <v>1</v>
      </c>
      <c r="H8521" s="8">
        <v>1</v>
      </c>
      <c r="I8521" s="8">
        <v>0</v>
      </c>
      <c r="J8521" s="8">
        <v>1</v>
      </c>
      <c r="K8521" s="9">
        <v>3.08</v>
      </c>
      <c r="L8521" s="6" t="s">
        <v>51</v>
      </c>
    </row>
    <row r="8522" spans="1:12">
      <c r="A8522" s="6" t="s">
        <v>49</v>
      </c>
      <c r="B8522" s="6"/>
      <c r="C8522" s="6" t="s">
        <v>8546</v>
      </c>
      <c r="D8522" s="6"/>
      <c r="E8522" s="6" t="s">
        <v>9</v>
      </c>
      <c r="F8522" s="7">
        <v>38657</v>
      </c>
      <c r="G8522" s="8">
        <v>1</v>
      </c>
      <c r="H8522" s="8">
        <v>1</v>
      </c>
      <c r="I8522" s="8">
        <v>0</v>
      </c>
      <c r="J8522" s="8">
        <v>1</v>
      </c>
      <c r="K8522" s="9">
        <v>203</v>
      </c>
      <c r="L8522" s="6" t="s">
        <v>51</v>
      </c>
    </row>
    <row r="8523" spans="1:12">
      <c r="A8523" s="6" t="s">
        <v>49</v>
      </c>
      <c r="B8523" s="6"/>
      <c r="C8523" s="6" t="s">
        <v>8547</v>
      </c>
      <c r="D8523" s="6"/>
      <c r="E8523" s="6" t="s">
        <v>9</v>
      </c>
      <c r="F8523" s="7">
        <v>38657</v>
      </c>
      <c r="G8523" s="8">
        <v>1</v>
      </c>
      <c r="H8523" s="8">
        <v>1</v>
      </c>
      <c r="I8523" s="8">
        <v>0</v>
      </c>
      <c r="J8523" s="8">
        <v>1</v>
      </c>
      <c r="K8523" s="9">
        <v>18</v>
      </c>
      <c r="L8523" s="6" t="s">
        <v>51</v>
      </c>
    </row>
    <row r="8524" spans="1:12">
      <c r="A8524" s="6" t="s">
        <v>49</v>
      </c>
      <c r="B8524" s="6"/>
      <c r="C8524" s="6" t="s">
        <v>8548</v>
      </c>
      <c r="D8524" s="6"/>
      <c r="E8524" s="6" t="s">
        <v>9</v>
      </c>
      <c r="F8524" s="7">
        <v>38657</v>
      </c>
      <c r="G8524" s="8">
        <v>1</v>
      </c>
      <c r="H8524" s="8">
        <v>1</v>
      </c>
      <c r="I8524" s="8">
        <v>0</v>
      </c>
      <c r="J8524" s="8">
        <v>1</v>
      </c>
      <c r="K8524" s="9">
        <v>1.97</v>
      </c>
      <c r="L8524" s="6" t="s">
        <v>51</v>
      </c>
    </row>
    <row r="8525" spans="1:12">
      <c r="A8525" s="6" t="s">
        <v>49</v>
      </c>
      <c r="B8525" s="6"/>
      <c r="C8525" s="6" t="s">
        <v>8549</v>
      </c>
      <c r="D8525" s="6"/>
      <c r="E8525" s="6" t="s">
        <v>9</v>
      </c>
      <c r="F8525" s="7">
        <v>38657</v>
      </c>
      <c r="G8525" s="8">
        <v>1</v>
      </c>
      <c r="H8525" s="8">
        <v>1</v>
      </c>
      <c r="I8525" s="8">
        <v>0</v>
      </c>
      <c r="J8525" s="8">
        <v>1</v>
      </c>
      <c r="K8525" s="9">
        <v>449</v>
      </c>
      <c r="L8525" s="6" t="s">
        <v>51</v>
      </c>
    </row>
    <row r="8526" spans="1:12">
      <c r="A8526" s="6" t="s">
        <v>49</v>
      </c>
      <c r="B8526" s="6"/>
      <c r="C8526" s="6" t="s">
        <v>8550</v>
      </c>
      <c r="D8526" s="6"/>
      <c r="E8526" s="6" t="s">
        <v>9</v>
      </c>
      <c r="F8526" s="7">
        <v>38657</v>
      </c>
      <c r="G8526" s="8">
        <v>1</v>
      </c>
      <c r="H8526" s="8">
        <v>1</v>
      </c>
      <c r="I8526" s="8">
        <v>0</v>
      </c>
      <c r="J8526" s="8">
        <v>1</v>
      </c>
      <c r="K8526" s="9">
        <v>6.3</v>
      </c>
      <c r="L8526" s="6" t="s">
        <v>51</v>
      </c>
    </row>
    <row r="8527" spans="1:12">
      <c r="A8527" s="6" t="s">
        <v>49</v>
      </c>
      <c r="B8527" s="6"/>
      <c r="C8527" s="6" t="s">
        <v>8551</v>
      </c>
      <c r="D8527" s="6"/>
      <c r="E8527" s="6" t="s">
        <v>9</v>
      </c>
      <c r="F8527" s="7">
        <v>38657</v>
      </c>
      <c r="G8527" s="8">
        <v>1</v>
      </c>
      <c r="H8527" s="8">
        <v>1</v>
      </c>
      <c r="I8527" s="8">
        <v>0</v>
      </c>
      <c r="J8527" s="8">
        <v>1</v>
      </c>
      <c r="K8527" s="9">
        <v>23</v>
      </c>
      <c r="L8527" s="6" t="s">
        <v>51</v>
      </c>
    </row>
    <row r="8528" spans="1:12">
      <c r="A8528" s="6" t="s">
        <v>49</v>
      </c>
      <c r="B8528" s="6"/>
      <c r="C8528" s="6" t="s">
        <v>8552</v>
      </c>
      <c r="D8528" s="6"/>
      <c r="E8528" s="6" t="s">
        <v>9</v>
      </c>
      <c r="F8528" s="7">
        <v>38657</v>
      </c>
      <c r="G8528" s="8">
        <v>1</v>
      </c>
      <c r="H8528" s="8">
        <v>1</v>
      </c>
      <c r="I8528" s="8">
        <v>0</v>
      </c>
      <c r="J8528" s="8">
        <v>1</v>
      </c>
      <c r="K8528" s="9">
        <v>3.38</v>
      </c>
      <c r="L8528" s="6" t="s">
        <v>51</v>
      </c>
    </row>
    <row r="8529" spans="1:12">
      <c r="A8529" s="6" t="s">
        <v>49</v>
      </c>
      <c r="B8529" s="6"/>
      <c r="C8529" s="6" t="s">
        <v>8553</v>
      </c>
      <c r="D8529" s="6"/>
      <c r="E8529" s="6" t="s">
        <v>9</v>
      </c>
      <c r="F8529" s="7">
        <v>38657</v>
      </c>
      <c r="G8529" s="8">
        <v>1</v>
      </c>
      <c r="H8529" s="8">
        <v>1</v>
      </c>
      <c r="I8529" s="8">
        <v>0</v>
      </c>
      <c r="J8529" s="8">
        <v>1</v>
      </c>
      <c r="K8529" s="9">
        <v>12</v>
      </c>
      <c r="L8529" s="6" t="s">
        <v>51</v>
      </c>
    </row>
    <row r="8530" spans="1:12">
      <c r="A8530" s="6" t="s">
        <v>49</v>
      </c>
      <c r="B8530" s="6"/>
      <c r="C8530" s="6" t="s">
        <v>8554</v>
      </c>
      <c r="D8530" s="6"/>
      <c r="E8530" s="6" t="s">
        <v>9</v>
      </c>
      <c r="F8530" s="7">
        <v>38657</v>
      </c>
      <c r="G8530" s="8">
        <v>1</v>
      </c>
      <c r="H8530" s="8">
        <v>1</v>
      </c>
      <c r="I8530" s="8">
        <v>0</v>
      </c>
      <c r="J8530" s="8">
        <v>1</v>
      </c>
      <c r="K8530" s="9">
        <v>1.56</v>
      </c>
      <c r="L8530" s="6" t="s">
        <v>51</v>
      </c>
    </row>
    <row r="8531" spans="1:12">
      <c r="A8531" s="6" t="s">
        <v>49</v>
      </c>
      <c r="B8531" s="6"/>
      <c r="C8531" s="6" t="s">
        <v>8555</v>
      </c>
      <c r="D8531" s="6"/>
      <c r="E8531" s="6" t="s">
        <v>9</v>
      </c>
      <c r="F8531" s="7">
        <v>38657</v>
      </c>
      <c r="G8531" s="8">
        <v>1</v>
      </c>
      <c r="H8531" s="8">
        <v>1</v>
      </c>
      <c r="I8531" s="8">
        <v>0</v>
      </c>
      <c r="J8531" s="8">
        <v>1</v>
      </c>
      <c r="K8531" s="9">
        <v>85.95</v>
      </c>
      <c r="L8531" s="6" t="s">
        <v>51</v>
      </c>
    </row>
    <row r="8532" spans="1:12">
      <c r="A8532" s="6" t="s">
        <v>49</v>
      </c>
      <c r="B8532" s="6"/>
      <c r="C8532" s="6" t="s">
        <v>8556</v>
      </c>
      <c r="D8532" s="6"/>
      <c r="E8532" s="6" t="s">
        <v>9</v>
      </c>
      <c r="F8532" s="7">
        <v>38657</v>
      </c>
      <c r="G8532" s="8">
        <v>1</v>
      </c>
      <c r="H8532" s="8">
        <v>1</v>
      </c>
      <c r="I8532" s="8">
        <v>0</v>
      </c>
      <c r="J8532" s="8">
        <v>1</v>
      </c>
      <c r="K8532" s="9">
        <v>67</v>
      </c>
      <c r="L8532" s="6" t="s">
        <v>51</v>
      </c>
    </row>
    <row r="8533" spans="1:12">
      <c r="A8533" s="6" t="s">
        <v>49</v>
      </c>
      <c r="B8533" s="6"/>
      <c r="C8533" s="6" t="s">
        <v>8557</v>
      </c>
      <c r="D8533" s="6"/>
      <c r="E8533" s="6" t="s">
        <v>9</v>
      </c>
      <c r="F8533" s="7">
        <v>38657</v>
      </c>
      <c r="G8533" s="8">
        <v>1</v>
      </c>
      <c r="H8533" s="8">
        <v>1</v>
      </c>
      <c r="I8533" s="8">
        <v>0</v>
      </c>
      <c r="J8533" s="8">
        <v>1</v>
      </c>
      <c r="K8533" s="9">
        <v>64</v>
      </c>
      <c r="L8533" s="6" t="s">
        <v>51</v>
      </c>
    </row>
    <row r="8534" spans="1:12">
      <c r="A8534" s="6" t="s">
        <v>49</v>
      </c>
      <c r="B8534" s="6"/>
      <c r="C8534" s="6" t="s">
        <v>8558</v>
      </c>
      <c r="D8534" s="6"/>
      <c r="E8534" s="6" t="s">
        <v>9</v>
      </c>
      <c r="F8534" s="7">
        <v>38657</v>
      </c>
      <c r="G8534" s="8">
        <v>1</v>
      </c>
      <c r="H8534" s="8">
        <v>1</v>
      </c>
      <c r="I8534" s="8">
        <v>0</v>
      </c>
      <c r="J8534" s="8">
        <v>1</v>
      </c>
      <c r="K8534" s="9">
        <v>14</v>
      </c>
      <c r="L8534" s="6" t="s">
        <v>51</v>
      </c>
    </row>
    <row r="8535" spans="1:12">
      <c r="A8535" s="6" t="s">
        <v>49</v>
      </c>
      <c r="B8535" s="6"/>
      <c r="C8535" s="6" t="s">
        <v>8559</v>
      </c>
      <c r="D8535" s="6"/>
      <c r="E8535" s="6" t="s">
        <v>9</v>
      </c>
      <c r="F8535" s="7">
        <v>38657</v>
      </c>
      <c r="G8535" s="8">
        <v>1</v>
      </c>
      <c r="H8535" s="8">
        <v>1</v>
      </c>
      <c r="I8535" s="8">
        <v>0</v>
      </c>
      <c r="J8535" s="8">
        <v>1</v>
      </c>
      <c r="K8535" s="9">
        <v>6.7</v>
      </c>
      <c r="L8535" s="6" t="s">
        <v>51</v>
      </c>
    </row>
    <row r="8536" spans="1:12">
      <c r="A8536" s="6" t="s">
        <v>49</v>
      </c>
      <c r="B8536" s="6"/>
      <c r="C8536" s="6" t="s">
        <v>8560</v>
      </c>
      <c r="D8536" s="6"/>
      <c r="E8536" s="6" t="s">
        <v>9</v>
      </c>
      <c r="F8536" s="7">
        <v>38657</v>
      </c>
      <c r="G8536" s="8">
        <v>1</v>
      </c>
      <c r="H8536" s="8">
        <v>1</v>
      </c>
      <c r="I8536" s="8">
        <v>0</v>
      </c>
      <c r="J8536" s="8">
        <v>1</v>
      </c>
      <c r="K8536" s="9">
        <v>591</v>
      </c>
      <c r="L8536" s="6" t="s">
        <v>51</v>
      </c>
    </row>
    <row r="8537" spans="1:12">
      <c r="A8537" s="6" t="s">
        <v>49</v>
      </c>
      <c r="B8537" s="6"/>
      <c r="C8537" s="6" t="s">
        <v>8561</v>
      </c>
      <c r="D8537" s="6"/>
      <c r="E8537" s="6" t="s">
        <v>9</v>
      </c>
      <c r="F8537" s="7">
        <v>38657</v>
      </c>
      <c r="G8537" s="8">
        <v>1</v>
      </c>
      <c r="H8537" s="8">
        <v>1</v>
      </c>
      <c r="I8537" s="8">
        <v>0</v>
      </c>
      <c r="J8537" s="8">
        <v>1</v>
      </c>
      <c r="K8537" s="9">
        <v>243</v>
      </c>
      <c r="L8537" s="6" t="s">
        <v>51</v>
      </c>
    </row>
    <row r="8538" spans="1:12">
      <c r="A8538" s="6" t="s">
        <v>49</v>
      </c>
      <c r="B8538" s="6"/>
      <c r="C8538" s="6" t="s">
        <v>8562</v>
      </c>
      <c r="D8538" s="6"/>
      <c r="E8538" s="6" t="s">
        <v>9</v>
      </c>
      <c r="F8538" s="7">
        <v>38657</v>
      </c>
      <c r="G8538" s="8">
        <v>1</v>
      </c>
      <c r="H8538" s="8">
        <v>1</v>
      </c>
      <c r="I8538" s="8">
        <v>0</v>
      </c>
      <c r="J8538" s="8">
        <v>1</v>
      </c>
      <c r="K8538" s="9">
        <v>0.34</v>
      </c>
      <c r="L8538" s="6" t="s">
        <v>51</v>
      </c>
    </row>
    <row r="8539" spans="1:12">
      <c r="A8539" s="6" t="s">
        <v>49</v>
      </c>
      <c r="B8539" s="6"/>
      <c r="C8539" s="6" t="s">
        <v>8563</v>
      </c>
      <c r="D8539" s="6"/>
      <c r="E8539" s="6" t="s">
        <v>9</v>
      </c>
      <c r="F8539" s="7">
        <v>38657</v>
      </c>
      <c r="G8539" s="8">
        <v>1</v>
      </c>
      <c r="H8539" s="8">
        <v>1</v>
      </c>
      <c r="I8539" s="8">
        <v>0</v>
      </c>
      <c r="J8539" s="8">
        <v>1</v>
      </c>
      <c r="K8539" s="9">
        <v>743</v>
      </c>
      <c r="L8539" s="6" t="s">
        <v>51</v>
      </c>
    </row>
    <row r="8540" spans="1:12">
      <c r="A8540" s="6" t="s">
        <v>49</v>
      </c>
      <c r="B8540" s="6"/>
      <c r="C8540" s="6" t="s">
        <v>8564</v>
      </c>
      <c r="D8540" s="6"/>
      <c r="E8540" s="6" t="s">
        <v>9</v>
      </c>
      <c r="F8540" s="7">
        <v>38657</v>
      </c>
      <c r="G8540" s="8">
        <v>1</v>
      </c>
      <c r="H8540" s="8">
        <v>1</v>
      </c>
      <c r="I8540" s="8">
        <v>0</v>
      </c>
      <c r="J8540" s="8">
        <v>1</v>
      </c>
      <c r="K8540" s="9">
        <v>131</v>
      </c>
      <c r="L8540" s="6" t="s">
        <v>51</v>
      </c>
    </row>
    <row r="8541" spans="1:12">
      <c r="A8541" s="6" t="s">
        <v>49</v>
      </c>
      <c r="B8541" s="6"/>
      <c r="C8541" s="6" t="s">
        <v>8565</v>
      </c>
      <c r="D8541" s="6"/>
      <c r="E8541" s="6" t="s">
        <v>9</v>
      </c>
      <c r="F8541" s="7">
        <v>38657</v>
      </c>
      <c r="G8541" s="8">
        <v>1</v>
      </c>
      <c r="H8541" s="8">
        <v>1</v>
      </c>
      <c r="I8541" s="8">
        <v>0</v>
      </c>
      <c r="J8541" s="8">
        <v>1</v>
      </c>
      <c r="K8541" s="9">
        <v>10</v>
      </c>
      <c r="L8541" s="6" t="s">
        <v>51</v>
      </c>
    </row>
    <row r="8542" spans="1:12">
      <c r="A8542" s="6" t="s">
        <v>49</v>
      </c>
      <c r="B8542" s="6"/>
      <c r="C8542" s="6" t="s">
        <v>8566</v>
      </c>
      <c r="D8542" s="6"/>
      <c r="E8542" s="6" t="s">
        <v>9</v>
      </c>
      <c r="F8542" s="7">
        <v>38657</v>
      </c>
      <c r="G8542" s="8">
        <v>1</v>
      </c>
      <c r="H8542" s="8">
        <v>1</v>
      </c>
      <c r="I8542" s="8">
        <v>0</v>
      </c>
      <c r="J8542" s="8">
        <v>1</v>
      </c>
      <c r="K8542" s="9">
        <v>105</v>
      </c>
      <c r="L8542" s="6" t="s">
        <v>51</v>
      </c>
    </row>
    <row r="8543" spans="1:12">
      <c r="A8543" s="6" t="s">
        <v>49</v>
      </c>
      <c r="B8543" s="6"/>
      <c r="C8543" s="6" t="s">
        <v>8567</v>
      </c>
      <c r="D8543" s="6"/>
      <c r="E8543" s="6" t="s">
        <v>9</v>
      </c>
      <c r="F8543" s="7">
        <v>38657</v>
      </c>
      <c r="G8543" s="8">
        <v>1</v>
      </c>
      <c r="H8543" s="8">
        <v>1</v>
      </c>
      <c r="I8543" s="8">
        <v>0</v>
      </c>
      <c r="J8543" s="8">
        <v>1</v>
      </c>
      <c r="K8543" s="9">
        <v>4.03</v>
      </c>
      <c r="L8543" s="6" t="s">
        <v>51</v>
      </c>
    </row>
    <row r="8544" spans="1:12">
      <c r="A8544" s="6" t="s">
        <v>49</v>
      </c>
      <c r="B8544" s="6"/>
      <c r="C8544" s="6" t="s">
        <v>8568</v>
      </c>
      <c r="D8544" s="6"/>
      <c r="E8544" s="6" t="s">
        <v>9</v>
      </c>
      <c r="F8544" s="7">
        <v>38657</v>
      </c>
      <c r="G8544" s="8">
        <v>1</v>
      </c>
      <c r="H8544" s="8">
        <v>1</v>
      </c>
      <c r="I8544" s="8">
        <v>0</v>
      </c>
      <c r="J8544" s="8">
        <v>1</v>
      </c>
      <c r="K8544" s="9">
        <v>64</v>
      </c>
      <c r="L8544" s="6" t="s">
        <v>51</v>
      </c>
    </row>
    <row r="8545" spans="1:12">
      <c r="A8545" s="6" t="s">
        <v>49</v>
      </c>
      <c r="B8545" s="6"/>
      <c r="C8545" s="6" t="s">
        <v>8569</v>
      </c>
      <c r="D8545" s="6"/>
      <c r="E8545" s="6" t="s">
        <v>9</v>
      </c>
      <c r="F8545" s="7">
        <v>38657</v>
      </c>
      <c r="G8545" s="8">
        <v>1</v>
      </c>
      <c r="H8545" s="8">
        <v>1</v>
      </c>
      <c r="I8545" s="8">
        <v>0</v>
      </c>
      <c r="J8545" s="8">
        <v>1</v>
      </c>
      <c r="K8545" s="9">
        <v>46</v>
      </c>
      <c r="L8545" s="6" t="s">
        <v>51</v>
      </c>
    </row>
    <row r="8546" spans="1:12">
      <c r="A8546" s="6" t="s">
        <v>49</v>
      </c>
      <c r="B8546" s="6"/>
      <c r="C8546" s="6" t="s">
        <v>8570</v>
      </c>
      <c r="D8546" s="6"/>
      <c r="E8546" s="6" t="s">
        <v>9</v>
      </c>
      <c r="F8546" s="7">
        <v>38657</v>
      </c>
      <c r="G8546" s="8">
        <v>1</v>
      </c>
      <c r="H8546" s="8">
        <v>1</v>
      </c>
      <c r="I8546" s="8">
        <v>0</v>
      </c>
      <c r="J8546" s="8">
        <v>1</v>
      </c>
      <c r="K8546" s="9">
        <v>38</v>
      </c>
      <c r="L8546" s="6" t="s">
        <v>51</v>
      </c>
    </row>
    <row r="8547" spans="1:12">
      <c r="A8547" s="6" t="s">
        <v>49</v>
      </c>
      <c r="B8547" s="6"/>
      <c r="C8547" s="6" t="s">
        <v>8571</v>
      </c>
      <c r="D8547" s="6"/>
      <c r="E8547" s="6" t="s">
        <v>9</v>
      </c>
      <c r="F8547" s="7">
        <v>38657</v>
      </c>
      <c r="G8547" s="8">
        <v>1</v>
      </c>
      <c r="H8547" s="8">
        <v>1</v>
      </c>
      <c r="I8547" s="8">
        <v>0</v>
      </c>
      <c r="J8547" s="8">
        <v>1</v>
      </c>
      <c r="K8547" s="9">
        <v>12</v>
      </c>
      <c r="L8547" s="6" t="s">
        <v>51</v>
      </c>
    </row>
    <row r="8548" spans="1:12">
      <c r="A8548" s="6" t="s">
        <v>49</v>
      </c>
      <c r="B8548" s="6"/>
      <c r="C8548" s="6" t="s">
        <v>8572</v>
      </c>
      <c r="D8548" s="6"/>
      <c r="E8548" s="6" t="s">
        <v>9</v>
      </c>
      <c r="F8548" s="7">
        <v>38657</v>
      </c>
      <c r="G8548" s="8">
        <v>1</v>
      </c>
      <c r="H8548" s="8">
        <v>1</v>
      </c>
      <c r="I8548" s="8">
        <v>0</v>
      </c>
      <c r="J8548" s="8">
        <v>1</v>
      </c>
      <c r="K8548" s="9">
        <v>60</v>
      </c>
      <c r="L8548" s="6" t="s">
        <v>51</v>
      </c>
    </row>
    <row r="8549" spans="1:12">
      <c r="A8549" s="6" t="s">
        <v>49</v>
      </c>
      <c r="B8549" s="6"/>
      <c r="C8549" s="6" t="s">
        <v>8573</v>
      </c>
      <c r="D8549" s="6"/>
      <c r="E8549" s="6" t="s">
        <v>9</v>
      </c>
      <c r="F8549" s="7">
        <v>38657</v>
      </c>
      <c r="G8549" s="8">
        <v>1</v>
      </c>
      <c r="H8549" s="8">
        <v>1</v>
      </c>
      <c r="I8549" s="8">
        <v>0</v>
      </c>
      <c r="J8549" s="8">
        <v>1</v>
      </c>
      <c r="K8549" s="9">
        <v>77</v>
      </c>
      <c r="L8549" s="6" t="s">
        <v>51</v>
      </c>
    </row>
    <row r="8550" spans="1:12">
      <c r="A8550" s="6" t="s">
        <v>49</v>
      </c>
      <c r="B8550" s="6"/>
      <c r="C8550" s="6" t="s">
        <v>8574</v>
      </c>
      <c r="D8550" s="6"/>
      <c r="E8550" s="6" t="s">
        <v>9</v>
      </c>
      <c r="F8550" s="7">
        <v>40582</v>
      </c>
      <c r="G8550" s="8">
        <v>1</v>
      </c>
      <c r="H8550" s="8">
        <v>1</v>
      </c>
      <c r="I8550" s="8">
        <v>0</v>
      </c>
      <c r="J8550" s="8">
        <v>1</v>
      </c>
      <c r="K8550" s="9">
        <v>673</v>
      </c>
      <c r="L8550" s="6" t="s">
        <v>51</v>
      </c>
    </row>
    <row r="8551" spans="1:12">
      <c r="A8551" s="6" t="s">
        <v>49</v>
      </c>
      <c r="B8551" s="6"/>
      <c r="C8551" s="6" t="s">
        <v>8575</v>
      </c>
      <c r="D8551" s="6"/>
      <c r="E8551" s="6" t="s">
        <v>9</v>
      </c>
      <c r="F8551" s="7">
        <v>38657</v>
      </c>
      <c r="G8551" s="8">
        <v>1</v>
      </c>
      <c r="H8551" s="8">
        <v>1</v>
      </c>
      <c r="I8551" s="8">
        <v>0</v>
      </c>
      <c r="J8551" s="8">
        <v>1</v>
      </c>
      <c r="K8551" s="9">
        <v>103</v>
      </c>
      <c r="L8551" s="6" t="s">
        <v>51</v>
      </c>
    </row>
    <row r="8552" spans="1:12">
      <c r="A8552" s="6" t="s">
        <v>49</v>
      </c>
      <c r="B8552" s="6"/>
      <c r="C8552" s="6" t="s">
        <v>8576</v>
      </c>
      <c r="D8552" s="6"/>
      <c r="E8552" s="6" t="s">
        <v>9</v>
      </c>
      <c r="F8552" s="7">
        <v>40582</v>
      </c>
      <c r="G8552" s="8">
        <v>1</v>
      </c>
      <c r="H8552" s="8">
        <v>1</v>
      </c>
      <c r="I8552" s="8">
        <v>0</v>
      </c>
      <c r="J8552" s="8">
        <v>1</v>
      </c>
      <c r="K8552" s="9">
        <v>57</v>
      </c>
      <c r="L8552" s="6" t="s">
        <v>51</v>
      </c>
    </row>
    <row r="8553" spans="1:12">
      <c r="A8553" s="6" t="s">
        <v>49</v>
      </c>
      <c r="B8553" s="6"/>
      <c r="C8553" s="6" t="s">
        <v>8577</v>
      </c>
      <c r="D8553" s="6"/>
      <c r="E8553" s="6" t="s">
        <v>9</v>
      </c>
      <c r="F8553" s="7">
        <v>38657</v>
      </c>
      <c r="G8553" s="8">
        <v>1</v>
      </c>
      <c r="H8553" s="8">
        <v>1</v>
      </c>
      <c r="I8553" s="8">
        <v>0</v>
      </c>
      <c r="J8553" s="8">
        <v>1</v>
      </c>
      <c r="K8553" s="9">
        <v>13</v>
      </c>
      <c r="L8553" s="6" t="s">
        <v>51</v>
      </c>
    </row>
    <row r="8554" spans="1:12">
      <c r="A8554" s="6" t="s">
        <v>49</v>
      </c>
      <c r="B8554" s="6"/>
      <c r="C8554" s="6" t="s">
        <v>8578</v>
      </c>
      <c r="D8554" s="6"/>
      <c r="E8554" s="6" t="s">
        <v>9</v>
      </c>
      <c r="F8554" s="7">
        <v>38657</v>
      </c>
      <c r="G8554" s="8">
        <v>1</v>
      </c>
      <c r="H8554" s="8">
        <v>1</v>
      </c>
      <c r="I8554" s="8">
        <v>0</v>
      </c>
      <c r="J8554" s="8">
        <v>1</v>
      </c>
      <c r="K8554" s="9">
        <v>43</v>
      </c>
      <c r="L8554" s="6" t="s">
        <v>51</v>
      </c>
    </row>
    <row r="8555" spans="1:12">
      <c r="A8555" s="6" t="s">
        <v>49</v>
      </c>
      <c r="B8555" s="6"/>
      <c r="C8555" s="6" t="s">
        <v>8579</v>
      </c>
      <c r="D8555" s="6"/>
      <c r="E8555" s="6" t="s">
        <v>9</v>
      </c>
      <c r="F8555" s="7">
        <v>38657</v>
      </c>
      <c r="G8555" s="8">
        <v>1</v>
      </c>
      <c r="H8555" s="8">
        <v>1</v>
      </c>
      <c r="I8555" s="8">
        <v>0</v>
      </c>
      <c r="J8555" s="8">
        <v>1</v>
      </c>
      <c r="K8555" s="9">
        <v>38</v>
      </c>
      <c r="L8555" s="6" t="s">
        <v>51</v>
      </c>
    </row>
    <row r="8556" spans="1:12">
      <c r="A8556" s="6" t="s">
        <v>49</v>
      </c>
      <c r="B8556" s="6"/>
      <c r="C8556" s="6" t="s">
        <v>8580</v>
      </c>
      <c r="D8556" s="6"/>
      <c r="E8556" s="6" t="s">
        <v>9</v>
      </c>
      <c r="F8556" s="7">
        <v>38657</v>
      </c>
      <c r="G8556" s="8">
        <v>1</v>
      </c>
      <c r="H8556" s="8">
        <v>1</v>
      </c>
      <c r="I8556" s="8">
        <v>0</v>
      </c>
      <c r="J8556" s="8">
        <v>1</v>
      </c>
      <c r="K8556" s="9">
        <v>139</v>
      </c>
      <c r="L8556" s="6" t="s">
        <v>51</v>
      </c>
    </row>
    <row r="8557" spans="1:12">
      <c r="A8557" s="6" t="s">
        <v>49</v>
      </c>
      <c r="B8557" s="6"/>
      <c r="C8557" s="6" t="s">
        <v>8581</v>
      </c>
      <c r="D8557" s="6"/>
      <c r="E8557" s="6" t="s">
        <v>9</v>
      </c>
      <c r="F8557" s="7">
        <v>38657</v>
      </c>
      <c r="G8557" s="8">
        <v>1</v>
      </c>
      <c r="H8557" s="8">
        <v>1</v>
      </c>
      <c r="I8557" s="8">
        <v>0</v>
      </c>
      <c r="J8557" s="8">
        <v>1</v>
      </c>
      <c r="K8557" s="9">
        <v>161</v>
      </c>
      <c r="L8557" s="6" t="s">
        <v>51</v>
      </c>
    </row>
    <row r="8558" spans="1:12">
      <c r="A8558" s="6" t="s">
        <v>49</v>
      </c>
      <c r="B8558" s="6"/>
      <c r="C8558" s="6" t="s">
        <v>8582</v>
      </c>
      <c r="D8558" s="6"/>
      <c r="E8558" s="6" t="s">
        <v>9</v>
      </c>
      <c r="F8558" s="7">
        <v>38657</v>
      </c>
      <c r="G8558" s="8">
        <v>1</v>
      </c>
      <c r="H8558" s="8">
        <v>1</v>
      </c>
      <c r="I8558" s="8">
        <v>0</v>
      </c>
      <c r="J8558" s="8">
        <v>1</v>
      </c>
      <c r="K8558" s="9">
        <v>209</v>
      </c>
      <c r="L8558" s="6" t="s">
        <v>51</v>
      </c>
    </row>
    <row r="8559" spans="1:12">
      <c r="A8559" s="6" t="s">
        <v>49</v>
      </c>
      <c r="B8559" s="6"/>
      <c r="C8559" s="6" t="s">
        <v>8583</v>
      </c>
      <c r="D8559" s="6"/>
      <c r="E8559" s="6" t="s">
        <v>9</v>
      </c>
      <c r="F8559" s="7">
        <v>38657</v>
      </c>
      <c r="G8559" s="8">
        <v>1</v>
      </c>
      <c r="H8559" s="8">
        <v>1</v>
      </c>
      <c r="I8559" s="8">
        <v>0</v>
      </c>
      <c r="J8559" s="8">
        <v>1</v>
      </c>
      <c r="K8559" s="9">
        <v>71</v>
      </c>
      <c r="L8559" s="6" t="s">
        <v>51</v>
      </c>
    </row>
    <row r="8560" spans="1:12">
      <c r="A8560" s="6" t="s">
        <v>49</v>
      </c>
      <c r="B8560" s="6"/>
      <c r="C8560" s="6" t="s">
        <v>8584</v>
      </c>
      <c r="D8560" s="6"/>
      <c r="E8560" s="6" t="s">
        <v>9</v>
      </c>
      <c r="F8560" s="7">
        <v>38657</v>
      </c>
      <c r="G8560" s="8">
        <v>1</v>
      </c>
      <c r="H8560" s="8">
        <v>1</v>
      </c>
      <c r="I8560" s="8">
        <v>0</v>
      </c>
      <c r="J8560" s="8">
        <v>1</v>
      </c>
      <c r="K8560" s="9">
        <v>54</v>
      </c>
      <c r="L8560" s="6" t="s">
        <v>51</v>
      </c>
    </row>
    <row r="8561" spans="1:12">
      <c r="A8561" s="6" t="s">
        <v>49</v>
      </c>
      <c r="B8561" s="6"/>
      <c r="C8561" s="6" t="s">
        <v>8585</v>
      </c>
      <c r="D8561" s="6"/>
      <c r="E8561" s="6" t="s">
        <v>9</v>
      </c>
      <c r="F8561" s="7">
        <v>38657</v>
      </c>
      <c r="G8561" s="8">
        <v>1</v>
      </c>
      <c r="H8561" s="8">
        <v>1</v>
      </c>
      <c r="I8561" s="8">
        <v>0</v>
      </c>
      <c r="J8561" s="8">
        <v>1</v>
      </c>
      <c r="K8561" s="9">
        <v>31</v>
      </c>
      <c r="L8561" s="6" t="s">
        <v>51</v>
      </c>
    </row>
    <row r="8562" spans="1:12">
      <c r="A8562" s="6" t="s">
        <v>49</v>
      </c>
      <c r="B8562" s="6"/>
      <c r="C8562" s="6" t="s">
        <v>8586</v>
      </c>
      <c r="D8562" s="6"/>
      <c r="E8562" s="6" t="s">
        <v>9</v>
      </c>
      <c r="F8562" s="7">
        <v>38657</v>
      </c>
      <c r="G8562" s="8">
        <v>1</v>
      </c>
      <c r="H8562" s="8">
        <v>1</v>
      </c>
      <c r="I8562" s="8">
        <v>0</v>
      </c>
      <c r="J8562" s="8">
        <v>1</v>
      </c>
      <c r="K8562" s="9">
        <v>143</v>
      </c>
      <c r="L8562" s="6" t="s">
        <v>51</v>
      </c>
    </row>
    <row r="8563" spans="1:12">
      <c r="A8563" s="6" t="s">
        <v>49</v>
      </c>
      <c r="B8563" s="6"/>
      <c r="C8563" s="6" t="s">
        <v>8587</v>
      </c>
      <c r="D8563" s="6"/>
      <c r="E8563" s="6" t="s">
        <v>9</v>
      </c>
      <c r="F8563" s="7">
        <v>38657</v>
      </c>
      <c r="G8563" s="8">
        <v>1</v>
      </c>
      <c r="H8563" s="8">
        <v>1</v>
      </c>
      <c r="I8563" s="8">
        <v>0</v>
      </c>
      <c r="J8563" s="8">
        <v>1</v>
      </c>
      <c r="K8563" s="9">
        <v>143</v>
      </c>
      <c r="L8563" s="6" t="s">
        <v>51</v>
      </c>
    </row>
    <row r="8564" spans="1:12">
      <c r="A8564" s="6" t="s">
        <v>49</v>
      </c>
      <c r="B8564" s="6"/>
      <c r="C8564" s="6" t="s">
        <v>8588</v>
      </c>
      <c r="D8564" s="6"/>
      <c r="E8564" s="6" t="s">
        <v>9</v>
      </c>
      <c r="F8564" s="7">
        <v>38657</v>
      </c>
      <c r="G8564" s="8">
        <v>1</v>
      </c>
      <c r="H8564" s="8">
        <v>1</v>
      </c>
      <c r="I8564" s="8">
        <v>0</v>
      </c>
      <c r="J8564" s="8">
        <v>1</v>
      </c>
      <c r="K8564" s="9">
        <v>9.91</v>
      </c>
      <c r="L8564" s="6" t="s">
        <v>51</v>
      </c>
    </row>
    <row r="8565" spans="1:12">
      <c r="A8565" s="6" t="s">
        <v>49</v>
      </c>
      <c r="B8565" s="6"/>
      <c r="C8565" s="6" t="s">
        <v>8589</v>
      </c>
      <c r="D8565" s="6"/>
      <c r="E8565" s="6" t="s">
        <v>9</v>
      </c>
      <c r="F8565" s="7">
        <v>38657</v>
      </c>
      <c r="G8565" s="8">
        <v>1</v>
      </c>
      <c r="H8565" s="8">
        <v>1</v>
      </c>
      <c r="I8565" s="8">
        <v>0</v>
      </c>
      <c r="J8565" s="8">
        <v>1</v>
      </c>
      <c r="K8565" s="9">
        <v>170</v>
      </c>
      <c r="L8565" s="6" t="s">
        <v>51</v>
      </c>
    </row>
    <row r="8566" spans="1:12">
      <c r="A8566" s="6" t="s">
        <v>49</v>
      </c>
      <c r="B8566" s="6"/>
      <c r="C8566" s="6" t="s">
        <v>8590</v>
      </c>
      <c r="D8566" s="6"/>
      <c r="E8566" s="6" t="s">
        <v>9</v>
      </c>
      <c r="F8566" s="7">
        <v>38657</v>
      </c>
      <c r="G8566" s="8">
        <v>1</v>
      </c>
      <c r="H8566" s="8">
        <v>1</v>
      </c>
      <c r="I8566" s="8">
        <v>0</v>
      </c>
      <c r="J8566" s="8">
        <v>1</v>
      </c>
      <c r="K8566" s="9">
        <v>56</v>
      </c>
      <c r="L8566" s="6" t="s">
        <v>51</v>
      </c>
    </row>
    <row r="8567" spans="1:12">
      <c r="A8567" s="6" t="s">
        <v>49</v>
      </c>
      <c r="B8567" s="6"/>
      <c r="C8567" s="6" t="s">
        <v>8591</v>
      </c>
      <c r="D8567" s="6"/>
      <c r="E8567" s="6" t="s">
        <v>9</v>
      </c>
      <c r="F8567" s="7">
        <v>38657</v>
      </c>
      <c r="G8567" s="8">
        <v>1</v>
      </c>
      <c r="H8567" s="8">
        <v>1</v>
      </c>
      <c r="I8567" s="8">
        <v>0</v>
      </c>
      <c r="J8567" s="8">
        <v>1</v>
      </c>
      <c r="K8567" s="9">
        <v>45</v>
      </c>
      <c r="L8567" s="6" t="s">
        <v>51</v>
      </c>
    </row>
    <row r="8568" spans="1:12">
      <c r="A8568" s="6" t="s">
        <v>49</v>
      </c>
      <c r="B8568" s="6"/>
      <c r="C8568" s="6" t="s">
        <v>8592</v>
      </c>
      <c r="D8568" s="6"/>
      <c r="E8568" s="6" t="s">
        <v>9</v>
      </c>
      <c r="F8568" s="7">
        <v>38657</v>
      </c>
      <c r="G8568" s="8">
        <v>1</v>
      </c>
      <c r="H8568" s="8">
        <v>1</v>
      </c>
      <c r="I8568" s="8">
        <v>0</v>
      </c>
      <c r="J8568" s="8">
        <v>1</v>
      </c>
      <c r="K8568" s="9">
        <v>18</v>
      </c>
      <c r="L8568" s="6" t="s">
        <v>51</v>
      </c>
    </row>
    <row r="8569" spans="1:12">
      <c r="A8569" s="6" t="s">
        <v>49</v>
      </c>
      <c r="B8569" s="6"/>
      <c r="C8569" s="6" t="s">
        <v>8593</v>
      </c>
      <c r="D8569" s="6"/>
      <c r="E8569" s="6" t="s">
        <v>9</v>
      </c>
      <c r="F8569" s="7">
        <v>38657</v>
      </c>
      <c r="G8569" s="8">
        <v>1</v>
      </c>
      <c r="H8569" s="8">
        <v>1</v>
      </c>
      <c r="I8569" s="8">
        <v>0</v>
      </c>
      <c r="J8569" s="8">
        <v>1</v>
      </c>
      <c r="K8569" s="9">
        <v>51</v>
      </c>
      <c r="L8569" s="6" t="s">
        <v>51</v>
      </c>
    </row>
    <row r="8570" spans="1:12">
      <c r="A8570" s="6" t="s">
        <v>49</v>
      </c>
      <c r="B8570" s="6"/>
      <c r="C8570" s="6" t="s">
        <v>8594</v>
      </c>
      <c r="D8570" s="6"/>
      <c r="E8570" s="6" t="s">
        <v>9</v>
      </c>
      <c r="F8570" s="7">
        <v>38657</v>
      </c>
      <c r="G8570" s="8">
        <v>1</v>
      </c>
      <c r="H8570" s="8">
        <v>1</v>
      </c>
      <c r="I8570" s="8">
        <v>0</v>
      </c>
      <c r="J8570" s="8">
        <v>1</v>
      </c>
      <c r="K8570" s="9">
        <v>62</v>
      </c>
      <c r="L8570" s="6" t="s">
        <v>51</v>
      </c>
    </row>
    <row r="8571" spans="1:12">
      <c r="A8571" s="6" t="s">
        <v>49</v>
      </c>
      <c r="B8571" s="6"/>
      <c r="C8571" s="6" t="s">
        <v>8595</v>
      </c>
      <c r="D8571" s="6"/>
      <c r="E8571" s="6" t="s">
        <v>9</v>
      </c>
      <c r="F8571" s="7">
        <v>38657</v>
      </c>
      <c r="G8571" s="8">
        <v>1</v>
      </c>
      <c r="H8571" s="8">
        <v>1</v>
      </c>
      <c r="I8571" s="8">
        <v>0</v>
      </c>
      <c r="J8571" s="8">
        <v>1</v>
      </c>
      <c r="K8571" s="9">
        <v>44</v>
      </c>
      <c r="L8571" s="6" t="s">
        <v>51</v>
      </c>
    </row>
    <row r="8572" spans="1:12">
      <c r="A8572" s="6" t="s">
        <v>49</v>
      </c>
      <c r="B8572" s="6"/>
      <c r="C8572" s="6" t="s">
        <v>8596</v>
      </c>
      <c r="D8572" s="6"/>
      <c r="E8572" s="6" t="s">
        <v>9</v>
      </c>
      <c r="F8572" s="7">
        <v>38657</v>
      </c>
      <c r="G8572" s="8">
        <v>1</v>
      </c>
      <c r="H8572" s="8">
        <v>1</v>
      </c>
      <c r="I8572" s="8">
        <v>0</v>
      </c>
      <c r="J8572" s="8">
        <v>1</v>
      </c>
      <c r="K8572" s="9">
        <v>19</v>
      </c>
      <c r="L8572" s="6" t="s">
        <v>51</v>
      </c>
    </row>
    <row r="8573" spans="1:12">
      <c r="A8573" s="6" t="s">
        <v>49</v>
      </c>
      <c r="B8573" s="6"/>
      <c r="C8573" s="6" t="s">
        <v>8597</v>
      </c>
      <c r="D8573" s="6"/>
      <c r="E8573" s="6" t="s">
        <v>9</v>
      </c>
      <c r="F8573" s="7">
        <v>38657</v>
      </c>
      <c r="G8573" s="8">
        <v>1</v>
      </c>
      <c r="H8573" s="8">
        <v>1</v>
      </c>
      <c r="I8573" s="8">
        <v>0</v>
      </c>
      <c r="J8573" s="8">
        <v>1</v>
      </c>
      <c r="K8573" s="9">
        <v>80</v>
      </c>
      <c r="L8573" s="6" t="s">
        <v>51</v>
      </c>
    </row>
    <row r="8574" spans="1:12">
      <c r="A8574" s="6" t="s">
        <v>49</v>
      </c>
      <c r="B8574" s="6"/>
      <c r="C8574" s="6" t="s">
        <v>8598</v>
      </c>
      <c r="D8574" s="6"/>
      <c r="E8574" s="6" t="s">
        <v>9</v>
      </c>
      <c r="F8574" s="7">
        <v>38657</v>
      </c>
      <c r="G8574" s="8">
        <v>1</v>
      </c>
      <c r="H8574" s="8">
        <v>1</v>
      </c>
      <c r="I8574" s="8">
        <v>0</v>
      </c>
      <c r="J8574" s="8">
        <v>1</v>
      </c>
      <c r="K8574" s="9">
        <v>34</v>
      </c>
      <c r="L8574" s="6" t="s">
        <v>51</v>
      </c>
    </row>
    <row r="8575" spans="1:12">
      <c r="A8575" s="6" t="s">
        <v>49</v>
      </c>
      <c r="B8575" s="6"/>
      <c r="C8575" s="6" t="s">
        <v>8599</v>
      </c>
      <c r="D8575" s="6"/>
      <c r="E8575" s="6" t="s">
        <v>9</v>
      </c>
      <c r="F8575" s="7">
        <v>38657</v>
      </c>
      <c r="G8575" s="8">
        <v>1</v>
      </c>
      <c r="H8575" s="8">
        <v>1</v>
      </c>
      <c r="I8575" s="8">
        <v>0</v>
      </c>
      <c r="J8575" s="8">
        <v>1</v>
      </c>
      <c r="K8575" s="9">
        <v>29</v>
      </c>
      <c r="L8575" s="6" t="s">
        <v>51</v>
      </c>
    </row>
    <row r="8576" spans="1:12">
      <c r="A8576" s="6" t="s">
        <v>49</v>
      </c>
      <c r="B8576" s="6"/>
      <c r="C8576" s="6" t="s">
        <v>8600</v>
      </c>
      <c r="D8576" s="6"/>
      <c r="E8576" s="6" t="s">
        <v>9</v>
      </c>
      <c r="F8576" s="7">
        <v>38657</v>
      </c>
      <c r="G8576" s="8">
        <v>1</v>
      </c>
      <c r="H8576" s="8">
        <v>1</v>
      </c>
      <c r="I8576" s="8">
        <v>0</v>
      </c>
      <c r="J8576" s="8">
        <v>1</v>
      </c>
      <c r="K8576" s="9">
        <v>73</v>
      </c>
      <c r="L8576" s="6" t="s">
        <v>51</v>
      </c>
    </row>
    <row r="8577" spans="1:12">
      <c r="A8577" s="6" t="s">
        <v>49</v>
      </c>
      <c r="B8577" s="6"/>
      <c r="C8577" s="6" t="s">
        <v>8601</v>
      </c>
      <c r="D8577" s="6"/>
      <c r="E8577" s="6" t="s">
        <v>9</v>
      </c>
      <c r="F8577" s="7">
        <v>38657</v>
      </c>
      <c r="G8577" s="8">
        <v>1</v>
      </c>
      <c r="H8577" s="8">
        <v>1</v>
      </c>
      <c r="I8577" s="8">
        <v>0</v>
      </c>
      <c r="J8577" s="8">
        <v>1</v>
      </c>
      <c r="K8577" s="9">
        <v>17</v>
      </c>
      <c r="L8577" s="6" t="s">
        <v>51</v>
      </c>
    </row>
    <row r="8578" spans="1:12">
      <c r="A8578" s="6" t="s">
        <v>49</v>
      </c>
      <c r="B8578" s="6"/>
      <c r="C8578" s="6" t="s">
        <v>8602</v>
      </c>
      <c r="D8578" s="6"/>
      <c r="E8578" s="6" t="s">
        <v>9</v>
      </c>
      <c r="F8578" s="7">
        <v>38657</v>
      </c>
      <c r="G8578" s="8">
        <v>1</v>
      </c>
      <c r="H8578" s="8">
        <v>1</v>
      </c>
      <c r="I8578" s="8">
        <v>0</v>
      </c>
      <c r="J8578" s="8">
        <v>1</v>
      </c>
      <c r="K8578" s="9">
        <v>65</v>
      </c>
      <c r="L8578" s="6" t="s">
        <v>51</v>
      </c>
    </row>
    <row r="8579" spans="1:12">
      <c r="A8579" s="6" t="s">
        <v>49</v>
      </c>
      <c r="B8579" s="6"/>
      <c r="C8579" s="6" t="s">
        <v>8603</v>
      </c>
      <c r="D8579" s="6"/>
      <c r="E8579" s="6" t="s">
        <v>9</v>
      </c>
      <c r="F8579" s="7">
        <v>38657</v>
      </c>
      <c r="G8579" s="8">
        <v>1</v>
      </c>
      <c r="H8579" s="8">
        <v>1</v>
      </c>
      <c r="I8579" s="8">
        <v>0</v>
      </c>
      <c r="J8579" s="8">
        <v>1</v>
      </c>
      <c r="K8579" s="9">
        <v>88</v>
      </c>
      <c r="L8579" s="6" t="s">
        <v>51</v>
      </c>
    </row>
    <row r="8580" spans="1:12">
      <c r="A8580" s="6" t="s">
        <v>49</v>
      </c>
      <c r="B8580" s="6"/>
      <c r="C8580" s="6" t="s">
        <v>8604</v>
      </c>
      <c r="D8580" s="6"/>
      <c r="E8580" s="6" t="s">
        <v>9</v>
      </c>
      <c r="F8580" s="7">
        <v>38657</v>
      </c>
      <c r="G8580" s="8">
        <v>1</v>
      </c>
      <c r="H8580" s="8">
        <v>1</v>
      </c>
      <c r="I8580" s="8">
        <v>0</v>
      </c>
      <c r="J8580" s="8">
        <v>1</v>
      </c>
      <c r="K8580" s="9">
        <v>87</v>
      </c>
      <c r="L8580" s="6" t="s">
        <v>51</v>
      </c>
    </row>
    <row r="8581" spans="1:12">
      <c r="A8581" s="6" t="s">
        <v>49</v>
      </c>
      <c r="B8581" s="6"/>
      <c r="C8581" s="6" t="s">
        <v>8605</v>
      </c>
      <c r="D8581" s="6"/>
      <c r="E8581" s="6" t="s">
        <v>9</v>
      </c>
      <c r="F8581" s="7">
        <v>38657</v>
      </c>
      <c r="G8581" s="8">
        <v>1</v>
      </c>
      <c r="H8581" s="8">
        <v>1</v>
      </c>
      <c r="I8581" s="8">
        <v>0</v>
      </c>
      <c r="J8581" s="8">
        <v>1</v>
      </c>
      <c r="K8581" s="9">
        <v>53.07</v>
      </c>
      <c r="L8581" s="6" t="s">
        <v>51</v>
      </c>
    </row>
    <row r="8582" spans="1:12">
      <c r="A8582" s="6" t="s">
        <v>49</v>
      </c>
      <c r="B8582" s="6"/>
      <c r="C8582" s="6" t="s">
        <v>8606</v>
      </c>
      <c r="D8582" s="6"/>
      <c r="E8582" s="6" t="s">
        <v>9</v>
      </c>
      <c r="F8582" s="7">
        <v>38657</v>
      </c>
      <c r="G8582" s="8">
        <v>1</v>
      </c>
      <c r="H8582" s="8">
        <v>1</v>
      </c>
      <c r="I8582" s="8">
        <v>0</v>
      </c>
      <c r="J8582" s="8">
        <v>1</v>
      </c>
      <c r="K8582" s="9">
        <v>63</v>
      </c>
      <c r="L8582" s="6" t="s">
        <v>51</v>
      </c>
    </row>
    <row r="8583" spans="1:12">
      <c r="A8583" s="6" t="s">
        <v>49</v>
      </c>
      <c r="B8583" s="6"/>
      <c r="C8583" s="6" t="s">
        <v>8607</v>
      </c>
      <c r="D8583" s="6"/>
      <c r="E8583" s="6" t="s">
        <v>9</v>
      </c>
      <c r="F8583" s="7">
        <v>38657</v>
      </c>
      <c r="G8583" s="8">
        <v>1</v>
      </c>
      <c r="H8583" s="8">
        <v>1</v>
      </c>
      <c r="I8583" s="8">
        <v>0</v>
      </c>
      <c r="J8583" s="8">
        <v>1</v>
      </c>
      <c r="K8583" s="9">
        <v>6.24</v>
      </c>
      <c r="L8583" s="6" t="s">
        <v>51</v>
      </c>
    </row>
    <row r="8584" spans="1:12">
      <c r="A8584" s="6" t="s">
        <v>49</v>
      </c>
      <c r="B8584" s="6"/>
      <c r="C8584" s="6" t="s">
        <v>8608</v>
      </c>
      <c r="D8584" s="6"/>
      <c r="E8584" s="6" t="s">
        <v>9</v>
      </c>
      <c r="F8584" s="7">
        <v>38657</v>
      </c>
      <c r="G8584" s="8">
        <v>1</v>
      </c>
      <c r="H8584" s="8">
        <v>1</v>
      </c>
      <c r="I8584" s="8">
        <v>0</v>
      </c>
      <c r="J8584" s="8">
        <v>1</v>
      </c>
      <c r="K8584" s="9">
        <v>0.87</v>
      </c>
      <c r="L8584" s="6" t="s">
        <v>51</v>
      </c>
    </row>
    <row r="8585" spans="1:12">
      <c r="A8585" s="6" t="s">
        <v>49</v>
      </c>
      <c r="B8585" s="6"/>
      <c r="C8585" s="6" t="s">
        <v>8609</v>
      </c>
      <c r="D8585" s="6"/>
      <c r="E8585" s="6" t="s">
        <v>9</v>
      </c>
      <c r="F8585" s="7">
        <v>38657</v>
      </c>
      <c r="G8585" s="8">
        <v>1</v>
      </c>
      <c r="H8585" s="8">
        <v>1</v>
      </c>
      <c r="I8585" s="8">
        <v>0</v>
      </c>
      <c r="J8585" s="8">
        <v>1</v>
      </c>
      <c r="K8585" s="9">
        <v>19</v>
      </c>
      <c r="L8585" s="6" t="s">
        <v>51</v>
      </c>
    </row>
    <row r="8586" spans="1:12">
      <c r="A8586" s="6" t="s">
        <v>49</v>
      </c>
      <c r="B8586" s="6"/>
      <c r="C8586" s="6" t="s">
        <v>8610</v>
      </c>
      <c r="D8586" s="6"/>
      <c r="E8586" s="6" t="s">
        <v>9</v>
      </c>
      <c r="F8586" s="7">
        <v>38657</v>
      </c>
      <c r="G8586" s="8">
        <v>1</v>
      </c>
      <c r="H8586" s="8">
        <v>1</v>
      </c>
      <c r="I8586" s="8">
        <v>0</v>
      </c>
      <c r="J8586" s="8">
        <v>1</v>
      </c>
      <c r="K8586" s="9">
        <v>478</v>
      </c>
      <c r="L8586" s="6" t="s">
        <v>51</v>
      </c>
    </row>
    <row r="8587" spans="1:12">
      <c r="A8587" s="6" t="s">
        <v>49</v>
      </c>
      <c r="B8587" s="6"/>
      <c r="C8587" s="6" t="s">
        <v>8611</v>
      </c>
      <c r="D8587" s="6"/>
      <c r="E8587" s="6" t="s">
        <v>9</v>
      </c>
      <c r="F8587" s="7">
        <v>38657</v>
      </c>
      <c r="G8587" s="8">
        <v>1</v>
      </c>
      <c r="H8587" s="8">
        <v>1</v>
      </c>
      <c r="I8587" s="8">
        <v>0</v>
      </c>
      <c r="J8587" s="8">
        <v>1</v>
      </c>
      <c r="K8587" s="9">
        <v>1013</v>
      </c>
      <c r="L8587" s="6" t="s">
        <v>51</v>
      </c>
    </row>
    <row r="8588" spans="1:12">
      <c r="A8588" s="6" t="s">
        <v>49</v>
      </c>
      <c r="B8588" s="6"/>
      <c r="C8588" s="6" t="s">
        <v>8612</v>
      </c>
      <c r="D8588" s="6"/>
      <c r="E8588" s="6" t="s">
        <v>9</v>
      </c>
      <c r="F8588" s="7">
        <v>38657</v>
      </c>
      <c r="G8588" s="8">
        <v>1</v>
      </c>
      <c r="H8588" s="8">
        <v>1</v>
      </c>
      <c r="I8588" s="8">
        <v>0</v>
      </c>
      <c r="J8588" s="8">
        <v>1</v>
      </c>
      <c r="K8588" s="9">
        <v>299</v>
      </c>
      <c r="L8588" s="6" t="s">
        <v>51</v>
      </c>
    </row>
    <row r="8589" spans="1:12">
      <c r="A8589" s="6" t="s">
        <v>49</v>
      </c>
      <c r="B8589" s="6"/>
      <c r="C8589" s="6" t="s">
        <v>8613</v>
      </c>
      <c r="D8589" s="6"/>
      <c r="E8589" s="6" t="s">
        <v>9</v>
      </c>
      <c r="F8589" s="7"/>
      <c r="G8589" s="8">
        <v>1</v>
      </c>
      <c r="H8589" s="8">
        <v>1</v>
      </c>
      <c r="I8589" s="8">
        <v>0</v>
      </c>
      <c r="J8589" s="8">
        <v>1</v>
      </c>
      <c r="K8589" s="9">
        <v>54</v>
      </c>
      <c r="L8589" s="6" t="s">
        <v>51</v>
      </c>
    </row>
    <row r="8590" spans="1:12">
      <c r="A8590" s="6" t="s">
        <v>49</v>
      </c>
      <c r="B8590" s="6"/>
      <c r="C8590" s="6" t="s">
        <v>8614</v>
      </c>
      <c r="D8590" s="6"/>
      <c r="E8590" s="6" t="s">
        <v>9</v>
      </c>
      <c r="F8590" s="7">
        <v>38657</v>
      </c>
      <c r="G8590" s="8">
        <v>1</v>
      </c>
      <c r="H8590" s="8">
        <v>1</v>
      </c>
      <c r="I8590" s="8">
        <v>0</v>
      </c>
      <c r="J8590" s="8">
        <v>1</v>
      </c>
      <c r="K8590" s="9">
        <v>164</v>
      </c>
      <c r="L8590" s="6" t="s">
        <v>51</v>
      </c>
    </row>
    <row r="8591" spans="1:12">
      <c r="A8591" s="6" t="s">
        <v>49</v>
      </c>
      <c r="B8591" s="6"/>
      <c r="C8591" s="6" t="s">
        <v>8615</v>
      </c>
      <c r="D8591" s="6"/>
      <c r="E8591" s="6" t="s">
        <v>9</v>
      </c>
      <c r="F8591" s="7">
        <v>38657</v>
      </c>
      <c r="G8591" s="8">
        <v>1</v>
      </c>
      <c r="H8591" s="8">
        <v>1</v>
      </c>
      <c r="I8591" s="8">
        <v>0</v>
      </c>
      <c r="J8591" s="8">
        <v>1</v>
      </c>
      <c r="K8591" s="9">
        <v>64</v>
      </c>
      <c r="L8591" s="6" t="s">
        <v>51</v>
      </c>
    </row>
    <row r="8592" spans="1:12">
      <c r="A8592" s="6" t="s">
        <v>49</v>
      </c>
      <c r="B8592" s="6"/>
      <c r="C8592" s="6" t="s">
        <v>8616</v>
      </c>
      <c r="D8592" s="6"/>
      <c r="E8592" s="6" t="s">
        <v>9</v>
      </c>
      <c r="F8592" s="7">
        <v>38657</v>
      </c>
      <c r="G8592" s="8">
        <v>1</v>
      </c>
      <c r="H8592" s="8">
        <v>1</v>
      </c>
      <c r="I8592" s="8">
        <v>0</v>
      </c>
      <c r="J8592" s="8">
        <v>1</v>
      </c>
      <c r="K8592" s="9">
        <v>10</v>
      </c>
      <c r="L8592" s="6" t="s">
        <v>51</v>
      </c>
    </row>
    <row r="8593" spans="1:12">
      <c r="A8593" s="6" t="s">
        <v>49</v>
      </c>
      <c r="B8593" s="6"/>
      <c r="C8593" s="6" t="s">
        <v>8617</v>
      </c>
      <c r="D8593" s="6"/>
      <c r="E8593" s="6" t="s">
        <v>9</v>
      </c>
      <c r="F8593" s="7">
        <v>38657</v>
      </c>
      <c r="G8593" s="8">
        <v>1</v>
      </c>
      <c r="H8593" s="8">
        <v>1</v>
      </c>
      <c r="I8593" s="8">
        <v>0</v>
      </c>
      <c r="J8593" s="8">
        <v>1</v>
      </c>
      <c r="K8593" s="9">
        <v>5.89</v>
      </c>
      <c r="L8593" s="6" t="s">
        <v>51</v>
      </c>
    </row>
    <row r="8594" spans="1:12">
      <c r="A8594" s="6" t="s">
        <v>49</v>
      </c>
      <c r="B8594" s="6"/>
      <c r="C8594" s="6" t="s">
        <v>8618</v>
      </c>
      <c r="D8594" s="6"/>
      <c r="E8594" s="6" t="s">
        <v>9</v>
      </c>
      <c r="F8594" s="7">
        <v>40554</v>
      </c>
      <c r="G8594" s="8">
        <v>1</v>
      </c>
      <c r="H8594" s="8">
        <v>1</v>
      </c>
      <c r="I8594" s="8">
        <v>0</v>
      </c>
      <c r="J8594" s="8">
        <v>1</v>
      </c>
      <c r="K8594" s="9">
        <v>1.64</v>
      </c>
      <c r="L8594" s="6" t="s">
        <v>51</v>
      </c>
    </row>
    <row r="8595" spans="1:12">
      <c r="A8595" s="6" t="s">
        <v>49</v>
      </c>
      <c r="B8595" s="6"/>
      <c r="C8595" s="6" t="s">
        <v>8619</v>
      </c>
      <c r="D8595" s="6"/>
      <c r="E8595" s="6" t="s">
        <v>9</v>
      </c>
      <c r="F8595" s="7">
        <v>40554</v>
      </c>
      <c r="G8595" s="8">
        <v>1</v>
      </c>
      <c r="H8595" s="8">
        <v>1</v>
      </c>
      <c r="I8595" s="8">
        <v>0</v>
      </c>
      <c r="J8595" s="8">
        <v>1</v>
      </c>
      <c r="K8595" s="9">
        <v>8.5500000000000007</v>
      </c>
      <c r="L8595" s="6" t="s">
        <v>51</v>
      </c>
    </row>
    <row r="8596" spans="1:12">
      <c r="A8596" s="6" t="s">
        <v>49</v>
      </c>
      <c r="B8596" s="6"/>
      <c r="C8596" s="6" t="s">
        <v>8620</v>
      </c>
      <c r="D8596" s="6"/>
      <c r="E8596" s="6" t="s">
        <v>9</v>
      </c>
      <c r="F8596" s="7">
        <v>40568</v>
      </c>
      <c r="G8596" s="8">
        <v>1</v>
      </c>
      <c r="H8596" s="8">
        <v>1</v>
      </c>
      <c r="I8596" s="8">
        <v>0</v>
      </c>
      <c r="J8596" s="8">
        <v>1</v>
      </c>
      <c r="K8596" s="9">
        <v>8.74</v>
      </c>
      <c r="L8596" s="6" t="s">
        <v>51</v>
      </c>
    </row>
    <row r="8597" spans="1:12">
      <c r="A8597" s="6" t="s">
        <v>49</v>
      </c>
      <c r="B8597" s="6"/>
      <c r="C8597" s="6" t="s">
        <v>8621</v>
      </c>
      <c r="D8597" s="6"/>
      <c r="E8597" s="6" t="s">
        <v>9</v>
      </c>
      <c r="F8597" s="7">
        <v>38657</v>
      </c>
      <c r="G8597" s="8">
        <v>1</v>
      </c>
      <c r="H8597" s="8">
        <v>1</v>
      </c>
      <c r="I8597" s="8">
        <v>0</v>
      </c>
      <c r="J8597" s="8">
        <v>1</v>
      </c>
      <c r="K8597" s="9">
        <v>662</v>
      </c>
      <c r="L8597" s="6" t="s">
        <v>51</v>
      </c>
    </row>
    <row r="8598" spans="1:12">
      <c r="A8598" s="6" t="s">
        <v>49</v>
      </c>
      <c r="B8598" s="6"/>
      <c r="C8598" s="6" t="s">
        <v>8622</v>
      </c>
      <c r="D8598" s="6"/>
      <c r="E8598" s="6" t="s">
        <v>9</v>
      </c>
      <c r="F8598" s="7">
        <v>40568</v>
      </c>
      <c r="G8598" s="8">
        <v>1</v>
      </c>
      <c r="H8598" s="8">
        <v>1</v>
      </c>
      <c r="I8598" s="8">
        <v>0</v>
      </c>
      <c r="J8598" s="8">
        <v>1</v>
      </c>
      <c r="K8598" s="9">
        <v>1.24</v>
      </c>
      <c r="L8598" s="6" t="s">
        <v>51</v>
      </c>
    </row>
    <row r="8599" spans="1:12">
      <c r="A8599" s="6" t="s">
        <v>49</v>
      </c>
      <c r="B8599" s="6"/>
      <c r="C8599" s="6" t="s">
        <v>8623</v>
      </c>
      <c r="D8599" s="6"/>
      <c r="E8599" s="6" t="s">
        <v>9</v>
      </c>
      <c r="F8599" s="7">
        <v>38657</v>
      </c>
      <c r="G8599" s="8">
        <v>1</v>
      </c>
      <c r="H8599" s="8">
        <v>1</v>
      </c>
      <c r="I8599" s="8">
        <v>0</v>
      </c>
      <c r="J8599" s="8">
        <v>1</v>
      </c>
      <c r="K8599" s="9">
        <v>47</v>
      </c>
      <c r="L8599" s="6" t="s">
        <v>51</v>
      </c>
    </row>
    <row r="8600" spans="1:12">
      <c r="A8600" s="6" t="s">
        <v>49</v>
      </c>
      <c r="B8600" s="6"/>
      <c r="C8600" s="6" t="s">
        <v>8624</v>
      </c>
      <c r="D8600" s="6"/>
      <c r="E8600" s="6" t="s">
        <v>9</v>
      </c>
      <c r="F8600" s="7">
        <v>38657</v>
      </c>
      <c r="G8600" s="8">
        <v>1</v>
      </c>
      <c r="H8600" s="8">
        <v>1</v>
      </c>
      <c r="I8600" s="8">
        <v>0</v>
      </c>
      <c r="J8600" s="8">
        <v>1</v>
      </c>
      <c r="K8600" s="9">
        <v>0.03</v>
      </c>
      <c r="L8600" s="6" t="s">
        <v>51</v>
      </c>
    </row>
    <row r="8601" spans="1:12">
      <c r="A8601" s="6" t="s">
        <v>49</v>
      </c>
      <c r="B8601" s="6"/>
      <c r="C8601" s="6" t="s">
        <v>8625</v>
      </c>
      <c r="D8601" s="6"/>
      <c r="E8601" s="6" t="s">
        <v>9</v>
      </c>
      <c r="F8601" s="7">
        <v>38657</v>
      </c>
      <c r="G8601" s="8">
        <v>1</v>
      </c>
      <c r="H8601" s="8">
        <v>1</v>
      </c>
      <c r="I8601" s="8">
        <v>0</v>
      </c>
      <c r="J8601" s="8">
        <v>1</v>
      </c>
      <c r="K8601" s="9">
        <v>0.08</v>
      </c>
      <c r="L8601" s="6" t="s">
        <v>51</v>
      </c>
    </row>
    <row r="8602" spans="1:12">
      <c r="A8602" s="6" t="s">
        <v>49</v>
      </c>
      <c r="B8602" s="6"/>
      <c r="C8602" s="6" t="s">
        <v>8626</v>
      </c>
      <c r="D8602" s="6"/>
      <c r="E8602" s="6" t="s">
        <v>9</v>
      </c>
      <c r="F8602" s="7">
        <v>38657</v>
      </c>
      <c r="G8602" s="8">
        <v>1</v>
      </c>
      <c r="H8602" s="8">
        <v>1</v>
      </c>
      <c r="I8602" s="8">
        <v>0</v>
      </c>
      <c r="J8602" s="8">
        <v>1</v>
      </c>
      <c r="K8602" s="9">
        <v>58</v>
      </c>
      <c r="L8602" s="6" t="s">
        <v>51</v>
      </c>
    </row>
    <row r="8603" spans="1:12">
      <c r="A8603" s="6" t="s">
        <v>49</v>
      </c>
      <c r="B8603" s="6"/>
      <c r="C8603" s="6" t="s">
        <v>8627</v>
      </c>
      <c r="D8603" s="6"/>
      <c r="E8603" s="6" t="s">
        <v>9</v>
      </c>
      <c r="F8603" s="7">
        <v>38657</v>
      </c>
      <c r="G8603" s="8">
        <v>1</v>
      </c>
      <c r="H8603" s="8">
        <v>1</v>
      </c>
      <c r="I8603" s="8">
        <v>0</v>
      </c>
      <c r="J8603" s="8">
        <v>1</v>
      </c>
      <c r="K8603" s="9">
        <v>2.02999999999999</v>
      </c>
      <c r="L8603" s="6" t="s">
        <v>51</v>
      </c>
    </row>
    <row r="8604" spans="1:12">
      <c r="A8604" s="6" t="s">
        <v>49</v>
      </c>
      <c r="B8604" s="6"/>
      <c r="C8604" s="6" t="s">
        <v>8628</v>
      </c>
      <c r="D8604" s="6"/>
      <c r="E8604" s="6" t="s">
        <v>9</v>
      </c>
      <c r="F8604" s="7">
        <v>38657</v>
      </c>
      <c r="G8604" s="8">
        <v>1</v>
      </c>
      <c r="H8604" s="8">
        <v>1</v>
      </c>
      <c r="I8604" s="8">
        <v>0</v>
      </c>
      <c r="J8604" s="8">
        <v>1</v>
      </c>
      <c r="K8604" s="9">
        <v>29</v>
      </c>
      <c r="L8604" s="6" t="s">
        <v>51</v>
      </c>
    </row>
    <row r="8605" spans="1:12">
      <c r="A8605" s="6" t="s">
        <v>49</v>
      </c>
      <c r="B8605" s="6"/>
      <c r="C8605" s="6" t="s">
        <v>8629</v>
      </c>
      <c r="D8605" s="6"/>
      <c r="E8605" s="6" t="s">
        <v>9</v>
      </c>
      <c r="F8605" s="7">
        <v>38657</v>
      </c>
      <c r="G8605" s="8">
        <v>1</v>
      </c>
      <c r="H8605" s="8">
        <v>1</v>
      </c>
      <c r="I8605" s="8">
        <v>0</v>
      </c>
      <c r="J8605" s="8">
        <v>1</v>
      </c>
      <c r="K8605" s="9">
        <v>7.35</v>
      </c>
      <c r="L8605" s="6" t="s">
        <v>51</v>
      </c>
    </row>
    <row r="8606" spans="1:12">
      <c r="A8606" s="6" t="s">
        <v>49</v>
      </c>
      <c r="B8606" s="6"/>
      <c r="C8606" s="6" t="s">
        <v>8630</v>
      </c>
      <c r="D8606" s="6"/>
      <c r="E8606" s="6" t="s">
        <v>9</v>
      </c>
      <c r="F8606" s="7">
        <v>38657</v>
      </c>
      <c r="G8606" s="8">
        <v>1</v>
      </c>
      <c r="H8606" s="8">
        <v>1</v>
      </c>
      <c r="I8606" s="8">
        <v>0</v>
      </c>
      <c r="J8606" s="8">
        <v>1</v>
      </c>
      <c r="K8606" s="9">
        <v>13</v>
      </c>
      <c r="L8606" s="6" t="s">
        <v>51</v>
      </c>
    </row>
    <row r="8607" spans="1:12">
      <c r="A8607" s="6" t="s">
        <v>49</v>
      </c>
      <c r="B8607" s="6"/>
      <c r="C8607" s="6" t="s">
        <v>8631</v>
      </c>
      <c r="D8607" s="6"/>
      <c r="E8607" s="6" t="s">
        <v>9</v>
      </c>
      <c r="F8607" s="7">
        <v>38657</v>
      </c>
      <c r="G8607" s="8">
        <v>1</v>
      </c>
      <c r="H8607" s="8">
        <v>1</v>
      </c>
      <c r="I8607" s="8">
        <v>0</v>
      </c>
      <c r="J8607" s="8">
        <v>1</v>
      </c>
      <c r="K8607" s="9">
        <v>18</v>
      </c>
      <c r="L8607" s="6" t="s">
        <v>51</v>
      </c>
    </row>
    <row r="8608" spans="1:12">
      <c r="A8608" s="6" t="s">
        <v>49</v>
      </c>
      <c r="B8608" s="6"/>
      <c r="C8608" s="6" t="s">
        <v>8632</v>
      </c>
      <c r="D8608" s="6"/>
      <c r="E8608" s="6" t="s">
        <v>9</v>
      </c>
      <c r="F8608" s="7">
        <v>38657</v>
      </c>
      <c r="G8608" s="8">
        <v>1</v>
      </c>
      <c r="H8608" s="8">
        <v>1</v>
      </c>
      <c r="I8608" s="8">
        <v>0</v>
      </c>
      <c r="J8608" s="8">
        <v>1</v>
      </c>
      <c r="K8608" s="9">
        <v>21</v>
      </c>
      <c r="L8608" s="6" t="s">
        <v>51</v>
      </c>
    </row>
    <row r="8609" spans="1:12">
      <c r="A8609" s="6" t="s">
        <v>49</v>
      </c>
      <c r="B8609" s="6"/>
      <c r="C8609" s="6" t="s">
        <v>8633</v>
      </c>
      <c r="D8609" s="6"/>
      <c r="E8609" s="6" t="s">
        <v>9</v>
      </c>
      <c r="F8609" s="7">
        <v>38657</v>
      </c>
      <c r="G8609" s="8">
        <v>1</v>
      </c>
      <c r="H8609" s="8">
        <v>1</v>
      </c>
      <c r="I8609" s="8">
        <v>0</v>
      </c>
      <c r="J8609" s="8">
        <v>1</v>
      </c>
      <c r="K8609" s="9">
        <v>787</v>
      </c>
      <c r="L8609" s="6" t="s">
        <v>51</v>
      </c>
    </row>
    <row r="8610" spans="1:12">
      <c r="A8610" s="6" t="s">
        <v>49</v>
      </c>
      <c r="B8610" s="6"/>
      <c r="C8610" s="6" t="s">
        <v>8634</v>
      </c>
      <c r="D8610" s="6"/>
      <c r="E8610" s="6" t="s">
        <v>9</v>
      </c>
      <c r="F8610" s="7">
        <v>38657</v>
      </c>
      <c r="G8610" s="8">
        <v>1</v>
      </c>
      <c r="H8610" s="8">
        <v>1</v>
      </c>
      <c r="I8610" s="8">
        <v>0</v>
      </c>
      <c r="J8610" s="8">
        <v>1</v>
      </c>
      <c r="K8610" s="9">
        <v>9.69</v>
      </c>
      <c r="L8610" s="6" t="s">
        <v>51</v>
      </c>
    </row>
    <row r="8611" spans="1:12">
      <c r="A8611" s="6" t="s">
        <v>49</v>
      </c>
      <c r="B8611" s="6"/>
      <c r="C8611" s="6" t="s">
        <v>8635</v>
      </c>
      <c r="D8611" s="6"/>
      <c r="E8611" s="6" t="s">
        <v>9</v>
      </c>
      <c r="F8611" s="7">
        <v>38657</v>
      </c>
      <c r="G8611" s="8">
        <v>1</v>
      </c>
      <c r="H8611" s="8">
        <v>1</v>
      </c>
      <c r="I8611" s="8">
        <v>0</v>
      </c>
      <c r="J8611" s="8">
        <v>1</v>
      </c>
      <c r="K8611" s="9">
        <v>54</v>
      </c>
      <c r="L8611" s="6" t="s">
        <v>51</v>
      </c>
    </row>
    <row r="8612" spans="1:12">
      <c r="A8612" s="6" t="s">
        <v>49</v>
      </c>
      <c r="B8612" s="6"/>
      <c r="C8612" s="6" t="s">
        <v>8636</v>
      </c>
      <c r="D8612" s="6"/>
      <c r="E8612" s="6" t="s">
        <v>9</v>
      </c>
      <c r="F8612" s="7">
        <v>38657</v>
      </c>
      <c r="G8612" s="8">
        <v>1</v>
      </c>
      <c r="H8612" s="8">
        <v>1</v>
      </c>
      <c r="I8612" s="8">
        <v>0</v>
      </c>
      <c r="J8612" s="8">
        <v>1</v>
      </c>
      <c r="K8612" s="9">
        <v>3.7</v>
      </c>
      <c r="L8612" s="6" t="s">
        <v>51</v>
      </c>
    </row>
    <row r="8613" spans="1:12">
      <c r="A8613" s="6" t="s">
        <v>49</v>
      </c>
      <c r="B8613" s="6"/>
      <c r="C8613" s="6" t="s">
        <v>8637</v>
      </c>
      <c r="D8613" s="6"/>
      <c r="E8613" s="6" t="s">
        <v>9</v>
      </c>
      <c r="F8613" s="7">
        <v>41422</v>
      </c>
      <c r="G8613" s="8">
        <v>1</v>
      </c>
      <c r="H8613" s="8">
        <v>1</v>
      </c>
      <c r="I8613" s="8">
        <v>0</v>
      </c>
      <c r="J8613" s="8">
        <v>1</v>
      </c>
      <c r="K8613" s="9">
        <v>1.25</v>
      </c>
      <c r="L8613" s="6" t="s">
        <v>51</v>
      </c>
    </row>
    <row r="8614" spans="1:12">
      <c r="A8614" s="6" t="s">
        <v>49</v>
      </c>
      <c r="B8614" s="6"/>
      <c r="C8614" s="6" t="s">
        <v>8638</v>
      </c>
      <c r="D8614" s="6"/>
      <c r="E8614" s="6" t="s">
        <v>9</v>
      </c>
      <c r="F8614" s="7">
        <v>38657</v>
      </c>
      <c r="G8614" s="8">
        <v>1</v>
      </c>
      <c r="H8614" s="8">
        <v>1</v>
      </c>
      <c r="I8614" s="8">
        <v>0</v>
      </c>
      <c r="J8614" s="8">
        <v>1</v>
      </c>
      <c r="K8614" s="9">
        <v>436</v>
      </c>
      <c r="L8614" s="6" t="s">
        <v>51</v>
      </c>
    </row>
    <row r="8615" spans="1:12">
      <c r="A8615" s="6" t="s">
        <v>49</v>
      </c>
      <c r="B8615" s="6"/>
      <c r="C8615" s="6" t="s">
        <v>8639</v>
      </c>
      <c r="D8615" s="6"/>
      <c r="E8615" s="6" t="s">
        <v>9</v>
      </c>
      <c r="F8615" s="7">
        <v>38657</v>
      </c>
      <c r="G8615" s="8">
        <v>1</v>
      </c>
      <c r="H8615" s="8">
        <v>1</v>
      </c>
      <c r="I8615" s="8">
        <v>0</v>
      </c>
      <c r="J8615" s="8">
        <v>1</v>
      </c>
      <c r="K8615" s="9">
        <v>143.18</v>
      </c>
      <c r="L8615" s="6" t="s">
        <v>51</v>
      </c>
    </row>
    <row r="8616" spans="1:12">
      <c r="A8616" s="6" t="s">
        <v>49</v>
      </c>
      <c r="B8616" s="6"/>
      <c r="C8616" s="6" t="s">
        <v>8640</v>
      </c>
      <c r="D8616" s="6"/>
      <c r="E8616" s="6" t="s">
        <v>9</v>
      </c>
      <c r="F8616" s="7">
        <v>38657</v>
      </c>
      <c r="G8616" s="8">
        <v>1</v>
      </c>
      <c r="H8616" s="8">
        <v>1</v>
      </c>
      <c r="I8616" s="8">
        <v>0</v>
      </c>
      <c r="J8616" s="8">
        <v>1</v>
      </c>
      <c r="K8616" s="9">
        <v>21</v>
      </c>
      <c r="L8616" s="6" t="s">
        <v>51</v>
      </c>
    </row>
    <row r="8617" spans="1:12">
      <c r="A8617" s="6" t="s">
        <v>49</v>
      </c>
      <c r="B8617" s="6"/>
      <c r="C8617" s="6" t="s">
        <v>8641</v>
      </c>
      <c r="D8617" s="6"/>
      <c r="E8617" s="6" t="s">
        <v>9</v>
      </c>
      <c r="F8617" s="7">
        <v>38657</v>
      </c>
      <c r="G8617" s="8">
        <v>1</v>
      </c>
      <c r="H8617" s="8">
        <v>1</v>
      </c>
      <c r="I8617" s="8">
        <v>0</v>
      </c>
      <c r="J8617" s="8">
        <v>1</v>
      </c>
      <c r="K8617" s="9">
        <v>33.1</v>
      </c>
      <c r="L8617" s="6" t="s">
        <v>51</v>
      </c>
    </row>
    <row r="8618" spans="1:12">
      <c r="A8618" s="6" t="s">
        <v>49</v>
      </c>
      <c r="B8618" s="6"/>
      <c r="C8618" s="6" t="s">
        <v>8642</v>
      </c>
      <c r="D8618" s="6"/>
      <c r="E8618" s="6" t="s">
        <v>9</v>
      </c>
      <c r="F8618" s="7">
        <v>38657</v>
      </c>
      <c r="G8618" s="8">
        <v>1</v>
      </c>
      <c r="H8618" s="8">
        <v>1</v>
      </c>
      <c r="I8618" s="8">
        <v>0</v>
      </c>
      <c r="J8618" s="8">
        <v>1</v>
      </c>
      <c r="K8618" s="9">
        <v>6.37</v>
      </c>
      <c r="L8618" s="6" t="s">
        <v>51</v>
      </c>
    </row>
    <row r="8619" spans="1:12">
      <c r="A8619" s="6" t="s">
        <v>49</v>
      </c>
      <c r="B8619" s="6"/>
      <c r="C8619" s="6" t="s">
        <v>8643</v>
      </c>
      <c r="D8619" s="6"/>
      <c r="E8619" s="6" t="s">
        <v>9</v>
      </c>
      <c r="F8619" s="7">
        <v>38657</v>
      </c>
      <c r="G8619" s="8">
        <v>1</v>
      </c>
      <c r="H8619" s="8">
        <v>1</v>
      </c>
      <c r="I8619" s="8">
        <v>0</v>
      </c>
      <c r="J8619" s="8">
        <v>1</v>
      </c>
      <c r="K8619" s="9">
        <v>5.97</v>
      </c>
      <c r="L8619" s="6" t="s">
        <v>51</v>
      </c>
    </row>
    <row r="8620" spans="1:12">
      <c r="A8620" s="6" t="s">
        <v>49</v>
      </c>
      <c r="B8620" s="6"/>
      <c r="C8620" s="6" t="s">
        <v>8644</v>
      </c>
      <c r="D8620" s="6"/>
      <c r="E8620" s="6" t="s">
        <v>9</v>
      </c>
      <c r="F8620" s="7">
        <v>38657</v>
      </c>
      <c r="G8620" s="8">
        <v>1</v>
      </c>
      <c r="H8620" s="8">
        <v>1</v>
      </c>
      <c r="I8620" s="8">
        <v>0</v>
      </c>
      <c r="J8620" s="8">
        <v>1</v>
      </c>
      <c r="K8620" s="9">
        <v>3.31</v>
      </c>
      <c r="L8620" s="6" t="s">
        <v>51</v>
      </c>
    </row>
    <row r="8621" spans="1:12">
      <c r="A8621" s="6" t="s">
        <v>49</v>
      </c>
      <c r="B8621" s="6"/>
      <c r="C8621" s="6" t="s">
        <v>8645</v>
      </c>
      <c r="D8621" s="6"/>
      <c r="E8621" s="6" t="s">
        <v>9</v>
      </c>
      <c r="F8621" s="7">
        <v>38657</v>
      </c>
      <c r="G8621" s="8">
        <v>1</v>
      </c>
      <c r="H8621" s="8">
        <v>1</v>
      </c>
      <c r="I8621" s="8">
        <v>0</v>
      </c>
      <c r="J8621" s="8">
        <v>1</v>
      </c>
      <c r="K8621" s="9">
        <v>2.1</v>
      </c>
      <c r="L8621" s="6" t="s">
        <v>51</v>
      </c>
    </row>
    <row r="8622" spans="1:12">
      <c r="A8622" s="6" t="s">
        <v>49</v>
      </c>
      <c r="B8622" s="6"/>
      <c r="C8622" s="6" t="s">
        <v>8646</v>
      </c>
      <c r="D8622" s="6"/>
      <c r="E8622" s="6" t="s">
        <v>9</v>
      </c>
      <c r="F8622" s="7">
        <v>38657</v>
      </c>
      <c r="G8622" s="8">
        <v>1</v>
      </c>
      <c r="H8622" s="8">
        <v>1</v>
      </c>
      <c r="I8622" s="8">
        <v>0</v>
      </c>
      <c r="J8622" s="8">
        <v>1</v>
      </c>
      <c r="K8622" s="9">
        <v>106</v>
      </c>
      <c r="L8622" s="6" t="s">
        <v>51</v>
      </c>
    </row>
    <row r="8623" spans="1:12">
      <c r="A8623" s="6" t="s">
        <v>49</v>
      </c>
      <c r="B8623" s="6"/>
      <c r="C8623" s="6" t="s">
        <v>8647</v>
      </c>
      <c r="D8623" s="6"/>
      <c r="E8623" s="6" t="s">
        <v>9</v>
      </c>
      <c r="F8623" s="7">
        <v>38657</v>
      </c>
      <c r="G8623" s="8">
        <v>1</v>
      </c>
      <c r="H8623" s="8">
        <v>1</v>
      </c>
      <c r="I8623" s="8">
        <v>0</v>
      </c>
      <c r="J8623" s="8">
        <v>1</v>
      </c>
      <c r="K8623" s="9">
        <v>422</v>
      </c>
      <c r="L8623" s="6" t="s">
        <v>51</v>
      </c>
    </row>
    <row r="8624" spans="1:12">
      <c r="A8624" s="6" t="s">
        <v>49</v>
      </c>
      <c r="B8624" s="6"/>
      <c r="C8624" s="6" t="s">
        <v>8648</v>
      </c>
      <c r="D8624" s="6"/>
      <c r="E8624" s="6" t="s">
        <v>9</v>
      </c>
      <c r="F8624" s="7">
        <v>38657</v>
      </c>
      <c r="G8624" s="8">
        <v>1</v>
      </c>
      <c r="H8624" s="8">
        <v>1</v>
      </c>
      <c r="I8624" s="8">
        <v>0</v>
      </c>
      <c r="J8624" s="8">
        <v>1</v>
      </c>
      <c r="K8624" s="9">
        <v>24</v>
      </c>
      <c r="L8624" s="6" t="s">
        <v>51</v>
      </c>
    </row>
    <row r="8625" spans="1:12">
      <c r="A8625" s="6" t="s">
        <v>49</v>
      </c>
      <c r="B8625" s="6"/>
      <c r="C8625" s="6" t="s">
        <v>8649</v>
      </c>
      <c r="D8625" s="6"/>
      <c r="E8625" s="6" t="s">
        <v>9</v>
      </c>
      <c r="F8625" s="7">
        <v>38657</v>
      </c>
      <c r="G8625" s="8">
        <v>1</v>
      </c>
      <c r="H8625" s="8">
        <v>1</v>
      </c>
      <c r="I8625" s="8">
        <v>0</v>
      </c>
      <c r="J8625" s="8">
        <v>1</v>
      </c>
      <c r="K8625" s="9">
        <v>1002</v>
      </c>
      <c r="L8625" s="6" t="s">
        <v>51</v>
      </c>
    </row>
    <row r="8626" spans="1:12">
      <c r="A8626" s="6" t="s">
        <v>49</v>
      </c>
      <c r="B8626" s="6"/>
      <c r="C8626" s="6" t="s">
        <v>8650</v>
      </c>
      <c r="D8626" s="6"/>
      <c r="E8626" s="6" t="s">
        <v>9</v>
      </c>
      <c r="F8626" s="7">
        <v>38657</v>
      </c>
      <c r="G8626" s="8">
        <v>1</v>
      </c>
      <c r="H8626" s="8">
        <v>1</v>
      </c>
      <c r="I8626" s="8">
        <v>0</v>
      </c>
      <c r="J8626" s="8">
        <v>1</v>
      </c>
      <c r="K8626" s="9">
        <v>9.59</v>
      </c>
      <c r="L8626" s="6" t="s">
        <v>51</v>
      </c>
    </row>
    <row r="8627" spans="1:12">
      <c r="A8627" s="6" t="s">
        <v>49</v>
      </c>
      <c r="B8627" s="6"/>
      <c r="C8627" s="6" t="s">
        <v>8651</v>
      </c>
      <c r="D8627" s="6"/>
      <c r="E8627" s="6" t="s">
        <v>9</v>
      </c>
      <c r="F8627" s="7">
        <v>38657</v>
      </c>
      <c r="G8627" s="8">
        <v>1</v>
      </c>
      <c r="H8627" s="8">
        <v>1</v>
      </c>
      <c r="I8627" s="8">
        <v>0</v>
      </c>
      <c r="J8627" s="8">
        <v>1</v>
      </c>
      <c r="K8627" s="9">
        <v>99</v>
      </c>
      <c r="L8627" s="6" t="s">
        <v>51</v>
      </c>
    </row>
    <row r="8628" spans="1:12">
      <c r="A8628" s="6" t="s">
        <v>49</v>
      </c>
      <c r="B8628" s="6"/>
      <c r="C8628" s="6" t="s">
        <v>8652</v>
      </c>
      <c r="D8628" s="6"/>
      <c r="E8628" s="6" t="s">
        <v>9</v>
      </c>
      <c r="F8628" s="7">
        <v>38657</v>
      </c>
      <c r="G8628" s="8">
        <v>1</v>
      </c>
      <c r="H8628" s="8">
        <v>1</v>
      </c>
      <c r="I8628" s="8">
        <v>0</v>
      </c>
      <c r="J8628" s="8">
        <v>1</v>
      </c>
      <c r="K8628" s="9">
        <v>1.0900000000000001</v>
      </c>
      <c r="L8628" s="6" t="s">
        <v>51</v>
      </c>
    </row>
    <row r="8629" spans="1:12">
      <c r="A8629" s="6" t="s">
        <v>49</v>
      </c>
      <c r="B8629" s="6"/>
      <c r="C8629" s="6" t="s">
        <v>8653</v>
      </c>
      <c r="D8629" s="6"/>
      <c r="E8629" s="6" t="s">
        <v>9</v>
      </c>
      <c r="F8629" s="7">
        <v>38657</v>
      </c>
      <c r="G8629" s="8">
        <v>1</v>
      </c>
      <c r="H8629" s="8">
        <v>1</v>
      </c>
      <c r="I8629" s="8">
        <v>0</v>
      </c>
      <c r="J8629" s="8">
        <v>1</v>
      </c>
      <c r="K8629" s="9">
        <v>612.41999999999905</v>
      </c>
      <c r="L8629" s="6" t="s">
        <v>51</v>
      </c>
    </row>
    <row r="8630" spans="1:12">
      <c r="A8630" s="6" t="s">
        <v>49</v>
      </c>
      <c r="B8630" s="6"/>
      <c r="C8630" s="6" t="s">
        <v>8654</v>
      </c>
      <c r="D8630" s="6"/>
      <c r="E8630" s="6" t="s">
        <v>9</v>
      </c>
      <c r="F8630" s="7">
        <v>38657</v>
      </c>
      <c r="G8630" s="8">
        <v>1</v>
      </c>
      <c r="H8630" s="8">
        <v>1</v>
      </c>
      <c r="I8630" s="8">
        <v>0</v>
      </c>
      <c r="J8630" s="8">
        <v>1</v>
      </c>
      <c r="K8630" s="9">
        <v>8.0500000000000007</v>
      </c>
      <c r="L8630" s="6" t="s">
        <v>51</v>
      </c>
    </row>
    <row r="8631" spans="1:12">
      <c r="A8631" s="6" t="s">
        <v>49</v>
      </c>
      <c r="B8631" s="6"/>
      <c r="C8631" s="6" t="s">
        <v>8655</v>
      </c>
      <c r="D8631" s="6"/>
      <c r="E8631" s="6" t="s">
        <v>9</v>
      </c>
      <c r="F8631" s="7">
        <v>38657</v>
      </c>
      <c r="G8631" s="8">
        <v>1</v>
      </c>
      <c r="H8631" s="8">
        <v>1</v>
      </c>
      <c r="I8631" s="8">
        <v>0</v>
      </c>
      <c r="J8631" s="8">
        <v>1</v>
      </c>
      <c r="K8631" s="9">
        <v>28.89</v>
      </c>
      <c r="L8631" s="6" t="s">
        <v>51</v>
      </c>
    </row>
    <row r="8632" spans="1:12">
      <c r="A8632" s="6" t="s">
        <v>49</v>
      </c>
      <c r="B8632" s="6"/>
      <c r="C8632" s="6" t="s">
        <v>8656</v>
      </c>
      <c r="D8632" s="6"/>
      <c r="E8632" s="6" t="s">
        <v>9</v>
      </c>
      <c r="F8632" s="7">
        <v>38657</v>
      </c>
      <c r="G8632" s="8">
        <v>1</v>
      </c>
      <c r="H8632" s="8">
        <v>1</v>
      </c>
      <c r="I8632" s="8">
        <v>0</v>
      </c>
      <c r="J8632" s="8">
        <v>1</v>
      </c>
      <c r="K8632" s="9">
        <v>65.08</v>
      </c>
      <c r="L8632" s="6" t="s">
        <v>51</v>
      </c>
    </row>
    <row r="8633" spans="1:12">
      <c r="A8633" s="6" t="s">
        <v>49</v>
      </c>
      <c r="B8633" s="6"/>
      <c r="C8633" s="6" t="s">
        <v>8657</v>
      </c>
      <c r="D8633" s="6"/>
      <c r="E8633" s="6" t="s">
        <v>9</v>
      </c>
      <c r="F8633" s="7">
        <v>38657</v>
      </c>
      <c r="G8633" s="8">
        <v>1</v>
      </c>
      <c r="H8633" s="8">
        <v>1</v>
      </c>
      <c r="I8633" s="8">
        <v>0</v>
      </c>
      <c r="J8633" s="8">
        <v>1</v>
      </c>
      <c r="K8633" s="9">
        <v>39.479999999999897</v>
      </c>
      <c r="L8633" s="6" t="s">
        <v>51</v>
      </c>
    </row>
    <row r="8634" spans="1:12">
      <c r="A8634" s="6" t="s">
        <v>49</v>
      </c>
      <c r="B8634" s="6"/>
      <c r="C8634" s="6" t="s">
        <v>8658</v>
      </c>
      <c r="D8634" s="6"/>
      <c r="E8634" s="6" t="s">
        <v>9</v>
      </c>
      <c r="F8634" s="7">
        <v>38657</v>
      </c>
      <c r="G8634" s="8">
        <v>1</v>
      </c>
      <c r="H8634" s="8">
        <v>1</v>
      </c>
      <c r="I8634" s="8">
        <v>0</v>
      </c>
      <c r="J8634" s="8">
        <v>1</v>
      </c>
      <c r="K8634" s="9">
        <v>40.549999999999898</v>
      </c>
      <c r="L8634" s="6" t="s">
        <v>51</v>
      </c>
    </row>
    <row r="8635" spans="1:12">
      <c r="A8635" s="6" t="s">
        <v>49</v>
      </c>
      <c r="B8635" s="6"/>
      <c r="C8635" s="6" t="s">
        <v>8659</v>
      </c>
      <c r="D8635" s="6"/>
      <c r="E8635" s="6" t="s">
        <v>9</v>
      </c>
      <c r="F8635" s="7">
        <v>38657</v>
      </c>
      <c r="G8635" s="8">
        <v>1</v>
      </c>
      <c r="H8635" s="8">
        <v>1</v>
      </c>
      <c r="I8635" s="8">
        <v>0</v>
      </c>
      <c r="J8635" s="8">
        <v>1</v>
      </c>
      <c r="K8635" s="9">
        <v>444</v>
      </c>
      <c r="L8635" s="6" t="s">
        <v>51</v>
      </c>
    </row>
    <row r="8636" spans="1:12">
      <c r="A8636" s="6" t="s">
        <v>49</v>
      </c>
      <c r="B8636" s="6"/>
      <c r="C8636" s="6" t="s">
        <v>8660</v>
      </c>
      <c r="D8636" s="6"/>
      <c r="E8636" s="6" t="s">
        <v>9</v>
      </c>
      <c r="F8636" s="7">
        <v>38657</v>
      </c>
      <c r="G8636" s="8">
        <v>1</v>
      </c>
      <c r="H8636" s="8">
        <v>1</v>
      </c>
      <c r="I8636" s="8">
        <v>0</v>
      </c>
      <c r="J8636" s="8">
        <v>1</v>
      </c>
      <c r="K8636" s="9">
        <v>49</v>
      </c>
      <c r="L8636" s="6" t="s">
        <v>51</v>
      </c>
    </row>
    <row r="8637" spans="1:12">
      <c r="A8637" s="6" t="s">
        <v>49</v>
      </c>
      <c r="B8637" s="6"/>
      <c r="C8637" s="6" t="s">
        <v>8661</v>
      </c>
      <c r="D8637" s="6"/>
      <c r="E8637" s="6" t="s">
        <v>9</v>
      </c>
      <c r="F8637" s="7">
        <v>38657</v>
      </c>
      <c r="G8637" s="8">
        <v>1</v>
      </c>
      <c r="H8637" s="8">
        <v>1</v>
      </c>
      <c r="I8637" s="8">
        <v>0</v>
      </c>
      <c r="J8637" s="8">
        <v>1</v>
      </c>
      <c r="K8637" s="9">
        <v>4.3</v>
      </c>
      <c r="L8637" s="6" t="s">
        <v>51</v>
      </c>
    </row>
    <row r="8638" spans="1:12">
      <c r="A8638" s="6" t="s">
        <v>49</v>
      </c>
      <c r="B8638" s="6"/>
      <c r="C8638" s="6" t="s">
        <v>8662</v>
      </c>
      <c r="D8638" s="6"/>
      <c r="E8638" s="6" t="s">
        <v>9</v>
      </c>
      <c r="F8638" s="7">
        <v>38657</v>
      </c>
      <c r="G8638" s="8">
        <v>1</v>
      </c>
      <c r="H8638" s="8">
        <v>1</v>
      </c>
      <c r="I8638" s="8">
        <v>0</v>
      </c>
      <c r="J8638" s="8">
        <v>1</v>
      </c>
      <c r="K8638" s="9">
        <v>73</v>
      </c>
      <c r="L8638" s="6" t="s">
        <v>51</v>
      </c>
    </row>
    <row r="8639" spans="1:12">
      <c r="A8639" s="6" t="s">
        <v>49</v>
      </c>
      <c r="B8639" s="6"/>
      <c r="C8639" s="6" t="s">
        <v>8663</v>
      </c>
      <c r="D8639" s="6"/>
      <c r="E8639" s="6" t="s">
        <v>9</v>
      </c>
      <c r="F8639" s="7">
        <v>38657</v>
      </c>
      <c r="G8639" s="8">
        <v>1</v>
      </c>
      <c r="H8639" s="8">
        <v>1</v>
      </c>
      <c r="I8639" s="8">
        <v>0</v>
      </c>
      <c r="J8639" s="8">
        <v>1</v>
      </c>
      <c r="K8639" s="9">
        <v>449</v>
      </c>
      <c r="L8639" s="6" t="s">
        <v>51</v>
      </c>
    </row>
    <row r="8640" spans="1:12">
      <c r="A8640" s="6" t="s">
        <v>49</v>
      </c>
      <c r="B8640" s="6"/>
      <c r="C8640" s="6" t="s">
        <v>8664</v>
      </c>
      <c r="D8640" s="6"/>
      <c r="E8640" s="6" t="s">
        <v>9</v>
      </c>
      <c r="F8640" s="7">
        <v>38657</v>
      </c>
      <c r="G8640" s="8">
        <v>1</v>
      </c>
      <c r="H8640" s="8">
        <v>1</v>
      </c>
      <c r="I8640" s="8">
        <v>0</v>
      </c>
      <c r="J8640" s="8">
        <v>1</v>
      </c>
      <c r="K8640" s="9">
        <v>3.87</v>
      </c>
      <c r="L8640" s="6" t="s">
        <v>51</v>
      </c>
    </row>
    <row r="8641" spans="1:12">
      <c r="A8641" s="6" t="s">
        <v>49</v>
      </c>
      <c r="B8641" s="6"/>
      <c r="C8641" s="6" t="s">
        <v>8665</v>
      </c>
      <c r="D8641" s="6"/>
      <c r="E8641" s="6" t="s">
        <v>9</v>
      </c>
      <c r="F8641" s="7">
        <v>38657</v>
      </c>
      <c r="G8641" s="8">
        <v>1</v>
      </c>
      <c r="H8641" s="8">
        <v>1</v>
      </c>
      <c r="I8641" s="8">
        <v>0</v>
      </c>
      <c r="J8641" s="8">
        <v>1</v>
      </c>
      <c r="K8641" s="9">
        <v>66</v>
      </c>
      <c r="L8641" s="6" t="s">
        <v>51</v>
      </c>
    </row>
    <row r="8642" spans="1:12">
      <c r="A8642" s="6" t="s">
        <v>49</v>
      </c>
      <c r="B8642" s="6"/>
      <c r="C8642" s="6" t="s">
        <v>8666</v>
      </c>
      <c r="D8642" s="6"/>
      <c r="E8642" s="6" t="s">
        <v>9</v>
      </c>
      <c r="F8642" s="7">
        <v>38657</v>
      </c>
      <c r="G8642" s="8">
        <v>1</v>
      </c>
      <c r="H8642" s="8">
        <v>1</v>
      </c>
      <c r="I8642" s="8">
        <v>0</v>
      </c>
      <c r="J8642" s="8">
        <v>1</v>
      </c>
      <c r="K8642" s="9">
        <v>13</v>
      </c>
      <c r="L8642" s="6" t="s">
        <v>51</v>
      </c>
    </row>
    <row r="8643" spans="1:12">
      <c r="A8643" s="6" t="s">
        <v>49</v>
      </c>
      <c r="B8643" s="6"/>
      <c r="C8643" s="6" t="s">
        <v>8667</v>
      </c>
      <c r="D8643" s="6"/>
      <c r="E8643" s="6" t="s">
        <v>9</v>
      </c>
      <c r="F8643" s="7">
        <v>38657</v>
      </c>
      <c r="G8643" s="8">
        <v>1</v>
      </c>
      <c r="H8643" s="8">
        <v>1</v>
      </c>
      <c r="I8643" s="8">
        <v>0</v>
      </c>
      <c r="J8643" s="8">
        <v>1</v>
      </c>
      <c r="K8643" s="9">
        <v>78</v>
      </c>
      <c r="L8643" s="6" t="s">
        <v>51</v>
      </c>
    </row>
    <row r="8644" spans="1:12">
      <c r="A8644" s="6" t="s">
        <v>49</v>
      </c>
      <c r="B8644" s="6"/>
      <c r="C8644" s="6" t="s">
        <v>8668</v>
      </c>
      <c r="D8644" s="6"/>
      <c r="E8644" s="6" t="s">
        <v>9</v>
      </c>
      <c r="F8644" s="7">
        <v>38657</v>
      </c>
      <c r="G8644" s="8">
        <v>1</v>
      </c>
      <c r="H8644" s="8">
        <v>1</v>
      </c>
      <c r="I8644" s="8">
        <v>0</v>
      </c>
      <c r="J8644" s="8">
        <v>1</v>
      </c>
      <c r="K8644" s="9">
        <v>11</v>
      </c>
      <c r="L8644" s="6" t="s">
        <v>51</v>
      </c>
    </row>
    <row r="8645" spans="1:12">
      <c r="A8645" s="6" t="s">
        <v>49</v>
      </c>
      <c r="B8645" s="6"/>
      <c r="C8645" s="6" t="s">
        <v>8669</v>
      </c>
      <c r="D8645" s="6"/>
      <c r="E8645" s="6" t="s">
        <v>9</v>
      </c>
      <c r="F8645" s="7">
        <v>38657</v>
      </c>
      <c r="G8645" s="8">
        <v>1</v>
      </c>
      <c r="H8645" s="8">
        <v>1</v>
      </c>
      <c r="I8645" s="8">
        <v>0</v>
      </c>
      <c r="J8645" s="8">
        <v>1</v>
      </c>
      <c r="K8645" s="9">
        <v>583</v>
      </c>
      <c r="L8645" s="6" t="s">
        <v>51</v>
      </c>
    </row>
    <row r="8646" spans="1:12">
      <c r="A8646" s="6" t="s">
        <v>49</v>
      </c>
      <c r="B8646" s="6"/>
      <c r="C8646" s="6" t="s">
        <v>8670</v>
      </c>
      <c r="D8646" s="6"/>
      <c r="E8646" s="6" t="s">
        <v>9</v>
      </c>
      <c r="F8646" s="7">
        <v>38657</v>
      </c>
      <c r="G8646" s="8">
        <v>1</v>
      </c>
      <c r="H8646" s="8">
        <v>1</v>
      </c>
      <c r="I8646" s="8">
        <v>0</v>
      </c>
      <c r="J8646" s="8">
        <v>1</v>
      </c>
      <c r="K8646" s="9">
        <v>541</v>
      </c>
      <c r="L8646" s="6" t="s">
        <v>51</v>
      </c>
    </row>
    <row r="8647" spans="1:12">
      <c r="A8647" s="6" t="s">
        <v>49</v>
      </c>
      <c r="B8647" s="6"/>
      <c r="C8647" s="6" t="s">
        <v>8671</v>
      </c>
      <c r="D8647" s="6"/>
      <c r="E8647" s="6" t="s">
        <v>9</v>
      </c>
      <c r="F8647" s="7">
        <v>38657</v>
      </c>
      <c r="G8647" s="8">
        <v>1</v>
      </c>
      <c r="H8647" s="8">
        <v>1</v>
      </c>
      <c r="I8647" s="8">
        <v>0</v>
      </c>
      <c r="J8647" s="8">
        <v>1</v>
      </c>
      <c r="K8647" s="9">
        <v>800</v>
      </c>
      <c r="L8647" s="6" t="s">
        <v>51</v>
      </c>
    </row>
    <row r="8648" spans="1:12">
      <c r="A8648" s="6" t="s">
        <v>49</v>
      </c>
      <c r="B8648" s="6"/>
      <c r="C8648" s="6" t="s">
        <v>8672</v>
      </c>
      <c r="D8648" s="6"/>
      <c r="E8648" s="6" t="s">
        <v>9</v>
      </c>
      <c r="F8648" s="7">
        <v>38657</v>
      </c>
      <c r="G8648" s="8">
        <v>1</v>
      </c>
      <c r="H8648" s="8">
        <v>1</v>
      </c>
      <c r="I8648" s="8">
        <v>0</v>
      </c>
      <c r="J8648" s="8">
        <v>1</v>
      </c>
      <c r="K8648" s="9">
        <v>1032</v>
      </c>
      <c r="L8648" s="6" t="s">
        <v>51</v>
      </c>
    </row>
    <row r="8649" spans="1:12">
      <c r="A8649" s="6" t="s">
        <v>49</v>
      </c>
      <c r="B8649" s="6"/>
      <c r="C8649" s="6" t="s">
        <v>8673</v>
      </c>
      <c r="D8649" s="6"/>
      <c r="E8649" s="6" t="s">
        <v>9</v>
      </c>
      <c r="F8649" s="7">
        <v>38657</v>
      </c>
      <c r="G8649" s="8">
        <v>1</v>
      </c>
      <c r="H8649" s="8">
        <v>1</v>
      </c>
      <c r="I8649" s="8">
        <v>0</v>
      </c>
      <c r="J8649" s="8">
        <v>1</v>
      </c>
      <c r="K8649" s="9">
        <v>6.82</v>
      </c>
      <c r="L8649" s="6" t="s">
        <v>51</v>
      </c>
    </row>
    <row r="8650" spans="1:12">
      <c r="A8650" s="6" t="s">
        <v>49</v>
      </c>
      <c r="B8650" s="6"/>
      <c r="C8650" s="6" t="s">
        <v>8674</v>
      </c>
      <c r="D8650" s="6"/>
      <c r="E8650" s="6" t="s">
        <v>9</v>
      </c>
      <c r="F8650" s="7">
        <v>38657</v>
      </c>
      <c r="G8650" s="8">
        <v>1</v>
      </c>
      <c r="H8650" s="8">
        <v>1</v>
      </c>
      <c r="I8650" s="8">
        <v>0</v>
      </c>
      <c r="J8650" s="8">
        <v>1</v>
      </c>
      <c r="K8650" s="9">
        <v>407</v>
      </c>
      <c r="L8650" s="6" t="s">
        <v>51</v>
      </c>
    </row>
    <row r="8651" spans="1:12">
      <c r="A8651" s="6" t="s">
        <v>49</v>
      </c>
      <c r="B8651" s="6"/>
      <c r="C8651" s="6" t="s">
        <v>8675</v>
      </c>
      <c r="D8651" s="6"/>
      <c r="E8651" s="6" t="s">
        <v>9</v>
      </c>
      <c r="F8651" s="7">
        <v>38657</v>
      </c>
      <c r="G8651" s="8">
        <v>1</v>
      </c>
      <c r="H8651" s="8">
        <v>1</v>
      </c>
      <c r="I8651" s="8">
        <v>0</v>
      </c>
      <c r="J8651" s="8">
        <v>1</v>
      </c>
      <c r="K8651" s="9">
        <v>15</v>
      </c>
      <c r="L8651" s="6" t="s">
        <v>51</v>
      </c>
    </row>
    <row r="8652" spans="1:12">
      <c r="A8652" s="6" t="s">
        <v>49</v>
      </c>
      <c r="B8652" s="6"/>
      <c r="C8652" s="6" t="s">
        <v>8676</v>
      </c>
      <c r="D8652" s="6"/>
      <c r="E8652" s="6" t="s">
        <v>9</v>
      </c>
      <c r="F8652" s="7">
        <v>38657</v>
      </c>
      <c r="G8652" s="8">
        <v>1</v>
      </c>
      <c r="H8652" s="8">
        <v>1</v>
      </c>
      <c r="I8652" s="8">
        <v>0</v>
      </c>
      <c r="J8652" s="8">
        <v>1</v>
      </c>
      <c r="K8652" s="9">
        <v>18</v>
      </c>
      <c r="L8652" s="6" t="s">
        <v>51</v>
      </c>
    </row>
    <row r="8653" spans="1:12">
      <c r="A8653" s="6" t="s">
        <v>49</v>
      </c>
      <c r="B8653" s="6"/>
      <c r="C8653" s="6" t="s">
        <v>8677</v>
      </c>
      <c r="D8653" s="6"/>
      <c r="E8653" s="6" t="s">
        <v>9</v>
      </c>
      <c r="F8653" s="7">
        <v>38657</v>
      </c>
      <c r="G8653" s="8">
        <v>1</v>
      </c>
      <c r="H8653" s="8">
        <v>1</v>
      </c>
      <c r="I8653" s="8">
        <v>0</v>
      </c>
      <c r="J8653" s="8">
        <v>1</v>
      </c>
      <c r="K8653" s="9">
        <v>16</v>
      </c>
      <c r="L8653" s="6" t="s">
        <v>51</v>
      </c>
    </row>
    <row r="8654" spans="1:12">
      <c r="A8654" s="6" t="s">
        <v>49</v>
      </c>
      <c r="B8654" s="6"/>
      <c r="C8654" s="6" t="s">
        <v>8678</v>
      </c>
      <c r="D8654" s="6"/>
      <c r="E8654" s="6" t="s">
        <v>9</v>
      </c>
      <c r="F8654" s="7">
        <v>38657</v>
      </c>
      <c r="G8654" s="8">
        <v>1</v>
      </c>
      <c r="H8654" s="8">
        <v>1</v>
      </c>
      <c r="I8654" s="8">
        <v>0</v>
      </c>
      <c r="J8654" s="8">
        <v>1</v>
      </c>
      <c r="K8654" s="9">
        <v>7.15</v>
      </c>
      <c r="L8654" s="6" t="s">
        <v>51</v>
      </c>
    </row>
    <row r="8655" spans="1:12">
      <c r="A8655" s="6" t="s">
        <v>49</v>
      </c>
      <c r="B8655" s="6"/>
      <c r="C8655" s="6" t="s">
        <v>8679</v>
      </c>
      <c r="D8655" s="6"/>
      <c r="E8655" s="6" t="s">
        <v>9</v>
      </c>
      <c r="F8655" s="7">
        <v>38657</v>
      </c>
      <c r="G8655" s="8">
        <v>1</v>
      </c>
      <c r="H8655" s="8">
        <v>1</v>
      </c>
      <c r="I8655" s="8">
        <v>0</v>
      </c>
      <c r="J8655" s="8">
        <v>1</v>
      </c>
      <c r="K8655" s="9">
        <v>37</v>
      </c>
      <c r="L8655" s="6" t="s">
        <v>51</v>
      </c>
    </row>
    <row r="8656" spans="1:12">
      <c r="A8656" s="6" t="s">
        <v>49</v>
      </c>
      <c r="B8656" s="6"/>
      <c r="C8656" s="6" t="s">
        <v>8680</v>
      </c>
      <c r="D8656" s="6"/>
      <c r="E8656" s="6" t="s">
        <v>9</v>
      </c>
      <c r="F8656" s="7">
        <v>38657</v>
      </c>
      <c r="G8656" s="8">
        <v>1</v>
      </c>
      <c r="H8656" s="8">
        <v>1</v>
      </c>
      <c r="I8656" s="8">
        <v>0</v>
      </c>
      <c r="J8656" s="8">
        <v>1</v>
      </c>
      <c r="K8656" s="9">
        <v>33</v>
      </c>
      <c r="L8656" s="6" t="s">
        <v>51</v>
      </c>
    </row>
    <row r="8657" spans="1:12">
      <c r="A8657" s="6" t="s">
        <v>49</v>
      </c>
      <c r="B8657" s="6"/>
      <c r="C8657" s="6" t="s">
        <v>8681</v>
      </c>
      <c r="D8657" s="6"/>
      <c r="E8657" s="6" t="s">
        <v>9</v>
      </c>
      <c r="F8657" s="7">
        <v>38657</v>
      </c>
      <c r="G8657" s="8">
        <v>1</v>
      </c>
      <c r="H8657" s="8">
        <v>1</v>
      </c>
      <c r="I8657" s="8">
        <v>0</v>
      </c>
      <c r="J8657" s="8">
        <v>1</v>
      </c>
      <c r="K8657" s="9">
        <v>202</v>
      </c>
      <c r="L8657" s="6" t="s">
        <v>51</v>
      </c>
    </row>
    <row r="8658" spans="1:12">
      <c r="A8658" s="6" t="s">
        <v>49</v>
      </c>
      <c r="B8658" s="6"/>
      <c r="C8658" s="6" t="s">
        <v>8682</v>
      </c>
      <c r="D8658" s="6"/>
      <c r="E8658" s="6" t="s">
        <v>9</v>
      </c>
      <c r="F8658" s="7">
        <v>38657</v>
      </c>
      <c r="G8658" s="8">
        <v>1</v>
      </c>
      <c r="H8658" s="8">
        <v>1</v>
      </c>
      <c r="I8658" s="8">
        <v>0</v>
      </c>
      <c r="J8658" s="8">
        <v>1</v>
      </c>
      <c r="K8658" s="9">
        <v>97</v>
      </c>
      <c r="L8658" s="6" t="s">
        <v>51</v>
      </c>
    </row>
    <row r="8659" spans="1:12">
      <c r="A8659" s="6" t="s">
        <v>49</v>
      </c>
      <c r="B8659" s="6"/>
      <c r="C8659" s="6" t="s">
        <v>8683</v>
      </c>
      <c r="D8659" s="6"/>
      <c r="E8659" s="6" t="s">
        <v>9</v>
      </c>
      <c r="F8659" s="7">
        <v>38657</v>
      </c>
      <c r="G8659" s="8">
        <v>1</v>
      </c>
      <c r="H8659" s="8">
        <v>1</v>
      </c>
      <c r="I8659" s="8">
        <v>0</v>
      </c>
      <c r="J8659" s="8">
        <v>1</v>
      </c>
      <c r="K8659" s="9">
        <v>250</v>
      </c>
      <c r="L8659" s="6" t="s">
        <v>51</v>
      </c>
    </row>
    <row r="8660" spans="1:12">
      <c r="A8660" s="6" t="s">
        <v>49</v>
      </c>
      <c r="B8660" s="6"/>
      <c r="C8660" s="6" t="s">
        <v>8684</v>
      </c>
      <c r="D8660" s="6"/>
      <c r="E8660" s="6" t="s">
        <v>9</v>
      </c>
      <c r="F8660" s="7">
        <v>38657</v>
      </c>
      <c r="G8660" s="8">
        <v>1</v>
      </c>
      <c r="H8660" s="8">
        <v>1</v>
      </c>
      <c r="I8660" s="8">
        <v>0</v>
      </c>
      <c r="J8660" s="8">
        <v>1</v>
      </c>
      <c r="K8660" s="9">
        <v>6.3</v>
      </c>
      <c r="L8660" s="6" t="s">
        <v>51</v>
      </c>
    </row>
    <row r="8661" spans="1:12">
      <c r="A8661" s="6" t="s">
        <v>49</v>
      </c>
      <c r="B8661" s="6"/>
      <c r="C8661" s="6" t="s">
        <v>8685</v>
      </c>
      <c r="D8661" s="6"/>
      <c r="E8661" s="6" t="s">
        <v>9</v>
      </c>
      <c r="F8661" s="7">
        <v>38657</v>
      </c>
      <c r="G8661" s="8">
        <v>1</v>
      </c>
      <c r="H8661" s="8">
        <v>1</v>
      </c>
      <c r="I8661" s="8">
        <v>0</v>
      </c>
      <c r="J8661" s="8">
        <v>1</v>
      </c>
      <c r="K8661" s="9">
        <v>347</v>
      </c>
      <c r="L8661" s="6" t="s">
        <v>51</v>
      </c>
    </row>
    <row r="8662" spans="1:12">
      <c r="A8662" s="6" t="s">
        <v>49</v>
      </c>
      <c r="B8662" s="6"/>
      <c r="C8662" s="6" t="s">
        <v>8686</v>
      </c>
      <c r="D8662" s="6"/>
      <c r="E8662" s="6" t="s">
        <v>9</v>
      </c>
      <c r="F8662" s="7">
        <v>38657</v>
      </c>
      <c r="G8662" s="8">
        <v>1</v>
      </c>
      <c r="H8662" s="8">
        <v>1</v>
      </c>
      <c r="I8662" s="8">
        <v>0</v>
      </c>
      <c r="J8662" s="8">
        <v>1</v>
      </c>
      <c r="K8662" s="9">
        <v>53</v>
      </c>
      <c r="L8662" s="6" t="s">
        <v>51</v>
      </c>
    </row>
    <row r="8663" spans="1:12">
      <c r="A8663" s="6" t="s">
        <v>49</v>
      </c>
      <c r="B8663" s="6"/>
      <c r="C8663" s="6" t="s">
        <v>8687</v>
      </c>
      <c r="D8663" s="6"/>
      <c r="E8663" s="6" t="s">
        <v>9</v>
      </c>
      <c r="F8663" s="7">
        <v>38657</v>
      </c>
      <c r="G8663" s="8">
        <v>1</v>
      </c>
      <c r="H8663" s="8">
        <v>1</v>
      </c>
      <c r="I8663" s="8">
        <v>0</v>
      </c>
      <c r="J8663" s="8">
        <v>1</v>
      </c>
      <c r="K8663" s="9">
        <v>639</v>
      </c>
      <c r="L8663" s="6" t="s">
        <v>51</v>
      </c>
    </row>
    <row r="8664" spans="1:12">
      <c r="A8664" s="6" t="s">
        <v>49</v>
      </c>
      <c r="B8664" s="6"/>
      <c r="C8664" s="6" t="s">
        <v>8688</v>
      </c>
      <c r="D8664" s="6"/>
      <c r="E8664" s="6" t="s">
        <v>9</v>
      </c>
      <c r="F8664" s="7">
        <v>38657</v>
      </c>
      <c r="G8664" s="8">
        <v>1</v>
      </c>
      <c r="H8664" s="8">
        <v>1</v>
      </c>
      <c r="I8664" s="8">
        <v>0</v>
      </c>
      <c r="J8664" s="8">
        <v>1</v>
      </c>
      <c r="K8664" s="9">
        <v>23</v>
      </c>
      <c r="L8664" s="6" t="s">
        <v>51</v>
      </c>
    </row>
    <row r="8665" spans="1:12">
      <c r="A8665" s="6" t="s">
        <v>49</v>
      </c>
      <c r="B8665" s="6"/>
      <c r="C8665" s="6" t="s">
        <v>8689</v>
      </c>
      <c r="D8665" s="6"/>
      <c r="E8665" s="6" t="s">
        <v>9</v>
      </c>
      <c r="F8665" s="7">
        <v>38657</v>
      </c>
      <c r="G8665" s="8">
        <v>1</v>
      </c>
      <c r="H8665" s="8">
        <v>1</v>
      </c>
      <c r="I8665" s="8">
        <v>0</v>
      </c>
      <c r="J8665" s="8">
        <v>1</v>
      </c>
      <c r="K8665" s="9">
        <v>37</v>
      </c>
      <c r="L8665" s="6" t="s">
        <v>51</v>
      </c>
    </row>
    <row r="8666" spans="1:12">
      <c r="A8666" s="6" t="s">
        <v>49</v>
      </c>
      <c r="B8666" s="6"/>
      <c r="C8666" s="6" t="s">
        <v>8690</v>
      </c>
      <c r="D8666" s="6"/>
      <c r="E8666" s="6" t="s">
        <v>9</v>
      </c>
      <c r="F8666" s="7">
        <v>38657</v>
      </c>
      <c r="G8666" s="8">
        <v>1</v>
      </c>
      <c r="H8666" s="8">
        <v>1</v>
      </c>
      <c r="I8666" s="8">
        <v>0</v>
      </c>
      <c r="J8666" s="8">
        <v>1</v>
      </c>
      <c r="K8666" s="9">
        <v>506</v>
      </c>
      <c r="L8666" s="6" t="s">
        <v>51</v>
      </c>
    </row>
    <row r="8667" spans="1:12">
      <c r="A8667" s="6" t="s">
        <v>49</v>
      </c>
      <c r="B8667" s="6"/>
      <c r="C8667" s="6" t="s">
        <v>8691</v>
      </c>
      <c r="D8667" s="6"/>
      <c r="E8667" s="6" t="s">
        <v>9</v>
      </c>
      <c r="F8667" s="7">
        <v>38657</v>
      </c>
      <c r="G8667" s="8">
        <v>1</v>
      </c>
      <c r="H8667" s="8">
        <v>1</v>
      </c>
      <c r="I8667" s="8">
        <v>0</v>
      </c>
      <c r="J8667" s="8">
        <v>1</v>
      </c>
      <c r="K8667" s="9">
        <v>720</v>
      </c>
      <c r="L8667" s="6" t="s">
        <v>51</v>
      </c>
    </row>
    <row r="8668" spans="1:12">
      <c r="A8668" s="6" t="s">
        <v>49</v>
      </c>
      <c r="B8668" s="6"/>
      <c r="C8668" s="6" t="s">
        <v>8692</v>
      </c>
      <c r="D8668" s="6"/>
      <c r="E8668" s="6" t="s">
        <v>9</v>
      </c>
      <c r="F8668" s="7">
        <v>38657</v>
      </c>
      <c r="G8668" s="8">
        <v>1</v>
      </c>
      <c r="H8668" s="8">
        <v>1</v>
      </c>
      <c r="I8668" s="8">
        <v>0</v>
      </c>
      <c r="J8668" s="8">
        <v>1</v>
      </c>
      <c r="K8668" s="9">
        <v>1025</v>
      </c>
      <c r="L8668" s="6" t="s">
        <v>51</v>
      </c>
    </row>
    <row r="8669" spans="1:12">
      <c r="A8669" s="6" t="s">
        <v>49</v>
      </c>
      <c r="B8669" s="6"/>
      <c r="C8669" s="6" t="s">
        <v>8693</v>
      </c>
      <c r="D8669" s="6"/>
      <c r="E8669" s="6" t="s">
        <v>9</v>
      </c>
      <c r="F8669" s="7">
        <v>38657</v>
      </c>
      <c r="G8669" s="8">
        <v>1</v>
      </c>
      <c r="H8669" s="8">
        <v>1</v>
      </c>
      <c r="I8669" s="8">
        <v>0</v>
      </c>
      <c r="J8669" s="8">
        <v>1</v>
      </c>
      <c r="K8669" s="9">
        <v>29</v>
      </c>
      <c r="L8669" s="6" t="s">
        <v>51</v>
      </c>
    </row>
    <row r="8670" spans="1:12">
      <c r="A8670" s="6" t="s">
        <v>49</v>
      </c>
      <c r="B8670" s="6"/>
      <c r="C8670" s="6" t="s">
        <v>8694</v>
      </c>
      <c r="D8670" s="6"/>
      <c r="E8670" s="6" t="s">
        <v>9</v>
      </c>
      <c r="F8670" s="7">
        <v>38657</v>
      </c>
      <c r="G8670" s="8">
        <v>1</v>
      </c>
      <c r="H8670" s="8">
        <v>1</v>
      </c>
      <c r="I8670" s="8">
        <v>0</v>
      </c>
      <c r="J8670" s="8">
        <v>1</v>
      </c>
      <c r="K8670" s="9">
        <v>1.99</v>
      </c>
      <c r="L8670" s="6" t="s">
        <v>51</v>
      </c>
    </row>
    <row r="8671" spans="1:12">
      <c r="A8671" s="6" t="s">
        <v>49</v>
      </c>
      <c r="B8671" s="6"/>
      <c r="C8671" s="6" t="s">
        <v>8695</v>
      </c>
      <c r="D8671" s="6"/>
      <c r="E8671" s="6" t="s">
        <v>9</v>
      </c>
      <c r="F8671" s="7">
        <v>38657</v>
      </c>
      <c r="G8671" s="8">
        <v>1</v>
      </c>
      <c r="H8671" s="8">
        <v>1</v>
      </c>
      <c r="I8671" s="8">
        <v>0</v>
      </c>
      <c r="J8671" s="8">
        <v>1</v>
      </c>
      <c r="K8671" s="9">
        <v>16</v>
      </c>
      <c r="L8671" s="6" t="s">
        <v>51</v>
      </c>
    </row>
    <row r="8672" spans="1:12">
      <c r="A8672" s="6" t="s">
        <v>49</v>
      </c>
      <c r="B8672" s="6"/>
      <c r="C8672" s="6" t="s">
        <v>8696</v>
      </c>
      <c r="D8672" s="6"/>
      <c r="E8672" s="6" t="s">
        <v>9</v>
      </c>
      <c r="F8672" s="7">
        <v>38657</v>
      </c>
      <c r="G8672" s="8">
        <v>1</v>
      </c>
      <c r="H8672" s="8">
        <v>1</v>
      </c>
      <c r="I8672" s="8">
        <v>0</v>
      </c>
      <c r="J8672" s="8">
        <v>1</v>
      </c>
      <c r="K8672" s="9">
        <v>1.99</v>
      </c>
      <c r="L8672" s="6" t="s">
        <v>51</v>
      </c>
    </row>
    <row r="8673" spans="1:12">
      <c r="A8673" s="6" t="s">
        <v>49</v>
      </c>
      <c r="B8673" s="6"/>
      <c r="C8673" s="6" t="s">
        <v>8697</v>
      </c>
      <c r="D8673" s="6"/>
      <c r="E8673" s="6" t="s">
        <v>9</v>
      </c>
      <c r="F8673" s="7">
        <v>38657</v>
      </c>
      <c r="G8673" s="8">
        <v>1</v>
      </c>
      <c r="H8673" s="8">
        <v>1</v>
      </c>
      <c r="I8673" s="8">
        <v>0</v>
      </c>
      <c r="J8673" s="8">
        <v>1</v>
      </c>
      <c r="K8673" s="9">
        <v>9.34</v>
      </c>
      <c r="L8673" s="6" t="s">
        <v>51</v>
      </c>
    </row>
    <row r="8674" spans="1:12">
      <c r="A8674" s="6" t="s">
        <v>49</v>
      </c>
      <c r="B8674" s="6"/>
      <c r="C8674" s="6" t="s">
        <v>8698</v>
      </c>
      <c r="D8674" s="6"/>
      <c r="E8674" s="6" t="s">
        <v>9</v>
      </c>
      <c r="F8674" s="7">
        <v>38657</v>
      </c>
      <c r="G8674" s="8">
        <v>1</v>
      </c>
      <c r="H8674" s="8">
        <v>1</v>
      </c>
      <c r="I8674" s="8">
        <v>0</v>
      </c>
      <c r="J8674" s="8">
        <v>1</v>
      </c>
      <c r="K8674" s="9">
        <v>33</v>
      </c>
      <c r="L8674" s="6" t="s">
        <v>51</v>
      </c>
    </row>
    <row r="8675" spans="1:12">
      <c r="A8675" s="6" t="s">
        <v>49</v>
      </c>
      <c r="B8675" s="6"/>
      <c r="C8675" s="6" t="s">
        <v>8699</v>
      </c>
      <c r="D8675" s="6"/>
      <c r="E8675" s="6" t="s">
        <v>9</v>
      </c>
      <c r="F8675" s="7">
        <v>38657</v>
      </c>
      <c r="G8675" s="8">
        <v>1</v>
      </c>
      <c r="H8675" s="8">
        <v>1</v>
      </c>
      <c r="I8675" s="8">
        <v>0</v>
      </c>
      <c r="J8675" s="8">
        <v>1</v>
      </c>
      <c r="K8675" s="9">
        <v>19</v>
      </c>
      <c r="L8675" s="6" t="s">
        <v>51</v>
      </c>
    </row>
    <row r="8676" spans="1:12">
      <c r="A8676" s="6" t="s">
        <v>49</v>
      </c>
      <c r="B8676" s="6"/>
      <c r="C8676" s="6" t="s">
        <v>8700</v>
      </c>
      <c r="D8676" s="6"/>
      <c r="E8676" s="6" t="s">
        <v>9</v>
      </c>
      <c r="F8676" s="7">
        <v>38657</v>
      </c>
      <c r="G8676" s="8">
        <v>1</v>
      </c>
      <c r="H8676" s="8">
        <v>1</v>
      </c>
      <c r="I8676" s="8">
        <v>0</v>
      </c>
      <c r="J8676" s="8">
        <v>1</v>
      </c>
      <c r="K8676" s="9">
        <v>35.35</v>
      </c>
      <c r="L8676" s="6" t="s">
        <v>51</v>
      </c>
    </row>
    <row r="8677" spans="1:12">
      <c r="A8677" s="6" t="s">
        <v>49</v>
      </c>
      <c r="B8677" s="6"/>
      <c r="C8677" s="6" t="s">
        <v>8701</v>
      </c>
      <c r="D8677" s="6"/>
      <c r="E8677" s="6" t="s">
        <v>9</v>
      </c>
      <c r="F8677" s="7">
        <v>38657</v>
      </c>
      <c r="G8677" s="8">
        <v>1</v>
      </c>
      <c r="H8677" s="8">
        <v>1</v>
      </c>
      <c r="I8677" s="8">
        <v>0</v>
      </c>
      <c r="J8677" s="8">
        <v>1</v>
      </c>
      <c r="K8677" s="9">
        <v>2.21</v>
      </c>
      <c r="L8677" s="6" t="s">
        <v>51</v>
      </c>
    </row>
    <row r="8678" spans="1:12">
      <c r="A8678" s="6" t="s">
        <v>49</v>
      </c>
      <c r="B8678" s="6"/>
      <c r="C8678" s="6" t="s">
        <v>8702</v>
      </c>
      <c r="D8678" s="6"/>
      <c r="E8678" s="6" t="s">
        <v>9</v>
      </c>
      <c r="F8678" s="7">
        <v>38657</v>
      </c>
      <c r="G8678" s="8">
        <v>1</v>
      </c>
      <c r="H8678" s="8">
        <v>1</v>
      </c>
      <c r="I8678" s="8">
        <v>0</v>
      </c>
      <c r="J8678" s="8">
        <v>1</v>
      </c>
      <c r="K8678" s="9">
        <v>925</v>
      </c>
      <c r="L8678" s="6" t="s">
        <v>51</v>
      </c>
    </row>
    <row r="8679" spans="1:12">
      <c r="A8679" s="6" t="s">
        <v>49</v>
      </c>
      <c r="B8679" s="6"/>
      <c r="C8679" s="6" t="s">
        <v>8703</v>
      </c>
      <c r="D8679" s="6"/>
      <c r="E8679" s="6" t="s">
        <v>9</v>
      </c>
      <c r="F8679" s="7">
        <v>38657</v>
      </c>
      <c r="G8679" s="8">
        <v>1</v>
      </c>
      <c r="H8679" s="8">
        <v>1</v>
      </c>
      <c r="I8679" s="8">
        <v>0</v>
      </c>
      <c r="J8679" s="8">
        <v>1</v>
      </c>
      <c r="K8679" s="9">
        <v>234</v>
      </c>
      <c r="L8679" s="6" t="s">
        <v>51</v>
      </c>
    </row>
    <row r="8680" spans="1:12">
      <c r="A8680" s="6" t="s">
        <v>49</v>
      </c>
      <c r="B8680" s="6"/>
      <c r="C8680" s="6" t="s">
        <v>8704</v>
      </c>
      <c r="D8680" s="6"/>
      <c r="E8680" s="6" t="s">
        <v>9</v>
      </c>
      <c r="F8680" s="7">
        <v>38657</v>
      </c>
      <c r="G8680" s="8">
        <v>1</v>
      </c>
      <c r="H8680" s="8">
        <v>1</v>
      </c>
      <c r="I8680" s="8">
        <v>0</v>
      </c>
      <c r="J8680" s="8">
        <v>1</v>
      </c>
      <c r="K8680" s="9">
        <v>1375</v>
      </c>
      <c r="L8680" s="6" t="s">
        <v>51</v>
      </c>
    </row>
    <row r="8681" spans="1:12">
      <c r="A8681" s="6" t="s">
        <v>49</v>
      </c>
      <c r="B8681" s="6"/>
      <c r="C8681" s="6" t="s">
        <v>8705</v>
      </c>
      <c r="D8681" s="6"/>
      <c r="E8681" s="6" t="s">
        <v>9</v>
      </c>
      <c r="F8681" s="7">
        <v>38657</v>
      </c>
      <c r="G8681" s="8">
        <v>1</v>
      </c>
      <c r="H8681" s="8">
        <v>1</v>
      </c>
      <c r="I8681" s="8">
        <v>0</v>
      </c>
      <c r="J8681" s="8">
        <v>1</v>
      </c>
      <c r="K8681" s="9">
        <v>61.28</v>
      </c>
      <c r="L8681" s="6" t="s">
        <v>51</v>
      </c>
    </row>
    <row r="8682" spans="1:12">
      <c r="A8682" s="6" t="s">
        <v>49</v>
      </c>
      <c r="B8682" s="6"/>
      <c r="C8682" s="6" t="s">
        <v>8706</v>
      </c>
      <c r="D8682" s="6"/>
      <c r="E8682" s="6" t="s">
        <v>9</v>
      </c>
      <c r="F8682" s="7">
        <v>38657</v>
      </c>
      <c r="G8682" s="8">
        <v>1</v>
      </c>
      <c r="H8682" s="8">
        <v>1</v>
      </c>
      <c r="I8682" s="8">
        <v>0</v>
      </c>
      <c r="J8682" s="8">
        <v>1</v>
      </c>
      <c r="K8682" s="9">
        <v>0.76</v>
      </c>
      <c r="L8682" s="6" t="s">
        <v>51</v>
      </c>
    </row>
    <row r="8683" spans="1:12">
      <c r="A8683" s="6" t="s">
        <v>49</v>
      </c>
      <c r="B8683" s="6"/>
      <c r="C8683" s="6" t="s">
        <v>8707</v>
      </c>
      <c r="D8683" s="6"/>
      <c r="E8683" s="6" t="s">
        <v>9</v>
      </c>
      <c r="F8683" s="7">
        <v>38657</v>
      </c>
      <c r="G8683" s="8">
        <v>1</v>
      </c>
      <c r="H8683" s="8">
        <v>1</v>
      </c>
      <c r="I8683" s="8">
        <v>0</v>
      </c>
      <c r="J8683" s="8">
        <v>1</v>
      </c>
      <c r="K8683" s="9">
        <v>155</v>
      </c>
      <c r="L8683" s="6" t="s">
        <v>51</v>
      </c>
    </row>
    <row r="8684" spans="1:12">
      <c r="A8684" s="6" t="s">
        <v>49</v>
      </c>
      <c r="B8684" s="6"/>
      <c r="C8684" s="6" t="s">
        <v>8708</v>
      </c>
      <c r="D8684" s="6"/>
      <c r="E8684" s="6" t="s">
        <v>9</v>
      </c>
      <c r="F8684" s="7">
        <v>38657</v>
      </c>
      <c r="G8684" s="8">
        <v>1</v>
      </c>
      <c r="H8684" s="8">
        <v>1</v>
      </c>
      <c r="I8684" s="8">
        <v>0</v>
      </c>
      <c r="J8684" s="8">
        <v>1</v>
      </c>
      <c r="K8684" s="9">
        <v>244</v>
      </c>
      <c r="L8684" s="6" t="s">
        <v>51</v>
      </c>
    </row>
    <row r="8685" spans="1:12">
      <c r="A8685" s="6" t="s">
        <v>49</v>
      </c>
      <c r="B8685" s="6"/>
      <c r="C8685" s="6" t="s">
        <v>8709</v>
      </c>
      <c r="D8685" s="6"/>
      <c r="E8685" s="6" t="s">
        <v>9</v>
      </c>
      <c r="F8685" s="7">
        <v>38657</v>
      </c>
      <c r="G8685" s="8">
        <v>1</v>
      </c>
      <c r="H8685" s="8">
        <v>1</v>
      </c>
      <c r="I8685" s="8">
        <v>0</v>
      </c>
      <c r="J8685" s="8">
        <v>1</v>
      </c>
      <c r="K8685" s="9">
        <v>423</v>
      </c>
      <c r="L8685" s="6" t="s">
        <v>51</v>
      </c>
    </row>
    <row r="8686" spans="1:12">
      <c r="A8686" s="6" t="s">
        <v>49</v>
      </c>
      <c r="B8686" s="6"/>
      <c r="C8686" s="6" t="s">
        <v>8710</v>
      </c>
      <c r="D8686" s="6"/>
      <c r="E8686" s="6" t="s">
        <v>9</v>
      </c>
      <c r="F8686" s="7">
        <v>38657</v>
      </c>
      <c r="G8686" s="8">
        <v>1</v>
      </c>
      <c r="H8686" s="8">
        <v>1</v>
      </c>
      <c r="I8686" s="8">
        <v>0</v>
      </c>
      <c r="J8686" s="8">
        <v>1</v>
      </c>
      <c r="K8686" s="9">
        <v>66</v>
      </c>
      <c r="L8686" s="6" t="s">
        <v>51</v>
      </c>
    </row>
    <row r="8687" spans="1:12">
      <c r="A8687" s="6" t="s">
        <v>49</v>
      </c>
      <c r="B8687" s="6"/>
      <c r="C8687" s="6" t="s">
        <v>8711</v>
      </c>
      <c r="D8687" s="6"/>
      <c r="E8687" s="6" t="s">
        <v>9</v>
      </c>
      <c r="F8687" s="7">
        <v>38657</v>
      </c>
      <c r="G8687" s="8">
        <v>1</v>
      </c>
      <c r="H8687" s="8">
        <v>1</v>
      </c>
      <c r="I8687" s="8">
        <v>0</v>
      </c>
      <c r="J8687" s="8">
        <v>1</v>
      </c>
      <c r="K8687" s="9">
        <v>3.15</v>
      </c>
      <c r="L8687" s="6" t="s">
        <v>51</v>
      </c>
    </row>
    <row r="8688" spans="1:12">
      <c r="A8688" s="6" t="s">
        <v>49</v>
      </c>
      <c r="B8688" s="6"/>
      <c r="C8688" s="6" t="s">
        <v>8712</v>
      </c>
      <c r="D8688" s="6"/>
      <c r="E8688" s="6" t="s">
        <v>9</v>
      </c>
      <c r="F8688" s="7">
        <v>38657</v>
      </c>
      <c r="G8688" s="8">
        <v>1</v>
      </c>
      <c r="H8688" s="8">
        <v>1</v>
      </c>
      <c r="I8688" s="8">
        <v>0</v>
      </c>
      <c r="J8688" s="8">
        <v>1</v>
      </c>
      <c r="K8688" s="9">
        <v>3.01</v>
      </c>
      <c r="L8688" s="6" t="s">
        <v>51</v>
      </c>
    </row>
    <row r="8689" spans="1:12">
      <c r="A8689" s="6" t="s">
        <v>49</v>
      </c>
      <c r="B8689" s="6"/>
      <c r="C8689" s="6" t="s">
        <v>8713</v>
      </c>
      <c r="D8689" s="6"/>
      <c r="E8689" s="6" t="s">
        <v>9</v>
      </c>
      <c r="F8689" s="7">
        <v>38657</v>
      </c>
      <c r="G8689" s="8">
        <v>1</v>
      </c>
      <c r="H8689" s="8">
        <v>1</v>
      </c>
      <c r="I8689" s="8">
        <v>0</v>
      </c>
      <c r="J8689" s="8">
        <v>1</v>
      </c>
      <c r="K8689" s="9">
        <v>351</v>
      </c>
      <c r="L8689" s="6" t="s">
        <v>51</v>
      </c>
    </row>
    <row r="8690" spans="1:12">
      <c r="A8690" s="6" t="s">
        <v>49</v>
      </c>
      <c r="B8690" s="6"/>
      <c r="C8690" s="6" t="s">
        <v>8714</v>
      </c>
      <c r="D8690" s="6"/>
      <c r="E8690" s="6" t="s">
        <v>9</v>
      </c>
      <c r="F8690" s="7">
        <v>38657</v>
      </c>
      <c r="G8690" s="8">
        <v>1</v>
      </c>
      <c r="H8690" s="8">
        <v>1</v>
      </c>
      <c r="I8690" s="8">
        <v>0</v>
      </c>
      <c r="J8690" s="8">
        <v>1</v>
      </c>
      <c r="K8690" s="9">
        <v>45</v>
      </c>
      <c r="L8690" s="6" t="s">
        <v>51</v>
      </c>
    </row>
    <row r="8691" spans="1:12">
      <c r="A8691" s="6" t="s">
        <v>49</v>
      </c>
      <c r="B8691" s="6"/>
      <c r="C8691" s="6" t="s">
        <v>8715</v>
      </c>
      <c r="D8691" s="6"/>
      <c r="E8691" s="6" t="s">
        <v>9</v>
      </c>
      <c r="F8691" s="7">
        <v>38657</v>
      </c>
      <c r="G8691" s="8">
        <v>1</v>
      </c>
      <c r="H8691" s="8">
        <v>1</v>
      </c>
      <c r="I8691" s="8">
        <v>0</v>
      </c>
      <c r="J8691" s="8">
        <v>1</v>
      </c>
      <c r="K8691" s="9">
        <v>16</v>
      </c>
      <c r="L8691" s="6" t="s">
        <v>51</v>
      </c>
    </row>
    <row r="8692" spans="1:12">
      <c r="A8692" s="6" t="s">
        <v>49</v>
      </c>
      <c r="B8692" s="6"/>
      <c r="C8692" s="6" t="s">
        <v>8716</v>
      </c>
      <c r="D8692" s="6"/>
      <c r="E8692" s="6" t="s">
        <v>9</v>
      </c>
      <c r="F8692" s="7">
        <v>38657</v>
      </c>
      <c r="G8692" s="8">
        <v>1</v>
      </c>
      <c r="H8692" s="8">
        <v>1</v>
      </c>
      <c r="I8692" s="8">
        <v>0</v>
      </c>
      <c r="J8692" s="8">
        <v>1</v>
      </c>
      <c r="K8692" s="9">
        <v>18</v>
      </c>
      <c r="L8692" s="6" t="s">
        <v>51</v>
      </c>
    </row>
    <row r="8693" spans="1:12">
      <c r="A8693" s="6" t="s">
        <v>49</v>
      </c>
      <c r="B8693" s="6"/>
      <c r="C8693" s="6" t="s">
        <v>8717</v>
      </c>
      <c r="D8693" s="6"/>
      <c r="E8693" s="6" t="s">
        <v>9</v>
      </c>
      <c r="F8693" s="7">
        <v>38657</v>
      </c>
      <c r="G8693" s="8">
        <v>1</v>
      </c>
      <c r="H8693" s="8">
        <v>1</v>
      </c>
      <c r="I8693" s="8">
        <v>0</v>
      </c>
      <c r="J8693" s="8">
        <v>1</v>
      </c>
      <c r="K8693" s="9">
        <v>8.34</v>
      </c>
      <c r="L8693" s="6" t="s">
        <v>51</v>
      </c>
    </row>
    <row r="8694" spans="1:12">
      <c r="A8694" s="6" t="s">
        <v>49</v>
      </c>
      <c r="B8694" s="6"/>
      <c r="C8694" s="6" t="s">
        <v>8718</v>
      </c>
      <c r="D8694" s="6"/>
      <c r="E8694" s="6" t="s">
        <v>9</v>
      </c>
      <c r="F8694" s="7">
        <v>38657</v>
      </c>
      <c r="G8694" s="8">
        <v>1</v>
      </c>
      <c r="H8694" s="8">
        <v>1</v>
      </c>
      <c r="I8694" s="8">
        <v>0</v>
      </c>
      <c r="J8694" s="8">
        <v>1</v>
      </c>
      <c r="K8694" s="9">
        <v>0.5</v>
      </c>
      <c r="L8694" s="6" t="s">
        <v>51</v>
      </c>
    </row>
    <row r="8695" spans="1:12">
      <c r="A8695" s="6" t="s">
        <v>49</v>
      </c>
      <c r="B8695" s="6"/>
      <c r="C8695" s="6" t="s">
        <v>8719</v>
      </c>
      <c r="D8695" s="6"/>
      <c r="E8695" s="6" t="s">
        <v>9</v>
      </c>
      <c r="F8695" s="7">
        <v>38657</v>
      </c>
      <c r="G8695" s="8">
        <v>1</v>
      </c>
      <c r="H8695" s="8">
        <v>1</v>
      </c>
      <c r="I8695" s="8">
        <v>0</v>
      </c>
      <c r="J8695" s="8">
        <v>1</v>
      </c>
      <c r="K8695" s="9">
        <v>13</v>
      </c>
      <c r="L8695" s="6" t="s">
        <v>51</v>
      </c>
    </row>
    <row r="8696" spans="1:12">
      <c r="A8696" s="6" t="s">
        <v>49</v>
      </c>
      <c r="B8696" s="6"/>
      <c r="C8696" s="6" t="s">
        <v>8720</v>
      </c>
      <c r="D8696" s="6"/>
      <c r="E8696" s="6" t="s">
        <v>9</v>
      </c>
      <c r="F8696" s="7">
        <v>38657</v>
      </c>
      <c r="G8696" s="8">
        <v>1</v>
      </c>
      <c r="H8696" s="8">
        <v>1</v>
      </c>
      <c r="I8696" s="8">
        <v>0</v>
      </c>
      <c r="J8696" s="8">
        <v>1</v>
      </c>
      <c r="K8696" s="9">
        <v>5.83</v>
      </c>
      <c r="L8696" s="6" t="s">
        <v>51</v>
      </c>
    </row>
    <row r="8697" spans="1:12">
      <c r="A8697" s="6" t="s">
        <v>49</v>
      </c>
      <c r="B8697" s="6"/>
      <c r="C8697" s="6" t="s">
        <v>8721</v>
      </c>
      <c r="D8697" s="6"/>
      <c r="E8697" s="6" t="s">
        <v>9</v>
      </c>
      <c r="F8697" s="7">
        <v>38657</v>
      </c>
      <c r="G8697" s="8">
        <v>1</v>
      </c>
      <c r="H8697" s="8">
        <v>1</v>
      </c>
      <c r="I8697" s="8">
        <v>0</v>
      </c>
      <c r="J8697" s="8">
        <v>1</v>
      </c>
      <c r="K8697" s="9">
        <v>76</v>
      </c>
      <c r="L8697" s="6" t="s">
        <v>51</v>
      </c>
    </row>
    <row r="8698" spans="1:12">
      <c r="A8698" s="6" t="s">
        <v>49</v>
      </c>
      <c r="B8698" s="6"/>
      <c r="C8698" s="6" t="s">
        <v>8722</v>
      </c>
      <c r="D8698" s="6"/>
      <c r="E8698" s="6" t="s">
        <v>9</v>
      </c>
      <c r="F8698" s="7">
        <v>38657</v>
      </c>
      <c r="G8698" s="8">
        <v>1</v>
      </c>
      <c r="H8698" s="8">
        <v>1</v>
      </c>
      <c r="I8698" s="8">
        <v>0</v>
      </c>
      <c r="J8698" s="8">
        <v>1</v>
      </c>
      <c r="K8698" s="9">
        <v>11</v>
      </c>
      <c r="L8698" s="6" t="s">
        <v>51</v>
      </c>
    </row>
    <row r="8699" spans="1:12">
      <c r="A8699" s="6" t="s">
        <v>49</v>
      </c>
      <c r="B8699" s="6"/>
      <c r="C8699" s="6" t="s">
        <v>8723</v>
      </c>
      <c r="D8699" s="6"/>
      <c r="E8699" s="6" t="s">
        <v>9</v>
      </c>
      <c r="F8699" s="7">
        <v>38657</v>
      </c>
      <c r="G8699" s="8">
        <v>1</v>
      </c>
      <c r="H8699" s="8">
        <v>1</v>
      </c>
      <c r="I8699" s="8">
        <v>0</v>
      </c>
      <c r="J8699" s="8">
        <v>1</v>
      </c>
      <c r="K8699" s="9">
        <v>6.31</v>
      </c>
      <c r="L8699" s="6" t="s">
        <v>51</v>
      </c>
    </row>
    <row r="8700" spans="1:12">
      <c r="A8700" s="6" t="s">
        <v>49</v>
      </c>
      <c r="B8700" s="6"/>
      <c r="C8700" s="6" t="s">
        <v>8724</v>
      </c>
      <c r="D8700" s="6"/>
      <c r="E8700" s="6" t="s">
        <v>9</v>
      </c>
      <c r="F8700" s="7">
        <v>38657</v>
      </c>
      <c r="G8700" s="8">
        <v>1</v>
      </c>
      <c r="H8700" s="8">
        <v>1</v>
      </c>
      <c r="I8700" s="8">
        <v>0</v>
      </c>
      <c r="J8700" s="8">
        <v>1</v>
      </c>
      <c r="K8700" s="9">
        <v>6.25</v>
      </c>
      <c r="L8700" s="6" t="s">
        <v>51</v>
      </c>
    </row>
    <row r="8701" spans="1:12">
      <c r="A8701" s="6" t="s">
        <v>49</v>
      </c>
      <c r="B8701" s="6"/>
      <c r="C8701" s="6" t="s">
        <v>8725</v>
      </c>
      <c r="D8701" s="6"/>
      <c r="E8701" s="6" t="s">
        <v>9</v>
      </c>
      <c r="F8701" s="7">
        <v>38657</v>
      </c>
      <c r="G8701" s="8">
        <v>1</v>
      </c>
      <c r="H8701" s="8">
        <v>1</v>
      </c>
      <c r="I8701" s="8">
        <v>0</v>
      </c>
      <c r="J8701" s="8">
        <v>1</v>
      </c>
      <c r="K8701" s="9">
        <v>19</v>
      </c>
      <c r="L8701" s="6" t="s">
        <v>51</v>
      </c>
    </row>
    <row r="8702" spans="1:12">
      <c r="A8702" s="6" t="s">
        <v>49</v>
      </c>
      <c r="B8702" s="6"/>
      <c r="C8702" s="6" t="s">
        <v>8726</v>
      </c>
      <c r="D8702" s="6"/>
      <c r="E8702" s="6" t="s">
        <v>9</v>
      </c>
      <c r="F8702" s="7">
        <v>38657</v>
      </c>
      <c r="G8702" s="8">
        <v>1</v>
      </c>
      <c r="H8702" s="8">
        <v>1</v>
      </c>
      <c r="I8702" s="8">
        <v>0</v>
      </c>
      <c r="J8702" s="8">
        <v>1</v>
      </c>
      <c r="K8702" s="9">
        <v>16</v>
      </c>
      <c r="L8702" s="6" t="s">
        <v>51</v>
      </c>
    </row>
    <row r="8703" spans="1:12">
      <c r="A8703" s="6" t="s">
        <v>49</v>
      </c>
      <c r="B8703" s="6"/>
      <c r="C8703" s="6" t="s">
        <v>8727</v>
      </c>
      <c r="D8703" s="6"/>
      <c r="E8703" s="6" t="s">
        <v>9</v>
      </c>
      <c r="F8703" s="7">
        <v>38657</v>
      </c>
      <c r="G8703" s="8">
        <v>1</v>
      </c>
      <c r="H8703" s="8">
        <v>1</v>
      </c>
      <c r="I8703" s="8">
        <v>0</v>
      </c>
      <c r="J8703" s="8">
        <v>1</v>
      </c>
      <c r="K8703" s="9">
        <v>16</v>
      </c>
      <c r="L8703" s="6" t="s">
        <v>51</v>
      </c>
    </row>
    <row r="8704" spans="1:12">
      <c r="A8704" s="6" t="s">
        <v>49</v>
      </c>
      <c r="B8704" s="6"/>
      <c r="C8704" s="6" t="s">
        <v>8728</v>
      </c>
      <c r="D8704" s="6"/>
      <c r="E8704" s="6" t="s">
        <v>9</v>
      </c>
      <c r="F8704" s="7">
        <v>38657</v>
      </c>
      <c r="G8704" s="8">
        <v>1</v>
      </c>
      <c r="H8704" s="8">
        <v>1</v>
      </c>
      <c r="I8704" s="8">
        <v>0</v>
      </c>
      <c r="J8704" s="8">
        <v>1</v>
      </c>
      <c r="K8704" s="9">
        <v>1.38</v>
      </c>
      <c r="L8704" s="6" t="s">
        <v>51</v>
      </c>
    </row>
    <row r="8705" spans="1:12">
      <c r="A8705" s="6" t="s">
        <v>49</v>
      </c>
      <c r="B8705" s="6"/>
      <c r="C8705" s="6" t="s">
        <v>8729</v>
      </c>
      <c r="D8705" s="6"/>
      <c r="E8705" s="6" t="s">
        <v>9</v>
      </c>
      <c r="F8705" s="7">
        <v>38657</v>
      </c>
      <c r="G8705" s="8">
        <v>1</v>
      </c>
      <c r="H8705" s="8">
        <v>1</v>
      </c>
      <c r="I8705" s="8">
        <v>0</v>
      </c>
      <c r="J8705" s="8">
        <v>1</v>
      </c>
      <c r="K8705" s="9">
        <v>1.8</v>
      </c>
      <c r="L8705" s="6" t="s">
        <v>51</v>
      </c>
    </row>
    <row r="8706" spans="1:12">
      <c r="A8706" s="6" t="s">
        <v>49</v>
      </c>
      <c r="B8706" s="6"/>
      <c r="C8706" s="6" t="s">
        <v>8730</v>
      </c>
      <c r="D8706" s="6"/>
      <c r="E8706" s="6" t="s">
        <v>9</v>
      </c>
      <c r="F8706" s="7">
        <v>38657</v>
      </c>
      <c r="G8706" s="8">
        <v>1</v>
      </c>
      <c r="H8706" s="8">
        <v>1</v>
      </c>
      <c r="I8706" s="8">
        <v>0</v>
      </c>
      <c r="J8706" s="8">
        <v>1</v>
      </c>
      <c r="K8706" s="9">
        <v>955</v>
      </c>
      <c r="L8706" s="6" t="s">
        <v>51</v>
      </c>
    </row>
    <row r="8707" spans="1:12">
      <c r="A8707" s="6" t="s">
        <v>49</v>
      </c>
      <c r="B8707" s="6"/>
      <c r="C8707" s="6" t="s">
        <v>8731</v>
      </c>
      <c r="D8707" s="6"/>
      <c r="E8707" s="6" t="s">
        <v>9</v>
      </c>
      <c r="F8707" s="7">
        <v>38657</v>
      </c>
      <c r="G8707" s="8">
        <v>1</v>
      </c>
      <c r="H8707" s="8">
        <v>1</v>
      </c>
      <c r="I8707" s="8">
        <v>0</v>
      </c>
      <c r="J8707" s="8">
        <v>1</v>
      </c>
      <c r="K8707" s="9">
        <v>1123</v>
      </c>
      <c r="L8707" s="6" t="s">
        <v>51</v>
      </c>
    </row>
    <row r="8708" spans="1:12">
      <c r="A8708" s="6" t="s">
        <v>49</v>
      </c>
      <c r="B8708" s="6"/>
      <c r="C8708" s="6" t="s">
        <v>8732</v>
      </c>
      <c r="D8708" s="6"/>
      <c r="E8708" s="6" t="s">
        <v>9</v>
      </c>
      <c r="F8708" s="7">
        <v>38657</v>
      </c>
      <c r="G8708" s="8">
        <v>1</v>
      </c>
      <c r="H8708" s="8">
        <v>1</v>
      </c>
      <c r="I8708" s="8">
        <v>0</v>
      </c>
      <c r="J8708" s="8">
        <v>1</v>
      </c>
      <c r="K8708" s="9">
        <v>40.69</v>
      </c>
      <c r="L8708" s="6" t="s">
        <v>51</v>
      </c>
    </row>
    <row r="8709" spans="1:12">
      <c r="A8709" s="6" t="s">
        <v>49</v>
      </c>
      <c r="B8709" s="6"/>
      <c r="C8709" s="6" t="s">
        <v>8733</v>
      </c>
      <c r="D8709" s="6"/>
      <c r="E8709" s="6" t="s">
        <v>9</v>
      </c>
      <c r="F8709" s="7">
        <v>38657</v>
      </c>
      <c r="G8709" s="8">
        <v>1</v>
      </c>
      <c r="H8709" s="8">
        <v>1</v>
      </c>
      <c r="I8709" s="8">
        <v>0</v>
      </c>
      <c r="J8709" s="8">
        <v>1</v>
      </c>
      <c r="K8709" s="9">
        <v>0.93</v>
      </c>
      <c r="L8709" s="6" t="s">
        <v>51</v>
      </c>
    </row>
    <row r="8710" spans="1:12">
      <c r="A8710" s="6" t="s">
        <v>49</v>
      </c>
      <c r="B8710" s="6"/>
      <c r="C8710" s="6" t="s">
        <v>8734</v>
      </c>
      <c r="D8710" s="6"/>
      <c r="E8710" s="6" t="s">
        <v>9</v>
      </c>
      <c r="F8710" s="7">
        <v>38657</v>
      </c>
      <c r="G8710" s="8">
        <v>1</v>
      </c>
      <c r="H8710" s="8">
        <v>1</v>
      </c>
      <c r="I8710" s="8">
        <v>0</v>
      </c>
      <c r="J8710" s="8">
        <v>1</v>
      </c>
      <c r="K8710" s="9">
        <v>8.6199999999999903</v>
      </c>
      <c r="L8710" s="6" t="s">
        <v>51</v>
      </c>
    </row>
    <row r="8711" spans="1:12">
      <c r="A8711" s="6" t="s">
        <v>49</v>
      </c>
      <c r="B8711" s="6"/>
      <c r="C8711" s="6" t="s">
        <v>8735</v>
      </c>
      <c r="D8711" s="6"/>
      <c r="E8711" s="6" t="s">
        <v>9</v>
      </c>
      <c r="F8711" s="7">
        <v>38657</v>
      </c>
      <c r="G8711" s="8">
        <v>1</v>
      </c>
      <c r="H8711" s="8">
        <v>1</v>
      </c>
      <c r="I8711" s="8">
        <v>0</v>
      </c>
      <c r="J8711" s="8">
        <v>1</v>
      </c>
      <c r="K8711" s="9">
        <v>2.3199999999999901</v>
      </c>
      <c r="L8711" s="6" t="s">
        <v>51</v>
      </c>
    </row>
    <row r="8712" spans="1:12">
      <c r="A8712" s="6" t="s">
        <v>49</v>
      </c>
      <c r="B8712" s="6"/>
      <c r="C8712" s="6" t="s">
        <v>8736</v>
      </c>
      <c r="D8712" s="6"/>
      <c r="E8712" s="6" t="s">
        <v>9</v>
      </c>
      <c r="F8712" s="7">
        <v>38657</v>
      </c>
      <c r="G8712" s="8">
        <v>1</v>
      </c>
      <c r="H8712" s="8">
        <v>1</v>
      </c>
      <c r="I8712" s="8">
        <v>0</v>
      </c>
      <c r="J8712" s="8">
        <v>1</v>
      </c>
      <c r="K8712" s="9">
        <v>2.95</v>
      </c>
      <c r="L8712" s="6" t="s">
        <v>51</v>
      </c>
    </row>
    <row r="8713" spans="1:12">
      <c r="A8713" s="6" t="s">
        <v>49</v>
      </c>
      <c r="B8713" s="6"/>
      <c r="C8713" s="6" t="s">
        <v>8737</v>
      </c>
      <c r="D8713" s="6"/>
      <c r="E8713" s="6" t="s">
        <v>9</v>
      </c>
      <c r="F8713" s="7">
        <v>38657</v>
      </c>
      <c r="G8713" s="8">
        <v>1</v>
      </c>
      <c r="H8713" s="8">
        <v>1</v>
      </c>
      <c r="I8713" s="8">
        <v>0</v>
      </c>
      <c r="J8713" s="8">
        <v>1</v>
      </c>
      <c r="K8713" s="9">
        <v>2.95</v>
      </c>
      <c r="L8713" s="6" t="s">
        <v>51</v>
      </c>
    </row>
    <row r="8714" spans="1:12">
      <c r="A8714" s="6" t="s">
        <v>49</v>
      </c>
      <c r="B8714" s="6"/>
      <c r="C8714" s="6" t="s">
        <v>8738</v>
      </c>
      <c r="D8714" s="6"/>
      <c r="E8714" s="6" t="s">
        <v>9</v>
      </c>
      <c r="F8714" s="7">
        <v>38657</v>
      </c>
      <c r="G8714" s="8">
        <v>1</v>
      </c>
      <c r="H8714" s="8">
        <v>1</v>
      </c>
      <c r="I8714" s="8">
        <v>0</v>
      </c>
      <c r="J8714" s="8">
        <v>1</v>
      </c>
      <c r="K8714" s="9">
        <v>2.2999999999999901</v>
      </c>
      <c r="L8714" s="6" t="s">
        <v>51</v>
      </c>
    </row>
    <row r="8715" spans="1:12">
      <c r="A8715" s="6" t="s">
        <v>49</v>
      </c>
      <c r="B8715" s="6"/>
      <c r="C8715" s="6" t="s">
        <v>8739</v>
      </c>
      <c r="D8715" s="6"/>
      <c r="E8715" s="6" t="s">
        <v>9</v>
      </c>
      <c r="F8715" s="7">
        <v>38657</v>
      </c>
      <c r="G8715" s="8">
        <v>1</v>
      </c>
      <c r="H8715" s="8">
        <v>1</v>
      </c>
      <c r="I8715" s="8">
        <v>0</v>
      </c>
      <c r="J8715" s="8">
        <v>1</v>
      </c>
      <c r="K8715" s="9">
        <v>2.15</v>
      </c>
      <c r="L8715" s="6" t="s">
        <v>51</v>
      </c>
    </row>
    <row r="8716" spans="1:12">
      <c r="A8716" s="6" t="s">
        <v>49</v>
      </c>
      <c r="B8716" s="6"/>
      <c r="C8716" s="6" t="s">
        <v>8740</v>
      </c>
      <c r="D8716" s="6"/>
      <c r="E8716" s="6" t="s">
        <v>9</v>
      </c>
      <c r="F8716" s="7">
        <v>38657</v>
      </c>
      <c r="G8716" s="8">
        <v>1</v>
      </c>
      <c r="H8716" s="8">
        <v>1</v>
      </c>
      <c r="I8716" s="8">
        <v>0</v>
      </c>
      <c r="J8716" s="8">
        <v>1</v>
      </c>
      <c r="K8716" s="9">
        <v>2.95</v>
      </c>
      <c r="L8716" s="6" t="s">
        <v>51</v>
      </c>
    </row>
    <row r="8717" spans="1:12">
      <c r="A8717" s="6" t="s">
        <v>49</v>
      </c>
      <c r="B8717" s="6"/>
      <c r="C8717" s="6" t="s">
        <v>8741</v>
      </c>
      <c r="D8717" s="6"/>
      <c r="E8717" s="6" t="s">
        <v>9</v>
      </c>
      <c r="F8717" s="7">
        <v>38657</v>
      </c>
      <c r="G8717" s="8">
        <v>1</v>
      </c>
      <c r="H8717" s="8">
        <v>1</v>
      </c>
      <c r="I8717" s="8">
        <v>0</v>
      </c>
      <c r="J8717" s="8">
        <v>1</v>
      </c>
      <c r="K8717" s="9">
        <v>2.95</v>
      </c>
      <c r="L8717" s="6" t="s">
        <v>51</v>
      </c>
    </row>
    <row r="8718" spans="1:12">
      <c r="A8718" s="6" t="s">
        <v>49</v>
      </c>
      <c r="B8718" s="6"/>
      <c r="C8718" s="6" t="s">
        <v>8742</v>
      </c>
      <c r="D8718" s="6"/>
      <c r="E8718" s="6" t="s">
        <v>9</v>
      </c>
      <c r="F8718" s="7">
        <v>38657</v>
      </c>
      <c r="G8718" s="8">
        <v>1</v>
      </c>
      <c r="H8718" s="8">
        <v>1</v>
      </c>
      <c r="I8718" s="8">
        <v>0</v>
      </c>
      <c r="J8718" s="8">
        <v>1</v>
      </c>
      <c r="K8718" s="9">
        <v>2.52999999999999</v>
      </c>
      <c r="L8718" s="6" t="s">
        <v>51</v>
      </c>
    </row>
    <row r="8719" spans="1:12">
      <c r="A8719" s="6" t="s">
        <v>49</v>
      </c>
      <c r="B8719" s="6"/>
      <c r="C8719" s="6" t="s">
        <v>8743</v>
      </c>
      <c r="D8719" s="6"/>
      <c r="E8719" s="6" t="s">
        <v>9</v>
      </c>
      <c r="F8719" s="7">
        <v>38657</v>
      </c>
      <c r="G8719" s="8">
        <v>1</v>
      </c>
      <c r="H8719" s="8">
        <v>1</v>
      </c>
      <c r="I8719" s="8">
        <v>0</v>
      </c>
      <c r="J8719" s="8">
        <v>1</v>
      </c>
      <c r="K8719" s="9">
        <v>66.319999999999894</v>
      </c>
      <c r="L8719" s="6" t="s">
        <v>51</v>
      </c>
    </row>
    <row r="8720" spans="1:12">
      <c r="A8720" s="6" t="s">
        <v>49</v>
      </c>
      <c r="B8720" s="6"/>
      <c r="C8720" s="6" t="s">
        <v>8744</v>
      </c>
      <c r="D8720" s="6"/>
      <c r="E8720" s="6" t="s">
        <v>9</v>
      </c>
      <c r="F8720" s="7">
        <v>38657</v>
      </c>
      <c r="G8720" s="8">
        <v>1</v>
      </c>
      <c r="H8720" s="8">
        <v>1</v>
      </c>
      <c r="I8720" s="8">
        <v>0</v>
      </c>
      <c r="J8720" s="8">
        <v>1</v>
      </c>
      <c r="K8720" s="9">
        <v>10.1999999999999</v>
      </c>
      <c r="L8720" s="6" t="s">
        <v>51</v>
      </c>
    </row>
    <row r="8721" spans="1:12">
      <c r="A8721" s="6" t="s">
        <v>49</v>
      </c>
      <c r="B8721" s="6"/>
      <c r="C8721" s="6" t="s">
        <v>8745</v>
      </c>
      <c r="D8721" s="6"/>
      <c r="E8721" s="6" t="s">
        <v>9</v>
      </c>
      <c r="F8721" s="7">
        <v>38657</v>
      </c>
      <c r="G8721" s="8">
        <v>1</v>
      </c>
      <c r="H8721" s="8">
        <v>1</v>
      </c>
      <c r="I8721" s="8">
        <v>0</v>
      </c>
      <c r="J8721" s="8">
        <v>1</v>
      </c>
      <c r="K8721" s="9">
        <v>473</v>
      </c>
      <c r="L8721" s="6" t="s">
        <v>51</v>
      </c>
    </row>
    <row r="8722" spans="1:12">
      <c r="A8722" s="6" t="s">
        <v>49</v>
      </c>
      <c r="B8722" s="6"/>
      <c r="C8722" s="6" t="s">
        <v>8746</v>
      </c>
      <c r="D8722" s="6"/>
      <c r="E8722" s="6" t="s">
        <v>9</v>
      </c>
      <c r="F8722" s="7">
        <v>38657</v>
      </c>
      <c r="G8722" s="8">
        <v>1</v>
      </c>
      <c r="H8722" s="8">
        <v>1</v>
      </c>
      <c r="I8722" s="8">
        <v>0</v>
      </c>
      <c r="J8722" s="8">
        <v>1</v>
      </c>
      <c r="K8722" s="9">
        <v>34</v>
      </c>
      <c r="L8722" s="6" t="s">
        <v>51</v>
      </c>
    </row>
    <row r="8723" spans="1:12">
      <c r="A8723" s="6" t="s">
        <v>49</v>
      </c>
      <c r="B8723" s="6"/>
      <c r="C8723" s="6" t="s">
        <v>8747</v>
      </c>
      <c r="D8723" s="6"/>
      <c r="E8723" s="6" t="s">
        <v>9</v>
      </c>
      <c r="F8723" s="7">
        <v>38657</v>
      </c>
      <c r="G8723" s="8">
        <v>1</v>
      </c>
      <c r="H8723" s="8">
        <v>1</v>
      </c>
      <c r="I8723" s="8">
        <v>0</v>
      </c>
      <c r="J8723" s="8">
        <v>1</v>
      </c>
      <c r="K8723" s="9">
        <v>185</v>
      </c>
      <c r="L8723" s="6" t="s">
        <v>51</v>
      </c>
    </row>
    <row r="8724" spans="1:12">
      <c r="A8724" s="6" t="s">
        <v>49</v>
      </c>
      <c r="B8724" s="6"/>
      <c r="C8724" s="6" t="s">
        <v>8748</v>
      </c>
      <c r="D8724" s="6"/>
      <c r="E8724" s="6" t="s">
        <v>9</v>
      </c>
      <c r="F8724" s="7">
        <v>38657</v>
      </c>
      <c r="G8724" s="8">
        <v>1</v>
      </c>
      <c r="H8724" s="8">
        <v>1</v>
      </c>
      <c r="I8724" s="8">
        <v>0</v>
      </c>
      <c r="J8724" s="8">
        <v>1</v>
      </c>
      <c r="K8724" s="9">
        <v>331</v>
      </c>
      <c r="L8724" s="6" t="s">
        <v>51</v>
      </c>
    </row>
    <row r="8725" spans="1:12">
      <c r="A8725" s="6" t="s">
        <v>49</v>
      </c>
      <c r="B8725" s="6"/>
      <c r="C8725" s="6" t="s">
        <v>8749</v>
      </c>
      <c r="D8725" s="6"/>
      <c r="E8725" s="6" t="s">
        <v>9</v>
      </c>
      <c r="F8725" s="7">
        <v>38657</v>
      </c>
      <c r="G8725" s="8">
        <v>1</v>
      </c>
      <c r="H8725" s="8">
        <v>1</v>
      </c>
      <c r="I8725" s="8">
        <v>0</v>
      </c>
      <c r="J8725" s="8">
        <v>1</v>
      </c>
      <c r="K8725" s="9">
        <v>7.65</v>
      </c>
      <c r="L8725" s="6" t="s">
        <v>51</v>
      </c>
    </row>
    <row r="8726" spans="1:12">
      <c r="A8726" s="6" t="s">
        <v>49</v>
      </c>
      <c r="B8726" s="6"/>
      <c r="C8726" s="6" t="s">
        <v>8750</v>
      </c>
      <c r="D8726" s="6"/>
      <c r="E8726" s="6" t="s">
        <v>9</v>
      </c>
      <c r="F8726" s="7">
        <v>38657</v>
      </c>
      <c r="G8726" s="8">
        <v>1</v>
      </c>
      <c r="H8726" s="8">
        <v>1</v>
      </c>
      <c r="I8726" s="8">
        <v>0</v>
      </c>
      <c r="J8726" s="8">
        <v>1</v>
      </c>
      <c r="K8726" s="9">
        <v>16</v>
      </c>
      <c r="L8726" s="6" t="s">
        <v>51</v>
      </c>
    </row>
    <row r="8727" spans="1:12">
      <c r="A8727" s="6" t="s">
        <v>49</v>
      </c>
      <c r="B8727" s="6"/>
      <c r="C8727" s="6" t="s">
        <v>8751</v>
      </c>
      <c r="D8727" s="6"/>
      <c r="E8727" s="6" t="s">
        <v>9</v>
      </c>
      <c r="F8727" s="7">
        <v>38657</v>
      </c>
      <c r="G8727" s="8">
        <v>1</v>
      </c>
      <c r="H8727" s="8">
        <v>1</v>
      </c>
      <c r="I8727" s="8">
        <v>0</v>
      </c>
      <c r="J8727" s="8">
        <v>1</v>
      </c>
      <c r="K8727" s="9">
        <v>5.5</v>
      </c>
      <c r="L8727" s="6" t="s">
        <v>51</v>
      </c>
    </row>
    <row r="8728" spans="1:12">
      <c r="A8728" s="6" t="s">
        <v>49</v>
      </c>
      <c r="B8728" s="6"/>
      <c r="C8728" s="6" t="s">
        <v>8752</v>
      </c>
      <c r="D8728" s="6"/>
      <c r="E8728" s="6" t="s">
        <v>9</v>
      </c>
      <c r="F8728" s="7">
        <v>38657</v>
      </c>
      <c r="G8728" s="8">
        <v>1</v>
      </c>
      <c r="H8728" s="8">
        <v>1</v>
      </c>
      <c r="I8728" s="8">
        <v>0</v>
      </c>
      <c r="J8728" s="8">
        <v>1</v>
      </c>
      <c r="K8728" s="9">
        <v>152</v>
      </c>
      <c r="L8728" s="6" t="s">
        <v>51</v>
      </c>
    </row>
    <row r="8729" spans="1:12">
      <c r="A8729" s="6" t="s">
        <v>49</v>
      </c>
      <c r="B8729" s="6"/>
      <c r="C8729" s="6" t="s">
        <v>8753</v>
      </c>
      <c r="D8729" s="6"/>
      <c r="E8729" s="6" t="s">
        <v>9</v>
      </c>
      <c r="F8729" s="7">
        <v>38657</v>
      </c>
      <c r="G8729" s="8">
        <v>1</v>
      </c>
      <c r="H8729" s="8">
        <v>1</v>
      </c>
      <c r="I8729" s="8">
        <v>0</v>
      </c>
      <c r="J8729" s="8">
        <v>1</v>
      </c>
      <c r="K8729" s="9">
        <v>9.7899999999999903</v>
      </c>
      <c r="L8729" s="6" t="s">
        <v>51</v>
      </c>
    </row>
    <row r="8730" spans="1:12">
      <c r="A8730" s="6" t="s">
        <v>49</v>
      </c>
      <c r="B8730" s="6"/>
      <c r="C8730" s="6" t="s">
        <v>8754</v>
      </c>
      <c r="D8730" s="6"/>
      <c r="E8730" s="6" t="s">
        <v>9</v>
      </c>
      <c r="F8730" s="7">
        <v>38657</v>
      </c>
      <c r="G8730" s="8">
        <v>1</v>
      </c>
      <c r="H8730" s="8">
        <v>1</v>
      </c>
      <c r="I8730" s="8">
        <v>0</v>
      </c>
      <c r="J8730" s="8">
        <v>1</v>
      </c>
      <c r="K8730" s="9">
        <v>87</v>
      </c>
      <c r="L8730" s="6" t="s">
        <v>51</v>
      </c>
    </row>
    <row r="8731" spans="1:12">
      <c r="A8731" s="6" t="s">
        <v>49</v>
      </c>
      <c r="B8731" s="6"/>
      <c r="C8731" s="6" t="s">
        <v>8755</v>
      </c>
      <c r="D8731" s="6"/>
      <c r="E8731" s="6" t="s">
        <v>9</v>
      </c>
      <c r="F8731" s="7">
        <v>38657</v>
      </c>
      <c r="G8731" s="8">
        <v>1</v>
      </c>
      <c r="H8731" s="8">
        <v>1</v>
      </c>
      <c r="I8731" s="8">
        <v>0</v>
      </c>
      <c r="J8731" s="8">
        <v>1</v>
      </c>
      <c r="K8731" s="9">
        <v>80</v>
      </c>
      <c r="L8731" s="6" t="s">
        <v>51</v>
      </c>
    </row>
    <row r="8732" spans="1:12">
      <c r="A8732" s="6" t="s">
        <v>49</v>
      </c>
      <c r="B8732" s="6"/>
      <c r="C8732" s="6" t="s">
        <v>8756</v>
      </c>
      <c r="D8732" s="6"/>
      <c r="E8732" s="6" t="s">
        <v>9</v>
      </c>
      <c r="F8732" s="7">
        <v>38657</v>
      </c>
      <c r="G8732" s="8">
        <v>1</v>
      </c>
      <c r="H8732" s="8">
        <v>1</v>
      </c>
      <c r="I8732" s="8">
        <v>0</v>
      </c>
      <c r="J8732" s="8">
        <v>1</v>
      </c>
      <c r="K8732" s="9">
        <v>192</v>
      </c>
      <c r="L8732" s="6" t="s">
        <v>51</v>
      </c>
    </row>
    <row r="8733" spans="1:12">
      <c r="A8733" s="6" t="s">
        <v>49</v>
      </c>
      <c r="B8733" s="6"/>
      <c r="C8733" s="6" t="s">
        <v>8757</v>
      </c>
      <c r="D8733" s="6"/>
      <c r="E8733" s="6" t="s">
        <v>9</v>
      </c>
      <c r="F8733" s="7">
        <v>38657</v>
      </c>
      <c r="G8733" s="8">
        <v>1</v>
      </c>
      <c r="H8733" s="8">
        <v>1</v>
      </c>
      <c r="I8733" s="8">
        <v>0</v>
      </c>
      <c r="J8733" s="8">
        <v>1</v>
      </c>
      <c r="K8733" s="9">
        <v>400</v>
      </c>
      <c r="L8733" s="6" t="s">
        <v>51</v>
      </c>
    </row>
    <row r="8734" spans="1:12">
      <c r="A8734" s="6" t="s">
        <v>49</v>
      </c>
      <c r="B8734" s="6"/>
      <c r="C8734" s="6" t="s">
        <v>8758</v>
      </c>
      <c r="D8734" s="6"/>
      <c r="E8734" s="6" t="s">
        <v>9</v>
      </c>
      <c r="F8734" s="7">
        <v>38657</v>
      </c>
      <c r="G8734" s="8">
        <v>1</v>
      </c>
      <c r="H8734" s="8">
        <v>1</v>
      </c>
      <c r="I8734" s="8">
        <v>0</v>
      </c>
      <c r="J8734" s="8">
        <v>1</v>
      </c>
      <c r="K8734" s="9">
        <v>369</v>
      </c>
      <c r="L8734" s="6" t="s">
        <v>51</v>
      </c>
    </row>
    <row r="8735" spans="1:12">
      <c r="A8735" s="6" t="s">
        <v>49</v>
      </c>
      <c r="B8735" s="6"/>
      <c r="C8735" s="6" t="s">
        <v>8759</v>
      </c>
      <c r="D8735" s="6"/>
      <c r="E8735" s="6" t="s">
        <v>9</v>
      </c>
      <c r="F8735" s="7">
        <v>38657</v>
      </c>
      <c r="G8735" s="8">
        <v>1</v>
      </c>
      <c r="H8735" s="8">
        <v>1</v>
      </c>
      <c r="I8735" s="8">
        <v>0</v>
      </c>
      <c r="J8735" s="8">
        <v>1</v>
      </c>
      <c r="K8735" s="9">
        <v>281</v>
      </c>
      <c r="L8735" s="6" t="s">
        <v>51</v>
      </c>
    </row>
    <row r="8736" spans="1:12">
      <c r="A8736" s="6" t="s">
        <v>49</v>
      </c>
      <c r="B8736" s="6"/>
      <c r="C8736" s="6" t="s">
        <v>8760</v>
      </c>
      <c r="D8736" s="6"/>
      <c r="E8736" s="6" t="s">
        <v>9</v>
      </c>
      <c r="F8736" s="7">
        <v>38657</v>
      </c>
      <c r="G8736" s="8">
        <v>1</v>
      </c>
      <c r="H8736" s="8">
        <v>1</v>
      </c>
      <c r="I8736" s="8">
        <v>0</v>
      </c>
      <c r="J8736" s="8">
        <v>1</v>
      </c>
      <c r="K8736" s="9">
        <v>350</v>
      </c>
      <c r="L8736" s="6" t="s">
        <v>51</v>
      </c>
    </row>
    <row r="8737" spans="1:12">
      <c r="A8737" s="6" t="s">
        <v>49</v>
      </c>
      <c r="B8737" s="6"/>
      <c r="C8737" s="6" t="s">
        <v>8761</v>
      </c>
      <c r="D8737" s="6"/>
      <c r="E8737" s="6" t="s">
        <v>9</v>
      </c>
      <c r="F8737" s="7">
        <v>38657</v>
      </c>
      <c r="G8737" s="8">
        <v>1</v>
      </c>
      <c r="H8737" s="8">
        <v>1</v>
      </c>
      <c r="I8737" s="8">
        <v>0</v>
      </c>
      <c r="J8737" s="8">
        <v>1</v>
      </c>
      <c r="K8737" s="9">
        <v>370</v>
      </c>
      <c r="L8737" s="6" t="s">
        <v>51</v>
      </c>
    </row>
    <row r="8738" spans="1:12">
      <c r="A8738" s="6" t="s">
        <v>49</v>
      </c>
      <c r="B8738" s="6"/>
      <c r="C8738" s="6" t="s">
        <v>8762</v>
      </c>
      <c r="D8738" s="6"/>
      <c r="E8738" s="6" t="s">
        <v>9</v>
      </c>
      <c r="F8738" s="7">
        <v>38657</v>
      </c>
      <c r="G8738" s="8">
        <v>1</v>
      </c>
      <c r="H8738" s="8">
        <v>1</v>
      </c>
      <c r="I8738" s="8">
        <v>0</v>
      </c>
      <c r="J8738" s="8">
        <v>1</v>
      </c>
      <c r="K8738" s="9">
        <v>314</v>
      </c>
      <c r="L8738" s="6" t="s">
        <v>51</v>
      </c>
    </row>
    <row r="8739" spans="1:12">
      <c r="A8739" s="6" t="s">
        <v>49</v>
      </c>
      <c r="B8739" s="6"/>
      <c r="C8739" s="6" t="s">
        <v>8763</v>
      </c>
      <c r="D8739" s="6"/>
      <c r="E8739" s="6" t="s">
        <v>9</v>
      </c>
      <c r="F8739" s="7">
        <v>38657</v>
      </c>
      <c r="G8739" s="8">
        <v>1</v>
      </c>
      <c r="H8739" s="8">
        <v>1</v>
      </c>
      <c r="I8739" s="8">
        <v>0</v>
      </c>
      <c r="J8739" s="8">
        <v>1</v>
      </c>
      <c r="K8739" s="9">
        <v>14</v>
      </c>
      <c r="L8739" s="6" t="s">
        <v>51</v>
      </c>
    </row>
    <row r="8740" spans="1:12">
      <c r="A8740" s="6" t="s">
        <v>49</v>
      </c>
      <c r="B8740" s="6"/>
      <c r="C8740" s="6" t="s">
        <v>8764</v>
      </c>
      <c r="D8740" s="6"/>
      <c r="E8740" s="6" t="s">
        <v>9</v>
      </c>
      <c r="F8740" s="7">
        <v>38657</v>
      </c>
      <c r="G8740" s="8">
        <v>1</v>
      </c>
      <c r="H8740" s="8">
        <v>1</v>
      </c>
      <c r="I8740" s="8">
        <v>0</v>
      </c>
      <c r="J8740" s="8">
        <v>1</v>
      </c>
      <c r="K8740" s="9">
        <v>256</v>
      </c>
      <c r="L8740" s="6" t="s">
        <v>51</v>
      </c>
    </row>
    <row r="8741" spans="1:12">
      <c r="A8741" s="6" t="s">
        <v>49</v>
      </c>
      <c r="B8741" s="6"/>
      <c r="C8741" s="6" t="s">
        <v>8765</v>
      </c>
      <c r="D8741" s="6"/>
      <c r="E8741" s="6" t="s">
        <v>9</v>
      </c>
      <c r="F8741" s="7">
        <v>38657</v>
      </c>
      <c r="G8741" s="8">
        <v>1</v>
      </c>
      <c r="H8741" s="8">
        <v>1</v>
      </c>
      <c r="I8741" s="8">
        <v>0</v>
      </c>
      <c r="J8741" s="8">
        <v>1</v>
      </c>
      <c r="K8741" s="9">
        <v>197</v>
      </c>
      <c r="L8741" s="6" t="s">
        <v>51</v>
      </c>
    </row>
    <row r="8742" spans="1:12">
      <c r="A8742" s="6" t="s">
        <v>49</v>
      </c>
      <c r="B8742" s="6"/>
      <c r="C8742" s="6" t="s">
        <v>8766</v>
      </c>
      <c r="D8742" s="6"/>
      <c r="E8742" s="6" t="s">
        <v>9</v>
      </c>
      <c r="F8742" s="7">
        <v>38657</v>
      </c>
      <c r="G8742" s="8">
        <v>1</v>
      </c>
      <c r="H8742" s="8">
        <v>1</v>
      </c>
      <c r="I8742" s="8">
        <v>0</v>
      </c>
      <c r="J8742" s="8">
        <v>1</v>
      </c>
      <c r="K8742" s="9">
        <v>208</v>
      </c>
      <c r="L8742" s="6" t="s">
        <v>51</v>
      </c>
    </row>
    <row r="8743" spans="1:12">
      <c r="A8743" s="6" t="s">
        <v>49</v>
      </c>
      <c r="B8743" s="6"/>
      <c r="C8743" s="6" t="s">
        <v>8767</v>
      </c>
      <c r="D8743" s="6"/>
      <c r="E8743" s="6" t="s">
        <v>9</v>
      </c>
      <c r="F8743" s="7">
        <v>38657</v>
      </c>
      <c r="G8743" s="8">
        <v>1</v>
      </c>
      <c r="H8743" s="8">
        <v>1</v>
      </c>
      <c r="I8743" s="8">
        <v>0</v>
      </c>
      <c r="J8743" s="8">
        <v>1</v>
      </c>
      <c r="K8743" s="9">
        <v>70</v>
      </c>
      <c r="L8743" s="6" t="s">
        <v>51</v>
      </c>
    </row>
    <row r="8744" spans="1:12">
      <c r="A8744" s="6" t="s">
        <v>49</v>
      </c>
      <c r="B8744" s="6"/>
      <c r="C8744" s="6" t="s">
        <v>8768</v>
      </c>
      <c r="D8744" s="6"/>
      <c r="E8744" s="6" t="s">
        <v>9</v>
      </c>
      <c r="F8744" s="7">
        <v>38657</v>
      </c>
      <c r="G8744" s="8">
        <v>1</v>
      </c>
      <c r="H8744" s="8">
        <v>1</v>
      </c>
      <c r="I8744" s="8">
        <v>0</v>
      </c>
      <c r="J8744" s="8">
        <v>1</v>
      </c>
      <c r="K8744" s="9">
        <v>79</v>
      </c>
      <c r="L8744" s="6" t="s">
        <v>51</v>
      </c>
    </row>
    <row r="8745" spans="1:12">
      <c r="A8745" s="6" t="s">
        <v>49</v>
      </c>
      <c r="B8745" s="6"/>
      <c r="C8745" s="6" t="s">
        <v>8769</v>
      </c>
      <c r="D8745" s="6"/>
      <c r="E8745" s="6" t="s">
        <v>9</v>
      </c>
      <c r="F8745" s="7">
        <v>38657</v>
      </c>
      <c r="G8745" s="8">
        <v>1</v>
      </c>
      <c r="H8745" s="8">
        <v>1</v>
      </c>
      <c r="I8745" s="8">
        <v>0</v>
      </c>
      <c r="J8745" s="8">
        <v>1</v>
      </c>
      <c r="K8745" s="9">
        <v>0.67</v>
      </c>
      <c r="L8745" s="6" t="s">
        <v>51</v>
      </c>
    </row>
    <row r="8746" spans="1:12">
      <c r="A8746" s="6" t="s">
        <v>49</v>
      </c>
      <c r="B8746" s="6"/>
      <c r="C8746" s="6" t="s">
        <v>8770</v>
      </c>
      <c r="D8746" s="6"/>
      <c r="E8746" s="6" t="s">
        <v>9</v>
      </c>
      <c r="F8746" s="7">
        <v>38657</v>
      </c>
      <c r="G8746" s="8">
        <v>1</v>
      </c>
      <c r="H8746" s="8">
        <v>1</v>
      </c>
      <c r="I8746" s="8">
        <v>0</v>
      </c>
      <c r="J8746" s="8">
        <v>1</v>
      </c>
      <c r="K8746" s="9">
        <v>2</v>
      </c>
      <c r="L8746" s="6" t="s">
        <v>51</v>
      </c>
    </row>
    <row r="8747" spans="1:12">
      <c r="A8747" s="6" t="s">
        <v>49</v>
      </c>
      <c r="B8747" s="6"/>
      <c r="C8747" s="6" t="s">
        <v>8771</v>
      </c>
      <c r="D8747" s="6"/>
      <c r="E8747" s="6" t="s">
        <v>9</v>
      </c>
      <c r="F8747" s="7">
        <v>38657</v>
      </c>
      <c r="G8747" s="8">
        <v>1</v>
      </c>
      <c r="H8747" s="8">
        <v>1</v>
      </c>
      <c r="I8747" s="8">
        <v>0</v>
      </c>
      <c r="J8747" s="8">
        <v>1</v>
      </c>
      <c r="K8747" s="9">
        <v>13</v>
      </c>
      <c r="L8747" s="6" t="s">
        <v>51</v>
      </c>
    </row>
    <row r="8748" spans="1:12">
      <c r="A8748" s="6" t="s">
        <v>49</v>
      </c>
      <c r="B8748" s="6"/>
      <c r="C8748" s="6" t="s">
        <v>8772</v>
      </c>
      <c r="D8748" s="6"/>
      <c r="E8748" s="6" t="s">
        <v>9</v>
      </c>
      <c r="F8748" s="7">
        <v>38657</v>
      </c>
      <c r="G8748" s="8">
        <v>1</v>
      </c>
      <c r="H8748" s="8">
        <v>1</v>
      </c>
      <c r="I8748" s="8">
        <v>0</v>
      </c>
      <c r="J8748" s="8">
        <v>1</v>
      </c>
      <c r="K8748" s="9">
        <v>2.86</v>
      </c>
      <c r="L8748" s="6" t="s">
        <v>51</v>
      </c>
    </row>
    <row r="8749" spans="1:12">
      <c r="A8749" s="6" t="s">
        <v>49</v>
      </c>
      <c r="B8749" s="6"/>
      <c r="C8749" s="6" t="s">
        <v>8773</v>
      </c>
      <c r="D8749" s="6"/>
      <c r="E8749" s="6" t="s">
        <v>9</v>
      </c>
      <c r="F8749" s="7">
        <v>38657</v>
      </c>
      <c r="G8749" s="8">
        <v>1</v>
      </c>
      <c r="H8749" s="8">
        <v>1</v>
      </c>
      <c r="I8749" s="8">
        <v>0</v>
      </c>
      <c r="J8749" s="8">
        <v>1</v>
      </c>
      <c r="K8749" s="9">
        <v>24.04</v>
      </c>
      <c r="L8749" s="6" t="s">
        <v>51</v>
      </c>
    </row>
    <row r="8750" spans="1:12">
      <c r="A8750" s="6" t="s">
        <v>49</v>
      </c>
      <c r="B8750" s="6"/>
      <c r="C8750" s="6" t="s">
        <v>8774</v>
      </c>
      <c r="D8750" s="6"/>
      <c r="E8750" s="6" t="s">
        <v>9</v>
      </c>
      <c r="F8750" s="7">
        <v>38657</v>
      </c>
      <c r="G8750" s="8">
        <v>1</v>
      </c>
      <c r="H8750" s="8">
        <v>1</v>
      </c>
      <c r="I8750" s="8">
        <v>0</v>
      </c>
      <c r="J8750" s="8">
        <v>1</v>
      </c>
      <c r="K8750" s="9">
        <v>329</v>
      </c>
      <c r="L8750" s="6" t="s">
        <v>51</v>
      </c>
    </row>
    <row r="8751" spans="1:12">
      <c r="A8751" s="6" t="s">
        <v>49</v>
      </c>
      <c r="B8751" s="6"/>
      <c r="C8751" s="6" t="s">
        <v>8775</v>
      </c>
      <c r="D8751" s="6"/>
      <c r="E8751" s="6" t="s">
        <v>9</v>
      </c>
      <c r="F8751" s="7">
        <v>38657</v>
      </c>
      <c r="G8751" s="8">
        <v>1</v>
      </c>
      <c r="H8751" s="8">
        <v>1</v>
      </c>
      <c r="I8751" s="8">
        <v>0</v>
      </c>
      <c r="J8751" s="8">
        <v>1</v>
      </c>
      <c r="K8751" s="9">
        <v>769</v>
      </c>
      <c r="L8751" s="6" t="s">
        <v>51</v>
      </c>
    </row>
    <row r="8752" spans="1:12">
      <c r="A8752" s="6" t="s">
        <v>49</v>
      </c>
      <c r="B8752" s="6"/>
      <c r="C8752" s="6" t="s">
        <v>8776</v>
      </c>
      <c r="D8752" s="6"/>
      <c r="E8752" s="6" t="s">
        <v>9</v>
      </c>
      <c r="F8752" s="7">
        <v>38657</v>
      </c>
      <c r="G8752" s="8">
        <v>1</v>
      </c>
      <c r="H8752" s="8">
        <v>1</v>
      </c>
      <c r="I8752" s="8">
        <v>0</v>
      </c>
      <c r="J8752" s="8">
        <v>1</v>
      </c>
      <c r="K8752" s="9">
        <v>1.42</v>
      </c>
      <c r="L8752" s="6" t="s">
        <v>51</v>
      </c>
    </row>
    <row r="8753" spans="1:12">
      <c r="A8753" s="6" t="s">
        <v>49</v>
      </c>
      <c r="B8753" s="6"/>
      <c r="C8753" s="6" t="s">
        <v>8777</v>
      </c>
      <c r="D8753" s="6"/>
      <c r="E8753" s="6" t="s">
        <v>9</v>
      </c>
      <c r="F8753" s="7">
        <v>38657</v>
      </c>
      <c r="G8753" s="8">
        <v>1</v>
      </c>
      <c r="H8753" s="8">
        <v>1</v>
      </c>
      <c r="I8753" s="8">
        <v>0</v>
      </c>
      <c r="J8753" s="8">
        <v>1</v>
      </c>
      <c r="K8753" s="9">
        <v>99</v>
      </c>
      <c r="L8753" s="6" t="s">
        <v>51</v>
      </c>
    </row>
    <row r="8754" spans="1:12">
      <c r="A8754" s="6" t="s">
        <v>49</v>
      </c>
      <c r="B8754" s="6"/>
      <c r="C8754" s="6" t="s">
        <v>8778</v>
      </c>
      <c r="D8754" s="6"/>
      <c r="E8754" s="6" t="s">
        <v>9</v>
      </c>
      <c r="F8754" s="7">
        <v>38657</v>
      </c>
      <c r="G8754" s="8">
        <v>1</v>
      </c>
      <c r="H8754" s="8">
        <v>1</v>
      </c>
      <c r="I8754" s="8">
        <v>0</v>
      </c>
      <c r="J8754" s="8">
        <v>1</v>
      </c>
      <c r="K8754" s="9">
        <v>415</v>
      </c>
      <c r="L8754" s="6" t="s">
        <v>51</v>
      </c>
    </row>
    <row r="8755" spans="1:12">
      <c r="A8755" s="6" t="s">
        <v>49</v>
      </c>
      <c r="B8755" s="6"/>
      <c r="C8755" s="6" t="s">
        <v>8779</v>
      </c>
      <c r="D8755" s="6"/>
      <c r="E8755" s="6" t="s">
        <v>9</v>
      </c>
      <c r="F8755" s="7">
        <v>38657</v>
      </c>
      <c r="G8755" s="8">
        <v>1</v>
      </c>
      <c r="H8755" s="8">
        <v>1</v>
      </c>
      <c r="I8755" s="8">
        <v>0</v>
      </c>
      <c r="J8755" s="8">
        <v>1</v>
      </c>
      <c r="K8755" s="9">
        <v>1.1000000000000001</v>
      </c>
      <c r="L8755" s="6" t="s">
        <v>51</v>
      </c>
    </row>
    <row r="8756" spans="1:12">
      <c r="A8756" s="6" t="s">
        <v>49</v>
      </c>
      <c r="B8756" s="6"/>
      <c r="C8756" s="6" t="s">
        <v>8780</v>
      </c>
      <c r="D8756" s="6"/>
      <c r="E8756" s="6" t="s">
        <v>9</v>
      </c>
      <c r="F8756" s="7">
        <v>38657</v>
      </c>
      <c r="G8756" s="8">
        <v>1</v>
      </c>
      <c r="H8756" s="8">
        <v>1</v>
      </c>
      <c r="I8756" s="8">
        <v>0</v>
      </c>
      <c r="J8756" s="8">
        <v>1</v>
      </c>
      <c r="K8756" s="9">
        <v>1.1200000000000001</v>
      </c>
      <c r="L8756" s="6" t="s">
        <v>51</v>
      </c>
    </row>
    <row r="8757" spans="1:12">
      <c r="A8757" s="6" t="s">
        <v>49</v>
      </c>
      <c r="B8757" s="6"/>
      <c r="C8757" s="6" t="s">
        <v>8781</v>
      </c>
      <c r="D8757" s="6"/>
      <c r="E8757" s="6" t="s">
        <v>9</v>
      </c>
      <c r="F8757" s="7">
        <v>38657</v>
      </c>
      <c r="G8757" s="8">
        <v>1</v>
      </c>
      <c r="H8757" s="8">
        <v>1</v>
      </c>
      <c r="I8757" s="8">
        <v>0</v>
      </c>
      <c r="J8757" s="8">
        <v>1</v>
      </c>
      <c r="K8757" s="9">
        <v>2</v>
      </c>
      <c r="L8757" s="6" t="s">
        <v>51</v>
      </c>
    </row>
    <row r="8758" spans="1:12">
      <c r="A8758" s="6" t="s">
        <v>49</v>
      </c>
      <c r="B8758" s="6"/>
      <c r="C8758" s="6" t="s">
        <v>8782</v>
      </c>
      <c r="D8758" s="6"/>
      <c r="E8758" s="6" t="s">
        <v>9</v>
      </c>
      <c r="F8758" s="7">
        <v>38657</v>
      </c>
      <c r="G8758" s="8">
        <v>1</v>
      </c>
      <c r="H8758" s="8">
        <v>1</v>
      </c>
      <c r="I8758" s="8">
        <v>0</v>
      </c>
      <c r="J8758" s="8">
        <v>1</v>
      </c>
      <c r="K8758" s="9">
        <v>2</v>
      </c>
      <c r="L8758" s="6" t="s">
        <v>51</v>
      </c>
    </row>
    <row r="8759" spans="1:12">
      <c r="A8759" s="6" t="s">
        <v>49</v>
      </c>
      <c r="B8759" s="6"/>
      <c r="C8759" s="6" t="s">
        <v>8783</v>
      </c>
      <c r="D8759" s="6"/>
      <c r="E8759" s="6" t="s">
        <v>9</v>
      </c>
      <c r="F8759" s="7">
        <v>38657</v>
      </c>
      <c r="G8759" s="8">
        <v>1</v>
      </c>
      <c r="H8759" s="8">
        <v>1</v>
      </c>
      <c r="I8759" s="8">
        <v>0</v>
      </c>
      <c r="J8759" s="8">
        <v>1</v>
      </c>
      <c r="K8759" s="9">
        <v>1.99</v>
      </c>
      <c r="L8759" s="6" t="s">
        <v>51</v>
      </c>
    </row>
    <row r="8760" spans="1:12">
      <c r="A8760" s="6" t="s">
        <v>49</v>
      </c>
      <c r="B8760" s="6"/>
      <c r="C8760" s="6" t="s">
        <v>8784</v>
      </c>
      <c r="D8760" s="6"/>
      <c r="E8760" s="6" t="s">
        <v>9</v>
      </c>
      <c r="F8760" s="7">
        <v>38657</v>
      </c>
      <c r="G8760" s="8">
        <v>1</v>
      </c>
      <c r="H8760" s="8">
        <v>1</v>
      </c>
      <c r="I8760" s="8">
        <v>0</v>
      </c>
      <c r="J8760" s="8">
        <v>1</v>
      </c>
      <c r="K8760" s="9">
        <v>4.92</v>
      </c>
      <c r="L8760" s="6" t="s">
        <v>51</v>
      </c>
    </row>
    <row r="8761" spans="1:12">
      <c r="A8761" s="6" t="s">
        <v>49</v>
      </c>
      <c r="B8761" s="6"/>
      <c r="C8761" s="6" t="s">
        <v>8785</v>
      </c>
      <c r="D8761" s="6"/>
      <c r="E8761" s="6" t="s">
        <v>9</v>
      </c>
      <c r="F8761" s="7">
        <v>38657</v>
      </c>
      <c r="G8761" s="8">
        <v>1</v>
      </c>
      <c r="H8761" s="8">
        <v>1</v>
      </c>
      <c r="I8761" s="8">
        <v>0</v>
      </c>
      <c r="J8761" s="8">
        <v>1</v>
      </c>
      <c r="K8761" s="9">
        <v>225</v>
      </c>
      <c r="L8761" s="6" t="s">
        <v>51</v>
      </c>
    </row>
    <row r="8762" spans="1:12">
      <c r="A8762" s="6" t="s">
        <v>49</v>
      </c>
      <c r="B8762" s="6"/>
      <c r="C8762" s="6" t="s">
        <v>8786</v>
      </c>
      <c r="D8762" s="6"/>
      <c r="E8762" s="6" t="s">
        <v>9</v>
      </c>
      <c r="F8762" s="7">
        <v>38657</v>
      </c>
      <c r="G8762" s="8">
        <v>1</v>
      </c>
      <c r="H8762" s="8">
        <v>1</v>
      </c>
      <c r="I8762" s="8">
        <v>0</v>
      </c>
      <c r="J8762" s="8">
        <v>1</v>
      </c>
      <c r="K8762" s="9">
        <v>327</v>
      </c>
      <c r="L8762" s="6" t="s">
        <v>51</v>
      </c>
    </row>
    <row r="8763" spans="1:12">
      <c r="A8763" s="6" t="s">
        <v>49</v>
      </c>
      <c r="B8763" s="6"/>
      <c r="C8763" s="6" t="s">
        <v>8787</v>
      </c>
      <c r="D8763" s="6"/>
      <c r="E8763" s="6" t="s">
        <v>9</v>
      </c>
      <c r="F8763" s="7">
        <v>38657</v>
      </c>
      <c r="G8763" s="8">
        <v>1</v>
      </c>
      <c r="H8763" s="8">
        <v>1</v>
      </c>
      <c r="I8763" s="8">
        <v>0</v>
      </c>
      <c r="J8763" s="8">
        <v>1</v>
      </c>
      <c r="K8763" s="9">
        <v>80</v>
      </c>
      <c r="L8763" s="6" t="s">
        <v>51</v>
      </c>
    </row>
    <row r="8764" spans="1:12">
      <c r="A8764" s="6" t="s">
        <v>49</v>
      </c>
      <c r="B8764" s="6"/>
      <c r="C8764" s="6" t="s">
        <v>8788</v>
      </c>
      <c r="D8764" s="6"/>
      <c r="E8764" s="6" t="s">
        <v>9</v>
      </c>
      <c r="F8764" s="7">
        <v>38657</v>
      </c>
      <c r="G8764" s="8">
        <v>1</v>
      </c>
      <c r="H8764" s="8">
        <v>1</v>
      </c>
      <c r="I8764" s="8">
        <v>0</v>
      </c>
      <c r="J8764" s="8">
        <v>1</v>
      </c>
      <c r="K8764" s="9">
        <v>99</v>
      </c>
      <c r="L8764" s="6" t="s">
        <v>51</v>
      </c>
    </row>
    <row r="8765" spans="1:12">
      <c r="A8765" s="6" t="s">
        <v>49</v>
      </c>
      <c r="B8765" s="6"/>
      <c r="C8765" s="6" t="s">
        <v>8789</v>
      </c>
      <c r="D8765" s="6"/>
      <c r="E8765" s="6" t="s">
        <v>9</v>
      </c>
      <c r="F8765" s="7">
        <v>38657</v>
      </c>
      <c r="G8765" s="8">
        <v>1</v>
      </c>
      <c r="H8765" s="8">
        <v>1</v>
      </c>
      <c r="I8765" s="8">
        <v>0</v>
      </c>
      <c r="J8765" s="8">
        <v>1</v>
      </c>
      <c r="K8765" s="9">
        <v>21</v>
      </c>
      <c r="L8765" s="6" t="s">
        <v>51</v>
      </c>
    </row>
    <row r="8766" spans="1:12">
      <c r="A8766" s="6" t="s">
        <v>49</v>
      </c>
      <c r="B8766" s="6"/>
      <c r="C8766" s="6" t="s">
        <v>8790</v>
      </c>
      <c r="D8766" s="6"/>
      <c r="E8766" s="6" t="s">
        <v>9</v>
      </c>
      <c r="F8766" s="7">
        <v>38657</v>
      </c>
      <c r="G8766" s="8">
        <v>1</v>
      </c>
      <c r="H8766" s="8">
        <v>1</v>
      </c>
      <c r="I8766" s="8">
        <v>0</v>
      </c>
      <c r="J8766" s="8">
        <v>1</v>
      </c>
      <c r="K8766" s="9">
        <v>137</v>
      </c>
      <c r="L8766" s="6" t="s">
        <v>51</v>
      </c>
    </row>
    <row r="8767" spans="1:12">
      <c r="A8767" s="6" t="s">
        <v>49</v>
      </c>
      <c r="B8767" s="6"/>
      <c r="C8767" s="6" t="s">
        <v>8791</v>
      </c>
      <c r="D8767" s="6"/>
      <c r="E8767" s="6" t="s">
        <v>9</v>
      </c>
      <c r="F8767" s="7">
        <v>38657</v>
      </c>
      <c r="G8767" s="8">
        <v>1</v>
      </c>
      <c r="H8767" s="8">
        <v>1</v>
      </c>
      <c r="I8767" s="8">
        <v>0</v>
      </c>
      <c r="J8767" s="8">
        <v>1</v>
      </c>
      <c r="K8767" s="9">
        <v>209</v>
      </c>
      <c r="L8767" s="6" t="s">
        <v>51</v>
      </c>
    </row>
    <row r="8768" spans="1:12">
      <c r="A8768" s="6" t="s">
        <v>49</v>
      </c>
      <c r="B8768" s="6"/>
      <c r="C8768" s="6" t="s">
        <v>8792</v>
      </c>
      <c r="D8768" s="6"/>
      <c r="E8768" s="6" t="s">
        <v>9</v>
      </c>
      <c r="F8768" s="7">
        <v>38657</v>
      </c>
      <c r="G8768" s="8">
        <v>1</v>
      </c>
      <c r="H8768" s="8">
        <v>1</v>
      </c>
      <c r="I8768" s="8">
        <v>0</v>
      </c>
      <c r="J8768" s="8">
        <v>1</v>
      </c>
      <c r="K8768" s="9">
        <v>72</v>
      </c>
      <c r="L8768" s="6" t="s">
        <v>51</v>
      </c>
    </row>
    <row r="8769" spans="1:12">
      <c r="A8769" s="6" t="s">
        <v>49</v>
      </c>
      <c r="B8769" s="6"/>
      <c r="C8769" s="6" t="s">
        <v>8793</v>
      </c>
      <c r="D8769" s="6"/>
      <c r="E8769" s="6" t="s">
        <v>9</v>
      </c>
      <c r="F8769" s="7">
        <v>38657</v>
      </c>
      <c r="G8769" s="8">
        <v>1</v>
      </c>
      <c r="H8769" s="8">
        <v>1</v>
      </c>
      <c r="I8769" s="8">
        <v>0</v>
      </c>
      <c r="J8769" s="8">
        <v>1</v>
      </c>
      <c r="K8769" s="9">
        <v>482</v>
      </c>
      <c r="L8769" s="6" t="s">
        <v>51</v>
      </c>
    </row>
    <row r="8770" spans="1:12">
      <c r="A8770" s="6" t="s">
        <v>49</v>
      </c>
      <c r="B8770" s="6"/>
      <c r="C8770" s="6" t="s">
        <v>8794</v>
      </c>
      <c r="D8770" s="6"/>
      <c r="E8770" s="6" t="s">
        <v>9</v>
      </c>
      <c r="F8770" s="7">
        <v>38657</v>
      </c>
      <c r="G8770" s="8">
        <v>1</v>
      </c>
      <c r="H8770" s="8">
        <v>1</v>
      </c>
      <c r="I8770" s="8">
        <v>0</v>
      </c>
      <c r="J8770" s="8">
        <v>1</v>
      </c>
      <c r="K8770" s="9">
        <v>459</v>
      </c>
      <c r="L8770" s="6" t="s">
        <v>51</v>
      </c>
    </row>
    <row r="8771" spans="1:12">
      <c r="A8771" s="6" t="s">
        <v>49</v>
      </c>
      <c r="B8771" s="6"/>
      <c r="C8771" s="6" t="s">
        <v>8795</v>
      </c>
      <c r="D8771" s="6"/>
      <c r="E8771" s="6" t="s">
        <v>9</v>
      </c>
      <c r="F8771" s="7">
        <v>38657</v>
      </c>
      <c r="G8771" s="8">
        <v>1</v>
      </c>
      <c r="H8771" s="8">
        <v>1</v>
      </c>
      <c r="I8771" s="8">
        <v>0</v>
      </c>
      <c r="J8771" s="8">
        <v>1</v>
      </c>
      <c r="K8771" s="9">
        <v>2.63</v>
      </c>
      <c r="L8771" s="6" t="s">
        <v>51</v>
      </c>
    </row>
    <row r="8772" spans="1:12">
      <c r="A8772" s="6" t="s">
        <v>49</v>
      </c>
      <c r="B8772" s="6"/>
      <c r="C8772" s="6" t="s">
        <v>8796</v>
      </c>
      <c r="D8772" s="6"/>
      <c r="E8772" s="6" t="s">
        <v>9</v>
      </c>
      <c r="F8772" s="7">
        <v>38657</v>
      </c>
      <c r="G8772" s="8">
        <v>1</v>
      </c>
      <c r="H8772" s="8">
        <v>1</v>
      </c>
      <c r="I8772" s="8">
        <v>0</v>
      </c>
      <c r="J8772" s="8">
        <v>1</v>
      </c>
      <c r="K8772" s="9">
        <v>2</v>
      </c>
      <c r="L8772" s="6" t="s">
        <v>51</v>
      </c>
    </row>
    <row r="8773" spans="1:12">
      <c r="A8773" s="6" t="s">
        <v>49</v>
      </c>
      <c r="B8773" s="6"/>
      <c r="C8773" s="6" t="s">
        <v>8797</v>
      </c>
      <c r="D8773" s="6"/>
      <c r="E8773" s="6" t="s">
        <v>9</v>
      </c>
      <c r="F8773" s="7">
        <v>38657</v>
      </c>
      <c r="G8773" s="8">
        <v>1</v>
      </c>
      <c r="H8773" s="8">
        <v>1</v>
      </c>
      <c r="I8773" s="8">
        <v>0</v>
      </c>
      <c r="J8773" s="8">
        <v>1</v>
      </c>
      <c r="K8773" s="9">
        <v>30.88</v>
      </c>
      <c r="L8773" s="6" t="s">
        <v>51</v>
      </c>
    </row>
    <row r="8774" spans="1:12">
      <c r="A8774" s="6" t="s">
        <v>49</v>
      </c>
      <c r="B8774" s="6"/>
      <c r="C8774" s="6" t="s">
        <v>8798</v>
      </c>
      <c r="D8774" s="6"/>
      <c r="E8774" s="6" t="s">
        <v>9</v>
      </c>
      <c r="F8774" s="7">
        <v>38657</v>
      </c>
      <c r="G8774" s="8">
        <v>1</v>
      </c>
      <c r="H8774" s="8">
        <v>1</v>
      </c>
      <c r="I8774" s="8">
        <v>0</v>
      </c>
      <c r="J8774" s="8">
        <v>1</v>
      </c>
      <c r="K8774" s="9">
        <v>12</v>
      </c>
      <c r="L8774" s="6" t="s">
        <v>51</v>
      </c>
    </row>
    <row r="8775" spans="1:12">
      <c r="A8775" s="6" t="s">
        <v>49</v>
      </c>
      <c r="B8775" s="6"/>
      <c r="C8775" s="6" t="s">
        <v>8799</v>
      </c>
      <c r="D8775" s="6"/>
      <c r="E8775" s="6" t="s">
        <v>9</v>
      </c>
      <c r="F8775" s="7">
        <v>38657</v>
      </c>
      <c r="G8775" s="8">
        <v>1</v>
      </c>
      <c r="H8775" s="8">
        <v>1</v>
      </c>
      <c r="I8775" s="8">
        <v>0</v>
      </c>
      <c r="J8775" s="8">
        <v>1</v>
      </c>
      <c r="K8775" s="9">
        <v>99</v>
      </c>
      <c r="L8775" s="6" t="s">
        <v>51</v>
      </c>
    </row>
    <row r="8776" spans="1:12">
      <c r="A8776" s="6" t="s">
        <v>49</v>
      </c>
      <c r="B8776" s="6"/>
      <c r="C8776" s="6" t="s">
        <v>8800</v>
      </c>
      <c r="D8776" s="6"/>
      <c r="E8776" s="6" t="s">
        <v>9</v>
      </c>
      <c r="F8776" s="7">
        <v>38657</v>
      </c>
      <c r="G8776" s="8">
        <v>1</v>
      </c>
      <c r="H8776" s="8">
        <v>1</v>
      </c>
      <c r="I8776" s="8">
        <v>0</v>
      </c>
      <c r="J8776" s="8">
        <v>1</v>
      </c>
      <c r="K8776" s="9">
        <v>10</v>
      </c>
      <c r="L8776" s="6" t="s">
        <v>51</v>
      </c>
    </row>
    <row r="8777" spans="1:12">
      <c r="A8777" s="6" t="s">
        <v>49</v>
      </c>
      <c r="B8777" s="6"/>
      <c r="C8777" s="6" t="s">
        <v>8801</v>
      </c>
      <c r="D8777" s="6"/>
      <c r="E8777" s="6" t="s">
        <v>9</v>
      </c>
      <c r="F8777" s="7">
        <v>38657</v>
      </c>
      <c r="G8777" s="8">
        <v>1</v>
      </c>
      <c r="H8777" s="8">
        <v>1</v>
      </c>
      <c r="I8777" s="8">
        <v>0</v>
      </c>
      <c r="J8777" s="8">
        <v>1</v>
      </c>
      <c r="K8777" s="9">
        <v>3.53</v>
      </c>
      <c r="L8777" s="6" t="s">
        <v>51</v>
      </c>
    </row>
    <row r="8778" spans="1:12">
      <c r="A8778" s="6" t="s">
        <v>49</v>
      </c>
      <c r="B8778" s="6"/>
      <c r="C8778" s="6" t="s">
        <v>8802</v>
      </c>
      <c r="D8778" s="6"/>
      <c r="E8778" s="6" t="s">
        <v>9</v>
      </c>
      <c r="F8778" s="7">
        <v>38657</v>
      </c>
      <c r="G8778" s="8">
        <v>1</v>
      </c>
      <c r="H8778" s="8">
        <v>1</v>
      </c>
      <c r="I8778" s="8">
        <v>0</v>
      </c>
      <c r="J8778" s="8">
        <v>1</v>
      </c>
      <c r="K8778" s="9">
        <v>1.07</v>
      </c>
      <c r="L8778" s="6" t="s">
        <v>51</v>
      </c>
    </row>
    <row r="8779" spans="1:12">
      <c r="A8779" s="6" t="s">
        <v>49</v>
      </c>
      <c r="B8779" s="6"/>
      <c r="C8779" s="6" t="s">
        <v>8803</v>
      </c>
      <c r="D8779" s="6"/>
      <c r="E8779" s="6" t="s">
        <v>9</v>
      </c>
      <c r="F8779" s="7">
        <v>38657</v>
      </c>
      <c r="G8779" s="8">
        <v>1</v>
      </c>
      <c r="H8779" s="8">
        <v>1</v>
      </c>
      <c r="I8779" s="8">
        <v>0</v>
      </c>
      <c r="J8779" s="8">
        <v>1</v>
      </c>
      <c r="K8779" s="9">
        <v>11.76</v>
      </c>
      <c r="L8779" s="6" t="s">
        <v>51</v>
      </c>
    </row>
    <row r="8780" spans="1:12">
      <c r="A8780" s="6" t="s">
        <v>49</v>
      </c>
      <c r="B8780" s="6"/>
      <c r="C8780" s="6" t="s">
        <v>8804</v>
      </c>
      <c r="D8780" s="6"/>
      <c r="E8780" s="6" t="s">
        <v>9</v>
      </c>
      <c r="F8780" s="7">
        <v>38657</v>
      </c>
      <c r="G8780" s="8">
        <v>1</v>
      </c>
      <c r="H8780" s="8">
        <v>1</v>
      </c>
      <c r="I8780" s="8">
        <v>0</v>
      </c>
      <c r="J8780" s="8">
        <v>1</v>
      </c>
      <c r="K8780" s="9">
        <v>9.6999999999999904</v>
      </c>
      <c r="L8780" s="6" t="s">
        <v>51</v>
      </c>
    </row>
    <row r="8781" spans="1:12">
      <c r="A8781" s="6" t="s">
        <v>49</v>
      </c>
      <c r="B8781" s="6"/>
      <c r="C8781" s="6" t="s">
        <v>8805</v>
      </c>
      <c r="D8781" s="6"/>
      <c r="E8781" s="6" t="s">
        <v>9</v>
      </c>
      <c r="F8781" s="7">
        <v>38657</v>
      </c>
      <c r="G8781" s="8">
        <v>1</v>
      </c>
      <c r="H8781" s="8">
        <v>1</v>
      </c>
      <c r="I8781" s="8">
        <v>0</v>
      </c>
      <c r="J8781" s="8">
        <v>1</v>
      </c>
      <c r="K8781" s="9">
        <v>5.68</v>
      </c>
      <c r="L8781" s="6" t="s">
        <v>51</v>
      </c>
    </row>
    <row r="8782" spans="1:12">
      <c r="A8782" s="6" t="s">
        <v>49</v>
      </c>
      <c r="B8782" s="6"/>
      <c r="C8782" s="6" t="s">
        <v>8806</v>
      </c>
      <c r="D8782" s="6"/>
      <c r="E8782" s="6" t="s">
        <v>9</v>
      </c>
      <c r="F8782" s="7">
        <v>38657</v>
      </c>
      <c r="G8782" s="8">
        <v>1</v>
      </c>
      <c r="H8782" s="8">
        <v>1</v>
      </c>
      <c r="I8782" s="8">
        <v>0</v>
      </c>
      <c r="J8782" s="8">
        <v>1</v>
      </c>
      <c r="K8782" s="9">
        <v>131</v>
      </c>
      <c r="L8782" s="6" t="s">
        <v>51</v>
      </c>
    </row>
    <row r="8783" spans="1:12">
      <c r="A8783" s="6" t="s">
        <v>49</v>
      </c>
      <c r="B8783" s="6"/>
      <c r="C8783" s="6" t="s">
        <v>8807</v>
      </c>
      <c r="D8783" s="6"/>
      <c r="E8783" s="6" t="s">
        <v>9</v>
      </c>
      <c r="F8783" s="7">
        <v>38657</v>
      </c>
      <c r="G8783" s="8">
        <v>1</v>
      </c>
      <c r="H8783" s="8">
        <v>1</v>
      </c>
      <c r="I8783" s="8">
        <v>0</v>
      </c>
      <c r="J8783" s="8">
        <v>1</v>
      </c>
      <c r="K8783" s="9">
        <v>108</v>
      </c>
      <c r="L8783" s="6" t="s">
        <v>51</v>
      </c>
    </row>
    <row r="8784" spans="1:12">
      <c r="A8784" s="6" t="s">
        <v>49</v>
      </c>
      <c r="B8784" s="6"/>
      <c r="C8784" s="6" t="s">
        <v>8808</v>
      </c>
      <c r="D8784" s="6"/>
      <c r="E8784" s="6" t="s">
        <v>9</v>
      </c>
      <c r="F8784" s="7">
        <v>38657</v>
      </c>
      <c r="G8784" s="8">
        <v>1</v>
      </c>
      <c r="H8784" s="8">
        <v>1</v>
      </c>
      <c r="I8784" s="8">
        <v>0</v>
      </c>
      <c r="J8784" s="8">
        <v>1</v>
      </c>
      <c r="K8784" s="9">
        <v>328</v>
      </c>
      <c r="L8784" s="6" t="s">
        <v>51</v>
      </c>
    </row>
    <row r="8785" spans="1:12">
      <c r="A8785" s="6" t="s">
        <v>49</v>
      </c>
      <c r="B8785" s="6"/>
      <c r="C8785" s="6" t="s">
        <v>8809</v>
      </c>
      <c r="D8785" s="6"/>
      <c r="E8785" s="6" t="s">
        <v>9</v>
      </c>
      <c r="F8785" s="7">
        <v>38657</v>
      </c>
      <c r="G8785" s="8">
        <v>1</v>
      </c>
      <c r="H8785" s="8">
        <v>1</v>
      </c>
      <c r="I8785" s="8">
        <v>0</v>
      </c>
      <c r="J8785" s="8">
        <v>1</v>
      </c>
      <c r="K8785" s="9">
        <v>12.24</v>
      </c>
      <c r="L8785" s="6" t="s">
        <v>51</v>
      </c>
    </row>
    <row r="8786" spans="1:12">
      <c r="A8786" s="6" t="s">
        <v>49</v>
      </c>
      <c r="B8786" s="6"/>
      <c r="C8786" s="6" t="s">
        <v>8810</v>
      </c>
      <c r="D8786" s="6"/>
      <c r="E8786" s="6" t="s">
        <v>9</v>
      </c>
      <c r="F8786" s="7">
        <v>38657</v>
      </c>
      <c r="G8786" s="8">
        <v>1</v>
      </c>
      <c r="H8786" s="8">
        <v>1</v>
      </c>
      <c r="I8786" s="8">
        <v>0</v>
      </c>
      <c r="J8786" s="8">
        <v>1</v>
      </c>
      <c r="K8786" s="9">
        <v>99</v>
      </c>
      <c r="L8786" s="6" t="s">
        <v>51</v>
      </c>
    </row>
    <row r="8787" spans="1:12">
      <c r="A8787" s="6" t="s">
        <v>49</v>
      </c>
      <c r="B8787" s="6"/>
      <c r="C8787" s="6" t="s">
        <v>8811</v>
      </c>
      <c r="D8787" s="6"/>
      <c r="E8787" s="6" t="s">
        <v>9</v>
      </c>
      <c r="F8787" s="7">
        <v>38657</v>
      </c>
      <c r="G8787" s="8">
        <v>1</v>
      </c>
      <c r="H8787" s="8">
        <v>1</v>
      </c>
      <c r="I8787" s="8">
        <v>0</v>
      </c>
      <c r="J8787" s="8">
        <v>1</v>
      </c>
      <c r="K8787" s="9">
        <v>54.25</v>
      </c>
      <c r="L8787" s="6" t="s">
        <v>51</v>
      </c>
    </row>
    <row r="8788" spans="1:12">
      <c r="A8788" s="6" t="s">
        <v>49</v>
      </c>
      <c r="B8788" s="6"/>
      <c r="C8788" s="6" t="s">
        <v>8812</v>
      </c>
      <c r="D8788" s="6"/>
      <c r="E8788" s="6" t="s">
        <v>9</v>
      </c>
      <c r="F8788" s="7">
        <v>38657</v>
      </c>
      <c r="G8788" s="8">
        <v>1</v>
      </c>
      <c r="H8788" s="8">
        <v>1</v>
      </c>
      <c r="I8788" s="8">
        <v>0</v>
      </c>
      <c r="J8788" s="8">
        <v>1</v>
      </c>
      <c r="K8788" s="9">
        <v>13.9</v>
      </c>
      <c r="L8788" s="6" t="s">
        <v>51</v>
      </c>
    </row>
    <row r="8789" spans="1:12">
      <c r="A8789" s="6" t="s">
        <v>49</v>
      </c>
      <c r="B8789" s="6"/>
      <c r="C8789" s="6" t="s">
        <v>8813</v>
      </c>
      <c r="D8789" s="6"/>
      <c r="E8789" s="6" t="s">
        <v>9</v>
      </c>
      <c r="F8789" s="7">
        <v>38657</v>
      </c>
      <c r="G8789" s="8">
        <v>1</v>
      </c>
      <c r="H8789" s="8">
        <v>1</v>
      </c>
      <c r="I8789" s="8">
        <v>0</v>
      </c>
      <c r="J8789" s="8">
        <v>1</v>
      </c>
      <c r="K8789" s="9">
        <v>6.48</v>
      </c>
      <c r="L8789" s="6" t="s">
        <v>51</v>
      </c>
    </row>
    <row r="8790" spans="1:12">
      <c r="A8790" s="6" t="s">
        <v>49</v>
      </c>
      <c r="B8790" s="6"/>
      <c r="C8790" s="6" t="s">
        <v>8814</v>
      </c>
      <c r="D8790" s="6"/>
      <c r="E8790" s="6" t="s">
        <v>9</v>
      </c>
      <c r="F8790" s="7">
        <v>38657</v>
      </c>
      <c r="G8790" s="8">
        <v>1</v>
      </c>
      <c r="H8790" s="8">
        <v>1</v>
      </c>
      <c r="I8790" s="8">
        <v>0</v>
      </c>
      <c r="J8790" s="8">
        <v>1</v>
      </c>
      <c r="K8790" s="9">
        <v>40.729999999999897</v>
      </c>
      <c r="L8790" s="6" t="s">
        <v>51</v>
      </c>
    </row>
    <row r="8791" spans="1:12">
      <c r="A8791" s="6" t="s">
        <v>49</v>
      </c>
      <c r="B8791" s="6"/>
      <c r="C8791" s="6" t="s">
        <v>8815</v>
      </c>
      <c r="D8791" s="6"/>
      <c r="E8791" s="6" t="s">
        <v>9</v>
      </c>
      <c r="F8791" s="7">
        <v>38657</v>
      </c>
      <c r="G8791" s="8">
        <v>1</v>
      </c>
      <c r="H8791" s="8">
        <v>1</v>
      </c>
      <c r="I8791" s="8">
        <v>0</v>
      </c>
      <c r="J8791" s="8">
        <v>1</v>
      </c>
      <c r="K8791" s="9">
        <v>1.02</v>
      </c>
      <c r="L8791" s="6" t="s">
        <v>51</v>
      </c>
    </row>
    <row r="8792" spans="1:12">
      <c r="A8792" s="6" t="s">
        <v>49</v>
      </c>
      <c r="B8792" s="6"/>
      <c r="C8792" s="6" t="s">
        <v>8816</v>
      </c>
      <c r="D8792" s="6"/>
      <c r="E8792" s="6" t="s">
        <v>9</v>
      </c>
      <c r="F8792" s="7">
        <v>38657</v>
      </c>
      <c r="G8792" s="8">
        <v>1</v>
      </c>
      <c r="H8792" s="8">
        <v>1</v>
      </c>
      <c r="I8792" s="8">
        <v>0</v>
      </c>
      <c r="J8792" s="8">
        <v>1</v>
      </c>
      <c r="K8792" s="9">
        <v>4.5</v>
      </c>
      <c r="L8792" s="6" t="s">
        <v>51</v>
      </c>
    </row>
    <row r="8793" spans="1:12">
      <c r="A8793" s="6" t="s">
        <v>49</v>
      </c>
      <c r="B8793" s="6"/>
      <c r="C8793" s="6" t="s">
        <v>8817</v>
      </c>
      <c r="D8793" s="6"/>
      <c r="E8793" s="6" t="s">
        <v>9</v>
      </c>
      <c r="F8793" s="7">
        <v>38657</v>
      </c>
      <c r="G8793" s="8">
        <v>1</v>
      </c>
      <c r="H8793" s="8">
        <v>1</v>
      </c>
      <c r="I8793" s="8">
        <v>0</v>
      </c>
      <c r="J8793" s="8">
        <v>1</v>
      </c>
      <c r="K8793" s="9">
        <v>67.11</v>
      </c>
      <c r="L8793" s="6" t="s">
        <v>51</v>
      </c>
    </row>
    <row r="8794" spans="1:12">
      <c r="A8794" s="6" t="s">
        <v>49</v>
      </c>
      <c r="B8794" s="6"/>
      <c r="C8794" s="6" t="s">
        <v>8818</v>
      </c>
      <c r="D8794" s="6"/>
      <c r="E8794" s="6" t="s">
        <v>9</v>
      </c>
      <c r="F8794" s="7">
        <v>38657</v>
      </c>
      <c r="G8794" s="8">
        <v>1</v>
      </c>
      <c r="H8794" s="8">
        <v>1</v>
      </c>
      <c r="I8794" s="8">
        <v>0</v>
      </c>
      <c r="J8794" s="8">
        <v>1</v>
      </c>
      <c r="K8794" s="9">
        <v>22.47</v>
      </c>
      <c r="L8794" s="6" t="s">
        <v>51</v>
      </c>
    </row>
    <row r="8795" spans="1:12">
      <c r="A8795" s="6" t="s">
        <v>49</v>
      </c>
      <c r="B8795" s="6"/>
      <c r="C8795" s="6" t="s">
        <v>8819</v>
      </c>
      <c r="D8795" s="6"/>
      <c r="E8795" s="6" t="s">
        <v>9</v>
      </c>
      <c r="F8795" s="7">
        <v>38657</v>
      </c>
      <c r="G8795" s="8">
        <v>1</v>
      </c>
      <c r="H8795" s="8">
        <v>1</v>
      </c>
      <c r="I8795" s="8">
        <v>0</v>
      </c>
      <c r="J8795" s="8">
        <v>1</v>
      </c>
      <c r="K8795" s="9">
        <v>24.21</v>
      </c>
      <c r="L8795" s="6" t="s">
        <v>51</v>
      </c>
    </row>
    <row r="8796" spans="1:12">
      <c r="A8796" s="6" t="s">
        <v>49</v>
      </c>
      <c r="B8796" s="6"/>
      <c r="C8796" s="6" t="s">
        <v>8820</v>
      </c>
      <c r="D8796" s="6"/>
      <c r="E8796" s="6" t="s">
        <v>9</v>
      </c>
      <c r="F8796" s="7">
        <v>38657</v>
      </c>
      <c r="G8796" s="8">
        <v>1</v>
      </c>
      <c r="H8796" s="8">
        <v>1</v>
      </c>
      <c r="I8796" s="8">
        <v>0</v>
      </c>
      <c r="J8796" s="8">
        <v>1</v>
      </c>
      <c r="K8796" s="9">
        <v>18.66</v>
      </c>
      <c r="L8796" s="6" t="s">
        <v>51</v>
      </c>
    </row>
    <row r="8797" spans="1:12">
      <c r="A8797" s="6" t="s">
        <v>49</v>
      </c>
      <c r="B8797" s="6"/>
      <c r="C8797" s="6" t="s">
        <v>8821</v>
      </c>
      <c r="D8797" s="6"/>
      <c r="E8797" s="6" t="s">
        <v>9</v>
      </c>
      <c r="F8797" s="7">
        <v>38657</v>
      </c>
      <c r="G8797" s="8">
        <v>1</v>
      </c>
      <c r="H8797" s="8">
        <v>1</v>
      </c>
      <c r="I8797" s="8">
        <v>0</v>
      </c>
      <c r="J8797" s="8">
        <v>1</v>
      </c>
      <c r="K8797" s="9">
        <v>99</v>
      </c>
      <c r="L8797" s="6" t="s">
        <v>51</v>
      </c>
    </row>
    <row r="8798" spans="1:12">
      <c r="A8798" s="6" t="s">
        <v>49</v>
      </c>
      <c r="B8798" s="6"/>
      <c r="C8798" s="6" t="s">
        <v>8822</v>
      </c>
      <c r="D8798" s="6"/>
      <c r="E8798" s="6" t="s">
        <v>9</v>
      </c>
      <c r="F8798" s="7">
        <v>38657</v>
      </c>
      <c r="G8798" s="8">
        <v>1</v>
      </c>
      <c r="H8798" s="8">
        <v>1</v>
      </c>
      <c r="I8798" s="8">
        <v>0</v>
      </c>
      <c r="J8798" s="8">
        <v>1</v>
      </c>
      <c r="K8798" s="9">
        <v>36</v>
      </c>
      <c r="L8798" s="6" t="s">
        <v>51</v>
      </c>
    </row>
    <row r="8799" spans="1:12">
      <c r="A8799" s="6" t="s">
        <v>49</v>
      </c>
      <c r="B8799" s="6"/>
      <c r="C8799" s="6" t="s">
        <v>8823</v>
      </c>
      <c r="D8799" s="6"/>
      <c r="E8799" s="6" t="s">
        <v>9</v>
      </c>
      <c r="F8799" s="7">
        <v>38657</v>
      </c>
      <c r="G8799" s="8">
        <v>1</v>
      </c>
      <c r="H8799" s="8">
        <v>1</v>
      </c>
      <c r="I8799" s="8">
        <v>0</v>
      </c>
      <c r="J8799" s="8">
        <v>1</v>
      </c>
      <c r="K8799" s="9">
        <v>170</v>
      </c>
      <c r="L8799" s="6" t="s">
        <v>51</v>
      </c>
    </row>
    <row r="8800" spans="1:12">
      <c r="A8800" s="6" t="s">
        <v>49</v>
      </c>
      <c r="B8800" s="6"/>
      <c r="C8800" s="6" t="s">
        <v>8824</v>
      </c>
      <c r="D8800" s="6"/>
      <c r="E8800" s="6" t="s">
        <v>9</v>
      </c>
      <c r="F8800" s="7">
        <v>38657</v>
      </c>
      <c r="G8800" s="8">
        <v>1</v>
      </c>
      <c r="H8800" s="8">
        <v>1</v>
      </c>
      <c r="I8800" s="8">
        <v>0</v>
      </c>
      <c r="J8800" s="8">
        <v>1</v>
      </c>
      <c r="K8800" s="9">
        <v>583.41999999999905</v>
      </c>
      <c r="L8800" s="6" t="s">
        <v>51</v>
      </c>
    </row>
    <row r="8801" spans="1:12">
      <c r="A8801" s="6" t="s">
        <v>49</v>
      </c>
      <c r="B8801" s="6"/>
      <c r="C8801" s="6" t="s">
        <v>8825</v>
      </c>
      <c r="D8801" s="6"/>
      <c r="E8801" s="6" t="s">
        <v>9</v>
      </c>
      <c r="F8801" s="7">
        <v>38657</v>
      </c>
      <c r="G8801" s="8">
        <v>1</v>
      </c>
      <c r="H8801" s="8">
        <v>1</v>
      </c>
      <c r="I8801" s="8">
        <v>0</v>
      </c>
      <c r="J8801" s="8">
        <v>1</v>
      </c>
      <c r="K8801" s="9">
        <v>24.71</v>
      </c>
      <c r="L8801" s="6" t="s">
        <v>51</v>
      </c>
    </row>
    <row r="8802" spans="1:12">
      <c r="A8802" s="6" t="s">
        <v>49</v>
      </c>
      <c r="B8802" s="6"/>
      <c r="C8802" s="6" t="s">
        <v>8826</v>
      </c>
      <c r="D8802" s="6"/>
      <c r="E8802" s="6" t="s">
        <v>9</v>
      </c>
      <c r="F8802" s="7">
        <v>38657</v>
      </c>
      <c r="G8802" s="8">
        <v>1</v>
      </c>
      <c r="H8802" s="8">
        <v>1</v>
      </c>
      <c r="I8802" s="8">
        <v>0</v>
      </c>
      <c r="J8802" s="8">
        <v>1</v>
      </c>
      <c r="K8802" s="9">
        <v>7.12</v>
      </c>
      <c r="L8802" s="6" t="s">
        <v>51</v>
      </c>
    </row>
    <row r="8803" spans="1:12">
      <c r="A8803" s="6" t="s">
        <v>49</v>
      </c>
      <c r="B8803" s="6"/>
      <c r="C8803" s="6" t="s">
        <v>8827</v>
      </c>
      <c r="D8803" s="6"/>
      <c r="E8803" s="6" t="s">
        <v>9</v>
      </c>
      <c r="F8803" s="7">
        <v>38657</v>
      </c>
      <c r="G8803" s="8">
        <v>1</v>
      </c>
      <c r="H8803" s="8">
        <v>1</v>
      </c>
      <c r="I8803" s="8">
        <v>0</v>
      </c>
      <c r="J8803" s="8">
        <v>1</v>
      </c>
      <c r="K8803" s="9">
        <v>30.14</v>
      </c>
      <c r="L8803" s="6" t="s">
        <v>51</v>
      </c>
    </row>
    <row r="8804" spans="1:12">
      <c r="A8804" s="6" t="s">
        <v>49</v>
      </c>
      <c r="B8804" s="6"/>
      <c r="C8804" s="6" t="s">
        <v>8828</v>
      </c>
      <c r="D8804" s="6"/>
      <c r="E8804" s="6" t="s">
        <v>9</v>
      </c>
      <c r="F8804" s="7">
        <v>38657</v>
      </c>
      <c r="G8804" s="8">
        <v>1</v>
      </c>
      <c r="H8804" s="8">
        <v>1</v>
      </c>
      <c r="I8804" s="8">
        <v>0</v>
      </c>
      <c r="J8804" s="8">
        <v>1</v>
      </c>
      <c r="K8804" s="9">
        <v>6.51</v>
      </c>
      <c r="L8804" s="6" t="s">
        <v>51</v>
      </c>
    </row>
    <row r="8805" spans="1:12">
      <c r="A8805" s="6" t="s">
        <v>49</v>
      </c>
      <c r="B8805" s="6"/>
      <c r="C8805" s="6" t="s">
        <v>8829</v>
      </c>
      <c r="D8805" s="6"/>
      <c r="E8805" s="6" t="s">
        <v>9</v>
      </c>
      <c r="F8805" s="7">
        <v>38657</v>
      </c>
      <c r="G8805" s="8">
        <v>1</v>
      </c>
      <c r="H8805" s="8">
        <v>1</v>
      </c>
      <c r="I8805" s="8">
        <v>0</v>
      </c>
      <c r="J8805" s="8">
        <v>1</v>
      </c>
      <c r="K8805" s="9">
        <v>737</v>
      </c>
      <c r="L8805" s="6" t="s">
        <v>51</v>
      </c>
    </row>
    <row r="8806" spans="1:12">
      <c r="A8806" s="6" t="s">
        <v>49</v>
      </c>
      <c r="B8806" s="6"/>
      <c r="C8806" s="6" t="s">
        <v>8830</v>
      </c>
      <c r="D8806" s="6"/>
      <c r="E8806" s="6" t="s">
        <v>9</v>
      </c>
      <c r="F8806" s="7">
        <v>38657</v>
      </c>
      <c r="G8806" s="8">
        <v>1</v>
      </c>
      <c r="H8806" s="8">
        <v>1</v>
      </c>
      <c r="I8806" s="8">
        <v>0</v>
      </c>
      <c r="J8806" s="8">
        <v>1</v>
      </c>
      <c r="K8806" s="9">
        <v>9.94</v>
      </c>
      <c r="L8806" s="6" t="s">
        <v>51</v>
      </c>
    </row>
    <row r="8807" spans="1:12">
      <c r="A8807" s="6" t="s">
        <v>49</v>
      </c>
      <c r="B8807" s="6"/>
      <c r="C8807" s="6" t="s">
        <v>8831</v>
      </c>
      <c r="D8807" s="6"/>
      <c r="E8807" s="6" t="s">
        <v>9</v>
      </c>
      <c r="F8807" s="7">
        <v>38657</v>
      </c>
      <c r="G8807" s="8">
        <v>1</v>
      </c>
      <c r="H8807" s="8">
        <v>1</v>
      </c>
      <c r="I8807" s="8">
        <v>0</v>
      </c>
      <c r="J8807" s="8">
        <v>1</v>
      </c>
      <c r="K8807" s="9">
        <v>33</v>
      </c>
      <c r="L8807" s="6" t="s">
        <v>51</v>
      </c>
    </row>
    <row r="8808" spans="1:12">
      <c r="A8808" s="6" t="s">
        <v>49</v>
      </c>
      <c r="B8808" s="6"/>
      <c r="C8808" s="6" t="s">
        <v>8832</v>
      </c>
      <c r="D8808" s="6"/>
      <c r="E8808" s="6" t="s">
        <v>9</v>
      </c>
      <c r="F8808" s="7">
        <v>38657</v>
      </c>
      <c r="G8808" s="8">
        <v>1</v>
      </c>
      <c r="H8808" s="8">
        <v>1</v>
      </c>
      <c r="I8808" s="8">
        <v>0</v>
      </c>
      <c r="J8808" s="8">
        <v>1</v>
      </c>
      <c r="K8808" s="9">
        <v>99</v>
      </c>
      <c r="L8808" s="6" t="s">
        <v>51</v>
      </c>
    </row>
    <row r="8809" spans="1:12">
      <c r="A8809" s="6" t="s">
        <v>49</v>
      </c>
      <c r="B8809" s="6"/>
      <c r="C8809" s="6" t="s">
        <v>8833</v>
      </c>
      <c r="D8809" s="6"/>
      <c r="E8809" s="6" t="s">
        <v>9</v>
      </c>
      <c r="F8809" s="7">
        <v>38657</v>
      </c>
      <c r="G8809" s="8">
        <v>1</v>
      </c>
      <c r="H8809" s="8">
        <v>1</v>
      </c>
      <c r="I8809" s="8">
        <v>0</v>
      </c>
      <c r="J8809" s="8">
        <v>1</v>
      </c>
      <c r="K8809" s="9">
        <v>33</v>
      </c>
      <c r="L8809" s="6" t="s">
        <v>51</v>
      </c>
    </row>
    <row r="8810" spans="1:12">
      <c r="A8810" s="6" t="s">
        <v>49</v>
      </c>
      <c r="B8810" s="6"/>
      <c r="C8810" s="6" t="s">
        <v>8834</v>
      </c>
      <c r="D8810" s="6"/>
      <c r="E8810" s="6" t="s">
        <v>9</v>
      </c>
      <c r="F8810" s="7">
        <v>38657</v>
      </c>
      <c r="G8810" s="8">
        <v>1</v>
      </c>
      <c r="H8810" s="8">
        <v>1</v>
      </c>
      <c r="I8810" s="8">
        <v>0</v>
      </c>
      <c r="J8810" s="8">
        <v>1</v>
      </c>
      <c r="K8810" s="9">
        <v>713</v>
      </c>
      <c r="L8810" s="6" t="s">
        <v>51</v>
      </c>
    </row>
    <row r="8811" spans="1:12">
      <c r="A8811" s="6" t="s">
        <v>49</v>
      </c>
      <c r="B8811" s="6"/>
      <c r="C8811" s="6" t="s">
        <v>8835</v>
      </c>
      <c r="D8811" s="6"/>
      <c r="E8811" s="6" t="s">
        <v>9</v>
      </c>
      <c r="F8811" s="7">
        <v>38657</v>
      </c>
      <c r="G8811" s="8">
        <v>1</v>
      </c>
      <c r="H8811" s="8">
        <v>1</v>
      </c>
      <c r="I8811" s="8">
        <v>0</v>
      </c>
      <c r="J8811" s="8">
        <v>1</v>
      </c>
      <c r="K8811" s="9">
        <v>913</v>
      </c>
      <c r="L8811" s="6" t="s">
        <v>51</v>
      </c>
    </row>
    <row r="8812" spans="1:12">
      <c r="A8812" s="6" t="s">
        <v>49</v>
      </c>
      <c r="B8812" s="6"/>
      <c r="C8812" s="6" t="s">
        <v>8836</v>
      </c>
      <c r="D8812" s="6"/>
      <c r="E8812" s="6" t="s">
        <v>9</v>
      </c>
      <c r="F8812" s="7">
        <v>38657</v>
      </c>
      <c r="G8812" s="8">
        <v>1</v>
      </c>
      <c r="H8812" s="8">
        <v>1</v>
      </c>
      <c r="I8812" s="8">
        <v>0</v>
      </c>
      <c r="J8812" s="8">
        <v>1</v>
      </c>
      <c r="K8812" s="9">
        <v>984</v>
      </c>
      <c r="L8812" s="6" t="s">
        <v>51</v>
      </c>
    </row>
    <row r="8813" spans="1:12">
      <c r="A8813" s="6" t="s">
        <v>49</v>
      </c>
      <c r="B8813" s="6"/>
      <c r="C8813" s="6" t="s">
        <v>8837</v>
      </c>
      <c r="D8813" s="6"/>
      <c r="E8813" s="6" t="s">
        <v>9</v>
      </c>
      <c r="F8813" s="7"/>
      <c r="G8813" s="8">
        <v>40128</v>
      </c>
      <c r="H8813" s="8">
        <v>40128</v>
      </c>
      <c r="I8813" s="8">
        <v>0</v>
      </c>
      <c r="J8813" s="8">
        <v>40128</v>
      </c>
      <c r="K8813" s="9">
        <v>352</v>
      </c>
      <c r="L8813" s="6" t="s">
        <v>4773</v>
      </c>
    </row>
    <row r="8814" spans="1:12">
      <c r="A8814" s="6" t="s">
        <v>49</v>
      </c>
      <c r="B8814" s="6"/>
      <c r="C8814" s="6" t="s">
        <v>8838</v>
      </c>
      <c r="D8814" s="6"/>
      <c r="E8814" s="6" t="s">
        <v>9</v>
      </c>
      <c r="F8814" s="7">
        <v>38657</v>
      </c>
      <c r="G8814" s="8">
        <v>1</v>
      </c>
      <c r="H8814" s="8">
        <v>1</v>
      </c>
      <c r="I8814" s="8">
        <v>0</v>
      </c>
      <c r="J8814" s="8">
        <v>1</v>
      </c>
      <c r="K8814" s="9">
        <v>349</v>
      </c>
      <c r="L8814" s="6" t="s">
        <v>51</v>
      </c>
    </row>
    <row r="8815" spans="1:12">
      <c r="A8815" s="6" t="s">
        <v>49</v>
      </c>
      <c r="B8815" s="6"/>
      <c r="C8815" s="6" t="s">
        <v>8839</v>
      </c>
      <c r="D8815" s="6"/>
      <c r="E8815" s="6" t="s">
        <v>9</v>
      </c>
      <c r="F8815" s="7">
        <v>40022</v>
      </c>
      <c r="G8815" s="8">
        <v>1</v>
      </c>
      <c r="H8815" s="8">
        <v>1</v>
      </c>
      <c r="I8815" s="8">
        <v>0</v>
      </c>
      <c r="J8815" s="8">
        <v>1</v>
      </c>
      <c r="K8815" s="9">
        <v>7.04</v>
      </c>
      <c r="L8815" s="6" t="s">
        <v>4151</v>
      </c>
    </row>
    <row r="8816" spans="1:12">
      <c r="A8816" s="6" t="s">
        <v>49</v>
      </c>
      <c r="B8816" s="6"/>
      <c r="C8816" s="6" t="s">
        <v>8840</v>
      </c>
      <c r="D8816" s="6"/>
      <c r="E8816" s="6" t="s">
        <v>9</v>
      </c>
      <c r="F8816" s="7">
        <v>40022</v>
      </c>
      <c r="G8816" s="8">
        <v>1</v>
      </c>
      <c r="H8816" s="8">
        <v>1</v>
      </c>
      <c r="I8816" s="8">
        <v>0</v>
      </c>
      <c r="J8816" s="8">
        <v>1</v>
      </c>
      <c r="K8816" s="9">
        <v>6.87</v>
      </c>
      <c r="L8816" s="6" t="s">
        <v>4151</v>
      </c>
    </row>
    <row r="8817" spans="1:12">
      <c r="A8817" s="6" t="s">
        <v>49</v>
      </c>
      <c r="B8817" s="6"/>
      <c r="C8817" s="6" t="s">
        <v>8841</v>
      </c>
      <c r="D8817" s="6"/>
      <c r="E8817" s="6" t="s">
        <v>9</v>
      </c>
      <c r="F8817" s="7">
        <v>40022</v>
      </c>
      <c r="G8817" s="8">
        <v>1</v>
      </c>
      <c r="H8817" s="8">
        <v>1</v>
      </c>
      <c r="I8817" s="8">
        <v>0</v>
      </c>
      <c r="J8817" s="8">
        <v>1</v>
      </c>
      <c r="K8817" s="9">
        <v>2.29</v>
      </c>
      <c r="L8817" s="6" t="s">
        <v>4151</v>
      </c>
    </row>
    <row r="8818" spans="1:12">
      <c r="A8818" s="6" t="s">
        <v>49</v>
      </c>
      <c r="B8818" s="6"/>
      <c r="C8818" s="6" t="s">
        <v>8842</v>
      </c>
      <c r="D8818" s="6"/>
      <c r="E8818" s="6" t="s">
        <v>9</v>
      </c>
      <c r="F8818" s="7">
        <v>40022</v>
      </c>
      <c r="G8818" s="8">
        <v>1</v>
      </c>
      <c r="H8818" s="8">
        <v>1</v>
      </c>
      <c r="I8818" s="8">
        <v>0</v>
      </c>
      <c r="J8818" s="8">
        <v>1</v>
      </c>
      <c r="K8818" s="9">
        <v>3.88</v>
      </c>
      <c r="L8818" s="6" t="s">
        <v>4151</v>
      </c>
    </row>
    <row r="8819" spans="1:12">
      <c r="A8819" s="6" t="s">
        <v>49</v>
      </c>
      <c r="B8819" s="6"/>
      <c r="C8819" s="6" t="s">
        <v>8843</v>
      </c>
      <c r="D8819" s="6"/>
      <c r="E8819" s="6" t="s">
        <v>9</v>
      </c>
      <c r="F8819" s="7">
        <v>38657</v>
      </c>
      <c r="G8819" s="8">
        <v>1</v>
      </c>
      <c r="H8819" s="8">
        <v>1</v>
      </c>
      <c r="I8819" s="8">
        <v>0</v>
      </c>
      <c r="J8819" s="8">
        <v>1</v>
      </c>
      <c r="K8819" s="9">
        <v>99</v>
      </c>
      <c r="L8819" s="6" t="s">
        <v>51</v>
      </c>
    </row>
    <row r="8820" spans="1:12">
      <c r="A8820" s="6" t="s">
        <v>49</v>
      </c>
      <c r="B8820" s="6"/>
      <c r="C8820" s="6" t="s">
        <v>8844</v>
      </c>
      <c r="D8820" s="6"/>
      <c r="E8820" s="6" t="s">
        <v>9</v>
      </c>
      <c r="F8820" s="7">
        <v>38657</v>
      </c>
      <c r="G8820" s="8">
        <v>1</v>
      </c>
      <c r="H8820" s="8">
        <v>1</v>
      </c>
      <c r="I8820" s="8">
        <v>0</v>
      </c>
      <c r="J8820" s="8">
        <v>1</v>
      </c>
      <c r="K8820" s="9">
        <v>1.93</v>
      </c>
      <c r="L8820" s="6" t="s">
        <v>51</v>
      </c>
    </row>
    <row r="8821" spans="1:12">
      <c r="A8821" s="6" t="s">
        <v>49</v>
      </c>
      <c r="B8821" s="6"/>
      <c r="C8821" s="6" t="s">
        <v>8845</v>
      </c>
      <c r="D8821" s="6"/>
      <c r="E8821" s="6" t="s">
        <v>9</v>
      </c>
      <c r="F8821" s="7">
        <v>40022</v>
      </c>
      <c r="G8821" s="8">
        <v>1</v>
      </c>
      <c r="H8821" s="8">
        <v>1</v>
      </c>
      <c r="I8821" s="8">
        <v>0</v>
      </c>
      <c r="J8821" s="8">
        <v>1</v>
      </c>
      <c r="K8821" s="9">
        <v>12.46</v>
      </c>
      <c r="L8821" s="6" t="s">
        <v>4151</v>
      </c>
    </row>
    <row r="8822" spans="1:12">
      <c r="A8822" s="6" t="s">
        <v>49</v>
      </c>
      <c r="B8822" s="6"/>
      <c r="C8822" s="6" t="s">
        <v>8846</v>
      </c>
      <c r="D8822" s="6"/>
      <c r="E8822" s="6" t="s">
        <v>9</v>
      </c>
      <c r="F8822" s="7">
        <v>40022</v>
      </c>
      <c r="G8822" s="8">
        <v>1</v>
      </c>
      <c r="H8822" s="8">
        <v>1</v>
      </c>
      <c r="I8822" s="8">
        <v>0</v>
      </c>
      <c r="J8822" s="8">
        <v>1</v>
      </c>
      <c r="K8822" s="9">
        <v>0.86</v>
      </c>
      <c r="L8822" s="6" t="s">
        <v>4151</v>
      </c>
    </row>
    <row r="8823" spans="1:12">
      <c r="A8823" s="6" t="s">
        <v>49</v>
      </c>
      <c r="B8823" s="6"/>
      <c r="C8823" s="6" t="s">
        <v>8847</v>
      </c>
      <c r="D8823" s="6"/>
      <c r="E8823" s="6" t="s">
        <v>9</v>
      </c>
      <c r="F8823" s="7">
        <v>38657</v>
      </c>
      <c r="G8823" s="8">
        <v>1</v>
      </c>
      <c r="H8823" s="8">
        <v>1</v>
      </c>
      <c r="I8823" s="8">
        <v>0</v>
      </c>
      <c r="J8823" s="8">
        <v>1</v>
      </c>
      <c r="K8823" s="9">
        <v>135</v>
      </c>
      <c r="L8823" s="6" t="s">
        <v>51</v>
      </c>
    </row>
    <row r="8824" spans="1:12">
      <c r="A8824" s="6" t="s">
        <v>49</v>
      </c>
      <c r="B8824" s="6"/>
      <c r="C8824" s="6" t="s">
        <v>8848</v>
      </c>
      <c r="D8824" s="6"/>
      <c r="E8824" s="6" t="s">
        <v>9</v>
      </c>
      <c r="F8824" s="7">
        <v>38657</v>
      </c>
      <c r="G8824" s="8">
        <v>1</v>
      </c>
      <c r="H8824" s="8">
        <v>1</v>
      </c>
      <c r="I8824" s="8">
        <v>0</v>
      </c>
      <c r="J8824" s="8">
        <v>1</v>
      </c>
      <c r="K8824" s="9">
        <v>113</v>
      </c>
      <c r="L8824" s="6" t="s">
        <v>51</v>
      </c>
    </row>
    <row r="8825" spans="1:12">
      <c r="A8825" s="6" t="s">
        <v>49</v>
      </c>
      <c r="B8825" s="6"/>
      <c r="C8825" s="6" t="s">
        <v>8849</v>
      </c>
      <c r="D8825" s="6"/>
      <c r="E8825" s="6" t="s">
        <v>9</v>
      </c>
      <c r="F8825" s="7">
        <v>38657</v>
      </c>
      <c r="G8825" s="8">
        <v>1</v>
      </c>
      <c r="H8825" s="8">
        <v>1</v>
      </c>
      <c r="I8825" s="8">
        <v>0</v>
      </c>
      <c r="J8825" s="8">
        <v>1</v>
      </c>
      <c r="K8825" s="9">
        <v>50</v>
      </c>
      <c r="L8825" s="6" t="s">
        <v>51</v>
      </c>
    </row>
    <row r="8826" spans="1:12">
      <c r="A8826" s="6" t="s">
        <v>49</v>
      </c>
      <c r="B8826" s="6"/>
      <c r="C8826" s="6" t="s">
        <v>8850</v>
      </c>
      <c r="D8826" s="6"/>
      <c r="E8826" s="6" t="s">
        <v>9</v>
      </c>
      <c r="F8826" s="7">
        <v>38657</v>
      </c>
      <c r="G8826" s="8">
        <v>1</v>
      </c>
      <c r="H8826" s="8">
        <v>1</v>
      </c>
      <c r="I8826" s="8">
        <v>0</v>
      </c>
      <c r="J8826" s="8">
        <v>1</v>
      </c>
      <c r="K8826" s="9">
        <v>1.1399999999999899</v>
      </c>
      <c r="L8826" s="6" t="s">
        <v>51</v>
      </c>
    </row>
    <row r="8827" spans="1:12">
      <c r="A8827" s="6" t="s">
        <v>49</v>
      </c>
      <c r="B8827" s="6"/>
      <c r="C8827" s="6" t="s">
        <v>8851</v>
      </c>
      <c r="D8827" s="6"/>
      <c r="E8827" s="6" t="s">
        <v>9</v>
      </c>
      <c r="F8827" s="7">
        <v>38657</v>
      </c>
      <c r="G8827" s="8">
        <v>1</v>
      </c>
      <c r="H8827" s="8">
        <v>1</v>
      </c>
      <c r="I8827" s="8">
        <v>0</v>
      </c>
      <c r="J8827" s="8">
        <v>1</v>
      </c>
      <c r="K8827" s="9">
        <v>268</v>
      </c>
      <c r="L8827" s="6" t="s">
        <v>51</v>
      </c>
    </row>
    <row r="8828" spans="1:12">
      <c r="A8828" s="6" t="s">
        <v>49</v>
      </c>
      <c r="B8828" s="6"/>
      <c r="C8828" s="6" t="s">
        <v>8852</v>
      </c>
      <c r="D8828" s="6"/>
      <c r="E8828" s="6" t="s">
        <v>9</v>
      </c>
      <c r="F8828" s="7">
        <v>38657</v>
      </c>
      <c r="G8828" s="8">
        <v>1</v>
      </c>
      <c r="H8828" s="8">
        <v>1</v>
      </c>
      <c r="I8828" s="8">
        <v>0</v>
      </c>
      <c r="J8828" s="8">
        <v>1</v>
      </c>
      <c r="K8828" s="9">
        <v>959</v>
      </c>
      <c r="L8828" s="6" t="s">
        <v>51</v>
      </c>
    </row>
    <row r="8829" spans="1:12">
      <c r="A8829" s="6" t="s">
        <v>49</v>
      </c>
      <c r="B8829" s="6"/>
      <c r="C8829" s="6" t="s">
        <v>8853</v>
      </c>
      <c r="D8829" s="6"/>
      <c r="E8829" s="6" t="s">
        <v>9</v>
      </c>
      <c r="F8829" s="7">
        <v>38657</v>
      </c>
      <c r="G8829" s="8">
        <v>1</v>
      </c>
      <c r="H8829" s="8">
        <v>1</v>
      </c>
      <c r="I8829" s="8">
        <v>0</v>
      </c>
      <c r="J8829" s="8">
        <v>1</v>
      </c>
      <c r="K8829" s="9">
        <v>242</v>
      </c>
      <c r="L8829" s="6" t="s">
        <v>51</v>
      </c>
    </row>
    <row r="8830" spans="1:12">
      <c r="A8830" s="6" t="s">
        <v>49</v>
      </c>
      <c r="B8830" s="6"/>
      <c r="C8830" s="6" t="s">
        <v>8854</v>
      </c>
      <c r="D8830" s="6"/>
      <c r="E8830" s="6" t="s">
        <v>9</v>
      </c>
      <c r="F8830" s="7">
        <v>38657</v>
      </c>
      <c r="G8830" s="8">
        <v>1</v>
      </c>
      <c r="H8830" s="8">
        <v>1</v>
      </c>
      <c r="I8830" s="8">
        <v>0</v>
      </c>
      <c r="J8830" s="8">
        <v>1</v>
      </c>
      <c r="K8830" s="9">
        <v>99</v>
      </c>
      <c r="L8830" s="6" t="s">
        <v>51</v>
      </c>
    </row>
    <row r="8831" spans="1:12">
      <c r="A8831" s="6" t="s">
        <v>49</v>
      </c>
      <c r="B8831" s="6"/>
      <c r="C8831" s="6" t="s">
        <v>8855</v>
      </c>
      <c r="D8831" s="6"/>
      <c r="E8831" s="6" t="s">
        <v>9</v>
      </c>
      <c r="F8831" s="7">
        <v>38657</v>
      </c>
      <c r="G8831" s="8">
        <v>1</v>
      </c>
      <c r="H8831" s="8">
        <v>1</v>
      </c>
      <c r="I8831" s="8">
        <v>0</v>
      </c>
      <c r="J8831" s="8">
        <v>1</v>
      </c>
      <c r="K8831" s="9">
        <v>99</v>
      </c>
      <c r="L8831" s="6" t="s">
        <v>51</v>
      </c>
    </row>
    <row r="8832" spans="1:12">
      <c r="A8832" s="6" t="s">
        <v>49</v>
      </c>
      <c r="B8832" s="6"/>
      <c r="C8832" s="6" t="s">
        <v>8856</v>
      </c>
      <c r="D8832" s="6"/>
      <c r="E8832" s="6" t="s">
        <v>9</v>
      </c>
      <c r="F8832" s="7">
        <v>38657</v>
      </c>
      <c r="G8832" s="8">
        <v>1</v>
      </c>
      <c r="H8832" s="8">
        <v>1</v>
      </c>
      <c r="I8832" s="8">
        <v>0</v>
      </c>
      <c r="J8832" s="8">
        <v>1</v>
      </c>
      <c r="K8832" s="9">
        <v>17</v>
      </c>
      <c r="L8832" s="6" t="s">
        <v>51</v>
      </c>
    </row>
    <row r="8833" spans="1:12">
      <c r="A8833" s="6" t="s">
        <v>49</v>
      </c>
      <c r="B8833" s="6"/>
      <c r="C8833" s="6" t="s">
        <v>8857</v>
      </c>
      <c r="D8833" s="6"/>
      <c r="E8833" s="6" t="s">
        <v>9</v>
      </c>
      <c r="F8833" s="7">
        <v>38657</v>
      </c>
      <c r="G8833" s="8">
        <v>1</v>
      </c>
      <c r="H8833" s="8">
        <v>1</v>
      </c>
      <c r="I8833" s="8">
        <v>0</v>
      </c>
      <c r="J8833" s="8">
        <v>1</v>
      </c>
      <c r="K8833" s="9">
        <v>31</v>
      </c>
      <c r="L8833" s="6" t="s">
        <v>51</v>
      </c>
    </row>
    <row r="8834" spans="1:12">
      <c r="A8834" s="6" t="s">
        <v>49</v>
      </c>
      <c r="B8834" s="6"/>
      <c r="C8834" s="6" t="s">
        <v>8858</v>
      </c>
      <c r="D8834" s="6"/>
      <c r="E8834" s="6" t="s">
        <v>9</v>
      </c>
      <c r="F8834" s="7">
        <v>38657</v>
      </c>
      <c r="G8834" s="8">
        <v>1</v>
      </c>
      <c r="H8834" s="8">
        <v>1</v>
      </c>
      <c r="I8834" s="8">
        <v>0</v>
      </c>
      <c r="J8834" s="8">
        <v>1</v>
      </c>
      <c r="K8834" s="9">
        <v>32</v>
      </c>
      <c r="L8834" s="6" t="s">
        <v>51</v>
      </c>
    </row>
    <row r="8835" spans="1:12">
      <c r="A8835" s="6" t="s">
        <v>49</v>
      </c>
      <c r="B8835" s="6"/>
      <c r="C8835" s="6" t="s">
        <v>8859</v>
      </c>
      <c r="D8835" s="6"/>
      <c r="E8835" s="6" t="s">
        <v>9</v>
      </c>
      <c r="F8835" s="7">
        <v>38657</v>
      </c>
      <c r="G8835" s="8">
        <v>1</v>
      </c>
      <c r="H8835" s="8">
        <v>1</v>
      </c>
      <c r="I8835" s="8">
        <v>0</v>
      </c>
      <c r="J8835" s="8">
        <v>1</v>
      </c>
      <c r="K8835" s="9">
        <v>32</v>
      </c>
      <c r="L8835" s="6" t="s">
        <v>51</v>
      </c>
    </row>
    <row r="8836" spans="1:12">
      <c r="A8836" s="6" t="s">
        <v>49</v>
      </c>
      <c r="B8836" s="6"/>
      <c r="C8836" s="6" t="s">
        <v>8860</v>
      </c>
      <c r="D8836" s="6"/>
      <c r="E8836" s="6" t="s">
        <v>9</v>
      </c>
      <c r="F8836" s="7">
        <v>38657</v>
      </c>
      <c r="G8836" s="8">
        <v>1</v>
      </c>
      <c r="H8836" s="8">
        <v>1</v>
      </c>
      <c r="I8836" s="8">
        <v>0</v>
      </c>
      <c r="J8836" s="8">
        <v>1</v>
      </c>
      <c r="K8836" s="9">
        <v>30</v>
      </c>
      <c r="L8836" s="6" t="s">
        <v>51</v>
      </c>
    </row>
    <row r="8837" spans="1:12">
      <c r="A8837" s="6" t="s">
        <v>49</v>
      </c>
      <c r="B8837" s="6"/>
      <c r="C8837" s="6" t="s">
        <v>8861</v>
      </c>
      <c r="D8837" s="6"/>
      <c r="E8837" s="6" t="s">
        <v>9</v>
      </c>
      <c r="F8837" s="7">
        <v>38657</v>
      </c>
      <c r="G8837" s="8">
        <v>1</v>
      </c>
      <c r="H8837" s="8">
        <v>1</v>
      </c>
      <c r="I8837" s="8">
        <v>0</v>
      </c>
      <c r="J8837" s="8">
        <v>1</v>
      </c>
      <c r="K8837" s="9">
        <v>32</v>
      </c>
      <c r="L8837" s="6" t="s">
        <v>51</v>
      </c>
    </row>
    <row r="8838" spans="1:12">
      <c r="A8838" s="6" t="s">
        <v>49</v>
      </c>
      <c r="B8838" s="6"/>
      <c r="C8838" s="6" t="s">
        <v>8862</v>
      </c>
      <c r="D8838" s="6"/>
      <c r="E8838" s="6" t="s">
        <v>9</v>
      </c>
      <c r="F8838" s="7">
        <v>38657</v>
      </c>
      <c r="G8838" s="8">
        <v>1</v>
      </c>
      <c r="H8838" s="8">
        <v>1</v>
      </c>
      <c r="I8838" s="8">
        <v>0</v>
      </c>
      <c r="J8838" s="8">
        <v>1</v>
      </c>
      <c r="K8838" s="9">
        <v>32</v>
      </c>
      <c r="L8838" s="6" t="s">
        <v>51</v>
      </c>
    </row>
    <row r="8839" spans="1:12">
      <c r="A8839" s="6" t="s">
        <v>49</v>
      </c>
      <c r="B8839" s="6"/>
      <c r="C8839" s="6" t="s">
        <v>8863</v>
      </c>
      <c r="D8839" s="6"/>
      <c r="E8839" s="6" t="s">
        <v>9</v>
      </c>
      <c r="F8839" s="7">
        <v>38657</v>
      </c>
      <c r="G8839" s="8">
        <v>1</v>
      </c>
      <c r="H8839" s="8">
        <v>1</v>
      </c>
      <c r="I8839" s="8">
        <v>0</v>
      </c>
      <c r="J8839" s="8">
        <v>1</v>
      </c>
      <c r="K8839" s="9">
        <v>32</v>
      </c>
      <c r="L8839" s="6" t="s">
        <v>51</v>
      </c>
    </row>
    <row r="8840" spans="1:12">
      <c r="A8840" s="6" t="s">
        <v>49</v>
      </c>
      <c r="B8840" s="6"/>
      <c r="C8840" s="6" t="s">
        <v>8864</v>
      </c>
      <c r="D8840" s="6"/>
      <c r="E8840" s="6" t="s">
        <v>9</v>
      </c>
      <c r="F8840" s="7">
        <v>38657</v>
      </c>
      <c r="G8840" s="8">
        <v>1</v>
      </c>
      <c r="H8840" s="8">
        <v>1</v>
      </c>
      <c r="I8840" s="8">
        <v>0</v>
      </c>
      <c r="J8840" s="8">
        <v>1</v>
      </c>
      <c r="K8840" s="9">
        <v>32</v>
      </c>
      <c r="L8840" s="6" t="s">
        <v>51</v>
      </c>
    </row>
    <row r="8841" spans="1:12">
      <c r="A8841" s="6" t="s">
        <v>49</v>
      </c>
      <c r="B8841" s="6"/>
      <c r="C8841" s="6" t="s">
        <v>8865</v>
      </c>
      <c r="D8841" s="6"/>
      <c r="E8841" s="6" t="s">
        <v>9</v>
      </c>
      <c r="F8841" s="7">
        <v>38657</v>
      </c>
      <c r="G8841" s="8">
        <v>1</v>
      </c>
      <c r="H8841" s="8">
        <v>1</v>
      </c>
      <c r="I8841" s="8">
        <v>0</v>
      </c>
      <c r="J8841" s="8">
        <v>1</v>
      </c>
      <c r="K8841" s="9">
        <v>32</v>
      </c>
      <c r="L8841" s="6" t="s">
        <v>51</v>
      </c>
    </row>
    <row r="8842" spans="1:12">
      <c r="A8842" s="6" t="s">
        <v>49</v>
      </c>
      <c r="B8842" s="6"/>
      <c r="C8842" s="6" t="s">
        <v>8866</v>
      </c>
      <c r="D8842" s="6"/>
      <c r="E8842" s="6" t="s">
        <v>9</v>
      </c>
      <c r="F8842" s="7">
        <v>38657</v>
      </c>
      <c r="G8842" s="8">
        <v>1</v>
      </c>
      <c r="H8842" s="8">
        <v>1</v>
      </c>
      <c r="I8842" s="8">
        <v>0</v>
      </c>
      <c r="J8842" s="8">
        <v>1</v>
      </c>
      <c r="K8842" s="9">
        <v>99</v>
      </c>
      <c r="L8842" s="6" t="s">
        <v>51</v>
      </c>
    </row>
    <row r="8843" spans="1:12">
      <c r="A8843" s="6" t="s">
        <v>49</v>
      </c>
      <c r="B8843" s="6"/>
      <c r="C8843" s="6" t="s">
        <v>8867</v>
      </c>
      <c r="D8843" s="6"/>
      <c r="E8843" s="6" t="s">
        <v>9</v>
      </c>
      <c r="F8843" s="7">
        <v>38657</v>
      </c>
      <c r="G8843" s="8">
        <v>1</v>
      </c>
      <c r="H8843" s="8">
        <v>1</v>
      </c>
      <c r="I8843" s="8">
        <v>0</v>
      </c>
      <c r="J8843" s="8">
        <v>1</v>
      </c>
      <c r="K8843" s="9">
        <v>25</v>
      </c>
      <c r="L8843" s="6" t="s">
        <v>51</v>
      </c>
    </row>
    <row r="8844" spans="1:12">
      <c r="A8844" s="6" t="s">
        <v>49</v>
      </c>
      <c r="B8844" s="6"/>
      <c r="C8844" s="6" t="s">
        <v>8868</v>
      </c>
      <c r="D8844" s="6"/>
      <c r="E8844" s="6" t="s">
        <v>9</v>
      </c>
      <c r="F8844" s="7">
        <v>38657</v>
      </c>
      <c r="G8844" s="8">
        <v>1</v>
      </c>
      <c r="H8844" s="8">
        <v>1</v>
      </c>
      <c r="I8844" s="8">
        <v>0</v>
      </c>
      <c r="J8844" s="8">
        <v>1</v>
      </c>
      <c r="K8844" s="9">
        <v>48</v>
      </c>
      <c r="L8844" s="6" t="s">
        <v>51</v>
      </c>
    </row>
    <row r="8845" spans="1:12">
      <c r="A8845" s="6" t="s">
        <v>49</v>
      </c>
      <c r="B8845" s="6"/>
      <c r="C8845" s="6" t="s">
        <v>8869</v>
      </c>
      <c r="D8845" s="6"/>
      <c r="E8845" s="6" t="s">
        <v>9</v>
      </c>
      <c r="F8845" s="7">
        <v>38657</v>
      </c>
      <c r="G8845" s="8">
        <v>1</v>
      </c>
      <c r="H8845" s="8">
        <v>1</v>
      </c>
      <c r="I8845" s="8">
        <v>0</v>
      </c>
      <c r="J8845" s="8">
        <v>1</v>
      </c>
      <c r="K8845" s="9">
        <v>32</v>
      </c>
      <c r="L8845" s="6" t="s">
        <v>51</v>
      </c>
    </row>
    <row r="8846" spans="1:12">
      <c r="A8846" s="6" t="s">
        <v>49</v>
      </c>
      <c r="B8846" s="6"/>
      <c r="C8846" s="6" t="s">
        <v>8870</v>
      </c>
      <c r="D8846" s="6"/>
      <c r="E8846" s="6" t="s">
        <v>9</v>
      </c>
      <c r="F8846" s="7">
        <v>38657</v>
      </c>
      <c r="G8846" s="8">
        <v>1</v>
      </c>
      <c r="H8846" s="8">
        <v>1</v>
      </c>
      <c r="I8846" s="8">
        <v>0</v>
      </c>
      <c r="J8846" s="8">
        <v>1</v>
      </c>
      <c r="K8846" s="9">
        <v>48</v>
      </c>
      <c r="L8846" s="6" t="s">
        <v>51</v>
      </c>
    </row>
    <row r="8847" spans="1:12">
      <c r="A8847" s="6" t="s">
        <v>49</v>
      </c>
      <c r="B8847" s="6"/>
      <c r="C8847" s="6" t="s">
        <v>8871</v>
      </c>
      <c r="D8847" s="6"/>
      <c r="E8847" s="6" t="s">
        <v>9</v>
      </c>
      <c r="F8847" s="7">
        <v>40829</v>
      </c>
      <c r="G8847" s="8">
        <v>1</v>
      </c>
      <c r="H8847" s="8">
        <v>1</v>
      </c>
      <c r="I8847" s="8">
        <v>0</v>
      </c>
      <c r="J8847" s="8">
        <v>1</v>
      </c>
      <c r="K8847" s="9">
        <v>6.26</v>
      </c>
      <c r="L8847" s="6" t="s">
        <v>51</v>
      </c>
    </row>
    <row r="8848" spans="1:12">
      <c r="A8848" s="6" t="s">
        <v>49</v>
      </c>
      <c r="B8848" s="6"/>
      <c r="C8848" s="6" t="s">
        <v>8872</v>
      </c>
      <c r="D8848" s="6"/>
      <c r="E8848" s="6" t="s">
        <v>9</v>
      </c>
      <c r="F8848" s="7">
        <v>38657</v>
      </c>
      <c r="G8848" s="8">
        <v>1</v>
      </c>
      <c r="H8848" s="8">
        <v>1</v>
      </c>
      <c r="I8848" s="8">
        <v>0</v>
      </c>
      <c r="J8848" s="8">
        <v>1</v>
      </c>
      <c r="K8848" s="9">
        <v>32</v>
      </c>
      <c r="L8848" s="6" t="s">
        <v>51</v>
      </c>
    </row>
    <row r="8849" spans="1:12">
      <c r="A8849" s="6" t="s">
        <v>49</v>
      </c>
      <c r="B8849" s="6"/>
      <c r="C8849" s="6" t="s">
        <v>8873</v>
      </c>
      <c r="D8849" s="6"/>
      <c r="E8849" s="6" t="s">
        <v>9</v>
      </c>
      <c r="F8849" s="7">
        <v>38657</v>
      </c>
      <c r="G8849" s="8">
        <v>1</v>
      </c>
      <c r="H8849" s="8">
        <v>1</v>
      </c>
      <c r="I8849" s="8">
        <v>0</v>
      </c>
      <c r="J8849" s="8">
        <v>1</v>
      </c>
      <c r="K8849" s="9">
        <v>32</v>
      </c>
      <c r="L8849" s="6" t="s">
        <v>51</v>
      </c>
    </row>
    <row r="8850" spans="1:12">
      <c r="A8850" s="6" t="s">
        <v>49</v>
      </c>
      <c r="B8850" s="6"/>
      <c r="C8850" s="6" t="s">
        <v>8874</v>
      </c>
      <c r="D8850" s="6"/>
      <c r="E8850" s="6" t="s">
        <v>9</v>
      </c>
      <c r="F8850" s="7">
        <v>38657</v>
      </c>
      <c r="G8850" s="8">
        <v>1</v>
      </c>
      <c r="H8850" s="8">
        <v>1</v>
      </c>
      <c r="I8850" s="8">
        <v>0</v>
      </c>
      <c r="J8850" s="8">
        <v>1</v>
      </c>
      <c r="K8850" s="9">
        <v>32</v>
      </c>
      <c r="L8850" s="6" t="s">
        <v>51</v>
      </c>
    </row>
    <row r="8851" spans="1:12">
      <c r="A8851" s="6" t="s">
        <v>49</v>
      </c>
      <c r="B8851" s="6"/>
      <c r="C8851" s="6" t="s">
        <v>8875</v>
      </c>
      <c r="D8851" s="6"/>
      <c r="E8851" s="6" t="s">
        <v>9</v>
      </c>
      <c r="F8851" s="7">
        <v>38657</v>
      </c>
      <c r="G8851" s="8">
        <v>1</v>
      </c>
      <c r="H8851" s="8">
        <v>1</v>
      </c>
      <c r="I8851" s="8">
        <v>0</v>
      </c>
      <c r="J8851" s="8">
        <v>1</v>
      </c>
      <c r="K8851" s="9">
        <v>38</v>
      </c>
      <c r="L8851" s="6" t="s">
        <v>51</v>
      </c>
    </row>
    <row r="8852" spans="1:12">
      <c r="A8852" s="6" t="s">
        <v>49</v>
      </c>
      <c r="B8852" s="6"/>
      <c r="C8852" s="6" t="s">
        <v>8876</v>
      </c>
      <c r="D8852" s="6"/>
      <c r="E8852" s="6" t="s">
        <v>9</v>
      </c>
      <c r="F8852" s="7">
        <v>38657</v>
      </c>
      <c r="G8852" s="8">
        <v>1</v>
      </c>
      <c r="H8852" s="8">
        <v>1</v>
      </c>
      <c r="I8852" s="8">
        <v>0</v>
      </c>
      <c r="J8852" s="8">
        <v>1</v>
      </c>
      <c r="K8852" s="9">
        <v>17</v>
      </c>
      <c r="L8852" s="6" t="s">
        <v>51</v>
      </c>
    </row>
    <row r="8853" spans="1:12">
      <c r="A8853" s="6" t="s">
        <v>49</v>
      </c>
      <c r="B8853" s="6"/>
      <c r="C8853" s="6" t="s">
        <v>8877</v>
      </c>
      <c r="D8853" s="6"/>
      <c r="E8853" s="6" t="s">
        <v>9</v>
      </c>
      <c r="F8853" s="7">
        <v>38657</v>
      </c>
      <c r="G8853" s="8">
        <v>1</v>
      </c>
      <c r="H8853" s="8">
        <v>1</v>
      </c>
      <c r="I8853" s="8">
        <v>0</v>
      </c>
      <c r="J8853" s="8">
        <v>1</v>
      </c>
      <c r="K8853" s="9">
        <v>59</v>
      </c>
      <c r="L8853" s="6" t="s">
        <v>51</v>
      </c>
    </row>
    <row r="8854" spans="1:12">
      <c r="A8854" s="6" t="s">
        <v>49</v>
      </c>
      <c r="B8854" s="6"/>
      <c r="C8854" s="6" t="s">
        <v>8878</v>
      </c>
      <c r="D8854" s="6"/>
      <c r="E8854" s="6" t="s">
        <v>9</v>
      </c>
      <c r="F8854" s="7">
        <v>38657</v>
      </c>
      <c r="G8854" s="8">
        <v>1</v>
      </c>
      <c r="H8854" s="8">
        <v>1</v>
      </c>
      <c r="I8854" s="8">
        <v>0</v>
      </c>
      <c r="J8854" s="8">
        <v>1</v>
      </c>
      <c r="K8854" s="9">
        <v>39</v>
      </c>
      <c r="L8854" s="6" t="s">
        <v>51</v>
      </c>
    </row>
    <row r="8855" spans="1:12">
      <c r="A8855" s="6" t="s">
        <v>49</v>
      </c>
      <c r="B8855" s="6"/>
      <c r="C8855" s="6" t="s">
        <v>8879</v>
      </c>
      <c r="D8855" s="6"/>
      <c r="E8855" s="6" t="s">
        <v>9</v>
      </c>
      <c r="F8855" s="7">
        <v>38657</v>
      </c>
      <c r="G8855" s="8">
        <v>1</v>
      </c>
      <c r="H8855" s="8">
        <v>1</v>
      </c>
      <c r="I8855" s="8">
        <v>0</v>
      </c>
      <c r="J8855" s="8">
        <v>1</v>
      </c>
      <c r="K8855" s="9">
        <v>4.38</v>
      </c>
      <c r="L8855" s="6" t="s">
        <v>51</v>
      </c>
    </row>
    <row r="8856" spans="1:12">
      <c r="A8856" s="6" t="s">
        <v>49</v>
      </c>
      <c r="B8856" s="6"/>
      <c r="C8856" s="6" t="s">
        <v>8880</v>
      </c>
      <c r="D8856" s="6"/>
      <c r="E8856" s="6" t="s">
        <v>9</v>
      </c>
      <c r="F8856" s="7">
        <v>38657</v>
      </c>
      <c r="G8856" s="8">
        <v>1</v>
      </c>
      <c r="H8856" s="8">
        <v>1</v>
      </c>
      <c r="I8856" s="8">
        <v>0</v>
      </c>
      <c r="J8856" s="8">
        <v>1</v>
      </c>
      <c r="K8856" s="9">
        <v>14</v>
      </c>
      <c r="L8856" s="6" t="s">
        <v>51</v>
      </c>
    </row>
    <row r="8857" spans="1:12">
      <c r="A8857" s="6" t="s">
        <v>49</v>
      </c>
      <c r="B8857" s="6"/>
      <c r="C8857" s="6" t="s">
        <v>8881</v>
      </c>
      <c r="D8857" s="6"/>
      <c r="E8857" s="6" t="s">
        <v>9</v>
      </c>
      <c r="F8857" s="7">
        <v>38657</v>
      </c>
      <c r="G8857" s="8">
        <v>1</v>
      </c>
      <c r="H8857" s="8">
        <v>1</v>
      </c>
      <c r="I8857" s="8">
        <v>0</v>
      </c>
      <c r="J8857" s="8">
        <v>1</v>
      </c>
      <c r="K8857" s="9">
        <v>24</v>
      </c>
      <c r="L8857" s="6" t="s">
        <v>51</v>
      </c>
    </row>
    <row r="8858" spans="1:12">
      <c r="A8858" s="6" t="s">
        <v>49</v>
      </c>
      <c r="B8858" s="6"/>
      <c r="C8858" s="6" t="s">
        <v>8882</v>
      </c>
      <c r="D8858" s="6"/>
      <c r="E8858" s="6" t="s">
        <v>9</v>
      </c>
      <c r="F8858" s="7">
        <v>38657</v>
      </c>
      <c r="G8858" s="8">
        <v>1</v>
      </c>
      <c r="H8858" s="8">
        <v>1</v>
      </c>
      <c r="I8858" s="8">
        <v>0</v>
      </c>
      <c r="J8858" s="8">
        <v>1</v>
      </c>
      <c r="K8858" s="9">
        <v>32</v>
      </c>
      <c r="L8858" s="6" t="s">
        <v>51</v>
      </c>
    </row>
    <row r="8859" spans="1:12">
      <c r="A8859" s="6" t="s">
        <v>49</v>
      </c>
      <c r="B8859" s="6"/>
      <c r="C8859" s="6" t="s">
        <v>8883</v>
      </c>
      <c r="D8859" s="6"/>
      <c r="E8859" s="6" t="s">
        <v>9</v>
      </c>
      <c r="F8859" s="7">
        <v>38657</v>
      </c>
      <c r="G8859" s="8">
        <v>1</v>
      </c>
      <c r="H8859" s="8">
        <v>1</v>
      </c>
      <c r="I8859" s="8">
        <v>0</v>
      </c>
      <c r="J8859" s="8">
        <v>1</v>
      </c>
      <c r="K8859" s="9">
        <v>32</v>
      </c>
      <c r="L8859" s="6" t="s">
        <v>51</v>
      </c>
    </row>
    <row r="8860" spans="1:12">
      <c r="A8860" s="6" t="s">
        <v>49</v>
      </c>
      <c r="B8860" s="6"/>
      <c r="C8860" s="6" t="s">
        <v>8884</v>
      </c>
      <c r="D8860" s="6"/>
      <c r="E8860" s="6" t="s">
        <v>9</v>
      </c>
      <c r="F8860" s="7">
        <v>38657</v>
      </c>
      <c r="G8860" s="8">
        <v>1</v>
      </c>
      <c r="H8860" s="8">
        <v>1</v>
      </c>
      <c r="I8860" s="8">
        <v>0</v>
      </c>
      <c r="J8860" s="8">
        <v>1</v>
      </c>
      <c r="K8860" s="9">
        <v>32</v>
      </c>
      <c r="L8860" s="6" t="s">
        <v>51</v>
      </c>
    </row>
    <row r="8861" spans="1:12">
      <c r="A8861" s="6" t="s">
        <v>49</v>
      </c>
      <c r="B8861" s="6"/>
      <c r="C8861" s="6" t="s">
        <v>8885</v>
      </c>
      <c r="D8861" s="6"/>
      <c r="E8861" s="6" t="s">
        <v>9</v>
      </c>
      <c r="F8861" s="7">
        <v>38657</v>
      </c>
      <c r="G8861" s="8">
        <v>1</v>
      </c>
      <c r="H8861" s="8">
        <v>1</v>
      </c>
      <c r="I8861" s="8">
        <v>0</v>
      </c>
      <c r="J8861" s="8">
        <v>1</v>
      </c>
      <c r="K8861" s="9">
        <v>32</v>
      </c>
      <c r="L8861" s="6" t="s">
        <v>51</v>
      </c>
    </row>
    <row r="8862" spans="1:12">
      <c r="A8862" s="6" t="s">
        <v>49</v>
      </c>
      <c r="B8862" s="6"/>
      <c r="C8862" s="6" t="s">
        <v>8886</v>
      </c>
      <c r="D8862" s="6"/>
      <c r="E8862" s="6" t="s">
        <v>9</v>
      </c>
      <c r="F8862" s="7">
        <v>38657</v>
      </c>
      <c r="G8862" s="8">
        <v>1</v>
      </c>
      <c r="H8862" s="8">
        <v>1</v>
      </c>
      <c r="I8862" s="8">
        <v>0</v>
      </c>
      <c r="J8862" s="8">
        <v>1</v>
      </c>
      <c r="K8862" s="9">
        <v>25</v>
      </c>
      <c r="L8862" s="6" t="s">
        <v>51</v>
      </c>
    </row>
    <row r="8863" spans="1:12">
      <c r="A8863" s="6" t="s">
        <v>49</v>
      </c>
      <c r="B8863" s="6"/>
      <c r="C8863" s="6" t="s">
        <v>8887</v>
      </c>
      <c r="D8863" s="6"/>
      <c r="E8863" s="6" t="s">
        <v>9</v>
      </c>
      <c r="F8863" s="7">
        <v>38657</v>
      </c>
      <c r="G8863" s="8">
        <v>1</v>
      </c>
      <c r="H8863" s="8">
        <v>1</v>
      </c>
      <c r="I8863" s="8">
        <v>0</v>
      </c>
      <c r="J8863" s="8">
        <v>1</v>
      </c>
      <c r="K8863" s="9">
        <v>24</v>
      </c>
      <c r="L8863" s="6" t="s">
        <v>51</v>
      </c>
    </row>
    <row r="8864" spans="1:12">
      <c r="A8864" s="6" t="s">
        <v>49</v>
      </c>
      <c r="B8864" s="6"/>
      <c r="C8864" s="6" t="s">
        <v>8888</v>
      </c>
      <c r="D8864" s="6"/>
      <c r="E8864" s="6" t="s">
        <v>9</v>
      </c>
      <c r="F8864" s="7">
        <v>38657</v>
      </c>
      <c r="G8864" s="8">
        <v>1</v>
      </c>
      <c r="H8864" s="8">
        <v>1</v>
      </c>
      <c r="I8864" s="8">
        <v>0</v>
      </c>
      <c r="J8864" s="8">
        <v>1</v>
      </c>
      <c r="K8864" s="9">
        <v>39</v>
      </c>
      <c r="L8864" s="6" t="s">
        <v>51</v>
      </c>
    </row>
    <row r="8865" spans="1:12">
      <c r="A8865" s="6" t="s">
        <v>49</v>
      </c>
      <c r="B8865" s="6"/>
      <c r="C8865" s="6" t="s">
        <v>8889</v>
      </c>
      <c r="D8865" s="6"/>
      <c r="E8865" s="6" t="s">
        <v>9</v>
      </c>
      <c r="F8865" s="7">
        <v>38657</v>
      </c>
      <c r="G8865" s="8">
        <v>1</v>
      </c>
      <c r="H8865" s="8">
        <v>1</v>
      </c>
      <c r="I8865" s="8">
        <v>0</v>
      </c>
      <c r="J8865" s="8">
        <v>1</v>
      </c>
      <c r="K8865" s="9">
        <v>8.76</v>
      </c>
      <c r="L8865" s="6" t="s">
        <v>51</v>
      </c>
    </row>
    <row r="8866" spans="1:12">
      <c r="A8866" s="6" t="s">
        <v>49</v>
      </c>
      <c r="B8866" s="6"/>
      <c r="C8866" s="6" t="s">
        <v>8890</v>
      </c>
      <c r="D8866" s="6"/>
      <c r="E8866" s="6" t="s">
        <v>9</v>
      </c>
      <c r="F8866" s="7">
        <v>38657</v>
      </c>
      <c r="G8866" s="8">
        <v>1</v>
      </c>
      <c r="H8866" s="8">
        <v>1</v>
      </c>
      <c r="I8866" s="8">
        <v>0</v>
      </c>
      <c r="J8866" s="8">
        <v>1</v>
      </c>
      <c r="K8866" s="9">
        <v>9.3000000000000007</v>
      </c>
      <c r="L8866" s="6" t="s">
        <v>51</v>
      </c>
    </row>
    <row r="8867" spans="1:12">
      <c r="A8867" s="6" t="s">
        <v>49</v>
      </c>
      <c r="B8867" s="6"/>
      <c r="C8867" s="6" t="s">
        <v>8891</v>
      </c>
      <c r="D8867" s="6"/>
      <c r="E8867" s="6" t="s">
        <v>9</v>
      </c>
      <c r="F8867" s="7">
        <v>38657</v>
      </c>
      <c r="G8867" s="8">
        <v>1</v>
      </c>
      <c r="H8867" s="8">
        <v>1</v>
      </c>
      <c r="I8867" s="8">
        <v>0</v>
      </c>
      <c r="J8867" s="8">
        <v>1</v>
      </c>
      <c r="K8867" s="9">
        <v>23</v>
      </c>
      <c r="L8867" s="6" t="s">
        <v>51</v>
      </c>
    </row>
    <row r="8868" spans="1:12">
      <c r="A8868" s="6" t="s">
        <v>49</v>
      </c>
      <c r="B8868" s="6"/>
      <c r="C8868" s="6" t="s">
        <v>8892</v>
      </c>
      <c r="D8868" s="6"/>
      <c r="E8868" s="6" t="s">
        <v>9</v>
      </c>
      <c r="F8868" s="7">
        <v>38657</v>
      </c>
      <c r="G8868" s="8">
        <v>1</v>
      </c>
      <c r="H8868" s="8">
        <v>1</v>
      </c>
      <c r="I8868" s="8">
        <v>0</v>
      </c>
      <c r="J8868" s="8">
        <v>1</v>
      </c>
      <c r="K8868" s="9">
        <v>32</v>
      </c>
      <c r="L8868" s="6" t="s">
        <v>51</v>
      </c>
    </row>
    <row r="8869" spans="1:12">
      <c r="A8869" s="6" t="s">
        <v>49</v>
      </c>
      <c r="B8869" s="6"/>
      <c r="C8869" s="6" t="s">
        <v>8893</v>
      </c>
      <c r="D8869" s="6"/>
      <c r="E8869" s="6" t="s">
        <v>9</v>
      </c>
      <c r="F8869" s="7">
        <v>38657</v>
      </c>
      <c r="G8869" s="8">
        <v>1</v>
      </c>
      <c r="H8869" s="8">
        <v>1</v>
      </c>
      <c r="I8869" s="8">
        <v>0</v>
      </c>
      <c r="J8869" s="8">
        <v>1</v>
      </c>
      <c r="K8869" s="9">
        <v>32</v>
      </c>
      <c r="L8869" s="6" t="s">
        <v>51</v>
      </c>
    </row>
    <row r="8870" spans="1:12">
      <c r="A8870" s="6" t="s">
        <v>49</v>
      </c>
      <c r="B8870" s="6"/>
      <c r="C8870" s="6" t="s">
        <v>8894</v>
      </c>
      <c r="D8870" s="6"/>
      <c r="E8870" s="6" t="s">
        <v>9</v>
      </c>
      <c r="F8870" s="7">
        <v>38657</v>
      </c>
      <c r="G8870" s="8">
        <v>1</v>
      </c>
      <c r="H8870" s="8">
        <v>1</v>
      </c>
      <c r="I8870" s="8">
        <v>0</v>
      </c>
      <c r="J8870" s="8">
        <v>1</v>
      </c>
      <c r="K8870" s="9">
        <v>32</v>
      </c>
      <c r="L8870" s="6" t="s">
        <v>51</v>
      </c>
    </row>
    <row r="8871" spans="1:12">
      <c r="A8871" s="6" t="s">
        <v>49</v>
      </c>
      <c r="B8871" s="6"/>
      <c r="C8871" s="6" t="s">
        <v>8895</v>
      </c>
      <c r="D8871" s="6"/>
      <c r="E8871" s="6" t="s">
        <v>9</v>
      </c>
      <c r="F8871" s="7">
        <v>38657</v>
      </c>
      <c r="G8871" s="8">
        <v>1</v>
      </c>
      <c r="H8871" s="8">
        <v>1</v>
      </c>
      <c r="I8871" s="8">
        <v>0</v>
      </c>
      <c r="J8871" s="8">
        <v>1</v>
      </c>
      <c r="K8871" s="9">
        <v>32</v>
      </c>
      <c r="L8871" s="6" t="s">
        <v>51</v>
      </c>
    </row>
    <row r="8872" spans="1:12">
      <c r="A8872" s="6" t="s">
        <v>49</v>
      </c>
      <c r="B8872" s="6"/>
      <c r="C8872" s="6" t="s">
        <v>8896</v>
      </c>
      <c r="D8872" s="6"/>
      <c r="E8872" s="6" t="s">
        <v>9</v>
      </c>
      <c r="F8872" s="7">
        <v>38657</v>
      </c>
      <c r="G8872" s="8">
        <v>1</v>
      </c>
      <c r="H8872" s="8">
        <v>1</v>
      </c>
      <c r="I8872" s="8">
        <v>0</v>
      </c>
      <c r="J8872" s="8">
        <v>1</v>
      </c>
      <c r="K8872" s="9">
        <v>32</v>
      </c>
      <c r="L8872" s="6" t="s">
        <v>51</v>
      </c>
    </row>
    <row r="8873" spans="1:12">
      <c r="A8873" s="6" t="s">
        <v>49</v>
      </c>
      <c r="B8873" s="6"/>
      <c r="C8873" s="6" t="s">
        <v>8897</v>
      </c>
      <c r="D8873" s="6"/>
      <c r="E8873" s="6" t="s">
        <v>9</v>
      </c>
      <c r="F8873" s="7">
        <v>38657</v>
      </c>
      <c r="G8873" s="8">
        <v>1</v>
      </c>
      <c r="H8873" s="8">
        <v>1</v>
      </c>
      <c r="I8873" s="8">
        <v>0</v>
      </c>
      <c r="J8873" s="8">
        <v>1</v>
      </c>
      <c r="K8873" s="9">
        <v>64</v>
      </c>
      <c r="L8873" s="6" t="s">
        <v>51</v>
      </c>
    </row>
    <row r="8874" spans="1:12">
      <c r="A8874" s="6" t="s">
        <v>49</v>
      </c>
      <c r="B8874" s="6"/>
      <c r="C8874" s="6" t="s">
        <v>8898</v>
      </c>
      <c r="D8874" s="6"/>
      <c r="E8874" s="6" t="s">
        <v>9</v>
      </c>
      <c r="F8874" s="7">
        <v>38657</v>
      </c>
      <c r="G8874" s="8">
        <v>1</v>
      </c>
      <c r="H8874" s="8">
        <v>1</v>
      </c>
      <c r="I8874" s="8">
        <v>0</v>
      </c>
      <c r="J8874" s="8">
        <v>1</v>
      </c>
      <c r="K8874" s="9">
        <v>31</v>
      </c>
      <c r="L8874" s="6" t="s">
        <v>51</v>
      </c>
    </row>
    <row r="8875" spans="1:12">
      <c r="A8875" s="6" t="s">
        <v>49</v>
      </c>
      <c r="B8875" s="6"/>
      <c r="C8875" s="6" t="s">
        <v>8899</v>
      </c>
      <c r="D8875" s="6"/>
      <c r="E8875" s="6" t="s">
        <v>9</v>
      </c>
      <c r="F8875" s="7">
        <v>38657</v>
      </c>
      <c r="G8875" s="8">
        <v>1</v>
      </c>
      <c r="H8875" s="8">
        <v>1</v>
      </c>
      <c r="I8875" s="8">
        <v>0</v>
      </c>
      <c r="J8875" s="8">
        <v>1</v>
      </c>
      <c r="K8875" s="9">
        <v>99</v>
      </c>
      <c r="L8875" s="6" t="s">
        <v>51</v>
      </c>
    </row>
    <row r="8876" spans="1:12">
      <c r="A8876" s="6" t="s">
        <v>49</v>
      </c>
      <c r="B8876" s="6"/>
      <c r="C8876" s="6" t="s">
        <v>8900</v>
      </c>
      <c r="D8876" s="6"/>
      <c r="E8876" s="6" t="s">
        <v>9</v>
      </c>
      <c r="F8876" s="7">
        <v>38657</v>
      </c>
      <c r="G8876" s="8">
        <v>1</v>
      </c>
      <c r="H8876" s="8">
        <v>1</v>
      </c>
      <c r="I8876" s="8">
        <v>0</v>
      </c>
      <c r="J8876" s="8">
        <v>1</v>
      </c>
      <c r="K8876" s="9">
        <v>465</v>
      </c>
      <c r="L8876" s="6" t="s">
        <v>51</v>
      </c>
    </row>
    <row r="8877" spans="1:12">
      <c r="A8877" s="6" t="s">
        <v>49</v>
      </c>
      <c r="B8877" s="6"/>
      <c r="C8877" s="6" t="s">
        <v>8901</v>
      </c>
      <c r="D8877" s="6"/>
      <c r="E8877" s="6" t="s">
        <v>9</v>
      </c>
      <c r="F8877" s="7">
        <v>38657</v>
      </c>
      <c r="G8877" s="8">
        <v>1</v>
      </c>
      <c r="H8877" s="8">
        <v>1</v>
      </c>
      <c r="I8877" s="8">
        <v>0</v>
      </c>
      <c r="J8877" s="8">
        <v>1</v>
      </c>
      <c r="K8877" s="9">
        <v>14</v>
      </c>
      <c r="L8877" s="6" t="s">
        <v>51</v>
      </c>
    </row>
    <row r="8878" spans="1:12">
      <c r="A8878" s="6" t="s">
        <v>49</v>
      </c>
      <c r="B8878" s="6"/>
      <c r="C8878" s="6" t="s">
        <v>8902</v>
      </c>
      <c r="D8878" s="6"/>
      <c r="E8878" s="6" t="s">
        <v>9</v>
      </c>
      <c r="F8878" s="7">
        <v>38657</v>
      </c>
      <c r="G8878" s="8">
        <v>1</v>
      </c>
      <c r="H8878" s="8">
        <v>1</v>
      </c>
      <c r="I8878" s="8">
        <v>0</v>
      </c>
      <c r="J8878" s="8">
        <v>1</v>
      </c>
      <c r="K8878" s="9">
        <v>372</v>
      </c>
      <c r="L8878" s="6" t="s">
        <v>51</v>
      </c>
    </row>
    <row r="8879" spans="1:12">
      <c r="A8879" s="6" t="s">
        <v>49</v>
      </c>
      <c r="B8879" s="6"/>
      <c r="C8879" s="6" t="s">
        <v>8903</v>
      </c>
      <c r="D8879" s="6"/>
      <c r="E8879" s="6" t="s">
        <v>9</v>
      </c>
      <c r="F8879" s="7">
        <v>38657</v>
      </c>
      <c r="G8879" s="8">
        <v>1</v>
      </c>
      <c r="H8879" s="8">
        <v>1</v>
      </c>
      <c r="I8879" s="8">
        <v>0</v>
      </c>
      <c r="J8879" s="8">
        <v>1</v>
      </c>
      <c r="K8879" s="9">
        <v>199</v>
      </c>
      <c r="L8879" s="6" t="s">
        <v>51</v>
      </c>
    </row>
    <row r="8880" spans="1:12">
      <c r="A8880" s="6" t="s">
        <v>49</v>
      </c>
      <c r="B8880" s="6"/>
      <c r="C8880" s="6" t="s">
        <v>8904</v>
      </c>
      <c r="D8880" s="6"/>
      <c r="E8880" s="6" t="s">
        <v>9</v>
      </c>
      <c r="F8880" s="7">
        <v>38657</v>
      </c>
      <c r="G8880" s="8">
        <v>1</v>
      </c>
      <c r="H8880" s="8">
        <v>1</v>
      </c>
      <c r="I8880" s="8">
        <v>0</v>
      </c>
      <c r="J8880" s="8">
        <v>1</v>
      </c>
      <c r="K8880" s="9">
        <v>32</v>
      </c>
      <c r="L8880" s="6" t="s">
        <v>51</v>
      </c>
    </row>
    <row r="8881" spans="1:12">
      <c r="A8881" s="6" t="s">
        <v>49</v>
      </c>
      <c r="B8881" s="6"/>
      <c r="C8881" s="6" t="s">
        <v>8905</v>
      </c>
      <c r="D8881" s="6"/>
      <c r="E8881" s="6" t="s">
        <v>9</v>
      </c>
      <c r="F8881" s="7">
        <v>38657</v>
      </c>
      <c r="G8881" s="8">
        <v>1</v>
      </c>
      <c r="H8881" s="8">
        <v>1</v>
      </c>
      <c r="I8881" s="8">
        <v>0</v>
      </c>
      <c r="J8881" s="8">
        <v>1</v>
      </c>
      <c r="K8881" s="9">
        <v>1.9</v>
      </c>
      <c r="L8881" s="6" t="s">
        <v>51</v>
      </c>
    </row>
    <row r="8882" spans="1:12">
      <c r="A8882" s="6" t="s">
        <v>49</v>
      </c>
      <c r="B8882" s="6"/>
      <c r="C8882" s="6" t="s">
        <v>8906</v>
      </c>
      <c r="D8882" s="6"/>
      <c r="E8882" s="6" t="s">
        <v>9</v>
      </c>
      <c r="F8882" s="7">
        <v>38657</v>
      </c>
      <c r="G8882" s="8">
        <v>1</v>
      </c>
      <c r="H8882" s="8">
        <v>1</v>
      </c>
      <c r="I8882" s="8">
        <v>0</v>
      </c>
      <c r="J8882" s="8">
        <v>1</v>
      </c>
      <c r="K8882" s="9">
        <v>1014</v>
      </c>
      <c r="L8882" s="6" t="s">
        <v>51</v>
      </c>
    </row>
    <row r="8883" spans="1:12">
      <c r="A8883" s="6" t="s">
        <v>49</v>
      </c>
      <c r="B8883" s="6"/>
      <c r="C8883" s="6" t="s">
        <v>8907</v>
      </c>
      <c r="D8883" s="6"/>
      <c r="E8883" s="6" t="s">
        <v>9</v>
      </c>
      <c r="F8883" s="7">
        <v>38657</v>
      </c>
      <c r="G8883" s="8">
        <v>1</v>
      </c>
      <c r="H8883" s="8">
        <v>1</v>
      </c>
      <c r="I8883" s="8">
        <v>0</v>
      </c>
      <c r="J8883" s="8">
        <v>1</v>
      </c>
      <c r="K8883" s="9">
        <v>27</v>
      </c>
      <c r="L8883" s="6" t="s">
        <v>51</v>
      </c>
    </row>
    <row r="8884" spans="1:12">
      <c r="A8884" s="6" t="s">
        <v>49</v>
      </c>
      <c r="B8884" s="6"/>
      <c r="C8884" s="6" t="s">
        <v>8908</v>
      </c>
      <c r="D8884" s="6"/>
      <c r="E8884" s="6" t="s">
        <v>9</v>
      </c>
      <c r="F8884" s="7">
        <v>38657</v>
      </c>
      <c r="G8884" s="8">
        <v>1</v>
      </c>
      <c r="H8884" s="8">
        <v>1</v>
      </c>
      <c r="I8884" s="8">
        <v>0</v>
      </c>
      <c r="J8884" s="8">
        <v>1</v>
      </c>
      <c r="K8884" s="9">
        <v>6.24</v>
      </c>
      <c r="L8884" s="6" t="s">
        <v>51</v>
      </c>
    </row>
    <row r="8885" spans="1:12">
      <c r="A8885" s="6" t="s">
        <v>49</v>
      </c>
      <c r="B8885" s="6"/>
      <c r="C8885" s="6" t="s">
        <v>8909</v>
      </c>
      <c r="D8885" s="6"/>
      <c r="E8885" s="6" t="s">
        <v>9</v>
      </c>
      <c r="F8885" s="7">
        <v>38657</v>
      </c>
      <c r="G8885" s="8">
        <v>1</v>
      </c>
      <c r="H8885" s="8">
        <v>1</v>
      </c>
      <c r="I8885" s="8">
        <v>0</v>
      </c>
      <c r="J8885" s="8">
        <v>1</v>
      </c>
      <c r="K8885" s="9">
        <v>6.23</v>
      </c>
      <c r="L8885" s="6" t="s">
        <v>51</v>
      </c>
    </row>
    <row r="8886" spans="1:12">
      <c r="A8886" s="6" t="s">
        <v>49</v>
      </c>
      <c r="B8886" s="6"/>
      <c r="C8886" s="6" t="s">
        <v>8910</v>
      </c>
      <c r="D8886" s="6"/>
      <c r="E8886" s="6" t="s">
        <v>9</v>
      </c>
      <c r="F8886" s="7">
        <v>38657</v>
      </c>
      <c r="G8886" s="8">
        <v>1</v>
      </c>
      <c r="H8886" s="8">
        <v>1</v>
      </c>
      <c r="I8886" s="8">
        <v>0</v>
      </c>
      <c r="J8886" s="8">
        <v>1</v>
      </c>
      <c r="K8886" s="9">
        <v>135</v>
      </c>
      <c r="L8886" s="6" t="s">
        <v>51</v>
      </c>
    </row>
    <row r="8887" spans="1:12">
      <c r="A8887" s="6" t="s">
        <v>49</v>
      </c>
      <c r="B8887" s="6"/>
      <c r="C8887" s="6" t="s">
        <v>8911</v>
      </c>
      <c r="D8887" s="6"/>
      <c r="E8887" s="6" t="s">
        <v>9</v>
      </c>
      <c r="F8887" s="7">
        <v>38657</v>
      </c>
      <c r="G8887" s="8">
        <v>1</v>
      </c>
      <c r="H8887" s="8">
        <v>1</v>
      </c>
      <c r="I8887" s="8">
        <v>0</v>
      </c>
      <c r="J8887" s="8">
        <v>1</v>
      </c>
      <c r="K8887" s="9">
        <v>151</v>
      </c>
      <c r="L8887" s="6" t="s">
        <v>51</v>
      </c>
    </row>
    <row r="8888" spans="1:12">
      <c r="A8888" s="6" t="s">
        <v>49</v>
      </c>
      <c r="B8888" s="6"/>
      <c r="C8888" s="6" t="s">
        <v>8912</v>
      </c>
      <c r="D8888" s="6"/>
      <c r="E8888" s="6" t="s">
        <v>9</v>
      </c>
      <c r="F8888" s="7">
        <v>38657</v>
      </c>
      <c r="G8888" s="8">
        <v>1</v>
      </c>
      <c r="H8888" s="8">
        <v>1</v>
      </c>
      <c r="I8888" s="8">
        <v>0</v>
      </c>
      <c r="J8888" s="8">
        <v>1</v>
      </c>
      <c r="K8888" s="9">
        <v>462</v>
      </c>
      <c r="L8888" s="6" t="s">
        <v>51</v>
      </c>
    </row>
    <row r="8889" spans="1:12">
      <c r="A8889" s="6" t="s">
        <v>49</v>
      </c>
      <c r="B8889" s="6"/>
      <c r="C8889" s="6" t="s">
        <v>8913</v>
      </c>
      <c r="D8889" s="6"/>
      <c r="E8889" s="6" t="s">
        <v>9</v>
      </c>
      <c r="F8889" s="7">
        <v>38657</v>
      </c>
      <c r="G8889" s="8">
        <v>1</v>
      </c>
      <c r="H8889" s="8">
        <v>1</v>
      </c>
      <c r="I8889" s="8">
        <v>0</v>
      </c>
      <c r="J8889" s="8">
        <v>1</v>
      </c>
      <c r="K8889" s="9">
        <v>438</v>
      </c>
      <c r="L8889" s="6" t="s">
        <v>51</v>
      </c>
    </row>
    <row r="8890" spans="1:12">
      <c r="A8890" s="6" t="s">
        <v>49</v>
      </c>
      <c r="B8890" s="6"/>
      <c r="C8890" s="6" t="s">
        <v>8914</v>
      </c>
      <c r="D8890" s="6"/>
      <c r="E8890" s="6" t="s">
        <v>9</v>
      </c>
      <c r="F8890" s="7">
        <v>38657</v>
      </c>
      <c r="G8890" s="8">
        <v>1</v>
      </c>
      <c r="H8890" s="8">
        <v>1</v>
      </c>
      <c r="I8890" s="8">
        <v>0</v>
      </c>
      <c r="J8890" s="8">
        <v>1</v>
      </c>
      <c r="K8890" s="9">
        <v>0.52</v>
      </c>
      <c r="L8890" s="6" t="s">
        <v>51</v>
      </c>
    </row>
    <row r="8891" spans="1:12">
      <c r="A8891" s="6" t="s">
        <v>49</v>
      </c>
      <c r="B8891" s="6"/>
      <c r="C8891" s="6" t="s">
        <v>8915</v>
      </c>
      <c r="D8891" s="6"/>
      <c r="E8891" s="6" t="s">
        <v>9</v>
      </c>
      <c r="F8891" s="7">
        <v>38657</v>
      </c>
      <c r="G8891" s="8">
        <v>1</v>
      </c>
      <c r="H8891" s="8">
        <v>1</v>
      </c>
      <c r="I8891" s="8">
        <v>0</v>
      </c>
      <c r="J8891" s="8">
        <v>1</v>
      </c>
      <c r="K8891" s="9">
        <v>75</v>
      </c>
      <c r="L8891" s="6" t="s">
        <v>51</v>
      </c>
    </row>
    <row r="8892" spans="1:12">
      <c r="A8892" s="6" t="s">
        <v>49</v>
      </c>
      <c r="B8892" s="6"/>
      <c r="C8892" s="6" t="s">
        <v>8916</v>
      </c>
      <c r="D8892" s="6"/>
      <c r="E8892" s="6" t="s">
        <v>9</v>
      </c>
      <c r="F8892" s="7">
        <v>38657</v>
      </c>
      <c r="G8892" s="8">
        <v>1</v>
      </c>
      <c r="H8892" s="8">
        <v>1</v>
      </c>
      <c r="I8892" s="8">
        <v>0</v>
      </c>
      <c r="J8892" s="8">
        <v>1</v>
      </c>
      <c r="K8892" s="9">
        <v>641</v>
      </c>
      <c r="L8892" s="6" t="s">
        <v>51</v>
      </c>
    </row>
    <row r="8893" spans="1:12">
      <c r="A8893" s="6" t="s">
        <v>49</v>
      </c>
      <c r="B8893" s="6"/>
      <c r="C8893" s="6" t="s">
        <v>8917</v>
      </c>
      <c r="D8893" s="6"/>
      <c r="E8893" s="6" t="s">
        <v>9</v>
      </c>
      <c r="F8893" s="7">
        <v>38657</v>
      </c>
      <c r="G8893" s="8">
        <v>1</v>
      </c>
      <c r="H8893" s="8">
        <v>1</v>
      </c>
      <c r="I8893" s="8">
        <v>0</v>
      </c>
      <c r="J8893" s="8">
        <v>1</v>
      </c>
      <c r="K8893" s="9">
        <v>172</v>
      </c>
      <c r="L8893" s="6" t="s">
        <v>51</v>
      </c>
    </row>
    <row r="8894" spans="1:12">
      <c r="A8894" s="6" t="s">
        <v>49</v>
      </c>
      <c r="B8894" s="6"/>
      <c r="C8894" s="6" t="s">
        <v>8918</v>
      </c>
      <c r="D8894" s="6"/>
      <c r="E8894" s="6" t="s">
        <v>9</v>
      </c>
      <c r="F8894" s="7">
        <v>38657</v>
      </c>
      <c r="G8894" s="8">
        <v>1</v>
      </c>
      <c r="H8894" s="8">
        <v>1</v>
      </c>
      <c r="I8894" s="8">
        <v>0</v>
      </c>
      <c r="J8894" s="8">
        <v>1</v>
      </c>
      <c r="K8894" s="9">
        <v>221</v>
      </c>
      <c r="L8894" s="6" t="s">
        <v>51</v>
      </c>
    </row>
    <row r="8895" spans="1:12">
      <c r="A8895" s="6" t="s">
        <v>49</v>
      </c>
      <c r="B8895" s="6"/>
      <c r="C8895" s="6" t="s">
        <v>8919</v>
      </c>
      <c r="D8895" s="6"/>
      <c r="E8895" s="6" t="s">
        <v>9</v>
      </c>
      <c r="F8895" s="7">
        <v>38657</v>
      </c>
      <c r="G8895" s="8">
        <v>1</v>
      </c>
      <c r="H8895" s="8">
        <v>1</v>
      </c>
      <c r="I8895" s="8">
        <v>0</v>
      </c>
      <c r="J8895" s="8">
        <v>1</v>
      </c>
      <c r="K8895" s="9">
        <v>264</v>
      </c>
      <c r="L8895" s="6" t="s">
        <v>51</v>
      </c>
    </row>
    <row r="8896" spans="1:12">
      <c r="A8896" s="6" t="s">
        <v>49</v>
      </c>
      <c r="B8896" s="6"/>
      <c r="C8896" s="6" t="s">
        <v>8920</v>
      </c>
      <c r="D8896" s="6"/>
      <c r="E8896" s="6" t="s">
        <v>9</v>
      </c>
      <c r="F8896" s="7">
        <v>38657</v>
      </c>
      <c r="G8896" s="8">
        <v>1</v>
      </c>
      <c r="H8896" s="8">
        <v>1</v>
      </c>
      <c r="I8896" s="8">
        <v>0</v>
      </c>
      <c r="J8896" s="8">
        <v>1</v>
      </c>
      <c r="K8896" s="9">
        <v>100.49</v>
      </c>
      <c r="L8896" s="6" t="s">
        <v>51</v>
      </c>
    </row>
    <row r="8897" spans="1:12">
      <c r="A8897" s="6" t="s">
        <v>49</v>
      </c>
      <c r="B8897" s="6"/>
      <c r="C8897" s="6" t="s">
        <v>8921</v>
      </c>
      <c r="D8897" s="6"/>
      <c r="E8897" s="6" t="s">
        <v>9</v>
      </c>
      <c r="F8897" s="7">
        <v>38657</v>
      </c>
      <c r="G8897" s="8">
        <v>1</v>
      </c>
      <c r="H8897" s="8">
        <v>1</v>
      </c>
      <c r="I8897" s="8">
        <v>0</v>
      </c>
      <c r="J8897" s="8">
        <v>1</v>
      </c>
      <c r="K8897" s="9">
        <v>105</v>
      </c>
      <c r="L8897" s="6" t="s">
        <v>51</v>
      </c>
    </row>
    <row r="8898" spans="1:12">
      <c r="A8898" s="6" t="s">
        <v>49</v>
      </c>
      <c r="B8898" s="6"/>
      <c r="C8898" s="6" t="s">
        <v>8922</v>
      </c>
      <c r="D8898" s="6"/>
      <c r="E8898" s="6" t="s">
        <v>9</v>
      </c>
      <c r="F8898" s="7">
        <v>38657</v>
      </c>
      <c r="G8898" s="8">
        <v>1</v>
      </c>
      <c r="H8898" s="8">
        <v>1</v>
      </c>
      <c r="I8898" s="8">
        <v>0</v>
      </c>
      <c r="J8898" s="8">
        <v>1</v>
      </c>
      <c r="K8898" s="9">
        <v>319.41000000000003</v>
      </c>
      <c r="L8898" s="6" t="s">
        <v>51</v>
      </c>
    </row>
    <row r="8899" spans="1:12">
      <c r="A8899" s="6" t="s">
        <v>49</v>
      </c>
      <c r="B8899" s="6"/>
      <c r="C8899" s="6" t="s">
        <v>8923</v>
      </c>
      <c r="D8899" s="6"/>
      <c r="E8899" s="6" t="s">
        <v>9</v>
      </c>
      <c r="F8899" s="7">
        <v>38657</v>
      </c>
      <c r="G8899" s="8">
        <v>1</v>
      </c>
      <c r="H8899" s="8">
        <v>1</v>
      </c>
      <c r="I8899" s="8">
        <v>0</v>
      </c>
      <c r="J8899" s="8">
        <v>1</v>
      </c>
      <c r="K8899" s="9">
        <v>12</v>
      </c>
      <c r="L8899" s="6" t="s">
        <v>51</v>
      </c>
    </row>
    <row r="8900" spans="1:12">
      <c r="A8900" s="6" t="s">
        <v>49</v>
      </c>
      <c r="B8900" s="6"/>
      <c r="C8900" s="6" t="s">
        <v>8924</v>
      </c>
      <c r="D8900" s="6"/>
      <c r="E8900" s="6" t="s">
        <v>9</v>
      </c>
      <c r="F8900" s="7">
        <v>38657</v>
      </c>
      <c r="G8900" s="8">
        <v>1</v>
      </c>
      <c r="H8900" s="8">
        <v>1</v>
      </c>
      <c r="I8900" s="8">
        <v>0</v>
      </c>
      <c r="J8900" s="8">
        <v>1</v>
      </c>
      <c r="K8900" s="9">
        <v>366</v>
      </c>
      <c r="L8900" s="6" t="s">
        <v>51</v>
      </c>
    </row>
    <row r="8901" spans="1:12">
      <c r="A8901" s="6" t="s">
        <v>49</v>
      </c>
      <c r="B8901" s="6"/>
      <c r="C8901" s="6" t="s">
        <v>8925</v>
      </c>
      <c r="D8901" s="6"/>
      <c r="E8901" s="6" t="s">
        <v>9</v>
      </c>
      <c r="F8901" s="7">
        <v>38657</v>
      </c>
      <c r="G8901" s="8">
        <v>1</v>
      </c>
      <c r="H8901" s="8">
        <v>1</v>
      </c>
      <c r="I8901" s="8">
        <v>0</v>
      </c>
      <c r="J8901" s="8">
        <v>1</v>
      </c>
      <c r="K8901" s="9">
        <v>345</v>
      </c>
      <c r="L8901" s="6" t="s">
        <v>51</v>
      </c>
    </row>
    <row r="8902" spans="1:12">
      <c r="A8902" s="6" t="s">
        <v>49</v>
      </c>
      <c r="B8902" s="6"/>
      <c r="C8902" s="6" t="s">
        <v>8926</v>
      </c>
      <c r="D8902" s="6"/>
      <c r="E8902" s="6" t="s">
        <v>9</v>
      </c>
      <c r="F8902" s="7">
        <v>38657</v>
      </c>
      <c r="G8902" s="8">
        <v>1</v>
      </c>
      <c r="H8902" s="8">
        <v>1</v>
      </c>
      <c r="I8902" s="8">
        <v>0</v>
      </c>
      <c r="J8902" s="8">
        <v>1</v>
      </c>
      <c r="K8902" s="9">
        <v>24</v>
      </c>
      <c r="L8902" s="6" t="s">
        <v>51</v>
      </c>
    </row>
    <row r="8903" spans="1:12">
      <c r="A8903" s="6" t="s">
        <v>49</v>
      </c>
      <c r="B8903" s="6"/>
      <c r="C8903" s="6" t="s">
        <v>8927</v>
      </c>
      <c r="D8903" s="6"/>
      <c r="E8903" s="6" t="s">
        <v>9</v>
      </c>
      <c r="F8903" s="7">
        <v>38657</v>
      </c>
      <c r="G8903" s="8">
        <v>1</v>
      </c>
      <c r="H8903" s="8">
        <v>1</v>
      </c>
      <c r="I8903" s="8">
        <v>0</v>
      </c>
      <c r="J8903" s="8">
        <v>1</v>
      </c>
      <c r="K8903" s="9">
        <v>464</v>
      </c>
      <c r="L8903" s="6" t="s">
        <v>51</v>
      </c>
    </row>
    <row r="8904" spans="1:12">
      <c r="A8904" s="6" t="s">
        <v>49</v>
      </c>
      <c r="B8904" s="6"/>
      <c r="C8904" s="6" t="s">
        <v>8928</v>
      </c>
      <c r="D8904" s="6"/>
      <c r="E8904" s="6" t="s">
        <v>9</v>
      </c>
      <c r="F8904" s="7">
        <v>38657</v>
      </c>
      <c r="G8904" s="8">
        <v>1</v>
      </c>
      <c r="H8904" s="8">
        <v>1</v>
      </c>
      <c r="I8904" s="8">
        <v>0</v>
      </c>
      <c r="J8904" s="8">
        <v>1</v>
      </c>
      <c r="K8904" s="9">
        <v>14</v>
      </c>
      <c r="L8904" s="6" t="s">
        <v>51</v>
      </c>
    </row>
    <row r="8905" spans="1:12">
      <c r="A8905" s="6" t="s">
        <v>49</v>
      </c>
      <c r="B8905" s="6"/>
      <c r="C8905" s="6" t="s">
        <v>8929</v>
      </c>
      <c r="D8905" s="6"/>
      <c r="E8905" s="6" t="s">
        <v>9</v>
      </c>
      <c r="F8905" s="7">
        <v>38657</v>
      </c>
      <c r="G8905" s="8">
        <v>1</v>
      </c>
      <c r="H8905" s="8">
        <v>1</v>
      </c>
      <c r="I8905" s="8">
        <v>0</v>
      </c>
      <c r="J8905" s="8">
        <v>1</v>
      </c>
      <c r="K8905" s="9">
        <v>306</v>
      </c>
      <c r="L8905" s="6" t="s">
        <v>51</v>
      </c>
    </row>
    <row r="8906" spans="1:12">
      <c r="A8906" s="6" t="s">
        <v>49</v>
      </c>
      <c r="B8906" s="6"/>
      <c r="C8906" s="6" t="s">
        <v>8930</v>
      </c>
      <c r="D8906" s="6"/>
      <c r="E8906" s="6" t="s">
        <v>9</v>
      </c>
      <c r="F8906" s="7">
        <v>38657</v>
      </c>
      <c r="G8906" s="8">
        <v>1</v>
      </c>
      <c r="H8906" s="8">
        <v>1</v>
      </c>
      <c r="I8906" s="8">
        <v>0</v>
      </c>
      <c r="J8906" s="8">
        <v>1</v>
      </c>
      <c r="K8906" s="9">
        <v>242</v>
      </c>
      <c r="L8906" s="6" t="s">
        <v>51</v>
      </c>
    </row>
    <row r="8907" spans="1:12">
      <c r="A8907" s="6" t="s">
        <v>49</v>
      </c>
      <c r="B8907" s="6"/>
      <c r="C8907" s="6" t="s">
        <v>8931</v>
      </c>
      <c r="D8907" s="6"/>
      <c r="E8907" s="6" t="s">
        <v>9</v>
      </c>
      <c r="F8907" s="7">
        <v>38657</v>
      </c>
      <c r="G8907" s="8">
        <v>1</v>
      </c>
      <c r="H8907" s="8">
        <v>1</v>
      </c>
      <c r="I8907" s="8">
        <v>0</v>
      </c>
      <c r="J8907" s="8">
        <v>1</v>
      </c>
      <c r="K8907" s="9">
        <v>1.1200000000000001</v>
      </c>
      <c r="L8907" s="6" t="s">
        <v>51</v>
      </c>
    </row>
    <row r="8908" spans="1:12">
      <c r="A8908" s="6" t="s">
        <v>49</v>
      </c>
      <c r="B8908" s="6"/>
      <c r="C8908" s="6" t="s">
        <v>8932</v>
      </c>
      <c r="D8908" s="6"/>
      <c r="E8908" s="6" t="s">
        <v>9</v>
      </c>
      <c r="F8908" s="7">
        <v>38657</v>
      </c>
      <c r="G8908" s="8">
        <v>1</v>
      </c>
      <c r="H8908" s="8">
        <v>1</v>
      </c>
      <c r="I8908" s="8">
        <v>0</v>
      </c>
      <c r="J8908" s="8">
        <v>1</v>
      </c>
      <c r="K8908" s="9">
        <v>119</v>
      </c>
      <c r="L8908" s="6" t="s">
        <v>51</v>
      </c>
    </row>
    <row r="8909" spans="1:12">
      <c r="A8909" s="6" t="s">
        <v>49</v>
      </c>
      <c r="B8909" s="6"/>
      <c r="C8909" s="6" t="s">
        <v>8933</v>
      </c>
      <c r="D8909" s="6"/>
      <c r="E8909" s="6" t="s">
        <v>9</v>
      </c>
      <c r="F8909" s="7">
        <v>38657</v>
      </c>
      <c r="G8909" s="8">
        <v>1</v>
      </c>
      <c r="H8909" s="8">
        <v>1</v>
      </c>
      <c r="I8909" s="8">
        <v>0</v>
      </c>
      <c r="J8909" s="8">
        <v>1</v>
      </c>
      <c r="K8909" s="9">
        <v>147</v>
      </c>
      <c r="L8909" s="6" t="s">
        <v>51</v>
      </c>
    </row>
    <row r="8910" spans="1:12">
      <c r="A8910" s="6" t="s">
        <v>49</v>
      </c>
      <c r="B8910" s="6"/>
      <c r="C8910" s="6" t="s">
        <v>8934</v>
      </c>
      <c r="D8910" s="6"/>
      <c r="E8910" s="6" t="s">
        <v>9</v>
      </c>
      <c r="F8910" s="7">
        <v>38657</v>
      </c>
      <c r="G8910" s="8">
        <v>1</v>
      </c>
      <c r="H8910" s="8">
        <v>1</v>
      </c>
      <c r="I8910" s="8">
        <v>0</v>
      </c>
      <c r="J8910" s="8">
        <v>1</v>
      </c>
      <c r="K8910" s="9">
        <v>6.91</v>
      </c>
      <c r="L8910" s="6" t="s">
        <v>51</v>
      </c>
    </row>
    <row r="8911" spans="1:12">
      <c r="A8911" s="6" t="s">
        <v>49</v>
      </c>
      <c r="B8911" s="6"/>
      <c r="C8911" s="6" t="s">
        <v>8935</v>
      </c>
      <c r="D8911" s="6"/>
      <c r="E8911" s="6" t="s">
        <v>9</v>
      </c>
      <c r="F8911" s="7">
        <v>38657</v>
      </c>
      <c r="G8911" s="8">
        <v>1</v>
      </c>
      <c r="H8911" s="8">
        <v>1</v>
      </c>
      <c r="I8911" s="8">
        <v>0</v>
      </c>
      <c r="J8911" s="8">
        <v>1</v>
      </c>
      <c r="K8911" s="9">
        <v>5.72</v>
      </c>
      <c r="L8911" s="6" t="s">
        <v>51</v>
      </c>
    </row>
    <row r="8912" spans="1:12">
      <c r="A8912" s="6" t="s">
        <v>49</v>
      </c>
      <c r="B8912" s="6"/>
      <c r="C8912" s="6" t="s">
        <v>8936</v>
      </c>
      <c r="D8912" s="6"/>
      <c r="E8912" s="6" t="s">
        <v>9</v>
      </c>
      <c r="F8912" s="7">
        <v>38657</v>
      </c>
      <c r="G8912" s="8">
        <v>1</v>
      </c>
      <c r="H8912" s="8">
        <v>1</v>
      </c>
      <c r="I8912" s="8">
        <v>0</v>
      </c>
      <c r="J8912" s="8">
        <v>1</v>
      </c>
      <c r="K8912" s="9">
        <v>823</v>
      </c>
      <c r="L8912" s="6" t="s">
        <v>51</v>
      </c>
    </row>
    <row r="8913" spans="1:12">
      <c r="A8913" s="6" t="s">
        <v>49</v>
      </c>
      <c r="B8913" s="6"/>
      <c r="C8913" s="6" t="s">
        <v>8937</v>
      </c>
      <c r="D8913" s="6"/>
      <c r="E8913" s="6" t="s">
        <v>9</v>
      </c>
      <c r="F8913" s="7">
        <v>38657</v>
      </c>
      <c r="G8913" s="8">
        <v>1</v>
      </c>
      <c r="H8913" s="8">
        <v>1</v>
      </c>
      <c r="I8913" s="8">
        <v>0</v>
      </c>
      <c r="J8913" s="8">
        <v>1</v>
      </c>
      <c r="K8913" s="9">
        <v>0.97</v>
      </c>
      <c r="L8913" s="6" t="s">
        <v>51</v>
      </c>
    </row>
    <row r="8914" spans="1:12">
      <c r="A8914" s="6" t="s">
        <v>49</v>
      </c>
      <c r="B8914" s="6"/>
      <c r="C8914" s="6" t="s">
        <v>8938</v>
      </c>
      <c r="D8914" s="6"/>
      <c r="E8914" s="6" t="s">
        <v>9</v>
      </c>
      <c r="F8914" s="7">
        <v>38657</v>
      </c>
      <c r="G8914" s="8">
        <v>1</v>
      </c>
      <c r="H8914" s="8">
        <v>1</v>
      </c>
      <c r="I8914" s="8">
        <v>0</v>
      </c>
      <c r="J8914" s="8">
        <v>1</v>
      </c>
      <c r="K8914" s="9">
        <v>16</v>
      </c>
      <c r="L8914" s="6" t="s">
        <v>51</v>
      </c>
    </row>
    <row r="8915" spans="1:12">
      <c r="A8915" s="6" t="s">
        <v>49</v>
      </c>
      <c r="B8915" s="6"/>
      <c r="C8915" s="6" t="s">
        <v>8939</v>
      </c>
      <c r="D8915" s="6"/>
      <c r="E8915" s="6" t="s">
        <v>9</v>
      </c>
      <c r="F8915" s="7">
        <v>38657</v>
      </c>
      <c r="G8915" s="8">
        <v>1</v>
      </c>
      <c r="H8915" s="8">
        <v>1</v>
      </c>
      <c r="I8915" s="8">
        <v>0</v>
      </c>
      <c r="J8915" s="8">
        <v>1</v>
      </c>
      <c r="K8915" s="9">
        <v>77.91</v>
      </c>
      <c r="L8915" s="6" t="s">
        <v>51</v>
      </c>
    </row>
    <row r="8916" spans="1:12">
      <c r="A8916" s="6" t="s">
        <v>49</v>
      </c>
      <c r="B8916" s="6"/>
      <c r="C8916" s="6" t="s">
        <v>8940</v>
      </c>
      <c r="D8916" s="6"/>
      <c r="E8916" s="6" t="s">
        <v>9</v>
      </c>
      <c r="F8916" s="7">
        <v>38657</v>
      </c>
      <c r="G8916" s="8">
        <v>1</v>
      </c>
      <c r="H8916" s="8">
        <v>1</v>
      </c>
      <c r="I8916" s="8">
        <v>0</v>
      </c>
      <c r="J8916" s="8">
        <v>1</v>
      </c>
      <c r="K8916" s="9">
        <v>99</v>
      </c>
      <c r="L8916" s="6" t="s">
        <v>51</v>
      </c>
    </row>
    <row r="8917" spans="1:12">
      <c r="A8917" s="6" t="s">
        <v>49</v>
      </c>
      <c r="B8917" s="6"/>
      <c r="C8917" s="6" t="s">
        <v>8941</v>
      </c>
      <c r="D8917" s="6"/>
      <c r="E8917" s="6" t="s">
        <v>9</v>
      </c>
      <c r="F8917" s="7">
        <v>38657</v>
      </c>
      <c r="G8917" s="8">
        <v>1</v>
      </c>
      <c r="H8917" s="8">
        <v>1</v>
      </c>
      <c r="I8917" s="8">
        <v>0</v>
      </c>
      <c r="J8917" s="8">
        <v>1</v>
      </c>
      <c r="K8917" s="9">
        <v>28</v>
      </c>
      <c r="L8917" s="6" t="s">
        <v>51</v>
      </c>
    </row>
    <row r="8918" spans="1:12">
      <c r="A8918" s="6" t="s">
        <v>49</v>
      </c>
      <c r="B8918" s="6"/>
      <c r="C8918" s="6" t="s">
        <v>8942</v>
      </c>
      <c r="D8918" s="6"/>
      <c r="E8918" s="6" t="s">
        <v>9</v>
      </c>
      <c r="F8918" s="7">
        <v>38657</v>
      </c>
      <c r="G8918" s="8">
        <v>1</v>
      </c>
      <c r="H8918" s="8">
        <v>1</v>
      </c>
      <c r="I8918" s="8">
        <v>0</v>
      </c>
      <c r="J8918" s="8">
        <v>1</v>
      </c>
      <c r="K8918" s="9">
        <v>93</v>
      </c>
      <c r="L8918" s="6" t="s">
        <v>51</v>
      </c>
    </row>
    <row r="8919" spans="1:12">
      <c r="A8919" s="6" t="s">
        <v>49</v>
      </c>
      <c r="B8919" s="6"/>
      <c r="C8919" s="6" t="s">
        <v>8943</v>
      </c>
      <c r="D8919" s="6"/>
      <c r="E8919" s="6" t="s">
        <v>9</v>
      </c>
      <c r="F8919" s="7">
        <v>38657</v>
      </c>
      <c r="G8919" s="8">
        <v>1</v>
      </c>
      <c r="H8919" s="8">
        <v>1</v>
      </c>
      <c r="I8919" s="8">
        <v>0</v>
      </c>
      <c r="J8919" s="8">
        <v>1</v>
      </c>
      <c r="K8919" s="9">
        <v>19</v>
      </c>
      <c r="L8919" s="6" t="s">
        <v>51</v>
      </c>
    </row>
    <row r="8920" spans="1:12">
      <c r="A8920" s="6" t="s">
        <v>49</v>
      </c>
      <c r="B8920" s="6"/>
      <c r="C8920" s="6" t="s">
        <v>8944</v>
      </c>
      <c r="D8920" s="6"/>
      <c r="E8920" s="6" t="s">
        <v>9</v>
      </c>
      <c r="F8920" s="7">
        <v>38657</v>
      </c>
      <c r="G8920" s="8">
        <v>1</v>
      </c>
      <c r="H8920" s="8">
        <v>1</v>
      </c>
      <c r="I8920" s="8">
        <v>0</v>
      </c>
      <c r="J8920" s="8">
        <v>1</v>
      </c>
      <c r="K8920" s="9">
        <v>897</v>
      </c>
      <c r="L8920" s="6" t="s">
        <v>51</v>
      </c>
    </row>
    <row r="8921" spans="1:12">
      <c r="A8921" s="6" t="s">
        <v>49</v>
      </c>
      <c r="B8921" s="6"/>
      <c r="C8921" s="6" t="s">
        <v>8945</v>
      </c>
      <c r="D8921" s="6"/>
      <c r="E8921" s="6" t="s">
        <v>9</v>
      </c>
      <c r="F8921" s="7">
        <v>38657</v>
      </c>
      <c r="G8921" s="8">
        <v>1</v>
      </c>
      <c r="H8921" s="8">
        <v>1</v>
      </c>
      <c r="I8921" s="8">
        <v>0</v>
      </c>
      <c r="J8921" s="8">
        <v>1</v>
      </c>
      <c r="K8921" s="9">
        <v>95</v>
      </c>
      <c r="L8921" s="6" t="s">
        <v>51</v>
      </c>
    </row>
    <row r="8922" spans="1:12">
      <c r="A8922" s="6" t="s">
        <v>49</v>
      </c>
      <c r="B8922" s="6"/>
      <c r="C8922" s="6" t="s">
        <v>8946</v>
      </c>
      <c r="D8922" s="6"/>
      <c r="E8922" s="6" t="s">
        <v>9</v>
      </c>
      <c r="F8922" s="7">
        <v>38657</v>
      </c>
      <c r="G8922" s="8">
        <v>1</v>
      </c>
      <c r="H8922" s="8">
        <v>1</v>
      </c>
      <c r="I8922" s="8">
        <v>0</v>
      </c>
      <c r="J8922" s="8">
        <v>1</v>
      </c>
      <c r="K8922" s="9">
        <v>21</v>
      </c>
      <c r="L8922" s="6" t="s">
        <v>51</v>
      </c>
    </row>
    <row r="8923" spans="1:12">
      <c r="A8923" s="6" t="s">
        <v>49</v>
      </c>
      <c r="B8923" s="6"/>
      <c r="C8923" s="6" t="s">
        <v>8947</v>
      </c>
      <c r="D8923" s="6"/>
      <c r="E8923" s="6" t="s">
        <v>9</v>
      </c>
      <c r="F8923" s="7">
        <v>38657</v>
      </c>
      <c r="G8923" s="8">
        <v>1</v>
      </c>
      <c r="H8923" s="8">
        <v>1</v>
      </c>
      <c r="I8923" s="8">
        <v>0</v>
      </c>
      <c r="J8923" s="8">
        <v>1</v>
      </c>
      <c r="K8923" s="9">
        <v>37</v>
      </c>
      <c r="L8923" s="6" t="s">
        <v>51</v>
      </c>
    </row>
    <row r="8924" spans="1:12">
      <c r="A8924" s="6" t="s">
        <v>49</v>
      </c>
      <c r="B8924" s="6"/>
      <c r="C8924" s="6" t="s">
        <v>8948</v>
      </c>
      <c r="D8924" s="6"/>
      <c r="E8924" s="6" t="s">
        <v>9</v>
      </c>
      <c r="F8924" s="7">
        <v>38657</v>
      </c>
      <c r="G8924" s="8">
        <v>1</v>
      </c>
      <c r="H8924" s="8">
        <v>1</v>
      </c>
      <c r="I8924" s="8">
        <v>0</v>
      </c>
      <c r="J8924" s="8">
        <v>1</v>
      </c>
      <c r="K8924" s="9">
        <v>321</v>
      </c>
      <c r="L8924" s="6" t="s">
        <v>51</v>
      </c>
    </row>
    <row r="8925" spans="1:12">
      <c r="A8925" s="6" t="s">
        <v>49</v>
      </c>
      <c r="B8925" s="6"/>
      <c r="C8925" s="6" t="s">
        <v>8949</v>
      </c>
      <c r="D8925" s="6"/>
      <c r="E8925" s="6" t="s">
        <v>9</v>
      </c>
      <c r="F8925" s="7">
        <v>38657</v>
      </c>
      <c r="G8925" s="8">
        <v>1</v>
      </c>
      <c r="H8925" s="8">
        <v>1</v>
      </c>
      <c r="I8925" s="8">
        <v>0</v>
      </c>
      <c r="J8925" s="8">
        <v>1</v>
      </c>
      <c r="K8925" s="9">
        <v>521</v>
      </c>
      <c r="L8925" s="6" t="s">
        <v>51</v>
      </c>
    </row>
    <row r="8926" spans="1:12">
      <c r="A8926" s="6" t="s">
        <v>49</v>
      </c>
      <c r="B8926" s="6"/>
      <c r="C8926" s="6" t="s">
        <v>8950</v>
      </c>
      <c r="D8926" s="6"/>
      <c r="E8926" s="6" t="s">
        <v>9</v>
      </c>
      <c r="F8926" s="7">
        <v>38657</v>
      </c>
      <c r="G8926" s="8">
        <v>1</v>
      </c>
      <c r="H8926" s="8">
        <v>1</v>
      </c>
      <c r="I8926" s="8">
        <v>0</v>
      </c>
      <c r="J8926" s="8">
        <v>1</v>
      </c>
      <c r="K8926" s="9">
        <v>7.0000000000000007E-2</v>
      </c>
      <c r="L8926" s="6" t="s">
        <v>51</v>
      </c>
    </row>
    <row r="8927" spans="1:12">
      <c r="A8927" s="6" t="s">
        <v>49</v>
      </c>
      <c r="B8927" s="6"/>
      <c r="C8927" s="6" t="s">
        <v>8951</v>
      </c>
      <c r="D8927" s="6"/>
      <c r="E8927" s="6" t="s">
        <v>9</v>
      </c>
      <c r="F8927" s="7">
        <v>38657</v>
      </c>
      <c r="G8927" s="8">
        <v>1</v>
      </c>
      <c r="H8927" s="8">
        <v>1</v>
      </c>
      <c r="I8927" s="8">
        <v>0</v>
      </c>
      <c r="J8927" s="8">
        <v>1</v>
      </c>
      <c r="K8927" s="9">
        <v>402</v>
      </c>
      <c r="L8927" s="6" t="s">
        <v>51</v>
      </c>
    </row>
    <row r="8928" spans="1:12">
      <c r="A8928" s="6" t="s">
        <v>49</v>
      </c>
      <c r="B8928" s="6"/>
      <c r="C8928" s="6" t="s">
        <v>8952</v>
      </c>
      <c r="D8928" s="6"/>
      <c r="E8928" s="6" t="s">
        <v>9</v>
      </c>
      <c r="F8928" s="7">
        <v>38657</v>
      </c>
      <c r="G8928" s="8">
        <v>1</v>
      </c>
      <c r="H8928" s="8">
        <v>1</v>
      </c>
      <c r="I8928" s="8">
        <v>0</v>
      </c>
      <c r="J8928" s="8">
        <v>1</v>
      </c>
      <c r="K8928" s="9">
        <v>412</v>
      </c>
      <c r="L8928" s="6" t="s">
        <v>51</v>
      </c>
    </row>
    <row r="8929" spans="1:12">
      <c r="A8929" s="6" t="s">
        <v>49</v>
      </c>
      <c r="B8929" s="6"/>
      <c r="C8929" s="6" t="s">
        <v>8953</v>
      </c>
      <c r="D8929" s="6"/>
      <c r="E8929" s="6" t="s">
        <v>9</v>
      </c>
      <c r="F8929" s="7">
        <v>38657</v>
      </c>
      <c r="G8929" s="8">
        <v>1</v>
      </c>
      <c r="H8929" s="8">
        <v>1</v>
      </c>
      <c r="I8929" s="8">
        <v>0</v>
      </c>
      <c r="J8929" s="8">
        <v>1</v>
      </c>
      <c r="K8929" s="9">
        <v>43</v>
      </c>
      <c r="L8929" s="6" t="s">
        <v>51</v>
      </c>
    </row>
    <row r="8930" spans="1:12">
      <c r="A8930" s="6" t="s">
        <v>49</v>
      </c>
      <c r="B8930" s="6"/>
      <c r="C8930" s="6" t="s">
        <v>8954</v>
      </c>
      <c r="D8930" s="6"/>
      <c r="E8930" s="6" t="s">
        <v>9</v>
      </c>
      <c r="F8930" s="7">
        <v>38657</v>
      </c>
      <c r="G8930" s="8">
        <v>1</v>
      </c>
      <c r="H8930" s="8">
        <v>1</v>
      </c>
      <c r="I8930" s="8">
        <v>0</v>
      </c>
      <c r="J8930" s="8">
        <v>1</v>
      </c>
      <c r="K8930" s="9">
        <v>25</v>
      </c>
      <c r="L8930" s="6" t="s">
        <v>51</v>
      </c>
    </row>
    <row r="8931" spans="1:12">
      <c r="A8931" s="6" t="s">
        <v>49</v>
      </c>
      <c r="B8931" s="6"/>
      <c r="C8931" s="6" t="s">
        <v>8955</v>
      </c>
      <c r="D8931" s="6"/>
      <c r="E8931" s="6" t="s">
        <v>9</v>
      </c>
      <c r="F8931" s="7">
        <v>38657</v>
      </c>
      <c r="G8931" s="8">
        <v>1</v>
      </c>
      <c r="H8931" s="8">
        <v>1</v>
      </c>
      <c r="I8931" s="8">
        <v>0</v>
      </c>
      <c r="J8931" s="8">
        <v>1</v>
      </c>
      <c r="K8931" s="9">
        <v>6.3</v>
      </c>
      <c r="L8931" s="6" t="s">
        <v>51</v>
      </c>
    </row>
    <row r="8932" spans="1:12">
      <c r="A8932" s="6" t="s">
        <v>49</v>
      </c>
      <c r="B8932" s="6"/>
      <c r="C8932" s="6" t="s">
        <v>8956</v>
      </c>
      <c r="D8932" s="6"/>
      <c r="E8932" s="6" t="s">
        <v>9</v>
      </c>
      <c r="F8932" s="7">
        <v>38657</v>
      </c>
      <c r="G8932" s="8">
        <v>1</v>
      </c>
      <c r="H8932" s="8">
        <v>1</v>
      </c>
      <c r="I8932" s="8">
        <v>0</v>
      </c>
      <c r="J8932" s="8">
        <v>1</v>
      </c>
      <c r="K8932" s="9">
        <v>9.94</v>
      </c>
      <c r="L8932" s="6" t="s">
        <v>51</v>
      </c>
    </row>
    <row r="8933" spans="1:12">
      <c r="A8933" s="6" t="s">
        <v>49</v>
      </c>
      <c r="B8933" s="6"/>
      <c r="C8933" s="6" t="s">
        <v>8957</v>
      </c>
      <c r="D8933" s="6"/>
      <c r="E8933" s="6" t="s">
        <v>9</v>
      </c>
      <c r="F8933" s="7">
        <v>38657</v>
      </c>
      <c r="G8933" s="8">
        <v>1</v>
      </c>
      <c r="H8933" s="8">
        <v>1</v>
      </c>
      <c r="I8933" s="8">
        <v>0</v>
      </c>
      <c r="J8933" s="8">
        <v>1</v>
      </c>
      <c r="K8933" s="9">
        <v>10</v>
      </c>
      <c r="L8933" s="6" t="s">
        <v>51</v>
      </c>
    </row>
    <row r="8934" spans="1:12">
      <c r="A8934" s="6" t="s">
        <v>49</v>
      </c>
      <c r="B8934" s="6"/>
      <c r="C8934" s="6" t="s">
        <v>8958</v>
      </c>
      <c r="D8934" s="6"/>
      <c r="E8934" s="6" t="s">
        <v>9</v>
      </c>
      <c r="F8934" s="7">
        <v>38657</v>
      </c>
      <c r="G8934" s="8">
        <v>1</v>
      </c>
      <c r="H8934" s="8">
        <v>1</v>
      </c>
      <c r="I8934" s="8">
        <v>0</v>
      </c>
      <c r="J8934" s="8">
        <v>1</v>
      </c>
      <c r="K8934" s="9">
        <v>358</v>
      </c>
      <c r="L8934" s="6" t="s">
        <v>51</v>
      </c>
    </row>
    <row r="8935" spans="1:12">
      <c r="A8935" s="6" t="s">
        <v>49</v>
      </c>
      <c r="B8935" s="6"/>
      <c r="C8935" s="6" t="s">
        <v>8959</v>
      </c>
      <c r="D8935" s="6"/>
      <c r="E8935" s="6" t="s">
        <v>9</v>
      </c>
      <c r="F8935" s="7">
        <v>38657</v>
      </c>
      <c r="G8935" s="8">
        <v>1</v>
      </c>
      <c r="H8935" s="8">
        <v>1</v>
      </c>
      <c r="I8935" s="8">
        <v>0</v>
      </c>
      <c r="J8935" s="8">
        <v>1</v>
      </c>
      <c r="K8935" s="9">
        <v>7.93</v>
      </c>
      <c r="L8935" s="6" t="s">
        <v>51</v>
      </c>
    </row>
    <row r="8936" spans="1:12">
      <c r="A8936" s="6" t="s">
        <v>49</v>
      </c>
      <c r="B8936" s="6"/>
      <c r="C8936" s="6" t="s">
        <v>8960</v>
      </c>
      <c r="D8936" s="6"/>
      <c r="E8936" s="6" t="s">
        <v>9</v>
      </c>
      <c r="F8936" s="7">
        <v>38657</v>
      </c>
      <c r="G8936" s="8">
        <v>1</v>
      </c>
      <c r="H8936" s="8">
        <v>1</v>
      </c>
      <c r="I8936" s="8">
        <v>0</v>
      </c>
      <c r="J8936" s="8">
        <v>1</v>
      </c>
      <c r="K8936" s="9">
        <v>1.71</v>
      </c>
      <c r="L8936" s="6" t="s">
        <v>51</v>
      </c>
    </row>
    <row r="8937" spans="1:12">
      <c r="A8937" s="6" t="s">
        <v>49</v>
      </c>
      <c r="B8937" s="6"/>
      <c r="C8937" s="6" t="s">
        <v>8961</v>
      </c>
      <c r="D8937" s="6"/>
      <c r="E8937" s="6" t="s">
        <v>9</v>
      </c>
      <c r="F8937" s="7">
        <v>38657</v>
      </c>
      <c r="G8937" s="8">
        <v>1</v>
      </c>
      <c r="H8937" s="8">
        <v>1</v>
      </c>
      <c r="I8937" s="8">
        <v>0</v>
      </c>
      <c r="J8937" s="8">
        <v>1</v>
      </c>
      <c r="K8937" s="9">
        <v>2.59</v>
      </c>
      <c r="L8937" s="6" t="s">
        <v>51</v>
      </c>
    </row>
    <row r="8938" spans="1:12">
      <c r="A8938" s="6" t="s">
        <v>49</v>
      </c>
      <c r="B8938" s="6"/>
      <c r="C8938" s="6" t="s">
        <v>8962</v>
      </c>
      <c r="D8938" s="6"/>
      <c r="E8938" s="6" t="s">
        <v>9</v>
      </c>
      <c r="F8938" s="7">
        <v>38657</v>
      </c>
      <c r="G8938" s="8">
        <v>1</v>
      </c>
      <c r="H8938" s="8">
        <v>1</v>
      </c>
      <c r="I8938" s="8">
        <v>0</v>
      </c>
      <c r="J8938" s="8">
        <v>1</v>
      </c>
      <c r="K8938" s="9">
        <v>5.93</v>
      </c>
      <c r="L8938" s="6" t="s">
        <v>51</v>
      </c>
    </row>
    <row r="8939" spans="1:12">
      <c r="A8939" s="6" t="s">
        <v>49</v>
      </c>
      <c r="B8939" s="6"/>
      <c r="C8939" s="6" t="s">
        <v>8963</v>
      </c>
      <c r="D8939" s="6"/>
      <c r="E8939" s="6" t="s">
        <v>9</v>
      </c>
      <c r="F8939" s="7">
        <v>38657</v>
      </c>
      <c r="G8939" s="8">
        <v>1</v>
      </c>
      <c r="H8939" s="8">
        <v>1</v>
      </c>
      <c r="I8939" s="8">
        <v>0</v>
      </c>
      <c r="J8939" s="8">
        <v>1</v>
      </c>
      <c r="K8939" s="9">
        <v>3.42</v>
      </c>
      <c r="L8939" s="6" t="s">
        <v>51</v>
      </c>
    </row>
    <row r="8940" spans="1:12">
      <c r="A8940" s="6" t="s">
        <v>49</v>
      </c>
      <c r="B8940" s="6"/>
      <c r="C8940" s="6" t="s">
        <v>8964</v>
      </c>
      <c r="D8940" s="6"/>
      <c r="E8940" s="6" t="s">
        <v>9</v>
      </c>
      <c r="F8940" s="7">
        <v>38657</v>
      </c>
      <c r="G8940" s="8">
        <v>1</v>
      </c>
      <c r="H8940" s="8">
        <v>1</v>
      </c>
      <c r="I8940" s="8">
        <v>0</v>
      </c>
      <c r="J8940" s="8">
        <v>1</v>
      </c>
      <c r="K8940" s="9">
        <v>5.73</v>
      </c>
      <c r="L8940" s="6" t="s">
        <v>51</v>
      </c>
    </row>
    <row r="8941" spans="1:12">
      <c r="A8941" s="6" t="s">
        <v>49</v>
      </c>
      <c r="B8941" s="6"/>
      <c r="C8941" s="6" t="s">
        <v>8965</v>
      </c>
      <c r="D8941" s="6"/>
      <c r="E8941" s="6" t="s">
        <v>9</v>
      </c>
      <c r="F8941" s="7">
        <v>38657</v>
      </c>
      <c r="G8941" s="8">
        <v>1</v>
      </c>
      <c r="H8941" s="8">
        <v>1</v>
      </c>
      <c r="I8941" s="8">
        <v>0</v>
      </c>
      <c r="J8941" s="8">
        <v>1</v>
      </c>
      <c r="K8941" s="9">
        <v>112</v>
      </c>
      <c r="L8941" s="6" t="s">
        <v>51</v>
      </c>
    </row>
    <row r="8942" spans="1:12">
      <c r="A8942" s="6" t="s">
        <v>49</v>
      </c>
      <c r="B8942" s="6"/>
      <c r="C8942" s="6" t="s">
        <v>8966</v>
      </c>
      <c r="D8942" s="6"/>
      <c r="E8942" s="6" t="s">
        <v>9</v>
      </c>
      <c r="F8942" s="7">
        <v>38657</v>
      </c>
      <c r="G8942" s="8">
        <v>1</v>
      </c>
      <c r="H8942" s="8">
        <v>1</v>
      </c>
      <c r="I8942" s="8">
        <v>0</v>
      </c>
      <c r="J8942" s="8">
        <v>1</v>
      </c>
      <c r="K8942" s="9">
        <v>106.33</v>
      </c>
      <c r="L8942" s="6" t="s">
        <v>51</v>
      </c>
    </row>
    <row r="8943" spans="1:12">
      <c r="A8943" s="6" t="s">
        <v>49</v>
      </c>
      <c r="B8943" s="6"/>
      <c r="C8943" s="6" t="s">
        <v>8967</v>
      </c>
      <c r="D8943" s="6"/>
      <c r="E8943" s="6" t="s">
        <v>9</v>
      </c>
      <c r="F8943" s="7">
        <v>38657</v>
      </c>
      <c r="G8943" s="8">
        <v>1</v>
      </c>
      <c r="H8943" s="8">
        <v>1</v>
      </c>
      <c r="I8943" s="8">
        <v>0</v>
      </c>
      <c r="J8943" s="8">
        <v>1</v>
      </c>
      <c r="K8943" s="9">
        <v>34</v>
      </c>
      <c r="L8943" s="6" t="s">
        <v>51</v>
      </c>
    </row>
    <row r="8944" spans="1:12">
      <c r="A8944" s="6" t="s">
        <v>49</v>
      </c>
      <c r="B8944" s="6"/>
      <c r="C8944" s="6" t="s">
        <v>8968</v>
      </c>
      <c r="D8944" s="6"/>
      <c r="E8944" s="6" t="s">
        <v>9</v>
      </c>
      <c r="F8944" s="7">
        <v>38657</v>
      </c>
      <c r="G8944" s="8">
        <v>1</v>
      </c>
      <c r="H8944" s="8">
        <v>1</v>
      </c>
      <c r="I8944" s="8">
        <v>0</v>
      </c>
      <c r="J8944" s="8">
        <v>1</v>
      </c>
      <c r="K8944" s="9">
        <v>9.09</v>
      </c>
      <c r="L8944" s="6" t="s">
        <v>51</v>
      </c>
    </row>
    <row r="8945" spans="1:12">
      <c r="A8945" s="6" t="s">
        <v>49</v>
      </c>
      <c r="B8945" s="6"/>
      <c r="C8945" s="6" t="s">
        <v>8969</v>
      </c>
      <c r="D8945" s="6"/>
      <c r="E8945" s="6" t="s">
        <v>9</v>
      </c>
      <c r="F8945" s="7">
        <v>38657</v>
      </c>
      <c r="G8945" s="8">
        <v>1</v>
      </c>
      <c r="H8945" s="8">
        <v>1</v>
      </c>
      <c r="I8945" s="8">
        <v>0</v>
      </c>
      <c r="J8945" s="8">
        <v>1</v>
      </c>
      <c r="K8945" s="9">
        <v>7.29</v>
      </c>
      <c r="L8945" s="6" t="s">
        <v>51</v>
      </c>
    </row>
    <row r="8946" spans="1:12">
      <c r="A8946" s="6" t="s">
        <v>49</v>
      </c>
      <c r="B8946" s="6"/>
      <c r="C8946" s="6" t="s">
        <v>8970</v>
      </c>
      <c r="D8946" s="6"/>
      <c r="E8946" s="6" t="s">
        <v>9</v>
      </c>
      <c r="F8946" s="7">
        <v>38657</v>
      </c>
      <c r="G8946" s="8">
        <v>1</v>
      </c>
      <c r="H8946" s="8">
        <v>1</v>
      </c>
      <c r="I8946" s="8">
        <v>0</v>
      </c>
      <c r="J8946" s="8">
        <v>1</v>
      </c>
      <c r="K8946" s="9">
        <v>12</v>
      </c>
      <c r="L8946" s="6" t="s">
        <v>51</v>
      </c>
    </row>
    <row r="8947" spans="1:12">
      <c r="A8947" s="6" t="s">
        <v>49</v>
      </c>
      <c r="B8947" s="6"/>
      <c r="C8947" s="6" t="s">
        <v>8971</v>
      </c>
      <c r="D8947" s="6"/>
      <c r="E8947" s="6" t="s">
        <v>9</v>
      </c>
      <c r="F8947" s="7">
        <v>38657</v>
      </c>
      <c r="G8947" s="8">
        <v>1</v>
      </c>
      <c r="H8947" s="8">
        <v>1</v>
      </c>
      <c r="I8947" s="8">
        <v>0</v>
      </c>
      <c r="J8947" s="8">
        <v>1</v>
      </c>
      <c r="K8947" s="9">
        <v>4.55</v>
      </c>
      <c r="L8947" s="6" t="s">
        <v>51</v>
      </c>
    </row>
    <row r="8948" spans="1:12">
      <c r="A8948" s="6" t="s">
        <v>49</v>
      </c>
      <c r="B8948" s="6"/>
      <c r="C8948" s="6" t="s">
        <v>8972</v>
      </c>
      <c r="D8948" s="6"/>
      <c r="E8948" s="6" t="s">
        <v>9</v>
      </c>
      <c r="F8948" s="7">
        <v>38657</v>
      </c>
      <c r="G8948" s="8">
        <v>1</v>
      </c>
      <c r="H8948" s="8">
        <v>1</v>
      </c>
      <c r="I8948" s="8">
        <v>0</v>
      </c>
      <c r="J8948" s="8">
        <v>1</v>
      </c>
      <c r="K8948" s="9">
        <v>7.38</v>
      </c>
      <c r="L8948" s="6" t="s">
        <v>51</v>
      </c>
    </row>
    <row r="8949" spans="1:12">
      <c r="A8949" s="6" t="s">
        <v>49</v>
      </c>
      <c r="B8949" s="6"/>
      <c r="C8949" s="6" t="s">
        <v>8973</v>
      </c>
      <c r="D8949" s="6"/>
      <c r="E8949" s="6" t="s">
        <v>9</v>
      </c>
      <c r="F8949" s="7">
        <v>38657</v>
      </c>
      <c r="G8949" s="8">
        <v>1</v>
      </c>
      <c r="H8949" s="8">
        <v>1</v>
      </c>
      <c r="I8949" s="8">
        <v>0</v>
      </c>
      <c r="J8949" s="8">
        <v>1</v>
      </c>
      <c r="K8949" s="9">
        <v>6.93</v>
      </c>
      <c r="L8949" s="6" t="s">
        <v>51</v>
      </c>
    </row>
    <row r="8950" spans="1:12">
      <c r="A8950" s="6" t="s">
        <v>49</v>
      </c>
      <c r="B8950" s="6"/>
      <c r="C8950" s="6" t="s">
        <v>8974</v>
      </c>
      <c r="D8950" s="6"/>
      <c r="E8950" s="6" t="s">
        <v>9</v>
      </c>
      <c r="F8950" s="7">
        <v>38657</v>
      </c>
      <c r="G8950" s="8">
        <v>1</v>
      </c>
      <c r="H8950" s="8">
        <v>1</v>
      </c>
      <c r="I8950" s="8">
        <v>0</v>
      </c>
      <c r="J8950" s="8">
        <v>1</v>
      </c>
      <c r="K8950" s="9">
        <v>6.63</v>
      </c>
      <c r="L8950" s="6" t="s">
        <v>51</v>
      </c>
    </row>
    <row r="8951" spans="1:12">
      <c r="A8951" s="6" t="s">
        <v>49</v>
      </c>
      <c r="B8951" s="6"/>
      <c r="C8951" s="6" t="s">
        <v>8975</v>
      </c>
      <c r="D8951" s="6"/>
      <c r="E8951" s="6" t="s">
        <v>9</v>
      </c>
      <c r="F8951" s="7">
        <v>38657</v>
      </c>
      <c r="G8951" s="8">
        <v>1</v>
      </c>
      <c r="H8951" s="8">
        <v>1</v>
      </c>
      <c r="I8951" s="8">
        <v>0</v>
      </c>
      <c r="J8951" s="8">
        <v>1</v>
      </c>
      <c r="K8951" s="9">
        <v>7.43</v>
      </c>
      <c r="L8951" s="6" t="s">
        <v>51</v>
      </c>
    </row>
    <row r="8952" spans="1:12">
      <c r="A8952" s="6" t="s">
        <v>49</v>
      </c>
      <c r="B8952" s="6"/>
      <c r="C8952" s="6" t="s">
        <v>8976</v>
      </c>
      <c r="D8952" s="6"/>
      <c r="E8952" s="6" t="s">
        <v>9</v>
      </c>
      <c r="F8952" s="7">
        <v>38657</v>
      </c>
      <c r="G8952" s="8">
        <v>1</v>
      </c>
      <c r="H8952" s="8">
        <v>1</v>
      </c>
      <c r="I8952" s="8">
        <v>0</v>
      </c>
      <c r="J8952" s="8">
        <v>1</v>
      </c>
      <c r="K8952" s="9">
        <v>0.12</v>
      </c>
      <c r="L8952" s="6" t="s">
        <v>51</v>
      </c>
    </row>
    <row r="8953" spans="1:12">
      <c r="A8953" s="6" t="s">
        <v>49</v>
      </c>
      <c r="B8953" s="6"/>
      <c r="C8953" s="6" t="s">
        <v>8977</v>
      </c>
      <c r="D8953" s="6"/>
      <c r="E8953" s="6" t="s">
        <v>9</v>
      </c>
      <c r="F8953" s="7">
        <v>38657</v>
      </c>
      <c r="G8953" s="8">
        <v>1</v>
      </c>
      <c r="H8953" s="8">
        <v>1</v>
      </c>
      <c r="I8953" s="8">
        <v>0</v>
      </c>
      <c r="J8953" s="8">
        <v>1</v>
      </c>
      <c r="K8953" s="9">
        <v>9.49</v>
      </c>
      <c r="L8953" s="6" t="s">
        <v>51</v>
      </c>
    </row>
    <row r="8954" spans="1:12">
      <c r="A8954" s="6" t="s">
        <v>49</v>
      </c>
      <c r="B8954" s="6"/>
      <c r="C8954" s="6" t="s">
        <v>8978</v>
      </c>
      <c r="D8954" s="6"/>
      <c r="E8954" s="6" t="s">
        <v>9</v>
      </c>
      <c r="F8954" s="7">
        <v>38657</v>
      </c>
      <c r="G8954" s="8">
        <v>1</v>
      </c>
      <c r="H8954" s="8">
        <v>1</v>
      </c>
      <c r="I8954" s="8">
        <v>0</v>
      </c>
      <c r="J8954" s="8">
        <v>1</v>
      </c>
      <c r="K8954" s="9">
        <v>33</v>
      </c>
      <c r="L8954" s="6" t="s">
        <v>51</v>
      </c>
    </row>
    <row r="8955" spans="1:12">
      <c r="A8955" s="6" t="s">
        <v>49</v>
      </c>
      <c r="B8955" s="6"/>
      <c r="C8955" s="6" t="s">
        <v>8979</v>
      </c>
      <c r="D8955" s="6"/>
      <c r="E8955" s="6" t="s">
        <v>9</v>
      </c>
      <c r="F8955" s="7">
        <v>38657</v>
      </c>
      <c r="G8955" s="8">
        <v>1</v>
      </c>
      <c r="H8955" s="8">
        <v>1</v>
      </c>
      <c r="I8955" s="8">
        <v>0</v>
      </c>
      <c r="J8955" s="8">
        <v>1</v>
      </c>
      <c r="K8955" s="9">
        <v>0.05</v>
      </c>
      <c r="L8955" s="6" t="s">
        <v>51</v>
      </c>
    </row>
    <row r="8956" spans="1:12">
      <c r="A8956" s="6" t="s">
        <v>49</v>
      </c>
      <c r="B8956" s="6"/>
      <c r="C8956" s="6" t="s">
        <v>8980</v>
      </c>
      <c r="D8956" s="6"/>
      <c r="E8956" s="6" t="s">
        <v>9</v>
      </c>
      <c r="F8956" s="7">
        <v>38657</v>
      </c>
      <c r="G8956" s="8">
        <v>1</v>
      </c>
      <c r="H8956" s="8">
        <v>1</v>
      </c>
      <c r="I8956" s="8">
        <v>0</v>
      </c>
      <c r="J8956" s="8">
        <v>1</v>
      </c>
      <c r="K8956" s="9">
        <v>45</v>
      </c>
      <c r="L8956" s="6" t="s">
        <v>51</v>
      </c>
    </row>
    <row r="8957" spans="1:12">
      <c r="A8957" s="6" t="s">
        <v>49</v>
      </c>
      <c r="B8957" s="6"/>
      <c r="C8957" s="6" t="s">
        <v>8981</v>
      </c>
      <c r="D8957" s="6"/>
      <c r="E8957" s="6" t="s">
        <v>9</v>
      </c>
      <c r="F8957" s="7">
        <v>38657</v>
      </c>
      <c r="G8957" s="8">
        <v>1</v>
      </c>
      <c r="H8957" s="8">
        <v>1</v>
      </c>
      <c r="I8957" s="8">
        <v>0</v>
      </c>
      <c r="J8957" s="8">
        <v>1</v>
      </c>
      <c r="K8957" s="9">
        <v>300</v>
      </c>
      <c r="L8957" s="6" t="s">
        <v>51</v>
      </c>
    </row>
    <row r="8958" spans="1:12">
      <c r="A8958" s="6" t="s">
        <v>49</v>
      </c>
      <c r="B8958" s="6"/>
      <c r="C8958" s="6" t="s">
        <v>8982</v>
      </c>
      <c r="D8958" s="6"/>
      <c r="E8958" s="6" t="s">
        <v>9</v>
      </c>
      <c r="F8958" s="7">
        <v>38657</v>
      </c>
      <c r="G8958" s="8">
        <v>1</v>
      </c>
      <c r="H8958" s="8">
        <v>1</v>
      </c>
      <c r="I8958" s="8">
        <v>0</v>
      </c>
      <c r="J8958" s="8">
        <v>1</v>
      </c>
      <c r="K8958" s="9">
        <v>19</v>
      </c>
      <c r="L8958" s="6" t="s">
        <v>51</v>
      </c>
    </row>
    <row r="8959" spans="1:12">
      <c r="A8959" s="6" t="s">
        <v>49</v>
      </c>
      <c r="B8959" s="6"/>
      <c r="C8959" s="6" t="s">
        <v>8983</v>
      </c>
      <c r="D8959" s="6"/>
      <c r="E8959" s="6" t="s">
        <v>9</v>
      </c>
      <c r="F8959" s="7">
        <v>38657</v>
      </c>
      <c r="G8959" s="8">
        <v>1</v>
      </c>
      <c r="H8959" s="8">
        <v>1</v>
      </c>
      <c r="I8959" s="8">
        <v>0</v>
      </c>
      <c r="J8959" s="8">
        <v>1</v>
      </c>
      <c r="K8959" s="9">
        <v>3.3</v>
      </c>
      <c r="L8959" s="6" t="s">
        <v>51</v>
      </c>
    </row>
    <row r="8960" spans="1:12">
      <c r="A8960" s="6" t="s">
        <v>49</v>
      </c>
      <c r="B8960" s="6"/>
      <c r="C8960" s="6" t="s">
        <v>8984</v>
      </c>
      <c r="D8960" s="6"/>
      <c r="E8960" s="6" t="s">
        <v>9</v>
      </c>
      <c r="F8960" s="7">
        <v>38657</v>
      </c>
      <c r="G8960" s="8">
        <v>1</v>
      </c>
      <c r="H8960" s="8">
        <v>1</v>
      </c>
      <c r="I8960" s="8">
        <v>0</v>
      </c>
      <c r="J8960" s="8">
        <v>1</v>
      </c>
      <c r="K8960" s="9">
        <v>191</v>
      </c>
      <c r="L8960" s="6" t="s">
        <v>51</v>
      </c>
    </row>
    <row r="8961" spans="1:12">
      <c r="A8961" s="6" t="s">
        <v>49</v>
      </c>
      <c r="B8961" s="6"/>
      <c r="C8961" s="6" t="s">
        <v>8985</v>
      </c>
      <c r="D8961" s="6"/>
      <c r="E8961" s="6" t="s">
        <v>9</v>
      </c>
      <c r="F8961" s="7">
        <v>38657</v>
      </c>
      <c r="G8961" s="8">
        <v>1</v>
      </c>
      <c r="H8961" s="8">
        <v>1</v>
      </c>
      <c r="I8961" s="8">
        <v>0</v>
      </c>
      <c r="J8961" s="8">
        <v>1</v>
      </c>
      <c r="K8961" s="9">
        <v>66</v>
      </c>
      <c r="L8961" s="6" t="s">
        <v>51</v>
      </c>
    </row>
    <row r="8962" spans="1:12">
      <c r="A8962" s="6" t="s">
        <v>49</v>
      </c>
      <c r="B8962" s="6"/>
      <c r="C8962" s="6" t="s">
        <v>8986</v>
      </c>
      <c r="D8962" s="6"/>
      <c r="E8962" s="6" t="s">
        <v>9</v>
      </c>
      <c r="F8962" s="7">
        <v>38657</v>
      </c>
      <c r="G8962" s="8">
        <v>1</v>
      </c>
      <c r="H8962" s="8">
        <v>1</v>
      </c>
      <c r="I8962" s="8">
        <v>0</v>
      </c>
      <c r="J8962" s="8">
        <v>1</v>
      </c>
      <c r="K8962" s="9">
        <v>69</v>
      </c>
      <c r="L8962" s="6" t="s">
        <v>51</v>
      </c>
    </row>
    <row r="8963" spans="1:12">
      <c r="A8963" s="6" t="s">
        <v>49</v>
      </c>
      <c r="B8963" s="6"/>
      <c r="C8963" s="6" t="s">
        <v>8987</v>
      </c>
      <c r="D8963" s="6"/>
      <c r="E8963" s="6" t="s">
        <v>9</v>
      </c>
      <c r="F8963" s="7">
        <v>38657</v>
      </c>
      <c r="G8963" s="8">
        <v>1</v>
      </c>
      <c r="H8963" s="8">
        <v>1</v>
      </c>
      <c r="I8963" s="8">
        <v>0</v>
      </c>
      <c r="J8963" s="8">
        <v>1</v>
      </c>
      <c r="K8963" s="9">
        <v>23</v>
      </c>
      <c r="L8963" s="6" t="s">
        <v>51</v>
      </c>
    </row>
    <row r="8964" spans="1:12">
      <c r="A8964" s="6" t="s">
        <v>49</v>
      </c>
      <c r="B8964" s="6"/>
      <c r="C8964" s="6" t="s">
        <v>8988</v>
      </c>
      <c r="D8964" s="6"/>
      <c r="E8964" s="6" t="s">
        <v>9</v>
      </c>
      <c r="F8964" s="7">
        <v>38657</v>
      </c>
      <c r="G8964" s="8">
        <v>1</v>
      </c>
      <c r="H8964" s="8">
        <v>1</v>
      </c>
      <c r="I8964" s="8">
        <v>0</v>
      </c>
      <c r="J8964" s="8">
        <v>1</v>
      </c>
      <c r="K8964" s="9">
        <v>2.41</v>
      </c>
      <c r="L8964" s="6" t="s">
        <v>51</v>
      </c>
    </row>
    <row r="8965" spans="1:12">
      <c r="A8965" s="6" t="s">
        <v>49</v>
      </c>
      <c r="B8965" s="6"/>
      <c r="C8965" s="6" t="s">
        <v>8989</v>
      </c>
      <c r="D8965" s="6"/>
      <c r="E8965" s="6" t="s">
        <v>9</v>
      </c>
      <c r="F8965" s="7">
        <v>38657</v>
      </c>
      <c r="G8965" s="8">
        <v>1</v>
      </c>
      <c r="H8965" s="8">
        <v>1</v>
      </c>
      <c r="I8965" s="8">
        <v>0</v>
      </c>
      <c r="J8965" s="8">
        <v>1</v>
      </c>
      <c r="K8965" s="9">
        <v>321</v>
      </c>
      <c r="L8965" s="6" t="s">
        <v>51</v>
      </c>
    </row>
    <row r="8966" spans="1:12">
      <c r="A8966" s="6" t="s">
        <v>49</v>
      </c>
      <c r="B8966" s="6"/>
      <c r="C8966" s="6" t="s">
        <v>8990</v>
      </c>
      <c r="D8966" s="6"/>
      <c r="E8966" s="6" t="s">
        <v>9</v>
      </c>
      <c r="F8966" s="7">
        <v>38657</v>
      </c>
      <c r="G8966" s="8">
        <v>1</v>
      </c>
      <c r="H8966" s="8">
        <v>1</v>
      </c>
      <c r="I8966" s="8">
        <v>0</v>
      </c>
      <c r="J8966" s="8">
        <v>1</v>
      </c>
      <c r="K8966" s="9">
        <v>1.1200000000000001</v>
      </c>
      <c r="L8966" s="6" t="s">
        <v>51</v>
      </c>
    </row>
    <row r="8967" spans="1:12">
      <c r="A8967" s="6" t="s">
        <v>49</v>
      </c>
      <c r="B8967" s="6"/>
      <c r="C8967" s="6" t="s">
        <v>8991</v>
      </c>
      <c r="D8967" s="6"/>
      <c r="E8967" s="6" t="s">
        <v>9</v>
      </c>
      <c r="F8967" s="7">
        <v>38657</v>
      </c>
      <c r="G8967" s="8">
        <v>1</v>
      </c>
      <c r="H8967" s="8">
        <v>1</v>
      </c>
      <c r="I8967" s="8">
        <v>0</v>
      </c>
      <c r="J8967" s="8">
        <v>1</v>
      </c>
      <c r="K8967" s="9">
        <v>94.81</v>
      </c>
      <c r="L8967" s="6" t="s">
        <v>51</v>
      </c>
    </row>
    <row r="8968" spans="1:12">
      <c r="A8968" s="6" t="s">
        <v>49</v>
      </c>
      <c r="B8968" s="6"/>
      <c r="C8968" s="6" t="s">
        <v>8992</v>
      </c>
      <c r="D8968" s="6"/>
      <c r="E8968" s="6" t="s">
        <v>9</v>
      </c>
      <c r="F8968" s="7">
        <v>38657</v>
      </c>
      <c r="G8968" s="8">
        <v>1</v>
      </c>
      <c r="H8968" s="8">
        <v>1</v>
      </c>
      <c r="I8968" s="8">
        <v>0</v>
      </c>
      <c r="J8968" s="8">
        <v>1</v>
      </c>
      <c r="K8968" s="9">
        <v>24</v>
      </c>
      <c r="L8968" s="6" t="s">
        <v>51</v>
      </c>
    </row>
    <row r="8969" spans="1:12">
      <c r="A8969" s="6" t="s">
        <v>49</v>
      </c>
      <c r="B8969" s="6"/>
      <c r="C8969" s="6" t="s">
        <v>8993</v>
      </c>
      <c r="D8969" s="6"/>
      <c r="E8969" s="6" t="s">
        <v>9</v>
      </c>
      <c r="F8969" s="7">
        <v>38657</v>
      </c>
      <c r="G8969" s="8">
        <v>1</v>
      </c>
      <c r="H8969" s="8">
        <v>1</v>
      </c>
      <c r="I8969" s="8">
        <v>0</v>
      </c>
      <c r="J8969" s="8">
        <v>1</v>
      </c>
      <c r="K8969" s="9">
        <v>102</v>
      </c>
      <c r="L8969" s="6" t="s">
        <v>51</v>
      </c>
    </row>
    <row r="8970" spans="1:12">
      <c r="A8970" s="6" t="s">
        <v>49</v>
      </c>
      <c r="B8970" s="6"/>
      <c r="C8970" s="6" t="s">
        <v>8994</v>
      </c>
      <c r="D8970" s="6"/>
      <c r="E8970" s="6" t="s">
        <v>9</v>
      </c>
      <c r="F8970" s="7">
        <v>38657</v>
      </c>
      <c r="G8970" s="8">
        <v>1</v>
      </c>
      <c r="H8970" s="8">
        <v>1</v>
      </c>
      <c r="I8970" s="8">
        <v>0</v>
      </c>
      <c r="J8970" s="8">
        <v>1</v>
      </c>
      <c r="K8970" s="9">
        <v>1.28</v>
      </c>
      <c r="L8970" s="6" t="s">
        <v>51</v>
      </c>
    </row>
    <row r="8971" spans="1:12">
      <c r="A8971" s="6" t="s">
        <v>49</v>
      </c>
      <c r="B8971" s="6"/>
      <c r="C8971" s="6" t="s">
        <v>8995</v>
      </c>
      <c r="D8971" s="6"/>
      <c r="E8971" s="6" t="s">
        <v>9</v>
      </c>
      <c r="F8971" s="7">
        <v>38657</v>
      </c>
      <c r="G8971" s="8">
        <v>1</v>
      </c>
      <c r="H8971" s="8">
        <v>1</v>
      </c>
      <c r="I8971" s="8">
        <v>0</v>
      </c>
      <c r="J8971" s="8">
        <v>1</v>
      </c>
      <c r="K8971" s="9">
        <v>1.5</v>
      </c>
      <c r="L8971" s="6" t="s">
        <v>51</v>
      </c>
    </row>
    <row r="8972" spans="1:12">
      <c r="A8972" s="6" t="s">
        <v>49</v>
      </c>
      <c r="B8972" s="6"/>
      <c r="C8972" s="6" t="s">
        <v>8996</v>
      </c>
      <c r="D8972" s="6"/>
      <c r="E8972" s="6" t="s">
        <v>9</v>
      </c>
      <c r="F8972" s="7">
        <v>38657</v>
      </c>
      <c r="G8972" s="8">
        <v>1</v>
      </c>
      <c r="H8972" s="8">
        <v>1</v>
      </c>
      <c r="I8972" s="8">
        <v>0</v>
      </c>
      <c r="J8972" s="8">
        <v>1</v>
      </c>
      <c r="K8972" s="9">
        <v>39</v>
      </c>
      <c r="L8972" s="6" t="s">
        <v>51</v>
      </c>
    </row>
    <row r="8973" spans="1:12">
      <c r="A8973" s="6" t="s">
        <v>49</v>
      </c>
      <c r="B8973" s="6"/>
      <c r="C8973" s="6" t="s">
        <v>8997</v>
      </c>
      <c r="D8973" s="6"/>
      <c r="E8973" s="6" t="s">
        <v>9</v>
      </c>
      <c r="F8973" s="7">
        <v>38657</v>
      </c>
      <c r="G8973" s="8">
        <v>1</v>
      </c>
      <c r="H8973" s="8">
        <v>1</v>
      </c>
      <c r="I8973" s="8">
        <v>0</v>
      </c>
      <c r="J8973" s="8">
        <v>1</v>
      </c>
      <c r="K8973" s="9">
        <v>89.25</v>
      </c>
      <c r="L8973" s="6" t="s">
        <v>51</v>
      </c>
    </row>
    <row r="8974" spans="1:12">
      <c r="A8974" s="6" t="s">
        <v>49</v>
      </c>
      <c r="B8974" s="6"/>
      <c r="C8974" s="6" t="s">
        <v>8998</v>
      </c>
      <c r="D8974" s="6"/>
      <c r="E8974" s="6" t="s">
        <v>9</v>
      </c>
      <c r="F8974" s="7">
        <v>38657</v>
      </c>
      <c r="G8974" s="8">
        <v>1</v>
      </c>
      <c r="H8974" s="8">
        <v>1</v>
      </c>
      <c r="I8974" s="8">
        <v>0</v>
      </c>
      <c r="J8974" s="8">
        <v>1</v>
      </c>
      <c r="K8974" s="9">
        <v>69.42</v>
      </c>
      <c r="L8974" s="6" t="s">
        <v>51</v>
      </c>
    </row>
    <row r="8975" spans="1:12">
      <c r="A8975" s="6" t="s">
        <v>49</v>
      </c>
      <c r="B8975" s="6"/>
      <c r="C8975" s="6" t="s">
        <v>8999</v>
      </c>
      <c r="D8975" s="6"/>
      <c r="E8975" s="6" t="s">
        <v>9</v>
      </c>
      <c r="F8975" s="7">
        <v>38657</v>
      </c>
      <c r="G8975" s="8">
        <v>1</v>
      </c>
      <c r="H8975" s="8">
        <v>1</v>
      </c>
      <c r="I8975" s="8">
        <v>0</v>
      </c>
      <c r="J8975" s="8">
        <v>1</v>
      </c>
      <c r="K8975" s="9">
        <v>162.66999999999899</v>
      </c>
      <c r="L8975" s="6" t="s">
        <v>51</v>
      </c>
    </row>
    <row r="8976" spans="1:12">
      <c r="A8976" s="6" t="s">
        <v>49</v>
      </c>
      <c r="B8976" s="6"/>
      <c r="C8976" s="6" t="s">
        <v>9000</v>
      </c>
      <c r="D8976" s="6"/>
      <c r="E8976" s="6" t="s">
        <v>9</v>
      </c>
      <c r="F8976" s="7">
        <v>38657</v>
      </c>
      <c r="G8976" s="8">
        <v>1</v>
      </c>
      <c r="H8976" s="8">
        <v>1</v>
      </c>
      <c r="I8976" s="8">
        <v>0</v>
      </c>
      <c r="J8976" s="8">
        <v>1</v>
      </c>
      <c r="K8976" s="9">
        <v>207.27</v>
      </c>
      <c r="L8976" s="6" t="s">
        <v>51</v>
      </c>
    </row>
    <row r="8977" spans="1:12">
      <c r="A8977" s="6" t="s">
        <v>49</v>
      </c>
      <c r="B8977" s="6"/>
      <c r="C8977" s="6" t="s">
        <v>9001</v>
      </c>
      <c r="D8977" s="6"/>
      <c r="E8977" s="6" t="s">
        <v>9</v>
      </c>
      <c r="F8977" s="7">
        <v>38657</v>
      </c>
      <c r="G8977" s="8">
        <v>1</v>
      </c>
      <c r="H8977" s="8">
        <v>1</v>
      </c>
      <c r="I8977" s="8">
        <v>0</v>
      </c>
      <c r="J8977" s="8">
        <v>1</v>
      </c>
      <c r="K8977" s="9">
        <v>152.38999999999899</v>
      </c>
      <c r="L8977" s="6" t="s">
        <v>51</v>
      </c>
    </row>
    <row r="8978" spans="1:12">
      <c r="A8978" s="6" t="s">
        <v>49</v>
      </c>
      <c r="B8978" s="6"/>
      <c r="C8978" s="6" t="s">
        <v>9002</v>
      </c>
      <c r="D8978" s="6"/>
      <c r="E8978" s="6" t="s">
        <v>9</v>
      </c>
      <c r="F8978" s="7">
        <v>38657</v>
      </c>
      <c r="G8978" s="8">
        <v>1</v>
      </c>
      <c r="H8978" s="8">
        <v>1</v>
      </c>
      <c r="I8978" s="8">
        <v>0</v>
      </c>
      <c r="J8978" s="8">
        <v>1</v>
      </c>
      <c r="K8978" s="9">
        <v>37</v>
      </c>
      <c r="L8978" s="6" t="s">
        <v>51</v>
      </c>
    </row>
    <row r="8979" spans="1:12">
      <c r="A8979" s="6" t="s">
        <v>49</v>
      </c>
      <c r="B8979" s="6"/>
      <c r="C8979" s="6" t="s">
        <v>9003</v>
      </c>
      <c r="D8979" s="6"/>
      <c r="E8979" s="6" t="s">
        <v>9</v>
      </c>
      <c r="F8979" s="7">
        <v>38657</v>
      </c>
      <c r="G8979" s="8">
        <v>1</v>
      </c>
      <c r="H8979" s="8">
        <v>1</v>
      </c>
      <c r="I8979" s="8">
        <v>0</v>
      </c>
      <c r="J8979" s="8">
        <v>1</v>
      </c>
      <c r="K8979" s="9">
        <v>212</v>
      </c>
      <c r="L8979" s="6" t="s">
        <v>51</v>
      </c>
    </row>
    <row r="8980" spans="1:12">
      <c r="A8980" s="6" t="s">
        <v>49</v>
      </c>
      <c r="B8980" s="6"/>
      <c r="C8980" s="6" t="s">
        <v>9004</v>
      </c>
      <c r="D8980" s="6"/>
      <c r="E8980" s="6" t="s">
        <v>9</v>
      </c>
      <c r="F8980" s="7">
        <v>38657</v>
      </c>
      <c r="G8980" s="8">
        <v>1</v>
      </c>
      <c r="H8980" s="8">
        <v>1</v>
      </c>
      <c r="I8980" s="8">
        <v>0</v>
      </c>
      <c r="J8980" s="8">
        <v>1</v>
      </c>
      <c r="K8980" s="9">
        <v>8.32</v>
      </c>
      <c r="L8980" s="6" t="s">
        <v>51</v>
      </c>
    </row>
    <row r="8981" spans="1:12">
      <c r="A8981" s="6" t="s">
        <v>49</v>
      </c>
      <c r="B8981" s="6"/>
      <c r="C8981" s="6" t="s">
        <v>9005</v>
      </c>
      <c r="D8981" s="6"/>
      <c r="E8981" s="6" t="s">
        <v>9</v>
      </c>
      <c r="F8981" s="7">
        <v>38657</v>
      </c>
      <c r="G8981" s="8">
        <v>1</v>
      </c>
      <c r="H8981" s="8">
        <v>1</v>
      </c>
      <c r="I8981" s="8">
        <v>0</v>
      </c>
      <c r="J8981" s="8">
        <v>1</v>
      </c>
      <c r="K8981" s="9">
        <v>232</v>
      </c>
      <c r="L8981" s="6" t="s">
        <v>51</v>
      </c>
    </row>
    <row r="8982" spans="1:12">
      <c r="A8982" s="6" t="s">
        <v>49</v>
      </c>
      <c r="B8982" s="6"/>
      <c r="C8982" s="6" t="s">
        <v>9006</v>
      </c>
      <c r="D8982" s="6"/>
      <c r="E8982" s="6" t="s">
        <v>9</v>
      </c>
      <c r="F8982" s="7">
        <v>38657</v>
      </c>
      <c r="G8982" s="8">
        <v>1</v>
      </c>
      <c r="H8982" s="8">
        <v>1</v>
      </c>
      <c r="I8982" s="8">
        <v>0</v>
      </c>
      <c r="J8982" s="8">
        <v>1</v>
      </c>
      <c r="K8982" s="9">
        <v>12</v>
      </c>
      <c r="L8982" s="6" t="s">
        <v>51</v>
      </c>
    </row>
    <row r="8983" spans="1:12">
      <c r="A8983" s="6" t="s">
        <v>49</v>
      </c>
      <c r="B8983" s="6"/>
      <c r="C8983" s="6" t="s">
        <v>9007</v>
      </c>
      <c r="D8983" s="6"/>
      <c r="E8983" s="6" t="s">
        <v>9</v>
      </c>
      <c r="F8983" s="7">
        <v>38657</v>
      </c>
      <c r="G8983" s="8">
        <v>1</v>
      </c>
      <c r="H8983" s="8">
        <v>1</v>
      </c>
      <c r="I8983" s="8">
        <v>0</v>
      </c>
      <c r="J8983" s="8">
        <v>1</v>
      </c>
      <c r="K8983" s="9">
        <v>22</v>
      </c>
      <c r="L8983" s="6" t="s">
        <v>51</v>
      </c>
    </row>
    <row r="8984" spans="1:12">
      <c r="A8984" s="6" t="s">
        <v>49</v>
      </c>
      <c r="B8984" s="6"/>
      <c r="C8984" s="6" t="s">
        <v>9008</v>
      </c>
      <c r="D8984" s="6"/>
      <c r="E8984" s="6" t="s">
        <v>9</v>
      </c>
      <c r="F8984" s="7">
        <v>38657</v>
      </c>
      <c r="G8984" s="8">
        <v>1</v>
      </c>
      <c r="H8984" s="8">
        <v>1</v>
      </c>
      <c r="I8984" s="8">
        <v>0</v>
      </c>
      <c r="J8984" s="8">
        <v>1</v>
      </c>
      <c r="K8984" s="9">
        <v>3.47</v>
      </c>
      <c r="L8984" s="6" t="s">
        <v>51</v>
      </c>
    </row>
    <row r="8985" spans="1:12">
      <c r="A8985" s="6" t="s">
        <v>49</v>
      </c>
      <c r="B8985" s="6"/>
      <c r="C8985" s="6" t="s">
        <v>9009</v>
      </c>
      <c r="D8985" s="6"/>
      <c r="E8985" s="6" t="s">
        <v>9</v>
      </c>
      <c r="F8985" s="7">
        <v>38657</v>
      </c>
      <c r="G8985" s="8">
        <v>1</v>
      </c>
      <c r="H8985" s="8">
        <v>1</v>
      </c>
      <c r="I8985" s="8">
        <v>0</v>
      </c>
      <c r="J8985" s="8">
        <v>1</v>
      </c>
      <c r="K8985" s="9">
        <v>29</v>
      </c>
      <c r="L8985" s="6" t="s">
        <v>51</v>
      </c>
    </row>
    <row r="8986" spans="1:12">
      <c r="A8986" s="6" t="s">
        <v>49</v>
      </c>
      <c r="B8986" s="6"/>
      <c r="C8986" s="6" t="s">
        <v>9010</v>
      </c>
      <c r="D8986" s="6"/>
      <c r="E8986" s="6" t="s">
        <v>9</v>
      </c>
      <c r="F8986" s="7">
        <v>38657</v>
      </c>
      <c r="G8986" s="8">
        <v>1</v>
      </c>
      <c r="H8986" s="8">
        <v>1</v>
      </c>
      <c r="I8986" s="8">
        <v>0</v>
      </c>
      <c r="J8986" s="8">
        <v>1</v>
      </c>
      <c r="K8986" s="9">
        <v>23</v>
      </c>
      <c r="L8986" s="6" t="s">
        <v>51</v>
      </c>
    </row>
    <row r="8987" spans="1:12">
      <c r="A8987" s="6" t="s">
        <v>49</v>
      </c>
      <c r="B8987" s="6"/>
      <c r="C8987" s="6" t="s">
        <v>9011</v>
      </c>
      <c r="D8987" s="6"/>
      <c r="E8987" s="6" t="s">
        <v>9</v>
      </c>
      <c r="F8987" s="7">
        <v>38657</v>
      </c>
      <c r="G8987" s="8">
        <v>1</v>
      </c>
      <c r="H8987" s="8">
        <v>1</v>
      </c>
      <c r="I8987" s="8">
        <v>0</v>
      </c>
      <c r="J8987" s="8">
        <v>1</v>
      </c>
      <c r="K8987" s="9">
        <v>12</v>
      </c>
      <c r="L8987" s="6" t="s">
        <v>51</v>
      </c>
    </row>
    <row r="8988" spans="1:12">
      <c r="A8988" s="6" t="s">
        <v>49</v>
      </c>
      <c r="B8988" s="6"/>
      <c r="C8988" s="6" t="s">
        <v>9012</v>
      </c>
      <c r="D8988" s="6"/>
      <c r="E8988" s="6" t="s">
        <v>9</v>
      </c>
      <c r="F8988" s="7">
        <v>38657</v>
      </c>
      <c r="G8988" s="8">
        <v>1</v>
      </c>
      <c r="H8988" s="8">
        <v>1</v>
      </c>
      <c r="I8988" s="8">
        <v>0</v>
      </c>
      <c r="J8988" s="8">
        <v>1</v>
      </c>
      <c r="K8988" s="9">
        <v>6.61</v>
      </c>
      <c r="L8988" s="6" t="s">
        <v>51</v>
      </c>
    </row>
    <row r="8989" spans="1:12">
      <c r="A8989" s="6" t="s">
        <v>49</v>
      </c>
      <c r="B8989" s="6"/>
      <c r="C8989" s="6" t="s">
        <v>9013</v>
      </c>
      <c r="D8989" s="6"/>
      <c r="E8989" s="6" t="s">
        <v>9</v>
      </c>
      <c r="F8989" s="7">
        <v>38657</v>
      </c>
      <c r="G8989" s="8">
        <v>1</v>
      </c>
      <c r="H8989" s="8">
        <v>1</v>
      </c>
      <c r="I8989" s="8">
        <v>0</v>
      </c>
      <c r="J8989" s="8">
        <v>1</v>
      </c>
      <c r="K8989" s="9">
        <v>46</v>
      </c>
      <c r="L8989" s="6" t="s">
        <v>51</v>
      </c>
    </row>
    <row r="8990" spans="1:12">
      <c r="A8990" s="6" t="s">
        <v>49</v>
      </c>
      <c r="B8990" s="6"/>
      <c r="C8990" s="6" t="s">
        <v>9014</v>
      </c>
      <c r="D8990" s="6"/>
      <c r="E8990" s="6" t="s">
        <v>9</v>
      </c>
      <c r="F8990" s="7">
        <v>38657</v>
      </c>
      <c r="G8990" s="8">
        <v>1</v>
      </c>
      <c r="H8990" s="8">
        <v>1</v>
      </c>
      <c r="I8990" s="8">
        <v>0</v>
      </c>
      <c r="J8990" s="8">
        <v>1</v>
      </c>
      <c r="K8990" s="9">
        <v>72</v>
      </c>
      <c r="L8990" s="6" t="s">
        <v>51</v>
      </c>
    </row>
    <row r="8991" spans="1:12">
      <c r="A8991" s="6" t="s">
        <v>49</v>
      </c>
      <c r="B8991" s="6"/>
      <c r="C8991" s="6" t="s">
        <v>9015</v>
      </c>
      <c r="D8991" s="6"/>
      <c r="E8991" s="6" t="s">
        <v>9</v>
      </c>
      <c r="F8991" s="7">
        <v>38657</v>
      </c>
      <c r="G8991" s="8">
        <v>1</v>
      </c>
      <c r="H8991" s="8">
        <v>1</v>
      </c>
      <c r="I8991" s="8">
        <v>0</v>
      </c>
      <c r="J8991" s="8">
        <v>1</v>
      </c>
      <c r="K8991" s="9">
        <v>79</v>
      </c>
      <c r="L8991" s="6" t="s">
        <v>51</v>
      </c>
    </row>
    <row r="8992" spans="1:12">
      <c r="A8992" s="6" t="s">
        <v>49</v>
      </c>
      <c r="B8992" s="6"/>
      <c r="C8992" s="6" t="s">
        <v>9016</v>
      </c>
      <c r="D8992" s="6"/>
      <c r="E8992" s="6" t="s">
        <v>9</v>
      </c>
      <c r="F8992" s="7">
        <v>38657</v>
      </c>
      <c r="G8992" s="8">
        <v>1</v>
      </c>
      <c r="H8992" s="8">
        <v>1</v>
      </c>
      <c r="I8992" s="8">
        <v>0</v>
      </c>
      <c r="J8992" s="8">
        <v>1</v>
      </c>
      <c r="K8992" s="9">
        <v>105</v>
      </c>
      <c r="L8992" s="6" t="s">
        <v>51</v>
      </c>
    </row>
    <row r="8993" spans="1:12">
      <c r="A8993" s="6" t="s">
        <v>49</v>
      </c>
      <c r="B8993" s="6"/>
      <c r="C8993" s="6" t="s">
        <v>9017</v>
      </c>
      <c r="D8993" s="6"/>
      <c r="E8993" s="6" t="s">
        <v>9</v>
      </c>
      <c r="F8993" s="7">
        <v>38657</v>
      </c>
      <c r="G8993" s="8">
        <v>1</v>
      </c>
      <c r="H8993" s="8">
        <v>1</v>
      </c>
      <c r="I8993" s="8">
        <v>0</v>
      </c>
      <c r="J8993" s="8">
        <v>1</v>
      </c>
      <c r="K8993" s="9">
        <v>52</v>
      </c>
      <c r="L8993" s="6" t="s">
        <v>51</v>
      </c>
    </row>
    <row r="8994" spans="1:12">
      <c r="A8994" s="6" t="s">
        <v>49</v>
      </c>
      <c r="B8994" s="6"/>
      <c r="C8994" s="6" t="s">
        <v>9018</v>
      </c>
      <c r="D8994" s="6"/>
      <c r="E8994" s="6" t="s">
        <v>9</v>
      </c>
      <c r="F8994" s="7">
        <v>38657</v>
      </c>
      <c r="G8994" s="8">
        <v>1</v>
      </c>
      <c r="H8994" s="8">
        <v>1</v>
      </c>
      <c r="I8994" s="8">
        <v>0</v>
      </c>
      <c r="J8994" s="8">
        <v>1</v>
      </c>
      <c r="K8994" s="9">
        <v>16</v>
      </c>
      <c r="L8994" s="6" t="s">
        <v>51</v>
      </c>
    </row>
    <row r="8995" spans="1:12">
      <c r="A8995" s="6" t="s">
        <v>49</v>
      </c>
      <c r="B8995" s="6"/>
      <c r="C8995" s="6" t="s">
        <v>9019</v>
      </c>
      <c r="D8995" s="6"/>
      <c r="E8995" s="6" t="s">
        <v>9</v>
      </c>
      <c r="F8995" s="7">
        <v>38657</v>
      </c>
      <c r="G8995" s="8">
        <v>1</v>
      </c>
      <c r="H8995" s="8">
        <v>1</v>
      </c>
      <c r="I8995" s="8">
        <v>0</v>
      </c>
      <c r="J8995" s="8">
        <v>1</v>
      </c>
      <c r="K8995" s="9">
        <v>49</v>
      </c>
      <c r="L8995" s="6" t="s">
        <v>51</v>
      </c>
    </row>
    <row r="8996" spans="1:12">
      <c r="A8996" s="6" t="s">
        <v>49</v>
      </c>
      <c r="B8996" s="6"/>
      <c r="C8996" s="6" t="s">
        <v>9020</v>
      </c>
      <c r="D8996" s="6"/>
      <c r="E8996" s="6" t="s">
        <v>9</v>
      </c>
      <c r="F8996" s="7">
        <v>38657</v>
      </c>
      <c r="G8996" s="8">
        <v>1</v>
      </c>
      <c r="H8996" s="8">
        <v>1</v>
      </c>
      <c r="I8996" s="8">
        <v>0</v>
      </c>
      <c r="J8996" s="8">
        <v>1</v>
      </c>
      <c r="K8996" s="9">
        <v>33</v>
      </c>
      <c r="L8996" s="6" t="s">
        <v>51</v>
      </c>
    </row>
    <row r="8997" spans="1:12">
      <c r="A8997" s="6" t="s">
        <v>49</v>
      </c>
      <c r="B8997" s="6"/>
      <c r="C8997" s="6" t="s">
        <v>9021</v>
      </c>
      <c r="D8997" s="6"/>
      <c r="E8997" s="6" t="s">
        <v>9</v>
      </c>
      <c r="F8997" s="7">
        <v>38657</v>
      </c>
      <c r="G8997" s="8">
        <v>1</v>
      </c>
      <c r="H8997" s="8">
        <v>1</v>
      </c>
      <c r="I8997" s="8">
        <v>0</v>
      </c>
      <c r="J8997" s="8">
        <v>1</v>
      </c>
      <c r="K8997" s="9">
        <v>112</v>
      </c>
      <c r="L8997" s="6" t="s">
        <v>51</v>
      </c>
    </row>
    <row r="8998" spans="1:12">
      <c r="A8998" s="6" t="s">
        <v>49</v>
      </c>
      <c r="B8998" s="6"/>
      <c r="C8998" s="6" t="s">
        <v>9022</v>
      </c>
      <c r="D8998" s="6"/>
      <c r="E8998" s="6" t="s">
        <v>9</v>
      </c>
      <c r="F8998" s="7">
        <v>38657</v>
      </c>
      <c r="G8998" s="8">
        <v>1</v>
      </c>
      <c r="H8998" s="8">
        <v>1</v>
      </c>
      <c r="I8998" s="8">
        <v>0</v>
      </c>
      <c r="J8998" s="8">
        <v>1</v>
      </c>
      <c r="K8998" s="9">
        <v>122</v>
      </c>
      <c r="L8998" s="6" t="s">
        <v>51</v>
      </c>
    </row>
    <row r="8999" spans="1:12">
      <c r="A8999" s="6" t="s">
        <v>49</v>
      </c>
      <c r="B8999" s="6"/>
      <c r="C8999" s="6" t="s">
        <v>9023</v>
      </c>
      <c r="D8999" s="6"/>
      <c r="E8999" s="6" t="s">
        <v>9</v>
      </c>
      <c r="F8999" s="7">
        <v>38657</v>
      </c>
      <c r="G8999" s="8">
        <v>1</v>
      </c>
      <c r="H8999" s="8">
        <v>1</v>
      </c>
      <c r="I8999" s="8">
        <v>0</v>
      </c>
      <c r="J8999" s="8">
        <v>1</v>
      </c>
      <c r="K8999" s="9">
        <v>39</v>
      </c>
      <c r="L8999" s="6" t="s">
        <v>51</v>
      </c>
    </row>
    <row r="9000" spans="1:12">
      <c r="A9000" s="6" t="s">
        <v>49</v>
      </c>
      <c r="B9000" s="6"/>
      <c r="C9000" s="6" t="s">
        <v>9024</v>
      </c>
      <c r="D9000" s="6"/>
      <c r="E9000" s="6" t="s">
        <v>9</v>
      </c>
      <c r="F9000" s="7">
        <v>38657</v>
      </c>
      <c r="G9000" s="8">
        <v>1</v>
      </c>
      <c r="H9000" s="8">
        <v>1</v>
      </c>
      <c r="I9000" s="8">
        <v>0</v>
      </c>
      <c r="J9000" s="8">
        <v>1</v>
      </c>
      <c r="K9000" s="9">
        <v>33</v>
      </c>
      <c r="L9000" s="6" t="s">
        <v>51</v>
      </c>
    </row>
    <row r="9001" spans="1:12">
      <c r="A9001" s="6" t="s">
        <v>49</v>
      </c>
      <c r="B9001" s="6"/>
      <c r="C9001" s="6" t="s">
        <v>9025</v>
      </c>
      <c r="D9001" s="6"/>
      <c r="E9001" s="6" t="s">
        <v>9</v>
      </c>
      <c r="F9001" s="7">
        <v>38657</v>
      </c>
      <c r="G9001" s="8">
        <v>1</v>
      </c>
      <c r="H9001" s="8">
        <v>1</v>
      </c>
      <c r="I9001" s="8">
        <v>0</v>
      </c>
      <c r="J9001" s="8">
        <v>1</v>
      </c>
      <c r="K9001" s="9">
        <v>36</v>
      </c>
      <c r="L9001" s="6" t="s">
        <v>51</v>
      </c>
    </row>
    <row r="9002" spans="1:12">
      <c r="A9002" s="6" t="s">
        <v>49</v>
      </c>
      <c r="B9002" s="6"/>
      <c r="C9002" s="6" t="s">
        <v>9026</v>
      </c>
      <c r="D9002" s="6"/>
      <c r="E9002" s="6" t="s">
        <v>9</v>
      </c>
      <c r="F9002" s="7">
        <v>38657</v>
      </c>
      <c r="G9002" s="8">
        <v>1</v>
      </c>
      <c r="H9002" s="8">
        <v>1</v>
      </c>
      <c r="I9002" s="8">
        <v>0</v>
      </c>
      <c r="J9002" s="8">
        <v>1</v>
      </c>
      <c r="K9002" s="9">
        <v>1.65</v>
      </c>
      <c r="L9002" s="6" t="s">
        <v>51</v>
      </c>
    </row>
    <row r="9003" spans="1:12">
      <c r="A9003" s="6" t="s">
        <v>49</v>
      </c>
      <c r="B9003" s="6"/>
      <c r="C9003" s="6" t="s">
        <v>9027</v>
      </c>
      <c r="D9003" s="6"/>
      <c r="E9003" s="6" t="s">
        <v>9</v>
      </c>
      <c r="F9003" s="7">
        <v>38657</v>
      </c>
      <c r="G9003" s="8">
        <v>1</v>
      </c>
      <c r="H9003" s="8">
        <v>1</v>
      </c>
      <c r="I9003" s="8">
        <v>0</v>
      </c>
      <c r="J9003" s="8">
        <v>1</v>
      </c>
      <c r="K9003" s="9">
        <v>148.76</v>
      </c>
      <c r="L9003" s="6" t="s">
        <v>51</v>
      </c>
    </row>
    <row r="9004" spans="1:12">
      <c r="A9004" s="6" t="s">
        <v>49</v>
      </c>
      <c r="B9004" s="6"/>
      <c r="C9004" s="6" t="s">
        <v>9028</v>
      </c>
      <c r="D9004" s="6"/>
      <c r="E9004" s="6" t="s">
        <v>9</v>
      </c>
      <c r="F9004" s="7">
        <v>38657</v>
      </c>
      <c r="G9004" s="8">
        <v>1</v>
      </c>
      <c r="H9004" s="8">
        <v>1</v>
      </c>
      <c r="I9004" s="8">
        <v>0</v>
      </c>
      <c r="J9004" s="8">
        <v>1</v>
      </c>
      <c r="K9004" s="9">
        <v>6.61</v>
      </c>
      <c r="L9004" s="6" t="s">
        <v>51</v>
      </c>
    </row>
    <row r="9005" spans="1:12">
      <c r="A9005" s="6" t="s">
        <v>49</v>
      </c>
      <c r="B9005" s="6"/>
      <c r="C9005" s="6" t="s">
        <v>9029</v>
      </c>
      <c r="D9005" s="6"/>
      <c r="E9005" s="6" t="s">
        <v>9</v>
      </c>
      <c r="F9005" s="7">
        <v>38657</v>
      </c>
      <c r="G9005" s="8">
        <v>1</v>
      </c>
      <c r="H9005" s="8">
        <v>1</v>
      </c>
      <c r="I9005" s="8">
        <v>0</v>
      </c>
      <c r="J9005" s="8">
        <v>1</v>
      </c>
      <c r="K9005" s="9">
        <v>11</v>
      </c>
      <c r="L9005" s="6" t="s">
        <v>51</v>
      </c>
    </row>
    <row r="9006" spans="1:12">
      <c r="A9006" s="6" t="s">
        <v>49</v>
      </c>
      <c r="B9006" s="6"/>
      <c r="C9006" s="6" t="s">
        <v>9030</v>
      </c>
      <c r="D9006" s="6"/>
      <c r="E9006" s="6" t="s">
        <v>9</v>
      </c>
      <c r="F9006" s="7">
        <v>38657</v>
      </c>
      <c r="G9006" s="8">
        <v>1</v>
      </c>
      <c r="H9006" s="8">
        <v>1</v>
      </c>
      <c r="I9006" s="8">
        <v>0</v>
      </c>
      <c r="J9006" s="8">
        <v>1</v>
      </c>
      <c r="K9006" s="9">
        <v>15</v>
      </c>
      <c r="L9006" s="6" t="s">
        <v>51</v>
      </c>
    </row>
    <row r="9007" spans="1:12">
      <c r="A9007" s="6" t="s">
        <v>49</v>
      </c>
      <c r="B9007" s="6"/>
      <c r="C9007" s="6" t="s">
        <v>9031</v>
      </c>
      <c r="D9007" s="6"/>
      <c r="E9007" s="6" t="s">
        <v>9</v>
      </c>
      <c r="F9007" s="7">
        <v>38657</v>
      </c>
      <c r="G9007" s="8">
        <v>1</v>
      </c>
      <c r="H9007" s="8">
        <v>1</v>
      </c>
      <c r="I9007" s="8">
        <v>0</v>
      </c>
      <c r="J9007" s="8">
        <v>1</v>
      </c>
      <c r="K9007" s="9">
        <v>4.9000000000000004</v>
      </c>
      <c r="L9007" s="6" t="s">
        <v>51</v>
      </c>
    </row>
    <row r="9008" spans="1:12">
      <c r="A9008" s="6" t="s">
        <v>49</v>
      </c>
      <c r="B9008" s="6"/>
      <c r="C9008" s="6" t="s">
        <v>9032</v>
      </c>
      <c r="D9008" s="6"/>
      <c r="E9008" s="6" t="s">
        <v>9</v>
      </c>
      <c r="F9008" s="7">
        <v>38657</v>
      </c>
      <c r="G9008" s="8">
        <v>1</v>
      </c>
      <c r="H9008" s="8">
        <v>1</v>
      </c>
      <c r="I9008" s="8">
        <v>0</v>
      </c>
      <c r="J9008" s="8">
        <v>1</v>
      </c>
      <c r="K9008" s="9">
        <v>2.08</v>
      </c>
      <c r="L9008" s="6" t="s">
        <v>51</v>
      </c>
    </row>
    <row r="9009" spans="1:12">
      <c r="A9009" s="6" t="s">
        <v>49</v>
      </c>
      <c r="B9009" s="6"/>
      <c r="C9009" s="6" t="s">
        <v>9033</v>
      </c>
      <c r="D9009" s="6"/>
      <c r="E9009" s="6" t="s">
        <v>9</v>
      </c>
      <c r="F9009" s="7">
        <v>38657</v>
      </c>
      <c r="G9009" s="8">
        <v>1</v>
      </c>
      <c r="H9009" s="8">
        <v>1</v>
      </c>
      <c r="I9009" s="8">
        <v>0</v>
      </c>
      <c r="J9009" s="8">
        <v>1</v>
      </c>
      <c r="K9009" s="9">
        <v>72</v>
      </c>
      <c r="L9009" s="6" t="s">
        <v>51</v>
      </c>
    </row>
    <row r="9010" spans="1:12">
      <c r="A9010" s="6" t="s">
        <v>49</v>
      </c>
      <c r="B9010" s="6"/>
      <c r="C9010" s="6" t="s">
        <v>9034</v>
      </c>
      <c r="D9010" s="6"/>
      <c r="E9010" s="6" t="s">
        <v>9</v>
      </c>
      <c r="F9010" s="7">
        <v>38657</v>
      </c>
      <c r="G9010" s="8">
        <v>1</v>
      </c>
      <c r="H9010" s="8">
        <v>1</v>
      </c>
      <c r="I9010" s="8">
        <v>0</v>
      </c>
      <c r="J9010" s="8">
        <v>1</v>
      </c>
      <c r="K9010" s="9">
        <v>1.66</v>
      </c>
      <c r="L9010" s="6" t="s">
        <v>51</v>
      </c>
    </row>
    <row r="9011" spans="1:12">
      <c r="A9011" s="6" t="s">
        <v>49</v>
      </c>
      <c r="B9011" s="6"/>
      <c r="C9011" s="6" t="s">
        <v>9035</v>
      </c>
      <c r="D9011" s="6"/>
      <c r="E9011" s="6" t="s">
        <v>9</v>
      </c>
      <c r="F9011" s="7">
        <v>38657</v>
      </c>
      <c r="G9011" s="8">
        <v>1</v>
      </c>
      <c r="H9011" s="8">
        <v>1</v>
      </c>
      <c r="I9011" s="8">
        <v>0</v>
      </c>
      <c r="J9011" s="8">
        <v>1</v>
      </c>
      <c r="K9011" s="9">
        <v>2.4</v>
      </c>
      <c r="L9011" s="6" t="s">
        <v>51</v>
      </c>
    </row>
    <row r="9012" spans="1:12">
      <c r="A9012" s="6" t="s">
        <v>49</v>
      </c>
      <c r="B9012" s="6"/>
      <c r="C9012" s="6" t="s">
        <v>9036</v>
      </c>
      <c r="D9012" s="6"/>
      <c r="E9012" s="6" t="s">
        <v>9</v>
      </c>
      <c r="F9012" s="7">
        <v>38657</v>
      </c>
      <c r="G9012" s="8">
        <v>1</v>
      </c>
      <c r="H9012" s="8">
        <v>1</v>
      </c>
      <c r="I9012" s="8">
        <v>0</v>
      </c>
      <c r="J9012" s="8">
        <v>1</v>
      </c>
      <c r="K9012" s="9">
        <v>3.05</v>
      </c>
      <c r="L9012" s="6" t="s">
        <v>51</v>
      </c>
    </row>
    <row r="9013" spans="1:12">
      <c r="A9013" s="6" t="s">
        <v>49</v>
      </c>
      <c r="B9013" s="6"/>
      <c r="C9013" s="6" t="s">
        <v>9037</v>
      </c>
      <c r="D9013" s="6"/>
      <c r="E9013" s="6" t="s">
        <v>9</v>
      </c>
      <c r="F9013" s="7">
        <v>38657</v>
      </c>
      <c r="G9013" s="8">
        <v>1</v>
      </c>
      <c r="H9013" s="8">
        <v>1</v>
      </c>
      <c r="I9013" s="8">
        <v>0</v>
      </c>
      <c r="J9013" s="8">
        <v>1</v>
      </c>
      <c r="K9013" s="9">
        <v>2.4700000000000002</v>
      </c>
      <c r="L9013" s="6" t="s">
        <v>51</v>
      </c>
    </row>
    <row r="9014" spans="1:12">
      <c r="A9014" s="6" t="s">
        <v>49</v>
      </c>
      <c r="B9014" s="6"/>
      <c r="C9014" s="6" t="s">
        <v>9038</v>
      </c>
      <c r="D9014" s="6"/>
      <c r="E9014" s="6" t="s">
        <v>9</v>
      </c>
      <c r="F9014" s="7">
        <v>38657</v>
      </c>
      <c r="G9014" s="8">
        <v>1</v>
      </c>
      <c r="H9014" s="8">
        <v>1</v>
      </c>
      <c r="I9014" s="8">
        <v>0</v>
      </c>
      <c r="J9014" s="8">
        <v>1</v>
      </c>
      <c r="K9014" s="9">
        <v>1.95</v>
      </c>
      <c r="L9014" s="6" t="s">
        <v>51</v>
      </c>
    </row>
    <row r="9015" spans="1:12">
      <c r="A9015" s="6" t="s">
        <v>49</v>
      </c>
      <c r="B9015" s="6"/>
      <c r="C9015" s="6" t="s">
        <v>9039</v>
      </c>
      <c r="D9015" s="6"/>
      <c r="E9015" s="6" t="s">
        <v>9</v>
      </c>
      <c r="F9015" s="7">
        <v>38657</v>
      </c>
      <c r="G9015" s="8">
        <v>1</v>
      </c>
      <c r="H9015" s="8">
        <v>1</v>
      </c>
      <c r="I9015" s="8">
        <v>0</v>
      </c>
      <c r="J9015" s="8">
        <v>1</v>
      </c>
      <c r="K9015" s="9">
        <v>3.97</v>
      </c>
      <c r="L9015" s="6" t="s">
        <v>51</v>
      </c>
    </row>
    <row r="9016" spans="1:12">
      <c r="A9016" s="6" t="s">
        <v>49</v>
      </c>
      <c r="B9016" s="6"/>
      <c r="C9016" s="6" t="s">
        <v>9040</v>
      </c>
      <c r="D9016" s="6"/>
      <c r="E9016" s="6" t="s">
        <v>9</v>
      </c>
      <c r="F9016" s="7">
        <v>38657</v>
      </c>
      <c r="G9016" s="8">
        <v>1</v>
      </c>
      <c r="H9016" s="8">
        <v>1</v>
      </c>
      <c r="I9016" s="8">
        <v>0</v>
      </c>
      <c r="J9016" s="8">
        <v>1</v>
      </c>
      <c r="K9016" s="9">
        <v>4.54</v>
      </c>
      <c r="L9016" s="6" t="s">
        <v>51</v>
      </c>
    </row>
    <row r="9017" spans="1:12">
      <c r="A9017" s="6" t="s">
        <v>49</v>
      </c>
      <c r="B9017" s="6"/>
      <c r="C9017" s="6" t="s">
        <v>9041</v>
      </c>
      <c r="D9017" s="6"/>
      <c r="E9017" s="6" t="s">
        <v>9</v>
      </c>
      <c r="F9017" s="7">
        <v>38657</v>
      </c>
      <c r="G9017" s="8">
        <v>1</v>
      </c>
      <c r="H9017" s="8">
        <v>1</v>
      </c>
      <c r="I9017" s="8">
        <v>0</v>
      </c>
      <c r="J9017" s="8">
        <v>1</v>
      </c>
      <c r="K9017" s="9">
        <v>244.62</v>
      </c>
      <c r="L9017" s="6" t="s">
        <v>51</v>
      </c>
    </row>
    <row r="9018" spans="1:12">
      <c r="A9018" s="6" t="s">
        <v>49</v>
      </c>
      <c r="B9018" s="6"/>
      <c r="C9018" s="6" t="s">
        <v>9042</v>
      </c>
      <c r="D9018" s="6"/>
      <c r="E9018" s="6" t="s">
        <v>9</v>
      </c>
      <c r="F9018" s="7">
        <v>38657</v>
      </c>
      <c r="G9018" s="8">
        <v>1</v>
      </c>
      <c r="H9018" s="8">
        <v>1</v>
      </c>
      <c r="I9018" s="8">
        <v>0</v>
      </c>
      <c r="J9018" s="8">
        <v>1</v>
      </c>
      <c r="K9018" s="9">
        <v>39</v>
      </c>
      <c r="L9018" s="6" t="s">
        <v>51</v>
      </c>
    </row>
    <row r="9019" spans="1:12">
      <c r="A9019" s="6" t="s">
        <v>49</v>
      </c>
      <c r="B9019" s="6"/>
      <c r="C9019" s="6" t="s">
        <v>9043</v>
      </c>
      <c r="D9019" s="6"/>
      <c r="E9019" s="6" t="s">
        <v>9</v>
      </c>
      <c r="F9019" s="7">
        <v>38657</v>
      </c>
      <c r="G9019" s="8">
        <v>1</v>
      </c>
      <c r="H9019" s="8">
        <v>1</v>
      </c>
      <c r="I9019" s="8">
        <v>0</v>
      </c>
      <c r="J9019" s="8">
        <v>1</v>
      </c>
      <c r="K9019" s="9">
        <v>3.85</v>
      </c>
      <c r="L9019" s="6" t="s">
        <v>51</v>
      </c>
    </row>
    <row r="9020" spans="1:12">
      <c r="A9020" s="6" t="s">
        <v>49</v>
      </c>
      <c r="B9020" s="6"/>
      <c r="C9020" s="6" t="s">
        <v>9044</v>
      </c>
      <c r="D9020" s="6"/>
      <c r="E9020" s="6" t="s">
        <v>9</v>
      </c>
      <c r="F9020" s="7">
        <v>38657</v>
      </c>
      <c r="G9020" s="8">
        <v>1</v>
      </c>
      <c r="H9020" s="8">
        <v>1</v>
      </c>
      <c r="I9020" s="8">
        <v>0</v>
      </c>
      <c r="J9020" s="8">
        <v>1</v>
      </c>
      <c r="K9020" s="9">
        <v>651</v>
      </c>
      <c r="L9020" s="6" t="s">
        <v>51</v>
      </c>
    </row>
    <row r="9021" spans="1:12">
      <c r="A9021" s="6" t="s">
        <v>49</v>
      </c>
      <c r="B9021" s="6"/>
      <c r="C9021" s="6" t="s">
        <v>9045</v>
      </c>
      <c r="D9021" s="6"/>
      <c r="E9021" s="6" t="s">
        <v>9</v>
      </c>
      <c r="F9021" s="7">
        <v>38657</v>
      </c>
      <c r="G9021" s="8">
        <v>1</v>
      </c>
      <c r="H9021" s="8">
        <v>1</v>
      </c>
      <c r="I9021" s="8">
        <v>0</v>
      </c>
      <c r="J9021" s="8">
        <v>1</v>
      </c>
      <c r="K9021" s="9">
        <v>132.229999999999</v>
      </c>
      <c r="L9021" s="6" t="s">
        <v>51</v>
      </c>
    </row>
    <row r="9022" spans="1:12">
      <c r="A9022" s="6" t="s">
        <v>49</v>
      </c>
      <c r="B9022" s="6"/>
      <c r="C9022" s="6" t="s">
        <v>9046</v>
      </c>
      <c r="D9022" s="6"/>
      <c r="E9022" s="6" t="s">
        <v>9</v>
      </c>
      <c r="F9022" s="7">
        <v>38657</v>
      </c>
      <c r="G9022" s="8">
        <v>1</v>
      </c>
      <c r="H9022" s="8">
        <v>1</v>
      </c>
      <c r="I9022" s="8">
        <v>0</v>
      </c>
      <c r="J9022" s="8">
        <v>1</v>
      </c>
      <c r="K9022" s="9">
        <v>125.61</v>
      </c>
      <c r="L9022" s="6" t="s">
        <v>51</v>
      </c>
    </row>
    <row r="9023" spans="1:12">
      <c r="A9023" s="6" t="s">
        <v>49</v>
      </c>
      <c r="B9023" s="6"/>
      <c r="C9023" s="6" t="s">
        <v>9047</v>
      </c>
      <c r="D9023" s="6"/>
      <c r="E9023" s="6" t="s">
        <v>9</v>
      </c>
      <c r="F9023" s="7">
        <v>38657</v>
      </c>
      <c r="G9023" s="8">
        <v>1</v>
      </c>
      <c r="H9023" s="8">
        <v>1</v>
      </c>
      <c r="I9023" s="8">
        <v>0</v>
      </c>
      <c r="J9023" s="8">
        <v>1</v>
      </c>
      <c r="K9023" s="9">
        <v>44.36</v>
      </c>
      <c r="L9023" s="6" t="s">
        <v>51</v>
      </c>
    </row>
    <row r="9024" spans="1:12">
      <c r="A9024" s="6" t="s">
        <v>49</v>
      </c>
      <c r="B9024" s="6"/>
      <c r="C9024" s="6" t="s">
        <v>9048</v>
      </c>
      <c r="D9024" s="6"/>
      <c r="E9024" s="6" t="s">
        <v>9</v>
      </c>
      <c r="F9024" s="7">
        <v>38657</v>
      </c>
      <c r="G9024" s="8">
        <v>1</v>
      </c>
      <c r="H9024" s="8">
        <v>1</v>
      </c>
      <c r="I9024" s="8">
        <v>0</v>
      </c>
      <c r="J9024" s="8">
        <v>1</v>
      </c>
      <c r="K9024" s="9">
        <v>1.97</v>
      </c>
      <c r="L9024" s="6" t="s">
        <v>51</v>
      </c>
    </row>
    <row r="9025" spans="1:12">
      <c r="A9025" s="6" t="s">
        <v>49</v>
      </c>
      <c r="B9025" s="6"/>
      <c r="C9025" s="6" t="s">
        <v>9049</v>
      </c>
      <c r="D9025" s="6"/>
      <c r="E9025" s="6" t="s">
        <v>9</v>
      </c>
      <c r="F9025" s="7">
        <v>41534</v>
      </c>
      <c r="G9025" s="8">
        <v>1</v>
      </c>
      <c r="H9025" s="8">
        <v>1</v>
      </c>
      <c r="I9025" s="8">
        <v>0</v>
      </c>
      <c r="J9025" s="8">
        <v>1</v>
      </c>
      <c r="K9025" s="9">
        <v>61</v>
      </c>
      <c r="L9025" s="6" t="s">
        <v>51</v>
      </c>
    </row>
    <row r="9026" spans="1:12">
      <c r="A9026" s="6" t="s">
        <v>49</v>
      </c>
      <c r="B9026" s="6"/>
      <c r="C9026" s="6" t="s">
        <v>9050</v>
      </c>
      <c r="D9026" s="6"/>
      <c r="E9026" s="6" t="s">
        <v>9</v>
      </c>
      <c r="F9026" s="7">
        <v>38657</v>
      </c>
      <c r="G9026" s="8">
        <v>1</v>
      </c>
      <c r="H9026" s="8">
        <v>1</v>
      </c>
      <c r="I9026" s="8">
        <v>0</v>
      </c>
      <c r="J9026" s="8">
        <v>1</v>
      </c>
      <c r="K9026" s="9">
        <v>39</v>
      </c>
      <c r="L9026" s="6" t="s">
        <v>51</v>
      </c>
    </row>
    <row r="9027" spans="1:12">
      <c r="A9027" s="6" t="s">
        <v>49</v>
      </c>
      <c r="B9027" s="6"/>
      <c r="C9027" s="6" t="s">
        <v>9051</v>
      </c>
      <c r="D9027" s="6"/>
      <c r="E9027" s="6" t="s">
        <v>9</v>
      </c>
      <c r="F9027" s="7">
        <v>40570</v>
      </c>
      <c r="G9027" s="8">
        <v>1</v>
      </c>
      <c r="H9027" s="8">
        <v>1</v>
      </c>
      <c r="I9027" s="8">
        <v>0</v>
      </c>
      <c r="J9027" s="8">
        <v>1</v>
      </c>
      <c r="K9027" s="9">
        <v>117</v>
      </c>
      <c r="L9027" s="6" t="s">
        <v>51</v>
      </c>
    </row>
    <row r="9028" spans="1:12">
      <c r="A9028" s="6" t="s">
        <v>49</v>
      </c>
      <c r="B9028" s="6"/>
      <c r="C9028" s="6" t="s">
        <v>9052</v>
      </c>
      <c r="D9028" s="6"/>
      <c r="E9028" s="6" t="s">
        <v>9</v>
      </c>
      <c r="F9028" s="7">
        <v>38657</v>
      </c>
      <c r="G9028" s="8">
        <v>1</v>
      </c>
      <c r="H9028" s="8">
        <v>1</v>
      </c>
      <c r="I9028" s="8">
        <v>0</v>
      </c>
      <c r="J9028" s="8">
        <v>1</v>
      </c>
      <c r="K9028" s="9">
        <v>26.44</v>
      </c>
      <c r="L9028" s="6" t="s">
        <v>51</v>
      </c>
    </row>
    <row r="9029" spans="1:12">
      <c r="A9029" s="6" t="s">
        <v>49</v>
      </c>
      <c r="B9029" s="6"/>
      <c r="C9029" s="6" t="s">
        <v>9053</v>
      </c>
      <c r="D9029" s="6"/>
      <c r="E9029" s="6" t="s">
        <v>9</v>
      </c>
      <c r="F9029" s="7">
        <v>38657</v>
      </c>
      <c r="G9029" s="8">
        <v>1</v>
      </c>
      <c r="H9029" s="8">
        <v>1</v>
      </c>
      <c r="I9029" s="8">
        <v>0</v>
      </c>
      <c r="J9029" s="8">
        <v>1</v>
      </c>
      <c r="K9029" s="9">
        <v>165.28</v>
      </c>
      <c r="L9029" s="6" t="s">
        <v>51</v>
      </c>
    </row>
    <row r="9030" spans="1:12">
      <c r="A9030" s="6" t="s">
        <v>49</v>
      </c>
      <c r="B9030" s="6"/>
      <c r="C9030" s="6" t="s">
        <v>9054</v>
      </c>
      <c r="D9030" s="6"/>
      <c r="E9030" s="6" t="s">
        <v>9</v>
      </c>
      <c r="F9030" s="7">
        <v>38657</v>
      </c>
      <c r="G9030" s="8">
        <v>1</v>
      </c>
      <c r="H9030" s="8">
        <v>1</v>
      </c>
      <c r="I9030" s="8">
        <v>0</v>
      </c>
      <c r="J9030" s="8">
        <v>1</v>
      </c>
      <c r="K9030" s="9">
        <v>201.5</v>
      </c>
      <c r="L9030" s="6" t="s">
        <v>51</v>
      </c>
    </row>
    <row r="9031" spans="1:12">
      <c r="A9031" s="6" t="s">
        <v>49</v>
      </c>
      <c r="B9031" s="6"/>
      <c r="C9031" s="6" t="s">
        <v>9055</v>
      </c>
      <c r="D9031" s="6"/>
      <c r="E9031" s="6" t="s">
        <v>9</v>
      </c>
      <c r="F9031" s="7">
        <v>38657</v>
      </c>
      <c r="G9031" s="8">
        <v>1</v>
      </c>
      <c r="H9031" s="8">
        <v>1</v>
      </c>
      <c r="I9031" s="8">
        <v>0</v>
      </c>
      <c r="J9031" s="8">
        <v>1</v>
      </c>
      <c r="K9031" s="9">
        <v>26</v>
      </c>
      <c r="L9031" s="6" t="s">
        <v>51</v>
      </c>
    </row>
    <row r="9032" spans="1:12">
      <c r="A9032" s="6" t="s">
        <v>49</v>
      </c>
      <c r="B9032" s="6"/>
      <c r="C9032" s="6" t="s">
        <v>9056</v>
      </c>
      <c r="D9032" s="6"/>
      <c r="E9032" s="6" t="s">
        <v>9</v>
      </c>
      <c r="F9032" s="7">
        <v>38657</v>
      </c>
      <c r="G9032" s="8">
        <v>1</v>
      </c>
      <c r="H9032" s="8">
        <v>1</v>
      </c>
      <c r="I9032" s="8">
        <v>0</v>
      </c>
      <c r="J9032" s="8">
        <v>1</v>
      </c>
      <c r="K9032" s="9">
        <v>328</v>
      </c>
      <c r="L9032" s="6" t="s">
        <v>51</v>
      </c>
    </row>
    <row r="9033" spans="1:12">
      <c r="A9033" s="6" t="s">
        <v>49</v>
      </c>
      <c r="B9033" s="6"/>
      <c r="C9033" s="6" t="s">
        <v>9057</v>
      </c>
      <c r="D9033" s="6"/>
      <c r="E9033" s="6" t="s">
        <v>9</v>
      </c>
      <c r="F9033" s="7">
        <v>38657</v>
      </c>
      <c r="G9033" s="8">
        <v>1</v>
      </c>
      <c r="H9033" s="8">
        <v>1</v>
      </c>
      <c r="I9033" s="8">
        <v>0</v>
      </c>
      <c r="J9033" s="8">
        <v>1</v>
      </c>
      <c r="K9033" s="9">
        <v>683</v>
      </c>
      <c r="L9033" s="6" t="s">
        <v>51</v>
      </c>
    </row>
    <row r="9034" spans="1:12">
      <c r="A9034" s="6" t="s">
        <v>49</v>
      </c>
      <c r="B9034" s="6"/>
      <c r="C9034" s="6" t="s">
        <v>9058</v>
      </c>
      <c r="D9034" s="6"/>
      <c r="E9034" s="6" t="s">
        <v>9</v>
      </c>
      <c r="F9034" s="7">
        <v>38657</v>
      </c>
      <c r="G9034" s="8">
        <v>1</v>
      </c>
      <c r="H9034" s="8">
        <v>1</v>
      </c>
      <c r="I9034" s="8">
        <v>0</v>
      </c>
      <c r="J9034" s="8">
        <v>1</v>
      </c>
      <c r="K9034" s="9">
        <v>64</v>
      </c>
      <c r="L9034" s="6" t="s">
        <v>51</v>
      </c>
    </row>
    <row r="9035" spans="1:12">
      <c r="A9035" s="6" t="s">
        <v>49</v>
      </c>
      <c r="B9035" s="6"/>
      <c r="C9035" s="6" t="s">
        <v>9059</v>
      </c>
      <c r="D9035" s="6"/>
      <c r="E9035" s="6" t="s">
        <v>9</v>
      </c>
      <c r="F9035" s="7">
        <v>38657</v>
      </c>
      <c r="G9035" s="8">
        <v>1</v>
      </c>
      <c r="H9035" s="8">
        <v>1</v>
      </c>
      <c r="I9035" s="8">
        <v>0</v>
      </c>
      <c r="J9035" s="8">
        <v>1</v>
      </c>
      <c r="K9035" s="9">
        <v>224</v>
      </c>
      <c r="L9035" s="6" t="s">
        <v>51</v>
      </c>
    </row>
    <row r="9036" spans="1:12">
      <c r="A9036" s="6" t="s">
        <v>49</v>
      </c>
      <c r="B9036" s="6"/>
      <c r="C9036" s="6" t="s">
        <v>9060</v>
      </c>
      <c r="D9036" s="6"/>
      <c r="E9036" s="6" t="s">
        <v>9</v>
      </c>
      <c r="F9036" s="7">
        <v>38657</v>
      </c>
      <c r="G9036" s="8">
        <v>1</v>
      </c>
      <c r="H9036" s="8">
        <v>1</v>
      </c>
      <c r="I9036" s="8">
        <v>0</v>
      </c>
      <c r="J9036" s="8">
        <v>1</v>
      </c>
      <c r="K9036" s="9">
        <v>1.98</v>
      </c>
      <c r="L9036" s="6" t="s">
        <v>51</v>
      </c>
    </row>
    <row r="9037" spans="1:12">
      <c r="A9037" s="6" t="s">
        <v>49</v>
      </c>
      <c r="B9037" s="6"/>
      <c r="C9037" s="6" t="s">
        <v>9061</v>
      </c>
      <c r="D9037" s="6"/>
      <c r="E9037" s="6" t="s">
        <v>9</v>
      </c>
      <c r="F9037" s="7">
        <v>38657</v>
      </c>
      <c r="G9037" s="8">
        <v>1</v>
      </c>
      <c r="H9037" s="8">
        <v>1</v>
      </c>
      <c r="I9037" s="8">
        <v>0</v>
      </c>
      <c r="J9037" s="8">
        <v>1</v>
      </c>
      <c r="K9037" s="9">
        <v>76</v>
      </c>
      <c r="L9037" s="6" t="s">
        <v>51</v>
      </c>
    </row>
    <row r="9038" spans="1:12">
      <c r="A9038" s="6" t="s">
        <v>49</v>
      </c>
      <c r="B9038" s="6"/>
      <c r="C9038" s="6" t="s">
        <v>9062</v>
      </c>
      <c r="D9038" s="6"/>
      <c r="E9038" s="6" t="s">
        <v>9</v>
      </c>
      <c r="F9038" s="7">
        <v>38657</v>
      </c>
      <c r="G9038" s="8">
        <v>1</v>
      </c>
      <c r="H9038" s="8">
        <v>1</v>
      </c>
      <c r="I9038" s="8">
        <v>0</v>
      </c>
      <c r="J9038" s="8">
        <v>1</v>
      </c>
      <c r="K9038" s="9">
        <v>9.91</v>
      </c>
      <c r="L9038" s="6" t="s">
        <v>51</v>
      </c>
    </row>
    <row r="9039" spans="1:12">
      <c r="A9039" s="6" t="s">
        <v>49</v>
      </c>
      <c r="B9039" s="6"/>
      <c r="C9039" s="6" t="s">
        <v>9063</v>
      </c>
      <c r="D9039" s="6"/>
      <c r="E9039" s="6" t="s">
        <v>9</v>
      </c>
      <c r="F9039" s="7">
        <v>38657</v>
      </c>
      <c r="G9039" s="8">
        <v>1</v>
      </c>
      <c r="H9039" s="8">
        <v>1</v>
      </c>
      <c r="I9039" s="8">
        <v>0</v>
      </c>
      <c r="J9039" s="8">
        <v>1</v>
      </c>
      <c r="K9039" s="9">
        <v>105</v>
      </c>
      <c r="L9039" s="6" t="s">
        <v>51</v>
      </c>
    </row>
    <row r="9040" spans="1:12">
      <c r="A9040" s="6" t="s">
        <v>49</v>
      </c>
      <c r="B9040" s="6"/>
      <c r="C9040" s="6" t="s">
        <v>9064</v>
      </c>
      <c r="D9040" s="6"/>
      <c r="E9040" s="6" t="s">
        <v>9</v>
      </c>
      <c r="F9040" s="7">
        <v>38657</v>
      </c>
      <c r="G9040" s="8">
        <v>1</v>
      </c>
      <c r="H9040" s="8">
        <v>1</v>
      </c>
      <c r="I9040" s="8">
        <v>0</v>
      </c>
      <c r="J9040" s="8">
        <v>1</v>
      </c>
      <c r="K9040" s="9">
        <v>9.91</v>
      </c>
      <c r="L9040" s="6" t="s">
        <v>51</v>
      </c>
    </row>
    <row r="9041" spans="1:12">
      <c r="A9041" s="6" t="s">
        <v>49</v>
      </c>
      <c r="B9041" s="6"/>
      <c r="C9041" s="6" t="s">
        <v>9065</v>
      </c>
      <c r="D9041" s="6"/>
      <c r="E9041" s="6" t="s">
        <v>9</v>
      </c>
      <c r="F9041" s="7">
        <v>38657</v>
      </c>
      <c r="G9041" s="8">
        <v>1</v>
      </c>
      <c r="H9041" s="8">
        <v>1</v>
      </c>
      <c r="I9041" s="8">
        <v>0</v>
      </c>
      <c r="J9041" s="8">
        <v>1</v>
      </c>
      <c r="K9041" s="9">
        <v>23</v>
      </c>
      <c r="L9041" s="6" t="s">
        <v>51</v>
      </c>
    </row>
    <row r="9042" spans="1:12">
      <c r="A9042" s="6" t="s">
        <v>49</v>
      </c>
      <c r="B9042" s="6"/>
      <c r="C9042" s="6" t="s">
        <v>9066</v>
      </c>
      <c r="D9042" s="6"/>
      <c r="E9042" s="6" t="s">
        <v>9</v>
      </c>
      <c r="F9042" s="7">
        <v>38657</v>
      </c>
      <c r="G9042" s="8">
        <v>1</v>
      </c>
      <c r="H9042" s="8">
        <v>1</v>
      </c>
      <c r="I9042" s="8">
        <v>0</v>
      </c>
      <c r="J9042" s="8">
        <v>1</v>
      </c>
      <c r="K9042" s="9">
        <v>1139</v>
      </c>
      <c r="L9042" s="6" t="s">
        <v>51</v>
      </c>
    </row>
    <row r="9043" spans="1:12">
      <c r="A9043" s="6" t="s">
        <v>49</v>
      </c>
      <c r="B9043" s="6"/>
      <c r="C9043" s="6" t="s">
        <v>9067</v>
      </c>
      <c r="D9043" s="6"/>
      <c r="E9043" s="6" t="s">
        <v>9</v>
      </c>
      <c r="F9043" s="7">
        <v>38657</v>
      </c>
      <c r="G9043" s="8">
        <v>1</v>
      </c>
      <c r="H9043" s="8">
        <v>1</v>
      </c>
      <c r="I9043" s="8">
        <v>0</v>
      </c>
      <c r="J9043" s="8">
        <v>1</v>
      </c>
      <c r="K9043" s="9">
        <v>6.61</v>
      </c>
      <c r="L9043" s="6" t="s">
        <v>51</v>
      </c>
    </row>
    <row r="9044" spans="1:12">
      <c r="A9044" s="6" t="s">
        <v>49</v>
      </c>
      <c r="B9044" s="6"/>
      <c r="C9044" s="6" t="s">
        <v>9068</v>
      </c>
      <c r="D9044" s="6"/>
      <c r="E9044" s="6" t="s">
        <v>9</v>
      </c>
      <c r="F9044" s="7">
        <v>38657</v>
      </c>
      <c r="G9044" s="8">
        <v>1</v>
      </c>
      <c r="H9044" s="8">
        <v>1</v>
      </c>
      <c r="I9044" s="8">
        <v>0</v>
      </c>
      <c r="J9044" s="8">
        <v>1</v>
      </c>
      <c r="K9044" s="9">
        <v>13</v>
      </c>
      <c r="L9044" s="6" t="s">
        <v>51</v>
      </c>
    </row>
    <row r="9045" spans="1:12">
      <c r="A9045" s="6" t="s">
        <v>49</v>
      </c>
      <c r="B9045" s="6"/>
      <c r="C9045" s="6" t="s">
        <v>9069</v>
      </c>
      <c r="D9045" s="6"/>
      <c r="E9045" s="6" t="s">
        <v>9</v>
      </c>
      <c r="F9045" s="7">
        <v>38657</v>
      </c>
      <c r="G9045" s="8">
        <v>1</v>
      </c>
      <c r="H9045" s="8">
        <v>1</v>
      </c>
      <c r="I9045" s="8">
        <v>0</v>
      </c>
      <c r="J9045" s="8">
        <v>1</v>
      </c>
      <c r="K9045" s="9">
        <v>9.91</v>
      </c>
      <c r="L9045" s="6" t="s">
        <v>51</v>
      </c>
    </row>
    <row r="9046" spans="1:12">
      <c r="A9046" s="6" t="s">
        <v>49</v>
      </c>
      <c r="B9046" s="6"/>
      <c r="C9046" s="6" t="s">
        <v>9070</v>
      </c>
      <c r="D9046" s="6"/>
      <c r="E9046" s="6" t="s">
        <v>9</v>
      </c>
      <c r="F9046" s="7">
        <v>40862</v>
      </c>
      <c r="G9046" s="8">
        <v>1</v>
      </c>
      <c r="H9046" s="8">
        <v>1</v>
      </c>
      <c r="I9046" s="8">
        <v>0</v>
      </c>
      <c r="J9046" s="8">
        <v>1</v>
      </c>
      <c r="K9046" s="9">
        <v>19.829999999999899</v>
      </c>
      <c r="L9046" s="6" t="s">
        <v>51</v>
      </c>
    </row>
    <row r="9047" spans="1:12">
      <c r="A9047" s="6" t="s">
        <v>49</v>
      </c>
      <c r="B9047" s="6"/>
      <c r="C9047" s="6" t="s">
        <v>9071</v>
      </c>
      <c r="D9047" s="6"/>
      <c r="E9047" s="6" t="s">
        <v>9</v>
      </c>
      <c r="F9047" s="7">
        <v>38657</v>
      </c>
      <c r="G9047" s="8">
        <v>1</v>
      </c>
      <c r="H9047" s="8">
        <v>1</v>
      </c>
      <c r="I9047" s="8">
        <v>0</v>
      </c>
      <c r="J9047" s="8">
        <v>1</v>
      </c>
      <c r="K9047" s="9">
        <v>13</v>
      </c>
      <c r="L9047" s="6" t="s">
        <v>51</v>
      </c>
    </row>
    <row r="9048" spans="1:12">
      <c r="A9048" s="6" t="s">
        <v>49</v>
      </c>
      <c r="B9048" s="6"/>
      <c r="C9048" s="6" t="s">
        <v>9072</v>
      </c>
      <c r="D9048" s="6"/>
      <c r="E9048" s="6" t="s">
        <v>9</v>
      </c>
      <c r="F9048" s="7">
        <v>38657</v>
      </c>
      <c r="G9048" s="8">
        <v>1</v>
      </c>
      <c r="H9048" s="8">
        <v>1</v>
      </c>
      <c r="I9048" s="8">
        <v>0</v>
      </c>
      <c r="J9048" s="8">
        <v>1</v>
      </c>
      <c r="K9048" s="9">
        <v>360</v>
      </c>
      <c r="L9048" s="6" t="s">
        <v>51</v>
      </c>
    </row>
    <row r="9049" spans="1:12">
      <c r="A9049" s="6" t="s">
        <v>49</v>
      </c>
      <c r="B9049" s="6"/>
      <c r="C9049" s="6" t="s">
        <v>9073</v>
      </c>
      <c r="D9049" s="6"/>
      <c r="E9049" s="6" t="s">
        <v>9</v>
      </c>
      <c r="F9049" s="7">
        <v>38657</v>
      </c>
      <c r="G9049" s="8">
        <v>1</v>
      </c>
      <c r="H9049" s="8">
        <v>1</v>
      </c>
      <c r="I9049" s="8">
        <v>0</v>
      </c>
      <c r="J9049" s="8">
        <v>1</v>
      </c>
      <c r="K9049" s="9">
        <v>127</v>
      </c>
      <c r="L9049" s="6" t="s">
        <v>51</v>
      </c>
    </row>
    <row r="9050" spans="1:12">
      <c r="A9050" s="6" t="s">
        <v>49</v>
      </c>
      <c r="B9050" s="6"/>
      <c r="C9050" s="6" t="s">
        <v>9074</v>
      </c>
      <c r="D9050" s="6"/>
      <c r="E9050" s="6" t="s">
        <v>9</v>
      </c>
      <c r="F9050" s="7">
        <v>38657</v>
      </c>
      <c r="G9050" s="8">
        <v>1</v>
      </c>
      <c r="H9050" s="8">
        <v>1</v>
      </c>
      <c r="I9050" s="8">
        <v>0</v>
      </c>
      <c r="J9050" s="8">
        <v>1</v>
      </c>
      <c r="K9050" s="9">
        <v>1.99</v>
      </c>
      <c r="L9050" s="6" t="s">
        <v>51</v>
      </c>
    </row>
    <row r="9051" spans="1:12">
      <c r="A9051" s="6" t="s">
        <v>49</v>
      </c>
      <c r="B9051" s="6"/>
      <c r="C9051" s="6" t="s">
        <v>9075</v>
      </c>
      <c r="D9051" s="6"/>
      <c r="E9051" s="6" t="s">
        <v>9</v>
      </c>
      <c r="F9051" s="7">
        <v>38657</v>
      </c>
      <c r="G9051" s="8">
        <v>1</v>
      </c>
      <c r="H9051" s="8">
        <v>1</v>
      </c>
      <c r="I9051" s="8">
        <v>0</v>
      </c>
      <c r="J9051" s="8">
        <v>1</v>
      </c>
      <c r="K9051" s="9">
        <v>1.01</v>
      </c>
      <c r="L9051" s="6" t="s">
        <v>51</v>
      </c>
    </row>
    <row r="9052" spans="1:12">
      <c r="A9052" s="6" t="s">
        <v>49</v>
      </c>
      <c r="B9052" s="6"/>
      <c r="C9052" s="6" t="s">
        <v>9076</v>
      </c>
      <c r="D9052" s="6"/>
      <c r="E9052" s="6" t="s">
        <v>9</v>
      </c>
      <c r="F9052" s="7">
        <v>38657</v>
      </c>
      <c r="G9052" s="8">
        <v>1</v>
      </c>
      <c r="H9052" s="8">
        <v>1</v>
      </c>
      <c r="I9052" s="8">
        <v>0</v>
      </c>
      <c r="J9052" s="8">
        <v>1</v>
      </c>
      <c r="K9052" s="9">
        <v>29.61</v>
      </c>
      <c r="L9052" s="6" t="s">
        <v>51</v>
      </c>
    </row>
    <row r="9053" spans="1:12">
      <c r="A9053" s="6" t="s">
        <v>49</v>
      </c>
      <c r="B9053" s="6"/>
      <c r="C9053" s="6" t="s">
        <v>9077</v>
      </c>
      <c r="D9053" s="6"/>
      <c r="E9053" s="6" t="s">
        <v>9</v>
      </c>
      <c r="F9053" s="7">
        <v>38657</v>
      </c>
      <c r="G9053" s="8">
        <v>1</v>
      </c>
      <c r="H9053" s="8">
        <v>1</v>
      </c>
      <c r="I9053" s="8">
        <v>0</v>
      </c>
      <c r="J9053" s="8">
        <v>1</v>
      </c>
      <c r="K9053" s="9">
        <v>99</v>
      </c>
      <c r="L9053" s="6" t="s">
        <v>51</v>
      </c>
    </row>
    <row r="9054" spans="1:12">
      <c r="A9054" s="6" t="s">
        <v>49</v>
      </c>
      <c r="B9054" s="6"/>
      <c r="C9054" s="6" t="s">
        <v>9078</v>
      </c>
      <c r="D9054" s="6"/>
      <c r="E9054" s="6" t="s">
        <v>9</v>
      </c>
      <c r="F9054" s="7">
        <v>38657</v>
      </c>
      <c r="G9054" s="8">
        <v>1</v>
      </c>
      <c r="H9054" s="8">
        <v>1</v>
      </c>
      <c r="I9054" s="8">
        <v>0</v>
      </c>
      <c r="J9054" s="8">
        <v>1</v>
      </c>
      <c r="K9054" s="9">
        <v>221</v>
      </c>
      <c r="L9054" s="6" t="s">
        <v>51</v>
      </c>
    </row>
    <row r="9055" spans="1:12">
      <c r="A9055" s="6" t="s">
        <v>49</v>
      </c>
      <c r="B9055" s="6"/>
      <c r="C9055" s="6" t="s">
        <v>9079</v>
      </c>
      <c r="D9055" s="6"/>
      <c r="E9055" s="6" t="s">
        <v>9</v>
      </c>
      <c r="F9055" s="7">
        <v>38657</v>
      </c>
      <c r="G9055" s="8">
        <v>1</v>
      </c>
      <c r="H9055" s="8">
        <v>1</v>
      </c>
      <c r="I9055" s="8">
        <v>0</v>
      </c>
      <c r="J9055" s="8">
        <v>1</v>
      </c>
      <c r="K9055" s="9">
        <v>9.91</v>
      </c>
      <c r="L9055" s="6" t="s">
        <v>51</v>
      </c>
    </row>
    <row r="9056" spans="1:12">
      <c r="A9056" s="6" t="s">
        <v>49</v>
      </c>
      <c r="B9056" s="6"/>
      <c r="C9056" s="6" t="s">
        <v>9080</v>
      </c>
      <c r="D9056" s="6"/>
      <c r="E9056" s="6" t="s">
        <v>9</v>
      </c>
      <c r="F9056" s="7">
        <v>38657</v>
      </c>
      <c r="G9056" s="8">
        <v>1</v>
      </c>
      <c r="H9056" s="8">
        <v>1</v>
      </c>
      <c r="I9056" s="8">
        <v>0</v>
      </c>
      <c r="J9056" s="8">
        <v>1</v>
      </c>
      <c r="K9056" s="9">
        <v>234.08</v>
      </c>
      <c r="L9056" s="6" t="s">
        <v>51</v>
      </c>
    </row>
    <row r="9057" spans="1:12">
      <c r="A9057" s="6" t="s">
        <v>49</v>
      </c>
      <c r="B9057" s="6"/>
      <c r="C9057" s="6" t="s">
        <v>9081</v>
      </c>
      <c r="D9057" s="6"/>
      <c r="E9057" s="6" t="s">
        <v>9</v>
      </c>
      <c r="F9057" s="7">
        <v>38657</v>
      </c>
      <c r="G9057" s="8">
        <v>1</v>
      </c>
      <c r="H9057" s="8">
        <v>1</v>
      </c>
      <c r="I9057" s="8">
        <v>0</v>
      </c>
      <c r="J9057" s="8">
        <v>1</v>
      </c>
      <c r="K9057" s="9">
        <v>55</v>
      </c>
      <c r="L9057" s="6" t="s">
        <v>51</v>
      </c>
    </row>
    <row r="9058" spans="1:12">
      <c r="A9058" s="6" t="s">
        <v>49</v>
      </c>
      <c r="B9058" s="6"/>
      <c r="C9058" s="6" t="s">
        <v>9082</v>
      </c>
      <c r="D9058" s="6"/>
      <c r="E9058" s="6" t="s">
        <v>9</v>
      </c>
      <c r="F9058" s="7">
        <v>38657</v>
      </c>
      <c r="G9058" s="8">
        <v>1</v>
      </c>
      <c r="H9058" s="8">
        <v>1</v>
      </c>
      <c r="I9058" s="8">
        <v>0</v>
      </c>
      <c r="J9058" s="8">
        <v>1</v>
      </c>
      <c r="K9058" s="9">
        <v>13</v>
      </c>
      <c r="L9058" s="6" t="s">
        <v>51</v>
      </c>
    </row>
    <row r="9059" spans="1:12">
      <c r="A9059" s="6" t="s">
        <v>49</v>
      </c>
      <c r="B9059" s="6"/>
      <c r="C9059" s="6" t="s">
        <v>9083</v>
      </c>
      <c r="D9059" s="6"/>
      <c r="E9059" s="6" t="s">
        <v>9</v>
      </c>
      <c r="F9059" s="7">
        <v>38657</v>
      </c>
      <c r="G9059" s="8">
        <v>1</v>
      </c>
      <c r="H9059" s="8">
        <v>1</v>
      </c>
      <c r="I9059" s="8">
        <v>0</v>
      </c>
      <c r="J9059" s="8">
        <v>1</v>
      </c>
      <c r="K9059" s="9">
        <v>43</v>
      </c>
      <c r="L9059" s="6" t="s">
        <v>51</v>
      </c>
    </row>
    <row r="9060" spans="1:12">
      <c r="A9060" s="6" t="s">
        <v>49</v>
      </c>
      <c r="B9060" s="6"/>
      <c r="C9060" s="6" t="s">
        <v>9084</v>
      </c>
      <c r="D9060" s="6"/>
      <c r="E9060" s="6" t="s">
        <v>9</v>
      </c>
      <c r="F9060" s="7">
        <v>38657</v>
      </c>
      <c r="G9060" s="8">
        <v>1</v>
      </c>
      <c r="H9060" s="8">
        <v>1</v>
      </c>
      <c r="I9060" s="8">
        <v>0</v>
      </c>
      <c r="J9060" s="8">
        <v>1</v>
      </c>
      <c r="K9060" s="9">
        <v>129</v>
      </c>
      <c r="L9060" s="6" t="s">
        <v>51</v>
      </c>
    </row>
    <row r="9061" spans="1:12">
      <c r="A9061" s="6" t="s">
        <v>49</v>
      </c>
      <c r="B9061" s="6"/>
      <c r="C9061" s="6" t="s">
        <v>9085</v>
      </c>
      <c r="D9061" s="6"/>
      <c r="E9061" s="6" t="s">
        <v>9</v>
      </c>
      <c r="F9061" s="7">
        <v>38657</v>
      </c>
      <c r="G9061" s="8">
        <v>1</v>
      </c>
      <c r="H9061" s="8">
        <v>1</v>
      </c>
      <c r="I9061" s="8">
        <v>0</v>
      </c>
      <c r="J9061" s="8">
        <v>1</v>
      </c>
      <c r="K9061" s="9">
        <v>89</v>
      </c>
      <c r="L9061" s="6" t="s">
        <v>51</v>
      </c>
    </row>
    <row r="9062" spans="1:12">
      <c r="A9062" s="6" t="s">
        <v>49</v>
      </c>
      <c r="B9062" s="6"/>
      <c r="C9062" s="6" t="s">
        <v>9086</v>
      </c>
      <c r="D9062" s="6"/>
      <c r="E9062" s="6" t="s">
        <v>9</v>
      </c>
      <c r="F9062" s="7">
        <v>38657</v>
      </c>
      <c r="G9062" s="8">
        <v>1</v>
      </c>
      <c r="H9062" s="8">
        <v>1</v>
      </c>
      <c r="I9062" s="8">
        <v>0</v>
      </c>
      <c r="J9062" s="8">
        <v>1</v>
      </c>
      <c r="K9062" s="9">
        <v>33.04</v>
      </c>
      <c r="L9062" s="6" t="s">
        <v>51</v>
      </c>
    </row>
    <row r="9063" spans="1:12">
      <c r="A9063" s="6" t="s">
        <v>49</v>
      </c>
      <c r="B9063" s="6"/>
      <c r="C9063" s="6" t="s">
        <v>9087</v>
      </c>
      <c r="D9063" s="6"/>
      <c r="E9063" s="6" t="s">
        <v>9</v>
      </c>
      <c r="F9063" s="7">
        <v>38657</v>
      </c>
      <c r="G9063" s="8">
        <v>1</v>
      </c>
      <c r="H9063" s="8">
        <v>1</v>
      </c>
      <c r="I9063" s="8">
        <v>0</v>
      </c>
      <c r="J9063" s="8">
        <v>1</v>
      </c>
      <c r="K9063" s="9">
        <v>137</v>
      </c>
      <c r="L9063" s="6" t="s">
        <v>51</v>
      </c>
    </row>
    <row r="9064" spans="1:12">
      <c r="A9064" s="6" t="s">
        <v>49</v>
      </c>
      <c r="B9064" s="6"/>
      <c r="C9064" s="6" t="s">
        <v>9088</v>
      </c>
      <c r="D9064" s="6"/>
      <c r="E9064" s="6" t="s">
        <v>9</v>
      </c>
      <c r="F9064" s="7">
        <v>38657</v>
      </c>
      <c r="G9064" s="8">
        <v>1</v>
      </c>
      <c r="H9064" s="8">
        <v>1</v>
      </c>
      <c r="I9064" s="8">
        <v>0</v>
      </c>
      <c r="J9064" s="8">
        <v>1</v>
      </c>
      <c r="K9064" s="9">
        <v>2.48</v>
      </c>
      <c r="L9064" s="6" t="s">
        <v>51</v>
      </c>
    </row>
    <row r="9065" spans="1:12">
      <c r="A9065" s="6" t="s">
        <v>49</v>
      </c>
      <c r="B9065" s="6"/>
      <c r="C9065" s="6" t="s">
        <v>9089</v>
      </c>
      <c r="D9065" s="6"/>
      <c r="E9065" s="6" t="s">
        <v>9</v>
      </c>
      <c r="F9065" s="7">
        <v>38657</v>
      </c>
      <c r="G9065" s="8">
        <v>1</v>
      </c>
      <c r="H9065" s="8">
        <v>1</v>
      </c>
      <c r="I9065" s="8">
        <v>0</v>
      </c>
      <c r="J9065" s="8">
        <v>1</v>
      </c>
      <c r="K9065" s="9">
        <v>86</v>
      </c>
      <c r="L9065" s="6" t="s">
        <v>51</v>
      </c>
    </row>
    <row r="9066" spans="1:12">
      <c r="A9066" s="6" t="s">
        <v>49</v>
      </c>
      <c r="B9066" s="6"/>
      <c r="C9066" s="6" t="s">
        <v>9090</v>
      </c>
      <c r="D9066" s="6"/>
      <c r="E9066" s="6" t="s">
        <v>9</v>
      </c>
      <c r="F9066" s="7">
        <v>38657</v>
      </c>
      <c r="G9066" s="8">
        <v>1</v>
      </c>
      <c r="H9066" s="8">
        <v>1</v>
      </c>
      <c r="I9066" s="8">
        <v>0</v>
      </c>
      <c r="J9066" s="8">
        <v>1</v>
      </c>
      <c r="K9066" s="9">
        <v>105</v>
      </c>
      <c r="L9066" s="6" t="s">
        <v>51</v>
      </c>
    </row>
    <row r="9067" spans="1:12">
      <c r="A9067" s="6" t="s">
        <v>49</v>
      </c>
      <c r="B9067" s="6"/>
      <c r="C9067" s="6" t="s">
        <v>9091</v>
      </c>
      <c r="D9067" s="6"/>
      <c r="E9067" s="6" t="s">
        <v>9</v>
      </c>
      <c r="F9067" s="7">
        <v>38657</v>
      </c>
      <c r="G9067" s="8">
        <v>1</v>
      </c>
      <c r="H9067" s="8">
        <v>1</v>
      </c>
      <c r="I9067" s="8">
        <v>0</v>
      </c>
      <c r="J9067" s="8">
        <v>1</v>
      </c>
      <c r="K9067" s="9">
        <v>13</v>
      </c>
      <c r="L9067" s="6" t="s">
        <v>51</v>
      </c>
    </row>
    <row r="9068" spans="1:12">
      <c r="A9068" s="6" t="s">
        <v>49</v>
      </c>
      <c r="B9068" s="6"/>
      <c r="C9068" s="6" t="s">
        <v>9092</v>
      </c>
      <c r="D9068" s="6"/>
      <c r="E9068" s="6" t="s">
        <v>9</v>
      </c>
      <c r="F9068" s="7">
        <v>38657</v>
      </c>
      <c r="G9068" s="8">
        <v>1</v>
      </c>
      <c r="H9068" s="8">
        <v>1</v>
      </c>
      <c r="I9068" s="8">
        <v>0</v>
      </c>
      <c r="J9068" s="8">
        <v>1</v>
      </c>
      <c r="K9068" s="9">
        <v>3.8</v>
      </c>
      <c r="L9068" s="6" t="s">
        <v>51</v>
      </c>
    </row>
    <row r="9069" spans="1:12">
      <c r="A9069" s="6" t="s">
        <v>49</v>
      </c>
      <c r="B9069" s="6"/>
      <c r="C9069" s="6" t="s">
        <v>9093</v>
      </c>
      <c r="D9069" s="6"/>
      <c r="E9069" s="6" t="s">
        <v>9</v>
      </c>
      <c r="F9069" s="7">
        <v>38657</v>
      </c>
      <c r="G9069" s="8">
        <v>1</v>
      </c>
      <c r="H9069" s="8">
        <v>1</v>
      </c>
      <c r="I9069" s="8">
        <v>0</v>
      </c>
      <c r="J9069" s="8">
        <v>1</v>
      </c>
      <c r="K9069" s="9">
        <v>6.75</v>
      </c>
      <c r="L9069" s="6" t="s">
        <v>51</v>
      </c>
    </row>
    <row r="9070" spans="1:12">
      <c r="A9070" s="6" t="s">
        <v>49</v>
      </c>
      <c r="B9070" s="6"/>
      <c r="C9070" s="6" t="s">
        <v>9094</v>
      </c>
      <c r="D9070" s="6"/>
      <c r="E9070" s="6" t="s">
        <v>9</v>
      </c>
      <c r="F9070" s="7">
        <v>38657</v>
      </c>
      <c r="G9070" s="8">
        <v>1</v>
      </c>
      <c r="H9070" s="8">
        <v>1</v>
      </c>
      <c r="I9070" s="8">
        <v>0</v>
      </c>
      <c r="J9070" s="8">
        <v>1</v>
      </c>
      <c r="K9070" s="9">
        <v>65</v>
      </c>
      <c r="L9070" s="6" t="s">
        <v>51</v>
      </c>
    </row>
    <row r="9071" spans="1:12">
      <c r="A9071" s="6" t="s">
        <v>49</v>
      </c>
      <c r="B9071" s="6"/>
      <c r="C9071" s="6" t="s">
        <v>9095</v>
      </c>
      <c r="D9071" s="6"/>
      <c r="E9071" s="6" t="s">
        <v>9</v>
      </c>
      <c r="F9071" s="7">
        <v>38657</v>
      </c>
      <c r="G9071" s="8">
        <v>1</v>
      </c>
      <c r="H9071" s="8">
        <v>1</v>
      </c>
      <c r="I9071" s="8">
        <v>0</v>
      </c>
      <c r="J9071" s="8">
        <v>1</v>
      </c>
      <c r="K9071" s="9">
        <v>3.97</v>
      </c>
      <c r="L9071" s="6" t="s">
        <v>51</v>
      </c>
    </row>
    <row r="9072" spans="1:12">
      <c r="A9072" s="6" t="s">
        <v>49</v>
      </c>
      <c r="B9072" s="6"/>
      <c r="C9072" s="6" t="s">
        <v>9096</v>
      </c>
      <c r="D9072" s="6"/>
      <c r="E9072" s="6" t="s">
        <v>9</v>
      </c>
      <c r="F9072" s="7">
        <v>38657</v>
      </c>
      <c r="G9072" s="8">
        <v>1</v>
      </c>
      <c r="H9072" s="8">
        <v>1</v>
      </c>
      <c r="I9072" s="8">
        <v>0</v>
      </c>
      <c r="J9072" s="8">
        <v>1</v>
      </c>
      <c r="K9072" s="9">
        <v>84</v>
      </c>
      <c r="L9072" s="6" t="s">
        <v>51</v>
      </c>
    </row>
    <row r="9073" spans="1:12">
      <c r="A9073" s="6" t="s">
        <v>49</v>
      </c>
      <c r="B9073" s="6"/>
      <c r="C9073" s="6" t="s">
        <v>9097</v>
      </c>
      <c r="D9073" s="6"/>
      <c r="E9073" s="6" t="s">
        <v>9</v>
      </c>
      <c r="F9073" s="7">
        <v>38657</v>
      </c>
      <c r="G9073" s="8">
        <v>1</v>
      </c>
      <c r="H9073" s="8">
        <v>1</v>
      </c>
      <c r="I9073" s="8">
        <v>0</v>
      </c>
      <c r="J9073" s="8">
        <v>1</v>
      </c>
      <c r="K9073" s="9">
        <v>18</v>
      </c>
      <c r="L9073" s="6" t="s">
        <v>51</v>
      </c>
    </row>
    <row r="9074" spans="1:12">
      <c r="A9074" s="6" t="s">
        <v>49</v>
      </c>
      <c r="B9074" s="6"/>
      <c r="C9074" s="6" t="s">
        <v>9098</v>
      </c>
      <c r="D9074" s="6"/>
      <c r="E9074" s="6" t="s">
        <v>9</v>
      </c>
      <c r="F9074" s="7">
        <v>38657</v>
      </c>
      <c r="G9074" s="8">
        <v>1</v>
      </c>
      <c r="H9074" s="8">
        <v>1</v>
      </c>
      <c r="I9074" s="8">
        <v>0</v>
      </c>
      <c r="J9074" s="8">
        <v>1</v>
      </c>
      <c r="K9074" s="9">
        <v>16</v>
      </c>
      <c r="L9074" s="6" t="s">
        <v>51</v>
      </c>
    </row>
    <row r="9075" spans="1:12">
      <c r="A9075" s="6" t="s">
        <v>49</v>
      </c>
      <c r="B9075" s="6"/>
      <c r="C9075" s="6" t="s">
        <v>9099</v>
      </c>
      <c r="D9075" s="6"/>
      <c r="E9075" s="6" t="s">
        <v>9</v>
      </c>
      <c r="F9075" s="7">
        <v>38657</v>
      </c>
      <c r="G9075" s="8">
        <v>1</v>
      </c>
      <c r="H9075" s="8">
        <v>1</v>
      </c>
      <c r="I9075" s="8">
        <v>0</v>
      </c>
      <c r="J9075" s="8">
        <v>1</v>
      </c>
      <c r="K9075" s="9">
        <v>16</v>
      </c>
      <c r="L9075" s="6" t="s">
        <v>51</v>
      </c>
    </row>
    <row r="9076" spans="1:12">
      <c r="A9076" s="6" t="s">
        <v>49</v>
      </c>
      <c r="B9076" s="6"/>
      <c r="C9076" s="6" t="s">
        <v>9100</v>
      </c>
      <c r="D9076" s="6"/>
      <c r="E9076" s="6" t="s">
        <v>9</v>
      </c>
      <c r="F9076" s="7">
        <v>38657</v>
      </c>
      <c r="G9076" s="8">
        <v>1</v>
      </c>
      <c r="H9076" s="8">
        <v>1</v>
      </c>
      <c r="I9076" s="8">
        <v>0</v>
      </c>
      <c r="J9076" s="8">
        <v>1</v>
      </c>
      <c r="K9076" s="9">
        <v>2.15</v>
      </c>
      <c r="L9076" s="6" t="s">
        <v>51</v>
      </c>
    </row>
    <row r="9077" spans="1:12">
      <c r="A9077" s="6" t="s">
        <v>49</v>
      </c>
      <c r="B9077" s="6"/>
      <c r="C9077" s="6" t="s">
        <v>9101</v>
      </c>
      <c r="D9077" s="6"/>
      <c r="E9077" s="6" t="s">
        <v>9</v>
      </c>
      <c r="F9077" s="7">
        <v>38657</v>
      </c>
      <c r="G9077" s="8">
        <v>1</v>
      </c>
      <c r="H9077" s="8">
        <v>1</v>
      </c>
      <c r="I9077" s="8">
        <v>0</v>
      </c>
      <c r="J9077" s="8">
        <v>1</v>
      </c>
      <c r="K9077" s="9">
        <v>487</v>
      </c>
      <c r="L9077" s="6" t="s">
        <v>51</v>
      </c>
    </row>
    <row r="9078" spans="1:12">
      <c r="A9078" s="6" t="s">
        <v>49</v>
      </c>
      <c r="B9078" s="6"/>
      <c r="C9078" s="6" t="s">
        <v>9102</v>
      </c>
      <c r="D9078" s="6"/>
      <c r="E9078" s="6" t="s">
        <v>9</v>
      </c>
      <c r="F9078" s="7">
        <v>38657</v>
      </c>
      <c r="G9078" s="8">
        <v>1</v>
      </c>
      <c r="H9078" s="8">
        <v>1</v>
      </c>
      <c r="I9078" s="8">
        <v>0</v>
      </c>
      <c r="J9078" s="8">
        <v>1</v>
      </c>
      <c r="K9078" s="9">
        <v>8.36</v>
      </c>
      <c r="L9078" s="6" t="s">
        <v>51</v>
      </c>
    </row>
    <row r="9079" spans="1:12">
      <c r="A9079" s="6" t="s">
        <v>49</v>
      </c>
      <c r="B9079" s="6"/>
      <c r="C9079" s="6" t="s">
        <v>9103</v>
      </c>
      <c r="D9079" s="6"/>
      <c r="E9079" s="6" t="s">
        <v>9</v>
      </c>
      <c r="F9079" s="7">
        <v>38657</v>
      </c>
      <c r="G9079" s="8">
        <v>1</v>
      </c>
      <c r="H9079" s="8">
        <v>1</v>
      </c>
      <c r="I9079" s="8">
        <v>0</v>
      </c>
      <c r="J9079" s="8">
        <v>1</v>
      </c>
      <c r="K9079" s="9">
        <v>33</v>
      </c>
      <c r="L9079" s="6" t="s">
        <v>51</v>
      </c>
    </row>
    <row r="9080" spans="1:12">
      <c r="A9080" s="6" t="s">
        <v>49</v>
      </c>
      <c r="B9080" s="6"/>
      <c r="C9080" s="6" t="s">
        <v>9104</v>
      </c>
      <c r="D9080" s="6"/>
      <c r="E9080" s="6" t="s">
        <v>9</v>
      </c>
      <c r="F9080" s="7">
        <v>38657</v>
      </c>
      <c r="G9080" s="8">
        <v>1</v>
      </c>
      <c r="H9080" s="8">
        <v>1</v>
      </c>
      <c r="I9080" s="8">
        <v>0</v>
      </c>
      <c r="J9080" s="8">
        <v>1</v>
      </c>
      <c r="K9080" s="9">
        <v>3.96</v>
      </c>
      <c r="L9080" s="6" t="s">
        <v>51</v>
      </c>
    </row>
    <row r="9081" spans="1:12">
      <c r="A9081" s="6" t="s">
        <v>49</v>
      </c>
      <c r="B9081" s="6"/>
      <c r="C9081" s="6" t="s">
        <v>9105</v>
      </c>
      <c r="D9081" s="6"/>
      <c r="E9081" s="6" t="s">
        <v>9</v>
      </c>
      <c r="F9081" s="7">
        <v>38657</v>
      </c>
      <c r="G9081" s="8">
        <v>1</v>
      </c>
      <c r="H9081" s="8">
        <v>1</v>
      </c>
      <c r="I9081" s="8">
        <v>0</v>
      </c>
      <c r="J9081" s="8">
        <v>1</v>
      </c>
      <c r="K9081" s="9">
        <v>195</v>
      </c>
      <c r="L9081" s="6" t="s">
        <v>51</v>
      </c>
    </row>
    <row r="9082" spans="1:12">
      <c r="A9082" s="6" t="s">
        <v>49</v>
      </c>
      <c r="B9082" s="6"/>
      <c r="C9082" s="6" t="s">
        <v>9106</v>
      </c>
      <c r="D9082" s="6"/>
      <c r="E9082" s="6" t="s">
        <v>9</v>
      </c>
      <c r="F9082" s="7">
        <v>38657</v>
      </c>
      <c r="G9082" s="8">
        <v>1</v>
      </c>
      <c r="H9082" s="8">
        <v>1</v>
      </c>
      <c r="I9082" s="8">
        <v>0</v>
      </c>
      <c r="J9082" s="8">
        <v>1</v>
      </c>
      <c r="K9082" s="9">
        <v>206</v>
      </c>
      <c r="L9082" s="6" t="s">
        <v>51</v>
      </c>
    </row>
    <row r="9083" spans="1:12">
      <c r="A9083" s="6" t="s">
        <v>49</v>
      </c>
      <c r="B9083" s="6"/>
      <c r="C9083" s="6" t="s">
        <v>9107</v>
      </c>
      <c r="D9083" s="6"/>
      <c r="E9083" s="6" t="s">
        <v>9</v>
      </c>
      <c r="F9083" s="7">
        <v>38657</v>
      </c>
      <c r="G9083" s="8">
        <v>1</v>
      </c>
      <c r="H9083" s="8">
        <v>1</v>
      </c>
      <c r="I9083" s="8">
        <v>0</v>
      </c>
      <c r="J9083" s="8">
        <v>1</v>
      </c>
      <c r="K9083" s="9">
        <v>92</v>
      </c>
      <c r="L9083" s="6" t="s">
        <v>51</v>
      </c>
    </row>
    <row r="9084" spans="1:12">
      <c r="A9084" s="6" t="s">
        <v>49</v>
      </c>
      <c r="B9084" s="6"/>
      <c r="C9084" s="6" t="s">
        <v>9108</v>
      </c>
      <c r="D9084" s="6"/>
      <c r="E9084" s="6" t="s">
        <v>9</v>
      </c>
      <c r="F9084" s="7">
        <v>38657</v>
      </c>
      <c r="G9084" s="8">
        <v>1</v>
      </c>
      <c r="H9084" s="8">
        <v>1</v>
      </c>
      <c r="I9084" s="8">
        <v>0</v>
      </c>
      <c r="J9084" s="8">
        <v>1</v>
      </c>
      <c r="K9084" s="9">
        <v>34</v>
      </c>
      <c r="L9084" s="6" t="s">
        <v>51</v>
      </c>
    </row>
    <row r="9085" spans="1:12">
      <c r="A9085" s="6" t="s">
        <v>49</v>
      </c>
      <c r="B9085" s="6"/>
      <c r="C9085" s="6" t="s">
        <v>9109</v>
      </c>
      <c r="D9085" s="6"/>
      <c r="E9085" s="6" t="s">
        <v>9</v>
      </c>
      <c r="F9085" s="7">
        <v>41962</v>
      </c>
      <c r="G9085" s="8">
        <v>1</v>
      </c>
      <c r="H9085" s="8">
        <v>1</v>
      </c>
      <c r="I9085" s="8">
        <v>0</v>
      </c>
      <c r="J9085" s="8">
        <v>1</v>
      </c>
      <c r="K9085" s="9">
        <v>339</v>
      </c>
      <c r="L9085" s="6" t="s">
        <v>51</v>
      </c>
    </row>
    <row r="9086" spans="1:12">
      <c r="A9086" s="6" t="s">
        <v>49</v>
      </c>
      <c r="B9086" s="6"/>
      <c r="C9086" s="6" t="s">
        <v>9110</v>
      </c>
      <c r="D9086" s="6"/>
      <c r="E9086" s="6" t="s">
        <v>9</v>
      </c>
      <c r="F9086" s="7">
        <v>38657</v>
      </c>
      <c r="G9086" s="8">
        <v>1</v>
      </c>
      <c r="H9086" s="8">
        <v>1</v>
      </c>
      <c r="I9086" s="8">
        <v>0</v>
      </c>
      <c r="J9086" s="8">
        <v>1</v>
      </c>
      <c r="K9086" s="9">
        <v>33</v>
      </c>
      <c r="L9086" s="6" t="s">
        <v>51</v>
      </c>
    </row>
    <row r="9087" spans="1:12">
      <c r="A9087" s="6" t="s">
        <v>49</v>
      </c>
      <c r="B9087" s="6"/>
      <c r="C9087" s="6" t="s">
        <v>9111</v>
      </c>
      <c r="D9087" s="6"/>
      <c r="E9087" s="6" t="s">
        <v>9</v>
      </c>
      <c r="F9087" s="7">
        <v>38657</v>
      </c>
      <c r="G9087" s="8">
        <v>1</v>
      </c>
      <c r="H9087" s="8">
        <v>1</v>
      </c>
      <c r="I9087" s="8">
        <v>0</v>
      </c>
      <c r="J9087" s="8">
        <v>1</v>
      </c>
      <c r="K9087" s="9">
        <v>16</v>
      </c>
      <c r="L9087" s="6" t="s">
        <v>51</v>
      </c>
    </row>
    <row r="9088" spans="1:12">
      <c r="A9088" s="6" t="s">
        <v>49</v>
      </c>
      <c r="B9088" s="6"/>
      <c r="C9088" s="6" t="s">
        <v>9112</v>
      </c>
      <c r="D9088" s="6"/>
      <c r="E9088" s="6" t="s">
        <v>9</v>
      </c>
      <c r="F9088" s="7">
        <v>38657</v>
      </c>
      <c r="G9088" s="8">
        <v>1</v>
      </c>
      <c r="H9088" s="8">
        <v>1</v>
      </c>
      <c r="I9088" s="8">
        <v>0</v>
      </c>
      <c r="J9088" s="8">
        <v>1</v>
      </c>
      <c r="K9088" s="9">
        <v>9.91</v>
      </c>
      <c r="L9088" s="6" t="s">
        <v>51</v>
      </c>
    </row>
    <row r="9089" spans="1:12">
      <c r="A9089" s="6" t="s">
        <v>49</v>
      </c>
      <c r="B9089" s="6"/>
      <c r="C9089" s="6" t="s">
        <v>9113</v>
      </c>
      <c r="D9089" s="6"/>
      <c r="E9089" s="6" t="s">
        <v>9</v>
      </c>
      <c r="F9089" s="7">
        <v>38657</v>
      </c>
      <c r="G9089" s="8">
        <v>1</v>
      </c>
      <c r="H9089" s="8">
        <v>1</v>
      </c>
      <c r="I9089" s="8">
        <v>0</v>
      </c>
      <c r="J9089" s="8">
        <v>1</v>
      </c>
      <c r="K9089" s="9">
        <v>46</v>
      </c>
      <c r="L9089" s="6" t="s">
        <v>51</v>
      </c>
    </row>
    <row r="9090" spans="1:12">
      <c r="A9090" s="6" t="s">
        <v>49</v>
      </c>
      <c r="B9090" s="6"/>
      <c r="C9090" s="6" t="s">
        <v>9114</v>
      </c>
      <c r="D9090" s="6"/>
      <c r="E9090" s="6" t="s">
        <v>9</v>
      </c>
      <c r="F9090" s="7">
        <v>38657</v>
      </c>
      <c r="G9090" s="8">
        <v>1</v>
      </c>
      <c r="H9090" s="8">
        <v>1</v>
      </c>
      <c r="I9090" s="8">
        <v>0</v>
      </c>
      <c r="J9090" s="8">
        <v>1</v>
      </c>
      <c r="K9090" s="9">
        <v>72</v>
      </c>
      <c r="L9090" s="6" t="s">
        <v>51</v>
      </c>
    </row>
    <row r="9091" spans="1:12">
      <c r="A9091" s="6" t="s">
        <v>49</v>
      </c>
      <c r="B9091" s="6"/>
      <c r="C9091" s="6" t="s">
        <v>9115</v>
      </c>
      <c r="D9091" s="6"/>
      <c r="E9091" s="6" t="s">
        <v>9</v>
      </c>
      <c r="F9091" s="7">
        <v>38657</v>
      </c>
      <c r="G9091" s="8">
        <v>1</v>
      </c>
      <c r="H9091" s="8">
        <v>1</v>
      </c>
      <c r="I9091" s="8">
        <v>0</v>
      </c>
      <c r="J9091" s="8">
        <v>1</v>
      </c>
      <c r="K9091" s="9">
        <v>8.34</v>
      </c>
      <c r="L9091" s="6" t="s">
        <v>51</v>
      </c>
    </row>
    <row r="9092" spans="1:12">
      <c r="A9092" s="6" t="s">
        <v>49</v>
      </c>
      <c r="B9092" s="6"/>
      <c r="C9092" s="6" t="s">
        <v>9116</v>
      </c>
      <c r="D9092" s="6"/>
      <c r="E9092" s="6" t="s">
        <v>9</v>
      </c>
      <c r="F9092" s="7">
        <v>38657</v>
      </c>
      <c r="G9092" s="8">
        <v>1</v>
      </c>
      <c r="H9092" s="8">
        <v>1</v>
      </c>
      <c r="I9092" s="8">
        <v>0</v>
      </c>
      <c r="J9092" s="8">
        <v>1</v>
      </c>
      <c r="K9092" s="9">
        <v>2.4</v>
      </c>
      <c r="L9092" s="6" t="s">
        <v>51</v>
      </c>
    </row>
    <row r="9093" spans="1:12">
      <c r="A9093" s="6" t="s">
        <v>49</v>
      </c>
      <c r="B9093" s="6"/>
      <c r="C9093" s="6" t="s">
        <v>9117</v>
      </c>
      <c r="D9093" s="6"/>
      <c r="E9093" s="6" t="s">
        <v>9</v>
      </c>
      <c r="F9093" s="7">
        <v>38657</v>
      </c>
      <c r="G9093" s="8">
        <v>1</v>
      </c>
      <c r="H9093" s="8">
        <v>1</v>
      </c>
      <c r="I9093" s="8">
        <v>0</v>
      </c>
      <c r="J9093" s="8">
        <v>1</v>
      </c>
      <c r="K9093" s="9">
        <v>161</v>
      </c>
      <c r="L9093" s="6" t="s">
        <v>51</v>
      </c>
    </row>
    <row r="9094" spans="1:12">
      <c r="A9094" s="6" t="s">
        <v>49</v>
      </c>
      <c r="B9094" s="6"/>
      <c r="C9094" s="6" t="s">
        <v>9118</v>
      </c>
      <c r="D9094" s="6"/>
      <c r="E9094" s="6" t="s">
        <v>9</v>
      </c>
      <c r="F9094" s="7">
        <v>38657</v>
      </c>
      <c r="G9094" s="8">
        <v>1</v>
      </c>
      <c r="H9094" s="8">
        <v>1</v>
      </c>
      <c r="I9094" s="8">
        <v>0</v>
      </c>
      <c r="J9094" s="8">
        <v>1</v>
      </c>
      <c r="K9094" s="9">
        <v>19</v>
      </c>
      <c r="L9094" s="6" t="s">
        <v>51</v>
      </c>
    </row>
    <row r="9095" spans="1:12">
      <c r="A9095" s="6" t="s">
        <v>49</v>
      </c>
      <c r="B9095" s="6"/>
      <c r="C9095" s="6" t="s">
        <v>9119</v>
      </c>
      <c r="D9095" s="6"/>
      <c r="E9095" s="6" t="s">
        <v>9</v>
      </c>
      <c r="F9095" s="7">
        <v>38657</v>
      </c>
      <c r="G9095" s="8">
        <v>1</v>
      </c>
      <c r="H9095" s="8">
        <v>1</v>
      </c>
      <c r="I9095" s="8">
        <v>0</v>
      </c>
      <c r="J9095" s="8">
        <v>1</v>
      </c>
      <c r="K9095" s="9">
        <v>112</v>
      </c>
      <c r="L9095" s="6" t="s">
        <v>51</v>
      </c>
    </row>
    <row r="9096" spans="1:12">
      <c r="A9096" s="6" t="s">
        <v>49</v>
      </c>
      <c r="B9096" s="6"/>
      <c r="C9096" s="6" t="s">
        <v>9120</v>
      </c>
      <c r="D9096" s="6"/>
      <c r="E9096" s="6" t="s">
        <v>9</v>
      </c>
      <c r="F9096" s="7">
        <v>38657</v>
      </c>
      <c r="G9096" s="8">
        <v>1</v>
      </c>
      <c r="H9096" s="8">
        <v>1</v>
      </c>
      <c r="I9096" s="8">
        <v>0</v>
      </c>
      <c r="J9096" s="8">
        <v>1</v>
      </c>
      <c r="K9096" s="9">
        <v>7.44</v>
      </c>
      <c r="L9096" s="6" t="s">
        <v>51</v>
      </c>
    </row>
    <row r="9097" spans="1:12">
      <c r="A9097" s="6" t="s">
        <v>49</v>
      </c>
      <c r="B9097" s="6"/>
      <c r="C9097" s="6" t="s">
        <v>9121</v>
      </c>
      <c r="D9097" s="6"/>
      <c r="E9097" s="6" t="s">
        <v>9</v>
      </c>
      <c r="F9097" s="7">
        <v>38657</v>
      </c>
      <c r="G9097" s="8">
        <v>1</v>
      </c>
      <c r="H9097" s="8">
        <v>1</v>
      </c>
      <c r="I9097" s="8">
        <v>0</v>
      </c>
      <c r="J9097" s="8">
        <v>1</v>
      </c>
      <c r="K9097" s="9">
        <v>23</v>
      </c>
      <c r="L9097" s="6" t="s">
        <v>51</v>
      </c>
    </row>
    <row r="9098" spans="1:12">
      <c r="A9098" s="6" t="s">
        <v>49</v>
      </c>
      <c r="B9098" s="6"/>
      <c r="C9098" s="6" t="s">
        <v>9122</v>
      </c>
      <c r="D9098" s="6"/>
      <c r="E9098" s="6" t="s">
        <v>9</v>
      </c>
      <c r="F9098" s="7">
        <v>38657</v>
      </c>
      <c r="G9098" s="8">
        <v>1</v>
      </c>
      <c r="H9098" s="8">
        <v>1</v>
      </c>
      <c r="I9098" s="8">
        <v>0</v>
      </c>
      <c r="J9098" s="8">
        <v>1</v>
      </c>
      <c r="K9098" s="9">
        <v>191</v>
      </c>
      <c r="L9098" s="6" t="s">
        <v>51</v>
      </c>
    </row>
    <row r="9099" spans="1:12">
      <c r="A9099" s="6" t="s">
        <v>49</v>
      </c>
      <c r="B9099" s="6"/>
      <c r="C9099" s="6" t="s">
        <v>9123</v>
      </c>
      <c r="D9099" s="6"/>
      <c r="E9099" s="6" t="s">
        <v>9</v>
      </c>
      <c r="F9099" s="7">
        <v>38657</v>
      </c>
      <c r="G9099" s="8">
        <v>1</v>
      </c>
      <c r="H9099" s="8">
        <v>1</v>
      </c>
      <c r="I9099" s="8">
        <v>0</v>
      </c>
      <c r="J9099" s="8">
        <v>1</v>
      </c>
      <c r="K9099" s="9">
        <v>7.44</v>
      </c>
      <c r="L9099" s="6" t="s">
        <v>51</v>
      </c>
    </row>
    <row r="9100" spans="1:12">
      <c r="A9100" s="6" t="s">
        <v>49</v>
      </c>
      <c r="B9100" s="6"/>
      <c r="C9100" s="6" t="s">
        <v>9124</v>
      </c>
      <c r="D9100" s="6"/>
      <c r="E9100" s="6" t="s">
        <v>9</v>
      </c>
      <c r="F9100" s="7">
        <v>38657</v>
      </c>
      <c r="G9100" s="8">
        <v>1</v>
      </c>
      <c r="H9100" s="8">
        <v>1</v>
      </c>
      <c r="I9100" s="8">
        <v>0</v>
      </c>
      <c r="J9100" s="8">
        <v>1</v>
      </c>
      <c r="K9100" s="9">
        <v>247</v>
      </c>
      <c r="L9100" s="6" t="s">
        <v>51</v>
      </c>
    </row>
    <row r="9101" spans="1:12">
      <c r="A9101" s="6" t="s">
        <v>49</v>
      </c>
      <c r="B9101" s="6"/>
      <c r="C9101" s="6" t="s">
        <v>9125</v>
      </c>
      <c r="D9101" s="6"/>
      <c r="E9101" s="6" t="s">
        <v>9</v>
      </c>
      <c r="F9101" s="7">
        <v>38657</v>
      </c>
      <c r="G9101" s="8">
        <v>1</v>
      </c>
      <c r="H9101" s="8">
        <v>1</v>
      </c>
      <c r="I9101" s="8">
        <v>0</v>
      </c>
      <c r="J9101" s="8">
        <v>1</v>
      </c>
      <c r="K9101" s="9">
        <v>7.27</v>
      </c>
      <c r="L9101" s="6" t="s">
        <v>51</v>
      </c>
    </row>
    <row r="9102" spans="1:12">
      <c r="A9102" s="6" t="s">
        <v>49</v>
      </c>
      <c r="B9102" s="6"/>
      <c r="C9102" s="6" t="s">
        <v>9126</v>
      </c>
      <c r="D9102" s="6"/>
      <c r="E9102" s="6" t="s">
        <v>9</v>
      </c>
      <c r="F9102" s="7">
        <v>38657</v>
      </c>
      <c r="G9102" s="8">
        <v>1</v>
      </c>
      <c r="H9102" s="8">
        <v>1</v>
      </c>
      <c r="I9102" s="8">
        <v>0</v>
      </c>
      <c r="J9102" s="8">
        <v>1</v>
      </c>
      <c r="K9102" s="9">
        <v>19</v>
      </c>
      <c r="L9102" s="6" t="s">
        <v>51</v>
      </c>
    </row>
    <row r="9103" spans="1:12">
      <c r="A9103" s="6" t="s">
        <v>49</v>
      </c>
      <c r="B9103" s="6"/>
      <c r="C9103" s="6" t="s">
        <v>9127</v>
      </c>
      <c r="D9103" s="6"/>
      <c r="E9103" s="6" t="s">
        <v>9</v>
      </c>
      <c r="F9103" s="7">
        <v>38657</v>
      </c>
      <c r="G9103" s="8">
        <v>1</v>
      </c>
      <c r="H9103" s="8">
        <v>1</v>
      </c>
      <c r="I9103" s="8">
        <v>0</v>
      </c>
      <c r="J9103" s="8">
        <v>1</v>
      </c>
      <c r="K9103" s="9">
        <v>72</v>
      </c>
      <c r="L9103" s="6" t="s">
        <v>51</v>
      </c>
    </row>
    <row r="9104" spans="1:12">
      <c r="A9104" s="6" t="s">
        <v>49</v>
      </c>
      <c r="B9104" s="6"/>
      <c r="C9104" s="6" t="s">
        <v>9128</v>
      </c>
      <c r="D9104" s="6"/>
      <c r="E9104" s="6" t="s">
        <v>9</v>
      </c>
      <c r="F9104" s="7">
        <v>38657</v>
      </c>
      <c r="G9104" s="8">
        <v>1</v>
      </c>
      <c r="H9104" s="8">
        <v>1</v>
      </c>
      <c r="I9104" s="8">
        <v>0</v>
      </c>
      <c r="J9104" s="8">
        <v>1</v>
      </c>
      <c r="K9104" s="9">
        <v>7.26</v>
      </c>
      <c r="L9104" s="6" t="s">
        <v>51</v>
      </c>
    </row>
    <row r="9105" spans="1:12">
      <c r="A9105" s="6" t="s">
        <v>49</v>
      </c>
      <c r="B9105" s="6"/>
      <c r="C9105" s="6" t="s">
        <v>9129</v>
      </c>
      <c r="D9105" s="6"/>
      <c r="E9105" s="6" t="s">
        <v>9</v>
      </c>
      <c r="F9105" s="7">
        <v>38657</v>
      </c>
      <c r="G9105" s="8">
        <v>1</v>
      </c>
      <c r="H9105" s="8">
        <v>1</v>
      </c>
      <c r="I9105" s="8">
        <v>0</v>
      </c>
      <c r="J9105" s="8">
        <v>1</v>
      </c>
      <c r="K9105" s="9">
        <v>33</v>
      </c>
      <c r="L9105" s="6" t="s">
        <v>51</v>
      </c>
    </row>
    <row r="9106" spans="1:12">
      <c r="A9106" s="6" t="s">
        <v>49</v>
      </c>
      <c r="B9106" s="6"/>
      <c r="C9106" s="6" t="s">
        <v>9130</v>
      </c>
      <c r="D9106" s="6"/>
      <c r="E9106" s="6" t="s">
        <v>9</v>
      </c>
      <c r="F9106" s="7">
        <v>38657</v>
      </c>
      <c r="G9106" s="8">
        <v>1</v>
      </c>
      <c r="H9106" s="8">
        <v>1</v>
      </c>
      <c r="I9106" s="8">
        <v>0</v>
      </c>
      <c r="J9106" s="8">
        <v>1</v>
      </c>
      <c r="K9106" s="9">
        <v>29</v>
      </c>
      <c r="L9106" s="6" t="s">
        <v>51</v>
      </c>
    </row>
    <row r="9107" spans="1:12">
      <c r="A9107" s="6" t="s">
        <v>49</v>
      </c>
      <c r="B9107" s="6"/>
      <c r="C9107" s="6" t="s">
        <v>9131</v>
      </c>
      <c r="D9107" s="6"/>
      <c r="E9107" s="6" t="s">
        <v>9</v>
      </c>
      <c r="F9107" s="7">
        <v>38657</v>
      </c>
      <c r="G9107" s="8">
        <v>1</v>
      </c>
      <c r="H9107" s="8">
        <v>1</v>
      </c>
      <c r="I9107" s="8">
        <v>0</v>
      </c>
      <c r="J9107" s="8">
        <v>1</v>
      </c>
      <c r="K9107" s="9">
        <v>2.56</v>
      </c>
      <c r="L9107" s="6" t="s">
        <v>51</v>
      </c>
    </row>
    <row r="9108" spans="1:12">
      <c r="A9108" s="6" t="s">
        <v>49</v>
      </c>
      <c r="B9108" s="6"/>
      <c r="C9108" s="6" t="s">
        <v>9132</v>
      </c>
      <c r="D9108" s="6"/>
      <c r="E9108" s="6" t="s">
        <v>9</v>
      </c>
      <c r="F9108" s="7">
        <v>38657</v>
      </c>
      <c r="G9108" s="8">
        <v>1</v>
      </c>
      <c r="H9108" s="8">
        <v>1</v>
      </c>
      <c r="I9108" s="8">
        <v>0</v>
      </c>
      <c r="J9108" s="8">
        <v>1</v>
      </c>
      <c r="K9108" s="9">
        <v>19</v>
      </c>
      <c r="L9108" s="6" t="s">
        <v>51</v>
      </c>
    </row>
    <row r="9109" spans="1:12">
      <c r="A9109" s="6" t="s">
        <v>49</v>
      </c>
      <c r="B9109" s="6"/>
      <c r="C9109" s="6" t="s">
        <v>9133</v>
      </c>
      <c r="D9109" s="6"/>
      <c r="E9109" s="6" t="s">
        <v>9</v>
      </c>
      <c r="F9109" s="7">
        <v>38657</v>
      </c>
      <c r="G9109" s="8">
        <v>1</v>
      </c>
      <c r="H9109" s="8">
        <v>1</v>
      </c>
      <c r="I9109" s="8">
        <v>0</v>
      </c>
      <c r="J9109" s="8">
        <v>1</v>
      </c>
      <c r="K9109" s="9">
        <v>181</v>
      </c>
      <c r="L9109" s="6" t="s">
        <v>51</v>
      </c>
    </row>
    <row r="9110" spans="1:12">
      <c r="A9110" s="6" t="s">
        <v>49</v>
      </c>
      <c r="B9110" s="6"/>
      <c r="C9110" s="6" t="s">
        <v>9134</v>
      </c>
      <c r="D9110" s="6"/>
      <c r="E9110" s="6" t="s">
        <v>9</v>
      </c>
      <c r="F9110" s="7">
        <v>38657</v>
      </c>
      <c r="G9110" s="8">
        <v>1</v>
      </c>
      <c r="H9110" s="8">
        <v>1</v>
      </c>
      <c r="I9110" s="8">
        <v>0</v>
      </c>
      <c r="J9110" s="8">
        <v>1</v>
      </c>
      <c r="K9110" s="9">
        <v>19</v>
      </c>
      <c r="L9110" s="6" t="s">
        <v>51</v>
      </c>
    </row>
    <row r="9111" spans="1:12">
      <c r="A9111" s="6" t="s">
        <v>49</v>
      </c>
      <c r="B9111" s="6"/>
      <c r="C9111" s="6" t="s">
        <v>9135</v>
      </c>
      <c r="D9111" s="6"/>
      <c r="E9111" s="6" t="s">
        <v>9</v>
      </c>
      <c r="F9111" s="7">
        <v>38657</v>
      </c>
      <c r="G9111" s="8">
        <v>1</v>
      </c>
      <c r="H9111" s="8">
        <v>1</v>
      </c>
      <c r="I9111" s="8">
        <v>0</v>
      </c>
      <c r="J9111" s="8">
        <v>1</v>
      </c>
      <c r="K9111" s="9">
        <v>23</v>
      </c>
      <c r="L9111" s="6" t="s">
        <v>51</v>
      </c>
    </row>
    <row r="9112" spans="1:12">
      <c r="A9112" s="6" t="s">
        <v>49</v>
      </c>
      <c r="B9112" s="6"/>
      <c r="C9112" s="6" t="s">
        <v>9136</v>
      </c>
      <c r="D9112" s="6"/>
      <c r="E9112" s="6" t="s">
        <v>9</v>
      </c>
      <c r="F9112" s="7">
        <v>38657</v>
      </c>
      <c r="G9112" s="8">
        <v>1</v>
      </c>
      <c r="H9112" s="8">
        <v>1</v>
      </c>
      <c r="I9112" s="8">
        <v>0</v>
      </c>
      <c r="J9112" s="8">
        <v>1</v>
      </c>
      <c r="K9112" s="9">
        <v>23</v>
      </c>
      <c r="L9112" s="6" t="s">
        <v>51</v>
      </c>
    </row>
    <row r="9113" spans="1:12">
      <c r="A9113" s="6" t="s">
        <v>49</v>
      </c>
      <c r="B9113" s="6"/>
      <c r="C9113" s="6" t="s">
        <v>9137</v>
      </c>
      <c r="D9113" s="6"/>
      <c r="E9113" s="6" t="s">
        <v>9</v>
      </c>
      <c r="F9113" s="7">
        <v>38657</v>
      </c>
      <c r="G9113" s="8">
        <v>1</v>
      </c>
      <c r="H9113" s="8">
        <v>1</v>
      </c>
      <c r="I9113" s="8">
        <v>0</v>
      </c>
      <c r="J9113" s="8">
        <v>1</v>
      </c>
      <c r="K9113" s="9">
        <v>29</v>
      </c>
      <c r="L9113" s="6" t="s">
        <v>51</v>
      </c>
    </row>
    <row r="9114" spans="1:12">
      <c r="A9114" s="6" t="s">
        <v>49</v>
      </c>
      <c r="B9114" s="6"/>
      <c r="C9114" s="6" t="s">
        <v>9138</v>
      </c>
      <c r="D9114" s="6"/>
      <c r="E9114" s="6" t="s">
        <v>9</v>
      </c>
      <c r="F9114" s="7">
        <v>38657</v>
      </c>
      <c r="G9114" s="8">
        <v>1</v>
      </c>
      <c r="H9114" s="8">
        <v>1</v>
      </c>
      <c r="I9114" s="8">
        <v>0</v>
      </c>
      <c r="J9114" s="8">
        <v>1</v>
      </c>
      <c r="K9114" s="9">
        <v>23</v>
      </c>
      <c r="L9114" s="6" t="s">
        <v>51</v>
      </c>
    </row>
    <row r="9115" spans="1:12">
      <c r="A9115" s="6" t="s">
        <v>49</v>
      </c>
      <c r="B9115" s="6"/>
      <c r="C9115" s="6" t="s">
        <v>9139</v>
      </c>
      <c r="D9115" s="6"/>
      <c r="E9115" s="6" t="s">
        <v>9</v>
      </c>
      <c r="F9115" s="7">
        <v>38657</v>
      </c>
      <c r="G9115" s="8">
        <v>1</v>
      </c>
      <c r="H9115" s="8">
        <v>1</v>
      </c>
      <c r="I9115" s="8">
        <v>0</v>
      </c>
      <c r="J9115" s="8">
        <v>1</v>
      </c>
      <c r="K9115" s="9">
        <v>3.3</v>
      </c>
      <c r="L9115" s="6" t="s">
        <v>51</v>
      </c>
    </row>
    <row r="9116" spans="1:12">
      <c r="A9116" s="6" t="s">
        <v>49</v>
      </c>
      <c r="B9116" s="6"/>
      <c r="C9116" s="6" t="s">
        <v>9140</v>
      </c>
      <c r="D9116" s="6"/>
      <c r="E9116" s="6" t="s">
        <v>9</v>
      </c>
      <c r="F9116" s="7">
        <v>38657</v>
      </c>
      <c r="G9116" s="8">
        <v>1</v>
      </c>
      <c r="H9116" s="8">
        <v>1</v>
      </c>
      <c r="I9116" s="8">
        <v>0</v>
      </c>
      <c r="J9116" s="8">
        <v>1</v>
      </c>
      <c r="K9116" s="9">
        <v>52</v>
      </c>
      <c r="L9116" s="6" t="s">
        <v>51</v>
      </c>
    </row>
    <row r="9117" spans="1:12">
      <c r="A9117" s="6" t="s">
        <v>49</v>
      </c>
      <c r="B9117" s="6"/>
      <c r="C9117" s="6" t="s">
        <v>9141</v>
      </c>
      <c r="D9117" s="6"/>
      <c r="E9117" s="6" t="s">
        <v>9</v>
      </c>
      <c r="F9117" s="7"/>
      <c r="G9117" s="8">
        <v>1</v>
      </c>
      <c r="H9117" s="8">
        <v>1</v>
      </c>
      <c r="I9117" s="8">
        <v>0</v>
      </c>
      <c r="J9117" s="8">
        <v>1</v>
      </c>
      <c r="K9117" s="9">
        <v>57</v>
      </c>
      <c r="L9117" s="6" t="s">
        <v>51</v>
      </c>
    </row>
    <row r="9118" spans="1:12">
      <c r="A9118" s="6" t="s">
        <v>49</v>
      </c>
      <c r="B9118" s="6"/>
      <c r="C9118" s="6" t="s">
        <v>9142</v>
      </c>
      <c r="D9118" s="6"/>
      <c r="E9118" s="6" t="s">
        <v>9</v>
      </c>
      <c r="F9118" s="7">
        <v>38657</v>
      </c>
      <c r="G9118" s="8">
        <v>1</v>
      </c>
      <c r="H9118" s="8">
        <v>1</v>
      </c>
      <c r="I9118" s="8">
        <v>0</v>
      </c>
      <c r="J9118" s="8">
        <v>1</v>
      </c>
      <c r="K9118" s="9">
        <v>206</v>
      </c>
      <c r="L9118" s="6" t="s">
        <v>51</v>
      </c>
    </row>
    <row r="9119" spans="1:12">
      <c r="A9119" s="6" t="s">
        <v>49</v>
      </c>
      <c r="B9119" s="6"/>
      <c r="C9119" s="6" t="s">
        <v>9143</v>
      </c>
      <c r="D9119" s="6"/>
      <c r="E9119" s="6" t="s">
        <v>9</v>
      </c>
      <c r="F9119" s="7">
        <v>38657</v>
      </c>
      <c r="G9119" s="8">
        <v>1</v>
      </c>
      <c r="H9119" s="8">
        <v>1</v>
      </c>
      <c r="I9119" s="8">
        <v>0</v>
      </c>
      <c r="J9119" s="8">
        <v>1</v>
      </c>
      <c r="K9119" s="9">
        <v>939</v>
      </c>
      <c r="L9119" s="6" t="s">
        <v>51</v>
      </c>
    </row>
    <row r="9120" spans="1:12">
      <c r="A9120" s="6" t="s">
        <v>49</v>
      </c>
      <c r="B9120" s="6"/>
      <c r="C9120" s="6" t="s">
        <v>9144</v>
      </c>
      <c r="D9120" s="6"/>
      <c r="E9120" s="6" t="s">
        <v>9</v>
      </c>
      <c r="F9120" s="7">
        <v>38657</v>
      </c>
      <c r="G9120" s="8">
        <v>1</v>
      </c>
      <c r="H9120" s="8">
        <v>1</v>
      </c>
      <c r="I9120" s="8">
        <v>0</v>
      </c>
      <c r="J9120" s="8">
        <v>1</v>
      </c>
      <c r="K9120" s="9">
        <v>174</v>
      </c>
      <c r="L9120" s="6" t="s">
        <v>51</v>
      </c>
    </row>
    <row r="9121" spans="1:12">
      <c r="A9121" s="6" t="s">
        <v>49</v>
      </c>
      <c r="B9121" s="6"/>
      <c r="C9121" s="6" t="s">
        <v>9145</v>
      </c>
      <c r="D9121" s="6"/>
      <c r="E9121" s="6" t="s">
        <v>9</v>
      </c>
      <c r="F9121" s="7">
        <v>38657</v>
      </c>
      <c r="G9121" s="8">
        <v>1</v>
      </c>
      <c r="H9121" s="8">
        <v>1</v>
      </c>
      <c r="I9121" s="8">
        <v>0</v>
      </c>
      <c r="J9121" s="8">
        <v>1</v>
      </c>
      <c r="K9121" s="9">
        <v>1134</v>
      </c>
      <c r="L9121" s="6" t="s">
        <v>51</v>
      </c>
    </row>
    <row r="9122" spans="1:12">
      <c r="A9122" s="6" t="s">
        <v>49</v>
      </c>
      <c r="B9122" s="6"/>
      <c r="C9122" s="6" t="s">
        <v>9146</v>
      </c>
      <c r="D9122" s="6"/>
      <c r="E9122" s="6" t="s">
        <v>9</v>
      </c>
      <c r="F9122" s="7">
        <v>38657</v>
      </c>
      <c r="G9122" s="8">
        <v>1</v>
      </c>
      <c r="H9122" s="8">
        <v>1</v>
      </c>
      <c r="I9122" s="8">
        <v>0</v>
      </c>
      <c r="J9122" s="8">
        <v>1</v>
      </c>
      <c r="K9122" s="9">
        <v>530</v>
      </c>
      <c r="L9122" s="6" t="s">
        <v>51</v>
      </c>
    </row>
    <row r="9123" spans="1:12">
      <c r="A9123" s="6" t="s">
        <v>49</v>
      </c>
      <c r="B9123" s="6"/>
      <c r="C9123" s="6" t="s">
        <v>9147</v>
      </c>
      <c r="D9123" s="6"/>
      <c r="E9123" s="6" t="s">
        <v>9</v>
      </c>
      <c r="F9123" s="7">
        <v>38657</v>
      </c>
      <c r="G9123" s="8">
        <v>1</v>
      </c>
      <c r="H9123" s="8">
        <v>1</v>
      </c>
      <c r="I9123" s="8">
        <v>0</v>
      </c>
      <c r="J9123" s="8">
        <v>1</v>
      </c>
      <c r="K9123" s="9">
        <v>498</v>
      </c>
      <c r="L9123" s="6" t="s">
        <v>51</v>
      </c>
    </row>
    <row r="9124" spans="1:12">
      <c r="A9124" s="6" t="s">
        <v>49</v>
      </c>
      <c r="B9124" s="6"/>
      <c r="C9124" s="6" t="s">
        <v>9148</v>
      </c>
      <c r="D9124" s="6"/>
      <c r="E9124" s="6" t="s">
        <v>9</v>
      </c>
      <c r="F9124" s="7">
        <v>38657</v>
      </c>
      <c r="G9124" s="8">
        <v>1</v>
      </c>
      <c r="H9124" s="8">
        <v>1</v>
      </c>
      <c r="I9124" s="8">
        <v>0</v>
      </c>
      <c r="J9124" s="8">
        <v>1</v>
      </c>
      <c r="K9124" s="9">
        <v>499</v>
      </c>
      <c r="L9124" s="6" t="s">
        <v>51</v>
      </c>
    </row>
    <row r="9125" spans="1:12">
      <c r="A9125" s="6" t="s">
        <v>49</v>
      </c>
      <c r="B9125" s="6"/>
      <c r="C9125" s="6" t="s">
        <v>9149</v>
      </c>
      <c r="D9125" s="6"/>
      <c r="E9125" s="6" t="s">
        <v>9</v>
      </c>
      <c r="F9125" s="7">
        <v>38657</v>
      </c>
      <c r="G9125" s="8">
        <v>1</v>
      </c>
      <c r="H9125" s="8">
        <v>1</v>
      </c>
      <c r="I9125" s="8">
        <v>0</v>
      </c>
      <c r="J9125" s="8">
        <v>1</v>
      </c>
      <c r="K9125" s="9">
        <v>114</v>
      </c>
      <c r="L9125" s="6" t="s">
        <v>51</v>
      </c>
    </row>
    <row r="9126" spans="1:12">
      <c r="A9126" s="6" t="s">
        <v>49</v>
      </c>
      <c r="B9126" s="6"/>
      <c r="C9126" s="6" t="s">
        <v>9150</v>
      </c>
      <c r="D9126" s="6"/>
      <c r="E9126" s="6" t="s">
        <v>9</v>
      </c>
      <c r="F9126" s="7">
        <v>38657</v>
      </c>
      <c r="G9126" s="8">
        <v>1</v>
      </c>
      <c r="H9126" s="8">
        <v>1</v>
      </c>
      <c r="I9126" s="8">
        <v>0</v>
      </c>
      <c r="J9126" s="8">
        <v>1</v>
      </c>
      <c r="K9126" s="9">
        <v>9.6999999999999904</v>
      </c>
      <c r="L9126" s="6" t="s">
        <v>51</v>
      </c>
    </row>
    <row r="9127" spans="1:12">
      <c r="A9127" s="6" t="s">
        <v>49</v>
      </c>
      <c r="B9127" s="6"/>
      <c r="C9127" s="6" t="s">
        <v>9151</v>
      </c>
      <c r="D9127" s="6"/>
      <c r="E9127" s="6" t="s">
        <v>9</v>
      </c>
      <c r="F9127" s="7">
        <v>38657</v>
      </c>
      <c r="G9127" s="8">
        <v>1</v>
      </c>
      <c r="H9127" s="8">
        <v>1</v>
      </c>
      <c r="I9127" s="8">
        <v>0</v>
      </c>
      <c r="J9127" s="8">
        <v>1</v>
      </c>
      <c r="K9127" s="9">
        <v>40</v>
      </c>
      <c r="L9127" s="6" t="s">
        <v>51</v>
      </c>
    </row>
    <row r="9128" spans="1:12">
      <c r="A9128" s="6" t="s">
        <v>49</v>
      </c>
      <c r="B9128" s="6"/>
      <c r="C9128" s="6" t="s">
        <v>9152</v>
      </c>
      <c r="D9128" s="6"/>
      <c r="E9128" s="6" t="s">
        <v>9</v>
      </c>
      <c r="F9128" s="7">
        <v>38657</v>
      </c>
      <c r="G9128" s="8">
        <v>1</v>
      </c>
      <c r="H9128" s="8">
        <v>1</v>
      </c>
      <c r="I9128" s="8">
        <v>0</v>
      </c>
      <c r="J9128" s="8">
        <v>1</v>
      </c>
      <c r="K9128" s="9">
        <v>38</v>
      </c>
      <c r="L9128" s="6" t="s">
        <v>51</v>
      </c>
    </row>
    <row r="9129" spans="1:12">
      <c r="A9129" s="6" t="s">
        <v>49</v>
      </c>
      <c r="B9129" s="6"/>
      <c r="C9129" s="6" t="s">
        <v>9153</v>
      </c>
      <c r="D9129" s="6"/>
      <c r="E9129" s="6" t="s">
        <v>9</v>
      </c>
      <c r="F9129" s="7">
        <v>38657</v>
      </c>
      <c r="G9129" s="8">
        <v>1</v>
      </c>
      <c r="H9129" s="8">
        <v>1</v>
      </c>
      <c r="I9129" s="8">
        <v>0</v>
      </c>
      <c r="J9129" s="8">
        <v>1</v>
      </c>
      <c r="K9129" s="9">
        <v>38</v>
      </c>
      <c r="L9129" s="6" t="s">
        <v>51</v>
      </c>
    </row>
    <row r="9130" spans="1:12">
      <c r="A9130" s="6" t="s">
        <v>49</v>
      </c>
      <c r="B9130" s="6"/>
      <c r="C9130" s="6" t="s">
        <v>9154</v>
      </c>
      <c r="D9130" s="6"/>
      <c r="E9130" s="6" t="s">
        <v>9</v>
      </c>
      <c r="F9130" s="7">
        <v>38657</v>
      </c>
      <c r="G9130" s="8">
        <v>1</v>
      </c>
      <c r="H9130" s="8">
        <v>1</v>
      </c>
      <c r="I9130" s="8">
        <v>0</v>
      </c>
      <c r="J9130" s="8">
        <v>1</v>
      </c>
      <c r="K9130" s="9">
        <v>36</v>
      </c>
      <c r="L9130" s="6" t="s">
        <v>51</v>
      </c>
    </row>
    <row r="9131" spans="1:12">
      <c r="A9131" s="6" t="s">
        <v>49</v>
      </c>
      <c r="B9131" s="6"/>
      <c r="C9131" s="6" t="s">
        <v>9155</v>
      </c>
      <c r="D9131" s="6"/>
      <c r="E9131" s="6" t="s">
        <v>9</v>
      </c>
      <c r="F9131" s="7">
        <v>38657</v>
      </c>
      <c r="G9131" s="8">
        <v>1</v>
      </c>
      <c r="H9131" s="8">
        <v>1</v>
      </c>
      <c r="I9131" s="8">
        <v>0</v>
      </c>
      <c r="J9131" s="8">
        <v>1</v>
      </c>
      <c r="K9131" s="9">
        <v>78</v>
      </c>
      <c r="L9131" s="6" t="s">
        <v>51</v>
      </c>
    </row>
    <row r="9132" spans="1:12">
      <c r="A9132" s="6" t="s">
        <v>49</v>
      </c>
      <c r="B9132" s="6"/>
      <c r="C9132" s="6" t="s">
        <v>9156</v>
      </c>
      <c r="D9132" s="6"/>
      <c r="E9132" s="6" t="s">
        <v>9</v>
      </c>
      <c r="F9132" s="7">
        <v>38657</v>
      </c>
      <c r="G9132" s="8">
        <v>1</v>
      </c>
      <c r="H9132" s="8">
        <v>1</v>
      </c>
      <c r="I9132" s="8">
        <v>0</v>
      </c>
      <c r="J9132" s="8">
        <v>1</v>
      </c>
      <c r="K9132" s="9">
        <v>90</v>
      </c>
      <c r="L9132" s="6" t="s">
        <v>51</v>
      </c>
    </row>
    <row r="9133" spans="1:12">
      <c r="A9133" s="6" t="s">
        <v>49</v>
      </c>
      <c r="B9133" s="6"/>
      <c r="C9133" s="6" t="s">
        <v>9157</v>
      </c>
      <c r="D9133" s="6"/>
      <c r="E9133" s="6" t="s">
        <v>9</v>
      </c>
      <c r="F9133" s="7">
        <v>38657</v>
      </c>
      <c r="G9133" s="8">
        <v>1</v>
      </c>
      <c r="H9133" s="8">
        <v>1</v>
      </c>
      <c r="I9133" s="8">
        <v>0</v>
      </c>
      <c r="J9133" s="8">
        <v>1</v>
      </c>
      <c r="K9133" s="9">
        <v>241</v>
      </c>
      <c r="L9133" s="6" t="s">
        <v>51</v>
      </c>
    </row>
    <row r="9134" spans="1:12">
      <c r="A9134" s="6" t="s">
        <v>49</v>
      </c>
      <c r="B9134" s="6"/>
      <c r="C9134" s="6" t="s">
        <v>9158</v>
      </c>
      <c r="D9134" s="6"/>
      <c r="E9134" s="6" t="s">
        <v>9</v>
      </c>
      <c r="F9134" s="7">
        <v>38657</v>
      </c>
      <c r="G9134" s="8">
        <v>1</v>
      </c>
      <c r="H9134" s="8">
        <v>1</v>
      </c>
      <c r="I9134" s="8">
        <v>0</v>
      </c>
      <c r="J9134" s="8">
        <v>1</v>
      </c>
      <c r="K9134" s="9">
        <v>32</v>
      </c>
      <c r="L9134" s="6" t="s">
        <v>51</v>
      </c>
    </row>
    <row r="9135" spans="1:12">
      <c r="A9135" s="6" t="s">
        <v>49</v>
      </c>
      <c r="B9135" s="6"/>
      <c r="C9135" s="6" t="s">
        <v>9159</v>
      </c>
      <c r="D9135" s="6"/>
      <c r="E9135" s="6" t="s">
        <v>9</v>
      </c>
      <c r="F9135" s="7">
        <v>38657</v>
      </c>
      <c r="G9135" s="8">
        <v>1</v>
      </c>
      <c r="H9135" s="8">
        <v>1</v>
      </c>
      <c r="I9135" s="8">
        <v>0</v>
      </c>
      <c r="J9135" s="8">
        <v>1</v>
      </c>
      <c r="K9135" s="9">
        <v>257</v>
      </c>
      <c r="L9135" s="6" t="s">
        <v>51</v>
      </c>
    </row>
    <row r="9136" spans="1:12">
      <c r="A9136" s="6" t="s">
        <v>49</v>
      </c>
      <c r="B9136" s="6"/>
      <c r="C9136" s="6" t="s">
        <v>9160</v>
      </c>
      <c r="D9136" s="6"/>
      <c r="E9136" s="6" t="s">
        <v>9</v>
      </c>
      <c r="F9136" s="7">
        <v>38657</v>
      </c>
      <c r="G9136" s="8">
        <v>1</v>
      </c>
      <c r="H9136" s="8">
        <v>1</v>
      </c>
      <c r="I9136" s="8">
        <v>0</v>
      </c>
      <c r="J9136" s="8">
        <v>1</v>
      </c>
      <c r="K9136" s="9">
        <v>298</v>
      </c>
      <c r="L9136" s="6" t="s">
        <v>51</v>
      </c>
    </row>
    <row r="9137" spans="1:12">
      <c r="A9137" s="6" t="s">
        <v>49</v>
      </c>
      <c r="B9137" s="6"/>
      <c r="C9137" s="6" t="s">
        <v>9161</v>
      </c>
      <c r="D9137" s="6"/>
      <c r="E9137" s="6" t="s">
        <v>9</v>
      </c>
      <c r="F9137" s="7">
        <v>38657</v>
      </c>
      <c r="G9137" s="8">
        <v>1</v>
      </c>
      <c r="H9137" s="8">
        <v>1</v>
      </c>
      <c r="I9137" s="8">
        <v>0</v>
      </c>
      <c r="J9137" s="8">
        <v>1</v>
      </c>
      <c r="K9137" s="9">
        <v>30</v>
      </c>
      <c r="L9137" s="6" t="s">
        <v>51</v>
      </c>
    </row>
    <row r="9138" spans="1:12">
      <c r="A9138" s="6" t="s">
        <v>49</v>
      </c>
      <c r="B9138" s="6"/>
      <c r="C9138" s="6" t="s">
        <v>9162</v>
      </c>
      <c r="D9138" s="6"/>
      <c r="E9138" s="6" t="s">
        <v>9</v>
      </c>
      <c r="F9138" s="7">
        <v>38657</v>
      </c>
      <c r="G9138" s="8">
        <v>1</v>
      </c>
      <c r="H9138" s="8">
        <v>1</v>
      </c>
      <c r="I9138" s="8">
        <v>0</v>
      </c>
      <c r="J9138" s="8">
        <v>1</v>
      </c>
      <c r="K9138" s="9">
        <v>33</v>
      </c>
      <c r="L9138" s="6" t="s">
        <v>51</v>
      </c>
    </row>
    <row r="9139" spans="1:12">
      <c r="A9139" s="6" t="s">
        <v>49</v>
      </c>
      <c r="B9139" s="6"/>
      <c r="C9139" s="6" t="s">
        <v>9163</v>
      </c>
      <c r="D9139" s="6"/>
      <c r="E9139" s="6" t="s">
        <v>9</v>
      </c>
      <c r="F9139" s="7">
        <v>38657</v>
      </c>
      <c r="G9139" s="8">
        <v>1</v>
      </c>
      <c r="H9139" s="8">
        <v>1</v>
      </c>
      <c r="I9139" s="8">
        <v>0</v>
      </c>
      <c r="J9139" s="8">
        <v>1</v>
      </c>
      <c r="K9139" s="9">
        <v>32</v>
      </c>
      <c r="L9139" s="6" t="s">
        <v>51</v>
      </c>
    </row>
    <row r="9140" spans="1:12">
      <c r="A9140" s="6" t="s">
        <v>49</v>
      </c>
      <c r="B9140" s="6"/>
      <c r="C9140" s="6" t="s">
        <v>9164</v>
      </c>
      <c r="D9140" s="6"/>
      <c r="E9140" s="6" t="s">
        <v>9</v>
      </c>
      <c r="F9140" s="7">
        <v>38657</v>
      </c>
      <c r="G9140" s="8">
        <v>1</v>
      </c>
      <c r="H9140" s="8">
        <v>1</v>
      </c>
      <c r="I9140" s="8">
        <v>0</v>
      </c>
      <c r="J9140" s="8">
        <v>1</v>
      </c>
      <c r="K9140" s="9">
        <v>29</v>
      </c>
      <c r="L9140" s="6" t="s">
        <v>51</v>
      </c>
    </row>
    <row r="9141" spans="1:12">
      <c r="A9141" s="6" t="s">
        <v>49</v>
      </c>
      <c r="B9141" s="6"/>
      <c r="C9141" s="6" t="s">
        <v>9165</v>
      </c>
      <c r="D9141" s="6"/>
      <c r="E9141" s="6" t="s">
        <v>9</v>
      </c>
      <c r="F9141" s="7">
        <v>38657</v>
      </c>
      <c r="G9141" s="8">
        <v>1</v>
      </c>
      <c r="H9141" s="8">
        <v>1</v>
      </c>
      <c r="I9141" s="8">
        <v>0</v>
      </c>
      <c r="J9141" s="8">
        <v>1</v>
      </c>
      <c r="K9141" s="9">
        <v>34</v>
      </c>
      <c r="L9141" s="6" t="s">
        <v>51</v>
      </c>
    </row>
    <row r="9142" spans="1:12">
      <c r="A9142" s="6" t="s">
        <v>49</v>
      </c>
      <c r="B9142" s="6"/>
      <c r="C9142" s="6" t="s">
        <v>9166</v>
      </c>
      <c r="D9142" s="6"/>
      <c r="E9142" s="6" t="s">
        <v>9</v>
      </c>
      <c r="F9142" s="7">
        <v>38657</v>
      </c>
      <c r="G9142" s="8">
        <v>1</v>
      </c>
      <c r="H9142" s="8">
        <v>1</v>
      </c>
      <c r="I9142" s="8">
        <v>0</v>
      </c>
      <c r="J9142" s="8">
        <v>1</v>
      </c>
      <c r="K9142" s="9">
        <v>2.56</v>
      </c>
      <c r="L9142" s="6" t="s">
        <v>51</v>
      </c>
    </row>
    <row r="9143" spans="1:12">
      <c r="A9143" s="6" t="s">
        <v>49</v>
      </c>
      <c r="B9143" s="6"/>
      <c r="C9143" s="6" t="s">
        <v>9167</v>
      </c>
      <c r="D9143" s="6"/>
      <c r="E9143" s="6" t="s">
        <v>9</v>
      </c>
      <c r="F9143" s="7">
        <v>38657</v>
      </c>
      <c r="G9143" s="8">
        <v>1</v>
      </c>
      <c r="H9143" s="8">
        <v>1</v>
      </c>
      <c r="I9143" s="8">
        <v>0</v>
      </c>
      <c r="J9143" s="8">
        <v>1</v>
      </c>
      <c r="K9143" s="9">
        <v>82</v>
      </c>
      <c r="L9143" s="6" t="s">
        <v>51</v>
      </c>
    </row>
    <row r="9144" spans="1:12">
      <c r="A9144" s="6" t="s">
        <v>49</v>
      </c>
      <c r="B9144" s="6"/>
      <c r="C9144" s="6" t="s">
        <v>9168</v>
      </c>
      <c r="D9144" s="6"/>
      <c r="E9144" s="6" t="s">
        <v>9</v>
      </c>
      <c r="F9144" s="7">
        <v>38657</v>
      </c>
      <c r="G9144" s="8">
        <v>1</v>
      </c>
      <c r="H9144" s="8">
        <v>1</v>
      </c>
      <c r="I9144" s="8">
        <v>0</v>
      </c>
      <c r="J9144" s="8">
        <v>1</v>
      </c>
      <c r="K9144" s="9">
        <v>73</v>
      </c>
      <c r="L9144" s="6" t="s">
        <v>51</v>
      </c>
    </row>
    <row r="9145" spans="1:12">
      <c r="A9145" s="6" t="s">
        <v>49</v>
      </c>
      <c r="B9145" s="6"/>
      <c r="C9145" s="6" t="s">
        <v>9169</v>
      </c>
      <c r="D9145" s="6"/>
      <c r="E9145" s="6" t="s">
        <v>9</v>
      </c>
      <c r="F9145" s="7">
        <v>38657</v>
      </c>
      <c r="G9145" s="8">
        <v>1</v>
      </c>
      <c r="H9145" s="8">
        <v>1</v>
      </c>
      <c r="I9145" s="8">
        <v>0</v>
      </c>
      <c r="J9145" s="8">
        <v>1</v>
      </c>
      <c r="K9145" s="9">
        <v>61</v>
      </c>
      <c r="L9145" s="6" t="s">
        <v>51</v>
      </c>
    </row>
    <row r="9146" spans="1:12">
      <c r="A9146" s="6" t="s">
        <v>49</v>
      </c>
      <c r="B9146" s="6"/>
      <c r="C9146" s="6" t="s">
        <v>9170</v>
      </c>
      <c r="D9146" s="6"/>
      <c r="E9146" s="6" t="s">
        <v>9</v>
      </c>
      <c r="F9146" s="7">
        <v>38657</v>
      </c>
      <c r="G9146" s="8">
        <v>1</v>
      </c>
      <c r="H9146" s="8">
        <v>1</v>
      </c>
      <c r="I9146" s="8">
        <v>0</v>
      </c>
      <c r="J9146" s="8">
        <v>1</v>
      </c>
      <c r="K9146" s="9">
        <v>62</v>
      </c>
      <c r="L9146" s="6" t="s">
        <v>51</v>
      </c>
    </row>
    <row r="9147" spans="1:12">
      <c r="A9147" s="6" t="s">
        <v>49</v>
      </c>
      <c r="B9147" s="6"/>
      <c r="C9147" s="6" t="s">
        <v>9171</v>
      </c>
      <c r="D9147" s="6"/>
      <c r="E9147" s="6" t="s">
        <v>9</v>
      </c>
      <c r="F9147" s="7">
        <v>38657</v>
      </c>
      <c r="G9147" s="8">
        <v>1</v>
      </c>
      <c r="H9147" s="8">
        <v>1</v>
      </c>
      <c r="I9147" s="8">
        <v>0</v>
      </c>
      <c r="J9147" s="8">
        <v>1</v>
      </c>
      <c r="K9147" s="9">
        <v>35</v>
      </c>
      <c r="L9147" s="6" t="s">
        <v>51</v>
      </c>
    </row>
    <row r="9148" spans="1:12">
      <c r="A9148" s="6" t="s">
        <v>49</v>
      </c>
      <c r="B9148" s="6"/>
      <c r="C9148" s="6" t="s">
        <v>9172</v>
      </c>
      <c r="D9148" s="6"/>
      <c r="E9148" s="6" t="s">
        <v>9</v>
      </c>
      <c r="F9148" s="7">
        <v>38657</v>
      </c>
      <c r="G9148" s="8">
        <v>1</v>
      </c>
      <c r="H9148" s="8">
        <v>1</v>
      </c>
      <c r="I9148" s="8">
        <v>0</v>
      </c>
      <c r="J9148" s="8">
        <v>1</v>
      </c>
      <c r="K9148" s="9">
        <v>28</v>
      </c>
      <c r="L9148" s="6" t="s">
        <v>51</v>
      </c>
    </row>
    <row r="9149" spans="1:12">
      <c r="A9149" s="6" t="s">
        <v>49</v>
      </c>
      <c r="B9149" s="6"/>
      <c r="C9149" s="6" t="s">
        <v>9173</v>
      </c>
      <c r="D9149" s="6"/>
      <c r="E9149" s="6" t="s">
        <v>9</v>
      </c>
      <c r="F9149" s="7">
        <v>38657</v>
      </c>
      <c r="G9149" s="8">
        <v>1</v>
      </c>
      <c r="H9149" s="8">
        <v>1</v>
      </c>
      <c r="I9149" s="8">
        <v>0</v>
      </c>
      <c r="J9149" s="8">
        <v>1</v>
      </c>
      <c r="K9149" s="9">
        <v>55</v>
      </c>
      <c r="L9149" s="6" t="s">
        <v>51</v>
      </c>
    </row>
    <row r="9150" spans="1:12">
      <c r="A9150" s="6" t="s">
        <v>49</v>
      </c>
      <c r="B9150" s="6"/>
      <c r="C9150" s="6" t="s">
        <v>9174</v>
      </c>
      <c r="D9150" s="6"/>
      <c r="E9150" s="6" t="s">
        <v>9</v>
      </c>
      <c r="F9150" s="7">
        <v>38657</v>
      </c>
      <c r="G9150" s="8">
        <v>1</v>
      </c>
      <c r="H9150" s="8">
        <v>1</v>
      </c>
      <c r="I9150" s="8">
        <v>0</v>
      </c>
      <c r="J9150" s="8">
        <v>1</v>
      </c>
      <c r="K9150" s="9">
        <v>40</v>
      </c>
      <c r="L9150" s="6" t="s">
        <v>51</v>
      </c>
    </row>
    <row r="9151" spans="1:12">
      <c r="A9151" s="6" t="s">
        <v>49</v>
      </c>
      <c r="B9151" s="6"/>
      <c r="C9151" s="6" t="s">
        <v>9175</v>
      </c>
      <c r="D9151" s="6"/>
      <c r="E9151" s="6" t="s">
        <v>9</v>
      </c>
      <c r="F9151" s="7">
        <v>38657</v>
      </c>
      <c r="G9151" s="8">
        <v>1</v>
      </c>
      <c r="H9151" s="8">
        <v>1</v>
      </c>
      <c r="I9151" s="8">
        <v>0</v>
      </c>
      <c r="J9151" s="8">
        <v>1</v>
      </c>
      <c r="K9151" s="9">
        <v>49</v>
      </c>
      <c r="L9151" s="6" t="s">
        <v>51</v>
      </c>
    </row>
    <row r="9152" spans="1:12">
      <c r="A9152" s="6" t="s">
        <v>49</v>
      </c>
      <c r="B9152" s="6"/>
      <c r="C9152" s="6" t="s">
        <v>9176</v>
      </c>
      <c r="D9152" s="6"/>
      <c r="E9152" s="6" t="s">
        <v>9</v>
      </c>
      <c r="F9152" s="7">
        <v>38657</v>
      </c>
      <c r="G9152" s="8">
        <v>1</v>
      </c>
      <c r="H9152" s="8">
        <v>1</v>
      </c>
      <c r="I9152" s="8">
        <v>0</v>
      </c>
      <c r="J9152" s="8">
        <v>1</v>
      </c>
      <c r="K9152" s="9">
        <v>425</v>
      </c>
      <c r="L9152" s="6" t="s">
        <v>51</v>
      </c>
    </row>
    <row r="9153" spans="1:12">
      <c r="A9153" s="6" t="s">
        <v>49</v>
      </c>
      <c r="B9153" s="6"/>
      <c r="C9153" s="6" t="s">
        <v>9177</v>
      </c>
      <c r="D9153" s="6"/>
      <c r="E9153" s="6" t="s">
        <v>9</v>
      </c>
      <c r="F9153" s="7">
        <v>38657</v>
      </c>
      <c r="G9153" s="8">
        <v>107352</v>
      </c>
      <c r="H9153" s="8">
        <v>107352</v>
      </c>
      <c r="I9153" s="8">
        <v>0</v>
      </c>
      <c r="J9153" s="8">
        <v>107352</v>
      </c>
      <c r="K9153" s="9">
        <v>21</v>
      </c>
      <c r="L9153" s="6" t="s">
        <v>23</v>
      </c>
    </row>
    <row r="9154" spans="1:12">
      <c r="A9154" s="6" t="s">
        <v>49</v>
      </c>
      <c r="B9154" s="6"/>
      <c r="C9154" s="6" t="s">
        <v>9178</v>
      </c>
      <c r="D9154" s="6"/>
      <c r="E9154" s="6" t="s">
        <v>9</v>
      </c>
      <c r="F9154" s="7">
        <v>38657</v>
      </c>
      <c r="G9154" s="8">
        <v>1</v>
      </c>
      <c r="H9154" s="8">
        <v>1</v>
      </c>
      <c r="I9154" s="8">
        <v>0</v>
      </c>
      <c r="J9154" s="8">
        <v>1</v>
      </c>
      <c r="K9154" s="9">
        <v>8.56</v>
      </c>
      <c r="L9154" s="6" t="s">
        <v>51</v>
      </c>
    </row>
    <row r="9155" spans="1:12">
      <c r="A9155" s="6" t="s">
        <v>49</v>
      </c>
      <c r="B9155" s="6"/>
      <c r="C9155" s="6" t="s">
        <v>9179</v>
      </c>
      <c r="D9155" s="6"/>
      <c r="E9155" s="6" t="s">
        <v>9</v>
      </c>
      <c r="F9155" s="7">
        <v>38657</v>
      </c>
      <c r="G9155" s="8">
        <v>1</v>
      </c>
      <c r="H9155" s="8">
        <v>1</v>
      </c>
      <c r="I9155" s="8">
        <v>0</v>
      </c>
      <c r="J9155" s="8">
        <v>1</v>
      </c>
      <c r="K9155" s="9">
        <v>14</v>
      </c>
      <c r="L9155" s="6" t="s">
        <v>51</v>
      </c>
    </row>
    <row r="9156" spans="1:12">
      <c r="A9156" s="6" t="s">
        <v>49</v>
      </c>
      <c r="B9156" s="6"/>
      <c r="C9156" s="6" t="s">
        <v>9180</v>
      </c>
      <c r="D9156" s="6"/>
      <c r="E9156" s="6" t="s">
        <v>9</v>
      </c>
      <c r="F9156" s="7">
        <v>38657</v>
      </c>
      <c r="G9156" s="8">
        <v>1</v>
      </c>
      <c r="H9156" s="8">
        <v>1</v>
      </c>
      <c r="I9156" s="8">
        <v>0</v>
      </c>
      <c r="J9156" s="8">
        <v>1</v>
      </c>
      <c r="K9156" s="9">
        <v>9.0500000000000007</v>
      </c>
      <c r="L9156" s="6" t="s">
        <v>51</v>
      </c>
    </row>
    <row r="9157" spans="1:12">
      <c r="A9157" s="6" t="s">
        <v>49</v>
      </c>
      <c r="B9157" s="6"/>
      <c r="C9157" s="6" t="s">
        <v>9181</v>
      </c>
      <c r="D9157" s="6"/>
      <c r="E9157" s="6" t="s">
        <v>9</v>
      </c>
      <c r="F9157" s="7">
        <v>38657</v>
      </c>
      <c r="G9157" s="8">
        <v>1</v>
      </c>
      <c r="H9157" s="8">
        <v>1</v>
      </c>
      <c r="I9157" s="8">
        <v>0</v>
      </c>
      <c r="J9157" s="8">
        <v>1</v>
      </c>
      <c r="K9157" s="9">
        <v>12</v>
      </c>
      <c r="L9157" s="6" t="s">
        <v>51</v>
      </c>
    </row>
    <row r="9158" spans="1:12">
      <c r="A9158" s="6" t="s">
        <v>49</v>
      </c>
      <c r="B9158" s="6"/>
      <c r="C9158" s="6" t="s">
        <v>9182</v>
      </c>
      <c r="D9158" s="6"/>
      <c r="E9158" s="6" t="s">
        <v>9</v>
      </c>
      <c r="F9158" s="7">
        <v>38657</v>
      </c>
      <c r="G9158" s="8">
        <v>1</v>
      </c>
      <c r="H9158" s="8">
        <v>1</v>
      </c>
      <c r="I9158" s="8">
        <v>0</v>
      </c>
      <c r="J9158" s="8">
        <v>1</v>
      </c>
      <c r="K9158" s="9">
        <v>874</v>
      </c>
      <c r="L9158" s="6" t="s">
        <v>51</v>
      </c>
    </row>
    <row r="9159" spans="1:12">
      <c r="A9159" s="6" t="s">
        <v>49</v>
      </c>
      <c r="B9159" s="6"/>
      <c r="C9159" s="6" t="s">
        <v>9183</v>
      </c>
      <c r="D9159" s="6"/>
      <c r="E9159" s="6" t="s">
        <v>9</v>
      </c>
      <c r="F9159" s="7">
        <v>38657</v>
      </c>
      <c r="G9159" s="8">
        <v>1</v>
      </c>
      <c r="H9159" s="8">
        <v>1</v>
      </c>
      <c r="I9159" s="8">
        <v>0</v>
      </c>
      <c r="J9159" s="8">
        <v>1</v>
      </c>
      <c r="K9159" s="9">
        <v>45</v>
      </c>
      <c r="L9159" s="6" t="s">
        <v>51</v>
      </c>
    </row>
    <row r="9160" spans="1:12">
      <c r="A9160" s="6" t="s">
        <v>49</v>
      </c>
      <c r="B9160" s="6"/>
      <c r="C9160" s="6" t="s">
        <v>9184</v>
      </c>
      <c r="D9160" s="6"/>
      <c r="E9160" s="6" t="s">
        <v>9</v>
      </c>
      <c r="F9160" s="7">
        <v>38657</v>
      </c>
      <c r="G9160" s="8">
        <v>1</v>
      </c>
      <c r="H9160" s="8">
        <v>1</v>
      </c>
      <c r="I9160" s="8">
        <v>0</v>
      </c>
      <c r="J9160" s="8">
        <v>1</v>
      </c>
      <c r="K9160" s="9">
        <v>66</v>
      </c>
      <c r="L9160" s="6" t="s">
        <v>51</v>
      </c>
    </row>
    <row r="9161" spans="1:12">
      <c r="A9161" s="6" t="s">
        <v>49</v>
      </c>
      <c r="B9161" s="6"/>
      <c r="C9161" s="6" t="s">
        <v>9185</v>
      </c>
      <c r="D9161" s="6"/>
      <c r="E9161" s="6" t="s">
        <v>9</v>
      </c>
      <c r="F9161" s="7">
        <v>38657</v>
      </c>
      <c r="G9161" s="8">
        <v>1</v>
      </c>
      <c r="H9161" s="8">
        <v>1</v>
      </c>
      <c r="I9161" s="8">
        <v>0</v>
      </c>
      <c r="J9161" s="8">
        <v>1</v>
      </c>
      <c r="K9161" s="9">
        <v>23</v>
      </c>
      <c r="L9161" s="6" t="s">
        <v>51</v>
      </c>
    </row>
    <row r="9162" spans="1:12">
      <c r="A9162" s="6" t="s">
        <v>49</v>
      </c>
      <c r="B9162" s="6"/>
      <c r="C9162" s="6" t="s">
        <v>9186</v>
      </c>
      <c r="D9162" s="6"/>
      <c r="E9162" s="6" t="s">
        <v>9</v>
      </c>
      <c r="F9162" s="7">
        <v>38657</v>
      </c>
      <c r="G9162" s="8">
        <v>1</v>
      </c>
      <c r="H9162" s="8">
        <v>1</v>
      </c>
      <c r="I9162" s="8">
        <v>0</v>
      </c>
      <c r="J9162" s="8">
        <v>1</v>
      </c>
      <c r="K9162" s="9">
        <v>17</v>
      </c>
      <c r="L9162" s="6" t="s">
        <v>51</v>
      </c>
    </row>
    <row r="9163" spans="1:12">
      <c r="A9163" s="6" t="s">
        <v>49</v>
      </c>
      <c r="B9163" s="6"/>
      <c r="C9163" s="6" t="s">
        <v>9187</v>
      </c>
      <c r="D9163" s="6"/>
      <c r="E9163" s="6" t="s">
        <v>9</v>
      </c>
      <c r="F9163" s="7">
        <v>38657</v>
      </c>
      <c r="G9163" s="8">
        <v>1</v>
      </c>
      <c r="H9163" s="8">
        <v>1</v>
      </c>
      <c r="I9163" s="8">
        <v>0</v>
      </c>
      <c r="J9163" s="8">
        <v>1</v>
      </c>
      <c r="K9163" s="9">
        <v>14</v>
      </c>
      <c r="L9163" s="6" t="s">
        <v>51</v>
      </c>
    </row>
    <row r="9164" spans="1:12">
      <c r="A9164" s="6" t="s">
        <v>49</v>
      </c>
      <c r="B9164" s="6"/>
      <c r="C9164" s="6" t="s">
        <v>9188</v>
      </c>
      <c r="D9164" s="6"/>
      <c r="E9164" s="6" t="s">
        <v>9</v>
      </c>
      <c r="F9164" s="7">
        <v>38657</v>
      </c>
      <c r="G9164" s="8">
        <v>1</v>
      </c>
      <c r="H9164" s="8">
        <v>1</v>
      </c>
      <c r="I9164" s="8">
        <v>0</v>
      </c>
      <c r="J9164" s="8">
        <v>1</v>
      </c>
      <c r="K9164" s="9">
        <v>218</v>
      </c>
      <c r="L9164" s="6" t="s">
        <v>51</v>
      </c>
    </row>
    <row r="9165" spans="1:12">
      <c r="A9165" s="6" t="s">
        <v>49</v>
      </c>
      <c r="B9165" s="6"/>
      <c r="C9165" s="6" t="s">
        <v>9189</v>
      </c>
      <c r="D9165" s="6"/>
      <c r="E9165" s="6" t="s">
        <v>9</v>
      </c>
      <c r="F9165" s="7">
        <v>38657</v>
      </c>
      <c r="G9165" s="8">
        <v>107352</v>
      </c>
      <c r="H9165" s="8">
        <v>107352</v>
      </c>
      <c r="I9165" s="8">
        <v>0</v>
      </c>
      <c r="J9165" s="8">
        <v>107352</v>
      </c>
      <c r="K9165" s="9">
        <v>21</v>
      </c>
      <c r="L9165" s="6" t="s">
        <v>23</v>
      </c>
    </row>
    <row r="9166" spans="1:12">
      <c r="A9166" s="6" t="s">
        <v>49</v>
      </c>
      <c r="B9166" s="6"/>
      <c r="C9166" s="6" t="s">
        <v>9190</v>
      </c>
      <c r="D9166" s="6"/>
      <c r="E9166" s="6" t="s">
        <v>9</v>
      </c>
      <c r="F9166" s="7">
        <v>38657</v>
      </c>
      <c r="G9166" s="8">
        <v>1</v>
      </c>
      <c r="H9166" s="8">
        <v>1</v>
      </c>
      <c r="I9166" s="8">
        <v>0</v>
      </c>
      <c r="J9166" s="8">
        <v>1</v>
      </c>
      <c r="K9166" s="9">
        <v>11</v>
      </c>
      <c r="L9166" s="6" t="s">
        <v>51</v>
      </c>
    </row>
    <row r="9167" spans="1:12">
      <c r="A9167" s="6" t="s">
        <v>49</v>
      </c>
      <c r="B9167" s="6"/>
      <c r="C9167" s="6" t="s">
        <v>9191</v>
      </c>
      <c r="D9167" s="6"/>
      <c r="E9167" s="6" t="s">
        <v>9</v>
      </c>
      <c r="F9167" s="7">
        <v>38657</v>
      </c>
      <c r="G9167" s="8">
        <v>1</v>
      </c>
      <c r="H9167" s="8">
        <v>1</v>
      </c>
      <c r="I9167" s="8">
        <v>0</v>
      </c>
      <c r="J9167" s="8">
        <v>1</v>
      </c>
      <c r="K9167" s="9">
        <v>72</v>
      </c>
      <c r="L9167" s="6" t="s">
        <v>51</v>
      </c>
    </row>
    <row r="9168" spans="1:12">
      <c r="A9168" s="6" t="s">
        <v>49</v>
      </c>
      <c r="B9168" s="6"/>
      <c r="C9168" s="6" t="s">
        <v>9192</v>
      </c>
      <c r="D9168" s="6"/>
      <c r="E9168" s="6" t="s">
        <v>9</v>
      </c>
      <c r="F9168" s="7">
        <v>38657</v>
      </c>
      <c r="G9168" s="8">
        <v>1</v>
      </c>
      <c r="H9168" s="8">
        <v>1</v>
      </c>
      <c r="I9168" s="8">
        <v>0</v>
      </c>
      <c r="J9168" s="8">
        <v>1</v>
      </c>
      <c r="K9168" s="9">
        <v>45</v>
      </c>
      <c r="L9168" s="6" t="s">
        <v>51</v>
      </c>
    </row>
    <row r="9169" spans="1:12">
      <c r="A9169" s="6" t="s">
        <v>49</v>
      </c>
      <c r="B9169" s="6"/>
      <c r="C9169" s="6" t="s">
        <v>9193</v>
      </c>
      <c r="D9169" s="6"/>
      <c r="E9169" s="6" t="s">
        <v>9</v>
      </c>
      <c r="F9169" s="7">
        <v>38657</v>
      </c>
      <c r="G9169" s="8">
        <v>1</v>
      </c>
      <c r="H9169" s="8">
        <v>1</v>
      </c>
      <c r="I9169" s="8">
        <v>0</v>
      </c>
      <c r="J9169" s="8">
        <v>1</v>
      </c>
      <c r="K9169" s="9">
        <v>40</v>
      </c>
      <c r="L9169" s="6" t="s">
        <v>51</v>
      </c>
    </row>
    <row r="9170" spans="1:12">
      <c r="A9170" s="6" t="s">
        <v>49</v>
      </c>
      <c r="B9170" s="6"/>
      <c r="C9170" s="6" t="s">
        <v>9194</v>
      </c>
      <c r="D9170" s="6"/>
      <c r="E9170" s="6" t="s">
        <v>9</v>
      </c>
      <c r="F9170" s="7">
        <v>38657</v>
      </c>
      <c r="G9170" s="8">
        <v>1</v>
      </c>
      <c r="H9170" s="8">
        <v>1</v>
      </c>
      <c r="I9170" s="8">
        <v>0</v>
      </c>
      <c r="J9170" s="8">
        <v>1</v>
      </c>
      <c r="K9170" s="9">
        <v>58</v>
      </c>
      <c r="L9170" s="6" t="s">
        <v>51</v>
      </c>
    </row>
    <row r="9171" spans="1:12">
      <c r="A9171" s="6" t="s">
        <v>49</v>
      </c>
      <c r="B9171" s="6"/>
      <c r="C9171" s="6" t="s">
        <v>9195</v>
      </c>
      <c r="D9171" s="6"/>
      <c r="E9171" s="6" t="s">
        <v>9</v>
      </c>
      <c r="F9171" s="7">
        <v>38657</v>
      </c>
      <c r="G9171" s="8">
        <v>1</v>
      </c>
      <c r="H9171" s="8">
        <v>1</v>
      </c>
      <c r="I9171" s="8">
        <v>0</v>
      </c>
      <c r="J9171" s="8">
        <v>1</v>
      </c>
      <c r="K9171" s="9">
        <v>44</v>
      </c>
      <c r="L9171" s="6" t="s">
        <v>51</v>
      </c>
    </row>
    <row r="9172" spans="1:12">
      <c r="A9172" s="6" t="s">
        <v>49</v>
      </c>
      <c r="B9172" s="6"/>
      <c r="C9172" s="6" t="s">
        <v>9196</v>
      </c>
      <c r="D9172" s="6"/>
      <c r="E9172" s="6" t="s">
        <v>9</v>
      </c>
      <c r="F9172" s="7">
        <v>38657</v>
      </c>
      <c r="G9172" s="8">
        <v>1</v>
      </c>
      <c r="H9172" s="8">
        <v>1</v>
      </c>
      <c r="I9172" s="8">
        <v>0</v>
      </c>
      <c r="J9172" s="8">
        <v>1</v>
      </c>
      <c r="K9172" s="9">
        <v>445</v>
      </c>
      <c r="L9172" s="6" t="s">
        <v>51</v>
      </c>
    </row>
    <row r="9173" spans="1:12">
      <c r="A9173" s="6" t="s">
        <v>49</v>
      </c>
      <c r="B9173" s="6"/>
      <c r="C9173" s="6" t="s">
        <v>9197</v>
      </c>
      <c r="D9173" s="6"/>
      <c r="E9173" s="6" t="s">
        <v>9</v>
      </c>
      <c r="F9173" s="7">
        <v>38657</v>
      </c>
      <c r="G9173" s="8">
        <v>1</v>
      </c>
      <c r="H9173" s="8">
        <v>1</v>
      </c>
      <c r="I9173" s="8">
        <v>0</v>
      </c>
      <c r="J9173" s="8">
        <v>1</v>
      </c>
      <c r="K9173" s="9">
        <v>369</v>
      </c>
      <c r="L9173" s="6" t="s">
        <v>51</v>
      </c>
    </row>
    <row r="9174" spans="1:12">
      <c r="A9174" s="6" t="s">
        <v>49</v>
      </c>
      <c r="B9174" s="6"/>
      <c r="C9174" s="6" t="s">
        <v>9198</v>
      </c>
      <c r="D9174" s="6"/>
      <c r="E9174" s="6" t="s">
        <v>9</v>
      </c>
      <c r="F9174" s="7">
        <v>38657</v>
      </c>
      <c r="G9174" s="8">
        <v>1</v>
      </c>
      <c r="H9174" s="8">
        <v>1</v>
      </c>
      <c r="I9174" s="8">
        <v>0</v>
      </c>
      <c r="J9174" s="8">
        <v>1</v>
      </c>
      <c r="K9174" s="9">
        <v>353</v>
      </c>
      <c r="L9174" s="6" t="s">
        <v>51</v>
      </c>
    </row>
    <row r="9175" spans="1:12">
      <c r="A9175" s="6" t="s">
        <v>49</v>
      </c>
      <c r="B9175" s="6"/>
      <c r="C9175" s="6" t="s">
        <v>9199</v>
      </c>
      <c r="D9175" s="6"/>
      <c r="E9175" s="6" t="s">
        <v>9</v>
      </c>
      <c r="F9175" s="7">
        <v>38657</v>
      </c>
      <c r="G9175" s="8">
        <v>1</v>
      </c>
      <c r="H9175" s="8">
        <v>1</v>
      </c>
      <c r="I9175" s="8">
        <v>0</v>
      </c>
      <c r="J9175" s="8">
        <v>1</v>
      </c>
      <c r="K9175" s="9">
        <v>357</v>
      </c>
      <c r="L9175" s="6" t="s">
        <v>51</v>
      </c>
    </row>
    <row r="9176" spans="1:12">
      <c r="A9176" s="6" t="s">
        <v>49</v>
      </c>
      <c r="B9176" s="6"/>
      <c r="C9176" s="6" t="s">
        <v>9200</v>
      </c>
      <c r="D9176" s="6"/>
      <c r="E9176" s="6" t="s">
        <v>9</v>
      </c>
      <c r="F9176" s="7">
        <v>38657</v>
      </c>
      <c r="G9176" s="8">
        <v>1</v>
      </c>
      <c r="H9176" s="8">
        <v>1</v>
      </c>
      <c r="I9176" s="8">
        <v>0</v>
      </c>
      <c r="J9176" s="8">
        <v>1</v>
      </c>
      <c r="K9176" s="9">
        <v>13</v>
      </c>
      <c r="L9176" s="6" t="s">
        <v>51</v>
      </c>
    </row>
    <row r="9177" spans="1:12">
      <c r="A9177" s="6" t="s">
        <v>49</v>
      </c>
      <c r="B9177" s="6"/>
      <c r="C9177" s="6" t="s">
        <v>9201</v>
      </c>
      <c r="D9177" s="6"/>
      <c r="E9177" s="6" t="s">
        <v>9</v>
      </c>
      <c r="F9177" s="7">
        <v>38657</v>
      </c>
      <c r="G9177" s="8">
        <v>1</v>
      </c>
      <c r="H9177" s="8">
        <v>1</v>
      </c>
      <c r="I9177" s="8">
        <v>0</v>
      </c>
      <c r="J9177" s="8">
        <v>1</v>
      </c>
      <c r="K9177" s="9">
        <v>252</v>
      </c>
      <c r="L9177" s="6" t="s">
        <v>51</v>
      </c>
    </row>
    <row r="9178" spans="1:12">
      <c r="A9178" s="6" t="s">
        <v>49</v>
      </c>
      <c r="B9178" s="6"/>
      <c r="C9178" s="6" t="s">
        <v>9202</v>
      </c>
      <c r="D9178" s="6"/>
      <c r="E9178" s="6" t="s">
        <v>9</v>
      </c>
      <c r="F9178" s="7">
        <v>38657</v>
      </c>
      <c r="G9178" s="8">
        <v>1</v>
      </c>
      <c r="H9178" s="8">
        <v>1</v>
      </c>
      <c r="I9178" s="8">
        <v>0</v>
      </c>
      <c r="J9178" s="8">
        <v>1</v>
      </c>
      <c r="K9178" s="9">
        <v>451</v>
      </c>
      <c r="L9178" s="6" t="s">
        <v>51</v>
      </c>
    </row>
    <row r="9179" spans="1:12">
      <c r="A9179" s="6" t="s">
        <v>49</v>
      </c>
      <c r="B9179" s="6"/>
      <c r="C9179" s="6" t="s">
        <v>9203</v>
      </c>
      <c r="D9179" s="6"/>
      <c r="E9179" s="6" t="s">
        <v>9</v>
      </c>
      <c r="F9179" s="7">
        <v>38657</v>
      </c>
      <c r="G9179" s="8">
        <v>1</v>
      </c>
      <c r="H9179" s="8">
        <v>1</v>
      </c>
      <c r="I9179" s="8">
        <v>0</v>
      </c>
      <c r="J9179" s="8">
        <v>1</v>
      </c>
      <c r="K9179" s="9">
        <v>282</v>
      </c>
      <c r="L9179" s="6" t="s">
        <v>51</v>
      </c>
    </row>
    <row r="9180" spans="1:12">
      <c r="A9180" s="6" t="s">
        <v>49</v>
      </c>
      <c r="B9180" s="6"/>
      <c r="C9180" s="6" t="s">
        <v>9204</v>
      </c>
      <c r="D9180" s="6"/>
      <c r="E9180" s="6" t="s">
        <v>9</v>
      </c>
      <c r="F9180" s="7">
        <v>38657</v>
      </c>
      <c r="G9180" s="8">
        <v>1</v>
      </c>
      <c r="H9180" s="8">
        <v>1</v>
      </c>
      <c r="I9180" s="8">
        <v>0</v>
      </c>
      <c r="J9180" s="8">
        <v>1</v>
      </c>
      <c r="K9180" s="9">
        <v>36</v>
      </c>
      <c r="L9180" s="6" t="s">
        <v>51</v>
      </c>
    </row>
    <row r="9181" spans="1:12">
      <c r="A9181" s="6" t="s">
        <v>49</v>
      </c>
      <c r="B9181" s="6"/>
      <c r="C9181" s="6" t="s">
        <v>9205</v>
      </c>
      <c r="D9181" s="6"/>
      <c r="E9181" s="6" t="s">
        <v>9</v>
      </c>
      <c r="F9181" s="7">
        <v>38657</v>
      </c>
      <c r="G9181" s="8">
        <v>1</v>
      </c>
      <c r="H9181" s="8">
        <v>1</v>
      </c>
      <c r="I9181" s="8">
        <v>0</v>
      </c>
      <c r="J9181" s="8">
        <v>1</v>
      </c>
      <c r="K9181" s="9">
        <v>43</v>
      </c>
      <c r="L9181" s="6" t="s">
        <v>51</v>
      </c>
    </row>
    <row r="9182" spans="1:12">
      <c r="A9182" s="6" t="s">
        <v>49</v>
      </c>
      <c r="B9182" s="6"/>
      <c r="C9182" s="6" t="s">
        <v>9206</v>
      </c>
      <c r="D9182" s="6"/>
      <c r="E9182" s="6" t="s">
        <v>9</v>
      </c>
      <c r="F9182" s="7">
        <v>38657</v>
      </c>
      <c r="G9182" s="8">
        <v>1</v>
      </c>
      <c r="H9182" s="8">
        <v>1</v>
      </c>
      <c r="I9182" s="8">
        <v>0</v>
      </c>
      <c r="J9182" s="8">
        <v>1</v>
      </c>
      <c r="K9182" s="9">
        <v>61</v>
      </c>
      <c r="L9182" s="6" t="s">
        <v>51</v>
      </c>
    </row>
    <row r="9183" spans="1:12">
      <c r="A9183" s="6" t="s">
        <v>49</v>
      </c>
      <c r="B9183" s="6"/>
      <c r="C9183" s="6" t="s">
        <v>9207</v>
      </c>
      <c r="D9183" s="6"/>
      <c r="E9183" s="6" t="s">
        <v>9</v>
      </c>
      <c r="F9183" s="7">
        <v>38657</v>
      </c>
      <c r="G9183" s="8">
        <v>1</v>
      </c>
      <c r="H9183" s="8">
        <v>1</v>
      </c>
      <c r="I9183" s="8">
        <v>0</v>
      </c>
      <c r="J9183" s="8">
        <v>1</v>
      </c>
      <c r="K9183" s="9">
        <v>35</v>
      </c>
      <c r="L9183" s="6" t="s">
        <v>51</v>
      </c>
    </row>
    <row r="9184" spans="1:12">
      <c r="A9184" s="6" t="s">
        <v>49</v>
      </c>
      <c r="B9184" s="6"/>
      <c r="C9184" s="6" t="s">
        <v>9208</v>
      </c>
      <c r="D9184" s="6"/>
      <c r="E9184" s="6" t="s">
        <v>9</v>
      </c>
      <c r="F9184" s="7">
        <v>38657</v>
      </c>
      <c r="G9184" s="8">
        <v>1</v>
      </c>
      <c r="H9184" s="8">
        <v>1</v>
      </c>
      <c r="I9184" s="8">
        <v>0</v>
      </c>
      <c r="J9184" s="8">
        <v>1</v>
      </c>
      <c r="K9184" s="9">
        <v>41</v>
      </c>
      <c r="L9184" s="6" t="s">
        <v>51</v>
      </c>
    </row>
    <row r="9185" spans="1:12">
      <c r="A9185" s="6" t="s">
        <v>49</v>
      </c>
      <c r="B9185" s="6"/>
      <c r="C9185" s="6" t="s">
        <v>9209</v>
      </c>
      <c r="D9185" s="6"/>
      <c r="E9185" s="6" t="s">
        <v>9</v>
      </c>
      <c r="F9185" s="7">
        <v>38657</v>
      </c>
      <c r="G9185" s="8">
        <v>1</v>
      </c>
      <c r="H9185" s="8">
        <v>1</v>
      </c>
      <c r="I9185" s="8">
        <v>0</v>
      </c>
      <c r="J9185" s="8">
        <v>1</v>
      </c>
      <c r="K9185" s="9">
        <v>39</v>
      </c>
      <c r="L9185" s="6" t="s">
        <v>51</v>
      </c>
    </row>
    <row r="9186" spans="1:12">
      <c r="A9186" s="6" t="s">
        <v>49</v>
      </c>
      <c r="B9186" s="6"/>
      <c r="C9186" s="6" t="s">
        <v>9210</v>
      </c>
      <c r="D9186" s="6"/>
      <c r="E9186" s="6" t="s">
        <v>9</v>
      </c>
      <c r="F9186" s="7">
        <v>38657</v>
      </c>
      <c r="G9186" s="8">
        <v>1</v>
      </c>
      <c r="H9186" s="8">
        <v>1</v>
      </c>
      <c r="I9186" s="8">
        <v>0</v>
      </c>
      <c r="J9186" s="8">
        <v>1</v>
      </c>
      <c r="K9186" s="9">
        <v>38</v>
      </c>
      <c r="L9186" s="6" t="s">
        <v>51</v>
      </c>
    </row>
    <row r="9187" spans="1:12">
      <c r="A9187" s="6" t="s">
        <v>49</v>
      </c>
      <c r="B9187" s="6"/>
      <c r="C9187" s="6" t="s">
        <v>9211</v>
      </c>
      <c r="D9187" s="6"/>
      <c r="E9187" s="6" t="s">
        <v>9</v>
      </c>
      <c r="F9187" s="7">
        <v>38657</v>
      </c>
      <c r="G9187" s="8">
        <v>1</v>
      </c>
      <c r="H9187" s="8">
        <v>1</v>
      </c>
      <c r="I9187" s="8">
        <v>0</v>
      </c>
      <c r="J9187" s="8">
        <v>1</v>
      </c>
      <c r="K9187" s="9">
        <v>115</v>
      </c>
      <c r="L9187" s="6" t="s">
        <v>51</v>
      </c>
    </row>
    <row r="9188" spans="1:12">
      <c r="A9188" s="6" t="s">
        <v>49</v>
      </c>
      <c r="B9188" s="6"/>
      <c r="C9188" s="6" t="s">
        <v>9212</v>
      </c>
      <c r="D9188" s="6"/>
      <c r="E9188" s="6" t="s">
        <v>9</v>
      </c>
      <c r="F9188" s="7">
        <v>38657</v>
      </c>
      <c r="G9188" s="8">
        <v>1</v>
      </c>
      <c r="H9188" s="8">
        <v>1</v>
      </c>
      <c r="I9188" s="8">
        <v>0</v>
      </c>
      <c r="J9188" s="8">
        <v>1</v>
      </c>
      <c r="K9188" s="9">
        <v>47</v>
      </c>
      <c r="L9188" s="6" t="s">
        <v>51</v>
      </c>
    </row>
    <row r="9189" spans="1:12">
      <c r="A9189" s="6" t="s">
        <v>49</v>
      </c>
      <c r="B9189" s="6"/>
      <c r="C9189" s="6" t="s">
        <v>9213</v>
      </c>
      <c r="D9189" s="6"/>
      <c r="E9189" s="6" t="s">
        <v>9</v>
      </c>
      <c r="F9189" s="7">
        <v>38657</v>
      </c>
      <c r="G9189" s="8">
        <v>1</v>
      </c>
      <c r="H9189" s="8">
        <v>1</v>
      </c>
      <c r="I9189" s="8">
        <v>0</v>
      </c>
      <c r="J9189" s="8">
        <v>1</v>
      </c>
      <c r="K9189" s="9">
        <v>36</v>
      </c>
      <c r="L9189" s="6" t="s">
        <v>51</v>
      </c>
    </row>
    <row r="9190" spans="1:12">
      <c r="A9190" s="6" t="s">
        <v>49</v>
      </c>
      <c r="B9190" s="6"/>
      <c r="C9190" s="6" t="s">
        <v>9214</v>
      </c>
      <c r="D9190" s="6"/>
      <c r="E9190" s="6" t="s">
        <v>9</v>
      </c>
      <c r="F9190" s="7">
        <v>38657</v>
      </c>
      <c r="G9190" s="8">
        <v>1</v>
      </c>
      <c r="H9190" s="8">
        <v>1</v>
      </c>
      <c r="I9190" s="8">
        <v>0</v>
      </c>
      <c r="J9190" s="8">
        <v>1</v>
      </c>
      <c r="K9190" s="9">
        <v>1.43</v>
      </c>
      <c r="L9190" s="6" t="s">
        <v>51</v>
      </c>
    </row>
    <row r="9191" spans="1:12">
      <c r="A9191" s="6" t="s">
        <v>49</v>
      </c>
      <c r="B9191" s="6"/>
      <c r="C9191" s="6" t="s">
        <v>9215</v>
      </c>
      <c r="D9191" s="6"/>
      <c r="E9191" s="6" t="s">
        <v>9</v>
      </c>
      <c r="F9191" s="7">
        <v>38657</v>
      </c>
      <c r="G9191" s="8">
        <v>1</v>
      </c>
      <c r="H9191" s="8">
        <v>1</v>
      </c>
      <c r="I9191" s="8">
        <v>0</v>
      </c>
      <c r="J9191" s="8">
        <v>1</v>
      </c>
      <c r="K9191" s="9">
        <v>36</v>
      </c>
      <c r="L9191" s="6" t="s">
        <v>51</v>
      </c>
    </row>
    <row r="9192" spans="1:12">
      <c r="A9192" s="6" t="s">
        <v>49</v>
      </c>
      <c r="B9192" s="6"/>
      <c r="C9192" s="6" t="s">
        <v>9216</v>
      </c>
      <c r="D9192" s="6"/>
      <c r="E9192" s="6" t="s">
        <v>9</v>
      </c>
      <c r="F9192" s="7">
        <v>38657</v>
      </c>
      <c r="G9192" s="8">
        <v>1</v>
      </c>
      <c r="H9192" s="8">
        <v>1</v>
      </c>
      <c r="I9192" s="8">
        <v>0</v>
      </c>
      <c r="J9192" s="8">
        <v>1</v>
      </c>
      <c r="K9192" s="9">
        <v>53</v>
      </c>
      <c r="L9192" s="6" t="s">
        <v>51</v>
      </c>
    </row>
    <row r="9193" spans="1:12">
      <c r="A9193" s="6" t="s">
        <v>49</v>
      </c>
      <c r="B9193" s="6"/>
      <c r="C9193" s="6" t="s">
        <v>9217</v>
      </c>
      <c r="D9193" s="6"/>
      <c r="E9193" s="6" t="s">
        <v>9</v>
      </c>
      <c r="F9193" s="7">
        <v>38657</v>
      </c>
      <c r="G9193" s="8">
        <v>1</v>
      </c>
      <c r="H9193" s="8">
        <v>1</v>
      </c>
      <c r="I9193" s="8">
        <v>0</v>
      </c>
      <c r="J9193" s="8">
        <v>1</v>
      </c>
      <c r="K9193" s="9">
        <v>57</v>
      </c>
      <c r="L9193" s="6" t="s">
        <v>51</v>
      </c>
    </row>
    <row r="9194" spans="1:12">
      <c r="A9194" s="6" t="s">
        <v>49</v>
      </c>
      <c r="B9194" s="6"/>
      <c r="C9194" s="6" t="s">
        <v>9218</v>
      </c>
      <c r="D9194" s="6"/>
      <c r="E9194" s="6" t="s">
        <v>9</v>
      </c>
      <c r="F9194" s="7">
        <v>38657</v>
      </c>
      <c r="G9194" s="8">
        <v>1</v>
      </c>
      <c r="H9194" s="8">
        <v>1</v>
      </c>
      <c r="I9194" s="8">
        <v>0</v>
      </c>
      <c r="J9194" s="8">
        <v>1</v>
      </c>
      <c r="K9194" s="9">
        <v>43</v>
      </c>
      <c r="L9194" s="6" t="s">
        <v>51</v>
      </c>
    </row>
    <row r="9195" spans="1:12">
      <c r="A9195" s="6" t="s">
        <v>49</v>
      </c>
      <c r="B9195" s="6"/>
      <c r="C9195" s="6" t="s">
        <v>9219</v>
      </c>
      <c r="D9195" s="6"/>
      <c r="E9195" s="6" t="s">
        <v>9</v>
      </c>
      <c r="F9195" s="7">
        <v>38657</v>
      </c>
      <c r="G9195" s="8">
        <v>1</v>
      </c>
      <c r="H9195" s="8">
        <v>1</v>
      </c>
      <c r="I9195" s="8">
        <v>0</v>
      </c>
      <c r="J9195" s="8">
        <v>1</v>
      </c>
      <c r="K9195" s="9">
        <v>60</v>
      </c>
      <c r="L9195" s="6" t="s">
        <v>51</v>
      </c>
    </row>
    <row r="9196" spans="1:12">
      <c r="A9196" s="6" t="s">
        <v>49</v>
      </c>
      <c r="B9196" s="6"/>
      <c r="C9196" s="6" t="s">
        <v>9220</v>
      </c>
      <c r="D9196" s="6"/>
      <c r="E9196" s="6" t="s">
        <v>9</v>
      </c>
      <c r="F9196" s="7">
        <v>38657</v>
      </c>
      <c r="G9196" s="8">
        <v>1</v>
      </c>
      <c r="H9196" s="8">
        <v>1</v>
      </c>
      <c r="I9196" s="8">
        <v>0</v>
      </c>
      <c r="J9196" s="8">
        <v>1</v>
      </c>
      <c r="K9196" s="9">
        <v>2181</v>
      </c>
      <c r="L9196" s="6" t="s">
        <v>51</v>
      </c>
    </row>
    <row r="9197" spans="1:12">
      <c r="A9197" s="6" t="s">
        <v>49</v>
      </c>
      <c r="B9197" s="6"/>
      <c r="C9197" s="6" t="s">
        <v>9221</v>
      </c>
      <c r="D9197" s="6"/>
      <c r="E9197" s="6" t="s">
        <v>9</v>
      </c>
      <c r="F9197" s="7">
        <v>38657</v>
      </c>
      <c r="G9197" s="8">
        <v>1</v>
      </c>
      <c r="H9197" s="8">
        <v>1</v>
      </c>
      <c r="I9197" s="8">
        <v>0</v>
      </c>
      <c r="J9197" s="8">
        <v>1</v>
      </c>
      <c r="K9197" s="9">
        <v>358</v>
      </c>
      <c r="L9197" s="6" t="s">
        <v>51</v>
      </c>
    </row>
    <row r="9198" spans="1:12">
      <c r="A9198" s="6" t="s">
        <v>49</v>
      </c>
      <c r="B9198" s="6"/>
      <c r="C9198" s="6" t="s">
        <v>9222</v>
      </c>
      <c r="D9198" s="6"/>
      <c r="E9198" s="6" t="s">
        <v>9</v>
      </c>
      <c r="F9198" s="7">
        <v>38657</v>
      </c>
      <c r="G9198" s="8">
        <v>1</v>
      </c>
      <c r="H9198" s="8">
        <v>1</v>
      </c>
      <c r="I9198" s="8">
        <v>0</v>
      </c>
      <c r="J9198" s="8">
        <v>1</v>
      </c>
      <c r="K9198" s="9">
        <v>23</v>
      </c>
      <c r="L9198" s="6" t="s">
        <v>51</v>
      </c>
    </row>
    <row r="9199" spans="1:12">
      <c r="A9199" s="6" t="s">
        <v>49</v>
      </c>
      <c r="B9199" s="6"/>
      <c r="C9199" s="6" t="s">
        <v>9223</v>
      </c>
      <c r="D9199" s="6"/>
      <c r="E9199" s="6" t="s">
        <v>9</v>
      </c>
      <c r="F9199" s="7">
        <v>38657</v>
      </c>
      <c r="G9199" s="8">
        <v>1</v>
      </c>
      <c r="H9199" s="8">
        <v>1</v>
      </c>
      <c r="I9199" s="8">
        <v>0</v>
      </c>
      <c r="J9199" s="8">
        <v>1</v>
      </c>
      <c r="K9199" s="9">
        <v>632</v>
      </c>
      <c r="L9199" s="6" t="s">
        <v>51</v>
      </c>
    </row>
    <row r="9200" spans="1:12">
      <c r="A9200" s="6" t="s">
        <v>49</v>
      </c>
      <c r="B9200" s="6"/>
      <c r="C9200" s="6" t="s">
        <v>9224</v>
      </c>
      <c r="D9200" s="6"/>
      <c r="E9200" s="6" t="s">
        <v>9</v>
      </c>
      <c r="F9200" s="7">
        <v>38657</v>
      </c>
      <c r="G9200" s="8">
        <v>1</v>
      </c>
      <c r="H9200" s="8">
        <v>1</v>
      </c>
      <c r="I9200" s="8">
        <v>0</v>
      </c>
      <c r="J9200" s="8">
        <v>1</v>
      </c>
      <c r="K9200" s="9">
        <v>0.67</v>
      </c>
      <c r="L9200" s="6" t="s">
        <v>51</v>
      </c>
    </row>
    <row r="9201" spans="1:12">
      <c r="A9201" s="6" t="s">
        <v>49</v>
      </c>
      <c r="B9201" s="6"/>
      <c r="C9201" s="6" t="s">
        <v>9225</v>
      </c>
      <c r="D9201" s="6"/>
      <c r="E9201" s="6" t="s">
        <v>9</v>
      </c>
      <c r="F9201" s="7">
        <v>38657</v>
      </c>
      <c r="G9201" s="8">
        <v>1</v>
      </c>
      <c r="H9201" s="8">
        <v>1</v>
      </c>
      <c r="I9201" s="8">
        <v>0</v>
      </c>
      <c r="J9201" s="8">
        <v>1</v>
      </c>
      <c r="K9201" s="9">
        <v>0.52</v>
      </c>
      <c r="L9201" s="6" t="s">
        <v>51</v>
      </c>
    </row>
    <row r="9202" spans="1:12">
      <c r="A9202" s="6" t="s">
        <v>49</v>
      </c>
      <c r="B9202" s="6"/>
      <c r="C9202" s="6" t="s">
        <v>9226</v>
      </c>
      <c r="D9202" s="6"/>
      <c r="E9202" s="6" t="s">
        <v>9</v>
      </c>
      <c r="F9202" s="7">
        <v>38657</v>
      </c>
      <c r="G9202" s="8">
        <v>1</v>
      </c>
      <c r="H9202" s="8">
        <v>1</v>
      </c>
      <c r="I9202" s="8">
        <v>0</v>
      </c>
      <c r="J9202" s="8">
        <v>1</v>
      </c>
      <c r="K9202" s="9">
        <v>1.17</v>
      </c>
      <c r="L9202" s="6" t="s">
        <v>51</v>
      </c>
    </row>
    <row r="9203" spans="1:12">
      <c r="A9203" s="6" t="s">
        <v>49</v>
      </c>
      <c r="B9203" s="6"/>
      <c r="C9203" s="6" t="s">
        <v>9227</v>
      </c>
      <c r="D9203" s="6"/>
      <c r="E9203" s="6" t="s">
        <v>9</v>
      </c>
      <c r="F9203" s="7">
        <v>38657</v>
      </c>
      <c r="G9203" s="8">
        <v>1</v>
      </c>
      <c r="H9203" s="8">
        <v>1</v>
      </c>
      <c r="I9203" s="8">
        <v>0</v>
      </c>
      <c r="J9203" s="8">
        <v>1</v>
      </c>
      <c r="K9203" s="9">
        <v>266</v>
      </c>
      <c r="L9203" s="6" t="s">
        <v>51</v>
      </c>
    </row>
    <row r="9204" spans="1:12">
      <c r="A9204" s="6" t="s">
        <v>49</v>
      </c>
      <c r="B9204" s="6"/>
      <c r="C9204" s="6" t="s">
        <v>9228</v>
      </c>
      <c r="D9204" s="6"/>
      <c r="E9204" s="6" t="s">
        <v>9</v>
      </c>
      <c r="F9204" s="7">
        <v>38657</v>
      </c>
      <c r="G9204" s="8">
        <v>1</v>
      </c>
      <c r="H9204" s="8">
        <v>1</v>
      </c>
      <c r="I9204" s="8">
        <v>0</v>
      </c>
      <c r="J9204" s="8">
        <v>1</v>
      </c>
      <c r="K9204" s="9">
        <v>1816</v>
      </c>
      <c r="L9204" s="6" t="s">
        <v>51</v>
      </c>
    </row>
    <row r="9205" spans="1:12">
      <c r="A9205" s="6" t="s">
        <v>49</v>
      </c>
      <c r="B9205" s="6"/>
      <c r="C9205" s="6" t="s">
        <v>9229</v>
      </c>
      <c r="D9205" s="6"/>
      <c r="E9205" s="6" t="s">
        <v>9</v>
      </c>
      <c r="F9205" s="7">
        <v>38657</v>
      </c>
      <c r="G9205" s="8">
        <v>1</v>
      </c>
      <c r="H9205" s="8">
        <v>1</v>
      </c>
      <c r="I9205" s="8">
        <v>0</v>
      </c>
      <c r="J9205" s="8">
        <v>1</v>
      </c>
      <c r="K9205" s="9">
        <v>48</v>
      </c>
      <c r="L9205" s="6" t="s">
        <v>51</v>
      </c>
    </row>
    <row r="9206" spans="1:12">
      <c r="A9206" s="6" t="s">
        <v>49</v>
      </c>
      <c r="B9206" s="6"/>
      <c r="C9206" s="6" t="s">
        <v>9230</v>
      </c>
      <c r="D9206" s="6"/>
      <c r="E9206" s="6" t="s">
        <v>9</v>
      </c>
      <c r="F9206" s="7">
        <v>38657</v>
      </c>
      <c r="G9206" s="8">
        <v>1</v>
      </c>
      <c r="H9206" s="8">
        <v>1</v>
      </c>
      <c r="I9206" s="8">
        <v>0</v>
      </c>
      <c r="J9206" s="8">
        <v>1</v>
      </c>
      <c r="K9206" s="9">
        <v>34</v>
      </c>
      <c r="L9206" s="6" t="s">
        <v>51</v>
      </c>
    </row>
    <row r="9207" spans="1:12">
      <c r="A9207" s="6" t="s">
        <v>49</v>
      </c>
      <c r="B9207" s="6"/>
      <c r="C9207" s="6" t="s">
        <v>9231</v>
      </c>
      <c r="D9207" s="6"/>
      <c r="E9207" s="6" t="s">
        <v>9</v>
      </c>
      <c r="F9207" s="7">
        <v>38657</v>
      </c>
      <c r="G9207" s="8">
        <v>1</v>
      </c>
      <c r="H9207" s="8">
        <v>1</v>
      </c>
      <c r="I9207" s="8">
        <v>0</v>
      </c>
      <c r="J9207" s="8">
        <v>1</v>
      </c>
      <c r="K9207" s="9">
        <v>44</v>
      </c>
      <c r="L9207" s="6" t="s">
        <v>51</v>
      </c>
    </row>
    <row r="9208" spans="1:12">
      <c r="A9208" s="6" t="s">
        <v>49</v>
      </c>
      <c r="B9208" s="6"/>
      <c r="C9208" s="6" t="s">
        <v>9232</v>
      </c>
      <c r="D9208" s="6"/>
      <c r="E9208" s="6" t="s">
        <v>9</v>
      </c>
      <c r="F9208" s="7">
        <v>38657</v>
      </c>
      <c r="G9208" s="8">
        <v>1</v>
      </c>
      <c r="H9208" s="8">
        <v>1</v>
      </c>
      <c r="I9208" s="8">
        <v>0</v>
      </c>
      <c r="J9208" s="8">
        <v>1</v>
      </c>
      <c r="K9208" s="9">
        <v>39</v>
      </c>
      <c r="L9208" s="6" t="s">
        <v>51</v>
      </c>
    </row>
    <row r="9209" spans="1:12">
      <c r="A9209" s="6" t="s">
        <v>49</v>
      </c>
      <c r="B9209" s="6"/>
      <c r="C9209" s="6" t="s">
        <v>9233</v>
      </c>
      <c r="D9209" s="6"/>
      <c r="E9209" s="6" t="s">
        <v>9</v>
      </c>
      <c r="F9209" s="7">
        <v>38657</v>
      </c>
      <c r="G9209" s="8">
        <v>1</v>
      </c>
      <c r="H9209" s="8">
        <v>1</v>
      </c>
      <c r="I9209" s="8">
        <v>0</v>
      </c>
      <c r="J9209" s="8">
        <v>1</v>
      </c>
      <c r="K9209" s="9">
        <v>139</v>
      </c>
      <c r="L9209" s="6" t="s">
        <v>51</v>
      </c>
    </row>
    <row r="9210" spans="1:12">
      <c r="A9210" s="6" t="s">
        <v>49</v>
      </c>
      <c r="B9210" s="6"/>
      <c r="C9210" s="6" t="s">
        <v>9234</v>
      </c>
      <c r="D9210" s="6"/>
      <c r="E9210" s="6" t="s">
        <v>9</v>
      </c>
      <c r="F9210" s="7">
        <v>38657</v>
      </c>
      <c r="G9210" s="8">
        <v>1</v>
      </c>
      <c r="H9210" s="8">
        <v>1</v>
      </c>
      <c r="I9210" s="8">
        <v>0</v>
      </c>
      <c r="J9210" s="8">
        <v>1</v>
      </c>
      <c r="K9210" s="9">
        <v>38</v>
      </c>
      <c r="L9210" s="6" t="s">
        <v>51</v>
      </c>
    </row>
    <row r="9211" spans="1:12">
      <c r="A9211" s="6" t="s">
        <v>49</v>
      </c>
      <c r="B9211" s="6"/>
      <c r="C9211" s="6" t="s">
        <v>9235</v>
      </c>
      <c r="D9211" s="6"/>
      <c r="E9211" s="6" t="s">
        <v>9</v>
      </c>
      <c r="F9211" s="7">
        <v>38657</v>
      </c>
      <c r="G9211" s="8">
        <v>1</v>
      </c>
      <c r="H9211" s="8">
        <v>1</v>
      </c>
      <c r="I9211" s="8">
        <v>0</v>
      </c>
      <c r="J9211" s="8">
        <v>1</v>
      </c>
      <c r="K9211" s="9">
        <v>44</v>
      </c>
      <c r="L9211" s="6" t="s">
        <v>51</v>
      </c>
    </row>
    <row r="9212" spans="1:12">
      <c r="A9212" s="6" t="s">
        <v>49</v>
      </c>
      <c r="B9212" s="6"/>
      <c r="C9212" s="6" t="s">
        <v>9236</v>
      </c>
      <c r="D9212" s="6"/>
      <c r="E9212" s="6" t="s">
        <v>9</v>
      </c>
      <c r="F9212" s="7">
        <v>38657</v>
      </c>
      <c r="G9212" s="8">
        <v>1</v>
      </c>
      <c r="H9212" s="8">
        <v>1</v>
      </c>
      <c r="I9212" s="8">
        <v>0</v>
      </c>
      <c r="J9212" s="8">
        <v>1</v>
      </c>
      <c r="K9212" s="9">
        <v>38</v>
      </c>
      <c r="L9212" s="6" t="s">
        <v>51</v>
      </c>
    </row>
    <row r="9213" spans="1:12">
      <c r="A9213" s="6" t="s">
        <v>49</v>
      </c>
      <c r="B9213" s="6"/>
      <c r="C9213" s="6" t="s">
        <v>9237</v>
      </c>
      <c r="D9213" s="6"/>
      <c r="E9213" s="6" t="s">
        <v>9</v>
      </c>
      <c r="F9213" s="7">
        <v>38657</v>
      </c>
      <c r="G9213" s="8">
        <v>1</v>
      </c>
      <c r="H9213" s="8">
        <v>1</v>
      </c>
      <c r="I9213" s="8">
        <v>0</v>
      </c>
      <c r="J9213" s="8">
        <v>1</v>
      </c>
      <c r="K9213" s="9">
        <v>1.65</v>
      </c>
      <c r="L9213" s="6" t="s">
        <v>51</v>
      </c>
    </row>
    <row r="9214" spans="1:12">
      <c r="A9214" s="6" t="s">
        <v>49</v>
      </c>
      <c r="B9214" s="6"/>
      <c r="C9214" s="6" t="s">
        <v>9238</v>
      </c>
      <c r="D9214" s="6"/>
      <c r="E9214" s="6" t="s">
        <v>9</v>
      </c>
      <c r="F9214" s="7">
        <v>38657</v>
      </c>
      <c r="G9214" s="8">
        <v>1</v>
      </c>
      <c r="H9214" s="8">
        <v>1</v>
      </c>
      <c r="I9214" s="8">
        <v>0</v>
      </c>
      <c r="J9214" s="8">
        <v>1</v>
      </c>
      <c r="K9214" s="9">
        <v>23</v>
      </c>
      <c r="L9214" s="6" t="s">
        <v>51</v>
      </c>
    </row>
    <row r="9215" spans="1:12">
      <c r="A9215" s="6" t="s">
        <v>49</v>
      </c>
      <c r="B9215" s="6"/>
      <c r="C9215" s="6" t="s">
        <v>9239</v>
      </c>
      <c r="D9215" s="6"/>
      <c r="E9215" s="6" t="s">
        <v>9</v>
      </c>
      <c r="F9215" s="7">
        <v>38657</v>
      </c>
      <c r="G9215" s="8">
        <v>1</v>
      </c>
      <c r="H9215" s="8">
        <v>1</v>
      </c>
      <c r="I9215" s="8">
        <v>0</v>
      </c>
      <c r="J9215" s="8">
        <v>1</v>
      </c>
      <c r="K9215" s="9">
        <v>2.8</v>
      </c>
      <c r="L9215" s="6" t="s">
        <v>51</v>
      </c>
    </row>
    <row r="9216" spans="1:12">
      <c r="A9216" s="6" t="s">
        <v>49</v>
      </c>
      <c r="B9216" s="6"/>
      <c r="C9216" s="6" t="s">
        <v>9240</v>
      </c>
      <c r="D9216" s="6"/>
      <c r="E9216" s="6" t="s">
        <v>9</v>
      </c>
      <c r="F9216" s="7">
        <v>38657</v>
      </c>
      <c r="G9216" s="8">
        <v>1</v>
      </c>
      <c r="H9216" s="8">
        <v>1</v>
      </c>
      <c r="I9216" s="8">
        <v>0</v>
      </c>
      <c r="J9216" s="8">
        <v>1</v>
      </c>
      <c r="K9216" s="9">
        <v>13</v>
      </c>
      <c r="L9216" s="6" t="s">
        <v>51</v>
      </c>
    </row>
    <row r="9217" spans="1:12">
      <c r="A9217" s="6" t="s">
        <v>49</v>
      </c>
      <c r="B9217" s="6"/>
      <c r="C9217" s="6" t="s">
        <v>9241</v>
      </c>
      <c r="D9217" s="6"/>
      <c r="E9217" s="6" t="s">
        <v>9</v>
      </c>
      <c r="F9217" s="7">
        <v>38657</v>
      </c>
      <c r="G9217" s="8">
        <v>1</v>
      </c>
      <c r="H9217" s="8">
        <v>1</v>
      </c>
      <c r="I9217" s="8">
        <v>0</v>
      </c>
      <c r="J9217" s="8">
        <v>1</v>
      </c>
      <c r="K9217" s="9">
        <v>116</v>
      </c>
      <c r="L9217" s="6" t="s">
        <v>51</v>
      </c>
    </row>
    <row r="9218" spans="1:12">
      <c r="A9218" s="6" t="s">
        <v>49</v>
      </c>
      <c r="B9218" s="6"/>
      <c r="C9218" s="6" t="s">
        <v>9242</v>
      </c>
      <c r="D9218" s="6"/>
      <c r="E9218" s="6" t="s">
        <v>9</v>
      </c>
      <c r="F9218" s="7">
        <v>38657</v>
      </c>
      <c r="G9218" s="8">
        <v>1</v>
      </c>
      <c r="H9218" s="8">
        <v>1</v>
      </c>
      <c r="I9218" s="8">
        <v>0</v>
      </c>
      <c r="J9218" s="8">
        <v>1</v>
      </c>
      <c r="K9218" s="9">
        <v>4.34</v>
      </c>
      <c r="L9218" s="6" t="s">
        <v>51</v>
      </c>
    </row>
    <row r="9219" spans="1:12">
      <c r="A9219" s="6" t="s">
        <v>49</v>
      </c>
      <c r="B9219" s="6"/>
      <c r="C9219" s="6" t="s">
        <v>9243</v>
      </c>
      <c r="D9219" s="6"/>
      <c r="E9219" s="6" t="s">
        <v>9</v>
      </c>
      <c r="F9219" s="7">
        <v>38657</v>
      </c>
      <c r="G9219" s="8">
        <v>1047440</v>
      </c>
      <c r="H9219" s="8">
        <v>1047440</v>
      </c>
      <c r="I9219" s="8">
        <v>0</v>
      </c>
      <c r="J9219" s="8">
        <v>1047440</v>
      </c>
      <c r="K9219" s="9">
        <v>72</v>
      </c>
      <c r="L9219" s="6" t="s">
        <v>51</v>
      </c>
    </row>
    <row r="9220" spans="1:12">
      <c r="A9220" s="6" t="s">
        <v>49</v>
      </c>
      <c r="B9220" s="6"/>
      <c r="C9220" s="6" t="s">
        <v>9244</v>
      </c>
      <c r="D9220" s="6"/>
      <c r="E9220" s="6" t="s">
        <v>9</v>
      </c>
      <c r="F9220" s="7">
        <v>38657</v>
      </c>
      <c r="G9220" s="8">
        <v>1</v>
      </c>
      <c r="H9220" s="8">
        <v>1</v>
      </c>
      <c r="I9220" s="8">
        <v>0</v>
      </c>
      <c r="J9220" s="8">
        <v>1</v>
      </c>
      <c r="K9220" s="9">
        <v>2.25</v>
      </c>
      <c r="L9220" s="6" t="s">
        <v>51</v>
      </c>
    </row>
    <row r="9221" spans="1:12">
      <c r="A9221" s="6" t="s">
        <v>49</v>
      </c>
      <c r="B9221" s="6"/>
      <c r="C9221" s="6" t="s">
        <v>9245</v>
      </c>
      <c r="D9221" s="6"/>
      <c r="E9221" s="6" t="s">
        <v>9</v>
      </c>
      <c r="F9221" s="7">
        <v>38657</v>
      </c>
      <c r="G9221" s="8">
        <v>1</v>
      </c>
      <c r="H9221" s="8">
        <v>1</v>
      </c>
      <c r="I9221" s="8">
        <v>0</v>
      </c>
      <c r="J9221" s="8">
        <v>1</v>
      </c>
      <c r="K9221" s="9">
        <v>11</v>
      </c>
      <c r="L9221" s="6" t="s">
        <v>51</v>
      </c>
    </row>
    <row r="9222" spans="1:12">
      <c r="A9222" s="6" t="s">
        <v>49</v>
      </c>
      <c r="B9222" s="6"/>
      <c r="C9222" s="6" t="s">
        <v>9246</v>
      </c>
      <c r="D9222" s="6"/>
      <c r="E9222" s="6" t="s">
        <v>9</v>
      </c>
      <c r="F9222" s="7">
        <v>38657</v>
      </c>
      <c r="G9222" s="8">
        <v>1</v>
      </c>
      <c r="H9222" s="8">
        <v>1</v>
      </c>
      <c r="I9222" s="8">
        <v>0</v>
      </c>
      <c r="J9222" s="8">
        <v>1</v>
      </c>
      <c r="K9222" s="9">
        <v>45</v>
      </c>
      <c r="L9222" s="6" t="s">
        <v>51</v>
      </c>
    </row>
    <row r="9223" spans="1:12">
      <c r="A9223" s="6" t="s">
        <v>49</v>
      </c>
      <c r="B9223" s="6"/>
      <c r="C9223" s="6" t="s">
        <v>9247</v>
      </c>
      <c r="D9223" s="6"/>
      <c r="E9223" s="6" t="s">
        <v>9</v>
      </c>
      <c r="F9223" s="7">
        <v>38657</v>
      </c>
      <c r="G9223" s="8">
        <v>1</v>
      </c>
      <c r="H9223" s="8">
        <v>1</v>
      </c>
      <c r="I9223" s="8">
        <v>0</v>
      </c>
      <c r="J9223" s="8">
        <v>1</v>
      </c>
      <c r="K9223" s="9">
        <v>45</v>
      </c>
      <c r="L9223" s="6" t="s">
        <v>51</v>
      </c>
    </row>
    <row r="9224" spans="1:12">
      <c r="A9224" s="6" t="s">
        <v>49</v>
      </c>
      <c r="B9224" s="6"/>
      <c r="C9224" s="6" t="s">
        <v>9248</v>
      </c>
      <c r="D9224" s="6"/>
      <c r="E9224" s="6" t="s">
        <v>9</v>
      </c>
      <c r="F9224" s="7">
        <v>38657</v>
      </c>
      <c r="G9224" s="8">
        <v>1</v>
      </c>
      <c r="H9224" s="8">
        <v>1</v>
      </c>
      <c r="I9224" s="8">
        <v>0</v>
      </c>
      <c r="J9224" s="8">
        <v>1</v>
      </c>
      <c r="K9224" s="9">
        <v>37</v>
      </c>
      <c r="L9224" s="6" t="s">
        <v>51</v>
      </c>
    </row>
    <row r="9225" spans="1:12">
      <c r="A9225" s="6" t="s">
        <v>49</v>
      </c>
      <c r="B9225" s="6"/>
      <c r="C9225" s="6" t="s">
        <v>9249</v>
      </c>
      <c r="D9225" s="6"/>
      <c r="E9225" s="6" t="s">
        <v>9</v>
      </c>
      <c r="F9225" s="7">
        <v>38657</v>
      </c>
      <c r="G9225" s="8">
        <v>1</v>
      </c>
      <c r="H9225" s="8">
        <v>1</v>
      </c>
      <c r="I9225" s="8">
        <v>0</v>
      </c>
      <c r="J9225" s="8">
        <v>1</v>
      </c>
      <c r="K9225" s="9">
        <v>38</v>
      </c>
      <c r="L9225" s="6" t="s">
        <v>51</v>
      </c>
    </row>
    <row r="9226" spans="1:12">
      <c r="A9226" s="6" t="s">
        <v>49</v>
      </c>
      <c r="B9226" s="6"/>
      <c r="C9226" s="6" t="s">
        <v>9250</v>
      </c>
      <c r="D9226" s="6"/>
      <c r="E9226" s="6" t="s">
        <v>9</v>
      </c>
      <c r="F9226" s="7">
        <v>38657</v>
      </c>
      <c r="G9226" s="8">
        <v>1</v>
      </c>
      <c r="H9226" s="8">
        <v>1</v>
      </c>
      <c r="I9226" s="8">
        <v>0</v>
      </c>
      <c r="J9226" s="8">
        <v>1</v>
      </c>
      <c r="K9226" s="9">
        <v>47</v>
      </c>
      <c r="L9226" s="6" t="s">
        <v>51</v>
      </c>
    </row>
    <row r="9227" spans="1:12">
      <c r="A9227" s="6" t="s">
        <v>49</v>
      </c>
      <c r="B9227" s="6"/>
      <c r="C9227" s="6" t="s">
        <v>9251</v>
      </c>
      <c r="D9227" s="6"/>
      <c r="E9227" s="6" t="s">
        <v>9</v>
      </c>
      <c r="F9227" s="7">
        <v>38657</v>
      </c>
      <c r="G9227" s="8">
        <v>1</v>
      </c>
      <c r="H9227" s="8">
        <v>1</v>
      </c>
      <c r="I9227" s="8">
        <v>0</v>
      </c>
      <c r="J9227" s="8">
        <v>1</v>
      </c>
      <c r="K9227" s="9">
        <v>39</v>
      </c>
      <c r="L9227" s="6" t="s">
        <v>51</v>
      </c>
    </row>
    <row r="9228" spans="1:12">
      <c r="A9228" s="6" t="s">
        <v>49</v>
      </c>
      <c r="B9228" s="6"/>
      <c r="C9228" s="6" t="s">
        <v>9252</v>
      </c>
      <c r="D9228" s="6"/>
      <c r="E9228" s="6" t="s">
        <v>9</v>
      </c>
      <c r="F9228" s="7">
        <v>38657</v>
      </c>
      <c r="G9228" s="8">
        <v>1</v>
      </c>
      <c r="H9228" s="8">
        <v>1</v>
      </c>
      <c r="I9228" s="8">
        <v>0</v>
      </c>
      <c r="J9228" s="8">
        <v>1</v>
      </c>
      <c r="K9228" s="9">
        <v>23</v>
      </c>
      <c r="L9228" s="6" t="s">
        <v>51</v>
      </c>
    </row>
    <row r="9229" spans="1:12">
      <c r="A9229" s="6" t="s">
        <v>49</v>
      </c>
      <c r="B9229" s="6"/>
      <c r="C9229" s="6" t="s">
        <v>9253</v>
      </c>
      <c r="D9229" s="6"/>
      <c r="E9229" s="6" t="s">
        <v>9</v>
      </c>
      <c r="F9229" s="7">
        <v>38657</v>
      </c>
      <c r="G9229" s="8">
        <v>1</v>
      </c>
      <c r="H9229" s="8">
        <v>1</v>
      </c>
      <c r="I9229" s="8">
        <v>0</v>
      </c>
      <c r="J9229" s="8">
        <v>1</v>
      </c>
      <c r="K9229" s="9">
        <v>37</v>
      </c>
      <c r="L9229" s="6" t="s">
        <v>51</v>
      </c>
    </row>
    <row r="9230" spans="1:12">
      <c r="A9230" s="6" t="s">
        <v>49</v>
      </c>
      <c r="B9230" s="6"/>
      <c r="C9230" s="6" t="s">
        <v>9254</v>
      </c>
      <c r="D9230" s="6"/>
      <c r="E9230" s="6" t="s">
        <v>9</v>
      </c>
      <c r="F9230" s="7">
        <v>38657</v>
      </c>
      <c r="G9230" s="8">
        <v>1</v>
      </c>
      <c r="H9230" s="8">
        <v>1</v>
      </c>
      <c r="I9230" s="8">
        <v>0</v>
      </c>
      <c r="J9230" s="8">
        <v>1</v>
      </c>
      <c r="K9230" s="9">
        <v>31</v>
      </c>
      <c r="L9230" s="6" t="s">
        <v>51</v>
      </c>
    </row>
    <row r="9231" spans="1:12">
      <c r="A9231" s="6" t="s">
        <v>49</v>
      </c>
      <c r="B9231" s="6"/>
      <c r="C9231" s="6" t="s">
        <v>9255</v>
      </c>
      <c r="D9231" s="6"/>
      <c r="E9231" s="6" t="s">
        <v>9</v>
      </c>
      <c r="F9231" s="7">
        <v>38657</v>
      </c>
      <c r="G9231" s="8">
        <v>1</v>
      </c>
      <c r="H9231" s="8">
        <v>1</v>
      </c>
      <c r="I9231" s="8">
        <v>0</v>
      </c>
      <c r="J9231" s="8">
        <v>1</v>
      </c>
      <c r="K9231" s="9">
        <v>43</v>
      </c>
      <c r="L9231" s="6" t="s">
        <v>51</v>
      </c>
    </row>
    <row r="9232" spans="1:12">
      <c r="A9232" s="6" t="s">
        <v>49</v>
      </c>
      <c r="B9232" s="6"/>
      <c r="C9232" s="6" t="s">
        <v>9256</v>
      </c>
      <c r="D9232" s="6"/>
      <c r="E9232" s="6" t="s">
        <v>9</v>
      </c>
      <c r="F9232" s="7">
        <v>38657</v>
      </c>
      <c r="G9232" s="8">
        <v>1</v>
      </c>
      <c r="H9232" s="8">
        <v>1</v>
      </c>
      <c r="I9232" s="8">
        <v>0</v>
      </c>
      <c r="J9232" s="8">
        <v>1</v>
      </c>
      <c r="K9232" s="9">
        <v>45</v>
      </c>
      <c r="L9232" s="6" t="s">
        <v>51</v>
      </c>
    </row>
    <row r="9233" spans="1:12">
      <c r="A9233" s="6" t="s">
        <v>49</v>
      </c>
      <c r="B9233" s="6"/>
      <c r="C9233" s="6" t="s">
        <v>9257</v>
      </c>
      <c r="D9233" s="6"/>
      <c r="E9233" s="6" t="s">
        <v>9</v>
      </c>
      <c r="F9233" s="7">
        <v>38657</v>
      </c>
      <c r="G9233" s="8">
        <v>1</v>
      </c>
      <c r="H9233" s="8">
        <v>1</v>
      </c>
      <c r="I9233" s="8">
        <v>0</v>
      </c>
      <c r="J9233" s="8">
        <v>1</v>
      </c>
      <c r="K9233" s="9">
        <v>43</v>
      </c>
      <c r="L9233" s="6" t="s">
        <v>51</v>
      </c>
    </row>
    <row r="9234" spans="1:12">
      <c r="A9234" s="6" t="s">
        <v>49</v>
      </c>
      <c r="B9234" s="6"/>
      <c r="C9234" s="6" t="s">
        <v>9258</v>
      </c>
      <c r="D9234" s="6"/>
      <c r="E9234" s="6" t="s">
        <v>9</v>
      </c>
      <c r="F9234" s="7">
        <v>38657</v>
      </c>
      <c r="G9234" s="8">
        <v>1</v>
      </c>
      <c r="H9234" s="8">
        <v>1</v>
      </c>
      <c r="I9234" s="8">
        <v>0</v>
      </c>
      <c r="J9234" s="8">
        <v>1</v>
      </c>
      <c r="K9234" s="9">
        <v>40</v>
      </c>
      <c r="L9234" s="6" t="s">
        <v>51</v>
      </c>
    </row>
    <row r="9235" spans="1:12">
      <c r="A9235" s="6" t="s">
        <v>49</v>
      </c>
      <c r="B9235" s="6"/>
      <c r="C9235" s="6" t="s">
        <v>9259</v>
      </c>
      <c r="D9235" s="6"/>
      <c r="E9235" s="6" t="s">
        <v>9</v>
      </c>
      <c r="F9235" s="7">
        <v>38657</v>
      </c>
      <c r="G9235" s="8">
        <v>1</v>
      </c>
      <c r="H9235" s="8">
        <v>1</v>
      </c>
      <c r="I9235" s="8">
        <v>0</v>
      </c>
      <c r="J9235" s="8">
        <v>1</v>
      </c>
      <c r="K9235" s="9">
        <v>48</v>
      </c>
      <c r="L9235" s="6" t="s">
        <v>51</v>
      </c>
    </row>
    <row r="9236" spans="1:12">
      <c r="A9236" s="6" t="s">
        <v>49</v>
      </c>
      <c r="B9236" s="6"/>
      <c r="C9236" s="6" t="s">
        <v>9260</v>
      </c>
      <c r="D9236" s="6"/>
      <c r="E9236" s="6" t="s">
        <v>9</v>
      </c>
      <c r="F9236" s="7">
        <v>38657</v>
      </c>
      <c r="G9236" s="8">
        <v>1</v>
      </c>
      <c r="H9236" s="8">
        <v>1</v>
      </c>
      <c r="I9236" s="8">
        <v>0</v>
      </c>
      <c r="J9236" s="8">
        <v>1</v>
      </c>
      <c r="K9236" s="9">
        <v>57</v>
      </c>
      <c r="L9236" s="6" t="s">
        <v>51</v>
      </c>
    </row>
    <row r="9237" spans="1:12">
      <c r="A9237" s="6" t="s">
        <v>49</v>
      </c>
      <c r="B9237" s="6"/>
      <c r="C9237" s="6" t="s">
        <v>9261</v>
      </c>
      <c r="D9237" s="6"/>
      <c r="E9237" s="6" t="s">
        <v>9</v>
      </c>
      <c r="F9237" s="7">
        <v>38657</v>
      </c>
      <c r="G9237" s="8">
        <v>1</v>
      </c>
      <c r="H9237" s="8">
        <v>1</v>
      </c>
      <c r="I9237" s="8">
        <v>0</v>
      </c>
      <c r="J9237" s="8">
        <v>1</v>
      </c>
      <c r="K9237" s="9">
        <v>52</v>
      </c>
      <c r="L9237" s="6" t="s">
        <v>51</v>
      </c>
    </row>
    <row r="9238" spans="1:12">
      <c r="A9238" s="6" t="s">
        <v>49</v>
      </c>
      <c r="B9238" s="6"/>
      <c r="C9238" s="6" t="s">
        <v>9262</v>
      </c>
      <c r="D9238" s="6"/>
      <c r="E9238" s="6" t="s">
        <v>9</v>
      </c>
      <c r="F9238" s="7">
        <v>38657</v>
      </c>
      <c r="G9238" s="8">
        <v>1</v>
      </c>
      <c r="H9238" s="8">
        <v>1</v>
      </c>
      <c r="I9238" s="8">
        <v>0</v>
      </c>
      <c r="J9238" s="8">
        <v>1</v>
      </c>
      <c r="K9238" s="9">
        <v>43</v>
      </c>
      <c r="L9238" s="6" t="s">
        <v>51</v>
      </c>
    </row>
    <row r="9239" spans="1:12">
      <c r="A9239" s="6" t="s">
        <v>49</v>
      </c>
      <c r="B9239" s="6"/>
      <c r="C9239" s="6" t="s">
        <v>9263</v>
      </c>
      <c r="D9239" s="6"/>
      <c r="E9239" s="6" t="s">
        <v>9</v>
      </c>
      <c r="F9239" s="7">
        <v>38657</v>
      </c>
      <c r="G9239" s="8">
        <v>1</v>
      </c>
      <c r="H9239" s="8">
        <v>1</v>
      </c>
      <c r="I9239" s="8">
        <v>0</v>
      </c>
      <c r="J9239" s="8">
        <v>1</v>
      </c>
      <c r="K9239" s="9">
        <v>60</v>
      </c>
      <c r="L9239" s="6" t="s">
        <v>51</v>
      </c>
    </row>
    <row r="9240" spans="1:12">
      <c r="A9240" s="6" t="s">
        <v>49</v>
      </c>
      <c r="B9240" s="6"/>
      <c r="C9240" s="6" t="s">
        <v>9264</v>
      </c>
      <c r="D9240" s="6"/>
      <c r="E9240" s="6" t="s">
        <v>9</v>
      </c>
      <c r="F9240" s="7">
        <v>38657</v>
      </c>
      <c r="G9240" s="8">
        <v>1</v>
      </c>
      <c r="H9240" s="8">
        <v>1</v>
      </c>
      <c r="I9240" s="8">
        <v>0</v>
      </c>
      <c r="J9240" s="8">
        <v>1</v>
      </c>
      <c r="K9240" s="9">
        <v>23</v>
      </c>
      <c r="L9240" s="6" t="s">
        <v>51</v>
      </c>
    </row>
    <row r="9241" spans="1:12">
      <c r="A9241" s="6" t="s">
        <v>49</v>
      </c>
      <c r="B9241" s="6"/>
      <c r="C9241" s="6" t="s">
        <v>9265</v>
      </c>
      <c r="D9241" s="6"/>
      <c r="E9241" s="6" t="s">
        <v>9</v>
      </c>
      <c r="F9241" s="7">
        <v>38657</v>
      </c>
      <c r="G9241" s="8">
        <v>1</v>
      </c>
      <c r="H9241" s="8">
        <v>1</v>
      </c>
      <c r="I9241" s="8">
        <v>0</v>
      </c>
      <c r="J9241" s="8">
        <v>1</v>
      </c>
      <c r="K9241" s="9">
        <v>51</v>
      </c>
      <c r="L9241" s="6" t="s">
        <v>51</v>
      </c>
    </row>
    <row r="9242" spans="1:12">
      <c r="A9242" s="6" t="s">
        <v>49</v>
      </c>
      <c r="B9242" s="6"/>
      <c r="C9242" s="6" t="s">
        <v>9266</v>
      </c>
      <c r="D9242" s="6"/>
      <c r="E9242" s="6" t="s">
        <v>9</v>
      </c>
      <c r="F9242" s="7">
        <v>38657</v>
      </c>
      <c r="G9242" s="8">
        <v>1</v>
      </c>
      <c r="H9242" s="8">
        <v>1</v>
      </c>
      <c r="I9242" s="8">
        <v>0</v>
      </c>
      <c r="J9242" s="8">
        <v>1</v>
      </c>
      <c r="K9242" s="9">
        <v>1.91</v>
      </c>
      <c r="L9242" s="6" t="s">
        <v>51</v>
      </c>
    </row>
    <row r="9243" spans="1:12">
      <c r="A9243" s="6" t="s">
        <v>49</v>
      </c>
      <c r="B9243" s="6"/>
      <c r="C9243" s="6" t="s">
        <v>9267</v>
      </c>
      <c r="D9243" s="6"/>
      <c r="E9243" s="6" t="s">
        <v>9</v>
      </c>
      <c r="F9243" s="7">
        <v>38657</v>
      </c>
      <c r="G9243" s="8">
        <v>1</v>
      </c>
      <c r="H9243" s="8">
        <v>1</v>
      </c>
      <c r="I9243" s="8">
        <v>0</v>
      </c>
      <c r="J9243" s="8">
        <v>1</v>
      </c>
      <c r="K9243" s="9">
        <v>50</v>
      </c>
      <c r="L9243" s="6" t="s">
        <v>51</v>
      </c>
    </row>
    <row r="9244" spans="1:12">
      <c r="A9244" s="6" t="s">
        <v>49</v>
      </c>
      <c r="B9244" s="6"/>
      <c r="C9244" s="6" t="s">
        <v>9268</v>
      </c>
      <c r="D9244" s="6"/>
      <c r="E9244" s="6" t="s">
        <v>9</v>
      </c>
      <c r="F9244" s="7">
        <v>38657</v>
      </c>
      <c r="G9244" s="8">
        <v>1</v>
      </c>
      <c r="H9244" s="8">
        <v>1</v>
      </c>
      <c r="I9244" s="8">
        <v>0</v>
      </c>
      <c r="J9244" s="8">
        <v>1</v>
      </c>
      <c r="K9244" s="9">
        <v>44</v>
      </c>
      <c r="L9244" s="6" t="s">
        <v>51</v>
      </c>
    </row>
    <row r="9245" spans="1:12">
      <c r="A9245" s="6" t="s">
        <v>49</v>
      </c>
      <c r="B9245" s="6"/>
      <c r="C9245" s="6" t="s">
        <v>9269</v>
      </c>
      <c r="D9245" s="6"/>
      <c r="E9245" s="6" t="s">
        <v>9</v>
      </c>
      <c r="F9245" s="7">
        <v>38657</v>
      </c>
      <c r="G9245" s="8">
        <v>1</v>
      </c>
      <c r="H9245" s="8">
        <v>1</v>
      </c>
      <c r="I9245" s="8">
        <v>0</v>
      </c>
      <c r="J9245" s="8">
        <v>1</v>
      </c>
      <c r="K9245" s="9">
        <v>24</v>
      </c>
      <c r="L9245" s="6" t="s">
        <v>51</v>
      </c>
    </row>
    <row r="9246" spans="1:12">
      <c r="A9246" s="6" t="s">
        <v>49</v>
      </c>
      <c r="B9246" s="6"/>
      <c r="C9246" s="6" t="s">
        <v>9270</v>
      </c>
      <c r="D9246" s="6"/>
      <c r="E9246" s="6" t="s">
        <v>9</v>
      </c>
      <c r="F9246" s="7">
        <v>38657</v>
      </c>
      <c r="G9246" s="8">
        <v>1</v>
      </c>
      <c r="H9246" s="8">
        <v>1</v>
      </c>
      <c r="I9246" s="8">
        <v>0</v>
      </c>
      <c r="J9246" s="8">
        <v>1</v>
      </c>
      <c r="K9246" s="9">
        <v>3.42</v>
      </c>
      <c r="L9246" s="6" t="s">
        <v>51</v>
      </c>
    </row>
    <row r="9247" spans="1:12">
      <c r="A9247" s="6" t="s">
        <v>49</v>
      </c>
      <c r="B9247" s="6"/>
      <c r="C9247" s="6" t="s">
        <v>9271</v>
      </c>
      <c r="D9247" s="6"/>
      <c r="E9247" s="6" t="s">
        <v>9</v>
      </c>
      <c r="F9247" s="7">
        <v>38657</v>
      </c>
      <c r="G9247" s="8">
        <v>1</v>
      </c>
      <c r="H9247" s="8">
        <v>1</v>
      </c>
      <c r="I9247" s="8">
        <v>0</v>
      </c>
      <c r="J9247" s="8">
        <v>1</v>
      </c>
      <c r="K9247" s="9">
        <v>49</v>
      </c>
      <c r="L9247" s="6" t="s">
        <v>51</v>
      </c>
    </row>
    <row r="9248" spans="1:12">
      <c r="A9248" s="6" t="s">
        <v>49</v>
      </c>
      <c r="B9248" s="6"/>
      <c r="C9248" s="6" t="s">
        <v>9272</v>
      </c>
      <c r="D9248" s="6"/>
      <c r="E9248" s="6" t="s">
        <v>9</v>
      </c>
      <c r="F9248" s="7">
        <v>38657</v>
      </c>
      <c r="G9248" s="8">
        <v>1</v>
      </c>
      <c r="H9248" s="8">
        <v>1</v>
      </c>
      <c r="I9248" s="8">
        <v>0</v>
      </c>
      <c r="J9248" s="8">
        <v>1</v>
      </c>
      <c r="K9248" s="9">
        <v>45</v>
      </c>
      <c r="L9248" s="6" t="s">
        <v>51</v>
      </c>
    </row>
    <row r="9249" spans="1:12">
      <c r="A9249" s="6" t="s">
        <v>49</v>
      </c>
      <c r="B9249" s="6"/>
      <c r="C9249" s="6" t="s">
        <v>9273</v>
      </c>
      <c r="D9249" s="6"/>
      <c r="E9249" s="6" t="s">
        <v>9</v>
      </c>
      <c r="F9249" s="7">
        <v>38657</v>
      </c>
      <c r="G9249" s="8">
        <v>1</v>
      </c>
      <c r="H9249" s="8">
        <v>1</v>
      </c>
      <c r="I9249" s="8">
        <v>0</v>
      </c>
      <c r="J9249" s="8">
        <v>1</v>
      </c>
      <c r="K9249" s="9">
        <v>72</v>
      </c>
      <c r="L9249" s="6" t="s">
        <v>51</v>
      </c>
    </row>
    <row r="9250" spans="1:12">
      <c r="A9250" s="6" t="s">
        <v>49</v>
      </c>
      <c r="B9250" s="6"/>
      <c r="C9250" s="6" t="s">
        <v>9274</v>
      </c>
      <c r="D9250" s="6"/>
      <c r="E9250" s="6" t="s">
        <v>9</v>
      </c>
      <c r="F9250" s="7">
        <v>38657</v>
      </c>
      <c r="G9250" s="8">
        <v>1</v>
      </c>
      <c r="H9250" s="8">
        <v>1</v>
      </c>
      <c r="I9250" s="8">
        <v>0</v>
      </c>
      <c r="J9250" s="8">
        <v>1</v>
      </c>
      <c r="K9250" s="9">
        <v>33</v>
      </c>
      <c r="L9250" s="6" t="s">
        <v>51</v>
      </c>
    </row>
    <row r="9251" spans="1:12">
      <c r="A9251" s="6" t="s">
        <v>49</v>
      </c>
      <c r="B9251" s="6"/>
      <c r="C9251" s="6" t="s">
        <v>9275</v>
      </c>
      <c r="D9251" s="6"/>
      <c r="E9251" s="6" t="s">
        <v>9</v>
      </c>
      <c r="F9251" s="7">
        <v>38657</v>
      </c>
      <c r="G9251" s="8">
        <v>1</v>
      </c>
      <c r="H9251" s="8">
        <v>1</v>
      </c>
      <c r="I9251" s="8">
        <v>0</v>
      </c>
      <c r="J9251" s="8">
        <v>1</v>
      </c>
      <c r="K9251" s="9">
        <v>25</v>
      </c>
      <c r="L9251" s="6" t="s">
        <v>51</v>
      </c>
    </row>
    <row r="9252" spans="1:12">
      <c r="A9252" s="6" t="s">
        <v>49</v>
      </c>
      <c r="B9252" s="6"/>
      <c r="C9252" s="6" t="s">
        <v>9276</v>
      </c>
      <c r="D9252" s="6"/>
      <c r="E9252" s="6" t="s">
        <v>9</v>
      </c>
      <c r="F9252" s="7">
        <v>38657</v>
      </c>
      <c r="G9252" s="8">
        <v>1</v>
      </c>
      <c r="H9252" s="8">
        <v>1</v>
      </c>
      <c r="I9252" s="8">
        <v>0</v>
      </c>
      <c r="J9252" s="8">
        <v>1</v>
      </c>
      <c r="K9252" s="9">
        <v>57</v>
      </c>
      <c r="L9252" s="6" t="s">
        <v>51</v>
      </c>
    </row>
    <row r="9253" spans="1:12">
      <c r="A9253" s="6" t="s">
        <v>49</v>
      </c>
      <c r="B9253" s="6"/>
      <c r="C9253" s="6" t="s">
        <v>9277</v>
      </c>
      <c r="D9253" s="6"/>
      <c r="E9253" s="6" t="s">
        <v>9</v>
      </c>
      <c r="F9253" s="7">
        <v>38657</v>
      </c>
      <c r="G9253" s="8">
        <v>1</v>
      </c>
      <c r="H9253" s="8">
        <v>1</v>
      </c>
      <c r="I9253" s="8">
        <v>0</v>
      </c>
      <c r="J9253" s="8">
        <v>1</v>
      </c>
      <c r="K9253" s="9">
        <v>1.48</v>
      </c>
      <c r="L9253" s="6" t="s">
        <v>51</v>
      </c>
    </row>
    <row r="9254" spans="1:12">
      <c r="A9254" s="6" t="s">
        <v>49</v>
      </c>
      <c r="B9254" s="6"/>
      <c r="C9254" s="6" t="s">
        <v>9278</v>
      </c>
      <c r="D9254" s="6"/>
      <c r="E9254" s="6" t="s">
        <v>9</v>
      </c>
      <c r="F9254" s="7">
        <v>38657</v>
      </c>
      <c r="G9254" s="8">
        <v>1</v>
      </c>
      <c r="H9254" s="8">
        <v>1</v>
      </c>
      <c r="I9254" s="8">
        <v>0</v>
      </c>
      <c r="J9254" s="8">
        <v>1</v>
      </c>
      <c r="K9254" s="9">
        <v>54</v>
      </c>
      <c r="L9254" s="6" t="s">
        <v>51</v>
      </c>
    </row>
    <row r="9255" spans="1:12">
      <c r="A9255" s="6" t="s">
        <v>49</v>
      </c>
      <c r="B9255" s="6"/>
      <c r="C9255" s="6" t="s">
        <v>9279</v>
      </c>
      <c r="D9255" s="6"/>
      <c r="E9255" s="6" t="s">
        <v>9</v>
      </c>
      <c r="F9255" s="7">
        <v>38657</v>
      </c>
      <c r="G9255" s="8">
        <v>1</v>
      </c>
      <c r="H9255" s="8">
        <v>1</v>
      </c>
      <c r="I9255" s="8">
        <v>0</v>
      </c>
      <c r="J9255" s="8">
        <v>1</v>
      </c>
      <c r="K9255" s="9">
        <v>55</v>
      </c>
      <c r="L9255" s="6" t="s">
        <v>51</v>
      </c>
    </row>
    <row r="9256" spans="1:12">
      <c r="A9256" s="6" t="s">
        <v>49</v>
      </c>
      <c r="B9256" s="6"/>
      <c r="C9256" s="6" t="s">
        <v>9280</v>
      </c>
      <c r="D9256" s="6"/>
      <c r="E9256" s="6" t="s">
        <v>9</v>
      </c>
      <c r="F9256" s="7">
        <v>38657</v>
      </c>
      <c r="G9256" s="8">
        <v>1</v>
      </c>
      <c r="H9256" s="8">
        <v>1</v>
      </c>
      <c r="I9256" s="8">
        <v>0</v>
      </c>
      <c r="J9256" s="8">
        <v>1</v>
      </c>
      <c r="K9256" s="9">
        <v>61</v>
      </c>
      <c r="L9256" s="6" t="s">
        <v>51</v>
      </c>
    </row>
    <row r="9257" spans="1:12">
      <c r="A9257" s="6" t="s">
        <v>49</v>
      </c>
      <c r="B9257" s="6"/>
      <c r="C9257" s="6" t="s">
        <v>9281</v>
      </c>
      <c r="D9257" s="6"/>
      <c r="E9257" s="6" t="s">
        <v>9</v>
      </c>
      <c r="F9257" s="7">
        <v>38657</v>
      </c>
      <c r="G9257" s="8">
        <v>1</v>
      </c>
      <c r="H9257" s="8">
        <v>1</v>
      </c>
      <c r="I9257" s="8">
        <v>0</v>
      </c>
      <c r="J9257" s="8">
        <v>1</v>
      </c>
      <c r="K9257" s="9">
        <v>62</v>
      </c>
      <c r="L9257" s="6" t="s">
        <v>51</v>
      </c>
    </row>
    <row r="9258" spans="1:12">
      <c r="A9258" s="6" t="s">
        <v>49</v>
      </c>
      <c r="B9258" s="6"/>
      <c r="C9258" s="6" t="s">
        <v>9282</v>
      </c>
      <c r="D9258" s="6"/>
      <c r="E9258" s="6" t="s">
        <v>9</v>
      </c>
      <c r="F9258" s="7">
        <v>38657</v>
      </c>
      <c r="G9258" s="8">
        <v>1</v>
      </c>
      <c r="H9258" s="8">
        <v>1</v>
      </c>
      <c r="I9258" s="8">
        <v>0</v>
      </c>
      <c r="J9258" s="8">
        <v>1</v>
      </c>
      <c r="K9258" s="9">
        <v>72</v>
      </c>
      <c r="L9258" s="6" t="s">
        <v>51</v>
      </c>
    </row>
    <row r="9259" spans="1:12">
      <c r="A9259" s="6" t="s">
        <v>49</v>
      </c>
      <c r="B9259" s="6"/>
      <c r="C9259" s="6" t="s">
        <v>9283</v>
      </c>
      <c r="D9259" s="6"/>
      <c r="E9259" s="6" t="s">
        <v>9</v>
      </c>
      <c r="F9259" s="7">
        <v>38657</v>
      </c>
      <c r="G9259" s="8">
        <v>1</v>
      </c>
      <c r="H9259" s="8">
        <v>1</v>
      </c>
      <c r="I9259" s="8">
        <v>0</v>
      </c>
      <c r="J9259" s="8">
        <v>1</v>
      </c>
      <c r="K9259" s="9">
        <v>50</v>
      </c>
      <c r="L9259" s="6" t="s">
        <v>51</v>
      </c>
    </row>
    <row r="9260" spans="1:12">
      <c r="A9260" s="6" t="s">
        <v>49</v>
      </c>
      <c r="B9260" s="6"/>
      <c r="C9260" s="6" t="s">
        <v>9284</v>
      </c>
      <c r="D9260" s="6"/>
      <c r="E9260" s="6" t="s">
        <v>9</v>
      </c>
      <c r="F9260" s="7">
        <v>38657</v>
      </c>
      <c r="G9260" s="8">
        <v>1</v>
      </c>
      <c r="H9260" s="8">
        <v>1</v>
      </c>
      <c r="I9260" s="8">
        <v>0</v>
      </c>
      <c r="J9260" s="8">
        <v>1</v>
      </c>
      <c r="K9260" s="9">
        <v>48</v>
      </c>
      <c r="L9260" s="6" t="s">
        <v>51</v>
      </c>
    </row>
    <row r="9261" spans="1:12">
      <c r="A9261" s="6" t="s">
        <v>49</v>
      </c>
      <c r="B9261" s="6"/>
      <c r="C9261" s="6" t="s">
        <v>9285</v>
      </c>
      <c r="D9261" s="6"/>
      <c r="E9261" s="6" t="s">
        <v>9</v>
      </c>
      <c r="F9261" s="7">
        <v>38657</v>
      </c>
      <c r="G9261" s="8">
        <v>1</v>
      </c>
      <c r="H9261" s="8">
        <v>1</v>
      </c>
      <c r="I9261" s="8">
        <v>0</v>
      </c>
      <c r="J9261" s="8">
        <v>1</v>
      </c>
      <c r="K9261" s="9">
        <v>46</v>
      </c>
      <c r="L9261" s="6" t="s">
        <v>51</v>
      </c>
    </row>
    <row r="9262" spans="1:12">
      <c r="A9262" s="6" t="s">
        <v>49</v>
      </c>
      <c r="B9262" s="6"/>
      <c r="C9262" s="6" t="s">
        <v>9286</v>
      </c>
      <c r="D9262" s="6"/>
      <c r="E9262" s="6" t="s">
        <v>9</v>
      </c>
      <c r="F9262" s="7">
        <v>38657</v>
      </c>
      <c r="G9262" s="8">
        <v>1</v>
      </c>
      <c r="H9262" s="8">
        <v>1</v>
      </c>
      <c r="I9262" s="8">
        <v>0</v>
      </c>
      <c r="J9262" s="8">
        <v>1</v>
      </c>
      <c r="K9262" s="9">
        <v>71</v>
      </c>
      <c r="L9262" s="6" t="s">
        <v>51</v>
      </c>
    </row>
    <row r="9263" spans="1:12">
      <c r="A9263" s="6" t="s">
        <v>49</v>
      </c>
      <c r="B9263" s="6"/>
      <c r="C9263" s="6" t="s">
        <v>9287</v>
      </c>
      <c r="D9263" s="6"/>
      <c r="E9263" s="6" t="s">
        <v>9</v>
      </c>
      <c r="F9263" s="7">
        <v>38657</v>
      </c>
      <c r="G9263" s="8">
        <v>1</v>
      </c>
      <c r="H9263" s="8">
        <v>1</v>
      </c>
      <c r="I9263" s="8">
        <v>0</v>
      </c>
      <c r="J9263" s="8">
        <v>1</v>
      </c>
      <c r="K9263" s="9">
        <v>53</v>
      </c>
      <c r="L9263" s="6" t="s">
        <v>51</v>
      </c>
    </row>
    <row r="9264" spans="1:12">
      <c r="A9264" s="6" t="s">
        <v>49</v>
      </c>
      <c r="B9264" s="6"/>
      <c r="C9264" s="6" t="s">
        <v>9288</v>
      </c>
      <c r="D9264" s="6"/>
      <c r="E9264" s="6" t="s">
        <v>9</v>
      </c>
      <c r="F9264" s="7">
        <v>38657</v>
      </c>
      <c r="G9264" s="8">
        <v>1</v>
      </c>
      <c r="H9264" s="8">
        <v>1</v>
      </c>
      <c r="I9264" s="8">
        <v>0</v>
      </c>
      <c r="J9264" s="8">
        <v>1</v>
      </c>
      <c r="K9264" s="9">
        <v>2.57</v>
      </c>
      <c r="L9264" s="6" t="s">
        <v>51</v>
      </c>
    </row>
    <row r="9265" spans="1:12">
      <c r="A9265" s="6" t="s">
        <v>49</v>
      </c>
      <c r="B9265" s="6"/>
      <c r="C9265" s="6" t="s">
        <v>9289</v>
      </c>
      <c r="D9265" s="6"/>
      <c r="E9265" s="6" t="s">
        <v>9</v>
      </c>
      <c r="F9265" s="7">
        <v>38657</v>
      </c>
      <c r="G9265" s="8">
        <v>1</v>
      </c>
      <c r="H9265" s="8">
        <v>1</v>
      </c>
      <c r="I9265" s="8">
        <v>0</v>
      </c>
      <c r="J9265" s="8">
        <v>1</v>
      </c>
      <c r="K9265" s="9">
        <v>45</v>
      </c>
      <c r="L9265" s="6" t="s">
        <v>51</v>
      </c>
    </row>
    <row r="9266" spans="1:12">
      <c r="A9266" s="6" t="s">
        <v>49</v>
      </c>
      <c r="B9266" s="6"/>
      <c r="C9266" s="6" t="s">
        <v>9290</v>
      </c>
      <c r="D9266" s="6"/>
      <c r="E9266" s="6" t="s">
        <v>9</v>
      </c>
      <c r="F9266" s="7">
        <v>38657</v>
      </c>
      <c r="G9266" s="8">
        <v>1</v>
      </c>
      <c r="H9266" s="8">
        <v>1</v>
      </c>
      <c r="I9266" s="8">
        <v>0</v>
      </c>
      <c r="J9266" s="8">
        <v>1</v>
      </c>
      <c r="K9266" s="9">
        <v>41</v>
      </c>
      <c r="L9266" s="6" t="s">
        <v>51</v>
      </c>
    </row>
    <row r="9267" spans="1:12">
      <c r="A9267" s="6" t="s">
        <v>49</v>
      </c>
      <c r="B9267" s="6"/>
      <c r="C9267" s="6" t="s">
        <v>9291</v>
      </c>
      <c r="D9267" s="6"/>
      <c r="E9267" s="6" t="s">
        <v>9</v>
      </c>
      <c r="F9267" s="7">
        <v>38657</v>
      </c>
      <c r="G9267" s="8">
        <v>1</v>
      </c>
      <c r="H9267" s="8">
        <v>1</v>
      </c>
      <c r="I9267" s="8">
        <v>0</v>
      </c>
      <c r="J9267" s="8">
        <v>1</v>
      </c>
      <c r="K9267" s="9">
        <v>53</v>
      </c>
      <c r="L9267" s="6" t="s">
        <v>51</v>
      </c>
    </row>
    <row r="9268" spans="1:12">
      <c r="A9268" s="6" t="s">
        <v>49</v>
      </c>
      <c r="B9268" s="6"/>
      <c r="C9268" s="6" t="s">
        <v>9292</v>
      </c>
      <c r="D9268" s="6"/>
      <c r="E9268" s="6" t="s">
        <v>9</v>
      </c>
      <c r="F9268" s="7">
        <v>38657</v>
      </c>
      <c r="G9268" s="8">
        <v>1</v>
      </c>
      <c r="H9268" s="8">
        <v>1</v>
      </c>
      <c r="I9268" s="8">
        <v>0</v>
      </c>
      <c r="J9268" s="8">
        <v>1</v>
      </c>
      <c r="K9268" s="9">
        <v>51</v>
      </c>
      <c r="L9268" s="6" t="s">
        <v>51</v>
      </c>
    </row>
    <row r="9269" spans="1:12">
      <c r="A9269" s="6" t="s">
        <v>49</v>
      </c>
      <c r="B9269" s="6"/>
      <c r="C9269" s="6" t="s">
        <v>9293</v>
      </c>
      <c r="D9269" s="6"/>
      <c r="E9269" s="6" t="s">
        <v>9</v>
      </c>
      <c r="F9269" s="7">
        <v>38657</v>
      </c>
      <c r="G9269" s="8">
        <v>1</v>
      </c>
      <c r="H9269" s="8">
        <v>1</v>
      </c>
      <c r="I9269" s="8">
        <v>0</v>
      </c>
      <c r="J9269" s="8">
        <v>1</v>
      </c>
      <c r="K9269" s="9">
        <v>81</v>
      </c>
      <c r="L9269" s="6" t="s">
        <v>51</v>
      </c>
    </row>
    <row r="9270" spans="1:12">
      <c r="A9270" s="6" t="s">
        <v>49</v>
      </c>
      <c r="B9270" s="6"/>
      <c r="C9270" s="6" t="s">
        <v>9294</v>
      </c>
      <c r="D9270" s="6"/>
      <c r="E9270" s="6" t="s">
        <v>9</v>
      </c>
      <c r="F9270" s="7">
        <v>38657</v>
      </c>
      <c r="G9270" s="8">
        <v>1</v>
      </c>
      <c r="H9270" s="8">
        <v>1</v>
      </c>
      <c r="I9270" s="8">
        <v>0</v>
      </c>
      <c r="J9270" s="8">
        <v>1</v>
      </c>
      <c r="K9270" s="9">
        <v>85</v>
      </c>
      <c r="L9270" s="6" t="s">
        <v>51</v>
      </c>
    </row>
    <row r="9271" spans="1:12">
      <c r="A9271" s="6" t="s">
        <v>49</v>
      </c>
      <c r="B9271" s="6"/>
      <c r="C9271" s="6" t="s">
        <v>9295</v>
      </c>
      <c r="D9271" s="6"/>
      <c r="E9271" s="6" t="s">
        <v>9</v>
      </c>
      <c r="F9271" s="7">
        <v>38657</v>
      </c>
      <c r="G9271" s="8">
        <v>1</v>
      </c>
      <c r="H9271" s="8">
        <v>1</v>
      </c>
      <c r="I9271" s="8">
        <v>0</v>
      </c>
      <c r="J9271" s="8">
        <v>1</v>
      </c>
      <c r="K9271" s="9">
        <v>909</v>
      </c>
      <c r="L9271" s="6" t="s">
        <v>51</v>
      </c>
    </row>
    <row r="9272" spans="1:12">
      <c r="A9272" s="6" t="s">
        <v>49</v>
      </c>
      <c r="B9272" s="6"/>
      <c r="C9272" s="6" t="s">
        <v>9296</v>
      </c>
      <c r="D9272" s="6"/>
      <c r="E9272" s="6" t="s">
        <v>9</v>
      </c>
      <c r="F9272" s="7">
        <v>38657</v>
      </c>
      <c r="G9272" s="8">
        <v>1</v>
      </c>
      <c r="H9272" s="8">
        <v>1</v>
      </c>
      <c r="I9272" s="8">
        <v>0</v>
      </c>
      <c r="J9272" s="8">
        <v>1</v>
      </c>
      <c r="K9272" s="9">
        <v>32</v>
      </c>
      <c r="L9272" s="6" t="s">
        <v>51</v>
      </c>
    </row>
    <row r="9273" spans="1:12">
      <c r="A9273" s="6" t="s">
        <v>49</v>
      </c>
      <c r="B9273" s="6"/>
      <c r="C9273" s="6" t="s">
        <v>9297</v>
      </c>
      <c r="D9273" s="6"/>
      <c r="E9273" s="6" t="s">
        <v>9</v>
      </c>
      <c r="F9273" s="7">
        <v>38657</v>
      </c>
      <c r="G9273" s="8">
        <v>1</v>
      </c>
      <c r="H9273" s="8">
        <v>1</v>
      </c>
      <c r="I9273" s="8">
        <v>0</v>
      </c>
      <c r="J9273" s="8">
        <v>1</v>
      </c>
      <c r="K9273" s="9">
        <v>3.12</v>
      </c>
      <c r="L9273" s="6" t="s">
        <v>51</v>
      </c>
    </row>
    <row r="9274" spans="1:12">
      <c r="A9274" s="6" t="s">
        <v>49</v>
      </c>
      <c r="B9274" s="6"/>
      <c r="C9274" s="6" t="s">
        <v>9298</v>
      </c>
      <c r="D9274" s="6"/>
      <c r="E9274" s="6" t="s">
        <v>9</v>
      </c>
      <c r="F9274" s="7">
        <v>38657</v>
      </c>
      <c r="G9274" s="8">
        <v>1</v>
      </c>
      <c r="H9274" s="8">
        <v>1</v>
      </c>
      <c r="I9274" s="8">
        <v>0</v>
      </c>
      <c r="J9274" s="8">
        <v>1</v>
      </c>
      <c r="K9274" s="9">
        <v>4.49</v>
      </c>
      <c r="L9274" s="6" t="s">
        <v>51</v>
      </c>
    </row>
    <row r="9275" spans="1:12">
      <c r="A9275" s="6" t="s">
        <v>49</v>
      </c>
      <c r="B9275" s="6"/>
      <c r="C9275" s="6" t="s">
        <v>9299</v>
      </c>
      <c r="D9275" s="6"/>
      <c r="E9275" s="6" t="s">
        <v>9</v>
      </c>
      <c r="F9275" s="7"/>
      <c r="G9275" s="8">
        <v>138740</v>
      </c>
      <c r="H9275" s="8">
        <v>138740</v>
      </c>
      <c r="I9275" s="8">
        <v>0</v>
      </c>
      <c r="J9275" s="8">
        <v>138740</v>
      </c>
      <c r="K9275" s="9">
        <v>9.91</v>
      </c>
      <c r="L9275" s="6" t="s">
        <v>1694</v>
      </c>
    </row>
    <row r="9276" spans="1:12">
      <c r="A9276" s="6" t="s">
        <v>49</v>
      </c>
      <c r="B9276" s="6"/>
      <c r="C9276" s="6" t="s">
        <v>9300</v>
      </c>
      <c r="D9276" s="6"/>
      <c r="E9276" s="6" t="s">
        <v>9</v>
      </c>
      <c r="F9276" s="7">
        <v>38657</v>
      </c>
      <c r="G9276" s="8">
        <v>1</v>
      </c>
      <c r="H9276" s="8">
        <v>1</v>
      </c>
      <c r="I9276" s="8">
        <v>0</v>
      </c>
      <c r="J9276" s="8">
        <v>1</v>
      </c>
      <c r="K9276" s="9">
        <v>2.94</v>
      </c>
      <c r="L9276" s="6" t="s">
        <v>51</v>
      </c>
    </row>
    <row r="9277" spans="1:12">
      <c r="A9277" s="6" t="s">
        <v>49</v>
      </c>
      <c r="B9277" s="6"/>
      <c r="C9277" s="6" t="s">
        <v>9301</v>
      </c>
      <c r="D9277" s="6"/>
      <c r="E9277" s="6" t="s">
        <v>9</v>
      </c>
      <c r="F9277" s="7">
        <v>38657</v>
      </c>
      <c r="G9277" s="8">
        <v>1</v>
      </c>
      <c r="H9277" s="8">
        <v>1</v>
      </c>
      <c r="I9277" s="8">
        <v>0</v>
      </c>
      <c r="J9277" s="8">
        <v>1</v>
      </c>
      <c r="K9277" s="9">
        <v>38</v>
      </c>
      <c r="L9277" s="6" t="s">
        <v>51</v>
      </c>
    </row>
    <row r="9278" spans="1:12">
      <c r="A9278" s="6" t="s">
        <v>49</v>
      </c>
      <c r="B9278" s="6"/>
      <c r="C9278" s="6" t="s">
        <v>9302</v>
      </c>
      <c r="D9278" s="6"/>
      <c r="E9278" s="6" t="s">
        <v>9</v>
      </c>
      <c r="F9278" s="7">
        <v>38657</v>
      </c>
      <c r="G9278" s="8">
        <v>1</v>
      </c>
      <c r="H9278" s="8">
        <v>1</v>
      </c>
      <c r="I9278" s="8">
        <v>0</v>
      </c>
      <c r="J9278" s="8">
        <v>1</v>
      </c>
      <c r="K9278" s="9">
        <v>386</v>
      </c>
      <c r="L9278" s="6" t="s">
        <v>51</v>
      </c>
    </row>
    <row r="9279" spans="1:12">
      <c r="A9279" s="6" t="s">
        <v>49</v>
      </c>
      <c r="B9279" s="6"/>
      <c r="C9279" s="6" t="s">
        <v>9303</v>
      </c>
      <c r="D9279" s="6"/>
      <c r="E9279" s="6" t="s">
        <v>9</v>
      </c>
      <c r="F9279" s="7">
        <v>38657</v>
      </c>
      <c r="G9279" s="8">
        <v>1</v>
      </c>
      <c r="H9279" s="8">
        <v>1</v>
      </c>
      <c r="I9279" s="8">
        <v>0</v>
      </c>
      <c r="J9279" s="8">
        <v>1</v>
      </c>
      <c r="K9279" s="9">
        <v>110</v>
      </c>
      <c r="L9279" s="6" t="s">
        <v>51</v>
      </c>
    </row>
    <row r="9280" spans="1:12">
      <c r="A9280" s="6" t="s">
        <v>49</v>
      </c>
      <c r="B9280" s="6"/>
      <c r="C9280" s="6" t="s">
        <v>9304</v>
      </c>
      <c r="D9280" s="6"/>
      <c r="E9280" s="6" t="s">
        <v>9</v>
      </c>
      <c r="F9280" s="7">
        <v>38657</v>
      </c>
      <c r="G9280" s="8">
        <v>1</v>
      </c>
      <c r="H9280" s="8">
        <v>1</v>
      </c>
      <c r="I9280" s="8">
        <v>0</v>
      </c>
      <c r="J9280" s="8">
        <v>1</v>
      </c>
      <c r="K9280" s="9">
        <v>342</v>
      </c>
      <c r="L9280" s="6" t="s">
        <v>51</v>
      </c>
    </row>
    <row r="9281" spans="1:12">
      <c r="A9281" s="6" t="s">
        <v>49</v>
      </c>
      <c r="B9281" s="6"/>
      <c r="C9281" s="6" t="s">
        <v>9305</v>
      </c>
      <c r="D9281" s="6"/>
      <c r="E9281" s="6" t="s">
        <v>9</v>
      </c>
      <c r="F9281" s="7">
        <v>38657</v>
      </c>
      <c r="G9281" s="8">
        <v>1</v>
      </c>
      <c r="H9281" s="8">
        <v>1</v>
      </c>
      <c r="I9281" s="8">
        <v>0</v>
      </c>
      <c r="J9281" s="8">
        <v>1</v>
      </c>
      <c r="K9281" s="9">
        <v>3.19</v>
      </c>
      <c r="L9281" s="6" t="s">
        <v>51</v>
      </c>
    </row>
    <row r="9282" spans="1:12">
      <c r="A9282" s="6" t="s">
        <v>49</v>
      </c>
      <c r="B9282" s="6"/>
      <c r="C9282" s="6" t="s">
        <v>9306</v>
      </c>
      <c r="D9282" s="6"/>
      <c r="E9282" s="6" t="s">
        <v>9</v>
      </c>
      <c r="F9282" s="7">
        <v>38657</v>
      </c>
      <c r="G9282" s="8">
        <v>1</v>
      </c>
      <c r="H9282" s="8">
        <v>1</v>
      </c>
      <c r="I9282" s="8">
        <v>0</v>
      </c>
      <c r="J9282" s="8">
        <v>1</v>
      </c>
      <c r="K9282" s="9">
        <v>718</v>
      </c>
      <c r="L9282" s="6" t="s">
        <v>51</v>
      </c>
    </row>
    <row r="9283" spans="1:12">
      <c r="A9283" s="6" t="s">
        <v>49</v>
      </c>
      <c r="B9283" s="6"/>
      <c r="C9283" s="6" t="s">
        <v>9307</v>
      </c>
      <c r="D9283" s="6"/>
      <c r="E9283" s="6" t="s">
        <v>9</v>
      </c>
      <c r="F9283" s="7">
        <v>38657</v>
      </c>
      <c r="G9283" s="8">
        <v>1</v>
      </c>
      <c r="H9283" s="8">
        <v>1</v>
      </c>
      <c r="I9283" s="8">
        <v>0</v>
      </c>
      <c r="J9283" s="8">
        <v>1</v>
      </c>
      <c r="K9283" s="9">
        <v>316</v>
      </c>
      <c r="L9283" s="6" t="s">
        <v>51</v>
      </c>
    </row>
    <row r="9284" spans="1:12">
      <c r="A9284" s="6" t="s">
        <v>49</v>
      </c>
      <c r="B9284" s="6"/>
      <c r="C9284" s="6" t="s">
        <v>9308</v>
      </c>
      <c r="D9284" s="6"/>
      <c r="E9284" s="6" t="s">
        <v>9</v>
      </c>
      <c r="F9284" s="7">
        <v>38657</v>
      </c>
      <c r="G9284" s="8">
        <v>1</v>
      </c>
      <c r="H9284" s="8">
        <v>1</v>
      </c>
      <c r="I9284" s="8">
        <v>0</v>
      </c>
      <c r="J9284" s="8">
        <v>1</v>
      </c>
      <c r="K9284" s="9">
        <v>288</v>
      </c>
      <c r="L9284" s="6" t="s">
        <v>51</v>
      </c>
    </row>
    <row r="9285" spans="1:12">
      <c r="A9285" s="6" t="s">
        <v>49</v>
      </c>
      <c r="B9285" s="6"/>
      <c r="C9285" s="6" t="s">
        <v>9309</v>
      </c>
      <c r="D9285" s="6"/>
      <c r="E9285" s="6" t="s">
        <v>9</v>
      </c>
      <c r="F9285" s="7">
        <v>38657</v>
      </c>
      <c r="G9285" s="8">
        <v>1</v>
      </c>
      <c r="H9285" s="8">
        <v>1</v>
      </c>
      <c r="I9285" s="8">
        <v>0</v>
      </c>
      <c r="J9285" s="8">
        <v>1</v>
      </c>
      <c r="K9285" s="9">
        <v>28</v>
      </c>
      <c r="L9285" s="6" t="s">
        <v>51</v>
      </c>
    </row>
    <row r="9286" spans="1:12">
      <c r="A9286" s="6" t="s">
        <v>49</v>
      </c>
      <c r="B9286" s="6"/>
      <c r="C9286" s="6" t="s">
        <v>9310</v>
      </c>
      <c r="D9286" s="6"/>
      <c r="E9286" s="6" t="s">
        <v>9</v>
      </c>
      <c r="F9286" s="7">
        <v>38657</v>
      </c>
      <c r="G9286" s="8">
        <v>1</v>
      </c>
      <c r="H9286" s="8">
        <v>1</v>
      </c>
      <c r="I9286" s="8">
        <v>0</v>
      </c>
      <c r="J9286" s="8">
        <v>1</v>
      </c>
      <c r="K9286" s="9">
        <v>16</v>
      </c>
      <c r="L9286" s="6" t="s">
        <v>51</v>
      </c>
    </row>
    <row r="9287" spans="1:12">
      <c r="A9287" s="6" t="s">
        <v>49</v>
      </c>
      <c r="B9287" s="6"/>
      <c r="C9287" s="6" t="s">
        <v>9311</v>
      </c>
      <c r="D9287" s="6"/>
      <c r="E9287" s="6" t="s">
        <v>9</v>
      </c>
      <c r="F9287" s="7">
        <v>38657</v>
      </c>
      <c r="G9287" s="8">
        <v>1</v>
      </c>
      <c r="H9287" s="8">
        <v>1</v>
      </c>
      <c r="I9287" s="8">
        <v>0</v>
      </c>
      <c r="J9287" s="8">
        <v>1</v>
      </c>
      <c r="K9287" s="9">
        <v>3.3</v>
      </c>
      <c r="L9287" s="6" t="s">
        <v>51</v>
      </c>
    </row>
    <row r="9288" spans="1:12">
      <c r="A9288" s="6" t="s">
        <v>49</v>
      </c>
      <c r="B9288" s="6"/>
      <c r="C9288" s="6" t="s">
        <v>9312</v>
      </c>
      <c r="D9288" s="6"/>
      <c r="E9288" s="6" t="s">
        <v>9</v>
      </c>
      <c r="F9288" s="7">
        <v>38657</v>
      </c>
      <c r="G9288" s="8">
        <v>1</v>
      </c>
      <c r="H9288" s="8">
        <v>1</v>
      </c>
      <c r="I9288" s="8">
        <v>0</v>
      </c>
      <c r="J9288" s="8">
        <v>1</v>
      </c>
      <c r="K9288" s="9">
        <v>2195</v>
      </c>
      <c r="L9288" s="6" t="s">
        <v>51</v>
      </c>
    </row>
    <row r="9289" spans="1:12">
      <c r="A9289" s="6" t="s">
        <v>49</v>
      </c>
      <c r="B9289" s="6"/>
      <c r="C9289" s="6" t="s">
        <v>9313</v>
      </c>
      <c r="D9289" s="6"/>
      <c r="E9289" s="6" t="s">
        <v>9</v>
      </c>
      <c r="F9289" s="7">
        <v>38657</v>
      </c>
      <c r="G9289" s="8">
        <v>1</v>
      </c>
      <c r="H9289" s="8">
        <v>1</v>
      </c>
      <c r="I9289" s="8">
        <v>0</v>
      </c>
      <c r="J9289" s="8">
        <v>1</v>
      </c>
      <c r="K9289" s="9">
        <v>15</v>
      </c>
      <c r="L9289" s="6" t="s">
        <v>51</v>
      </c>
    </row>
    <row r="9290" spans="1:12">
      <c r="A9290" s="6" t="s">
        <v>49</v>
      </c>
      <c r="B9290" s="6"/>
      <c r="C9290" s="6" t="s">
        <v>9314</v>
      </c>
      <c r="D9290" s="6"/>
      <c r="E9290" s="6" t="s">
        <v>9</v>
      </c>
      <c r="F9290" s="7">
        <v>38657</v>
      </c>
      <c r="G9290" s="8">
        <v>1</v>
      </c>
      <c r="H9290" s="8">
        <v>1</v>
      </c>
      <c r="I9290" s="8">
        <v>0</v>
      </c>
      <c r="J9290" s="8">
        <v>1</v>
      </c>
      <c r="K9290" s="9">
        <v>1.23</v>
      </c>
      <c r="L9290" s="6" t="s">
        <v>51</v>
      </c>
    </row>
    <row r="9291" spans="1:12">
      <c r="A9291" s="6" t="s">
        <v>49</v>
      </c>
      <c r="B9291" s="6"/>
      <c r="C9291" s="6" t="s">
        <v>9315</v>
      </c>
      <c r="D9291" s="6"/>
      <c r="E9291" s="6" t="s">
        <v>9</v>
      </c>
      <c r="F9291" s="7">
        <v>38657</v>
      </c>
      <c r="G9291" s="8">
        <v>1</v>
      </c>
      <c r="H9291" s="8">
        <v>1</v>
      </c>
      <c r="I9291" s="8">
        <v>0</v>
      </c>
      <c r="J9291" s="8">
        <v>1</v>
      </c>
      <c r="K9291" s="9">
        <v>24.32</v>
      </c>
      <c r="L9291" s="6" t="s">
        <v>51</v>
      </c>
    </row>
    <row r="9292" spans="1:12">
      <c r="A9292" s="6" t="s">
        <v>49</v>
      </c>
      <c r="B9292" s="6"/>
      <c r="C9292" s="6" t="s">
        <v>9316</v>
      </c>
      <c r="D9292" s="6"/>
      <c r="E9292" s="6" t="s">
        <v>9</v>
      </c>
      <c r="F9292" s="7">
        <v>38657</v>
      </c>
      <c r="G9292" s="8">
        <v>1</v>
      </c>
      <c r="H9292" s="8">
        <v>1</v>
      </c>
      <c r="I9292" s="8">
        <v>0</v>
      </c>
      <c r="J9292" s="8">
        <v>1</v>
      </c>
      <c r="K9292" s="9">
        <v>28.54</v>
      </c>
      <c r="L9292" s="6" t="s">
        <v>51</v>
      </c>
    </row>
    <row r="9293" spans="1:12">
      <c r="A9293" s="6" t="s">
        <v>49</v>
      </c>
      <c r="B9293" s="6"/>
      <c r="C9293" s="6" t="s">
        <v>9317</v>
      </c>
      <c r="D9293" s="6"/>
      <c r="E9293" s="6" t="s">
        <v>9</v>
      </c>
      <c r="F9293" s="7">
        <v>38657</v>
      </c>
      <c r="G9293" s="8">
        <v>1</v>
      </c>
      <c r="H9293" s="8">
        <v>1</v>
      </c>
      <c r="I9293" s="8">
        <v>0</v>
      </c>
      <c r="J9293" s="8">
        <v>1</v>
      </c>
      <c r="K9293" s="9">
        <v>34</v>
      </c>
      <c r="L9293" s="6" t="s">
        <v>51</v>
      </c>
    </row>
    <row r="9294" spans="1:12">
      <c r="A9294" s="6" t="s">
        <v>49</v>
      </c>
      <c r="B9294" s="6"/>
      <c r="C9294" s="6" t="s">
        <v>9318</v>
      </c>
      <c r="D9294" s="6"/>
      <c r="E9294" s="6" t="s">
        <v>9</v>
      </c>
      <c r="F9294" s="7">
        <v>38657</v>
      </c>
      <c r="G9294" s="8">
        <v>1</v>
      </c>
      <c r="H9294" s="8">
        <v>1</v>
      </c>
      <c r="I9294" s="8">
        <v>0</v>
      </c>
      <c r="J9294" s="8">
        <v>1</v>
      </c>
      <c r="K9294" s="9">
        <v>912</v>
      </c>
      <c r="L9294" s="6" t="s">
        <v>51</v>
      </c>
    </row>
    <row r="9295" spans="1:12">
      <c r="A9295" s="6" t="s">
        <v>49</v>
      </c>
      <c r="B9295" s="6"/>
      <c r="C9295" s="6" t="s">
        <v>9319</v>
      </c>
      <c r="D9295" s="6"/>
      <c r="E9295" s="6" t="s">
        <v>9</v>
      </c>
      <c r="F9295" s="7">
        <v>38657</v>
      </c>
      <c r="G9295" s="8">
        <v>1</v>
      </c>
      <c r="H9295" s="8">
        <v>1</v>
      </c>
      <c r="I9295" s="8">
        <v>0</v>
      </c>
      <c r="J9295" s="8">
        <v>1</v>
      </c>
      <c r="K9295" s="9">
        <v>20</v>
      </c>
      <c r="L9295" s="6" t="s">
        <v>51</v>
      </c>
    </row>
    <row r="9296" spans="1:12">
      <c r="A9296" s="6" t="s">
        <v>49</v>
      </c>
      <c r="B9296" s="6"/>
      <c r="C9296" s="6" t="s">
        <v>9320</v>
      </c>
      <c r="D9296" s="6"/>
      <c r="E9296" s="6" t="s">
        <v>9</v>
      </c>
      <c r="F9296" s="7">
        <v>38657</v>
      </c>
      <c r="G9296" s="8">
        <v>1</v>
      </c>
      <c r="H9296" s="8">
        <v>1</v>
      </c>
      <c r="I9296" s="8">
        <v>0</v>
      </c>
      <c r="J9296" s="8">
        <v>1</v>
      </c>
      <c r="K9296" s="9">
        <v>42</v>
      </c>
      <c r="L9296" s="6" t="s">
        <v>51</v>
      </c>
    </row>
    <row r="9297" spans="1:12">
      <c r="A9297" s="6" t="s">
        <v>49</v>
      </c>
      <c r="B9297" s="6"/>
      <c r="C9297" s="6" t="s">
        <v>9321</v>
      </c>
      <c r="D9297" s="6"/>
      <c r="E9297" s="6" t="s">
        <v>9</v>
      </c>
      <c r="F9297" s="7">
        <v>38657</v>
      </c>
      <c r="G9297" s="8">
        <v>1</v>
      </c>
      <c r="H9297" s="8">
        <v>1</v>
      </c>
      <c r="I9297" s="8">
        <v>0</v>
      </c>
      <c r="J9297" s="8">
        <v>1</v>
      </c>
      <c r="K9297" s="9">
        <v>0.75</v>
      </c>
      <c r="L9297" s="6" t="s">
        <v>51</v>
      </c>
    </row>
    <row r="9298" spans="1:12">
      <c r="A9298" s="6" t="s">
        <v>49</v>
      </c>
      <c r="B9298" s="6"/>
      <c r="C9298" s="6" t="s">
        <v>9322</v>
      </c>
      <c r="D9298" s="6"/>
      <c r="E9298" s="6" t="s">
        <v>9</v>
      </c>
      <c r="F9298" s="7">
        <v>38657</v>
      </c>
      <c r="G9298" s="8">
        <v>1</v>
      </c>
      <c r="H9298" s="8">
        <v>1</v>
      </c>
      <c r="I9298" s="8">
        <v>0</v>
      </c>
      <c r="J9298" s="8">
        <v>1</v>
      </c>
      <c r="K9298" s="9">
        <v>19</v>
      </c>
      <c r="L9298" s="6" t="s">
        <v>51</v>
      </c>
    </row>
    <row r="9299" spans="1:12">
      <c r="A9299" s="6" t="s">
        <v>49</v>
      </c>
      <c r="B9299" s="6"/>
      <c r="C9299" s="6" t="s">
        <v>9323</v>
      </c>
      <c r="D9299" s="6"/>
      <c r="E9299" s="6" t="s">
        <v>9</v>
      </c>
      <c r="F9299" s="7">
        <v>38657</v>
      </c>
      <c r="G9299" s="8">
        <v>1</v>
      </c>
      <c r="H9299" s="8">
        <v>1</v>
      </c>
      <c r="I9299" s="8">
        <v>0</v>
      </c>
      <c r="J9299" s="8">
        <v>1</v>
      </c>
      <c r="K9299" s="9">
        <v>49</v>
      </c>
      <c r="L9299" s="6" t="s">
        <v>51</v>
      </c>
    </row>
    <row r="9300" spans="1:12">
      <c r="A9300" s="6" t="s">
        <v>49</v>
      </c>
      <c r="B9300" s="6"/>
      <c r="C9300" s="6" t="s">
        <v>9324</v>
      </c>
      <c r="D9300" s="6"/>
      <c r="E9300" s="6" t="s">
        <v>9</v>
      </c>
      <c r="F9300" s="7">
        <v>38657</v>
      </c>
      <c r="G9300" s="8">
        <v>1</v>
      </c>
      <c r="H9300" s="8">
        <v>1</v>
      </c>
      <c r="I9300" s="8">
        <v>0</v>
      </c>
      <c r="J9300" s="8">
        <v>1</v>
      </c>
      <c r="K9300" s="9">
        <v>7</v>
      </c>
      <c r="L9300" s="6" t="s">
        <v>51</v>
      </c>
    </row>
    <row r="9301" spans="1:12">
      <c r="A9301" s="6" t="s">
        <v>49</v>
      </c>
      <c r="B9301" s="6"/>
      <c r="C9301" s="6" t="s">
        <v>9325</v>
      </c>
      <c r="D9301" s="6"/>
      <c r="E9301" s="6" t="s">
        <v>9</v>
      </c>
      <c r="F9301" s="7">
        <v>38657</v>
      </c>
      <c r="G9301" s="8">
        <v>1</v>
      </c>
      <c r="H9301" s="8">
        <v>1</v>
      </c>
      <c r="I9301" s="8">
        <v>0</v>
      </c>
      <c r="J9301" s="8">
        <v>1</v>
      </c>
      <c r="K9301" s="9">
        <v>8.1</v>
      </c>
      <c r="L9301" s="6" t="s">
        <v>51</v>
      </c>
    </row>
    <row r="9302" spans="1:12">
      <c r="A9302" s="6" t="s">
        <v>49</v>
      </c>
      <c r="B9302" s="6"/>
      <c r="C9302" s="6" t="s">
        <v>9326</v>
      </c>
      <c r="D9302" s="6"/>
      <c r="E9302" s="6" t="s">
        <v>9</v>
      </c>
      <c r="F9302" s="7">
        <v>38657</v>
      </c>
      <c r="G9302" s="8">
        <v>1</v>
      </c>
      <c r="H9302" s="8">
        <v>1</v>
      </c>
      <c r="I9302" s="8">
        <v>0</v>
      </c>
      <c r="J9302" s="8">
        <v>1</v>
      </c>
      <c r="K9302" s="9">
        <v>1034</v>
      </c>
      <c r="L9302" s="6" t="s">
        <v>51</v>
      </c>
    </row>
    <row r="9303" spans="1:12">
      <c r="A9303" s="6" t="s">
        <v>49</v>
      </c>
      <c r="B9303" s="6"/>
      <c r="C9303" s="6" t="s">
        <v>9327</v>
      </c>
      <c r="D9303" s="6"/>
      <c r="E9303" s="6" t="s">
        <v>9</v>
      </c>
      <c r="F9303" s="7">
        <v>38657</v>
      </c>
      <c r="G9303" s="8">
        <v>1</v>
      </c>
      <c r="H9303" s="8">
        <v>1</v>
      </c>
      <c r="I9303" s="8">
        <v>0</v>
      </c>
      <c r="J9303" s="8">
        <v>1</v>
      </c>
      <c r="K9303" s="9">
        <v>148</v>
      </c>
      <c r="L9303" s="6" t="s">
        <v>51</v>
      </c>
    </row>
    <row r="9304" spans="1:12">
      <c r="A9304" s="6" t="s">
        <v>49</v>
      </c>
      <c r="B9304" s="6"/>
      <c r="C9304" s="6" t="s">
        <v>9328</v>
      </c>
      <c r="D9304" s="6"/>
      <c r="E9304" s="6" t="s">
        <v>9</v>
      </c>
      <c r="F9304" s="7">
        <v>38657</v>
      </c>
      <c r="G9304" s="8">
        <v>1</v>
      </c>
      <c r="H9304" s="8">
        <v>1</v>
      </c>
      <c r="I9304" s="8">
        <v>0</v>
      </c>
      <c r="J9304" s="8">
        <v>1</v>
      </c>
      <c r="K9304" s="9">
        <v>122</v>
      </c>
      <c r="L9304" s="6" t="s">
        <v>51</v>
      </c>
    </row>
    <row r="9305" spans="1:12">
      <c r="A9305" s="6" t="s">
        <v>49</v>
      </c>
      <c r="B9305" s="6"/>
      <c r="C9305" s="6" t="s">
        <v>9329</v>
      </c>
      <c r="D9305" s="6"/>
      <c r="E9305" s="6" t="s">
        <v>9</v>
      </c>
      <c r="F9305" s="7">
        <v>38657</v>
      </c>
      <c r="G9305" s="8">
        <v>1</v>
      </c>
      <c r="H9305" s="8">
        <v>1</v>
      </c>
      <c r="I9305" s="8">
        <v>0</v>
      </c>
      <c r="J9305" s="8">
        <v>1</v>
      </c>
      <c r="K9305" s="9">
        <v>200</v>
      </c>
      <c r="L9305" s="6" t="s">
        <v>51</v>
      </c>
    </row>
    <row r="9306" spans="1:12">
      <c r="A9306" s="6" t="s">
        <v>49</v>
      </c>
      <c r="B9306" s="6"/>
      <c r="C9306" s="6" t="s">
        <v>9330</v>
      </c>
      <c r="D9306" s="6"/>
      <c r="E9306" s="6" t="s">
        <v>9</v>
      </c>
      <c r="F9306" s="7">
        <v>38657</v>
      </c>
      <c r="G9306" s="8">
        <v>1</v>
      </c>
      <c r="H9306" s="8">
        <v>1</v>
      </c>
      <c r="I9306" s="8">
        <v>0</v>
      </c>
      <c r="J9306" s="8">
        <v>1</v>
      </c>
      <c r="K9306" s="9">
        <v>69</v>
      </c>
      <c r="L9306" s="6" t="s">
        <v>51</v>
      </c>
    </row>
    <row r="9307" spans="1:12">
      <c r="A9307" s="6" t="s">
        <v>49</v>
      </c>
      <c r="B9307" s="6"/>
      <c r="C9307" s="6" t="s">
        <v>9331</v>
      </c>
      <c r="D9307" s="6"/>
      <c r="E9307" s="6" t="s">
        <v>9</v>
      </c>
      <c r="F9307" s="7">
        <v>38657</v>
      </c>
      <c r="G9307" s="8">
        <v>1</v>
      </c>
      <c r="H9307" s="8">
        <v>1</v>
      </c>
      <c r="I9307" s="8">
        <v>0</v>
      </c>
      <c r="J9307" s="8">
        <v>1</v>
      </c>
      <c r="K9307" s="9">
        <v>4.49</v>
      </c>
      <c r="L9307" s="6" t="s">
        <v>51</v>
      </c>
    </row>
    <row r="9308" spans="1:12">
      <c r="A9308" s="6" t="s">
        <v>49</v>
      </c>
      <c r="B9308" s="6"/>
      <c r="C9308" s="6" t="s">
        <v>9332</v>
      </c>
      <c r="D9308" s="6"/>
      <c r="E9308" s="6" t="s">
        <v>9</v>
      </c>
      <c r="F9308" s="7">
        <v>38657</v>
      </c>
      <c r="G9308" s="8">
        <v>1</v>
      </c>
      <c r="H9308" s="8">
        <v>1</v>
      </c>
      <c r="I9308" s="8">
        <v>0</v>
      </c>
      <c r="J9308" s="8">
        <v>1</v>
      </c>
      <c r="K9308" s="9">
        <v>81</v>
      </c>
      <c r="L9308" s="6" t="s">
        <v>51</v>
      </c>
    </row>
    <row r="9309" spans="1:12">
      <c r="A9309" s="6" t="s">
        <v>49</v>
      </c>
      <c r="B9309" s="6"/>
      <c r="C9309" s="6" t="s">
        <v>9333</v>
      </c>
      <c r="D9309" s="6"/>
      <c r="E9309" s="6" t="s">
        <v>9</v>
      </c>
      <c r="F9309" s="7">
        <v>38657</v>
      </c>
      <c r="G9309" s="8">
        <v>1</v>
      </c>
      <c r="H9309" s="8">
        <v>1</v>
      </c>
      <c r="I9309" s="8">
        <v>0</v>
      </c>
      <c r="J9309" s="8">
        <v>1</v>
      </c>
      <c r="K9309" s="9">
        <v>12.26</v>
      </c>
      <c r="L9309" s="6" t="s">
        <v>51</v>
      </c>
    </row>
    <row r="9310" spans="1:12">
      <c r="A9310" s="6" t="s">
        <v>49</v>
      </c>
      <c r="B9310" s="6"/>
      <c r="C9310" s="6" t="s">
        <v>9334</v>
      </c>
      <c r="D9310" s="6"/>
      <c r="E9310" s="6" t="s">
        <v>9</v>
      </c>
      <c r="F9310" s="7">
        <v>38657</v>
      </c>
      <c r="G9310" s="8">
        <v>1</v>
      </c>
      <c r="H9310" s="8">
        <v>1</v>
      </c>
      <c r="I9310" s="8">
        <v>0</v>
      </c>
      <c r="J9310" s="8">
        <v>1</v>
      </c>
      <c r="K9310" s="9">
        <v>40</v>
      </c>
      <c r="L9310" s="6" t="s">
        <v>51</v>
      </c>
    </row>
    <row r="9311" spans="1:12">
      <c r="A9311" s="6" t="s">
        <v>49</v>
      </c>
      <c r="B9311" s="6"/>
      <c r="C9311" s="6" t="s">
        <v>9335</v>
      </c>
      <c r="D9311" s="6"/>
      <c r="E9311" s="6" t="s">
        <v>9</v>
      </c>
      <c r="F9311" s="7">
        <v>38657</v>
      </c>
      <c r="G9311" s="8">
        <v>1</v>
      </c>
      <c r="H9311" s="8">
        <v>1</v>
      </c>
      <c r="I9311" s="8">
        <v>0</v>
      </c>
      <c r="J9311" s="8">
        <v>1</v>
      </c>
      <c r="K9311" s="9">
        <v>6.58</v>
      </c>
      <c r="L9311" s="6" t="s">
        <v>51</v>
      </c>
    </row>
    <row r="9312" spans="1:12">
      <c r="A9312" s="6" t="s">
        <v>49</v>
      </c>
      <c r="B9312" s="6"/>
      <c r="C9312" s="6" t="s">
        <v>9336</v>
      </c>
      <c r="D9312" s="6"/>
      <c r="E9312" s="6" t="s">
        <v>9</v>
      </c>
      <c r="F9312" s="7">
        <v>38657</v>
      </c>
      <c r="G9312" s="8">
        <v>1</v>
      </c>
      <c r="H9312" s="8">
        <v>1</v>
      </c>
      <c r="I9312" s="8">
        <v>0</v>
      </c>
      <c r="J9312" s="8">
        <v>1</v>
      </c>
      <c r="K9312" s="9">
        <v>89</v>
      </c>
      <c r="L9312" s="6" t="s">
        <v>51</v>
      </c>
    </row>
    <row r="9313" spans="1:12">
      <c r="A9313" s="6" t="s">
        <v>49</v>
      </c>
      <c r="B9313" s="6"/>
      <c r="C9313" s="6" t="s">
        <v>9337</v>
      </c>
      <c r="D9313" s="6"/>
      <c r="E9313" s="6" t="s">
        <v>9</v>
      </c>
      <c r="F9313" s="7">
        <v>38657</v>
      </c>
      <c r="G9313" s="8">
        <v>1</v>
      </c>
      <c r="H9313" s="8">
        <v>1</v>
      </c>
      <c r="I9313" s="8">
        <v>0</v>
      </c>
      <c r="J9313" s="8">
        <v>1</v>
      </c>
      <c r="K9313" s="9">
        <v>434</v>
      </c>
      <c r="L9313" s="6" t="s">
        <v>51</v>
      </c>
    </row>
    <row r="9314" spans="1:12">
      <c r="A9314" s="6" t="s">
        <v>49</v>
      </c>
      <c r="B9314" s="6"/>
      <c r="C9314" s="6" t="s">
        <v>9338</v>
      </c>
      <c r="D9314" s="6"/>
      <c r="E9314" s="6" t="s">
        <v>9</v>
      </c>
      <c r="F9314" s="7">
        <v>38657</v>
      </c>
      <c r="G9314" s="8">
        <v>1</v>
      </c>
      <c r="H9314" s="8">
        <v>1</v>
      </c>
      <c r="I9314" s="8">
        <v>0</v>
      </c>
      <c r="J9314" s="8">
        <v>1</v>
      </c>
      <c r="K9314" s="9">
        <v>453</v>
      </c>
      <c r="L9314" s="6" t="s">
        <v>51</v>
      </c>
    </row>
    <row r="9315" spans="1:12">
      <c r="A9315" s="6" t="s">
        <v>49</v>
      </c>
      <c r="B9315" s="6"/>
      <c r="C9315" s="6" t="s">
        <v>9339</v>
      </c>
      <c r="D9315" s="6"/>
      <c r="E9315" s="6" t="s">
        <v>9</v>
      </c>
      <c r="F9315" s="7">
        <v>38657</v>
      </c>
      <c r="G9315" s="8">
        <v>1</v>
      </c>
      <c r="H9315" s="8">
        <v>1</v>
      </c>
      <c r="I9315" s="8">
        <v>0</v>
      </c>
      <c r="J9315" s="8">
        <v>1</v>
      </c>
      <c r="K9315" s="9">
        <v>33</v>
      </c>
      <c r="L9315" s="6" t="s">
        <v>51</v>
      </c>
    </row>
    <row r="9316" spans="1:12">
      <c r="A9316" s="6" t="s">
        <v>49</v>
      </c>
      <c r="B9316" s="6"/>
      <c r="C9316" s="6" t="s">
        <v>9340</v>
      </c>
      <c r="D9316" s="6"/>
      <c r="E9316" s="6" t="s">
        <v>9</v>
      </c>
      <c r="F9316" s="7">
        <v>38657</v>
      </c>
      <c r="G9316" s="8">
        <v>1</v>
      </c>
      <c r="H9316" s="8">
        <v>1</v>
      </c>
      <c r="I9316" s="8">
        <v>0</v>
      </c>
      <c r="J9316" s="8">
        <v>1</v>
      </c>
      <c r="K9316" s="9">
        <v>84</v>
      </c>
      <c r="L9316" s="6" t="s">
        <v>51</v>
      </c>
    </row>
    <row r="9317" spans="1:12">
      <c r="A9317" s="6" t="s">
        <v>49</v>
      </c>
      <c r="B9317" s="6"/>
      <c r="C9317" s="6" t="s">
        <v>9341</v>
      </c>
      <c r="D9317" s="6"/>
      <c r="E9317" s="6" t="s">
        <v>9</v>
      </c>
      <c r="F9317" s="7">
        <v>38657</v>
      </c>
      <c r="G9317" s="8">
        <v>1</v>
      </c>
      <c r="H9317" s="8">
        <v>1</v>
      </c>
      <c r="I9317" s="8">
        <v>0</v>
      </c>
      <c r="J9317" s="8">
        <v>1</v>
      </c>
      <c r="K9317" s="9">
        <v>102</v>
      </c>
      <c r="L9317" s="6" t="s">
        <v>51</v>
      </c>
    </row>
    <row r="9318" spans="1:12">
      <c r="A9318" s="6" t="s">
        <v>49</v>
      </c>
      <c r="B9318" s="6"/>
      <c r="C9318" s="6" t="s">
        <v>9342</v>
      </c>
      <c r="D9318" s="6"/>
      <c r="E9318" s="6" t="s">
        <v>9</v>
      </c>
      <c r="F9318" s="7">
        <v>38657</v>
      </c>
      <c r="G9318" s="8">
        <v>1</v>
      </c>
      <c r="H9318" s="8">
        <v>1</v>
      </c>
      <c r="I9318" s="8">
        <v>0</v>
      </c>
      <c r="J9318" s="8">
        <v>1</v>
      </c>
      <c r="K9318" s="9">
        <v>52</v>
      </c>
      <c r="L9318" s="6" t="s">
        <v>51</v>
      </c>
    </row>
    <row r="9319" spans="1:12">
      <c r="A9319" s="6" t="s">
        <v>49</v>
      </c>
      <c r="B9319" s="6"/>
      <c r="C9319" s="6" t="s">
        <v>9343</v>
      </c>
      <c r="D9319" s="6"/>
      <c r="E9319" s="6" t="s">
        <v>9</v>
      </c>
      <c r="F9319" s="7">
        <v>38657</v>
      </c>
      <c r="G9319" s="8">
        <v>1</v>
      </c>
      <c r="H9319" s="8">
        <v>1</v>
      </c>
      <c r="I9319" s="8">
        <v>0</v>
      </c>
      <c r="J9319" s="8">
        <v>1</v>
      </c>
      <c r="K9319" s="9">
        <v>144</v>
      </c>
      <c r="L9319" s="6" t="s">
        <v>51</v>
      </c>
    </row>
    <row r="9320" spans="1:12">
      <c r="A9320" s="6" t="s">
        <v>49</v>
      </c>
      <c r="B9320" s="6"/>
      <c r="C9320" s="6" t="s">
        <v>9344</v>
      </c>
      <c r="D9320" s="6"/>
      <c r="E9320" s="6" t="s">
        <v>9</v>
      </c>
      <c r="F9320" s="7">
        <v>38657</v>
      </c>
      <c r="G9320" s="8">
        <v>1</v>
      </c>
      <c r="H9320" s="8">
        <v>1</v>
      </c>
      <c r="I9320" s="8">
        <v>0</v>
      </c>
      <c r="J9320" s="8">
        <v>1</v>
      </c>
      <c r="K9320" s="9">
        <v>220.03</v>
      </c>
      <c r="L9320" s="6" t="s">
        <v>51</v>
      </c>
    </row>
    <row r="9321" spans="1:12">
      <c r="A9321" s="6" t="s">
        <v>49</v>
      </c>
      <c r="B9321" s="6"/>
      <c r="C9321" s="6" t="s">
        <v>9345</v>
      </c>
      <c r="D9321" s="6"/>
      <c r="E9321" s="6" t="s">
        <v>9</v>
      </c>
      <c r="F9321" s="7">
        <v>38657</v>
      </c>
      <c r="G9321" s="8">
        <v>1</v>
      </c>
      <c r="H9321" s="8">
        <v>1</v>
      </c>
      <c r="I9321" s="8">
        <v>0</v>
      </c>
      <c r="J9321" s="8">
        <v>1</v>
      </c>
      <c r="K9321" s="9">
        <v>15</v>
      </c>
      <c r="L9321" s="6" t="s">
        <v>51</v>
      </c>
    </row>
    <row r="9322" spans="1:12">
      <c r="A9322" s="6" t="s">
        <v>49</v>
      </c>
      <c r="B9322" s="6"/>
      <c r="C9322" s="6" t="s">
        <v>9346</v>
      </c>
      <c r="D9322" s="6"/>
      <c r="E9322" s="6" t="s">
        <v>9</v>
      </c>
      <c r="F9322" s="7">
        <v>38657</v>
      </c>
      <c r="G9322" s="8">
        <v>1</v>
      </c>
      <c r="H9322" s="8">
        <v>1</v>
      </c>
      <c r="I9322" s="8">
        <v>0</v>
      </c>
      <c r="J9322" s="8">
        <v>1</v>
      </c>
      <c r="K9322" s="9">
        <v>229</v>
      </c>
      <c r="L9322" s="6" t="s">
        <v>51</v>
      </c>
    </row>
    <row r="9323" spans="1:12">
      <c r="A9323" s="6" t="s">
        <v>49</v>
      </c>
      <c r="B9323" s="6"/>
      <c r="C9323" s="6" t="s">
        <v>9347</v>
      </c>
      <c r="D9323" s="6"/>
      <c r="E9323" s="6" t="s">
        <v>9</v>
      </c>
      <c r="F9323" s="7">
        <v>38657</v>
      </c>
      <c r="G9323" s="8">
        <v>1</v>
      </c>
      <c r="H9323" s="8">
        <v>1</v>
      </c>
      <c r="I9323" s="8">
        <v>0</v>
      </c>
      <c r="J9323" s="8">
        <v>1</v>
      </c>
      <c r="K9323" s="9">
        <v>381</v>
      </c>
      <c r="L9323" s="6" t="s">
        <v>51</v>
      </c>
    </row>
    <row r="9324" spans="1:12">
      <c r="A9324" s="6" t="s">
        <v>49</v>
      </c>
      <c r="B9324" s="6"/>
      <c r="C9324" s="6" t="s">
        <v>9348</v>
      </c>
      <c r="D9324" s="6"/>
      <c r="E9324" s="6" t="s">
        <v>9</v>
      </c>
      <c r="F9324" s="7">
        <v>38657</v>
      </c>
      <c r="G9324" s="8">
        <v>1</v>
      </c>
      <c r="H9324" s="8">
        <v>1</v>
      </c>
      <c r="I9324" s="8">
        <v>0</v>
      </c>
      <c r="J9324" s="8">
        <v>1</v>
      </c>
      <c r="K9324" s="9">
        <v>307</v>
      </c>
      <c r="L9324" s="6" t="s">
        <v>51</v>
      </c>
    </row>
    <row r="9325" spans="1:12">
      <c r="A9325" s="6" t="s">
        <v>49</v>
      </c>
      <c r="B9325" s="6"/>
      <c r="C9325" s="6" t="s">
        <v>9349</v>
      </c>
      <c r="D9325" s="6"/>
      <c r="E9325" s="6" t="s">
        <v>9</v>
      </c>
      <c r="F9325" s="7">
        <v>38657</v>
      </c>
      <c r="G9325" s="8">
        <v>1</v>
      </c>
      <c r="H9325" s="8">
        <v>1</v>
      </c>
      <c r="I9325" s="8">
        <v>0</v>
      </c>
      <c r="J9325" s="8">
        <v>1</v>
      </c>
      <c r="K9325" s="9">
        <v>368</v>
      </c>
      <c r="L9325" s="6" t="s">
        <v>51</v>
      </c>
    </row>
    <row r="9326" spans="1:12">
      <c r="A9326" s="6" t="s">
        <v>49</v>
      </c>
      <c r="B9326" s="6"/>
      <c r="C9326" s="6" t="s">
        <v>9350</v>
      </c>
      <c r="D9326" s="6"/>
      <c r="E9326" s="6" t="s">
        <v>9</v>
      </c>
      <c r="F9326" s="7">
        <v>38657</v>
      </c>
      <c r="G9326" s="8">
        <v>1</v>
      </c>
      <c r="H9326" s="8">
        <v>1</v>
      </c>
      <c r="I9326" s="8">
        <v>0</v>
      </c>
      <c r="J9326" s="8">
        <v>1</v>
      </c>
      <c r="K9326" s="9">
        <v>372</v>
      </c>
      <c r="L9326" s="6" t="s">
        <v>51</v>
      </c>
    </row>
    <row r="9327" spans="1:12">
      <c r="A9327" s="6" t="s">
        <v>49</v>
      </c>
      <c r="B9327" s="6"/>
      <c r="C9327" s="6" t="s">
        <v>9351</v>
      </c>
      <c r="D9327" s="6"/>
      <c r="E9327" s="6" t="s">
        <v>9</v>
      </c>
      <c r="F9327" s="7">
        <v>38657</v>
      </c>
      <c r="G9327" s="8">
        <v>1</v>
      </c>
      <c r="H9327" s="8">
        <v>1</v>
      </c>
      <c r="I9327" s="8">
        <v>0</v>
      </c>
      <c r="J9327" s="8">
        <v>1</v>
      </c>
      <c r="K9327" s="9">
        <v>291</v>
      </c>
      <c r="L9327" s="6" t="s">
        <v>51</v>
      </c>
    </row>
    <row r="9328" spans="1:12">
      <c r="A9328" s="6" t="s">
        <v>49</v>
      </c>
      <c r="B9328" s="6"/>
      <c r="C9328" s="6" t="s">
        <v>9352</v>
      </c>
      <c r="D9328" s="6"/>
      <c r="E9328" s="6" t="s">
        <v>9</v>
      </c>
      <c r="F9328" s="7">
        <v>38657</v>
      </c>
      <c r="G9328" s="8">
        <v>1</v>
      </c>
      <c r="H9328" s="8">
        <v>1</v>
      </c>
      <c r="I9328" s="8">
        <v>0</v>
      </c>
      <c r="J9328" s="8">
        <v>1</v>
      </c>
      <c r="K9328" s="9">
        <v>194</v>
      </c>
      <c r="L9328" s="6" t="s">
        <v>51</v>
      </c>
    </row>
    <row r="9329" spans="1:12">
      <c r="A9329" s="6" t="s">
        <v>49</v>
      </c>
      <c r="B9329" s="6"/>
      <c r="C9329" s="6" t="s">
        <v>9353</v>
      </c>
      <c r="D9329" s="6"/>
      <c r="E9329" s="6" t="s">
        <v>9</v>
      </c>
      <c r="F9329" s="7">
        <v>38657</v>
      </c>
      <c r="G9329" s="8">
        <v>1</v>
      </c>
      <c r="H9329" s="8">
        <v>1</v>
      </c>
      <c r="I9329" s="8">
        <v>0</v>
      </c>
      <c r="J9329" s="8">
        <v>1</v>
      </c>
      <c r="K9329" s="9">
        <v>44</v>
      </c>
      <c r="L9329" s="6" t="s">
        <v>51</v>
      </c>
    </row>
    <row r="9330" spans="1:12">
      <c r="A9330" s="6" t="s">
        <v>49</v>
      </c>
      <c r="B9330" s="6"/>
      <c r="C9330" s="6" t="s">
        <v>9354</v>
      </c>
      <c r="D9330" s="6"/>
      <c r="E9330" s="6" t="s">
        <v>9</v>
      </c>
      <c r="F9330" s="7">
        <v>38657</v>
      </c>
      <c r="G9330" s="8">
        <v>1</v>
      </c>
      <c r="H9330" s="8">
        <v>1</v>
      </c>
      <c r="I9330" s="8">
        <v>0</v>
      </c>
      <c r="J9330" s="8">
        <v>1</v>
      </c>
      <c r="K9330" s="9">
        <v>738</v>
      </c>
      <c r="L9330" s="6" t="s">
        <v>51</v>
      </c>
    </row>
    <row r="9331" spans="1:12">
      <c r="A9331" s="6" t="s">
        <v>49</v>
      </c>
      <c r="B9331" s="6"/>
      <c r="C9331" s="6" t="s">
        <v>9355</v>
      </c>
      <c r="D9331" s="6"/>
      <c r="E9331" s="6" t="s">
        <v>9</v>
      </c>
      <c r="F9331" s="7">
        <v>38657</v>
      </c>
      <c r="G9331" s="8">
        <v>1</v>
      </c>
      <c r="H9331" s="8">
        <v>1</v>
      </c>
      <c r="I9331" s="8">
        <v>0</v>
      </c>
      <c r="J9331" s="8">
        <v>1</v>
      </c>
      <c r="K9331" s="9">
        <v>350</v>
      </c>
      <c r="L9331" s="6" t="s">
        <v>51</v>
      </c>
    </row>
    <row r="9332" spans="1:12">
      <c r="A9332" s="6" t="s">
        <v>49</v>
      </c>
      <c r="B9332" s="6"/>
      <c r="C9332" s="6" t="s">
        <v>9356</v>
      </c>
      <c r="D9332" s="6"/>
      <c r="E9332" s="6" t="s">
        <v>9</v>
      </c>
      <c r="F9332" s="7">
        <v>38657</v>
      </c>
      <c r="G9332" s="8">
        <v>1</v>
      </c>
      <c r="H9332" s="8">
        <v>1</v>
      </c>
      <c r="I9332" s="8">
        <v>0</v>
      </c>
      <c r="J9332" s="8">
        <v>1</v>
      </c>
      <c r="K9332" s="9">
        <v>7.08</v>
      </c>
      <c r="L9332" s="6" t="s">
        <v>51</v>
      </c>
    </row>
    <row r="9333" spans="1:12">
      <c r="A9333" s="6" t="s">
        <v>49</v>
      </c>
      <c r="B9333" s="6"/>
      <c r="C9333" s="6" t="s">
        <v>9357</v>
      </c>
      <c r="D9333" s="6"/>
      <c r="E9333" s="6" t="s">
        <v>9</v>
      </c>
      <c r="F9333" s="7">
        <v>38657</v>
      </c>
      <c r="G9333" s="8">
        <v>1</v>
      </c>
      <c r="H9333" s="8">
        <v>1</v>
      </c>
      <c r="I9333" s="8">
        <v>0</v>
      </c>
      <c r="J9333" s="8">
        <v>1</v>
      </c>
      <c r="K9333" s="9">
        <v>24</v>
      </c>
      <c r="L9333" s="6" t="s">
        <v>51</v>
      </c>
    </row>
    <row r="9334" spans="1:12">
      <c r="A9334" s="6" t="s">
        <v>49</v>
      </c>
      <c r="B9334" s="6"/>
      <c r="C9334" s="6" t="s">
        <v>9358</v>
      </c>
      <c r="D9334" s="6"/>
      <c r="E9334" s="6" t="s">
        <v>9</v>
      </c>
      <c r="F9334" s="7">
        <v>38657</v>
      </c>
      <c r="G9334" s="8">
        <v>1</v>
      </c>
      <c r="H9334" s="8">
        <v>1</v>
      </c>
      <c r="I9334" s="8">
        <v>0</v>
      </c>
      <c r="J9334" s="8">
        <v>1</v>
      </c>
      <c r="K9334" s="9">
        <v>71</v>
      </c>
      <c r="L9334" s="6" t="s">
        <v>51</v>
      </c>
    </row>
    <row r="9335" spans="1:12">
      <c r="A9335" s="6" t="s">
        <v>49</v>
      </c>
      <c r="B9335" s="6"/>
      <c r="C9335" s="6" t="s">
        <v>9359</v>
      </c>
      <c r="D9335" s="6"/>
      <c r="E9335" s="6" t="s">
        <v>9</v>
      </c>
      <c r="F9335" s="7">
        <v>38657</v>
      </c>
      <c r="G9335" s="8">
        <v>1</v>
      </c>
      <c r="H9335" s="8">
        <v>1</v>
      </c>
      <c r="I9335" s="8">
        <v>0</v>
      </c>
      <c r="J9335" s="8">
        <v>1</v>
      </c>
      <c r="K9335" s="9">
        <v>12</v>
      </c>
      <c r="L9335" s="6" t="s">
        <v>51</v>
      </c>
    </row>
    <row r="9336" spans="1:12">
      <c r="A9336" s="6" t="s">
        <v>49</v>
      </c>
      <c r="B9336" s="6"/>
      <c r="C9336" s="6" t="s">
        <v>9360</v>
      </c>
      <c r="D9336" s="6"/>
      <c r="E9336" s="6" t="s">
        <v>9</v>
      </c>
      <c r="F9336" s="7">
        <v>38657</v>
      </c>
      <c r="G9336" s="8">
        <v>1</v>
      </c>
      <c r="H9336" s="8">
        <v>1</v>
      </c>
      <c r="I9336" s="8">
        <v>0</v>
      </c>
      <c r="J9336" s="8">
        <v>1</v>
      </c>
      <c r="K9336" s="9">
        <v>15</v>
      </c>
      <c r="L9336" s="6" t="s">
        <v>51</v>
      </c>
    </row>
    <row r="9337" spans="1:12">
      <c r="A9337" s="6" t="s">
        <v>49</v>
      </c>
      <c r="B9337" s="6"/>
      <c r="C9337" s="6" t="s">
        <v>9361</v>
      </c>
      <c r="D9337" s="6"/>
      <c r="E9337" s="6" t="s">
        <v>9</v>
      </c>
      <c r="F9337" s="7">
        <v>38657</v>
      </c>
      <c r="G9337" s="8">
        <v>1</v>
      </c>
      <c r="H9337" s="8">
        <v>1</v>
      </c>
      <c r="I9337" s="8">
        <v>0</v>
      </c>
      <c r="J9337" s="8">
        <v>1</v>
      </c>
      <c r="K9337" s="9">
        <v>2.64</v>
      </c>
      <c r="L9337" s="6" t="s">
        <v>51</v>
      </c>
    </row>
    <row r="9338" spans="1:12">
      <c r="A9338" s="6" t="s">
        <v>49</v>
      </c>
      <c r="B9338" s="6"/>
      <c r="C9338" s="6" t="s">
        <v>9362</v>
      </c>
      <c r="D9338" s="6"/>
      <c r="E9338" s="6" t="s">
        <v>9</v>
      </c>
      <c r="F9338" s="7">
        <v>38657</v>
      </c>
      <c r="G9338" s="8">
        <v>1</v>
      </c>
      <c r="H9338" s="8">
        <v>1</v>
      </c>
      <c r="I9338" s="8">
        <v>0</v>
      </c>
      <c r="J9338" s="8">
        <v>1</v>
      </c>
      <c r="K9338" s="9">
        <v>99</v>
      </c>
      <c r="L9338" s="6" t="s">
        <v>51</v>
      </c>
    </row>
    <row r="9339" spans="1:12">
      <c r="A9339" s="6" t="s">
        <v>49</v>
      </c>
      <c r="B9339" s="6"/>
      <c r="C9339" s="6" t="s">
        <v>9363</v>
      </c>
      <c r="D9339" s="6"/>
      <c r="E9339" s="6" t="s">
        <v>9</v>
      </c>
      <c r="F9339" s="7">
        <v>38657</v>
      </c>
      <c r="G9339" s="8">
        <v>1</v>
      </c>
      <c r="H9339" s="8">
        <v>1</v>
      </c>
      <c r="I9339" s="8">
        <v>0</v>
      </c>
      <c r="J9339" s="8">
        <v>1</v>
      </c>
      <c r="K9339" s="9">
        <v>9.2899999999999903</v>
      </c>
      <c r="L9339" s="6" t="s">
        <v>51</v>
      </c>
    </row>
    <row r="9340" spans="1:12">
      <c r="A9340" s="6" t="s">
        <v>49</v>
      </c>
      <c r="B9340" s="6"/>
      <c r="C9340" s="6" t="s">
        <v>9364</v>
      </c>
      <c r="D9340" s="6"/>
      <c r="E9340" s="6" t="s">
        <v>9</v>
      </c>
      <c r="F9340" s="7">
        <v>41855</v>
      </c>
      <c r="G9340" s="8">
        <v>1</v>
      </c>
      <c r="H9340" s="8">
        <v>1</v>
      </c>
      <c r="I9340" s="8">
        <v>0</v>
      </c>
      <c r="J9340" s="8">
        <v>1</v>
      </c>
      <c r="K9340" s="9">
        <v>2.25</v>
      </c>
      <c r="L9340" s="6" t="s">
        <v>51</v>
      </c>
    </row>
    <row r="9341" spans="1:12">
      <c r="A9341" s="6" t="s">
        <v>49</v>
      </c>
      <c r="B9341" s="6"/>
      <c r="C9341" s="6" t="s">
        <v>9365</v>
      </c>
      <c r="D9341" s="6"/>
      <c r="E9341" s="6" t="s">
        <v>9</v>
      </c>
      <c r="F9341" s="7">
        <v>38657</v>
      </c>
      <c r="G9341" s="8">
        <v>1</v>
      </c>
      <c r="H9341" s="8">
        <v>1</v>
      </c>
      <c r="I9341" s="8">
        <v>0</v>
      </c>
      <c r="J9341" s="8">
        <v>1</v>
      </c>
      <c r="K9341" s="9">
        <v>2</v>
      </c>
      <c r="L9341" s="6" t="s">
        <v>51</v>
      </c>
    </row>
    <row r="9342" spans="1:12">
      <c r="A9342" s="6" t="s">
        <v>49</v>
      </c>
      <c r="B9342" s="6"/>
      <c r="C9342" s="6" t="s">
        <v>9366</v>
      </c>
      <c r="D9342" s="6"/>
      <c r="E9342" s="6" t="s">
        <v>9</v>
      </c>
      <c r="F9342" s="7">
        <v>38657</v>
      </c>
      <c r="G9342" s="8">
        <v>1</v>
      </c>
      <c r="H9342" s="8">
        <v>1</v>
      </c>
      <c r="I9342" s="8">
        <v>0</v>
      </c>
      <c r="J9342" s="8">
        <v>1</v>
      </c>
      <c r="K9342" s="9">
        <v>300</v>
      </c>
      <c r="L9342" s="6" t="s">
        <v>51</v>
      </c>
    </row>
    <row r="9343" spans="1:12">
      <c r="A9343" s="6" t="s">
        <v>49</v>
      </c>
      <c r="B9343" s="6"/>
      <c r="C9343" s="6" t="s">
        <v>9367</v>
      </c>
      <c r="D9343" s="6"/>
      <c r="E9343" s="6" t="s">
        <v>9</v>
      </c>
      <c r="F9343" s="7">
        <v>40673</v>
      </c>
      <c r="G9343" s="8">
        <v>1</v>
      </c>
      <c r="H9343" s="8">
        <v>1</v>
      </c>
      <c r="I9343" s="8">
        <v>0</v>
      </c>
      <c r="J9343" s="8">
        <v>1</v>
      </c>
      <c r="K9343" s="9">
        <v>246</v>
      </c>
      <c r="L9343" s="6" t="s">
        <v>51</v>
      </c>
    </row>
    <row r="9344" spans="1:12">
      <c r="A9344" s="6" t="s">
        <v>49</v>
      </c>
      <c r="B9344" s="6"/>
      <c r="C9344" s="6" t="s">
        <v>9368</v>
      </c>
      <c r="D9344" s="6"/>
      <c r="E9344" s="6" t="s">
        <v>9</v>
      </c>
      <c r="F9344" s="7">
        <v>38657</v>
      </c>
      <c r="G9344" s="8">
        <v>1</v>
      </c>
      <c r="H9344" s="8">
        <v>1</v>
      </c>
      <c r="I9344" s="8">
        <v>0</v>
      </c>
      <c r="J9344" s="8">
        <v>1</v>
      </c>
      <c r="K9344" s="9">
        <v>80</v>
      </c>
      <c r="L9344" s="6" t="s">
        <v>51</v>
      </c>
    </row>
    <row r="9345" spans="1:12">
      <c r="A9345" s="6" t="s">
        <v>49</v>
      </c>
      <c r="B9345" s="6"/>
      <c r="C9345" s="6" t="s">
        <v>9369</v>
      </c>
      <c r="D9345" s="6"/>
      <c r="E9345" s="6" t="s">
        <v>9</v>
      </c>
      <c r="F9345" s="7">
        <v>38657</v>
      </c>
      <c r="G9345" s="8">
        <v>1</v>
      </c>
      <c r="H9345" s="8">
        <v>1</v>
      </c>
      <c r="I9345" s="8">
        <v>0</v>
      </c>
      <c r="J9345" s="8">
        <v>1</v>
      </c>
      <c r="K9345" s="9">
        <v>49</v>
      </c>
      <c r="L9345" s="6" t="s">
        <v>51</v>
      </c>
    </row>
    <row r="9346" spans="1:12">
      <c r="A9346" s="6" t="s">
        <v>49</v>
      </c>
      <c r="B9346" s="6"/>
      <c r="C9346" s="6" t="s">
        <v>9370</v>
      </c>
      <c r="D9346" s="6"/>
      <c r="E9346" s="6" t="s">
        <v>9</v>
      </c>
      <c r="F9346" s="7">
        <v>38657</v>
      </c>
      <c r="G9346" s="8">
        <v>1</v>
      </c>
      <c r="H9346" s="8">
        <v>1</v>
      </c>
      <c r="I9346" s="8">
        <v>0</v>
      </c>
      <c r="J9346" s="8">
        <v>1</v>
      </c>
      <c r="K9346" s="9">
        <v>289</v>
      </c>
      <c r="L9346" s="6" t="s">
        <v>51</v>
      </c>
    </row>
    <row r="9347" spans="1:12">
      <c r="A9347" s="6" t="s">
        <v>49</v>
      </c>
      <c r="B9347" s="6"/>
      <c r="C9347" s="6" t="s">
        <v>9371</v>
      </c>
      <c r="D9347" s="6"/>
      <c r="E9347" s="6" t="s">
        <v>9</v>
      </c>
      <c r="F9347" s="7">
        <v>38657</v>
      </c>
      <c r="G9347" s="8">
        <v>1</v>
      </c>
      <c r="H9347" s="8">
        <v>1</v>
      </c>
      <c r="I9347" s="8">
        <v>0</v>
      </c>
      <c r="J9347" s="8">
        <v>1</v>
      </c>
      <c r="K9347" s="9">
        <v>49</v>
      </c>
      <c r="L9347" s="6" t="s">
        <v>51</v>
      </c>
    </row>
    <row r="9348" spans="1:12">
      <c r="A9348" s="6" t="s">
        <v>49</v>
      </c>
      <c r="B9348" s="6"/>
      <c r="C9348" s="6" t="s">
        <v>9372</v>
      </c>
      <c r="D9348" s="6"/>
      <c r="E9348" s="6" t="s">
        <v>9</v>
      </c>
      <c r="F9348" s="7">
        <v>38657</v>
      </c>
      <c r="G9348" s="8">
        <v>1</v>
      </c>
      <c r="H9348" s="8">
        <v>1</v>
      </c>
      <c r="I9348" s="8">
        <v>0</v>
      </c>
      <c r="J9348" s="8">
        <v>1</v>
      </c>
      <c r="K9348" s="9">
        <v>34</v>
      </c>
      <c r="L9348" s="6" t="s">
        <v>51</v>
      </c>
    </row>
    <row r="9349" spans="1:12">
      <c r="A9349" s="6" t="s">
        <v>49</v>
      </c>
      <c r="B9349" s="6"/>
      <c r="C9349" s="6" t="s">
        <v>9373</v>
      </c>
      <c r="D9349" s="6"/>
      <c r="E9349" s="6" t="s">
        <v>9</v>
      </c>
      <c r="F9349" s="7">
        <v>38657</v>
      </c>
      <c r="G9349" s="8">
        <v>1</v>
      </c>
      <c r="H9349" s="8">
        <v>1</v>
      </c>
      <c r="I9349" s="8">
        <v>0</v>
      </c>
      <c r="J9349" s="8">
        <v>1</v>
      </c>
      <c r="K9349" s="9">
        <v>49</v>
      </c>
      <c r="L9349" s="6" t="s">
        <v>51</v>
      </c>
    </row>
    <row r="9350" spans="1:12">
      <c r="A9350" s="6" t="s">
        <v>49</v>
      </c>
      <c r="B9350" s="6"/>
      <c r="C9350" s="6" t="s">
        <v>9374</v>
      </c>
      <c r="D9350" s="6"/>
      <c r="E9350" s="6" t="s">
        <v>9</v>
      </c>
      <c r="F9350" s="7">
        <v>38657</v>
      </c>
      <c r="G9350" s="8">
        <v>1</v>
      </c>
      <c r="H9350" s="8">
        <v>1</v>
      </c>
      <c r="I9350" s="8">
        <v>0</v>
      </c>
      <c r="J9350" s="8">
        <v>1</v>
      </c>
      <c r="K9350" s="9">
        <v>12</v>
      </c>
      <c r="L9350" s="6" t="s">
        <v>51</v>
      </c>
    </row>
    <row r="9351" spans="1:12">
      <c r="A9351" s="6" t="s">
        <v>49</v>
      </c>
      <c r="B9351" s="6"/>
      <c r="C9351" s="6" t="s">
        <v>9375</v>
      </c>
      <c r="D9351" s="6"/>
      <c r="E9351" s="6" t="s">
        <v>9</v>
      </c>
      <c r="F9351" s="7">
        <v>38657</v>
      </c>
      <c r="G9351" s="8">
        <v>1</v>
      </c>
      <c r="H9351" s="8">
        <v>1</v>
      </c>
      <c r="I9351" s="8">
        <v>0</v>
      </c>
      <c r="J9351" s="8">
        <v>1</v>
      </c>
      <c r="K9351" s="9">
        <v>41</v>
      </c>
      <c r="L9351" s="6" t="s">
        <v>51</v>
      </c>
    </row>
    <row r="9352" spans="1:12">
      <c r="A9352" s="6" t="s">
        <v>49</v>
      </c>
      <c r="B9352" s="6"/>
      <c r="C9352" s="6" t="s">
        <v>9376</v>
      </c>
      <c r="D9352" s="6"/>
      <c r="E9352" s="6" t="s">
        <v>9</v>
      </c>
      <c r="F9352" s="7">
        <v>38657</v>
      </c>
      <c r="G9352" s="8">
        <v>1</v>
      </c>
      <c r="H9352" s="8">
        <v>1</v>
      </c>
      <c r="I9352" s="8">
        <v>0</v>
      </c>
      <c r="J9352" s="8">
        <v>1</v>
      </c>
      <c r="K9352" s="9">
        <v>995</v>
      </c>
      <c r="L9352" s="6" t="s">
        <v>51</v>
      </c>
    </row>
    <row r="9353" spans="1:12">
      <c r="A9353" s="6" t="s">
        <v>49</v>
      </c>
      <c r="B9353" s="6"/>
      <c r="C9353" s="6" t="s">
        <v>9377</v>
      </c>
      <c r="D9353" s="6"/>
      <c r="E9353" s="6" t="s">
        <v>9</v>
      </c>
      <c r="F9353" s="7">
        <v>38657</v>
      </c>
      <c r="G9353" s="8">
        <v>1</v>
      </c>
      <c r="H9353" s="8">
        <v>1</v>
      </c>
      <c r="I9353" s="8">
        <v>0</v>
      </c>
      <c r="J9353" s="8">
        <v>1</v>
      </c>
      <c r="K9353" s="9">
        <v>56.93</v>
      </c>
      <c r="L9353" s="6" t="s">
        <v>51</v>
      </c>
    </row>
    <row r="9354" spans="1:12">
      <c r="A9354" s="6" t="s">
        <v>49</v>
      </c>
      <c r="B9354" s="6"/>
      <c r="C9354" s="6" t="s">
        <v>9378</v>
      </c>
      <c r="D9354" s="6"/>
      <c r="E9354" s="6" t="s">
        <v>9</v>
      </c>
      <c r="F9354" s="7">
        <v>38657</v>
      </c>
      <c r="G9354" s="8">
        <v>1</v>
      </c>
      <c r="H9354" s="8">
        <v>1</v>
      </c>
      <c r="I9354" s="8">
        <v>0</v>
      </c>
      <c r="J9354" s="8">
        <v>1</v>
      </c>
      <c r="K9354" s="9">
        <v>43</v>
      </c>
      <c r="L9354" s="6" t="s">
        <v>51</v>
      </c>
    </row>
    <row r="9355" spans="1:12">
      <c r="A9355" s="6" t="s">
        <v>49</v>
      </c>
      <c r="B9355" s="6"/>
      <c r="C9355" s="6" t="s">
        <v>9379</v>
      </c>
      <c r="D9355" s="6"/>
      <c r="E9355" s="6" t="s">
        <v>9</v>
      </c>
      <c r="F9355" s="7">
        <v>38657</v>
      </c>
      <c r="G9355" s="8">
        <v>1</v>
      </c>
      <c r="H9355" s="8">
        <v>1</v>
      </c>
      <c r="I9355" s="8">
        <v>0</v>
      </c>
      <c r="J9355" s="8">
        <v>1</v>
      </c>
      <c r="K9355" s="9">
        <v>40</v>
      </c>
      <c r="L9355" s="6" t="s">
        <v>51</v>
      </c>
    </row>
    <row r="9356" spans="1:12">
      <c r="A9356" s="6" t="s">
        <v>49</v>
      </c>
      <c r="B9356" s="6"/>
      <c r="C9356" s="6" t="s">
        <v>9380</v>
      </c>
      <c r="D9356" s="6"/>
      <c r="E9356" s="6" t="s">
        <v>9</v>
      </c>
      <c r="F9356" s="7">
        <v>38657</v>
      </c>
      <c r="G9356" s="8">
        <v>1</v>
      </c>
      <c r="H9356" s="8">
        <v>1</v>
      </c>
      <c r="I9356" s="8">
        <v>0</v>
      </c>
      <c r="J9356" s="8">
        <v>1</v>
      </c>
      <c r="K9356" s="9">
        <v>73</v>
      </c>
      <c r="L9356" s="6" t="s">
        <v>51</v>
      </c>
    </row>
    <row r="9357" spans="1:12">
      <c r="A9357" s="6" t="s">
        <v>49</v>
      </c>
      <c r="B9357" s="6"/>
      <c r="C9357" s="6" t="s">
        <v>9381</v>
      </c>
      <c r="D9357" s="6"/>
      <c r="E9357" s="6" t="s">
        <v>9</v>
      </c>
      <c r="F9357" s="7">
        <v>38657</v>
      </c>
      <c r="G9357" s="8">
        <v>1</v>
      </c>
      <c r="H9357" s="8">
        <v>1</v>
      </c>
      <c r="I9357" s="8">
        <v>0</v>
      </c>
      <c r="J9357" s="8">
        <v>1</v>
      </c>
      <c r="K9357" s="9">
        <v>2.2400000000000002</v>
      </c>
      <c r="L9357" s="6" t="s">
        <v>51</v>
      </c>
    </row>
    <row r="9358" spans="1:12">
      <c r="A9358" s="6" t="s">
        <v>49</v>
      </c>
      <c r="B9358" s="6"/>
      <c r="C9358" s="6" t="s">
        <v>9382</v>
      </c>
      <c r="D9358" s="6"/>
      <c r="E9358" s="6" t="s">
        <v>9</v>
      </c>
      <c r="F9358" s="7">
        <v>39919</v>
      </c>
      <c r="G9358" s="8">
        <v>1</v>
      </c>
      <c r="H9358" s="8">
        <v>1</v>
      </c>
      <c r="I9358" s="8">
        <v>0</v>
      </c>
      <c r="J9358" s="8">
        <v>1</v>
      </c>
      <c r="K9358" s="9">
        <v>352</v>
      </c>
      <c r="L9358" s="6" t="s">
        <v>51</v>
      </c>
    </row>
    <row r="9359" spans="1:12">
      <c r="A9359" s="6" t="s">
        <v>49</v>
      </c>
      <c r="B9359" s="6"/>
      <c r="C9359" s="6" t="s">
        <v>9383</v>
      </c>
      <c r="D9359" s="6"/>
      <c r="E9359" s="6" t="s">
        <v>9</v>
      </c>
      <c r="F9359" s="7">
        <v>38657</v>
      </c>
      <c r="G9359" s="8">
        <v>1</v>
      </c>
      <c r="H9359" s="8">
        <v>1</v>
      </c>
      <c r="I9359" s="8">
        <v>0</v>
      </c>
      <c r="J9359" s="8">
        <v>1</v>
      </c>
      <c r="K9359" s="9">
        <v>4.45</v>
      </c>
      <c r="L9359" s="6" t="s">
        <v>51</v>
      </c>
    </row>
    <row r="9360" spans="1:12">
      <c r="A9360" s="6" t="s">
        <v>49</v>
      </c>
      <c r="B9360" s="6"/>
      <c r="C9360" s="6" t="s">
        <v>9384</v>
      </c>
      <c r="D9360" s="6"/>
      <c r="E9360" s="6" t="s">
        <v>9</v>
      </c>
      <c r="F9360" s="7">
        <v>38657</v>
      </c>
      <c r="G9360" s="8">
        <v>1</v>
      </c>
      <c r="H9360" s="8">
        <v>1</v>
      </c>
      <c r="I9360" s="8">
        <v>0</v>
      </c>
      <c r="J9360" s="8">
        <v>1</v>
      </c>
      <c r="K9360" s="9">
        <v>335</v>
      </c>
      <c r="L9360" s="6" t="s">
        <v>51</v>
      </c>
    </row>
    <row r="9361" spans="1:12">
      <c r="A9361" s="6" t="s">
        <v>49</v>
      </c>
      <c r="B9361" s="6"/>
      <c r="C9361" s="6" t="s">
        <v>9385</v>
      </c>
      <c r="D9361" s="6"/>
      <c r="E9361" s="6" t="s">
        <v>9</v>
      </c>
      <c r="F9361" s="7">
        <v>41555</v>
      </c>
      <c r="G9361" s="8">
        <v>1</v>
      </c>
      <c r="H9361" s="8">
        <v>1</v>
      </c>
      <c r="I9361" s="8">
        <v>0</v>
      </c>
      <c r="J9361" s="8">
        <v>1</v>
      </c>
      <c r="K9361" s="9">
        <v>84</v>
      </c>
      <c r="L9361" s="6" t="s">
        <v>51</v>
      </c>
    </row>
    <row r="9362" spans="1:12">
      <c r="A9362" s="6" t="s">
        <v>49</v>
      </c>
      <c r="B9362" s="6"/>
      <c r="C9362" s="6" t="s">
        <v>9386</v>
      </c>
      <c r="D9362" s="6"/>
      <c r="E9362" s="6" t="s">
        <v>9</v>
      </c>
      <c r="F9362" s="7">
        <v>38657</v>
      </c>
      <c r="G9362" s="8">
        <v>1</v>
      </c>
      <c r="H9362" s="8">
        <v>1</v>
      </c>
      <c r="I9362" s="8">
        <v>0</v>
      </c>
      <c r="J9362" s="8">
        <v>1</v>
      </c>
      <c r="K9362" s="9">
        <v>3.12</v>
      </c>
      <c r="L9362" s="6" t="s">
        <v>51</v>
      </c>
    </row>
    <row r="9363" spans="1:12">
      <c r="A9363" s="6" t="s">
        <v>49</v>
      </c>
      <c r="B9363" s="6"/>
      <c r="C9363" s="6" t="s">
        <v>9387</v>
      </c>
      <c r="D9363" s="6"/>
      <c r="E9363" s="6" t="s">
        <v>9</v>
      </c>
      <c r="F9363" s="7">
        <v>38657</v>
      </c>
      <c r="G9363" s="8">
        <v>1</v>
      </c>
      <c r="H9363" s="8">
        <v>1</v>
      </c>
      <c r="I9363" s="8">
        <v>0</v>
      </c>
      <c r="J9363" s="8">
        <v>1</v>
      </c>
      <c r="K9363" s="9">
        <v>27</v>
      </c>
      <c r="L9363" s="6" t="s">
        <v>51</v>
      </c>
    </row>
    <row r="9364" spans="1:12">
      <c r="A9364" s="6" t="s">
        <v>49</v>
      </c>
      <c r="B9364" s="6"/>
      <c r="C9364" s="6" t="s">
        <v>9388</v>
      </c>
      <c r="D9364" s="6"/>
      <c r="E9364" s="6" t="s">
        <v>9</v>
      </c>
      <c r="F9364" s="7">
        <v>38657</v>
      </c>
      <c r="G9364" s="8">
        <v>1</v>
      </c>
      <c r="H9364" s="8">
        <v>1</v>
      </c>
      <c r="I9364" s="8">
        <v>0</v>
      </c>
      <c r="J9364" s="8">
        <v>1</v>
      </c>
      <c r="K9364" s="9">
        <v>25.78</v>
      </c>
      <c r="L9364" s="6" t="s">
        <v>51</v>
      </c>
    </row>
    <row r="9365" spans="1:12">
      <c r="A9365" s="6" t="s">
        <v>49</v>
      </c>
      <c r="B9365" s="6"/>
      <c r="C9365" s="6" t="s">
        <v>9389</v>
      </c>
      <c r="D9365" s="6"/>
      <c r="E9365" s="6" t="s">
        <v>9</v>
      </c>
      <c r="F9365" s="7">
        <v>38657</v>
      </c>
      <c r="G9365" s="8">
        <v>1</v>
      </c>
      <c r="H9365" s="8">
        <v>1</v>
      </c>
      <c r="I9365" s="8">
        <v>0</v>
      </c>
      <c r="J9365" s="8">
        <v>1</v>
      </c>
      <c r="K9365" s="9">
        <v>29</v>
      </c>
      <c r="L9365" s="6" t="s">
        <v>51</v>
      </c>
    </row>
    <row r="9366" spans="1:12">
      <c r="A9366" s="6" t="s">
        <v>49</v>
      </c>
      <c r="B9366" s="6"/>
      <c r="C9366" s="6" t="s">
        <v>9390</v>
      </c>
      <c r="D9366" s="6"/>
      <c r="E9366" s="6" t="s">
        <v>9</v>
      </c>
      <c r="F9366" s="7">
        <v>38657</v>
      </c>
      <c r="G9366" s="8">
        <v>1</v>
      </c>
      <c r="H9366" s="8">
        <v>1</v>
      </c>
      <c r="I9366" s="8">
        <v>0</v>
      </c>
      <c r="J9366" s="8">
        <v>1</v>
      </c>
      <c r="K9366" s="9">
        <v>27</v>
      </c>
      <c r="L9366" s="6" t="s">
        <v>51</v>
      </c>
    </row>
    <row r="9367" spans="1:12">
      <c r="A9367" s="6" t="s">
        <v>49</v>
      </c>
      <c r="B9367" s="6"/>
      <c r="C9367" s="6" t="s">
        <v>9391</v>
      </c>
      <c r="D9367" s="6"/>
      <c r="E9367" s="6" t="s">
        <v>9</v>
      </c>
      <c r="F9367" s="7">
        <v>38657</v>
      </c>
      <c r="G9367" s="8">
        <v>1</v>
      </c>
      <c r="H9367" s="8">
        <v>1</v>
      </c>
      <c r="I9367" s="8">
        <v>0</v>
      </c>
      <c r="J9367" s="8">
        <v>1</v>
      </c>
      <c r="K9367" s="9">
        <v>4.78</v>
      </c>
      <c r="L9367" s="6" t="s">
        <v>51</v>
      </c>
    </row>
    <row r="9368" spans="1:12">
      <c r="A9368" s="6" t="s">
        <v>49</v>
      </c>
      <c r="B9368" s="6"/>
      <c r="C9368" s="6" t="s">
        <v>9392</v>
      </c>
      <c r="D9368" s="6"/>
      <c r="E9368" s="6" t="s">
        <v>9</v>
      </c>
      <c r="F9368" s="7">
        <v>38657</v>
      </c>
      <c r="G9368" s="8">
        <v>1</v>
      </c>
      <c r="H9368" s="8">
        <v>1</v>
      </c>
      <c r="I9368" s="8">
        <v>0</v>
      </c>
      <c r="J9368" s="8">
        <v>1</v>
      </c>
      <c r="K9368" s="9">
        <v>4.32</v>
      </c>
      <c r="L9368" s="6" t="s">
        <v>51</v>
      </c>
    </row>
    <row r="9369" spans="1:12">
      <c r="A9369" s="6" t="s">
        <v>49</v>
      </c>
      <c r="B9369" s="6"/>
      <c r="C9369" s="6" t="s">
        <v>9393</v>
      </c>
      <c r="D9369" s="6"/>
      <c r="E9369" s="6" t="s">
        <v>9</v>
      </c>
      <c r="F9369" s="7">
        <v>38657</v>
      </c>
      <c r="G9369" s="8">
        <v>1</v>
      </c>
      <c r="H9369" s="8">
        <v>1</v>
      </c>
      <c r="I9369" s="8">
        <v>0</v>
      </c>
      <c r="J9369" s="8">
        <v>1</v>
      </c>
      <c r="K9369" s="9">
        <v>1395</v>
      </c>
      <c r="L9369" s="6" t="s">
        <v>51</v>
      </c>
    </row>
    <row r="9370" spans="1:12">
      <c r="A9370" s="6" t="s">
        <v>49</v>
      </c>
      <c r="B9370" s="6"/>
      <c r="C9370" s="6" t="s">
        <v>9394</v>
      </c>
      <c r="D9370" s="6"/>
      <c r="E9370" s="6" t="s">
        <v>9</v>
      </c>
      <c r="F9370" s="7">
        <v>38657</v>
      </c>
      <c r="G9370" s="8">
        <v>1</v>
      </c>
      <c r="H9370" s="8">
        <v>1</v>
      </c>
      <c r="I9370" s="8">
        <v>0</v>
      </c>
      <c r="J9370" s="8">
        <v>1</v>
      </c>
      <c r="K9370" s="9">
        <v>3.84</v>
      </c>
      <c r="L9370" s="6" t="s">
        <v>51</v>
      </c>
    </row>
    <row r="9371" spans="1:12">
      <c r="A9371" s="6" t="s">
        <v>49</v>
      </c>
      <c r="B9371" s="6"/>
      <c r="C9371" s="6" t="s">
        <v>9395</v>
      </c>
      <c r="D9371" s="6"/>
      <c r="E9371" s="6" t="s">
        <v>9</v>
      </c>
      <c r="F9371" s="7">
        <v>38657</v>
      </c>
      <c r="G9371" s="8">
        <v>1</v>
      </c>
      <c r="H9371" s="8">
        <v>1</v>
      </c>
      <c r="I9371" s="8">
        <v>0</v>
      </c>
      <c r="J9371" s="8">
        <v>1</v>
      </c>
      <c r="K9371" s="9">
        <v>12</v>
      </c>
      <c r="L9371" s="6" t="s">
        <v>51</v>
      </c>
    </row>
    <row r="9372" spans="1:12">
      <c r="A9372" s="6" t="s">
        <v>49</v>
      </c>
      <c r="B9372" s="6"/>
      <c r="C9372" s="6" t="s">
        <v>9396</v>
      </c>
      <c r="D9372" s="6"/>
      <c r="E9372" s="6" t="s">
        <v>9</v>
      </c>
      <c r="F9372" s="7">
        <v>38657</v>
      </c>
      <c r="G9372" s="8">
        <v>1</v>
      </c>
      <c r="H9372" s="8">
        <v>1</v>
      </c>
      <c r="I9372" s="8">
        <v>0</v>
      </c>
      <c r="J9372" s="8">
        <v>1</v>
      </c>
      <c r="K9372" s="9">
        <v>14</v>
      </c>
      <c r="L9372" s="6" t="s">
        <v>51</v>
      </c>
    </row>
    <row r="9373" spans="1:12">
      <c r="A9373" s="6" t="s">
        <v>49</v>
      </c>
      <c r="B9373" s="6"/>
      <c r="C9373" s="6" t="s">
        <v>9397</v>
      </c>
      <c r="D9373" s="6"/>
      <c r="E9373" s="6" t="s">
        <v>9</v>
      </c>
      <c r="F9373" s="7">
        <v>38657</v>
      </c>
      <c r="G9373" s="8">
        <v>1</v>
      </c>
      <c r="H9373" s="8">
        <v>1</v>
      </c>
      <c r="I9373" s="8">
        <v>0</v>
      </c>
      <c r="J9373" s="8">
        <v>1</v>
      </c>
      <c r="K9373" s="9">
        <v>7.48</v>
      </c>
      <c r="L9373" s="6" t="s">
        <v>51</v>
      </c>
    </row>
    <row r="9374" spans="1:12">
      <c r="A9374" s="6" t="s">
        <v>49</v>
      </c>
      <c r="B9374" s="6"/>
      <c r="C9374" s="6" t="s">
        <v>9398</v>
      </c>
      <c r="D9374" s="6"/>
      <c r="E9374" s="6" t="s">
        <v>9</v>
      </c>
      <c r="F9374" s="7">
        <v>38657</v>
      </c>
      <c r="G9374" s="8">
        <v>1</v>
      </c>
      <c r="H9374" s="8">
        <v>1</v>
      </c>
      <c r="I9374" s="8">
        <v>0</v>
      </c>
      <c r="J9374" s="8">
        <v>1</v>
      </c>
      <c r="K9374" s="9">
        <v>0.17</v>
      </c>
      <c r="L9374" s="6" t="s">
        <v>51</v>
      </c>
    </row>
    <row r="9375" spans="1:12">
      <c r="A9375" s="6" t="s">
        <v>49</v>
      </c>
      <c r="B9375" s="6"/>
      <c r="C9375" s="6" t="s">
        <v>9399</v>
      </c>
      <c r="D9375" s="6"/>
      <c r="E9375" s="6" t="s">
        <v>9</v>
      </c>
      <c r="F9375" s="7">
        <v>38657</v>
      </c>
      <c r="G9375" s="8">
        <v>1</v>
      </c>
      <c r="H9375" s="8">
        <v>1</v>
      </c>
      <c r="I9375" s="8">
        <v>0</v>
      </c>
      <c r="J9375" s="8">
        <v>1</v>
      </c>
      <c r="K9375" s="9">
        <v>21.77</v>
      </c>
      <c r="L9375" s="6" t="s">
        <v>51</v>
      </c>
    </row>
    <row r="9376" spans="1:12">
      <c r="A9376" s="6" t="s">
        <v>49</v>
      </c>
      <c r="B9376" s="6"/>
      <c r="C9376" s="6" t="s">
        <v>9400</v>
      </c>
      <c r="D9376" s="6"/>
      <c r="E9376" s="6" t="s">
        <v>9</v>
      </c>
      <c r="F9376" s="7">
        <v>38657</v>
      </c>
      <c r="G9376" s="8">
        <v>1</v>
      </c>
      <c r="H9376" s="8">
        <v>1</v>
      </c>
      <c r="I9376" s="8">
        <v>0</v>
      </c>
      <c r="J9376" s="8">
        <v>1</v>
      </c>
      <c r="K9376" s="9">
        <v>2.0499999999999901</v>
      </c>
      <c r="L9376" s="6" t="s">
        <v>51</v>
      </c>
    </row>
    <row r="9377" spans="1:12">
      <c r="A9377" s="6" t="s">
        <v>49</v>
      </c>
      <c r="B9377" s="6"/>
      <c r="C9377" s="6" t="s">
        <v>9401</v>
      </c>
      <c r="D9377" s="6"/>
      <c r="E9377" s="6" t="s">
        <v>9</v>
      </c>
      <c r="F9377" s="7">
        <v>38657</v>
      </c>
      <c r="G9377" s="8">
        <v>1</v>
      </c>
      <c r="H9377" s="8">
        <v>1</v>
      </c>
      <c r="I9377" s="8">
        <v>0</v>
      </c>
      <c r="J9377" s="8">
        <v>1</v>
      </c>
      <c r="K9377" s="9">
        <v>126.93</v>
      </c>
      <c r="L9377" s="6" t="s">
        <v>51</v>
      </c>
    </row>
    <row r="9378" spans="1:12">
      <c r="A9378" s="6" t="s">
        <v>49</v>
      </c>
      <c r="B9378" s="6"/>
      <c r="C9378" s="6" t="s">
        <v>9402</v>
      </c>
      <c r="D9378" s="6"/>
      <c r="E9378" s="6" t="s">
        <v>9</v>
      </c>
      <c r="F9378" s="7">
        <v>38657</v>
      </c>
      <c r="G9378" s="8">
        <v>1</v>
      </c>
      <c r="H9378" s="8">
        <v>1</v>
      </c>
      <c r="I9378" s="8">
        <v>0</v>
      </c>
      <c r="J9378" s="8">
        <v>1</v>
      </c>
      <c r="K9378" s="9">
        <v>124.09</v>
      </c>
      <c r="L9378" s="6" t="s">
        <v>51</v>
      </c>
    </row>
    <row r="9379" spans="1:12">
      <c r="A9379" s="6" t="s">
        <v>49</v>
      </c>
      <c r="B9379" s="6"/>
      <c r="C9379" s="6" t="s">
        <v>9403</v>
      </c>
      <c r="D9379" s="6"/>
      <c r="E9379" s="6" t="s">
        <v>9</v>
      </c>
      <c r="F9379" s="7">
        <v>38657</v>
      </c>
      <c r="G9379" s="8">
        <v>1</v>
      </c>
      <c r="H9379" s="8">
        <v>1</v>
      </c>
      <c r="I9379" s="8">
        <v>0</v>
      </c>
      <c r="J9379" s="8">
        <v>1</v>
      </c>
      <c r="K9379" s="9">
        <v>144</v>
      </c>
      <c r="L9379" s="6" t="s">
        <v>51</v>
      </c>
    </row>
    <row r="9380" spans="1:12">
      <c r="A9380" s="6" t="s">
        <v>49</v>
      </c>
      <c r="B9380" s="6"/>
      <c r="C9380" s="6" t="s">
        <v>9404</v>
      </c>
      <c r="D9380" s="6"/>
      <c r="E9380" s="6" t="s">
        <v>9</v>
      </c>
      <c r="F9380" s="7">
        <v>38657</v>
      </c>
      <c r="G9380" s="8">
        <v>1</v>
      </c>
      <c r="H9380" s="8">
        <v>1</v>
      </c>
      <c r="I9380" s="8">
        <v>0</v>
      </c>
      <c r="J9380" s="8">
        <v>1</v>
      </c>
      <c r="K9380" s="9">
        <v>127</v>
      </c>
      <c r="L9380" s="6" t="s">
        <v>51</v>
      </c>
    </row>
    <row r="9381" spans="1:12">
      <c r="A9381" s="6" t="s">
        <v>49</v>
      </c>
      <c r="B9381" s="6"/>
      <c r="C9381" s="6" t="s">
        <v>9405</v>
      </c>
      <c r="D9381" s="6"/>
      <c r="E9381" s="6" t="s">
        <v>9</v>
      </c>
      <c r="F9381" s="7">
        <v>38657</v>
      </c>
      <c r="G9381" s="8">
        <v>1</v>
      </c>
      <c r="H9381" s="8">
        <v>1</v>
      </c>
      <c r="I9381" s="8">
        <v>0</v>
      </c>
      <c r="J9381" s="8">
        <v>1</v>
      </c>
      <c r="K9381" s="9">
        <v>125</v>
      </c>
      <c r="L9381" s="6" t="s">
        <v>51</v>
      </c>
    </row>
    <row r="9382" spans="1:12">
      <c r="A9382" s="6" t="s">
        <v>49</v>
      </c>
      <c r="B9382" s="6"/>
      <c r="C9382" s="6" t="s">
        <v>9406</v>
      </c>
      <c r="D9382" s="6"/>
      <c r="E9382" s="6" t="s">
        <v>9</v>
      </c>
      <c r="F9382" s="7">
        <v>38657</v>
      </c>
      <c r="G9382" s="8">
        <v>1</v>
      </c>
      <c r="H9382" s="8">
        <v>1</v>
      </c>
      <c r="I9382" s="8">
        <v>0</v>
      </c>
      <c r="J9382" s="8">
        <v>1</v>
      </c>
      <c r="K9382" s="9">
        <v>33</v>
      </c>
      <c r="L9382" s="6" t="s">
        <v>51</v>
      </c>
    </row>
    <row r="9383" spans="1:12">
      <c r="A9383" s="6" t="s">
        <v>49</v>
      </c>
      <c r="B9383" s="6"/>
      <c r="C9383" s="6" t="s">
        <v>9407</v>
      </c>
      <c r="D9383" s="6"/>
      <c r="E9383" s="6" t="s">
        <v>9</v>
      </c>
      <c r="F9383" s="7">
        <v>38657</v>
      </c>
      <c r="G9383" s="8">
        <v>1</v>
      </c>
      <c r="H9383" s="8">
        <v>1</v>
      </c>
      <c r="I9383" s="8">
        <v>0</v>
      </c>
      <c r="J9383" s="8">
        <v>1</v>
      </c>
      <c r="K9383" s="9">
        <v>91</v>
      </c>
      <c r="L9383" s="6" t="s">
        <v>51</v>
      </c>
    </row>
    <row r="9384" spans="1:12">
      <c r="A9384" s="6" t="s">
        <v>49</v>
      </c>
      <c r="B9384" s="6"/>
      <c r="C9384" s="6" t="s">
        <v>9408</v>
      </c>
      <c r="D9384" s="6"/>
      <c r="E9384" s="6" t="s">
        <v>9</v>
      </c>
      <c r="F9384" s="7">
        <v>38657</v>
      </c>
      <c r="G9384" s="8">
        <v>1</v>
      </c>
      <c r="H9384" s="8">
        <v>1</v>
      </c>
      <c r="I9384" s="8">
        <v>0</v>
      </c>
      <c r="J9384" s="8">
        <v>1</v>
      </c>
      <c r="K9384" s="9">
        <v>33</v>
      </c>
      <c r="L9384" s="6" t="s">
        <v>51</v>
      </c>
    </row>
    <row r="9385" spans="1:12">
      <c r="A9385" s="6" t="s">
        <v>49</v>
      </c>
      <c r="B9385" s="6"/>
      <c r="C9385" s="6" t="s">
        <v>9409</v>
      </c>
      <c r="D9385" s="6"/>
      <c r="E9385" s="6" t="s">
        <v>9</v>
      </c>
      <c r="F9385" s="7">
        <v>38657</v>
      </c>
      <c r="G9385" s="8">
        <v>1</v>
      </c>
      <c r="H9385" s="8">
        <v>1</v>
      </c>
      <c r="I9385" s="8">
        <v>0</v>
      </c>
      <c r="J9385" s="8">
        <v>1</v>
      </c>
      <c r="K9385" s="9">
        <v>58</v>
      </c>
      <c r="L9385" s="6" t="s">
        <v>51</v>
      </c>
    </row>
    <row r="9386" spans="1:12">
      <c r="A9386" s="6" t="s">
        <v>49</v>
      </c>
      <c r="B9386" s="6"/>
      <c r="C9386" s="6" t="s">
        <v>9410</v>
      </c>
      <c r="D9386" s="6"/>
      <c r="E9386" s="6" t="s">
        <v>9</v>
      </c>
      <c r="F9386" s="7">
        <v>38657</v>
      </c>
      <c r="G9386" s="8">
        <v>1</v>
      </c>
      <c r="H9386" s="8">
        <v>1</v>
      </c>
      <c r="I9386" s="8">
        <v>0</v>
      </c>
      <c r="J9386" s="8">
        <v>1</v>
      </c>
      <c r="K9386" s="9">
        <v>247</v>
      </c>
      <c r="L9386" s="6" t="s">
        <v>51</v>
      </c>
    </row>
    <row r="9387" spans="1:12">
      <c r="A9387" s="6" t="s">
        <v>49</v>
      </c>
      <c r="B9387" s="6"/>
      <c r="C9387" s="6" t="s">
        <v>9411</v>
      </c>
      <c r="D9387" s="6"/>
      <c r="E9387" s="6" t="s">
        <v>9</v>
      </c>
      <c r="F9387" s="7">
        <v>38657</v>
      </c>
      <c r="G9387" s="8">
        <v>1</v>
      </c>
      <c r="H9387" s="8">
        <v>1</v>
      </c>
      <c r="I9387" s="8">
        <v>0</v>
      </c>
      <c r="J9387" s="8">
        <v>1</v>
      </c>
      <c r="K9387" s="9">
        <v>40.380000000000003</v>
      </c>
      <c r="L9387" s="6" t="s">
        <v>51</v>
      </c>
    </row>
    <row r="9388" spans="1:12">
      <c r="A9388" s="6" t="s">
        <v>49</v>
      </c>
      <c r="B9388" s="6"/>
      <c r="C9388" s="6" t="s">
        <v>9412</v>
      </c>
      <c r="D9388" s="6"/>
      <c r="E9388" s="6" t="s">
        <v>9</v>
      </c>
      <c r="F9388" s="7">
        <v>38657</v>
      </c>
      <c r="G9388" s="8">
        <v>1</v>
      </c>
      <c r="H9388" s="8">
        <v>1</v>
      </c>
      <c r="I9388" s="8">
        <v>0</v>
      </c>
      <c r="J9388" s="8">
        <v>1</v>
      </c>
      <c r="K9388" s="9">
        <v>51</v>
      </c>
      <c r="L9388" s="6" t="s">
        <v>51</v>
      </c>
    </row>
    <row r="9389" spans="1:12">
      <c r="A9389" s="6" t="s">
        <v>49</v>
      </c>
      <c r="B9389" s="6"/>
      <c r="C9389" s="6" t="s">
        <v>9413</v>
      </c>
      <c r="D9389" s="6"/>
      <c r="E9389" s="6" t="s">
        <v>9</v>
      </c>
      <c r="F9389" s="7">
        <v>38657</v>
      </c>
      <c r="G9389" s="8">
        <v>1</v>
      </c>
      <c r="H9389" s="8">
        <v>1</v>
      </c>
      <c r="I9389" s="8">
        <v>0</v>
      </c>
      <c r="J9389" s="8">
        <v>1</v>
      </c>
      <c r="K9389" s="9">
        <v>59</v>
      </c>
      <c r="L9389" s="6" t="s">
        <v>51</v>
      </c>
    </row>
    <row r="9390" spans="1:12">
      <c r="A9390" s="6" t="s">
        <v>49</v>
      </c>
      <c r="B9390" s="6"/>
      <c r="C9390" s="6" t="s">
        <v>9414</v>
      </c>
      <c r="D9390" s="6"/>
      <c r="E9390" s="6" t="s">
        <v>9</v>
      </c>
      <c r="F9390" s="7">
        <v>38657</v>
      </c>
      <c r="G9390" s="8">
        <v>1</v>
      </c>
      <c r="H9390" s="8">
        <v>1</v>
      </c>
      <c r="I9390" s="8">
        <v>0</v>
      </c>
      <c r="J9390" s="8">
        <v>1</v>
      </c>
      <c r="K9390" s="9">
        <v>51</v>
      </c>
      <c r="L9390" s="6" t="s">
        <v>51</v>
      </c>
    </row>
    <row r="9391" spans="1:12">
      <c r="A9391" s="6" t="s">
        <v>49</v>
      </c>
      <c r="B9391" s="6"/>
      <c r="C9391" s="6" t="s">
        <v>9415</v>
      </c>
      <c r="D9391" s="6"/>
      <c r="E9391" s="6" t="s">
        <v>9</v>
      </c>
      <c r="F9391" s="7">
        <v>38657</v>
      </c>
      <c r="G9391" s="8">
        <v>1</v>
      </c>
      <c r="H9391" s="8">
        <v>1</v>
      </c>
      <c r="I9391" s="8">
        <v>0</v>
      </c>
      <c r="J9391" s="8">
        <v>1</v>
      </c>
      <c r="K9391" s="9">
        <v>53</v>
      </c>
      <c r="L9391" s="6" t="s">
        <v>51</v>
      </c>
    </row>
    <row r="9392" spans="1:12">
      <c r="A9392" s="6" t="s">
        <v>49</v>
      </c>
      <c r="B9392" s="6"/>
      <c r="C9392" s="6" t="s">
        <v>9416</v>
      </c>
      <c r="D9392" s="6"/>
      <c r="E9392" s="6" t="s">
        <v>9</v>
      </c>
      <c r="F9392" s="7">
        <v>38657</v>
      </c>
      <c r="G9392" s="8">
        <v>1</v>
      </c>
      <c r="H9392" s="8">
        <v>1</v>
      </c>
      <c r="I9392" s="8">
        <v>0</v>
      </c>
      <c r="J9392" s="8">
        <v>1</v>
      </c>
      <c r="K9392" s="9">
        <v>11</v>
      </c>
      <c r="L9392" s="6" t="s">
        <v>51</v>
      </c>
    </row>
    <row r="9393" spans="1:12">
      <c r="A9393" s="6" t="s">
        <v>49</v>
      </c>
      <c r="B9393" s="6"/>
      <c r="C9393" s="6" t="s">
        <v>9417</v>
      </c>
      <c r="D9393" s="6"/>
      <c r="E9393" s="6" t="s">
        <v>9</v>
      </c>
      <c r="F9393" s="7"/>
      <c r="G9393" s="8">
        <v>1</v>
      </c>
      <c r="H9393" s="8">
        <v>1</v>
      </c>
      <c r="I9393" s="8">
        <v>0</v>
      </c>
      <c r="J9393" s="8">
        <v>1</v>
      </c>
      <c r="K9393" s="9">
        <v>20</v>
      </c>
      <c r="L9393" s="6" t="s">
        <v>51</v>
      </c>
    </row>
    <row r="9394" spans="1:12">
      <c r="A9394" s="6" t="s">
        <v>49</v>
      </c>
      <c r="B9394" s="6"/>
      <c r="C9394" s="6" t="s">
        <v>9418</v>
      </c>
      <c r="D9394" s="6"/>
      <c r="E9394" s="6" t="s">
        <v>9</v>
      </c>
      <c r="F9394" s="7">
        <v>38657</v>
      </c>
      <c r="G9394" s="8">
        <v>1</v>
      </c>
      <c r="H9394" s="8">
        <v>1</v>
      </c>
      <c r="I9394" s="8">
        <v>0</v>
      </c>
      <c r="J9394" s="8">
        <v>1</v>
      </c>
      <c r="K9394" s="9">
        <v>45</v>
      </c>
      <c r="L9394" s="6" t="s">
        <v>51</v>
      </c>
    </row>
    <row r="9395" spans="1:12">
      <c r="A9395" s="6" t="s">
        <v>49</v>
      </c>
      <c r="B9395" s="6"/>
      <c r="C9395" s="6" t="s">
        <v>9419</v>
      </c>
      <c r="D9395" s="6"/>
      <c r="E9395" s="6" t="s">
        <v>9</v>
      </c>
      <c r="F9395" s="7">
        <v>38657</v>
      </c>
      <c r="G9395" s="8">
        <v>1</v>
      </c>
      <c r="H9395" s="8">
        <v>1</v>
      </c>
      <c r="I9395" s="8">
        <v>0</v>
      </c>
      <c r="J9395" s="8">
        <v>1</v>
      </c>
      <c r="K9395" s="9">
        <v>223</v>
      </c>
      <c r="L9395" s="6" t="s">
        <v>51</v>
      </c>
    </row>
    <row r="9396" spans="1:12">
      <c r="A9396" s="6" t="s">
        <v>49</v>
      </c>
      <c r="B9396" s="6"/>
      <c r="C9396" s="6" t="s">
        <v>9420</v>
      </c>
      <c r="D9396" s="6"/>
      <c r="E9396" s="6" t="s">
        <v>9</v>
      </c>
      <c r="F9396" s="7">
        <v>38657</v>
      </c>
      <c r="G9396" s="8">
        <v>1</v>
      </c>
      <c r="H9396" s="8">
        <v>1</v>
      </c>
      <c r="I9396" s="8">
        <v>0</v>
      </c>
      <c r="J9396" s="8">
        <v>1</v>
      </c>
      <c r="K9396" s="9">
        <v>67</v>
      </c>
      <c r="L9396" s="6" t="s">
        <v>51</v>
      </c>
    </row>
    <row r="9397" spans="1:12">
      <c r="A9397" s="6" t="s">
        <v>49</v>
      </c>
      <c r="B9397" s="6"/>
      <c r="C9397" s="6" t="s">
        <v>9421</v>
      </c>
      <c r="D9397" s="6"/>
      <c r="E9397" s="6" t="s">
        <v>9</v>
      </c>
      <c r="F9397" s="7">
        <v>38657</v>
      </c>
      <c r="G9397" s="8">
        <v>1</v>
      </c>
      <c r="H9397" s="8">
        <v>1</v>
      </c>
      <c r="I9397" s="8">
        <v>0</v>
      </c>
      <c r="J9397" s="8">
        <v>1</v>
      </c>
      <c r="K9397" s="9">
        <v>47</v>
      </c>
      <c r="L9397" s="6" t="s">
        <v>51</v>
      </c>
    </row>
    <row r="9398" spans="1:12">
      <c r="A9398" s="6" t="s">
        <v>49</v>
      </c>
      <c r="B9398" s="6"/>
      <c r="C9398" s="6" t="s">
        <v>9422</v>
      </c>
      <c r="D9398" s="6"/>
      <c r="E9398" s="6" t="s">
        <v>9</v>
      </c>
      <c r="F9398" s="7">
        <v>38657</v>
      </c>
      <c r="G9398" s="8">
        <v>1</v>
      </c>
      <c r="H9398" s="8">
        <v>1</v>
      </c>
      <c r="I9398" s="8">
        <v>0</v>
      </c>
      <c r="J9398" s="8">
        <v>1</v>
      </c>
      <c r="K9398" s="9">
        <v>36.159999999999897</v>
      </c>
      <c r="L9398" s="6" t="s">
        <v>51</v>
      </c>
    </row>
    <row r="9399" spans="1:12">
      <c r="A9399" s="6" t="s">
        <v>49</v>
      </c>
      <c r="B9399" s="6"/>
      <c r="C9399" s="6" t="s">
        <v>9423</v>
      </c>
      <c r="D9399" s="6"/>
      <c r="E9399" s="6" t="s">
        <v>9</v>
      </c>
      <c r="F9399" s="7">
        <v>38657</v>
      </c>
      <c r="G9399" s="8">
        <v>1</v>
      </c>
      <c r="H9399" s="8">
        <v>1</v>
      </c>
      <c r="I9399" s="8">
        <v>0</v>
      </c>
      <c r="J9399" s="8">
        <v>1</v>
      </c>
      <c r="K9399" s="9">
        <v>20</v>
      </c>
      <c r="L9399" s="6" t="s">
        <v>51</v>
      </c>
    </row>
    <row r="9400" spans="1:12">
      <c r="A9400" s="6" t="s">
        <v>49</v>
      </c>
      <c r="B9400" s="6"/>
      <c r="C9400" s="6" t="s">
        <v>9424</v>
      </c>
      <c r="D9400" s="6"/>
      <c r="E9400" s="6" t="s">
        <v>9</v>
      </c>
      <c r="F9400" s="7">
        <v>38657</v>
      </c>
      <c r="G9400" s="8">
        <v>1</v>
      </c>
      <c r="H9400" s="8">
        <v>1</v>
      </c>
      <c r="I9400" s="8">
        <v>0</v>
      </c>
      <c r="J9400" s="8">
        <v>1</v>
      </c>
      <c r="K9400" s="9">
        <v>21</v>
      </c>
      <c r="L9400" s="6" t="s">
        <v>51</v>
      </c>
    </row>
    <row r="9401" spans="1:12">
      <c r="A9401" s="6" t="s">
        <v>49</v>
      </c>
      <c r="B9401" s="6"/>
      <c r="C9401" s="6" t="s">
        <v>9425</v>
      </c>
      <c r="D9401" s="6"/>
      <c r="E9401" s="6" t="s">
        <v>9</v>
      </c>
      <c r="F9401" s="7">
        <v>38657</v>
      </c>
      <c r="G9401" s="8">
        <v>1</v>
      </c>
      <c r="H9401" s="8">
        <v>1</v>
      </c>
      <c r="I9401" s="8">
        <v>0</v>
      </c>
      <c r="J9401" s="8">
        <v>1</v>
      </c>
      <c r="K9401" s="9">
        <v>22</v>
      </c>
      <c r="L9401" s="6" t="s">
        <v>51</v>
      </c>
    </row>
    <row r="9402" spans="1:12">
      <c r="A9402" s="6" t="s">
        <v>49</v>
      </c>
      <c r="B9402" s="6"/>
      <c r="C9402" s="6" t="s">
        <v>9426</v>
      </c>
      <c r="D9402" s="6"/>
      <c r="E9402" s="6" t="s">
        <v>9</v>
      </c>
      <c r="F9402" s="7">
        <v>38657</v>
      </c>
      <c r="G9402" s="8">
        <v>1</v>
      </c>
      <c r="H9402" s="8">
        <v>1</v>
      </c>
      <c r="I9402" s="8">
        <v>0</v>
      </c>
      <c r="J9402" s="8">
        <v>1</v>
      </c>
      <c r="K9402" s="9">
        <v>23</v>
      </c>
      <c r="L9402" s="6" t="s">
        <v>51</v>
      </c>
    </row>
    <row r="9403" spans="1:12">
      <c r="A9403" s="6" t="s">
        <v>49</v>
      </c>
      <c r="B9403" s="6"/>
      <c r="C9403" s="6" t="s">
        <v>9427</v>
      </c>
      <c r="D9403" s="6"/>
      <c r="E9403" s="6" t="s">
        <v>9</v>
      </c>
      <c r="F9403" s="7">
        <v>38657</v>
      </c>
      <c r="G9403" s="8">
        <v>1</v>
      </c>
      <c r="H9403" s="8">
        <v>1</v>
      </c>
      <c r="I9403" s="8">
        <v>0</v>
      </c>
      <c r="J9403" s="8">
        <v>1</v>
      </c>
      <c r="K9403" s="9">
        <v>259</v>
      </c>
      <c r="L9403" s="6" t="s">
        <v>51</v>
      </c>
    </row>
    <row r="9404" spans="1:12">
      <c r="A9404" s="6" t="s">
        <v>49</v>
      </c>
      <c r="B9404" s="6"/>
      <c r="C9404" s="6" t="s">
        <v>9428</v>
      </c>
      <c r="D9404" s="6"/>
      <c r="E9404" s="6" t="s">
        <v>9</v>
      </c>
      <c r="F9404" s="7">
        <v>38657</v>
      </c>
      <c r="G9404" s="8">
        <v>1</v>
      </c>
      <c r="H9404" s="8">
        <v>1</v>
      </c>
      <c r="I9404" s="8">
        <v>0</v>
      </c>
      <c r="J9404" s="8">
        <v>1</v>
      </c>
      <c r="K9404" s="9">
        <v>24</v>
      </c>
      <c r="L9404" s="6" t="s">
        <v>51</v>
      </c>
    </row>
    <row r="9405" spans="1:12">
      <c r="A9405" s="6" t="s">
        <v>49</v>
      </c>
      <c r="B9405" s="6"/>
      <c r="C9405" s="6" t="s">
        <v>9429</v>
      </c>
      <c r="D9405" s="6"/>
      <c r="E9405" s="6" t="s">
        <v>9</v>
      </c>
      <c r="F9405" s="7">
        <v>38657</v>
      </c>
      <c r="G9405" s="8">
        <v>1</v>
      </c>
      <c r="H9405" s="8">
        <v>1</v>
      </c>
      <c r="I9405" s="8">
        <v>0</v>
      </c>
      <c r="J9405" s="8">
        <v>1</v>
      </c>
      <c r="K9405" s="9">
        <v>16</v>
      </c>
      <c r="L9405" s="6" t="s">
        <v>51</v>
      </c>
    </row>
    <row r="9406" spans="1:12">
      <c r="A9406" s="6" t="s">
        <v>49</v>
      </c>
      <c r="B9406" s="6"/>
      <c r="C9406" s="6" t="s">
        <v>9430</v>
      </c>
      <c r="D9406" s="6"/>
      <c r="E9406" s="6" t="s">
        <v>9</v>
      </c>
      <c r="F9406" s="7">
        <v>38657</v>
      </c>
      <c r="G9406" s="8">
        <v>1</v>
      </c>
      <c r="H9406" s="8">
        <v>1</v>
      </c>
      <c r="I9406" s="8">
        <v>0</v>
      </c>
      <c r="J9406" s="8">
        <v>1</v>
      </c>
      <c r="K9406" s="9">
        <v>15</v>
      </c>
      <c r="L9406" s="6" t="s">
        <v>51</v>
      </c>
    </row>
    <row r="9407" spans="1:12">
      <c r="A9407" s="6" t="s">
        <v>49</v>
      </c>
      <c r="B9407" s="6"/>
      <c r="C9407" s="6" t="s">
        <v>9431</v>
      </c>
      <c r="D9407" s="6"/>
      <c r="E9407" s="6" t="s">
        <v>9</v>
      </c>
      <c r="F9407" s="7">
        <v>38657</v>
      </c>
      <c r="G9407" s="8">
        <v>1</v>
      </c>
      <c r="H9407" s="8">
        <v>1</v>
      </c>
      <c r="I9407" s="8">
        <v>0</v>
      </c>
      <c r="J9407" s="8">
        <v>1</v>
      </c>
      <c r="K9407" s="9">
        <v>14</v>
      </c>
      <c r="L9407" s="6" t="s">
        <v>51</v>
      </c>
    </row>
    <row r="9408" spans="1:12">
      <c r="A9408" s="6" t="s">
        <v>49</v>
      </c>
      <c r="B9408" s="6"/>
      <c r="C9408" s="6" t="s">
        <v>9432</v>
      </c>
      <c r="D9408" s="6"/>
      <c r="E9408" s="6" t="s">
        <v>9</v>
      </c>
      <c r="F9408" s="7">
        <v>38657</v>
      </c>
      <c r="G9408" s="8">
        <v>1</v>
      </c>
      <c r="H9408" s="8">
        <v>1</v>
      </c>
      <c r="I9408" s="8">
        <v>0</v>
      </c>
      <c r="J9408" s="8">
        <v>1</v>
      </c>
      <c r="K9408" s="9">
        <v>15</v>
      </c>
      <c r="L9408" s="6" t="s">
        <v>51</v>
      </c>
    </row>
    <row r="9409" spans="1:12">
      <c r="A9409" s="6" t="s">
        <v>49</v>
      </c>
      <c r="B9409" s="6"/>
      <c r="C9409" s="6" t="s">
        <v>9433</v>
      </c>
      <c r="D9409" s="6"/>
      <c r="E9409" s="6" t="s">
        <v>9</v>
      </c>
      <c r="F9409" s="7">
        <v>38657</v>
      </c>
      <c r="G9409" s="8">
        <v>1</v>
      </c>
      <c r="H9409" s="8">
        <v>1</v>
      </c>
      <c r="I9409" s="8">
        <v>0</v>
      </c>
      <c r="J9409" s="8">
        <v>1</v>
      </c>
      <c r="K9409" s="9">
        <v>195.03</v>
      </c>
      <c r="L9409" s="6" t="s">
        <v>51</v>
      </c>
    </row>
    <row r="9410" spans="1:12">
      <c r="A9410" s="6" t="s">
        <v>49</v>
      </c>
      <c r="B9410" s="6"/>
      <c r="C9410" s="6" t="s">
        <v>9434</v>
      </c>
      <c r="D9410" s="6"/>
      <c r="E9410" s="6" t="s">
        <v>9</v>
      </c>
      <c r="F9410" s="7">
        <v>38657</v>
      </c>
      <c r="G9410" s="8">
        <v>1</v>
      </c>
      <c r="H9410" s="8">
        <v>1</v>
      </c>
      <c r="I9410" s="8">
        <v>0</v>
      </c>
      <c r="J9410" s="8">
        <v>1</v>
      </c>
      <c r="K9410" s="9">
        <v>15</v>
      </c>
      <c r="L9410" s="6" t="s">
        <v>51</v>
      </c>
    </row>
    <row r="9411" spans="1:12">
      <c r="A9411" s="6" t="s">
        <v>49</v>
      </c>
      <c r="B9411" s="6"/>
      <c r="C9411" s="6" t="s">
        <v>9435</v>
      </c>
      <c r="D9411" s="6"/>
      <c r="E9411" s="6" t="s">
        <v>9</v>
      </c>
      <c r="F9411" s="7">
        <v>38657</v>
      </c>
      <c r="G9411" s="8">
        <v>1</v>
      </c>
      <c r="H9411" s="8">
        <v>1</v>
      </c>
      <c r="I9411" s="8">
        <v>0</v>
      </c>
      <c r="J9411" s="8">
        <v>1</v>
      </c>
      <c r="K9411" s="9">
        <v>15</v>
      </c>
      <c r="L9411" s="6" t="s">
        <v>51</v>
      </c>
    </row>
    <row r="9412" spans="1:12">
      <c r="A9412" s="6" t="s">
        <v>49</v>
      </c>
      <c r="B9412" s="6"/>
      <c r="C9412" s="6" t="s">
        <v>9436</v>
      </c>
      <c r="D9412" s="6"/>
      <c r="E9412" s="6" t="s">
        <v>9</v>
      </c>
      <c r="F9412" s="7">
        <v>38657</v>
      </c>
      <c r="G9412" s="8">
        <v>1</v>
      </c>
      <c r="H9412" s="8">
        <v>1</v>
      </c>
      <c r="I9412" s="8">
        <v>0</v>
      </c>
      <c r="J9412" s="8">
        <v>1</v>
      </c>
      <c r="K9412" s="9">
        <v>8.49</v>
      </c>
      <c r="L9412" s="6" t="s">
        <v>51</v>
      </c>
    </row>
    <row r="9413" spans="1:12">
      <c r="A9413" s="6" t="s">
        <v>49</v>
      </c>
      <c r="B9413" s="6"/>
      <c r="C9413" s="6" t="s">
        <v>9437</v>
      </c>
      <c r="D9413" s="6"/>
      <c r="E9413" s="6" t="s">
        <v>9</v>
      </c>
      <c r="F9413" s="7">
        <v>38657</v>
      </c>
      <c r="G9413" s="8">
        <v>1</v>
      </c>
      <c r="H9413" s="8">
        <v>1</v>
      </c>
      <c r="I9413" s="8">
        <v>0</v>
      </c>
      <c r="J9413" s="8">
        <v>1</v>
      </c>
      <c r="K9413" s="9">
        <v>38</v>
      </c>
      <c r="L9413" s="6" t="s">
        <v>51</v>
      </c>
    </row>
    <row r="9414" spans="1:12">
      <c r="A9414" s="6" t="s">
        <v>49</v>
      </c>
      <c r="B9414" s="6"/>
      <c r="C9414" s="6" t="s">
        <v>9438</v>
      </c>
      <c r="D9414" s="6"/>
      <c r="E9414" s="6" t="s">
        <v>9</v>
      </c>
      <c r="F9414" s="7">
        <v>38657</v>
      </c>
      <c r="G9414" s="8">
        <v>1</v>
      </c>
      <c r="H9414" s="8">
        <v>1</v>
      </c>
      <c r="I9414" s="8">
        <v>0</v>
      </c>
      <c r="J9414" s="8">
        <v>1</v>
      </c>
      <c r="K9414" s="9">
        <v>16</v>
      </c>
      <c r="L9414" s="6" t="s">
        <v>51</v>
      </c>
    </row>
    <row r="9415" spans="1:12">
      <c r="A9415" s="6" t="s">
        <v>49</v>
      </c>
      <c r="B9415" s="6"/>
      <c r="C9415" s="6" t="s">
        <v>9439</v>
      </c>
      <c r="D9415" s="6"/>
      <c r="E9415" s="6" t="s">
        <v>9</v>
      </c>
      <c r="F9415" s="7">
        <v>38657</v>
      </c>
      <c r="G9415" s="8">
        <v>1</v>
      </c>
      <c r="H9415" s="8">
        <v>1</v>
      </c>
      <c r="I9415" s="8">
        <v>0</v>
      </c>
      <c r="J9415" s="8">
        <v>1</v>
      </c>
      <c r="K9415" s="9">
        <v>29</v>
      </c>
      <c r="L9415" s="6" t="s">
        <v>51</v>
      </c>
    </row>
    <row r="9416" spans="1:12">
      <c r="A9416" s="6" t="s">
        <v>49</v>
      </c>
      <c r="B9416" s="6"/>
      <c r="C9416" s="6" t="s">
        <v>9440</v>
      </c>
      <c r="D9416" s="6"/>
      <c r="E9416" s="6" t="s">
        <v>9</v>
      </c>
      <c r="F9416" s="7">
        <v>38657</v>
      </c>
      <c r="G9416" s="8">
        <v>1</v>
      </c>
      <c r="H9416" s="8">
        <v>1</v>
      </c>
      <c r="I9416" s="8">
        <v>0</v>
      </c>
      <c r="J9416" s="8">
        <v>1</v>
      </c>
      <c r="K9416" s="9">
        <v>15</v>
      </c>
      <c r="L9416" s="6" t="s">
        <v>51</v>
      </c>
    </row>
    <row r="9417" spans="1:12">
      <c r="A9417" s="6" t="s">
        <v>49</v>
      </c>
      <c r="B9417" s="6"/>
      <c r="C9417" s="6" t="s">
        <v>9441</v>
      </c>
      <c r="D9417" s="6"/>
      <c r="E9417" s="6" t="s">
        <v>9</v>
      </c>
      <c r="F9417" s="7">
        <v>38657</v>
      </c>
      <c r="G9417" s="8">
        <v>1</v>
      </c>
      <c r="H9417" s="8">
        <v>1</v>
      </c>
      <c r="I9417" s="8">
        <v>0</v>
      </c>
      <c r="J9417" s="8">
        <v>1</v>
      </c>
      <c r="K9417" s="9">
        <v>43</v>
      </c>
      <c r="L9417" s="6" t="s">
        <v>51</v>
      </c>
    </row>
    <row r="9418" spans="1:12">
      <c r="A9418" s="6" t="s">
        <v>49</v>
      </c>
      <c r="B9418" s="6"/>
      <c r="C9418" s="6" t="s">
        <v>9442</v>
      </c>
      <c r="D9418" s="6"/>
      <c r="E9418" s="6" t="s">
        <v>9</v>
      </c>
      <c r="F9418" s="7">
        <v>38657</v>
      </c>
      <c r="G9418" s="8">
        <v>1</v>
      </c>
      <c r="H9418" s="8">
        <v>1</v>
      </c>
      <c r="I9418" s="8">
        <v>0</v>
      </c>
      <c r="J9418" s="8">
        <v>1</v>
      </c>
      <c r="K9418" s="9">
        <v>25</v>
      </c>
      <c r="L9418" s="6" t="s">
        <v>51</v>
      </c>
    </row>
    <row r="9419" spans="1:12">
      <c r="A9419" s="6" t="s">
        <v>49</v>
      </c>
      <c r="B9419" s="6"/>
      <c r="C9419" s="6" t="s">
        <v>9443</v>
      </c>
      <c r="D9419" s="6"/>
      <c r="E9419" s="6" t="s">
        <v>9</v>
      </c>
      <c r="F9419" s="7">
        <v>38657</v>
      </c>
      <c r="G9419" s="8">
        <v>1</v>
      </c>
      <c r="H9419" s="8">
        <v>1</v>
      </c>
      <c r="I9419" s="8">
        <v>0</v>
      </c>
      <c r="J9419" s="8">
        <v>1</v>
      </c>
      <c r="K9419" s="9">
        <v>30</v>
      </c>
      <c r="L9419" s="6" t="s">
        <v>51</v>
      </c>
    </row>
    <row r="9420" spans="1:12">
      <c r="A9420" s="6" t="s">
        <v>49</v>
      </c>
      <c r="B9420" s="6"/>
      <c r="C9420" s="6" t="s">
        <v>9444</v>
      </c>
      <c r="D9420" s="6"/>
      <c r="E9420" s="6" t="s">
        <v>9</v>
      </c>
      <c r="F9420" s="7">
        <v>38657</v>
      </c>
      <c r="G9420" s="8">
        <v>1</v>
      </c>
      <c r="H9420" s="8">
        <v>1</v>
      </c>
      <c r="I9420" s="8">
        <v>0</v>
      </c>
      <c r="J9420" s="8">
        <v>1</v>
      </c>
      <c r="K9420" s="9">
        <v>313.52999999999901</v>
      </c>
      <c r="L9420" s="6" t="s">
        <v>51</v>
      </c>
    </row>
    <row r="9421" spans="1:12">
      <c r="A9421" s="6" t="s">
        <v>49</v>
      </c>
      <c r="B9421" s="6"/>
      <c r="C9421" s="6" t="s">
        <v>9445</v>
      </c>
      <c r="D9421" s="6"/>
      <c r="E9421" s="6" t="s">
        <v>9</v>
      </c>
      <c r="F9421" s="7">
        <v>38657</v>
      </c>
      <c r="G9421" s="8">
        <v>1</v>
      </c>
      <c r="H9421" s="8">
        <v>1</v>
      </c>
      <c r="I9421" s="8">
        <v>0</v>
      </c>
      <c r="J9421" s="8">
        <v>1</v>
      </c>
      <c r="K9421" s="9">
        <v>17</v>
      </c>
      <c r="L9421" s="6" t="s">
        <v>51</v>
      </c>
    </row>
    <row r="9422" spans="1:12">
      <c r="A9422" s="6" t="s">
        <v>49</v>
      </c>
      <c r="B9422" s="6"/>
      <c r="C9422" s="6" t="s">
        <v>9446</v>
      </c>
      <c r="D9422" s="6"/>
      <c r="E9422" s="6" t="s">
        <v>9</v>
      </c>
      <c r="F9422" s="7">
        <v>38657</v>
      </c>
      <c r="G9422" s="8">
        <v>1</v>
      </c>
      <c r="H9422" s="8">
        <v>1</v>
      </c>
      <c r="I9422" s="8">
        <v>0</v>
      </c>
      <c r="J9422" s="8">
        <v>1</v>
      </c>
      <c r="K9422" s="9">
        <v>14</v>
      </c>
      <c r="L9422" s="6" t="s">
        <v>51</v>
      </c>
    </row>
    <row r="9423" spans="1:12">
      <c r="A9423" s="6" t="s">
        <v>49</v>
      </c>
      <c r="B9423" s="6"/>
      <c r="C9423" s="6" t="s">
        <v>9447</v>
      </c>
      <c r="D9423" s="6"/>
      <c r="E9423" s="6" t="s">
        <v>9</v>
      </c>
      <c r="F9423" s="7">
        <v>38657</v>
      </c>
      <c r="G9423" s="8">
        <v>1</v>
      </c>
      <c r="H9423" s="8">
        <v>1</v>
      </c>
      <c r="I9423" s="8">
        <v>0</v>
      </c>
      <c r="J9423" s="8">
        <v>1</v>
      </c>
      <c r="K9423" s="9">
        <v>23</v>
      </c>
      <c r="L9423" s="6" t="s">
        <v>51</v>
      </c>
    </row>
    <row r="9424" spans="1:12">
      <c r="A9424" s="6" t="s">
        <v>49</v>
      </c>
      <c r="B9424" s="6"/>
      <c r="C9424" s="6" t="s">
        <v>9448</v>
      </c>
      <c r="D9424" s="6"/>
      <c r="E9424" s="6" t="s">
        <v>9</v>
      </c>
      <c r="F9424" s="7">
        <v>38657</v>
      </c>
      <c r="G9424" s="8">
        <v>1</v>
      </c>
      <c r="H9424" s="8">
        <v>1</v>
      </c>
      <c r="I9424" s="8">
        <v>0</v>
      </c>
      <c r="J9424" s="8">
        <v>1</v>
      </c>
      <c r="K9424" s="9">
        <v>26</v>
      </c>
      <c r="L9424" s="6" t="s">
        <v>51</v>
      </c>
    </row>
    <row r="9425" spans="1:12">
      <c r="A9425" s="6" t="s">
        <v>49</v>
      </c>
      <c r="B9425" s="6"/>
      <c r="C9425" s="6" t="s">
        <v>9449</v>
      </c>
      <c r="D9425" s="6"/>
      <c r="E9425" s="6" t="s">
        <v>9</v>
      </c>
      <c r="F9425" s="7">
        <v>38657</v>
      </c>
      <c r="G9425" s="8">
        <v>1</v>
      </c>
      <c r="H9425" s="8">
        <v>1</v>
      </c>
      <c r="I9425" s="8">
        <v>0</v>
      </c>
      <c r="J9425" s="8">
        <v>1</v>
      </c>
      <c r="K9425" s="9">
        <v>471</v>
      </c>
      <c r="L9425" s="6" t="s">
        <v>51</v>
      </c>
    </row>
    <row r="9426" spans="1:12">
      <c r="A9426" s="6" t="s">
        <v>49</v>
      </c>
      <c r="B9426" s="6"/>
      <c r="C9426" s="6" t="s">
        <v>9450</v>
      </c>
      <c r="D9426" s="6"/>
      <c r="E9426" s="6" t="s">
        <v>9</v>
      </c>
      <c r="F9426" s="7">
        <v>38657</v>
      </c>
      <c r="G9426" s="8">
        <v>1</v>
      </c>
      <c r="H9426" s="8">
        <v>1</v>
      </c>
      <c r="I9426" s="8">
        <v>0</v>
      </c>
      <c r="J9426" s="8">
        <v>1</v>
      </c>
      <c r="K9426" s="9">
        <v>218</v>
      </c>
      <c r="L9426" s="6" t="s">
        <v>51</v>
      </c>
    </row>
    <row r="9427" spans="1:12">
      <c r="A9427" s="6" t="s">
        <v>49</v>
      </c>
      <c r="B9427" s="6"/>
      <c r="C9427" s="6" t="s">
        <v>9451</v>
      </c>
      <c r="D9427" s="6"/>
      <c r="E9427" s="6" t="s">
        <v>9</v>
      </c>
      <c r="F9427" s="7">
        <v>38657</v>
      </c>
      <c r="G9427" s="8">
        <v>1</v>
      </c>
      <c r="H9427" s="8">
        <v>1</v>
      </c>
      <c r="I9427" s="8">
        <v>0</v>
      </c>
      <c r="J9427" s="8">
        <v>1</v>
      </c>
      <c r="K9427" s="9">
        <v>273</v>
      </c>
      <c r="L9427" s="6" t="s">
        <v>51</v>
      </c>
    </row>
    <row r="9428" spans="1:12">
      <c r="A9428" s="6" t="s">
        <v>49</v>
      </c>
      <c r="B9428" s="6"/>
      <c r="C9428" s="6" t="s">
        <v>9452</v>
      </c>
      <c r="D9428" s="6"/>
      <c r="E9428" s="6" t="s">
        <v>9</v>
      </c>
      <c r="F9428" s="7">
        <v>38657</v>
      </c>
      <c r="G9428" s="8">
        <v>1</v>
      </c>
      <c r="H9428" s="8">
        <v>1</v>
      </c>
      <c r="I9428" s="8">
        <v>0</v>
      </c>
      <c r="J9428" s="8">
        <v>1</v>
      </c>
      <c r="K9428" s="9">
        <v>19</v>
      </c>
      <c r="L9428" s="6" t="s">
        <v>51</v>
      </c>
    </row>
    <row r="9429" spans="1:12">
      <c r="A9429" s="6" t="s">
        <v>49</v>
      </c>
      <c r="B9429" s="6"/>
      <c r="C9429" s="6" t="s">
        <v>9453</v>
      </c>
      <c r="D9429" s="6"/>
      <c r="E9429" s="6" t="s">
        <v>9</v>
      </c>
      <c r="F9429" s="7">
        <v>38657</v>
      </c>
      <c r="G9429" s="8">
        <v>1</v>
      </c>
      <c r="H9429" s="8">
        <v>1</v>
      </c>
      <c r="I9429" s="8">
        <v>0</v>
      </c>
      <c r="J9429" s="8">
        <v>1</v>
      </c>
      <c r="K9429" s="9">
        <v>9.9</v>
      </c>
      <c r="L9429" s="6" t="s">
        <v>51</v>
      </c>
    </row>
    <row r="9430" spans="1:12">
      <c r="A9430" s="6" t="s">
        <v>49</v>
      </c>
      <c r="B9430" s="6"/>
      <c r="C9430" s="6" t="s">
        <v>9454</v>
      </c>
      <c r="D9430" s="6"/>
      <c r="E9430" s="6" t="s">
        <v>9</v>
      </c>
      <c r="F9430" s="7">
        <v>38657</v>
      </c>
      <c r="G9430" s="8">
        <v>1</v>
      </c>
      <c r="H9430" s="8">
        <v>1</v>
      </c>
      <c r="I9430" s="8">
        <v>0</v>
      </c>
      <c r="J9430" s="8">
        <v>1</v>
      </c>
      <c r="K9430" s="9">
        <v>16</v>
      </c>
      <c r="L9430" s="6" t="s">
        <v>51</v>
      </c>
    </row>
    <row r="9431" spans="1:12">
      <c r="A9431" s="6" t="s">
        <v>49</v>
      </c>
      <c r="B9431" s="6"/>
      <c r="C9431" s="6" t="s">
        <v>9455</v>
      </c>
      <c r="D9431" s="6"/>
      <c r="E9431" s="6" t="s">
        <v>9</v>
      </c>
      <c r="F9431" s="7">
        <v>38657</v>
      </c>
      <c r="G9431" s="8">
        <v>1</v>
      </c>
      <c r="H9431" s="8">
        <v>1</v>
      </c>
      <c r="I9431" s="8">
        <v>0</v>
      </c>
      <c r="J9431" s="8">
        <v>1</v>
      </c>
      <c r="K9431" s="9">
        <v>6.61</v>
      </c>
      <c r="L9431" s="6" t="s">
        <v>51</v>
      </c>
    </row>
    <row r="9432" spans="1:12">
      <c r="A9432" s="6" t="s">
        <v>49</v>
      </c>
      <c r="B9432" s="6"/>
      <c r="C9432" s="6" t="s">
        <v>9456</v>
      </c>
      <c r="D9432" s="6"/>
      <c r="E9432" s="6" t="s">
        <v>9</v>
      </c>
      <c r="F9432" s="7">
        <v>38657</v>
      </c>
      <c r="G9432" s="8">
        <v>1</v>
      </c>
      <c r="H9432" s="8">
        <v>1</v>
      </c>
      <c r="I9432" s="8">
        <v>0</v>
      </c>
      <c r="J9432" s="8">
        <v>1</v>
      </c>
      <c r="K9432" s="9">
        <v>383</v>
      </c>
      <c r="L9432" s="6" t="s">
        <v>51</v>
      </c>
    </row>
    <row r="9433" spans="1:12">
      <c r="A9433" s="6" t="s">
        <v>49</v>
      </c>
      <c r="B9433" s="6"/>
      <c r="C9433" s="6" t="s">
        <v>9457</v>
      </c>
      <c r="D9433" s="6"/>
      <c r="E9433" s="6" t="s">
        <v>9</v>
      </c>
      <c r="F9433" s="7">
        <v>38657</v>
      </c>
      <c r="G9433" s="8">
        <v>1</v>
      </c>
      <c r="H9433" s="8">
        <v>1</v>
      </c>
      <c r="I9433" s="8">
        <v>0</v>
      </c>
      <c r="J9433" s="8">
        <v>1</v>
      </c>
      <c r="K9433" s="9">
        <v>327</v>
      </c>
      <c r="L9433" s="6" t="s">
        <v>51</v>
      </c>
    </row>
    <row r="9434" spans="1:12">
      <c r="A9434" s="6" t="s">
        <v>49</v>
      </c>
      <c r="B9434" s="6"/>
      <c r="C9434" s="6" t="s">
        <v>9458</v>
      </c>
      <c r="D9434" s="6"/>
      <c r="E9434" s="6" t="s">
        <v>9</v>
      </c>
      <c r="F9434" s="7">
        <v>38657</v>
      </c>
      <c r="G9434" s="8">
        <v>1</v>
      </c>
      <c r="H9434" s="8">
        <v>1</v>
      </c>
      <c r="I9434" s="8">
        <v>0</v>
      </c>
      <c r="J9434" s="8">
        <v>1</v>
      </c>
      <c r="K9434" s="9">
        <v>301</v>
      </c>
      <c r="L9434" s="6" t="s">
        <v>51</v>
      </c>
    </row>
    <row r="9435" spans="1:12">
      <c r="A9435" s="6" t="s">
        <v>49</v>
      </c>
      <c r="B9435" s="6"/>
      <c r="C9435" s="6" t="s">
        <v>9459</v>
      </c>
      <c r="D9435" s="6"/>
      <c r="E9435" s="6" t="s">
        <v>9</v>
      </c>
      <c r="F9435" s="7">
        <v>38657</v>
      </c>
      <c r="G9435" s="8">
        <v>1</v>
      </c>
      <c r="H9435" s="8">
        <v>1</v>
      </c>
      <c r="I9435" s="8">
        <v>0</v>
      </c>
      <c r="J9435" s="8">
        <v>1</v>
      </c>
      <c r="K9435" s="9">
        <v>1474</v>
      </c>
      <c r="L9435" s="6" t="s">
        <v>51</v>
      </c>
    </row>
    <row r="9436" spans="1:12">
      <c r="A9436" s="6" t="s">
        <v>49</v>
      </c>
      <c r="B9436" s="6"/>
      <c r="C9436" s="6" t="s">
        <v>9460</v>
      </c>
      <c r="D9436" s="6"/>
      <c r="E9436" s="6" t="s">
        <v>9</v>
      </c>
      <c r="F9436" s="7">
        <v>38657</v>
      </c>
      <c r="G9436" s="8">
        <v>1</v>
      </c>
      <c r="H9436" s="8">
        <v>1</v>
      </c>
      <c r="I9436" s="8">
        <v>0</v>
      </c>
      <c r="J9436" s="8">
        <v>1</v>
      </c>
      <c r="K9436" s="9">
        <v>8.4</v>
      </c>
      <c r="L9436" s="6" t="s">
        <v>51</v>
      </c>
    </row>
    <row r="9437" spans="1:12">
      <c r="A9437" s="6" t="s">
        <v>49</v>
      </c>
      <c r="B9437" s="6"/>
      <c r="C9437" s="6" t="s">
        <v>9461</v>
      </c>
      <c r="D9437" s="6"/>
      <c r="E9437" s="6" t="s">
        <v>9</v>
      </c>
      <c r="F9437" s="7">
        <v>38657</v>
      </c>
      <c r="G9437" s="8">
        <v>1</v>
      </c>
      <c r="H9437" s="8">
        <v>1</v>
      </c>
      <c r="I9437" s="8">
        <v>0</v>
      </c>
      <c r="J9437" s="8">
        <v>1</v>
      </c>
      <c r="K9437" s="9">
        <v>892</v>
      </c>
      <c r="L9437" s="6" t="s">
        <v>51</v>
      </c>
    </row>
    <row r="9438" spans="1:12">
      <c r="A9438" s="6" t="s">
        <v>49</v>
      </c>
      <c r="B9438" s="6"/>
      <c r="C9438" s="6" t="s">
        <v>9462</v>
      </c>
      <c r="D9438" s="6"/>
      <c r="E9438" s="6" t="s">
        <v>9</v>
      </c>
      <c r="F9438" s="7">
        <v>38657</v>
      </c>
      <c r="G9438" s="8">
        <v>1</v>
      </c>
      <c r="H9438" s="8">
        <v>1</v>
      </c>
      <c r="I9438" s="8">
        <v>0</v>
      </c>
      <c r="J9438" s="8">
        <v>1</v>
      </c>
      <c r="K9438" s="9">
        <v>12</v>
      </c>
      <c r="L9438" s="6" t="s">
        <v>51</v>
      </c>
    </row>
    <row r="9439" spans="1:12">
      <c r="A9439" s="6" t="s">
        <v>49</v>
      </c>
      <c r="B9439" s="6"/>
      <c r="C9439" s="6" t="s">
        <v>9463</v>
      </c>
      <c r="D9439" s="6"/>
      <c r="E9439" s="6" t="s">
        <v>9</v>
      </c>
      <c r="F9439" s="7">
        <v>38657</v>
      </c>
      <c r="G9439" s="8">
        <v>1</v>
      </c>
      <c r="H9439" s="8">
        <v>1</v>
      </c>
      <c r="I9439" s="8">
        <v>0</v>
      </c>
      <c r="J9439" s="8">
        <v>1</v>
      </c>
      <c r="K9439" s="9">
        <v>5.97</v>
      </c>
      <c r="L9439" s="6" t="s">
        <v>51</v>
      </c>
    </row>
    <row r="9440" spans="1:12">
      <c r="A9440" s="6" t="s">
        <v>49</v>
      </c>
      <c r="B9440" s="6"/>
      <c r="C9440" s="6" t="s">
        <v>9464</v>
      </c>
      <c r="D9440" s="6"/>
      <c r="E9440" s="6" t="s">
        <v>9</v>
      </c>
      <c r="F9440" s="7">
        <v>38657</v>
      </c>
      <c r="G9440" s="8">
        <v>1</v>
      </c>
      <c r="H9440" s="8">
        <v>1</v>
      </c>
      <c r="I9440" s="8">
        <v>0</v>
      </c>
      <c r="J9440" s="8">
        <v>1</v>
      </c>
      <c r="K9440" s="9">
        <v>257</v>
      </c>
      <c r="L9440" s="6" t="s">
        <v>51</v>
      </c>
    </row>
    <row r="9441" spans="1:12">
      <c r="A9441" s="6" t="s">
        <v>49</v>
      </c>
      <c r="B9441" s="6"/>
      <c r="C9441" s="6" t="s">
        <v>9465</v>
      </c>
      <c r="D9441" s="6"/>
      <c r="E9441" s="6" t="s">
        <v>9</v>
      </c>
      <c r="F9441" s="7">
        <v>38657</v>
      </c>
      <c r="G9441" s="8">
        <v>1</v>
      </c>
      <c r="H9441" s="8">
        <v>1</v>
      </c>
      <c r="I9441" s="8">
        <v>0</v>
      </c>
      <c r="J9441" s="8">
        <v>1</v>
      </c>
      <c r="K9441" s="9">
        <v>4.7</v>
      </c>
      <c r="L9441" s="6" t="s">
        <v>51</v>
      </c>
    </row>
    <row r="9442" spans="1:12">
      <c r="A9442" s="6" t="s">
        <v>49</v>
      </c>
      <c r="B9442" s="6"/>
      <c r="C9442" s="6" t="s">
        <v>9466</v>
      </c>
      <c r="D9442" s="6"/>
      <c r="E9442" s="6" t="s">
        <v>9</v>
      </c>
      <c r="F9442" s="7">
        <v>38657</v>
      </c>
      <c r="G9442" s="8">
        <v>1</v>
      </c>
      <c r="H9442" s="8">
        <v>1</v>
      </c>
      <c r="I9442" s="8">
        <v>0</v>
      </c>
      <c r="J9442" s="8">
        <v>1</v>
      </c>
      <c r="K9442" s="9">
        <v>37.19</v>
      </c>
      <c r="L9442" s="6" t="s">
        <v>51</v>
      </c>
    </row>
    <row r="9443" spans="1:12">
      <c r="A9443" s="6" t="s">
        <v>49</v>
      </c>
      <c r="B9443" s="6"/>
      <c r="C9443" s="6" t="s">
        <v>9467</v>
      </c>
      <c r="D9443" s="6"/>
      <c r="E9443" s="6" t="s">
        <v>9</v>
      </c>
      <c r="F9443" s="7">
        <v>38657</v>
      </c>
      <c r="G9443" s="8">
        <v>1</v>
      </c>
      <c r="H9443" s="8">
        <v>1</v>
      </c>
      <c r="I9443" s="8">
        <v>0</v>
      </c>
      <c r="J9443" s="8">
        <v>1</v>
      </c>
      <c r="K9443" s="9">
        <v>88</v>
      </c>
      <c r="L9443" s="6" t="s">
        <v>51</v>
      </c>
    </row>
    <row r="9444" spans="1:12">
      <c r="A9444" s="6" t="s">
        <v>49</v>
      </c>
      <c r="B9444" s="6"/>
      <c r="C9444" s="6" t="s">
        <v>9468</v>
      </c>
      <c r="D9444" s="6"/>
      <c r="E9444" s="6" t="s">
        <v>9</v>
      </c>
      <c r="F9444" s="7">
        <v>38657</v>
      </c>
      <c r="G9444" s="8">
        <v>1</v>
      </c>
      <c r="H9444" s="8">
        <v>1</v>
      </c>
      <c r="I9444" s="8">
        <v>0</v>
      </c>
      <c r="J9444" s="8">
        <v>1</v>
      </c>
      <c r="K9444" s="9">
        <v>644</v>
      </c>
      <c r="L9444" s="6" t="s">
        <v>51</v>
      </c>
    </row>
    <row r="9445" spans="1:12">
      <c r="A9445" s="6" t="s">
        <v>49</v>
      </c>
      <c r="B9445" s="6"/>
      <c r="C9445" s="6" t="s">
        <v>9469</v>
      </c>
      <c r="D9445" s="6"/>
      <c r="E9445" s="6" t="s">
        <v>9</v>
      </c>
      <c r="F9445" s="7">
        <v>38657</v>
      </c>
      <c r="G9445" s="8">
        <v>1</v>
      </c>
      <c r="H9445" s="8">
        <v>1</v>
      </c>
      <c r="I9445" s="8">
        <v>0</v>
      </c>
      <c r="J9445" s="8">
        <v>1</v>
      </c>
      <c r="K9445" s="9">
        <v>103</v>
      </c>
      <c r="L9445" s="6" t="s">
        <v>51</v>
      </c>
    </row>
    <row r="9446" spans="1:12">
      <c r="A9446" s="6" t="s">
        <v>49</v>
      </c>
      <c r="B9446" s="6"/>
      <c r="C9446" s="6" t="s">
        <v>9470</v>
      </c>
      <c r="D9446" s="6"/>
      <c r="E9446" s="6" t="s">
        <v>9</v>
      </c>
      <c r="F9446" s="7">
        <v>38657</v>
      </c>
      <c r="G9446" s="8">
        <v>1</v>
      </c>
      <c r="H9446" s="8">
        <v>1</v>
      </c>
      <c r="I9446" s="8">
        <v>0</v>
      </c>
      <c r="J9446" s="8">
        <v>1</v>
      </c>
      <c r="K9446" s="9">
        <v>111</v>
      </c>
      <c r="L9446" s="6" t="s">
        <v>51</v>
      </c>
    </row>
    <row r="9447" spans="1:12">
      <c r="A9447" s="6" t="s">
        <v>49</v>
      </c>
      <c r="B9447" s="6"/>
      <c r="C9447" s="6" t="s">
        <v>9471</v>
      </c>
      <c r="D9447" s="6"/>
      <c r="E9447" s="6" t="s">
        <v>9</v>
      </c>
      <c r="F9447" s="7">
        <v>38657</v>
      </c>
      <c r="G9447" s="8">
        <v>1</v>
      </c>
      <c r="H9447" s="8">
        <v>1</v>
      </c>
      <c r="I9447" s="8">
        <v>0</v>
      </c>
      <c r="J9447" s="8">
        <v>1</v>
      </c>
      <c r="K9447" s="9">
        <v>59</v>
      </c>
      <c r="L9447" s="6" t="s">
        <v>51</v>
      </c>
    </row>
    <row r="9448" spans="1:12">
      <c r="A9448" s="6" t="s">
        <v>49</v>
      </c>
      <c r="B9448" s="6"/>
      <c r="C9448" s="6" t="s">
        <v>9472</v>
      </c>
      <c r="D9448" s="6"/>
      <c r="E9448" s="6" t="s">
        <v>9</v>
      </c>
      <c r="F9448" s="7">
        <v>38657</v>
      </c>
      <c r="G9448" s="8">
        <v>1</v>
      </c>
      <c r="H9448" s="8">
        <v>1</v>
      </c>
      <c r="I9448" s="8">
        <v>0</v>
      </c>
      <c r="J9448" s="8">
        <v>1</v>
      </c>
      <c r="K9448" s="9">
        <v>87</v>
      </c>
      <c r="L9448" s="6" t="s">
        <v>51</v>
      </c>
    </row>
    <row r="9449" spans="1:12">
      <c r="A9449" s="6" t="s">
        <v>49</v>
      </c>
      <c r="B9449" s="6"/>
      <c r="C9449" s="6" t="s">
        <v>9473</v>
      </c>
      <c r="D9449" s="6"/>
      <c r="E9449" s="6" t="s">
        <v>9</v>
      </c>
      <c r="F9449" s="7">
        <v>38657</v>
      </c>
      <c r="G9449" s="8">
        <v>1</v>
      </c>
      <c r="H9449" s="8">
        <v>1</v>
      </c>
      <c r="I9449" s="8">
        <v>0</v>
      </c>
      <c r="J9449" s="8">
        <v>1</v>
      </c>
      <c r="K9449" s="9">
        <v>94</v>
      </c>
      <c r="L9449" s="6" t="s">
        <v>51</v>
      </c>
    </row>
    <row r="9450" spans="1:12">
      <c r="A9450" s="6" t="s">
        <v>49</v>
      </c>
      <c r="B9450" s="6"/>
      <c r="C9450" s="6" t="s">
        <v>9474</v>
      </c>
      <c r="D9450" s="6"/>
      <c r="E9450" s="6" t="s">
        <v>9</v>
      </c>
      <c r="F9450" s="7">
        <v>38657</v>
      </c>
      <c r="G9450" s="8">
        <v>1</v>
      </c>
      <c r="H9450" s="8">
        <v>1</v>
      </c>
      <c r="I9450" s="8">
        <v>0</v>
      </c>
      <c r="J9450" s="8">
        <v>1</v>
      </c>
      <c r="K9450" s="9">
        <v>48</v>
      </c>
      <c r="L9450" s="6" t="s">
        <v>51</v>
      </c>
    </row>
    <row r="9451" spans="1:12">
      <c r="A9451" s="6" t="s">
        <v>49</v>
      </c>
      <c r="B9451" s="6"/>
      <c r="C9451" s="6" t="s">
        <v>9475</v>
      </c>
      <c r="D9451" s="6"/>
      <c r="E9451" s="6" t="s">
        <v>9</v>
      </c>
      <c r="F9451" s="7">
        <v>38657</v>
      </c>
      <c r="G9451" s="8">
        <v>1</v>
      </c>
      <c r="H9451" s="8">
        <v>1</v>
      </c>
      <c r="I9451" s="8">
        <v>0</v>
      </c>
      <c r="J9451" s="8">
        <v>1</v>
      </c>
      <c r="K9451" s="9">
        <v>99</v>
      </c>
      <c r="L9451" s="6" t="s">
        <v>51</v>
      </c>
    </row>
    <row r="9452" spans="1:12">
      <c r="A9452" s="6" t="s">
        <v>49</v>
      </c>
      <c r="B9452" s="6"/>
      <c r="C9452" s="6" t="s">
        <v>9476</v>
      </c>
      <c r="D9452" s="6"/>
      <c r="E9452" s="6" t="s">
        <v>9</v>
      </c>
      <c r="F9452" s="7">
        <v>38657</v>
      </c>
      <c r="G9452" s="8">
        <v>1</v>
      </c>
      <c r="H9452" s="8">
        <v>1</v>
      </c>
      <c r="I9452" s="8">
        <v>0</v>
      </c>
      <c r="J9452" s="8">
        <v>1</v>
      </c>
      <c r="K9452" s="9">
        <v>94</v>
      </c>
      <c r="L9452" s="6" t="s">
        <v>51</v>
      </c>
    </row>
    <row r="9453" spans="1:12">
      <c r="A9453" s="6" t="s">
        <v>49</v>
      </c>
      <c r="B9453" s="6"/>
      <c r="C9453" s="6" t="s">
        <v>9477</v>
      </c>
      <c r="D9453" s="6"/>
      <c r="E9453" s="6" t="s">
        <v>9</v>
      </c>
      <c r="F9453" s="7">
        <v>38657</v>
      </c>
      <c r="G9453" s="8">
        <v>1</v>
      </c>
      <c r="H9453" s="8">
        <v>1</v>
      </c>
      <c r="I9453" s="8">
        <v>0</v>
      </c>
      <c r="J9453" s="8">
        <v>1</v>
      </c>
      <c r="K9453" s="9">
        <v>175</v>
      </c>
      <c r="L9453" s="6" t="s">
        <v>51</v>
      </c>
    </row>
    <row r="9454" spans="1:12">
      <c r="A9454" s="6" t="s">
        <v>49</v>
      </c>
      <c r="B9454" s="6"/>
      <c r="C9454" s="6" t="s">
        <v>9478</v>
      </c>
      <c r="D9454" s="6"/>
      <c r="E9454" s="6" t="s">
        <v>9</v>
      </c>
      <c r="F9454" s="7">
        <v>38657</v>
      </c>
      <c r="G9454" s="8">
        <v>1</v>
      </c>
      <c r="H9454" s="8">
        <v>1</v>
      </c>
      <c r="I9454" s="8">
        <v>0</v>
      </c>
      <c r="J9454" s="8">
        <v>1</v>
      </c>
      <c r="K9454" s="9">
        <v>77</v>
      </c>
      <c r="L9454" s="6" t="s">
        <v>51</v>
      </c>
    </row>
    <row r="9455" spans="1:12">
      <c r="A9455" s="6" t="s">
        <v>49</v>
      </c>
      <c r="B9455" s="6"/>
      <c r="C9455" s="6" t="s">
        <v>9479</v>
      </c>
      <c r="D9455" s="6"/>
      <c r="E9455" s="6" t="s">
        <v>9</v>
      </c>
      <c r="F9455" s="7">
        <v>38657</v>
      </c>
      <c r="G9455" s="8">
        <v>1</v>
      </c>
      <c r="H9455" s="8">
        <v>1</v>
      </c>
      <c r="I9455" s="8">
        <v>0</v>
      </c>
      <c r="J9455" s="8">
        <v>1</v>
      </c>
      <c r="K9455" s="9">
        <v>39</v>
      </c>
      <c r="L9455" s="6" t="s">
        <v>51</v>
      </c>
    </row>
    <row r="9456" spans="1:12">
      <c r="A9456" s="6" t="s">
        <v>49</v>
      </c>
      <c r="B9456" s="6"/>
      <c r="C9456" s="6" t="s">
        <v>9480</v>
      </c>
      <c r="D9456" s="6"/>
      <c r="E9456" s="6" t="s">
        <v>9</v>
      </c>
      <c r="F9456" s="7">
        <v>38657</v>
      </c>
      <c r="G9456" s="8">
        <v>1</v>
      </c>
      <c r="H9456" s="8">
        <v>1</v>
      </c>
      <c r="I9456" s="8">
        <v>0</v>
      </c>
      <c r="J9456" s="8">
        <v>1</v>
      </c>
      <c r="K9456" s="9">
        <v>34</v>
      </c>
      <c r="L9456" s="6" t="s">
        <v>51</v>
      </c>
    </row>
    <row r="9457" spans="1:12">
      <c r="A9457" s="6" t="s">
        <v>49</v>
      </c>
      <c r="B9457" s="6"/>
      <c r="C9457" s="6" t="s">
        <v>9481</v>
      </c>
      <c r="D9457" s="6"/>
      <c r="E9457" s="6" t="s">
        <v>9</v>
      </c>
      <c r="F9457" s="7">
        <v>38657</v>
      </c>
      <c r="G9457" s="8">
        <v>1</v>
      </c>
      <c r="H9457" s="8">
        <v>1</v>
      </c>
      <c r="I9457" s="8">
        <v>0</v>
      </c>
      <c r="J9457" s="8">
        <v>1</v>
      </c>
      <c r="K9457" s="9">
        <v>34</v>
      </c>
      <c r="L9457" s="6" t="s">
        <v>51</v>
      </c>
    </row>
    <row r="9458" spans="1:12">
      <c r="A9458" s="6" t="s">
        <v>49</v>
      </c>
      <c r="B9458" s="6"/>
      <c r="C9458" s="6" t="s">
        <v>9482</v>
      </c>
      <c r="D9458" s="6"/>
      <c r="E9458" s="6" t="s">
        <v>9</v>
      </c>
      <c r="F9458" s="7">
        <v>38657</v>
      </c>
      <c r="G9458" s="8">
        <v>1</v>
      </c>
      <c r="H9458" s="8">
        <v>1</v>
      </c>
      <c r="I9458" s="8">
        <v>0</v>
      </c>
      <c r="J9458" s="8">
        <v>1</v>
      </c>
      <c r="K9458" s="9">
        <v>72</v>
      </c>
      <c r="L9458" s="6" t="s">
        <v>51</v>
      </c>
    </row>
    <row r="9459" spans="1:12">
      <c r="A9459" s="6" t="s">
        <v>49</v>
      </c>
      <c r="B9459" s="6"/>
      <c r="C9459" s="6" t="s">
        <v>9483</v>
      </c>
      <c r="D9459" s="6"/>
      <c r="E9459" s="6" t="s">
        <v>9</v>
      </c>
      <c r="F9459" s="7">
        <v>38657</v>
      </c>
      <c r="G9459" s="8">
        <v>1</v>
      </c>
      <c r="H9459" s="8">
        <v>1</v>
      </c>
      <c r="I9459" s="8">
        <v>0</v>
      </c>
      <c r="J9459" s="8">
        <v>1</v>
      </c>
      <c r="K9459" s="9">
        <v>37</v>
      </c>
      <c r="L9459" s="6" t="s">
        <v>51</v>
      </c>
    </row>
    <row r="9460" spans="1:12">
      <c r="A9460" s="6" t="s">
        <v>49</v>
      </c>
      <c r="B9460" s="6"/>
      <c r="C9460" s="6" t="s">
        <v>9484</v>
      </c>
      <c r="D9460" s="6"/>
      <c r="E9460" s="6" t="s">
        <v>9</v>
      </c>
      <c r="F9460" s="7">
        <v>38657</v>
      </c>
      <c r="G9460" s="8">
        <v>1</v>
      </c>
      <c r="H9460" s="8">
        <v>1</v>
      </c>
      <c r="I9460" s="8">
        <v>0</v>
      </c>
      <c r="J9460" s="8">
        <v>1</v>
      </c>
      <c r="K9460" s="9">
        <v>38</v>
      </c>
      <c r="L9460" s="6" t="s">
        <v>51</v>
      </c>
    </row>
    <row r="9461" spans="1:12">
      <c r="A9461" s="6" t="s">
        <v>49</v>
      </c>
      <c r="B9461" s="6"/>
      <c r="C9461" s="6" t="s">
        <v>9485</v>
      </c>
      <c r="D9461" s="6"/>
      <c r="E9461" s="6" t="s">
        <v>9</v>
      </c>
      <c r="F9461" s="7">
        <v>38657</v>
      </c>
      <c r="G9461" s="8">
        <v>1</v>
      </c>
      <c r="H9461" s="8">
        <v>1</v>
      </c>
      <c r="I9461" s="8">
        <v>0</v>
      </c>
      <c r="J9461" s="8">
        <v>1</v>
      </c>
      <c r="K9461" s="9">
        <v>38</v>
      </c>
      <c r="L9461" s="6" t="s">
        <v>51</v>
      </c>
    </row>
    <row r="9462" spans="1:12">
      <c r="A9462" s="6" t="s">
        <v>49</v>
      </c>
      <c r="B9462" s="6"/>
      <c r="C9462" s="6" t="s">
        <v>9486</v>
      </c>
      <c r="D9462" s="6"/>
      <c r="E9462" s="6" t="s">
        <v>9</v>
      </c>
      <c r="F9462" s="7">
        <v>38657</v>
      </c>
      <c r="G9462" s="8">
        <v>1</v>
      </c>
      <c r="H9462" s="8">
        <v>1</v>
      </c>
      <c r="I9462" s="8">
        <v>0</v>
      </c>
      <c r="J9462" s="8">
        <v>1</v>
      </c>
      <c r="K9462" s="9">
        <v>39</v>
      </c>
      <c r="L9462" s="6" t="s">
        <v>51</v>
      </c>
    </row>
    <row r="9463" spans="1:12">
      <c r="A9463" s="6" t="s">
        <v>49</v>
      </c>
      <c r="B9463" s="6"/>
      <c r="C9463" s="6" t="s">
        <v>9487</v>
      </c>
      <c r="D9463" s="6"/>
      <c r="E9463" s="6" t="s">
        <v>9</v>
      </c>
      <c r="F9463" s="7">
        <v>38657</v>
      </c>
      <c r="G9463" s="8">
        <v>1</v>
      </c>
      <c r="H9463" s="8">
        <v>1</v>
      </c>
      <c r="I9463" s="8">
        <v>0</v>
      </c>
      <c r="J9463" s="8">
        <v>1</v>
      </c>
      <c r="K9463" s="9">
        <v>37</v>
      </c>
      <c r="L9463" s="6" t="s">
        <v>51</v>
      </c>
    </row>
    <row r="9464" spans="1:12">
      <c r="A9464" s="6" t="s">
        <v>49</v>
      </c>
      <c r="B9464" s="6"/>
      <c r="C9464" s="6" t="s">
        <v>9488</v>
      </c>
      <c r="D9464" s="6"/>
      <c r="E9464" s="6" t="s">
        <v>9</v>
      </c>
      <c r="F9464" s="7">
        <v>38657</v>
      </c>
      <c r="G9464" s="8">
        <v>1</v>
      </c>
      <c r="H9464" s="8">
        <v>1</v>
      </c>
      <c r="I9464" s="8">
        <v>0</v>
      </c>
      <c r="J9464" s="8">
        <v>1</v>
      </c>
      <c r="K9464" s="9">
        <v>26.44</v>
      </c>
      <c r="L9464" s="6" t="s">
        <v>51</v>
      </c>
    </row>
    <row r="9465" spans="1:12">
      <c r="A9465" s="6" t="s">
        <v>49</v>
      </c>
      <c r="B9465" s="6"/>
      <c r="C9465" s="6" t="s">
        <v>9489</v>
      </c>
      <c r="D9465" s="6"/>
      <c r="E9465" s="6" t="s">
        <v>9</v>
      </c>
      <c r="F9465" s="7">
        <v>38657</v>
      </c>
      <c r="G9465" s="8">
        <v>1</v>
      </c>
      <c r="H9465" s="8">
        <v>1</v>
      </c>
      <c r="I9465" s="8">
        <v>0</v>
      </c>
      <c r="J9465" s="8">
        <v>1</v>
      </c>
      <c r="K9465" s="9">
        <v>44</v>
      </c>
      <c r="L9465" s="6" t="s">
        <v>51</v>
      </c>
    </row>
    <row r="9466" spans="1:12">
      <c r="A9466" s="6" t="s">
        <v>49</v>
      </c>
      <c r="B9466" s="6"/>
      <c r="C9466" s="6" t="s">
        <v>9490</v>
      </c>
      <c r="D9466" s="6"/>
      <c r="E9466" s="6" t="s">
        <v>9</v>
      </c>
      <c r="F9466" s="7">
        <v>38657</v>
      </c>
      <c r="G9466" s="8">
        <v>1</v>
      </c>
      <c r="H9466" s="8">
        <v>1</v>
      </c>
      <c r="I9466" s="8">
        <v>0</v>
      </c>
      <c r="J9466" s="8">
        <v>1</v>
      </c>
      <c r="K9466" s="9">
        <v>41</v>
      </c>
      <c r="L9466" s="6" t="s">
        <v>51</v>
      </c>
    </row>
    <row r="9467" spans="1:12">
      <c r="A9467" s="6" t="s">
        <v>49</v>
      </c>
      <c r="B9467" s="6"/>
      <c r="C9467" s="6" t="s">
        <v>9491</v>
      </c>
      <c r="D9467" s="6"/>
      <c r="E9467" s="6" t="s">
        <v>9</v>
      </c>
      <c r="F9467" s="7">
        <v>38657</v>
      </c>
      <c r="G9467" s="8">
        <v>1</v>
      </c>
      <c r="H9467" s="8">
        <v>1</v>
      </c>
      <c r="I9467" s="8">
        <v>0</v>
      </c>
      <c r="J9467" s="8">
        <v>1</v>
      </c>
      <c r="K9467" s="9">
        <v>41</v>
      </c>
      <c r="L9467" s="6" t="s">
        <v>51</v>
      </c>
    </row>
    <row r="9468" spans="1:12">
      <c r="A9468" s="6" t="s">
        <v>49</v>
      </c>
      <c r="B9468" s="6"/>
      <c r="C9468" s="6" t="s">
        <v>9492</v>
      </c>
      <c r="D9468" s="6"/>
      <c r="E9468" s="6" t="s">
        <v>9</v>
      </c>
      <c r="F9468" s="7">
        <v>38657</v>
      </c>
      <c r="G9468" s="8">
        <v>1</v>
      </c>
      <c r="H9468" s="8">
        <v>1</v>
      </c>
      <c r="I9468" s="8">
        <v>0</v>
      </c>
      <c r="J9468" s="8">
        <v>1</v>
      </c>
      <c r="K9468" s="9">
        <v>40</v>
      </c>
      <c r="L9468" s="6" t="s">
        <v>51</v>
      </c>
    </row>
    <row r="9469" spans="1:12">
      <c r="A9469" s="6" t="s">
        <v>49</v>
      </c>
      <c r="B9469" s="6"/>
      <c r="C9469" s="6" t="s">
        <v>9493</v>
      </c>
      <c r="D9469" s="6"/>
      <c r="E9469" s="6" t="s">
        <v>9</v>
      </c>
      <c r="F9469" s="7">
        <v>38657</v>
      </c>
      <c r="G9469" s="8">
        <v>1</v>
      </c>
      <c r="H9469" s="8">
        <v>1</v>
      </c>
      <c r="I9469" s="8">
        <v>0</v>
      </c>
      <c r="J9469" s="8">
        <v>1</v>
      </c>
      <c r="K9469" s="9">
        <v>119</v>
      </c>
      <c r="L9469" s="6" t="s">
        <v>51</v>
      </c>
    </row>
    <row r="9470" spans="1:12">
      <c r="A9470" s="6" t="s">
        <v>49</v>
      </c>
      <c r="B9470" s="6"/>
      <c r="C9470" s="6" t="s">
        <v>9494</v>
      </c>
      <c r="D9470" s="6"/>
      <c r="E9470" s="6" t="s">
        <v>9</v>
      </c>
      <c r="F9470" s="7">
        <v>38657</v>
      </c>
      <c r="G9470" s="8">
        <v>1</v>
      </c>
      <c r="H9470" s="8">
        <v>1</v>
      </c>
      <c r="I9470" s="8">
        <v>0</v>
      </c>
      <c r="J9470" s="8">
        <v>1</v>
      </c>
      <c r="K9470" s="9">
        <v>106</v>
      </c>
      <c r="L9470" s="6" t="s">
        <v>51</v>
      </c>
    </row>
    <row r="9471" spans="1:12">
      <c r="A9471" s="6" t="s">
        <v>49</v>
      </c>
      <c r="B9471" s="6"/>
      <c r="C9471" s="6" t="s">
        <v>9495</v>
      </c>
      <c r="D9471" s="6"/>
      <c r="E9471" s="6" t="s">
        <v>9</v>
      </c>
      <c r="F9471" s="7">
        <v>38657</v>
      </c>
      <c r="G9471" s="8">
        <v>1</v>
      </c>
      <c r="H9471" s="8">
        <v>1</v>
      </c>
      <c r="I9471" s="8">
        <v>0</v>
      </c>
      <c r="J9471" s="8">
        <v>1</v>
      </c>
      <c r="K9471" s="9">
        <v>65</v>
      </c>
      <c r="L9471" s="6" t="s">
        <v>51</v>
      </c>
    </row>
    <row r="9472" spans="1:12">
      <c r="A9472" s="6" t="s">
        <v>49</v>
      </c>
      <c r="B9472" s="6"/>
      <c r="C9472" s="6" t="s">
        <v>9496</v>
      </c>
      <c r="D9472" s="6"/>
      <c r="E9472" s="6" t="s">
        <v>9</v>
      </c>
      <c r="F9472" s="7">
        <v>38657</v>
      </c>
      <c r="G9472" s="8">
        <v>1</v>
      </c>
      <c r="H9472" s="8">
        <v>1</v>
      </c>
      <c r="I9472" s="8">
        <v>0</v>
      </c>
      <c r="J9472" s="8">
        <v>1</v>
      </c>
      <c r="K9472" s="9">
        <v>196</v>
      </c>
      <c r="L9472" s="6" t="s">
        <v>51</v>
      </c>
    </row>
    <row r="9473" spans="1:12">
      <c r="A9473" s="6" t="s">
        <v>49</v>
      </c>
      <c r="B9473" s="6"/>
      <c r="C9473" s="6" t="s">
        <v>9497</v>
      </c>
      <c r="D9473" s="6"/>
      <c r="E9473" s="6" t="s">
        <v>9</v>
      </c>
      <c r="F9473" s="7">
        <v>38657</v>
      </c>
      <c r="G9473" s="8">
        <v>1</v>
      </c>
      <c r="H9473" s="8">
        <v>1</v>
      </c>
      <c r="I9473" s="8">
        <v>0</v>
      </c>
      <c r="J9473" s="8">
        <v>1</v>
      </c>
      <c r="K9473" s="9">
        <v>88</v>
      </c>
      <c r="L9473" s="6" t="s">
        <v>51</v>
      </c>
    </row>
    <row r="9474" spans="1:12">
      <c r="A9474" s="6" t="s">
        <v>49</v>
      </c>
      <c r="B9474" s="6"/>
      <c r="C9474" s="6" t="s">
        <v>9498</v>
      </c>
      <c r="D9474" s="6"/>
      <c r="E9474" s="6" t="s">
        <v>9</v>
      </c>
      <c r="F9474" s="7">
        <v>38657</v>
      </c>
      <c r="G9474" s="8">
        <v>1</v>
      </c>
      <c r="H9474" s="8">
        <v>1</v>
      </c>
      <c r="I9474" s="8">
        <v>0</v>
      </c>
      <c r="J9474" s="8">
        <v>1</v>
      </c>
      <c r="K9474" s="9">
        <v>142</v>
      </c>
      <c r="L9474" s="6" t="s">
        <v>51</v>
      </c>
    </row>
    <row r="9475" spans="1:12">
      <c r="A9475" s="6" t="s">
        <v>49</v>
      </c>
      <c r="B9475" s="6"/>
      <c r="C9475" s="6" t="s">
        <v>9499</v>
      </c>
      <c r="D9475" s="6"/>
      <c r="E9475" s="6" t="s">
        <v>9</v>
      </c>
      <c r="F9475" s="7">
        <v>38657</v>
      </c>
      <c r="G9475" s="8">
        <v>1</v>
      </c>
      <c r="H9475" s="8">
        <v>1</v>
      </c>
      <c r="I9475" s="8">
        <v>0</v>
      </c>
      <c r="J9475" s="8">
        <v>1</v>
      </c>
      <c r="K9475" s="9">
        <v>145</v>
      </c>
      <c r="L9475" s="6" t="s">
        <v>51</v>
      </c>
    </row>
    <row r="9476" spans="1:12">
      <c r="A9476" s="6" t="s">
        <v>49</v>
      </c>
      <c r="B9476" s="6"/>
      <c r="C9476" s="6" t="s">
        <v>9500</v>
      </c>
      <c r="D9476" s="6"/>
      <c r="E9476" s="6" t="s">
        <v>9</v>
      </c>
      <c r="F9476" s="7">
        <v>38657</v>
      </c>
      <c r="G9476" s="8">
        <v>1</v>
      </c>
      <c r="H9476" s="8">
        <v>1</v>
      </c>
      <c r="I9476" s="8">
        <v>0</v>
      </c>
      <c r="J9476" s="8">
        <v>1</v>
      </c>
      <c r="K9476" s="9">
        <v>173</v>
      </c>
      <c r="L9476" s="6" t="s">
        <v>51</v>
      </c>
    </row>
    <row r="9477" spans="1:12">
      <c r="A9477" s="6" t="s">
        <v>49</v>
      </c>
      <c r="B9477" s="6"/>
      <c r="C9477" s="6" t="s">
        <v>9501</v>
      </c>
      <c r="D9477" s="6"/>
      <c r="E9477" s="6" t="s">
        <v>9</v>
      </c>
      <c r="F9477" s="7">
        <v>38657</v>
      </c>
      <c r="G9477" s="8">
        <v>1</v>
      </c>
      <c r="H9477" s="8">
        <v>1</v>
      </c>
      <c r="I9477" s="8">
        <v>0</v>
      </c>
      <c r="J9477" s="8">
        <v>1</v>
      </c>
      <c r="K9477" s="9">
        <v>22</v>
      </c>
      <c r="L9477" s="6" t="s">
        <v>51</v>
      </c>
    </row>
    <row r="9478" spans="1:12">
      <c r="A9478" s="6" t="s">
        <v>49</v>
      </c>
      <c r="B9478" s="6"/>
      <c r="C9478" s="6" t="s">
        <v>9502</v>
      </c>
      <c r="D9478" s="6"/>
      <c r="E9478" s="6" t="s">
        <v>9</v>
      </c>
      <c r="F9478" s="7">
        <v>38657</v>
      </c>
      <c r="G9478" s="8">
        <v>1</v>
      </c>
      <c r="H9478" s="8">
        <v>1</v>
      </c>
      <c r="I9478" s="8">
        <v>0</v>
      </c>
      <c r="J9478" s="8">
        <v>1</v>
      </c>
      <c r="K9478" s="9">
        <v>252</v>
      </c>
      <c r="L9478" s="6" t="s">
        <v>51</v>
      </c>
    </row>
    <row r="9479" spans="1:12">
      <c r="A9479" s="6" t="s">
        <v>49</v>
      </c>
      <c r="B9479" s="6"/>
      <c r="C9479" s="6" t="s">
        <v>9503</v>
      </c>
      <c r="D9479" s="6"/>
      <c r="E9479" s="6" t="s">
        <v>9</v>
      </c>
      <c r="F9479" s="7">
        <v>38657</v>
      </c>
      <c r="G9479" s="8">
        <v>1</v>
      </c>
      <c r="H9479" s="8">
        <v>1</v>
      </c>
      <c r="I9479" s="8">
        <v>0</v>
      </c>
      <c r="J9479" s="8">
        <v>1</v>
      </c>
      <c r="K9479" s="9">
        <v>176</v>
      </c>
      <c r="L9479" s="6" t="s">
        <v>51</v>
      </c>
    </row>
    <row r="9480" spans="1:12">
      <c r="A9480" s="6" t="s">
        <v>49</v>
      </c>
      <c r="B9480" s="6"/>
      <c r="C9480" s="6" t="s">
        <v>9504</v>
      </c>
      <c r="D9480" s="6"/>
      <c r="E9480" s="6" t="s">
        <v>9</v>
      </c>
      <c r="F9480" s="7">
        <v>38657</v>
      </c>
      <c r="G9480" s="8">
        <v>1</v>
      </c>
      <c r="H9480" s="8">
        <v>1</v>
      </c>
      <c r="I9480" s="8">
        <v>0</v>
      </c>
      <c r="J9480" s="8">
        <v>1</v>
      </c>
      <c r="K9480" s="9">
        <v>21</v>
      </c>
      <c r="L9480" s="6" t="s">
        <v>51</v>
      </c>
    </row>
    <row r="9481" spans="1:12">
      <c r="A9481" s="6" t="s">
        <v>49</v>
      </c>
      <c r="B9481" s="6"/>
      <c r="C9481" s="6" t="s">
        <v>9505</v>
      </c>
      <c r="D9481" s="6"/>
      <c r="E9481" s="6" t="s">
        <v>9</v>
      </c>
      <c r="F9481" s="7">
        <v>38657</v>
      </c>
      <c r="G9481" s="8">
        <v>1</v>
      </c>
      <c r="H9481" s="8">
        <v>1</v>
      </c>
      <c r="I9481" s="8">
        <v>0</v>
      </c>
      <c r="J9481" s="8">
        <v>1</v>
      </c>
      <c r="K9481" s="9">
        <v>58</v>
      </c>
      <c r="L9481" s="6" t="s">
        <v>51</v>
      </c>
    </row>
    <row r="9482" spans="1:12">
      <c r="A9482" s="6" t="s">
        <v>49</v>
      </c>
      <c r="B9482" s="6"/>
      <c r="C9482" s="6" t="s">
        <v>9506</v>
      </c>
      <c r="D9482" s="6"/>
      <c r="E9482" s="6" t="s">
        <v>9</v>
      </c>
      <c r="F9482" s="7">
        <v>38657</v>
      </c>
      <c r="G9482" s="8">
        <v>1</v>
      </c>
      <c r="H9482" s="8">
        <v>1</v>
      </c>
      <c r="I9482" s="8">
        <v>0</v>
      </c>
      <c r="J9482" s="8">
        <v>1</v>
      </c>
      <c r="K9482" s="9">
        <v>25</v>
      </c>
      <c r="L9482" s="6" t="s">
        <v>51</v>
      </c>
    </row>
    <row r="9483" spans="1:12">
      <c r="A9483" s="6" t="s">
        <v>49</v>
      </c>
      <c r="B9483" s="6"/>
      <c r="C9483" s="6" t="s">
        <v>9507</v>
      </c>
      <c r="D9483" s="6"/>
      <c r="E9483" s="6" t="s">
        <v>9</v>
      </c>
      <c r="F9483" s="7">
        <v>38657</v>
      </c>
      <c r="G9483" s="8">
        <v>1</v>
      </c>
      <c r="H9483" s="8">
        <v>1</v>
      </c>
      <c r="I9483" s="8">
        <v>0</v>
      </c>
      <c r="J9483" s="8">
        <v>1</v>
      </c>
      <c r="K9483" s="9">
        <v>16</v>
      </c>
      <c r="L9483" s="6" t="s">
        <v>51</v>
      </c>
    </row>
    <row r="9484" spans="1:12">
      <c r="A9484" s="6" t="s">
        <v>49</v>
      </c>
      <c r="B9484" s="6"/>
      <c r="C9484" s="6" t="s">
        <v>9508</v>
      </c>
      <c r="D9484" s="6"/>
      <c r="E9484" s="6" t="s">
        <v>9</v>
      </c>
      <c r="F9484" s="7">
        <v>38657</v>
      </c>
      <c r="G9484" s="8">
        <v>1</v>
      </c>
      <c r="H9484" s="8">
        <v>1</v>
      </c>
      <c r="I9484" s="8">
        <v>0</v>
      </c>
      <c r="J9484" s="8">
        <v>1</v>
      </c>
      <c r="K9484" s="9">
        <v>62</v>
      </c>
      <c r="L9484" s="6" t="s">
        <v>51</v>
      </c>
    </row>
    <row r="9485" spans="1:12">
      <c r="A9485" s="6" t="s">
        <v>49</v>
      </c>
      <c r="B9485" s="6"/>
      <c r="C9485" s="6" t="s">
        <v>9509</v>
      </c>
      <c r="D9485" s="6"/>
      <c r="E9485" s="6" t="s">
        <v>9</v>
      </c>
      <c r="F9485" s="7">
        <v>38657</v>
      </c>
      <c r="G9485" s="8">
        <v>1</v>
      </c>
      <c r="H9485" s="8">
        <v>1</v>
      </c>
      <c r="I9485" s="8">
        <v>0</v>
      </c>
      <c r="J9485" s="8">
        <v>1</v>
      </c>
      <c r="K9485" s="9">
        <v>376</v>
      </c>
      <c r="L9485" s="6" t="s">
        <v>51</v>
      </c>
    </row>
    <row r="9486" spans="1:12">
      <c r="A9486" s="6" t="s">
        <v>49</v>
      </c>
      <c r="B9486" s="6"/>
      <c r="C9486" s="6" t="s">
        <v>9510</v>
      </c>
      <c r="D9486" s="6"/>
      <c r="E9486" s="6" t="s">
        <v>9</v>
      </c>
      <c r="F9486" s="7">
        <v>38657</v>
      </c>
      <c r="G9486" s="8">
        <v>1</v>
      </c>
      <c r="H9486" s="8">
        <v>1</v>
      </c>
      <c r="I9486" s="8">
        <v>0</v>
      </c>
      <c r="J9486" s="8">
        <v>1</v>
      </c>
      <c r="K9486" s="9">
        <v>152</v>
      </c>
      <c r="L9486" s="6" t="s">
        <v>51</v>
      </c>
    </row>
    <row r="9487" spans="1:12">
      <c r="A9487" s="6" t="s">
        <v>49</v>
      </c>
      <c r="B9487" s="6"/>
      <c r="C9487" s="6" t="s">
        <v>9511</v>
      </c>
      <c r="D9487" s="6"/>
      <c r="E9487" s="6" t="s">
        <v>9</v>
      </c>
      <c r="F9487" s="7">
        <v>38657</v>
      </c>
      <c r="G9487" s="8">
        <v>1</v>
      </c>
      <c r="H9487" s="8">
        <v>1</v>
      </c>
      <c r="I9487" s="8">
        <v>0</v>
      </c>
      <c r="J9487" s="8">
        <v>1</v>
      </c>
      <c r="K9487" s="9">
        <v>27</v>
      </c>
      <c r="L9487" s="6" t="s">
        <v>51</v>
      </c>
    </row>
    <row r="9488" spans="1:12">
      <c r="A9488" s="6" t="s">
        <v>49</v>
      </c>
      <c r="B9488" s="6"/>
      <c r="C9488" s="6" t="s">
        <v>9512</v>
      </c>
      <c r="D9488" s="6"/>
      <c r="E9488" s="6" t="s">
        <v>9</v>
      </c>
      <c r="F9488" s="7">
        <v>38657</v>
      </c>
      <c r="G9488" s="8">
        <v>1</v>
      </c>
      <c r="H9488" s="8">
        <v>1</v>
      </c>
      <c r="I9488" s="8">
        <v>0</v>
      </c>
      <c r="J9488" s="8">
        <v>1</v>
      </c>
      <c r="K9488" s="9">
        <v>5</v>
      </c>
      <c r="L9488" s="6" t="s">
        <v>51</v>
      </c>
    </row>
    <row r="9489" spans="1:12">
      <c r="A9489" s="6" t="s">
        <v>49</v>
      </c>
      <c r="B9489" s="6"/>
      <c r="C9489" s="6" t="s">
        <v>9513</v>
      </c>
      <c r="D9489" s="6"/>
      <c r="E9489" s="6" t="s">
        <v>9</v>
      </c>
      <c r="F9489" s="7">
        <v>38657</v>
      </c>
      <c r="G9489" s="8">
        <v>1</v>
      </c>
      <c r="H9489" s="8">
        <v>1</v>
      </c>
      <c r="I9489" s="8">
        <v>0</v>
      </c>
      <c r="J9489" s="8">
        <v>1</v>
      </c>
      <c r="K9489" s="9">
        <v>7.7</v>
      </c>
      <c r="L9489" s="6" t="s">
        <v>51</v>
      </c>
    </row>
    <row r="9490" spans="1:12">
      <c r="A9490" s="6" t="s">
        <v>49</v>
      </c>
      <c r="B9490" s="6"/>
      <c r="C9490" s="6" t="s">
        <v>9514</v>
      </c>
      <c r="D9490" s="6"/>
      <c r="E9490" s="6" t="s">
        <v>9</v>
      </c>
      <c r="F9490" s="7">
        <v>38657</v>
      </c>
      <c r="G9490" s="8">
        <v>1</v>
      </c>
      <c r="H9490" s="8">
        <v>1</v>
      </c>
      <c r="I9490" s="8">
        <v>0</v>
      </c>
      <c r="J9490" s="8">
        <v>1</v>
      </c>
      <c r="K9490" s="9">
        <v>3</v>
      </c>
      <c r="L9490" s="6" t="s">
        <v>51</v>
      </c>
    </row>
    <row r="9491" spans="1:12">
      <c r="A9491" s="6" t="s">
        <v>49</v>
      </c>
      <c r="B9491" s="6"/>
      <c r="C9491" s="6" t="s">
        <v>9515</v>
      </c>
      <c r="D9491" s="6"/>
      <c r="E9491" s="6" t="s">
        <v>9</v>
      </c>
      <c r="F9491" s="7">
        <v>38657</v>
      </c>
      <c r="G9491" s="8">
        <v>1</v>
      </c>
      <c r="H9491" s="8">
        <v>1</v>
      </c>
      <c r="I9491" s="8">
        <v>0</v>
      </c>
      <c r="J9491" s="8">
        <v>1</v>
      </c>
      <c r="K9491" s="9">
        <v>102</v>
      </c>
      <c r="L9491" s="6" t="s">
        <v>51</v>
      </c>
    </row>
    <row r="9492" spans="1:12">
      <c r="A9492" s="6" t="s">
        <v>49</v>
      </c>
      <c r="B9492" s="6"/>
      <c r="C9492" s="6" t="s">
        <v>9516</v>
      </c>
      <c r="D9492" s="6"/>
      <c r="E9492" s="6" t="s">
        <v>9</v>
      </c>
      <c r="F9492" s="7">
        <v>38657</v>
      </c>
      <c r="G9492" s="8">
        <v>1</v>
      </c>
      <c r="H9492" s="8">
        <v>1</v>
      </c>
      <c r="I9492" s="8">
        <v>0</v>
      </c>
      <c r="J9492" s="8">
        <v>1</v>
      </c>
      <c r="K9492" s="9">
        <v>5.28</v>
      </c>
      <c r="L9492" s="6" t="s">
        <v>51</v>
      </c>
    </row>
    <row r="9493" spans="1:12">
      <c r="A9493" s="6" t="s">
        <v>49</v>
      </c>
      <c r="B9493" s="6"/>
      <c r="C9493" s="6" t="s">
        <v>9517</v>
      </c>
      <c r="D9493" s="6"/>
      <c r="E9493" s="6" t="s">
        <v>9</v>
      </c>
      <c r="F9493" s="7">
        <v>38657</v>
      </c>
      <c r="G9493" s="8">
        <v>1</v>
      </c>
      <c r="H9493" s="8">
        <v>1</v>
      </c>
      <c r="I9493" s="8">
        <v>0</v>
      </c>
      <c r="J9493" s="8">
        <v>1</v>
      </c>
      <c r="K9493" s="9">
        <v>13</v>
      </c>
      <c r="L9493" s="6" t="s">
        <v>51</v>
      </c>
    </row>
    <row r="9494" spans="1:12">
      <c r="A9494" s="6" t="s">
        <v>49</v>
      </c>
      <c r="B9494" s="6"/>
      <c r="C9494" s="6" t="s">
        <v>9518</v>
      </c>
      <c r="D9494" s="6"/>
      <c r="E9494" s="6" t="s">
        <v>9</v>
      </c>
      <c r="F9494" s="7">
        <v>38657</v>
      </c>
      <c r="G9494" s="8">
        <v>1</v>
      </c>
      <c r="H9494" s="8">
        <v>1</v>
      </c>
      <c r="I9494" s="8">
        <v>0</v>
      </c>
      <c r="J9494" s="8">
        <v>1</v>
      </c>
      <c r="K9494" s="9">
        <v>17</v>
      </c>
      <c r="L9494" s="6" t="s">
        <v>51</v>
      </c>
    </row>
    <row r="9495" spans="1:12">
      <c r="A9495" s="6" t="s">
        <v>49</v>
      </c>
      <c r="B9495" s="6"/>
      <c r="C9495" s="6" t="s">
        <v>9519</v>
      </c>
      <c r="D9495" s="6"/>
      <c r="E9495" s="6" t="s">
        <v>9</v>
      </c>
      <c r="F9495" s="7">
        <v>38657</v>
      </c>
      <c r="G9495" s="8">
        <v>1</v>
      </c>
      <c r="H9495" s="8">
        <v>1</v>
      </c>
      <c r="I9495" s="8">
        <v>0</v>
      </c>
      <c r="J9495" s="8">
        <v>1</v>
      </c>
      <c r="K9495" s="9">
        <v>7.2</v>
      </c>
      <c r="L9495" s="6" t="s">
        <v>51</v>
      </c>
    </row>
    <row r="9496" spans="1:12">
      <c r="A9496" s="6" t="s">
        <v>49</v>
      </c>
      <c r="B9496" s="6"/>
      <c r="C9496" s="6" t="s">
        <v>9520</v>
      </c>
      <c r="D9496" s="6"/>
      <c r="E9496" s="6" t="s">
        <v>9</v>
      </c>
      <c r="F9496" s="7">
        <v>38657</v>
      </c>
      <c r="G9496" s="8">
        <v>1</v>
      </c>
      <c r="H9496" s="8">
        <v>1</v>
      </c>
      <c r="I9496" s="8">
        <v>0</v>
      </c>
      <c r="J9496" s="8">
        <v>1</v>
      </c>
      <c r="K9496" s="9">
        <v>22</v>
      </c>
      <c r="L9496" s="6" t="s">
        <v>51</v>
      </c>
    </row>
    <row r="9497" spans="1:12">
      <c r="A9497" s="6" t="s">
        <v>49</v>
      </c>
      <c r="B9497" s="6"/>
      <c r="C9497" s="6" t="s">
        <v>9521</v>
      </c>
      <c r="D9497" s="6"/>
      <c r="E9497" s="6" t="s">
        <v>9</v>
      </c>
      <c r="F9497" s="7">
        <v>38657</v>
      </c>
      <c r="G9497" s="8">
        <v>1</v>
      </c>
      <c r="H9497" s="8">
        <v>1</v>
      </c>
      <c r="I9497" s="8">
        <v>0</v>
      </c>
      <c r="J9497" s="8">
        <v>1</v>
      </c>
      <c r="K9497" s="9">
        <v>21</v>
      </c>
      <c r="L9497" s="6" t="s">
        <v>51</v>
      </c>
    </row>
    <row r="9498" spans="1:12">
      <c r="A9498" s="6" t="s">
        <v>49</v>
      </c>
      <c r="B9498" s="6"/>
      <c r="C9498" s="6" t="s">
        <v>9522</v>
      </c>
      <c r="D9498" s="6"/>
      <c r="E9498" s="6" t="s">
        <v>9</v>
      </c>
      <c r="F9498" s="7">
        <v>38657</v>
      </c>
      <c r="G9498" s="8">
        <v>1</v>
      </c>
      <c r="H9498" s="8">
        <v>1</v>
      </c>
      <c r="I9498" s="8">
        <v>0</v>
      </c>
      <c r="J9498" s="8">
        <v>1</v>
      </c>
      <c r="K9498" s="9">
        <v>33</v>
      </c>
      <c r="L9498" s="6" t="s">
        <v>51</v>
      </c>
    </row>
    <row r="9499" spans="1:12">
      <c r="A9499" s="6" t="s">
        <v>49</v>
      </c>
      <c r="B9499" s="6"/>
      <c r="C9499" s="6" t="s">
        <v>9523</v>
      </c>
      <c r="D9499" s="6"/>
      <c r="E9499" s="6" t="s">
        <v>9</v>
      </c>
      <c r="F9499" s="7">
        <v>38657</v>
      </c>
      <c r="G9499" s="8">
        <v>1</v>
      </c>
      <c r="H9499" s="8">
        <v>1</v>
      </c>
      <c r="I9499" s="8">
        <v>0</v>
      </c>
      <c r="J9499" s="8">
        <v>1</v>
      </c>
      <c r="K9499" s="9">
        <v>502</v>
      </c>
      <c r="L9499" s="6" t="s">
        <v>51</v>
      </c>
    </row>
    <row r="9500" spans="1:12">
      <c r="A9500" s="6" t="s">
        <v>49</v>
      </c>
      <c r="B9500" s="6"/>
      <c r="C9500" s="6" t="s">
        <v>9524</v>
      </c>
      <c r="D9500" s="6"/>
      <c r="E9500" s="6" t="s">
        <v>9</v>
      </c>
      <c r="F9500" s="7">
        <v>38657</v>
      </c>
      <c r="G9500" s="8">
        <v>1</v>
      </c>
      <c r="H9500" s="8">
        <v>1</v>
      </c>
      <c r="I9500" s="8">
        <v>0</v>
      </c>
      <c r="J9500" s="8">
        <v>1</v>
      </c>
      <c r="K9500" s="9">
        <v>197</v>
      </c>
      <c r="L9500" s="6" t="s">
        <v>51</v>
      </c>
    </row>
    <row r="9501" spans="1:12">
      <c r="A9501" s="6" t="s">
        <v>49</v>
      </c>
      <c r="B9501" s="6"/>
      <c r="C9501" s="6" t="s">
        <v>9525</v>
      </c>
      <c r="D9501" s="6"/>
      <c r="E9501" s="6" t="s">
        <v>9</v>
      </c>
      <c r="F9501" s="7">
        <v>38657</v>
      </c>
      <c r="G9501" s="8">
        <v>1</v>
      </c>
      <c r="H9501" s="8">
        <v>1</v>
      </c>
      <c r="I9501" s="8">
        <v>0</v>
      </c>
      <c r="J9501" s="8">
        <v>1</v>
      </c>
      <c r="K9501" s="9">
        <v>47</v>
      </c>
      <c r="L9501" s="6" t="s">
        <v>51</v>
      </c>
    </row>
    <row r="9502" spans="1:12">
      <c r="A9502" s="6" t="s">
        <v>49</v>
      </c>
      <c r="B9502" s="6"/>
      <c r="C9502" s="6" t="s">
        <v>9526</v>
      </c>
      <c r="D9502" s="6"/>
      <c r="E9502" s="6" t="s">
        <v>9</v>
      </c>
      <c r="F9502" s="7">
        <v>38657</v>
      </c>
      <c r="G9502" s="8">
        <v>1</v>
      </c>
      <c r="H9502" s="8">
        <v>1</v>
      </c>
      <c r="I9502" s="8">
        <v>0</v>
      </c>
      <c r="J9502" s="8">
        <v>1</v>
      </c>
      <c r="K9502" s="9">
        <v>245</v>
      </c>
      <c r="L9502" s="6" t="s">
        <v>51</v>
      </c>
    </row>
    <row r="9503" spans="1:12">
      <c r="A9503" s="6" t="s">
        <v>49</v>
      </c>
      <c r="B9503" s="6"/>
      <c r="C9503" s="6" t="s">
        <v>9527</v>
      </c>
      <c r="D9503" s="6"/>
      <c r="E9503" s="6" t="s">
        <v>9</v>
      </c>
      <c r="F9503" s="7">
        <v>38657</v>
      </c>
      <c r="G9503" s="8">
        <v>1</v>
      </c>
      <c r="H9503" s="8">
        <v>1</v>
      </c>
      <c r="I9503" s="8">
        <v>0</v>
      </c>
      <c r="J9503" s="8">
        <v>1</v>
      </c>
      <c r="K9503" s="9">
        <v>65</v>
      </c>
      <c r="L9503" s="6" t="s">
        <v>51</v>
      </c>
    </row>
    <row r="9504" spans="1:12">
      <c r="A9504" s="6" t="s">
        <v>49</v>
      </c>
      <c r="B9504" s="6"/>
      <c r="C9504" s="6" t="s">
        <v>9528</v>
      </c>
      <c r="D9504" s="6"/>
      <c r="E9504" s="6" t="s">
        <v>9</v>
      </c>
      <c r="F9504" s="7">
        <v>38657</v>
      </c>
      <c r="G9504" s="8">
        <v>1</v>
      </c>
      <c r="H9504" s="8">
        <v>1</v>
      </c>
      <c r="I9504" s="8">
        <v>0</v>
      </c>
      <c r="J9504" s="8">
        <v>1</v>
      </c>
      <c r="K9504" s="9">
        <v>40</v>
      </c>
      <c r="L9504" s="6" t="s">
        <v>51</v>
      </c>
    </row>
    <row r="9505" spans="1:12">
      <c r="A9505" s="6" t="s">
        <v>49</v>
      </c>
      <c r="B9505" s="6"/>
      <c r="C9505" s="6" t="s">
        <v>9529</v>
      </c>
      <c r="D9505" s="6"/>
      <c r="E9505" s="6" t="s">
        <v>9</v>
      </c>
      <c r="F9505" s="7">
        <v>38657</v>
      </c>
      <c r="G9505" s="8">
        <v>1</v>
      </c>
      <c r="H9505" s="8">
        <v>1</v>
      </c>
      <c r="I9505" s="8">
        <v>0</v>
      </c>
      <c r="J9505" s="8">
        <v>1</v>
      </c>
      <c r="K9505" s="9">
        <v>35</v>
      </c>
      <c r="L9505" s="6" t="s">
        <v>51</v>
      </c>
    </row>
    <row r="9506" spans="1:12">
      <c r="A9506" s="6" t="s">
        <v>49</v>
      </c>
      <c r="B9506" s="6"/>
      <c r="C9506" s="6" t="s">
        <v>9530</v>
      </c>
      <c r="D9506" s="6"/>
      <c r="E9506" s="6" t="s">
        <v>9</v>
      </c>
      <c r="F9506" s="7">
        <v>38657</v>
      </c>
      <c r="G9506" s="8">
        <v>1</v>
      </c>
      <c r="H9506" s="8">
        <v>1</v>
      </c>
      <c r="I9506" s="8">
        <v>0</v>
      </c>
      <c r="J9506" s="8">
        <v>1</v>
      </c>
      <c r="K9506" s="9">
        <v>98</v>
      </c>
      <c r="L9506" s="6" t="s">
        <v>51</v>
      </c>
    </row>
    <row r="9507" spans="1:12">
      <c r="A9507" s="6" t="s">
        <v>49</v>
      </c>
      <c r="B9507" s="6"/>
      <c r="C9507" s="6" t="s">
        <v>9531</v>
      </c>
      <c r="D9507" s="6"/>
      <c r="E9507" s="6" t="s">
        <v>9</v>
      </c>
      <c r="F9507" s="7">
        <v>38657</v>
      </c>
      <c r="G9507" s="8">
        <v>1</v>
      </c>
      <c r="H9507" s="8">
        <v>1</v>
      </c>
      <c r="I9507" s="8">
        <v>0</v>
      </c>
      <c r="J9507" s="8">
        <v>1</v>
      </c>
      <c r="K9507" s="9">
        <v>108</v>
      </c>
      <c r="L9507" s="6" t="s">
        <v>51</v>
      </c>
    </row>
    <row r="9508" spans="1:12">
      <c r="A9508" s="6" t="s">
        <v>49</v>
      </c>
      <c r="B9508" s="6"/>
      <c r="C9508" s="6" t="s">
        <v>9532</v>
      </c>
      <c r="D9508" s="6"/>
      <c r="E9508" s="6" t="s">
        <v>9</v>
      </c>
      <c r="F9508" s="7">
        <v>38657</v>
      </c>
      <c r="G9508" s="8">
        <v>1</v>
      </c>
      <c r="H9508" s="8">
        <v>1</v>
      </c>
      <c r="I9508" s="8">
        <v>0</v>
      </c>
      <c r="J9508" s="8">
        <v>1</v>
      </c>
      <c r="K9508" s="9">
        <v>91</v>
      </c>
      <c r="L9508" s="6" t="s">
        <v>51</v>
      </c>
    </row>
    <row r="9509" spans="1:12">
      <c r="A9509" s="6" t="s">
        <v>49</v>
      </c>
      <c r="B9509" s="6"/>
      <c r="C9509" s="6" t="s">
        <v>9533</v>
      </c>
      <c r="D9509" s="6"/>
      <c r="E9509" s="6" t="s">
        <v>9</v>
      </c>
      <c r="F9509" s="7">
        <v>38657</v>
      </c>
      <c r="G9509" s="8">
        <v>1</v>
      </c>
      <c r="H9509" s="8">
        <v>1</v>
      </c>
      <c r="I9509" s="8">
        <v>0</v>
      </c>
      <c r="J9509" s="8">
        <v>1</v>
      </c>
      <c r="K9509" s="9">
        <v>129</v>
      </c>
      <c r="L9509" s="6" t="s">
        <v>51</v>
      </c>
    </row>
    <row r="9510" spans="1:12">
      <c r="A9510" s="6" t="s">
        <v>49</v>
      </c>
      <c r="B9510" s="6"/>
      <c r="C9510" s="6" t="s">
        <v>9534</v>
      </c>
      <c r="D9510" s="6"/>
      <c r="E9510" s="6" t="s">
        <v>9</v>
      </c>
      <c r="F9510" s="7">
        <v>38657</v>
      </c>
      <c r="G9510" s="8">
        <v>1</v>
      </c>
      <c r="H9510" s="8">
        <v>1</v>
      </c>
      <c r="I9510" s="8">
        <v>0</v>
      </c>
      <c r="J9510" s="8">
        <v>1</v>
      </c>
      <c r="K9510" s="9">
        <v>126</v>
      </c>
      <c r="L9510" s="6" t="s">
        <v>51</v>
      </c>
    </row>
    <row r="9511" spans="1:12">
      <c r="A9511" s="6" t="s">
        <v>49</v>
      </c>
      <c r="B9511" s="6"/>
      <c r="C9511" s="6" t="s">
        <v>9535</v>
      </c>
      <c r="D9511" s="6"/>
      <c r="E9511" s="6" t="s">
        <v>9</v>
      </c>
      <c r="F9511" s="7">
        <v>38657</v>
      </c>
      <c r="G9511" s="8">
        <v>1</v>
      </c>
      <c r="H9511" s="8">
        <v>1</v>
      </c>
      <c r="I9511" s="8">
        <v>0</v>
      </c>
      <c r="J9511" s="8">
        <v>1</v>
      </c>
      <c r="K9511" s="9">
        <v>50</v>
      </c>
      <c r="L9511" s="6" t="s">
        <v>51</v>
      </c>
    </row>
    <row r="9512" spans="1:12">
      <c r="A9512" s="6" t="s">
        <v>49</v>
      </c>
      <c r="B9512" s="6"/>
      <c r="C9512" s="6" t="s">
        <v>9536</v>
      </c>
      <c r="D9512" s="6"/>
      <c r="E9512" s="6" t="s">
        <v>9</v>
      </c>
      <c r="F9512" s="7">
        <v>38657</v>
      </c>
      <c r="G9512" s="8">
        <v>1</v>
      </c>
      <c r="H9512" s="8">
        <v>1</v>
      </c>
      <c r="I9512" s="8">
        <v>0</v>
      </c>
      <c r="J9512" s="8">
        <v>1</v>
      </c>
      <c r="K9512" s="9">
        <v>24</v>
      </c>
      <c r="L9512" s="6" t="s">
        <v>51</v>
      </c>
    </row>
    <row r="9513" spans="1:12">
      <c r="A9513" s="6" t="s">
        <v>49</v>
      </c>
      <c r="B9513" s="6"/>
      <c r="C9513" s="6" t="s">
        <v>9537</v>
      </c>
      <c r="D9513" s="6"/>
      <c r="E9513" s="6" t="s">
        <v>9</v>
      </c>
      <c r="F9513" s="7">
        <v>38657</v>
      </c>
      <c r="G9513" s="8">
        <v>1</v>
      </c>
      <c r="H9513" s="8">
        <v>1</v>
      </c>
      <c r="I9513" s="8">
        <v>0</v>
      </c>
      <c r="J9513" s="8">
        <v>1</v>
      </c>
      <c r="K9513" s="9">
        <v>1.45</v>
      </c>
      <c r="L9513" s="6" t="s">
        <v>51</v>
      </c>
    </row>
    <row r="9514" spans="1:12">
      <c r="A9514" s="6" t="s">
        <v>49</v>
      </c>
      <c r="B9514" s="6"/>
      <c r="C9514" s="6" t="s">
        <v>9538</v>
      </c>
      <c r="D9514" s="6"/>
      <c r="E9514" s="6" t="s">
        <v>9</v>
      </c>
      <c r="F9514" s="7">
        <v>38657</v>
      </c>
      <c r="G9514" s="8">
        <v>1</v>
      </c>
      <c r="H9514" s="8">
        <v>1</v>
      </c>
      <c r="I9514" s="8">
        <v>0</v>
      </c>
      <c r="J9514" s="8">
        <v>1</v>
      </c>
      <c r="K9514" s="9">
        <v>3649</v>
      </c>
      <c r="L9514" s="6" t="s">
        <v>51</v>
      </c>
    </row>
    <row r="9515" spans="1:12">
      <c r="A9515" s="6" t="s">
        <v>49</v>
      </c>
      <c r="B9515" s="6"/>
      <c r="C9515" s="6" t="s">
        <v>9539</v>
      </c>
      <c r="D9515" s="6"/>
      <c r="E9515" s="6" t="s">
        <v>9</v>
      </c>
      <c r="F9515" s="7">
        <v>38657</v>
      </c>
      <c r="G9515" s="8">
        <v>1</v>
      </c>
      <c r="H9515" s="8">
        <v>1</v>
      </c>
      <c r="I9515" s="8">
        <v>0</v>
      </c>
      <c r="J9515" s="8">
        <v>1</v>
      </c>
      <c r="K9515" s="9">
        <v>13</v>
      </c>
      <c r="L9515" s="6" t="s">
        <v>51</v>
      </c>
    </row>
    <row r="9516" spans="1:12">
      <c r="A9516" s="6" t="s">
        <v>49</v>
      </c>
      <c r="B9516" s="6"/>
      <c r="C9516" s="6" t="s">
        <v>9540</v>
      </c>
      <c r="D9516" s="6"/>
      <c r="E9516" s="6" t="s">
        <v>9</v>
      </c>
      <c r="F9516" s="7">
        <v>38657</v>
      </c>
      <c r="G9516" s="8">
        <v>1</v>
      </c>
      <c r="H9516" s="8">
        <v>1</v>
      </c>
      <c r="I9516" s="8">
        <v>0</v>
      </c>
      <c r="J9516" s="8">
        <v>1</v>
      </c>
      <c r="K9516" s="9">
        <v>4.54</v>
      </c>
      <c r="L9516" s="6" t="s">
        <v>51</v>
      </c>
    </row>
    <row r="9517" spans="1:12">
      <c r="A9517" s="6" t="s">
        <v>49</v>
      </c>
      <c r="B9517" s="6"/>
      <c r="C9517" s="6" t="s">
        <v>9541</v>
      </c>
      <c r="D9517" s="6"/>
      <c r="E9517" s="6" t="s">
        <v>9</v>
      </c>
      <c r="F9517" s="7">
        <v>38657</v>
      </c>
      <c r="G9517" s="8">
        <v>1</v>
      </c>
      <c r="H9517" s="8">
        <v>1</v>
      </c>
      <c r="I9517" s="8">
        <v>0</v>
      </c>
      <c r="J9517" s="8">
        <v>1</v>
      </c>
      <c r="K9517" s="9">
        <v>4.59</v>
      </c>
      <c r="L9517" s="6" t="s">
        <v>51</v>
      </c>
    </row>
    <row r="9518" spans="1:12">
      <c r="A9518" s="6" t="s">
        <v>49</v>
      </c>
      <c r="B9518" s="6"/>
      <c r="C9518" s="6" t="s">
        <v>9542</v>
      </c>
      <c r="D9518" s="6"/>
      <c r="E9518" s="6" t="s">
        <v>9</v>
      </c>
      <c r="F9518" s="7">
        <v>39462</v>
      </c>
      <c r="G9518" s="8">
        <v>119507</v>
      </c>
      <c r="H9518" s="8">
        <v>119507</v>
      </c>
      <c r="I9518" s="8">
        <v>0</v>
      </c>
      <c r="J9518" s="8">
        <v>119507</v>
      </c>
      <c r="K9518" s="9">
        <v>18</v>
      </c>
      <c r="L9518" s="6" t="s">
        <v>51</v>
      </c>
    </row>
    <row r="9519" spans="1:12">
      <c r="A9519" s="6" t="s">
        <v>49</v>
      </c>
      <c r="B9519" s="6"/>
      <c r="C9519" s="6" t="s">
        <v>9543</v>
      </c>
      <c r="D9519" s="6"/>
      <c r="E9519" s="6" t="s">
        <v>9</v>
      </c>
      <c r="F9519" s="7">
        <v>38657</v>
      </c>
      <c r="G9519" s="8">
        <v>1</v>
      </c>
      <c r="H9519" s="8">
        <v>1</v>
      </c>
      <c r="I9519" s="8">
        <v>0</v>
      </c>
      <c r="J9519" s="8">
        <v>1</v>
      </c>
      <c r="K9519" s="9">
        <v>1.2</v>
      </c>
      <c r="L9519" s="6" t="s">
        <v>51</v>
      </c>
    </row>
    <row r="9520" spans="1:12">
      <c r="A9520" s="6" t="s">
        <v>49</v>
      </c>
      <c r="B9520" s="6"/>
      <c r="C9520" s="6" t="s">
        <v>9544</v>
      </c>
      <c r="D9520" s="6"/>
      <c r="E9520" s="6" t="s">
        <v>9</v>
      </c>
      <c r="F9520" s="7">
        <v>39891</v>
      </c>
      <c r="G9520" s="8">
        <v>152337</v>
      </c>
      <c r="H9520" s="8">
        <v>152337</v>
      </c>
      <c r="I9520" s="8">
        <v>0</v>
      </c>
      <c r="J9520" s="8">
        <v>152337</v>
      </c>
      <c r="K9520" s="9">
        <v>29.8</v>
      </c>
      <c r="L9520" s="6" t="s">
        <v>23</v>
      </c>
    </row>
    <row r="9521" spans="1:12">
      <c r="A9521" s="6" t="s">
        <v>49</v>
      </c>
      <c r="B9521" s="6"/>
      <c r="C9521" s="6" t="s">
        <v>9545</v>
      </c>
      <c r="D9521" s="6"/>
      <c r="E9521" s="6" t="s">
        <v>9</v>
      </c>
      <c r="F9521" s="7">
        <v>38657</v>
      </c>
      <c r="G9521" s="8">
        <v>1</v>
      </c>
      <c r="H9521" s="8">
        <v>1</v>
      </c>
      <c r="I9521" s="8">
        <v>0</v>
      </c>
      <c r="J9521" s="8">
        <v>1</v>
      </c>
      <c r="K9521" s="9">
        <v>16.190000000000001</v>
      </c>
      <c r="L9521" s="6" t="s">
        <v>51</v>
      </c>
    </row>
    <row r="9522" spans="1:12">
      <c r="A9522" s="6" t="s">
        <v>49</v>
      </c>
      <c r="B9522" s="6"/>
      <c r="C9522" s="6" t="s">
        <v>9546</v>
      </c>
      <c r="D9522" s="6"/>
      <c r="E9522" s="6" t="s">
        <v>9</v>
      </c>
      <c r="F9522" s="7">
        <v>38657</v>
      </c>
      <c r="G9522" s="8">
        <v>1</v>
      </c>
      <c r="H9522" s="8">
        <v>1</v>
      </c>
      <c r="I9522" s="8">
        <v>0</v>
      </c>
      <c r="J9522" s="8">
        <v>1</v>
      </c>
      <c r="K9522" s="9">
        <v>34</v>
      </c>
      <c r="L9522" s="6" t="s">
        <v>51</v>
      </c>
    </row>
    <row r="9523" spans="1:12">
      <c r="A9523" s="6" t="s">
        <v>49</v>
      </c>
      <c r="B9523" s="6"/>
      <c r="C9523" s="6" t="s">
        <v>9547</v>
      </c>
      <c r="D9523" s="6"/>
      <c r="E9523" s="6" t="s">
        <v>9</v>
      </c>
      <c r="F9523" s="7">
        <v>38657</v>
      </c>
      <c r="G9523" s="8">
        <v>1</v>
      </c>
      <c r="H9523" s="8">
        <v>1</v>
      </c>
      <c r="I9523" s="8">
        <v>0</v>
      </c>
      <c r="J9523" s="8">
        <v>1</v>
      </c>
      <c r="K9523" s="9">
        <v>39</v>
      </c>
      <c r="L9523" s="6" t="s">
        <v>51</v>
      </c>
    </row>
    <row r="9524" spans="1:12">
      <c r="A9524" s="6" t="s">
        <v>49</v>
      </c>
      <c r="B9524" s="6"/>
      <c r="C9524" s="6" t="s">
        <v>9548</v>
      </c>
      <c r="D9524" s="6"/>
      <c r="E9524" s="6" t="s">
        <v>9</v>
      </c>
      <c r="F9524" s="7">
        <v>38657</v>
      </c>
      <c r="G9524" s="8">
        <v>1</v>
      </c>
      <c r="H9524" s="8">
        <v>1</v>
      </c>
      <c r="I9524" s="8">
        <v>0</v>
      </c>
      <c r="J9524" s="8">
        <v>1</v>
      </c>
      <c r="K9524" s="9">
        <v>32</v>
      </c>
      <c r="L9524" s="6" t="s">
        <v>51</v>
      </c>
    </row>
    <row r="9525" spans="1:12">
      <c r="A9525" s="6" t="s">
        <v>49</v>
      </c>
      <c r="B9525" s="6"/>
      <c r="C9525" s="6" t="s">
        <v>9549</v>
      </c>
      <c r="D9525" s="6"/>
      <c r="E9525" s="6" t="s">
        <v>9</v>
      </c>
      <c r="F9525" s="7">
        <v>38657</v>
      </c>
      <c r="G9525" s="8">
        <v>1</v>
      </c>
      <c r="H9525" s="8">
        <v>1</v>
      </c>
      <c r="I9525" s="8">
        <v>0</v>
      </c>
      <c r="J9525" s="8">
        <v>1</v>
      </c>
      <c r="K9525" s="9">
        <v>34</v>
      </c>
      <c r="L9525" s="6" t="s">
        <v>51</v>
      </c>
    </row>
    <row r="9526" spans="1:12">
      <c r="A9526" s="6" t="s">
        <v>49</v>
      </c>
      <c r="B9526" s="6"/>
      <c r="C9526" s="6" t="s">
        <v>9550</v>
      </c>
      <c r="D9526" s="6"/>
      <c r="E9526" s="6" t="s">
        <v>9</v>
      </c>
      <c r="F9526" s="7">
        <v>38657</v>
      </c>
      <c r="G9526" s="8">
        <v>1</v>
      </c>
      <c r="H9526" s="8">
        <v>1</v>
      </c>
      <c r="I9526" s="8">
        <v>0</v>
      </c>
      <c r="J9526" s="8">
        <v>1</v>
      </c>
      <c r="K9526" s="9">
        <v>6.26</v>
      </c>
      <c r="L9526" s="6" t="s">
        <v>51</v>
      </c>
    </row>
    <row r="9527" spans="1:12">
      <c r="A9527" s="6" t="s">
        <v>49</v>
      </c>
      <c r="B9527" s="6"/>
      <c r="C9527" s="6" t="s">
        <v>9551</v>
      </c>
      <c r="D9527" s="6"/>
      <c r="E9527" s="6" t="s">
        <v>9</v>
      </c>
      <c r="F9527" s="7">
        <v>38657</v>
      </c>
      <c r="G9527" s="8">
        <v>1</v>
      </c>
      <c r="H9527" s="8">
        <v>1</v>
      </c>
      <c r="I9527" s="8">
        <v>0</v>
      </c>
      <c r="J9527" s="8">
        <v>1</v>
      </c>
      <c r="K9527" s="9">
        <v>6.26</v>
      </c>
      <c r="L9527" s="6" t="s">
        <v>51</v>
      </c>
    </row>
    <row r="9528" spans="1:12">
      <c r="A9528" s="6" t="s">
        <v>49</v>
      </c>
      <c r="B9528" s="6"/>
      <c r="C9528" s="6" t="s">
        <v>9552</v>
      </c>
      <c r="D9528" s="6"/>
      <c r="E9528" s="6" t="s">
        <v>9</v>
      </c>
      <c r="F9528" s="7">
        <v>38657</v>
      </c>
      <c r="G9528" s="8">
        <v>1</v>
      </c>
      <c r="H9528" s="8">
        <v>1</v>
      </c>
      <c r="I9528" s="8">
        <v>0</v>
      </c>
      <c r="J9528" s="8">
        <v>1</v>
      </c>
      <c r="K9528" s="9">
        <v>4.55</v>
      </c>
      <c r="L9528" s="6" t="s">
        <v>51</v>
      </c>
    </row>
    <row r="9529" spans="1:12">
      <c r="A9529" s="6" t="s">
        <v>49</v>
      </c>
      <c r="B9529" s="6"/>
      <c r="C9529" s="6" t="s">
        <v>9553</v>
      </c>
      <c r="D9529" s="6"/>
      <c r="E9529" s="6" t="s">
        <v>9</v>
      </c>
      <c r="F9529" s="7">
        <v>38657</v>
      </c>
      <c r="G9529" s="8">
        <v>1</v>
      </c>
      <c r="H9529" s="8">
        <v>1</v>
      </c>
      <c r="I9529" s="8">
        <v>0</v>
      </c>
      <c r="J9529" s="8">
        <v>1</v>
      </c>
      <c r="K9529" s="9">
        <v>319</v>
      </c>
      <c r="L9529" s="6" t="s">
        <v>51</v>
      </c>
    </row>
    <row r="9530" spans="1:12">
      <c r="A9530" s="6" t="s">
        <v>49</v>
      </c>
      <c r="B9530" s="6"/>
      <c r="C9530" s="6" t="s">
        <v>9554</v>
      </c>
      <c r="D9530" s="6"/>
      <c r="E9530" s="6" t="s">
        <v>9</v>
      </c>
      <c r="F9530" s="7">
        <v>38657</v>
      </c>
      <c r="G9530" s="8">
        <v>1</v>
      </c>
      <c r="H9530" s="8">
        <v>1</v>
      </c>
      <c r="I9530" s="8">
        <v>0</v>
      </c>
      <c r="J9530" s="8">
        <v>1</v>
      </c>
      <c r="K9530" s="9">
        <v>7.61</v>
      </c>
      <c r="L9530" s="6" t="s">
        <v>51</v>
      </c>
    </row>
    <row r="9531" spans="1:12">
      <c r="A9531" s="6" t="s">
        <v>49</v>
      </c>
      <c r="B9531" s="6"/>
      <c r="C9531" s="6" t="s">
        <v>9555</v>
      </c>
      <c r="D9531" s="6"/>
      <c r="E9531" s="6" t="s">
        <v>9</v>
      </c>
      <c r="F9531" s="7">
        <v>38657</v>
      </c>
      <c r="G9531" s="8">
        <v>1</v>
      </c>
      <c r="H9531" s="8">
        <v>1</v>
      </c>
      <c r="I9531" s="8">
        <v>0</v>
      </c>
      <c r="J9531" s="8">
        <v>1</v>
      </c>
      <c r="K9531" s="9">
        <v>472</v>
      </c>
      <c r="L9531" s="6" t="s">
        <v>51</v>
      </c>
    </row>
    <row r="9532" spans="1:12">
      <c r="A9532" s="6" t="s">
        <v>49</v>
      </c>
      <c r="B9532" s="6"/>
      <c r="C9532" s="6" t="s">
        <v>9556</v>
      </c>
      <c r="D9532" s="6"/>
      <c r="E9532" s="6" t="s">
        <v>9</v>
      </c>
      <c r="F9532" s="7">
        <v>38657</v>
      </c>
      <c r="G9532" s="8">
        <v>1</v>
      </c>
      <c r="H9532" s="8">
        <v>1</v>
      </c>
      <c r="I9532" s="8">
        <v>0</v>
      </c>
      <c r="J9532" s="8">
        <v>1</v>
      </c>
      <c r="K9532" s="9">
        <v>50</v>
      </c>
      <c r="L9532" s="6" t="s">
        <v>51</v>
      </c>
    </row>
    <row r="9533" spans="1:12">
      <c r="A9533" s="6" t="s">
        <v>49</v>
      </c>
      <c r="B9533" s="6"/>
      <c r="C9533" s="6" t="s">
        <v>9557</v>
      </c>
      <c r="D9533" s="6"/>
      <c r="E9533" s="6" t="s">
        <v>9</v>
      </c>
      <c r="F9533" s="7">
        <v>38657</v>
      </c>
      <c r="G9533" s="8">
        <v>1</v>
      </c>
      <c r="H9533" s="8">
        <v>1</v>
      </c>
      <c r="I9533" s="8">
        <v>0</v>
      </c>
      <c r="J9533" s="8">
        <v>1</v>
      </c>
      <c r="K9533" s="9">
        <v>0.73</v>
      </c>
      <c r="L9533" s="6" t="s">
        <v>51</v>
      </c>
    </row>
    <row r="9534" spans="1:12">
      <c r="A9534" s="6" t="s">
        <v>49</v>
      </c>
      <c r="B9534" s="6"/>
      <c r="C9534" s="6" t="s">
        <v>9558</v>
      </c>
      <c r="D9534" s="6"/>
      <c r="E9534" s="6" t="s">
        <v>9</v>
      </c>
      <c r="F9534" s="7">
        <v>38657</v>
      </c>
      <c r="G9534" s="8">
        <v>1</v>
      </c>
      <c r="H9534" s="8">
        <v>1</v>
      </c>
      <c r="I9534" s="8">
        <v>0</v>
      </c>
      <c r="J9534" s="8">
        <v>1</v>
      </c>
      <c r="K9534" s="9">
        <v>0.74</v>
      </c>
      <c r="L9534" s="6" t="s">
        <v>51</v>
      </c>
    </row>
    <row r="9535" spans="1:12">
      <c r="A9535" s="6" t="s">
        <v>49</v>
      </c>
      <c r="B9535" s="6"/>
      <c r="C9535" s="6" t="s">
        <v>9559</v>
      </c>
      <c r="D9535" s="6"/>
      <c r="E9535" s="6" t="s">
        <v>9</v>
      </c>
      <c r="F9535" s="7">
        <v>38657</v>
      </c>
      <c r="G9535" s="8">
        <v>1</v>
      </c>
      <c r="H9535" s="8">
        <v>1</v>
      </c>
      <c r="I9535" s="8">
        <v>0</v>
      </c>
      <c r="J9535" s="8">
        <v>1</v>
      </c>
      <c r="K9535" s="9">
        <v>440</v>
      </c>
      <c r="L9535" s="6" t="s">
        <v>51</v>
      </c>
    </row>
    <row r="9536" spans="1:12">
      <c r="A9536" s="6" t="s">
        <v>49</v>
      </c>
      <c r="B9536" s="6"/>
      <c r="C9536" s="6" t="s">
        <v>9560</v>
      </c>
      <c r="D9536" s="6"/>
      <c r="E9536" s="6" t="s">
        <v>9</v>
      </c>
      <c r="F9536" s="7">
        <v>38657</v>
      </c>
      <c r="G9536" s="8">
        <v>1</v>
      </c>
      <c r="H9536" s="8">
        <v>1</v>
      </c>
      <c r="I9536" s="8">
        <v>0</v>
      </c>
      <c r="J9536" s="8">
        <v>1</v>
      </c>
      <c r="K9536" s="9">
        <v>330</v>
      </c>
      <c r="L9536" s="6" t="s">
        <v>51</v>
      </c>
    </row>
    <row r="9537" spans="1:12">
      <c r="A9537" s="6" t="s">
        <v>49</v>
      </c>
      <c r="B9537" s="6"/>
      <c r="C9537" s="6" t="s">
        <v>9561</v>
      </c>
      <c r="D9537" s="6"/>
      <c r="E9537" s="6" t="s">
        <v>9</v>
      </c>
      <c r="F9537" s="7">
        <v>41921</v>
      </c>
      <c r="G9537" s="8">
        <v>1</v>
      </c>
      <c r="H9537" s="8">
        <v>1</v>
      </c>
      <c r="I9537" s="8">
        <v>0</v>
      </c>
      <c r="J9537" s="8">
        <v>1</v>
      </c>
      <c r="K9537" s="9">
        <v>46</v>
      </c>
      <c r="L9537" s="6" t="s">
        <v>51</v>
      </c>
    </row>
    <row r="9538" spans="1:12">
      <c r="A9538" s="6" t="s">
        <v>49</v>
      </c>
      <c r="B9538" s="6"/>
      <c r="C9538" s="6" t="s">
        <v>9562</v>
      </c>
      <c r="D9538" s="6"/>
      <c r="E9538" s="6" t="s">
        <v>9</v>
      </c>
      <c r="F9538" s="7">
        <v>38657</v>
      </c>
      <c r="G9538" s="8">
        <v>1</v>
      </c>
      <c r="H9538" s="8">
        <v>1</v>
      </c>
      <c r="I9538" s="8">
        <v>0</v>
      </c>
      <c r="J9538" s="8">
        <v>1</v>
      </c>
      <c r="K9538" s="9">
        <v>474</v>
      </c>
      <c r="L9538" s="6" t="s">
        <v>51</v>
      </c>
    </row>
    <row r="9539" spans="1:12">
      <c r="A9539" s="6" t="s">
        <v>49</v>
      </c>
      <c r="B9539" s="6"/>
      <c r="C9539" s="6" t="s">
        <v>9563</v>
      </c>
      <c r="D9539" s="6"/>
      <c r="E9539" s="6" t="s">
        <v>9</v>
      </c>
      <c r="F9539" s="7">
        <v>38657</v>
      </c>
      <c r="G9539" s="8">
        <v>1</v>
      </c>
      <c r="H9539" s="8">
        <v>1</v>
      </c>
      <c r="I9539" s="8">
        <v>0</v>
      </c>
      <c r="J9539" s="8">
        <v>1</v>
      </c>
      <c r="K9539" s="9">
        <v>6.24</v>
      </c>
      <c r="L9539" s="6" t="s">
        <v>51</v>
      </c>
    </row>
    <row r="9540" spans="1:12">
      <c r="A9540" s="6" t="s">
        <v>49</v>
      </c>
      <c r="B9540" s="6"/>
      <c r="C9540" s="6" t="s">
        <v>9564</v>
      </c>
      <c r="D9540" s="6"/>
      <c r="E9540" s="6" t="s">
        <v>9</v>
      </c>
      <c r="F9540" s="7">
        <v>40602</v>
      </c>
      <c r="G9540" s="8">
        <v>1</v>
      </c>
      <c r="H9540" s="8">
        <v>1</v>
      </c>
      <c r="I9540" s="8">
        <v>0</v>
      </c>
      <c r="J9540" s="8">
        <v>1</v>
      </c>
      <c r="K9540" s="9">
        <v>2.25</v>
      </c>
      <c r="L9540" s="6" t="s">
        <v>51</v>
      </c>
    </row>
    <row r="9541" spans="1:12">
      <c r="A9541" s="6" t="s">
        <v>49</v>
      </c>
      <c r="B9541" s="6"/>
      <c r="C9541" s="6" t="s">
        <v>9565</v>
      </c>
      <c r="D9541" s="6"/>
      <c r="E9541" s="6" t="s">
        <v>9</v>
      </c>
      <c r="F9541" s="7">
        <v>40530</v>
      </c>
      <c r="G9541" s="8">
        <v>1</v>
      </c>
      <c r="H9541" s="8">
        <v>1</v>
      </c>
      <c r="I9541" s="8">
        <v>0</v>
      </c>
      <c r="J9541" s="8">
        <v>1</v>
      </c>
      <c r="K9541" s="9">
        <v>388</v>
      </c>
      <c r="L9541" s="6" t="s">
        <v>51</v>
      </c>
    </row>
    <row r="9542" spans="1:12">
      <c r="A9542" s="6" t="s">
        <v>49</v>
      </c>
      <c r="B9542" s="6"/>
      <c r="C9542" s="6" t="s">
        <v>9566</v>
      </c>
      <c r="D9542" s="6"/>
      <c r="E9542" s="6" t="s">
        <v>9</v>
      </c>
      <c r="F9542" s="7">
        <v>41151</v>
      </c>
      <c r="G9542" s="8">
        <v>1</v>
      </c>
      <c r="H9542" s="8">
        <v>1</v>
      </c>
      <c r="I9542" s="8">
        <v>0</v>
      </c>
      <c r="J9542" s="8">
        <v>1</v>
      </c>
      <c r="K9542" s="9">
        <v>334</v>
      </c>
      <c r="L9542" s="6" t="s">
        <v>51</v>
      </c>
    </row>
    <row r="9543" spans="1:12">
      <c r="A9543" s="6" t="s">
        <v>49</v>
      </c>
      <c r="B9543" s="6"/>
      <c r="C9543" s="6" t="s">
        <v>9567</v>
      </c>
      <c r="D9543" s="6"/>
      <c r="E9543" s="6" t="s">
        <v>9</v>
      </c>
      <c r="F9543" s="7">
        <v>38657</v>
      </c>
      <c r="G9543" s="8">
        <v>1</v>
      </c>
      <c r="H9543" s="8">
        <v>1</v>
      </c>
      <c r="I9543" s="8">
        <v>0</v>
      </c>
      <c r="J9543" s="8">
        <v>1</v>
      </c>
      <c r="K9543" s="9">
        <v>6.01</v>
      </c>
      <c r="L9543" s="6" t="s">
        <v>51</v>
      </c>
    </row>
    <row r="9544" spans="1:12">
      <c r="A9544" s="6" t="s">
        <v>49</v>
      </c>
      <c r="B9544" s="6"/>
      <c r="C9544" s="6" t="s">
        <v>9568</v>
      </c>
      <c r="D9544" s="6"/>
      <c r="E9544" s="6" t="s">
        <v>9</v>
      </c>
      <c r="F9544" s="7">
        <v>40757</v>
      </c>
      <c r="G9544" s="8">
        <v>1</v>
      </c>
      <c r="H9544" s="8">
        <v>1</v>
      </c>
      <c r="I9544" s="8">
        <v>0</v>
      </c>
      <c r="J9544" s="8">
        <v>1</v>
      </c>
      <c r="K9544" s="9">
        <v>264</v>
      </c>
      <c r="L9544" s="6" t="s">
        <v>51</v>
      </c>
    </row>
    <row r="9545" spans="1:12">
      <c r="A9545" s="6" t="s">
        <v>49</v>
      </c>
      <c r="B9545" s="6"/>
      <c r="C9545" s="6" t="s">
        <v>9569</v>
      </c>
      <c r="D9545" s="6"/>
      <c r="E9545" s="6" t="s">
        <v>9</v>
      </c>
      <c r="F9545" s="7">
        <v>40757</v>
      </c>
      <c r="G9545" s="8">
        <v>1</v>
      </c>
      <c r="H9545" s="8">
        <v>1</v>
      </c>
      <c r="I9545" s="8">
        <v>0</v>
      </c>
      <c r="J9545" s="8">
        <v>1</v>
      </c>
      <c r="K9545" s="9">
        <v>15</v>
      </c>
      <c r="L9545" s="6" t="s">
        <v>4151</v>
      </c>
    </row>
    <row r="9546" spans="1:12">
      <c r="A9546" s="6" t="s">
        <v>49</v>
      </c>
      <c r="B9546" s="6"/>
      <c r="C9546" s="6" t="s">
        <v>9570</v>
      </c>
      <c r="D9546" s="6"/>
      <c r="E9546" s="6" t="s">
        <v>9</v>
      </c>
      <c r="F9546" s="7">
        <v>38657</v>
      </c>
      <c r="G9546" s="8">
        <v>1</v>
      </c>
      <c r="H9546" s="8">
        <v>1</v>
      </c>
      <c r="I9546" s="8">
        <v>0</v>
      </c>
      <c r="J9546" s="8">
        <v>1</v>
      </c>
      <c r="K9546" s="9">
        <v>8.61</v>
      </c>
      <c r="L9546" s="6" t="s">
        <v>51</v>
      </c>
    </row>
    <row r="9547" spans="1:12">
      <c r="A9547" s="6" t="s">
        <v>49</v>
      </c>
      <c r="B9547" s="6"/>
      <c r="C9547" s="6" t="s">
        <v>9571</v>
      </c>
      <c r="D9547" s="6"/>
      <c r="E9547" s="6" t="s">
        <v>9</v>
      </c>
      <c r="F9547" s="7">
        <v>38657</v>
      </c>
      <c r="G9547" s="8">
        <v>1</v>
      </c>
      <c r="H9547" s="8">
        <v>1</v>
      </c>
      <c r="I9547" s="8">
        <v>0</v>
      </c>
      <c r="J9547" s="8">
        <v>1</v>
      </c>
      <c r="K9547" s="9">
        <v>6.99</v>
      </c>
      <c r="L9547" s="6" t="s">
        <v>51</v>
      </c>
    </row>
    <row r="9548" spans="1:12">
      <c r="A9548" s="6" t="s">
        <v>49</v>
      </c>
      <c r="B9548" s="6"/>
      <c r="C9548" s="6" t="s">
        <v>9572</v>
      </c>
      <c r="D9548" s="6"/>
      <c r="E9548" s="6" t="s">
        <v>9</v>
      </c>
      <c r="F9548" s="7">
        <v>40757</v>
      </c>
      <c r="G9548" s="8">
        <v>1</v>
      </c>
      <c r="H9548" s="8">
        <v>1</v>
      </c>
      <c r="I9548" s="8">
        <v>0</v>
      </c>
      <c r="J9548" s="8">
        <v>1</v>
      </c>
      <c r="K9548" s="9">
        <v>65</v>
      </c>
      <c r="L9548" s="6" t="s">
        <v>51</v>
      </c>
    </row>
    <row r="9549" spans="1:12">
      <c r="A9549" s="6" t="s">
        <v>49</v>
      </c>
      <c r="B9549" s="6"/>
      <c r="C9549" s="6" t="s">
        <v>9573</v>
      </c>
      <c r="D9549" s="6"/>
      <c r="E9549" s="6" t="s">
        <v>9</v>
      </c>
      <c r="F9549" s="7">
        <v>40843</v>
      </c>
      <c r="G9549" s="8">
        <v>1</v>
      </c>
      <c r="H9549" s="8">
        <v>1</v>
      </c>
      <c r="I9549" s="8">
        <v>0</v>
      </c>
      <c r="J9549" s="8">
        <v>1</v>
      </c>
      <c r="K9549" s="9">
        <v>146</v>
      </c>
      <c r="L9549" s="6" t="s">
        <v>51</v>
      </c>
    </row>
    <row r="9550" spans="1:12">
      <c r="A9550" s="6" t="s">
        <v>49</v>
      </c>
      <c r="B9550" s="6"/>
      <c r="C9550" s="6" t="s">
        <v>9574</v>
      </c>
      <c r="D9550" s="6"/>
      <c r="E9550" s="6" t="s">
        <v>9</v>
      </c>
      <c r="F9550" s="7">
        <v>40885</v>
      </c>
      <c r="G9550" s="8">
        <v>1</v>
      </c>
      <c r="H9550" s="8">
        <v>1</v>
      </c>
      <c r="I9550" s="8">
        <v>0</v>
      </c>
      <c r="J9550" s="8">
        <v>1</v>
      </c>
      <c r="K9550" s="9">
        <v>19</v>
      </c>
      <c r="L9550" s="6" t="s">
        <v>51</v>
      </c>
    </row>
    <row r="9551" spans="1:12">
      <c r="A9551" s="6" t="s">
        <v>49</v>
      </c>
      <c r="B9551" s="6"/>
      <c r="C9551" s="6" t="s">
        <v>9575</v>
      </c>
      <c r="D9551" s="6"/>
      <c r="E9551" s="6" t="s">
        <v>9</v>
      </c>
      <c r="F9551" s="7">
        <v>40847</v>
      </c>
      <c r="G9551" s="8">
        <v>1</v>
      </c>
      <c r="H9551" s="8">
        <v>1</v>
      </c>
      <c r="I9551" s="8">
        <v>0</v>
      </c>
      <c r="J9551" s="8">
        <v>1</v>
      </c>
      <c r="K9551" s="9">
        <v>19</v>
      </c>
      <c r="L9551" s="6" t="s">
        <v>51</v>
      </c>
    </row>
    <row r="9552" spans="1:12">
      <c r="A9552" s="6" t="s">
        <v>49</v>
      </c>
      <c r="B9552" s="6"/>
      <c r="C9552" s="6" t="s">
        <v>9576</v>
      </c>
      <c r="D9552" s="6"/>
      <c r="E9552" s="6" t="s">
        <v>9</v>
      </c>
      <c r="F9552" s="7">
        <v>40885</v>
      </c>
      <c r="G9552" s="8">
        <v>1</v>
      </c>
      <c r="H9552" s="8">
        <v>1</v>
      </c>
      <c r="I9552" s="8">
        <v>0</v>
      </c>
      <c r="J9552" s="8">
        <v>1</v>
      </c>
      <c r="K9552" s="9">
        <v>0.11</v>
      </c>
      <c r="L9552" s="6" t="s">
        <v>51</v>
      </c>
    </row>
    <row r="9553" spans="1:12">
      <c r="A9553" s="6" t="s">
        <v>49</v>
      </c>
      <c r="B9553" s="6"/>
      <c r="C9553" s="6" t="s">
        <v>9577</v>
      </c>
      <c r="D9553" s="6"/>
      <c r="E9553" s="6" t="s">
        <v>9</v>
      </c>
      <c r="F9553" s="7">
        <v>40847</v>
      </c>
      <c r="G9553" s="8">
        <v>1</v>
      </c>
      <c r="H9553" s="8">
        <v>1</v>
      </c>
      <c r="I9553" s="8">
        <v>0</v>
      </c>
      <c r="J9553" s="8">
        <v>1</v>
      </c>
      <c r="K9553" s="9">
        <v>0.12</v>
      </c>
      <c r="L9553" s="6" t="s">
        <v>51</v>
      </c>
    </row>
    <row r="9554" spans="1:12">
      <c r="A9554" s="6" t="s">
        <v>49</v>
      </c>
      <c r="B9554" s="6"/>
      <c r="C9554" s="6" t="s">
        <v>9578</v>
      </c>
      <c r="D9554" s="6"/>
      <c r="E9554" s="6" t="s">
        <v>9</v>
      </c>
      <c r="F9554" s="7">
        <v>38657</v>
      </c>
      <c r="G9554" s="8">
        <v>1</v>
      </c>
      <c r="H9554" s="8">
        <v>1</v>
      </c>
      <c r="I9554" s="8">
        <v>0</v>
      </c>
      <c r="J9554" s="8">
        <v>1</v>
      </c>
      <c r="K9554" s="9">
        <v>2.4700000000000002</v>
      </c>
      <c r="L9554" s="6" t="s">
        <v>51</v>
      </c>
    </row>
    <row r="9555" spans="1:12">
      <c r="A9555" s="6" t="s">
        <v>49</v>
      </c>
      <c r="B9555" s="6"/>
      <c r="C9555" s="6" t="s">
        <v>9579</v>
      </c>
      <c r="D9555" s="6"/>
      <c r="E9555" s="6" t="s">
        <v>9</v>
      </c>
      <c r="F9555" s="7">
        <v>38657</v>
      </c>
      <c r="G9555" s="8">
        <v>1</v>
      </c>
      <c r="H9555" s="8">
        <v>1</v>
      </c>
      <c r="I9555" s="8">
        <v>0</v>
      </c>
      <c r="J9555" s="8">
        <v>1</v>
      </c>
      <c r="K9555" s="9">
        <v>341</v>
      </c>
      <c r="L9555" s="6" t="s">
        <v>51</v>
      </c>
    </row>
    <row r="9556" spans="1:12">
      <c r="A9556" s="6" t="s">
        <v>49</v>
      </c>
      <c r="B9556" s="6"/>
      <c r="C9556" s="6" t="s">
        <v>9580</v>
      </c>
      <c r="D9556" s="6"/>
      <c r="E9556" s="6" t="s">
        <v>9</v>
      </c>
      <c r="F9556" s="7">
        <v>38657</v>
      </c>
      <c r="G9556" s="8">
        <v>1</v>
      </c>
      <c r="H9556" s="8">
        <v>1</v>
      </c>
      <c r="I9556" s="8">
        <v>0</v>
      </c>
      <c r="J9556" s="8">
        <v>1</v>
      </c>
      <c r="K9556" s="9">
        <v>429</v>
      </c>
      <c r="L9556" s="6" t="s">
        <v>51</v>
      </c>
    </row>
    <row r="9557" spans="1:12">
      <c r="A9557" s="6" t="s">
        <v>49</v>
      </c>
      <c r="B9557" s="6"/>
      <c r="C9557" s="6" t="s">
        <v>9581</v>
      </c>
      <c r="D9557" s="6"/>
      <c r="E9557" s="6" t="s">
        <v>9</v>
      </c>
      <c r="F9557" s="7">
        <v>38657</v>
      </c>
      <c r="G9557" s="8">
        <v>1</v>
      </c>
      <c r="H9557" s="8">
        <v>1</v>
      </c>
      <c r="I9557" s="8">
        <v>0</v>
      </c>
      <c r="J9557" s="8">
        <v>1</v>
      </c>
      <c r="K9557" s="9">
        <v>7.47</v>
      </c>
      <c r="L9557" s="6" t="s">
        <v>51</v>
      </c>
    </row>
    <row r="9558" spans="1:12">
      <c r="A9558" s="6" t="s">
        <v>49</v>
      </c>
      <c r="B9558" s="6"/>
      <c r="C9558" s="6" t="s">
        <v>9582</v>
      </c>
      <c r="D9558" s="6"/>
      <c r="E9558" s="6" t="s">
        <v>9</v>
      </c>
      <c r="F9558" s="7">
        <v>38657</v>
      </c>
      <c r="G9558" s="8">
        <v>1</v>
      </c>
      <c r="H9558" s="8">
        <v>1</v>
      </c>
      <c r="I9558" s="8">
        <v>0</v>
      </c>
      <c r="J9558" s="8">
        <v>1</v>
      </c>
      <c r="K9558" s="9">
        <v>14</v>
      </c>
      <c r="L9558" s="6" t="s">
        <v>51</v>
      </c>
    </row>
    <row r="9559" spans="1:12">
      <c r="A9559" s="6" t="s">
        <v>49</v>
      </c>
      <c r="B9559" s="6"/>
      <c r="C9559" s="6" t="s">
        <v>9583</v>
      </c>
      <c r="D9559" s="6"/>
      <c r="E9559" s="6" t="s">
        <v>9</v>
      </c>
      <c r="F9559" s="7">
        <v>38657</v>
      </c>
      <c r="G9559" s="8">
        <v>1</v>
      </c>
      <c r="H9559" s="8">
        <v>1</v>
      </c>
      <c r="I9559" s="8">
        <v>0</v>
      </c>
      <c r="J9559" s="8">
        <v>1</v>
      </c>
      <c r="K9559" s="9">
        <v>415</v>
      </c>
      <c r="L9559" s="6" t="s">
        <v>51</v>
      </c>
    </row>
    <row r="9560" spans="1:12">
      <c r="A9560" s="6" t="s">
        <v>49</v>
      </c>
      <c r="B9560" s="6"/>
      <c r="C9560" s="6" t="s">
        <v>9584</v>
      </c>
      <c r="D9560" s="6"/>
      <c r="E9560" s="6" t="s">
        <v>9</v>
      </c>
      <c r="F9560" s="7">
        <v>38657</v>
      </c>
      <c r="G9560" s="8">
        <v>1</v>
      </c>
      <c r="H9560" s="8">
        <v>1</v>
      </c>
      <c r="I9560" s="8">
        <v>0</v>
      </c>
      <c r="J9560" s="8">
        <v>1</v>
      </c>
      <c r="K9560" s="9">
        <v>360</v>
      </c>
      <c r="L9560" s="6" t="s">
        <v>51</v>
      </c>
    </row>
    <row r="9561" spans="1:12">
      <c r="A9561" s="6" t="s">
        <v>49</v>
      </c>
      <c r="B9561" s="6"/>
      <c r="C9561" s="6" t="s">
        <v>9585</v>
      </c>
      <c r="D9561" s="6"/>
      <c r="E9561" s="6" t="s">
        <v>9</v>
      </c>
      <c r="F9561" s="7">
        <v>38657</v>
      </c>
      <c r="G9561" s="8">
        <v>1</v>
      </c>
      <c r="H9561" s="8">
        <v>1</v>
      </c>
      <c r="I9561" s="8">
        <v>0</v>
      </c>
      <c r="J9561" s="8">
        <v>1</v>
      </c>
      <c r="K9561" s="9">
        <v>382</v>
      </c>
      <c r="L9561" s="6" t="s">
        <v>51</v>
      </c>
    </row>
    <row r="9562" spans="1:12">
      <c r="A9562" s="6" t="s">
        <v>49</v>
      </c>
      <c r="B9562" s="6"/>
      <c r="C9562" s="6" t="s">
        <v>9586</v>
      </c>
      <c r="D9562" s="6"/>
      <c r="E9562" s="6" t="s">
        <v>9</v>
      </c>
      <c r="F9562" s="7">
        <v>38657</v>
      </c>
      <c r="G9562" s="8">
        <v>1</v>
      </c>
      <c r="H9562" s="8">
        <v>1</v>
      </c>
      <c r="I9562" s="8">
        <v>0</v>
      </c>
      <c r="J9562" s="8">
        <v>1</v>
      </c>
      <c r="K9562" s="9">
        <v>396</v>
      </c>
      <c r="L9562" s="6" t="s">
        <v>51</v>
      </c>
    </row>
    <row r="9563" spans="1:12">
      <c r="A9563" s="6" t="s">
        <v>49</v>
      </c>
      <c r="B9563" s="6"/>
      <c r="C9563" s="6" t="s">
        <v>9587</v>
      </c>
      <c r="D9563" s="6"/>
      <c r="E9563" s="6" t="s">
        <v>9</v>
      </c>
      <c r="F9563" s="7">
        <v>38657</v>
      </c>
      <c r="G9563" s="8">
        <v>1</v>
      </c>
      <c r="H9563" s="8">
        <v>1</v>
      </c>
      <c r="I9563" s="8">
        <v>0</v>
      </c>
      <c r="J9563" s="8">
        <v>1</v>
      </c>
      <c r="K9563" s="9">
        <v>355</v>
      </c>
      <c r="L9563" s="6" t="s">
        <v>51</v>
      </c>
    </row>
    <row r="9564" spans="1:12">
      <c r="A9564" s="6" t="s">
        <v>49</v>
      </c>
      <c r="B9564" s="6"/>
      <c r="C9564" s="6" t="s">
        <v>9588</v>
      </c>
      <c r="D9564" s="6"/>
      <c r="E9564" s="6" t="s">
        <v>9</v>
      </c>
      <c r="F9564" s="7">
        <v>38657</v>
      </c>
      <c r="G9564" s="8">
        <v>1</v>
      </c>
      <c r="H9564" s="8">
        <v>1</v>
      </c>
      <c r="I9564" s="8">
        <v>0</v>
      </c>
      <c r="J9564" s="8">
        <v>1</v>
      </c>
      <c r="K9564" s="9">
        <v>368</v>
      </c>
      <c r="L9564" s="6" t="s">
        <v>51</v>
      </c>
    </row>
    <row r="9565" spans="1:12">
      <c r="A9565" s="6" t="s">
        <v>49</v>
      </c>
      <c r="B9565" s="6"/>
      <c r="C9565" s="6" t="s">
        <v>9589</v>
      </c>
      <c r="D9565" s="6"/>
      <c r="E9565" s="6" t="s">
        <v>9</v>
      </c>
      <c r="F9565" s="7">
        <v>38657</v>
      </c>
      <c r="G9565" s="8">
        <v>1</v>
      </c>
      <c r="H9565" s="8">
        <v>1</v>
      </c>
      <c r="I9565" s="8">
        <v>0</v>
      </c>
      <c r="J9565" s="8">
        <v>1</v>
      </c>
      <c r="K9565" s="9">
        <v>2.97</v>
      </c>
      <c r="L9565" s="6" t="s">
        <v>51</v>
      </c>
    </row>
    <row r="9566" spans="1:12">
      <c r="A9566" s="6" t="s">
        <v>49</v>
      </c>
      <c r="B9566" s="6"/>
      <c r="C9566" s="6" t="s">
        <v>9590</v>
      </c>
      <c r="D9566" s="6"/>
      <c r="E9566" s="6" t="s">
        <v>9</v>
      </c>
      <c r="F9566" s="7">
        <v>38657</v>
      </c>
      <c r="G9566" s="8">
        <v>1</v>
      </c>
      <c r="H9566" s="8">
        <v>1</v>
      </c>
      <c r="I9566" s="8">
        <v>0</v>
      </c>
      <c r="J9566" s="8">
        <v>1</v>
      </c>
      <c r="K9566" s="9">
        <v>42</v>
      </c>
      <c r="L9566" s="6" t="s">
        <v>51</v>
      </c>
    </row>
    <row r="9567" spans="1:12">
      <c r="A9567" s="6" t="s">
        <v>49</v>
      </c>
      <c r="B9567" s="6"/>
      <c r="C9567" s="6" t="s">
        <v>9591</v>
      </c>
      <c r="D9567" s="6"/>
      <c r="E9567" s="6" t="s">
        <v>9</v>
      </c>
      <c r="F9567" s="7">
        <v>38657</v>
      </c>
      <c r="G9567" s="8">
        <v>1</v>
      </c>
      <c r="H9567" s="8">
        <v>1</v>
      </c>
      <c r="I9567" s="8">
        <v>0</v>
      </c>
      <c r="J9567" s="8">
        <v>1</v>
      </c>
      <c r="K9567" s="9">
        <v>717</v>
      </c>
      <c r="L9567" s="6" t="s">
        <v>51</v>
      </c>
    </row>
    <row r="9568" spans="1:12">
      <c r="A9568" s="6" t="s">
        <v>49</v>
      </c>
      <c r="B9568" s="6"/>
      <c r="C9568" s="6" t="s">
        <v>9592</v>
      </c>
      <c r="D9568" s="6"/>
      <c r="E9568" s="6" t="s">
        <v>9</v>
      </c>
      <c r="F9568" s="7">
        <v>38657</v>
      </c>
      <c r="G9568" s="8">
        <v>1</v>
      </c>
      <c r="H9568" s="8">
        <v>1</v>
      </c>
      <c r="I9568" s="8">
        <v>0</v>
      </c>
      <c r="J9568" s="8">
        <v>1</v>
      </c>
      <c r="K9568" s="9">
        <v>21</v>
      </c>
      <c r="L9568" s="6" t="s">
        <v>51</v>
      </c>
    </row>
    <row r="9569" spans="1:12">
      <c r="A9569" s="6" t="s">
        <v>49</v>
      </c>
      <c r="B9569" s="6"/>
      <c r="C9569" s="6" t="s">
        <v>9593</v>
      </c>
      <c r="D9569" s="6"/>
      <c r="E9569" s="6" t="s">
        <v>9</v>
      </c>
      <c r="F9569" s="7">
        <v>38657</v>
      </c>
      <c r="G9569" s="8">
        <v>1</v>
      </c>
      <c r="H9569" s="8">
        <v>1</v>
      </c>
      <c r="I9569" s="8">
        <v>0</v>
      </c>
      <c r="J9569" s="8">
        <v>1</v>
      </c>
      <c r="K9569" s="9">
        <v>69</v>
      </c>
      <c r="L9569" s="6" t="s">
        <v>51</v>
      </c>
    </row>
    <row r="9570" spans="1:12">
      <c r="A9570" s="6" t="s">
        <v>49</v>
      </c>
      <c r="B9570" s="6"/>
      <c r="C9570" s="6" t="s">
        <v>9594</v>
      </c>
      <c r="D9570" s="6"/>
      <c r="E9570" s="6" t="s">
        <v>9</v>
      </c>
      <c r="F9570" s="7">
        <v>38657</v>
      </c>
      <c r="G9570" s="8">
        <v>1</v>
      </c>
      <c r="H9570" s="8">
        <v>1</v>
      </c>
      <c r="I9570" s="8">
        <v>0</v>
      </c>
      <c r="J9570" s="8">
        <v>1</v>
      </c>
      <c r="K9570" s="9">
        <v>823</v>
      </c>
      <c r="L9570" s="6" t="s">
        <v>51</v>
      </c>
    </row>
    <row r="9571" spans="1:12">
      <c r="A9571" s="6" t="s">
        <v>49</v>
      </c>
      <c r="B9571" s="6"/>
      <c r="C9571" s="6" t="s">
        <v>9595</v>
      </c>
      <c r="D9571" s="6"/>
      <c r="E9571" s="6" t="s">
        <v>9</v>
      </c>
      <c r="F9571" s="7">
        <v>38657</v>
      </c>
      <c r="G9571" s="8">
        <v>1</v>
      </c>
      <c r="H9571" s="8">
        <v>1</v>
      </c>
      <c r="I9571" s="8">
        <v>0</v>
      </c>
      <c r="J9571" s="8">
        <v>1</v>
      </c>
      <c r="K9571" s="9">
        <v>31</v>
      </c>
      <c r="L9571" s="6" t="s">
        <v>51</v>
      </c>
    </row>
    <row r="9572" spans="1:12">
      <c r="A9572" s="6" t="s">
        <v>49</v>
      </c>
      <c r="B9572" s="6"/>
      <c r="C9572" s="6" t="s">
        <v>9596</v>
      </c>
      <c r="D9572" s="6"/>
      <c r="E9572" s="6" t="s">
        <v>9</v>
      </c>
      <c r="F9572" s="7">
        <v>38657</v>
      </c>
      <c r="G9572" s="8">
        <v>1</v>
      </c>
      <c r="H9572" s="8">
        <v>1</v>
      </c>
      <c r="I9572" s="8">
        <v>0</v>
      </c>
      <c r="J9572" s="8">
        <v>1</v>
      </c>
      <c r="K9572" s="9">
        <v>170</v>
      </c>
      <c r="L9572" s="6" t="s">
        <v>51</v>
      </c>
    </row>
    <row r="9573" spans="1:12">
      <c r="A9573" s="6" t="s">
        <v>49</v>
      </c>
      <c r="B9573" s="6"/>
      <c r="C9573" s="6" t="s">
        <v>9597</v>
      </c>
      <c r="D9573" s="6"/>
      <c r="E9573" s="6" t="s">
        <v>9</v>
      </c>
      <c r="F9573" s="7">
        <v>38657</v>
      </c>
      <c r="G9573" s="8">
        <v>1</v>
      </c>
      <c r="H9573" s="8">
        <v>1</v>
      </c>
      <c r="I9573" s="8">
        <v>0</v>
      </c>
      <c r="J9573" s="8">
        <v>1</v>
      </c>
      <c r="K9573" s="9">
        <v>17</v>
      </c>
      <c r="L9573" s="6" t="s">
        <v>51</v>
      </c>
    </row>
    <row r="9574" spans="1:12">
      <c r="A9574" s="6" t="s">
        <v>49</v>
      </c>
      <c r="B9574" s="6"/>
      <c r="C9574" s="6" t="s">
        <v>9598</v>
      </c>
      <c r="D9574" s="6"/>
      <c r="E9574" s="6" t="s">
        <v>9</v>
      </c>
      <c r="F9574" s="7">
        <v>38657</v>
      </c>
      <c r="G9574" s="8">
        <v>1</v>
      </c>
      <c r="H9574" s="8">
        <v>1</v>
      </c>
      <c r="I9574" s="8">
        <v>0</v>
      </c>
      <c r="J9574" s="8">
        <v>1</v>
      </c>
      <c r="K9574" s="9">
        <v>7.71</v>
      </c>
      <c r="L9574" s="6" t="s">
        <v>51</v>
      </c>
    </row>
    <row r="9575" spans="1:12">
      <c r="A9575" s="6" t="s">
        <v>49</v>
      </c>
      <c r="B9575" s="6"/>
      <c r="C9575" s="6" t="s">
        <v>9599</v>
      </c>
      <c r="D9575" s="6"/>
      <c r="E9575" s="6" t="s">
        <v>9</v>
      </c>
      <c r="F9575" s="7">
        <v>38657</v>
      </c>
      <c r="G9575" s="8">
        <v>1</v>
      </c>
      <c r="H9575" s="8">
        <v>1</v>
      </c>
      <c r="I9575" s="8">
        <v>0</v>
      </c>
      <c r="J9575" s="8">
        <v>1</v>
      </c>
      <c r="K9575" s="9">
        <v>345</v>
      </c>
      <c r="L9575" s="6" t="s">
        <v>51</v>
      </c>
    </row>
    <row r="9576" spans="1:12">
      <c r="A9576" s="6" t="s">
        <v>49</v>
      </c>
      <c r="B9576" s="6"/>
      <c r="C9576" s="6" t="s">
        <v>9600</v>
      </c>
      <c r="D9576" s="6"/>
      <c r="E9576" s="6" t="s">
        <v>9</v>
      </c>
      <c r="F9576" s="7">
        <v>38657</v>
      </c>
      <c r="G9576" s="8">
        <v>1</v>
      </c>
      <c r="H9576" s="8">
        <v>1</v>
      </c>
      <c r="I9576" s="8">
        <v>0</v>
      </c>
      <c r="J9576" s="8">
        <v>1</v>
      </c>
      <c r="K9576" s="9">
        <v>4.26</v>
      </c>
      <c r="L9576" s="6" t="s">
        <v>51</v>
      </c>
    </row>
    <row r="9577" spans="1:12">
      <c r="A9577" s="6" t="s">
        <v>49</v>
      </c>
      <c r="B9577" s="6"/>
      <c r="C9577" s="6" t="s">
        <v>9601</v>
      </c>
      <c r="D9577" s="6"/>
      <c r="E9577" s="6" t="s">
        <v>9</v>
      </c>
      <c r="F9577" s="7">
        <v>38657</v>
      </c>
      <c r="G9577" s="8">
        <v>1</v>
      </c>
      <c r="H9577" s="8">
        <v>1</v>
      </c>
      <c r="I9577" s="8">
        <v>0</v>
      </c>
      <c r="J9577" s="8">
        <v>1</v>
      </c>
      <c r="K9577" s="9">
        <v>704</v>
      </c>
      <c r="L9577" s="6" t="s">
        <v>51</v>
      </c>
    </row>
    <row r="9578" spans="1:12">
      <c r="A9578" s="6" t="s">
        <v>49</v>
      </c>
      <c r="B9578" s="6"/>
      <c r="C9578" s="6" t="s">
        <v>9602</v>
      </c>
      <c r="D9578" s="6"/>
      <c r="E9578" s="6" t="s">
        <v>9</v>
      </c>
      <c r="F9578" s="7">
        <v>38657</v>
      </c>
      <c r="G9578" s="8">
        <v>1</v>
      </c>
      <c r="H9578" s="8">
        <v>1</v>
      </c>
      <c r="I9578" s="8">
        <v>0</v>
      </c>
      <c r="J9578" s="8">
        <v>1</v>
      </c>
      <c r="K9578" s="9">
        <v>50</v>
      </c>
      <c r="L9578" s="6" t="s">
        <v>51</v>
      </c>
    </row>
    <row r="9579" spans="1:12">
      <c r="A9579" s="6" t="s">
        <v>49</v>
      </c>
      <c r="B9579" s="6"/>
      <c r="C9579" s="6" t="s">
        <v>9603</v>
      </c>
      <c r="D9579" s="6"/>
      <c r="E9579" s="6" t="s">
        <v>9</v>
      </c>
      <c r="F9579" s="7">
        <v>38657</v>
      </c>
      <c r="G9579" s="8">
        <v>1</v>
      </c>
      <c r="H9579" s="8">
        <v>1</v>
      </c>
      <c r="I9579" s="8">
        <v>0</v>
      </c>
      <c r="J9579" s="8">
        <v>1</v>
      </c>
      <c r="K9579" s="9">
        <v>330</v>
      </c>
      <c r="L9579" s="6" t="s">
        <v>51</v>
      </c>
    </row>
    <row r="9580" spans="1:12">
      <c r="A9580" s="6" t="s">
        <v>49</v>
      </c>
      <c r="B9580" s="6"/>
      <c r="C9580" s="6" t="s">
        <v>9604</v>
      </c>
      <c r="D9580" s="6"/>
      <c r="E9580" s="6" t="s">
        <v>9</v>
      </c>
      <c r="F9580" s="7">
        <v>38657</v>
      </c>
      <c r="G9580" s="8">
        <v>1</v>
      </c>
      <c r="H9580" s="8">
        <v>1</v>
      </c>
      <c r="I9580" s="8">
        <v>0</v>
      </c>
      <c r="J9580" s="8">
        <v>1</v>
      </c>
      <c r="K9580" s="9">
        <v>79</v>
      </c>
      <c r="L9580" s="6" t="s">
        <v>51</v>
      </c>
    </row>
    <row r="9581" spans="1:12">
      <c r="A9581" s="6" t="s">
        <v>49</v>
      </c>
      <c r="B9581" s="6"/>
      <c r="C9581" s="6" t="s">
        <v>9605</v>
      </c>
      <c r="D9581" s="6"/>
      <c r="E9581" s="6" t="s">
        <v>9</v>
      </c>
      <c r="F9581" s="7">
        <v>38657</v>
      </c>
      <c r="G9581" s="8">
        <v>1</v>
      </c>
      <c r="H9581" s="8">
        <v>1</v>
      </c>
      <c r="I9581" s="8">
        <v>0</v>
      </c>
      <c r="J9581" s="8">
        <v>1</v>
      </c>
      <c r="K9581" s="9">
        <v>416</v>
      </c>
      <c r="L9581" s="6" t="s">
        <v>51</v>
      </c>
    </row>
    <row r="9582" spans="1:12">
      <c r="A9582" s="6" t="s">
        <v>49</v>
      </c>
      <c r="B9582" s="6"/>
      <c r="C9582" s="6" t="s">
        <v>9606</v>
      </c>
      <c r="D9582" s="6"/>
      <c r="E9582" s="6" t="s">
        <v>9</v>
      </c>
      <c r="F9582" s="7">
        <v>38657</v>
      </c>
      <c r="G9582" s="8">
        <v>1</v>
      </c>
      <c r="H9582" s="8">
        <v>1</v>
      </c>
      <c r="I9582" s="8">
        <v>0</v>
      </c>
      <c r="J9582" s="8">
        <v>1</v>
      </c>
      <c r="K9582" s="9">
        <v>1.84</v>
      </c>
      <c r="L9582" s="6" t="s">
        <v>51</v>
      </c>
    </row>
    <row r="9583" spans="1:12">
      <c r="A9583" s="6" t="s">
        <v>49</v>
      </c>
      <c r="B9583" s="6"/>
      <c r="C9583" s="6" t="s">
        <v>9607</v>
      </c>
      <c r="D9583" s="6"/>
      <c r="E9583" s="6" t="s">
        <v>9</v>
      </c>
      <c r="F9583" s="7">
        <v>38657</v>
      </c>
      <c r="G9583" s="8">
        <v>1</v>
      </c>
      <c r="H9583" s="8">
        <v>1</v>
      </c>
      <c r="I9583" s="8">
        <v>0</v>
      </c>
      <c r="J9583" s="8">
        <v>1</v>
      </c>
      <c r="K9583" s="9">
        <v>394</v>
      </c>
      <c r="L9583" s="6" t="s">
        <v>51</v>
      </c>
    </row>
    <row r="9584" spans="1:12">
      <c r="A9584" s="6" t="s">
        <v>49</v>
      </c>
      <c r="B9584" s="6"/>
      <c r="C9584" s="6" t="s">
        <v>9608</v>
      </c>
      <c r="D9584" s="6"/>
      <c r="E9584" s="6" t="s">
        <v>9</v>
      </c>
      <c r="F9584" s="7">
        <v>38657</v>
      </c>
      <c r="G9584" s="8">
        <v>1</v>
      </c>
      <c r="H9584" s="8">
        <v>1</v>
      </c>
      <c r="I9584" s="8">
        <v>0</v>
      </c>
      <c r="J9584" s="8">
        <v>1</v>
      </c>
      <c r="K9584" s="9">
        <v>212</v>
      </c>
      <c r="L9584" s="6" t="s">
        <v>51</v>
      </c>
    </row>
    <row r="9585" spans="1:12">
      <c r="A9585" s="6" t="s">
        <v>49</v>
      </c>
      <c r="B9585" s="6"/>
      <c r="C9585" s="6" t="s">
        <v>9609</v>
      </c>
      <c r="D9585" s="6"/>
      <c r="E9585" s="6" t="s">
        <v>9</v>
      </c>
      <c r="F9585" s="7">
        <v>38657</v>
      </c>
      <c r="G9585" s="8">
        <v>1</v>
      </c>
      <c r="H9585" s="8">
        <v>1</v>
      </c>
      <c r="I9585" s="8">
        <v>0</v>
      </c>
      <c r="J9585" s="8">
        <v>1</v>
      </c>
      <c r="K9585" s="9">
        <v>29</v>
      </c>
      <c r="L9585" s="6" t="s">
        <v>51</v>
      </c>
    </row>
    <row r="9586" spans="1:12">
      <c r="A9586" s="6" t="s">
        <v>49</v>
      </c>
      <c r="B9586" s="6"/>
      <c r="C9586" s="6" t="s">
        <v>9610</v>
      </c>
      <c r="D9586" s="6"/>
      <c r="E9586" s="6" t="s">
        <v>9</v>
      </c>
      <c r="F9586" s="7">
        <v>38657</v>
      </c>
      <c r="G9586" s="8">
        <v>1</v>
      </c>
      <c r="H9586" s="8">
        <v>1</v>
      </c>
      <c r="I9586" s="8">
        <v>0</v>
      </c>
      <c r="J9586" s="8">
        <v>1</v>
      </c>
      <c r="K9586" s="9">
        <v>184</v>
      </c>
      <c r="L9586" s="6" t="s">
        <v>51</v>
      </c>
    </row>
    <row r="9587" spans="1:12">
      <c r="A9587" s="6" t="s">
        <v>49</v>
      </c>
      <c r="B9587" s="6"/>
      <c r="C9587" s="6" t="s">
        <v>9611</v>
      </c>
      <c r="D9587" s="6"/>
      <c r="E9587" s="6" t="s">
        <v>9</v>
      </c>
      <c r="F9587" s="7">
        <v>38657</v>
      </c>
      <c r="G9587" s="8">
        <v>1</v>
      </c>
      <c r="H9587" s="8">
        <v>1</v>
      </c>
      <c r="I9587" s="8">
        <v>0</v>
      </c>
      <c r="J9587" s="8">
        <v>1</v>
      </c>
      <c r="K9587" s="9">
        <v>5.05</v>
      </c>
      <c r="L9587" s="6" t="s">
        <v>51</v>
      </c>
    </row>
    <row r="9588" spans="1:12">
      <c r="A9588" s="6" t="s">
        <v>49</v>
      </c>
      <c r="B9588" s="6"/>
      <c r="C9588" s="6" t="s">
        <v>9612</v>
      </c>
      <c r="D9588" s="6"/>
      <c r="E9588" s="6" t="s">
        <v>9</v>
      </c>
      <c r="F9588" s="7">
        <v>38657</v>
      </c>
      <c r="G9588" s="8">
        <v>1</v>
      </c>
      <c r="H9588" s="8">
        <v>1</v>
      </c>
      <c r="I9588" s="8">
        <v>0</v>
      </c>
      <c r="J9588" s="8">
        <v>1</v>
      </c>
      <c r="K9588" s="9">
        <v>305</v>
      </c>
      <c r="L9588" s="6" t="s">
        <v>51</v>
      </c>
    </row>
    <row r="9589" spans="1:12">
      <c r="A9589" s="6" t="s">
        <v>49</v>
      </c>
      <c r="B9589" s="6"/>
      <c r="C9589" s="6" t="s">
        <v>9613</v>
      </c>
      <c r="D9589" s="6"/>
      <c r="E9589" s="6" t="s">
        <v>9</v>
      </c>
      <c r="F9589" s="7">
        <v>38657</v>
      </c>
      <c r="G9589" s="8">
        <v>1</v>
      </c>
      <c r="H9589" s="8">
        <v>1</v>
      </c>
      <c r="I9589" s="8">
        <v>0</v>
      </c>
      <c r="J9589" s="8">
        <v>1</v>
      </c>
      <c r="K9589" s="9">
        <v>2</v>
      </c>
      <c r="L9589" s="6" t="s">
        <v>51</v>
      </c>
    </row>
    <row r="9590" spans="1:12">
      <c r="A9590" s="6" t="s">
        <v>49</v>
      </c>
      <c r="B9590" s="6"/>
      <c r="C9590" s="6" t="s">
        <v>9614</v>
      </c>
      <c r="D9590" s="6"/>
      <c r="E9590" s="6" t="s">
        <v>9</v>
      </c>
      <c r="F9590" s="7">
        <v>38657</v>
      </c>
      <c r="G9590" s="8">
        <v>1</v>
      </c>
      <c r="H9590" s="8">
        <v>1</v>
      </c>
      <c r="I9590" s="8">
        <v>0</v>
      </c>
      <c r="J9590" s="8">
        <v>1</v>
      </c>
      <c r="K9590" s="9">
        <v>245.13</v>
      </c>
      <c r="L9590" s="6" t="s">
        <v>51</v>
      </c>
    </row>
    <row r="9591" spans="1:12">
      <c r="A9591" s="6" t="s">
        <v>49</v>
      </c>
      <c r="B9591" s="6"/>
      <c r="C9591" s="6" t="s">
        <v>9615</v>
      </c>
      <c r="D9591" s="6"/>
      <c r="E9591" s="6" t="s">
        <v>9</v>
      </c>
      <c r="F9591" s="7">
        <v>38657</v>
      </c>
      <c r="G9591" s="8">
        <v>1</v>
      </c>
      <c r="H9591" s="8">
        <v>1</v>
      </c>
      <c r="I9591" s="8">
        <v>0</v>
      </c>
      <c r="J9591" s="8">
        <v>1</v>
      </c>
      <c r="K9591" s="9">
        <v>6.21</v>
      </c>
      <c r="L9591" s="6" t="s">
        <v>51</v>
      </c>
    </row>
    <row r="9592" spans="1:12">
      <c r="A9592" s="6" t="s">
        <v>49</v>
      </c>
      <c r="B9592" s="6"/>
      <c r="C9592" s="6" t="s">
        <v>9616</v>
      </c>
      <c r="D9592" s="6"/>
      <c r="E9592" s="6" t="s">
        <v>9</v>
      </c>
      <c r="F9592" s="7">
        <v>38657</v>
      </c>
      <c r="G9592" s="8">
        <v>1</v>
      </c>
      <c r="H9592" s="8">
        <v>1</v>
      </c>
      <c r="I9592" s="8">
        <v>0</v>
      </c>
      <c r="J9592" s="8">
        <v>1</v>
      </c>
      <c r="K9592" s="9">
        <v>6.1</v>
      </c>
      <c r="L9592" s="6" t="s">
        <v>51</v>
      </c>
    </row>
    <row r="9593" spans="1:12">
      <c r="A9593" s="6" t="s">
        <v>49</v>
      </c>
      <c r="B9593" s="6"/>
      <c r="C9593" s="6" t="s">
        <v>9617</v>
      </c>
      <c r="D9593" s="6"/>
      <c r="E9593" s="6" t="s">
        <v>9</v>
      </c>
      <c r="F9593" s="7">
        <v>38657</v>
      </c>
      <c r="G9593" s="8">
        <v>1</v>
      </c>
      <c r="H9593" s="8">
        <v>1</v>
      </c>
      <c r="I9593" s="8">
        <v>0</v>
      </c>
      <c r="J9593" s="8">
        <v>1</v>
      </c>
      <c r="K9593" s="9">
        <v>1.86</v>
      </c>
      <c r="L9593" s="6" t="s">
        <v>51</v>
      </c>
    </row>
    <row r="9594" spans="1:12">
      <c r="A9594" s="6" t="s">
        <v>49</v>
      </c>
      <c r="B9594" s="6"/>
      <c r="C9594" s="6" t="s">
        <v>9618</v>
      </c>
      <c r="D9594" s="6"/>
      <c r="E9594" s="6" t="s">
        <v>9</v>
      </c>
      <c r="F9594" s="7">
        <v>38657</v>
      </c>
      <c r="G9594" s="8">
        <v>1</v>
      </c>
      <c r="H9594" s="8">
        <v>1</v>
      </c>
      <c r="I9594" s="8">
        <v>0</v>
      </c>
      <c r="J9594" s="8">
        <v>1</v>
      </c>
      <c r="K9594" s="9">
        <v>6.24</v>
      </c>
      <c r="L9594" s="6" t="s">
        <v>51</v>
      </c>
    </row>
    <row r="9595" spans="1:12">
      <c r="A9595" s="6" t="s">
        <v>49</v>
      </c>
      <c r="B9595" s="6"/>
      <c r="C9595" s="6" t="s">
        <v>9619</v>
      </c>
      <c r="D9595" s="6"/>
      <c r="E9595" s="6" t="s">
        <v>9</v>
      </c>
      <c r="F9595" s="7">
        <v>38657</v>
      </c>
      <c r="G9595" s="8">
        <v>1</v>
      </c>
      <c r="H9595" s="8">
        <v>1</v>
      </c>
      <c r="I9595" s="8">
        <v>0</v>
      </c>
      <c r="J9595" s="8">
        <v>1</v>
      </c>
      <c r="K9595" s="9">
        <v>4.5599999999999898</v>
      </c>
      <c r="L9595" s="6" t="s">
        <v>51</v>
      </c>
    </row>
    <row r="9596" spans="1:12">
      <c r="A9596" s="6" t="s">
        <v>49</v>
      </c>
      <c r="B9596" s="6"/>
      <c r="C9596" s="6" t="s">
        <v>9620</v>
      </c>
      <c r="D9596" s="6"/>
      <c r="E9596" s="6" t="s">
        <v>9</v>
      </c>
      <c r="F9596" s="7">
        <v>38657</v>
      </c>
      <c r="G9596" s="8">
        <v>1</v>
      </c>
      <c r="H9596" s="8">
        <v>1</v>
      </c>
      <c r="I9596" s="8">
        <v>0</v>
      </c>
      <c r="J9596" s="8">
        <v>1</v>
      </c>
      <c r="K9596" s="9">
        <v>3.94</v>
      </c>
      <c r="L9596" s="6" t="s">
        <v>51</v>
      </c>
    </row>
    <row r="9597" spans="1:12">
      <c r="A9597" s="6" t="s">
        <v>49</v>
      </c>
      <c r="B9597" s="6"/>
      <c r="C9597" s="6" t="s">
        <v>9621</v>
      </c>
      <c r="D9597" s="6"/>
      <c r="E9597" s="6" t="s">
        <v>9</v>
      </c>
      <c r="F9597" s="7">
        <v>38657</v>
      </c>
      <c r="G9597" s="8">
        <v>1</v>
      </c>
      <c r="H9597" s="8">
        <v>1</v>
      </c>
      <c r="I9597" s="8">
        <v>0</v>
      </c>
      <c r="J9597" s="8">
        <v>1</v>
      </c>
      <c r="K9597" s="9">
        <v>101</v>
      </c>
      <c r="L9597" s="6" t="s">
        <v>51</v>
      </c>
    </row>
    <row r="9598" spans="1:12">
      <c r="A9598" s="6" t="s">
        <v>49</v>
      </c>
      <c r="B9598" s="6"/>
      <c r="C9598" s="6" t="s">
        <v>9622</v>
      </c>
      <c r="D9598" s="6"/>
      <c r="E9598" s="6" t="s">
        <v>9</v>
      </c>
      <c r="F9598" s="7">
        <v>38657</v>
      </c>
      <c r="G9598" s="8">
        <v>1</v>
      </c>
      <c r="H9598" s="8">
        <v>1</v>
      </c>
      <c r="I9598" s="8">
        <v>0</v>
      </c>
      <c r="J9598" s="8">
        <v>1</v>
      </c>
      <c r="K9598" s="9">
        <v>13</v>
      </c>
      <c r="L9598" s="6" t="s">
        <v>51</v>
      </c>
    </row>
    <row r="9599" spans="1:12">
      <c r="A9599" s="6" t="s">
        <v>49</v>
      </c>
      <c r="B9599" s="6"/>
      <c r="C9599" s="6" t="s">
        <v>9623</v>
      </c>
      <c r="D9599" s="6"/>
      <c r="E9599" s="6" t="s">
        <v>9</v>
      </c>
      <c r="F9599" s="7">
        <v>40605</v>
      </c>
      <c r="G9599" s="8">
        <v>1</v>
      </c>
      <c r="H9599" s="8">
        <v>1</v>
      </c>
      <c r="I9599" s="8">
        <v>0</v>
      </c>
      <c r="J9599" s="8">
        <v>1</v>
      </c>
      <c r="K9599" s="9">
        <v>13.22</v>
      </c>
      <c r="L9599" s="6" t="s">
        <v>51</v>
      </c>
    </row>
    <row r="9600" spans="1:12">
      <c r="A9600" s="6" t="s">
        <v>49</v>
      </c>
      <c r="B9600" s="6"/>
      <c r="C9600" s="6" t="s">
        <v>9624</v>
      </c>
      <c r="D9600" s="6"/>
      <c r="E9600" s="6" t="s">
        <v>9</v>
      </c>
      <c r="F9600" s="7">
        <v>38657</v>
      </c>
      <c r="G9600" s="8">
        <v>1</v>
      </c>
      <c r="H9600" s="8">
        <v>1</v>
      </c>
      <c r="I9600" s="8">
        <v>0</v>
      </c>
      <c r="J9600" s="8">
        <v>1</v>
      </c>
      <c r="K9600" s="9">
        <v>4.2</v>
      </c>
      <c r="L9600" s="6" t="s">
        <v>51</v>
      </c>
    </row>
    <row r="9601" spans="1:12">
      <c r="A9601" s="6" t="s">
        <v>49</v>
      </c>
      <c r="B9601" s="6"/>
      <c r="C9601" s="6" t="s">
        <v>9625</v>
      </c>
      <c r="D9601" s="6"/>
      <c r="E9601" s="6" t="s">
        <v>9</v>
      </c>
      <c r="F9601" s="7">
        <v>38657</v>
      </c>
      <c r="G9601" s="8">
        <v>1</v>
      </c>
      <c r="H9601" s="8">
        <v>1</v>
      </c>
      <c r="I9601" s="8">
        <v>0</v>
      </c>
      <c r="J9601" s="8">
        <v>1</v>
      </c>
      <c r="K9601" s="9">
        <v>34</v>
      </c>
      <c r="L9601" s="6" t="s">
        <v>51</v>
      </c>
    </row>
    <row r="9602" spans="1:12">
      <c r="A9602" s="6" t="s">
        <v>49</v>
      </c>
      <c r="B9602" s="6"/>
      <c r="C9602" s="6" t="s">
        <v>9626</v>
      </c>
      <c r="D9602" s="6"/>
      <c r="E9602" s="6" t="s">
        <v>9</v>
      </c>
      <c r="F9602" s="7">
        <v>38657</v>
      </c>
      <c r="G9602" s="8">
        <v>1</v>
      </c>
      <c r="H9602" s="8">
        <v>1</v>
      </c>
      <c r="I9602" s="8">
        <v>0</v>
      </c>
      <c r="J9602" s="8">
        <v>1</v>
      </c>
      <c r="K9602" s="9">
        <v>0.19</v>
      </c>
      <c r="L9602" s="6" t="s">
        <v>51</v>
      </c>
    </row>
    <row r="9603" spans="1:12">
      <c r="A9603" s="6" t="s">
        <v>49</v>
      </c>
      <c r="B9603" s="6"/>
      <c r="C9603" s="6" t="s">
        <v>9627</v>
      </c>
      <c r="D9603" s="6"/>
      <c r="E9603" s="6" t="s">
        <v>9</v>
      </c>
      <c r="F9603" s="7">
        <v>40388</v>
      </c>
      <c r="G9603" s="8">
        <v>1</v>
      </c>
      <c r="H9603" s="8">
        <v>1</v>
      </c>
      <c r="I9603" s="8">
        <v>0</v>
      </c>
      <c r="J9603" s="8">
        <v>1</v>
      </c>
      <c r="K9603" s="9">
        <v>135</v>
      </c>
      <c r="L9603" s="6" t="s">
        <v>51</v>
      </c>
    </row>
    <row r="9604" spans="1:12">
      <c r="A9604" s="6" t="s">
        <v>49</v>
      </c>
      <c r="B9604" s="6"/>
      <c r="C9604" s="6" t="s">
        <v>9628</v>
      </c>
      <c r="D9604" s="6"/>
      <c r="E9604" s="6" t="s">
        <v>9</v>
      </c>
      <c r="F9604" s="7">
        <v>40388</v>
      </c>
      <c r="G9604" s="8">
        <v>1</v>
      </c>
      <c r="H9604" s="8">
        <v>1</v>
      </c>
      <c r="I9604" s="8">
        <v>0</v>
      </c>
      <c r="J9604" s="8">
        <v>1</v>
      </c>
      <c r="K9604" s="9">
        <v>2.02999999999999</v>
      </c>
      <c r="L9604" s="6" t="s">
        <v>51</v>
      </c>
    </row>
    <row r="9605" spans="1:12">
      <c r="A9605" s="6" t="s">
        <v>49</v>
      </c>
      <c r="B9605" s="6"/>
      <c r="C9605" s="6" t="s">
        <v>9629</v>
      </c>
      <c r="D9605" s="6"/>
      <c r="E9605" s="6" t="s">
        <v>9</v>
      </c>
      <c r="F9605" s="7">
        <v>40388</v>
      </c>
      <c r="G9605" s="8">
        <v>1</v>
      </c>
      <c r="H9605" s="8">
        <v>1</v>
      </c>
      <c r="I9605" s="8">
        <v>0</v>
      </c>
      <c r="J9605" s="8">
        <v>1</v>
      </c>
      <c r="K9605" s="9">
        <v>176</v>
      </c>
      <c r="L9605" s="6" t="s">
        <v>51</v>
      </c>
    </row>
    <row r="9606" spans="1:12">
      <c r="A9606" s="6" t="s">
        <v>49</v>
      </c>
      <c r="B9606" s="6"/>
      <c r="C9606" s="6" t="s">
        <v>9630</v>
      </c>
      <c r="D9606" s="6"/>
      <c r="E9606" s="6" t="s">
        <v>9</v>
      </c>
      <c r="F9606" s="7">
        <v>38657</v>
      </c>
      <c r="G9606" s="8">
        <v>1</v>
      </c>
      <c r="H9606" s="8">
        <v>1</v>
      </c>
      <c r="I9606" s="8">
        <v>0</v>
      </c>
      <c r="J9606" s="8">
        <v>1</v>
      </c>
      <c r="K9606" s="9">
        <v>13</v>
      </c>
      <c r="L9606" s="6" t="s">
        <v>51</v>
      </c>
    </row>
    <row r="9607" spans="1:12">
      <c r="A9607" s="6" t="s">
        <v>49</v>
      </c>
      <c r="B9607" s="6"/>
      <c r="C9607" s="6" t="s">
        <v>9631</v>
      </c>
      <c r="D9607" s="6"/>
      <c r="E9607" s="6" t="s">
        <v>9</v>
      </c>
      <c r="F9607" s="7">
        <v>38657</v>
      </c>
      <c r="G9607" s="8">
        <v>1</v>
      </c>
      <c r="H9607" s="8">
        <v>1</v>
      </c>
      <c r="I9607" s="8">
        <v>0</v>
      </c>
      <c r="J9607" s="8">
        <v>1</v>
      </c>
      <c r="K9607" s="9">
        <v>10</v>
      </c>
      <c r="L9607" s="6" t="s">
        <v>51</v>
      </c>
    </row>
    <row r="9608" spans="1:12">
      <c r="A9608" s="6" t="s">
        <v>49</v>
      </c>
      <c r="B9608" s="6"/>
      <c r="C9608" s="6" t="s">
        <v>9632</v>
      </c>
      <c r="D9608" s="6"/>
      <c r="E9608" s="6" t="s">
        <v>9</v>
      </c>
      <c r="F9608" s="7">
        <v>40415</v>
      </c>
      <c r="G9608" s="8">
        <v>1</v>
      </c>
      <c r="H9608" s="8">
        <v>1</v>
      </c>
      <c r="I9608" s="8">
        <v>0</v>
      </c>
      <c r="J9608" s="8">
        <v>1</v>
      </c>
      <c r="K9608" s="9">
        <v>277</v>
      </c>
      <c r="L9608" s="6" t="s">
        <v>51</v>
      </c>
    </row>
    <row r="9609" spans="1:12">
      <c r="A9609" s="6" t="s">
        <v>49</v>
      </c>
      <c r="B9609" s="6"/>
      <c r="C9609" s="6" t="s">
        <v>9633</v>
      </c>
      <c r="D9609" s="6"/>
      <c r="E9609" s="6" t="s">
        <v>9</v>
      </c>
      <c r="F9609" s="7">
        <v>38657</v>
      </c>
      <c r="G9609" s="8">
        <v>1</v>
      </c>
      <c r="H9609" s="8">
        <v>1</v>
      </c>
      <c r="I9609" s="8">
        <v>0</v>
      </c>
      <c r="J9609" s="8">
        <v>1</v>
      </c>
      <c r="K9609" s="9">
        <v>618</v>
      </c>
      <c r="L9609" s="6" t="s">
        <v>51</v>
      </c>
    </row>
    <row r="9610" spans="1:12">
      <c r="A9610" s="6" t="s">
        <v>49</v>
      </c>
      <c r="B9610" s="6"/>
      <c r="C9610" s="6" t="s">
        <v>9634</v>
      </c>
      <c r="D9610" s="6"/>
      <c r="E9610" s="6" t="s">
        <v>9</v>
      </c>
      <c r="F9610" s="7">
        <v>38657</v>
      </c>
      <c r="G9610" s="8">
        <v>1</v>
      </c>
      <c r="H9610" s="8">
        <v>1</v>
      </c>
      <c r="I9610" s="8">
        <v>0</v>
      </c>
      <c r="J9610" s="8">
        <v>1</v>
      </c>
      <c r="K9610" s="9">
        <v>26.44</v>
      </c>
      <c r="L9610" s="6" t="s">
        <v>51</v>
      </c>
    </row>
    <row r="9611" spans="1:12">
      <c r="A9611" s="6" t="s">
        <v>49</v>
      </c>
      <c r="B9611" s="6"/>
      <c r="C9611" s="6" t="s">
        <v>9635</v>
      </c>
      <c r="D9611" s="6"/>
      <c r="E9611" s="6" t="s">
        <v>9</v>
      </c>
      <c r="F9611" s="7">
        <v>38657</v>
      </c>
      <c r="G9611" s="8">
        <v>1</v>
      </c>
      <c r="H9611" s="8">
        <v>1</v>
      </c>
      <c r="I9611" s="8">
        <v>0</v>
      </c>
      <c r="J9611" s="8">
        <v>1</v>
      </c>
      <c r="K9611" s="9">
        <v>47</v>
      </c>
      <c r="L9611" s="6" t="s">
        <v>51</v>
      </c>
    </row>
    <row r="9612" spans="1:12">
      <c r="A9612" s="6" t="s">
        <v>49</v>
      </c>
      <c r="B9612" s="6"/>
      <c r="C9612" s="6" t="s">
        <v>9636</v>
      </c>
      <c r="D9612" s="6"/>
      <c r="E9612" s="6" t="s">
        <v>9</v>
      </c>
      <c r="F9612" s="7">
        <v>38657</v>
      </c>
      <c r="G9612" s="8">
        <v>1</v>
      </c>
      <c r="H9612" s="8">
        <v>1</v>
      </c>
      <c r="I9612" s="8">
        <v>0</v>
      </c>
      <c r="J9612" s="8">
        <v>1</v>
      </c>
      <c r="K9612" s="9">
        <v>12</v>
      </c>
      <c r="L9612" s="6" t="s">
        <v>51</v>
      </c>
    </row>
    <row r="9613" spans="1:12">
      <c r="A9613" s="6" t="s">
        <v>49</v>
      </c>
      <c r="B9613" s="6"/>
      <c r="C9613" s="6" t="s">
        <v>9637</v>
      </c>
      <c r="D9613" s="6"/>
      <c r="E9613" s="6" t="s">
        <v>9</v>
      </c>
      <c r="F9613" s="7">
        <v>40415</v>
      </c>
      <c r="G9613" s="8">
        <v>1</v>
      </c>
      <c r="H9613" s="8">
        <v>1</v>
      </c>
      <c r="I9613" s="8">
        <v>0</v>
      </c>
      <c r="J9613" s="8">
        <v>1</v>
      </c>
      <c r="K9613" s="9">
        <v>51</v>
      </c>
      <c r="L9613" s="6" t="s">
        <v>51</v>
      </c>
    </row>
    <row r="9614" spans="1:12">
      <c r="A9614" s="6" t="s">
        <v>49</v>
      </c>
      <c r="B9614" s="6"/>
      <c r="C9614" s="6" t="s">
        <v>9638</v>
      </c>
      <c r="D9614" s="6"/>
      <c r="E9614" s="6" t="s">
        <v>9</v>
      </c>
      <c r="F9614" s="7">
        <v>40415</v>
      </c>
      <c r="G9614" s="8">
        <v>1</v>
      </c>
      <c r="H9614" s="8">
        <v>1</v>
      </c>
      <c r="I9614" s="8">
        <v>0</v>
      </c>
      <c r="J9614" s="8">
        <v>1</v>
      </c>
      <c r="K9614" s="9">
        <v>641</v>
      </c>
      <c r="L9614" s="6" t="s">
        <v>51</v>
      </c>
    </row>
    <row r="9615" spans="1:12">
      <c r="A9615" s="6" t="s">
        <v>49</v>
      </c>
      <c r="B9615" s="6"/>
      <c r="C9615" s="6" t="s">
        <v>9639</v>
      </c>
      <c r="D9615" s="6"/>
      <c r="E9615" s="6" t="s">
        <v>9</v>
      </c>
      <c r="F9615" s="7">
        <v>38657</v>
      </c>
      <c r="G9615" s="8">
        <v>1</v>
      </c>
      <c r="H9615" s="8">
        <v>1</v>
      </c>
      <c r="I9615" s="8">
        <v>0</v>
      </c>
      <c r="J9615" s="8">
        <v>1</v>
      </c>
      <c r="K9615" s="9">
        <v>254</v>
      </c>
      <c r="L9615" s="6" t="s">
        <v>51</v>
      </c>
    </row>
    <row r="9616" spans="1:12">
      <c r="A9616" s="6" t="s">
        <v>49</v>
      </c>
      <c r="B9616" s="6"/>
      <c r="C9616" s="6" t="s">
        <v>9640</v>
      </c>
      <c r="D9616" s="6"/>
      <c r="E9616" s="6" t="s">
        <v>9</v>
      </c>
      <c r="F9616" s="7">
        <v>38657</v>
      </c>
      <c r="G9616" s="8">
        <v>1</v>
      </c>
      <c r="H9616" s="8">
        <v>1</v>
      </c>
      <c r="I9616" s="8">
        <v>0</v>
      </c>
      <c r="J9616" s="8">
        <v>1</v>
      </c>
      <c r="K9616" s="9">
        <v>51</v>
      </c>
      <c r="L9616" s="6" t="s">
        <v>51</v>
      </c>
    </row>
    <row r="9617" spans="1:12">
      <c r="A9617" s="6" t="s">
        <v>49</v>
      </c>
      <c r="B9617" s="6"/>
      <c r="C9617" s="6" t="s">
        <v>9641</v>
      </c>
      <c r="D9617" s="6"/>
      <c r="E9617" s="6" t="s">
        <v>9</v>
      </c>
      <c r="F9617" s="7">
        <v>38657</v>
      </c>
      <c r="G9617" s="8">
        <v>1</v>
      </c>
      <c r="H9617" s="8">
        <v>1</v>
      </c>
      <c r="I9617" s="8">
        <v>0</v>
      </c>
      <c r="J9617" s="8">
        <v>1</v>
      </c>
      <c r="K9617" s="9">
        <v>876</v>
      </c>
      <c r="L9617" s="6" t="s">
        <v>51</v>
      </c>
    </row>
    <row r="9618" spans="1:12">
      <c r="A9618" s="6" t="s">
        <v>49</v>
      </c>
      <c r="B9618" s="6"/>
      <c r="C9618" s="6" t="s">
        <v>9642</v>
      </c>
      <c r="D9618" s="6"/>
      <c r="E9618" s="6" t="s">
        <v>9</v>
      </c>
      <c r="F9618" s="7">
        <v>38657</v>
      </c>
      <c r="G9618" s="8">
        <v>1</v>
      </c>
      <c r="H9618" s="8">
        <v>1</v>
      </c>
      <c r="I9618" s="8">
        <v>0</v>
      </c>
      <c r="J9618" s="8">
        <v>1</v>
      </c>
      <c r="K9618" s="9">
        <v>15</v>
      </c>
      <c r="L9618" s="6" t="s">
        <v>51</v>
      </c>
    </row>
    <row r="9619" spans="1:12">
      <c r="A9619" s="6" t="s">
        <v>49</v>
      </c>
      <c r="B9619" s="6"/>
      <c r="C9619" s="6" t="s">
        <v>9643</v>
      </c>
      <c r="D9619" s="6"/>
      <c r="E9619" s="6" t="s">
        <v>9</v>
      </c>
      <c r="F9619" s="7">
        <v>38657</v>
      </c>
      <c r="G9619" s="8">
        <v>1</v>
      </c>
      <c r="H9619" s="8">
        <v>1</v>
      </c>
      <c r="I9619" s="8">
        <v>0</v>
      </c>
      <c r="J9619" s="8">
        <v>1</v>
      </c>
      <c r="K9619" s="9">
        <v>271</v>
      </c>
      <c r="L9619" s="6" t="s">
        <v>51</v>
      </c>
    </row>
    <row r="9620" spans="1:12">
      <c r="A9620" s="6" t="s">
        <v>49</v>
      </c>
      <c r="B9620" s="6"/>
      <c r="C9620" s="6" t="s">
        <v>9644</v>
      </c>
      <c r="D9620" s="6"/>
      <c r="E9620" s="6" t="s">
        <v>9</v>
      </c>
      <c r="F9620" s="7">
        <v>38657</v>
      </c>
      <c r="G9620" s="8">
        <v>1</v>
      </c>
      <c r="H9620" s="8">
        <v>1</v>
      </c>
      <c r="I9620" s="8">
        <v>0</v>
      </c>
      <c r="J9620" s="8">
        <v>1</v>
      </c>
      <c r="K9620" s="9">
        <v>79.099999999999895</v>
      </c>
      <c r="L9620" s="6" t="s">
        <v>51</v>
      </c>
    </row>
    <row r="9621" spans="1:12">
      <c r="A9621" s="6" t="s">
        <v>49</v>
      </c>
      <c r="B9621" s="6"/>
      <c r="C9621" s="6" t="s">
        <v>9645</v>
      </c>
      <c r="D9621" s="6"/>
      <c r="E9621" s="6" t="s">
        <v>9</v>
      </c>
      <c r="F9621" s="7">
        <v>38657</v>
      </c>
      <c r="G9621" s="8">
        <v>1</v>
      </c>
      <c r="H9621" s="8">
        <v>1</v>
      </c>
      <c r="I9621" s="8">
        <v>0</v>
      </c>
      <c r="J9621" s="8">
        <v>1</v>
      </c>
      <c r="K9621" s="9">
        <v>26.44</v>
      </c>
      <c r="L9621" s="6" t="s">
        <v>51</v>
      </c>
    </row>
    <row r="9622" spans="1:12">
      <c r="A9622" s="6" t="s">
        <v>49</v>
      </c>
      <c r="B9622" s="6"/>
      <c r="C9622" s="6" t="s">
        <v>9646</v>
      </c>
      <c r="D9622" s="6"/>
      <c r="E9622" s="6" t="s">
        <v>9</v>
      </c>
      <c r="F9622" s="7">
        <v>38657</v>
      </c>
      <c r="G9622" s="8">
        <v>1</v>
      </c>
      <c r="H9622" s="8">
        <v>1</v>
      </c>
      <c r="I9622" s="8">
        <v>0</v>
      </c>
      <c r="J9622" s="8">
        <v>1</v>
      </c>
      <c r="K9622" s="9">
        <v>0.03</v>
      </c>
      <c r="L9622" s="6" t="s">
        <v>51</v>
      </c>
    </row>
    <row r="9623" spans="1:12">
      <c r="A9623" s="6" t="s">
        <v>49</v>
      </c>
      <c r="B9623" s="6"/>
      <c r="C9623" s="6" t="s">
        <v>9647</v>
      </c>
      <c r="D9623" s="6"/>
      <c r="E9623" s="6" t="s">
        <v>9</v>
      </c>
      <c r="F9623" s="7">
        <v>38657</v>
      </c>
      <c r="G9623" s="8">
        <v>1</v>
      </c>
      <c r="H9623" s="8">
        <v>1</v>
      </c>
      <c r="I9623" s="8">
        <v>0</v>
      </c>
      <c r="J9623" s="8">
        <v>1</v>
      </c>
      <c r="K9623" s="9">
        <v>2.52</v>
      </c>
      <c r="L9623" s="6" t="s">
        <v>51</v>
      </c>
    </row>
    <row r="9624" spans="1:12">
      <c r="A9624" s="6" t="s">
        <v>49</v>
      </c>
      <c r="B9624" s="6"/>
      <c r="C9624" s="6" t="s">
        <v>9648</v>
      </c>
      <c r="D9624" s="6"/>
      <c r="E9624" s="6" t="s">
        <v>9</v>
      </c>
      <c r="F9624" s="7">
        <v>38657</v>
      </c>
      <c r="G9624" s="8">
        <v>1</v>
      </c>
      <c r="H9624" s="8">
        <v>1</v>
      </c>
      <c r="I9624" s="8">
        <v>0</v>
      </c>
      <c r="J9624" s="8">
        <v>1</v>
      </c>
      <c r="K9624" s="9">
        <v>5.44</v>
      </c>
      <c r="L9624" s="6" t="s">
        <v>51</v>
      </c>
    </row>
    <row r="9625" spans="1:12">
      <c r="A9625" s="6" t="s">
        <v>49</v>
      </c>
      <c r="B9625" s="6"/>
      <c r="C9625" s="6" t="s">
        <v>9649</v>
      </c>
      <c r="D9625" s="6"/>
      <c r="E9625" s="6" t="s">
        <v>9</v>
      </c>
      <c r="F9625" s="7">
        <v>38657</v>
      </c>
      <c r="G9625" s="8">
        <v>1</v>
      </c>
      <c r="H9625" s="8">
        <v>1</v>
      </c>
      <c r="I9625" s="8">
        <v>0</v>
      </c>
      <c r="J9625" s="8">
        <v>1</v>
      </c>
      <c r="K9625" s="9">
        <v>2.48</v>
      </c>
      <c r="L9625" s="6" t="s">
        <v>51</v>
      </c>
    </row>
    <row r="9626" spans="1:12">
      <c r="A9626" s="6" t="s">
        <v>49</v>
      </c>
      <c r="B9626" s="6"/>
      <c r="C9626" s="6" t="s">
        <v>9650</v>
      </c>
      <c r="D9626" s="6"/>
      <c r="E9626" s="6" t="s">
        <v>9</v>
      </c>
      <c r="F9626" s="7">
        <v>38657</v>
      </c>
      <c r="G9626" s="8">
        <v>1</v>
      </c>
      <c r="H9626" s="8">
        <v>1</v>
      </c>
      <c r="I9626" s="8">
        <v>0</v>
      </c>
      <c r="J9626" s="8">
        <v>1</v>
      </c>
      <c r="K9626" s="9">
        <v>0.86</v>
      </c>
      <c r="L9626" s="6" t="s">
        <v>51</v>
      </c>
    </row>
    <row r="9627" spans="1:12">
      <c r="A9627" s="6" t="s">
        <v>49</v>
      </c>
      <c r="B9627" s="6"/>
      <c r="C9627" s="6" t="s">
        <v>9651</v>
      </c>
      <c r="D9627" s="6"/>
      <c r="E9627" s="6" t="s">
        <v>9</v>
      </c>
      <c r="F9627" s="7">
        <v>38657</v>
      </c>
      <c r="G9627" s="8">
        <v>1</v>
      </c>
      <c r="H9627" s="8">
        <v>1</v>
      </c>
      <c r="I9627" s="8">
        <v>0</v>
      </c>
      <c r="J9627" s="8">
        <v>1</v>
      </c>
      <c r="K9627" s="9">
        <v>0.72</v>
      </c>
      <c r="L9627" s="6" t="s">
        <v>51</v>
      </c>
    </row>
    <row r="9628" spans="1:12">
      <c r="A9628" s="6" t="s">
        <v>49</v>
      </c>
      <c r="B9628" s="6"/>
      <c r="C9628" s="6" t="s">
        <v>9652</v>
      </c>
      <c r="D9628" s="6"/>
      <c r="E9628" s="6" t="s">
        <v>9</v>
      </c>
      <c r="F9628" s="7">
        <v>38657</v>
      </c>
      <c r="G9628" s="8">
        <v>1</v>
      </c>
      <c r="H9628" s="8">
        <v>1</v>
      </c>
      <c r="I9628" s="8">
        <v>0</v>
      </c>
      <c r="J9628" s="8">
        <v>1</v>
      </c>
      <c r="K9628" s="9">
        <v>2.25999999999999</v>
      </c>
      <c r="L9628" s="6" t="s">
        <v>51</v>
      </c>
    </row>
    <row r="9629" spans="1:12">
      <c r="A9629" s="6" t="s">
        <v>49</v>
      </c>
      <c r="B9629" s="6"/>
      <c r="C9629" s="6" t="s">
        <v>9653</v>
      </c>
      <c r="D9629" s="6"/>
      <c r="E9629" s="6" t="s">
        <v>9</v>
      </c>
      <c r="F9629" s="7">
        <v>38657</v>
      </c>
      <c r="G9629" s="8">
        <v>1</v>
      </c>
      <c r="H9629" s="8">
        <v>1</v>
      </c>
      <c r="I9629" s="8">
        <v>0</v>
      </c>
      <c r="J9629" s="8">
        <v>1</v>
      </c>
      <c r="K9629" s="9">
        <v>2.83</v>
      </c>
      <c r="L9629" s="6" t="s">
        <v>51</v>
      </c>
    </row>
    <row r="9630" spans="1:12">
      <c r="A9630" s="6" t="s">
        <v>49</v>
      </c>
      <c r="B9630" s="6"/>
      <c r="C9630" s="6" t="s">
        <v>9654</v>
      </c>
      <c r="D9630" s="6"/>
      <c r="E9630" s="6" t="s">
        <v>9</v>
      </c>
      <c r="F9630" s="7">
        <v>38657</v>
      </c>
      <c r="G9630" s="8">
        <v>1</v>
      </c>
      <c r="H9630" s="8">
        <v>1</v>
      </c>
      <c r="I9630" s="8">
        <v>0</v>
      </c>
      <c r="J9630" s="8">
        <v>1</v>
      </c>
      <c r="K9630" s="9">
        <v>1.32</v>
      </c>
      <c r="L9630" s="6" t="s">
        <v>51</v>
      </c>
    </row>
    <row r="9631" spans="1:12">
      <c r="A9631" s="6" t="s">
        <v>49</v>
      </c>
      <c r="B9631" s="6"/>
      <c r="C9631" s="6" t="s">
        <v>9655</v>
      </c>
      <c r="D9631" s="6"/>
      <c r="E9631" s="6" t="s">
        <v>9</v>
      </c>
      <c r="F9631" s="7">
        <v>38657</v>
      </c>
      <c r="G9631" s="8">
        <v>1</v>
      </c>
      <c r="H9631" s="8">
        <v>1</v>
      </c>
      <c r="I9631" s="8">
        <v>0</v>
      </c>
      <c r="J9631" s="8">
        <v>1</v>
      </c>
      <c r="K9631" s="9">
        <v>2.8</v>
      </c>
      <c r="L9631" s="6" t="s">
        <v>51</v>
      </c>
    </row>
    <row r="9632" spans="1:12">
      <c r="A9632" s="6" t="s">
        <v>49</v>
      </c>
      <c r="B9632" s="6"/>
      <c r="C9632" s="6" t="s">
        <v>9656</v>
      </c>
      <c r="D9632" s="6"/>
      <c r="E9632" s="6" t="s">
        <v>9</v>
      </c>
      <c r="F9632" s="7">
        <v>38657</v>
      </c>
      <c r="G9632" s="8">
        <v>1</v>
      </c>
      <c r="H9632" s="8">
        <v>1</v>
      </c>
      <c r="I9632" s="8">
        <v>0</v>
      </c>
      <c r="J9632" s="8">
        <v>1</v>
      </c>
      <c r="K9632" s="9">
        <v>3.96</v>
      </c>
      <c r="L9632" s="6" t="s">
        <v>51</v>
      </c>
    </row>
    <row r="9633" spans="1:12">
      <c r="A9633" s="6" t="s">
        <v>49</v>
      </c>
      <c r="B9633" s="6"/>
      <c r="C9633" s="6" t="s">
        <v>9657</v>
      </c>
      <c r="D9633" s="6"/>
      <c r="E9633" s="6" t="s">
        <v>9</v>
      </c>
      <c r="F9633" s="7">
        <v>38657</v>
      </c>
      <c r="G9633" s="8">
        <v>1</v>
      </c>
      <c r="H9633" s="8">
        <v>1</v>
      </c>
      <c r="I9633" s="8">
        <v>0</v>
      </c>
      <c r="J9633" s="8">
        <v>1</v>
      </c>
      <c r="K9633" s="9">
        <v>3.96</v>
      </c>
      <c r="L9633" s="6" t="s">
        <v>51</v>
      </c>
    </row>
    <row r="9634" spans="1:12">
      <c r="A9634" s="6" t="s">
        <v>49</v>
      </c>
      <c r="B9634" s="6"/>
      <c r="C9634" s="6" t="s">
        <v>9658</v>
      </c>
      <c r="D9634" s="6"/>
      <c r="E9634" s="6" t="s">
        <v>9</v>
      </c>
      <c r="F9634" s="7">
        <v>38657</v>
      </c>
      <c r="G9634" s="8">
        <v>1</v>
      </c>
      <c r="H9634" s="8">
        <v>1</v>
      </c>
      <c r="I9634" s="8">
        <v>0</v>
      </c>
      <c r="J9634" s="8">
        <v>1</v>
      </c>
      <c r="K9634" s="9">
        <v>4.0199999999999898</v>
      </c>
      <c r="L9634" s="6" t="s">
        <v>51</v>
      </c>
    </row>
    <row r="9635" spans="1:12">
      <c r="A9635" s="6" t="s">
        <v>49</v>
      </c>
      <c r="B9635" s="6"/>
      <c r="C9635" s="6" t="s">
        <v>9659</v>
      </c>
      <c r="D9635" s="6"/>
      <c r="E9635" s="6" t="s">
        <v>9</v>
      </c>
      <c r="F9635" s="7">
        <v>38657</v>
      </c>
      <c r="G9635" s="8">
        <v>1</v>
      </c>
      <c r="H9635" s="8">
        <v>1</v>
      </c>
      <c r="I9635" s="8">
        <v>0</v>
      </c>
      <c r="J9635" s="8">
        <v>1</v>
      </c>
      <c r="K9635" s="9">
        <v>3.64</v>
      </c>
      <c r="L9635" s="6" t="s">
        <v>51</v>
      </c>
    </row>
    <row r="9636" spans="1:12">
      <c r="A9636" s="6" t="s">
        <v>49</v>
      </c>
      <c r="B9636" s="6"/>
      <c r="C9636" s="6" t="s">
        <v>9660</v>
      </c>
      <c r="D9636" s="6"/>
      <c r="E9636" s="6" t="s">
        <v>9</v>
      </c>
      <c r="F9636" s="7">
        <v>38657</v>
      </c>
      <c r="G9636" s="8">
        <v>1</v>
      </c>
      <c r="H9636" s="8">
        <v>1</v>
      </c>
      <c r="I9636" s="8">
        <v>0</v>
      </c>
      <c r="J9636" s="8">
        <v>1</v>
      </c>
      <c r="K9636" s="9">
        <v>0.31</v>
      </c>
      <c r="L9636" s="6" t="s">
        <v>51</v>
      </c>
    </row>
    <row r="9637" spans="1:12">
      <c r="A9637" s="6" t="s">
        <v>49</v>
      </c>
      <c r="B9637" s="6"/>
      <c r="C9637" s="6" t="s">
        <v>9661</v>
      </c>
      <c r="D9637" s="6"/>
      <c r="E9637" s="6" t="s">
        <v>9</v>
      </c>
      <c r="F9637" s="7">
        <v>38657</v>
      </c>
      <c r="G9637" s="8">
        <v>1</v>
      </c>
      <c r="H9637" s="8">
        <v>1</v>
      </c>
      <c r="I9637" s="8">
        <v>0</v>
      </c>
      <c r="J9637" s="8">
        <v>1</v>
      </c>
      <c r="K9637" s="9">
        <v>8.09</v>
      </c>
      <c r="L9637" s="6" t="s">
        <v>51</v>
      </c>
    </row>
    <row r="9638" spans="1:12">
      <c r="A9638" s="6" t="s">
        <v>49</v>
      </c>
      <c r="B9638" s="6"/>
      <c r="C9638" s="6" t="s">
        <v>9662</v>
      </c>
      <c r="D9638" s="6"/>
      <c r="E9638" s="6" t="s">
        <v>9</v>
      </c>
      <c r="F9638" s="7">
        <v>38657</v>
      </c>
      <c r="G9638" s="8">
        <v>1</v>
      </c>
      <c r="H9638" s="8">
        <v>1</v>
      </c>
      <c r="I9638" s="8">
        <v>0</v>
      </c>
      <c r="J9638" s="8">
        <v>1</v>
      </c>
      <c r="K9638" s="9">
        <v>2.65</v>
      </c>
      <c r="L9638" s="6" t="s">
        <v>51</v>
      </c>
    </row>
    <row r="9639" spans="1:12">
      <c r="A9639" s="6" t="s">
        <v>49</v>
      </c>
      <c r="B9639" s="6"/>
      <c r="C9639" s="6" t="s">
        <v>9663</v>
      </c>
      <c r="D9639" s="6"/>
      <c r="E9639" s="6" t="s">
        <v>9</v>
      </c>
      <c r="F9639" s="7">
        <v>38657</v>
      </c>
      <c r="G9639" s="8">
        <v>1</v>
      </c>
      <c r="H9639" s="8">
        <v>1</v>
      </c>
      <c r="I9639" s="8">
        <v>0</v>
      </c>
      <c r="J9639" s="8">
        <v>1</v>
      </c>
      <c r="K9639" s="9">
        <v>6.46</v>
      </c>
      <c r="L9639" s="6" t="s">
        <v>51</v>
      </c>
    </row>
    <row r="9640" spans="1:12">
      <c r="A9640" s="6" t="s">
        <v>49</v>
      </c>
      <c r="B9640" s="6"/>
      <c r="C9640" s="6" t="s">
        <v>9664</v>
      </c>
      <c r="D9640" s="6"/>
      <c r="E9640" s="6" t="s">
        <v>9</v>
      </c>
      <c r="F9640" s="7">
        <v>38657</v>
      </c>
      <c r="G9640" s="8">
        <v>1</v>
      </c>
      <c r="H9640" s="8">
        <v>1</v>
      </c>
      <c r="I9640" s="8">
        <v>0</v>
      </c>
      <c r="J9640" s="8">
        <v>1</v>
      </c>
      <c r="K9640" s="9">
        <v>1.05</v>
      </c>
      <c r="L9640" s="6" t="s">
        <v>51</v>
      </c>
    </row>
    <row r="9641" spans="1:12">
      <c r="A9641" s="6" t="s">
        <v>49</v>
      </c>
      <c r="B9641" s="6"/>
      <c r="C9641" s="6" t="s">
        <v>9665</v>
      </c>
      <c r="D9641" s="6"/>
      <c r="E9641" s="6" t="s">
        <v>9</v>
      </c>
      <c r="F9641" s="7">
        <v>38657</v>
      </c>
      <c r="G9641" s="8">
        <v>1</v>
      </c>
      <c r="H9641" s="8">
        <v>1</v>
      </c>
      <c r="I9641" s="8">
        <v>0</v>
      </c>
      <c r="J9641" s="8">
        <v>1</v>
      </c>
      <c r="K9641" s="9">
        <v>3.24</v>
      </c>
      <c r="L9641" s="6" t="s">
        <v>51</v>
      </c>
    </row>
    <row r="9642" spans="1:12">
      <c r="A9642" s="6" t="s">
        <v>49</v>
      </c>
      <c r="B9642" s="6"/>
      <c r="C9642" s="6" t="s">
        <v>9666</v>
      </c>
      <c r="D9642" s="6"/>
      <c r="E9642" s="6" t="s">
        <v>9</v>
      </c>
      <c r="F9642" s="7">
        <v>38657</v>
      </c>
      <c r="G9642" s="8">
        <v>1</v>
      </c>
      <c r="H9642" s="8">
        <v>1</v>
      </c>
      <c r="I9642" s="8">
        <v>0</v>
      </c>
      <c r="J9642" s="8">
        <v>1</v>
      </c>
      <c r="K9642" s="9">
        <v>2.8</v>
      </c>
      <c r="L9642" s="6" t="s">
        <v>51</v>
      </c>
    </row>
    <row r="9643" spans="1:12">
      <c r="A9643" s="6" t="s">
        <v>49</v>
      </c>
      <c r="B9643" s="6"/>
      <c r="C9643" s="6" t="s">
        <v>9667</v>
      </c>
      <c r="D9643" s="6"/>
      <c r="E9643" s="6" t="s">
        <v>9</v>
      </c>
      <c r="F9643" s="7">
        <v>38657</v>
      </c>
      <c r="G9643" s="8">
        <v>1</v>
      </c>
      <c r="H9643" s="8">
        <v>1</v>
      </c>
      <c r="I9643" s="8">
        <v>0</v>
      </c>
      <c r="J9643" s="8">
        <v>1</v>
      </c>
      <c r="K9643" s="9">
        <v>3.23</v>
      </c>
      <c r="L9643" s="6" t="s">
        <v>51</v>
      </c>
    </row>
    <row r="9644" spans="1:12">
      <c r="A9644" s="6" t="s">
        <v>49</v>
      </c>
      <c r="B9644" s="6"/>
      <c r="C9644" s="6" t="s">
        <v>9668</v>
      </c>
      <c r="D9644" s="6"/>
      <c r="E9644" s="6" t="s">
        <v>9</v>
      </c>
      <c r="F9644" s="7">
        <v>38657</v>
      </c>
      <c r="G9644" s="8">
        <v>1</v>
      </c>
      <c r="H9644" s="8">
        <v>1</v>
      </c>
      <c r="I9644" s="8">
        <v>0</v>
      </c>
      <c r="J9644" s="8">
        <v>1</v>
      </c>
      <c r="K9644" s="9">
        <v>2.87</v>
      </c>
      <c r="L9644" s="6" t="s">
        <v>51</v>
      </c>
    </row>
    <row r="9645" spans="1:12">
      <c r="A9645" s="6" t="s">
        <v>49</v>
      </c>
      <c r="B9645" s="6"/>
      <c r="C9645" s="6" t="s">
        <v>9669</v>
      </c>
      <c r="D9645" s="6"/>
      <c r="E9645" s="6" t="s">
        <v>9</v>
      </c>
      <c r="F9645" s="7">
        <v>38657</v>
      </c>
      <c r="G9645" s="8">
        <v>1</v>
      </c>
      <c r="H9645" s="8">
        <v>1</v>
      </c>
      <c r="I9645" s="8">
        <v>0</v>
      </c>
      <c r="J9645" s="8">
        <v>1</v>
      </c>
      <c r="K9645" s="9">
        <v>3.55</v>
      </c>
      <c r="L9645" s="6" t="s">
        <v>51</v>
      </c>
    </row>
    <row r="9646" spans="1:12">
      <c r="A9646" s="6" t="s">
        <v>49</v>
      </c>
      <c r="B9646" s="6"/>
      <c r="C9646" s="6" t="s">
        <v>9670</v>
      </c>
      <c r="D9646" s="6"/>
      <c r="E9646" s="6" t="s">
        <v>9</v>
      </c>
      <c r="F9646" s="7">
        <v>38657</v>
      </c>
      <c r="G9646" s="8">
        <v>1</v>
      </c>
      <c r="H9646" s="8">
        <v>1</v>
      </c>
      <c r="I9646" s="8">
        <v>0</v>
      </c>
      <c r="J9646" s="8">
        <v>1</v>
      </c>
      <c r="K9646" s="9">
        <v>1.66</v>
      </c>
      <c r="L9646" s="6" t="s">
        <v>51</v>
      </c>
    </row>
    <row r="9647" spans="1:12">
      <c r="A9647" s="6" t="s">
        <v>49</v>
      </c>
      <c r="B9647" s="6"/>
      <c r="C9647" s="6" t="s">
        <v>9671</v>
      </c>
      <c r="D9647" s="6"/>
      <c r="E9647" s="6" t="s">
        <v>9</v>
      </c>
      <c r="F9647" s="7">
        <v>38657</v>
      </c>
      <c r="G9647" s="8">
        <v>1</v>
      </c>
      <c r="H9647" s="8">
        <v>1</v>
      </c>
      <c r="I9647" s="8">
        <v>0</v>
      </c>
      <c r="J9647" s="8">
        <v>1</v>
      </c>
      <c r="K9647" s="9">
        <v>3.94</v>
      </c>
      <c r="L9647" s="6" t="s">
        <v>51</v>
      </c>
    </row>
    <row r="9648" spans="1:12">
      <c r="A9648" s="6" t="s">
        <v>49</v>
      </c>
      <c r="B9648" s="6"/>
      <c r="C9648" s="6" t="s">
        <v>9672</v>
      </c>
      <c r="D9648" s="6"/>
      <c r="E9648" s="6" t="s">
        <v>9</v>
      </c>
      <c r="F9648" s="7">
        <v>38657</v>
      </c>
      <c r="G9648" s="8">
        <v>1</v>
      </c>
      <c r="H9648" s="8">
        <v>1</v>
      </c>
      <c r="I9648" s="8">
        <v>0</v>
      </c>
      <c r="J9648" s="8">
        <v>1</v>
      </c>
      <c r="K9648" s="9">
        <v>3.08</v>
      </c>
      <c r="L9648" s="6" t="s">
        <v>51</v>
      </c>
    </row>
    <row r="9649" spans="1:12">
      <c r="A9649" s="6" t="s">
        <v>49</v>
      </c>
      <c r="B9649" s="6"/>
      <c r="C9649" s="6" t="s">
        <v>9673</v>
      </c>
      <c r="D9649" s="6"/>
      <c r="E9649" s="6" t="s">
        <v>9</v>
      </c>
      <c r="F9649" s="7">
        <v>38657</v>
      </c>
      <c r="G9649" s="8">
        <v>1</v>
      </c>
      <c r="H9649" s="8">
        <v>1</v>
      </c>
      <c r="I9649" s="8">
        <v>0</v>
      </c>
      <c r="J9649" s="8">
        <v>1</v>
      </c>
      <c r="K9649" s="9">
        <v>5.16</v>
      </c>
      <c r="L9649" s="6" t="s">
        <v>51</v>
      </c>
    </row>
    <row r="9650" spans="1:12">
      <c r="A9650" s="6" t="s">
        <v>49</v>
      </c>
      <c r="B9650" s="6"/>
      <c r="C9650" s="6" t="s">
        <v>9674</v>
      </c>
      <c r="D9650" s="6"/>
      <c r="E9650" s="6" t="s">
        <v>9</v>
      </c>
      <c r="F9650" s="7">
        <v>38657</v>
      </c>
      <c r="G9650" s="8">
        <v>1</v>
      </c>
      <c r="H9650" s="8">
        <v>1</v>
      </c>
      <c r="I9650" s="8">
        <v>0</v>
      </c>
      <c r="J9650" s="8">
        <v>1</v>
      </c>
      <c r="K9650" s="9">
        <v>5.16</v>
      </c>
      <c r="L9650" s="6" t="s">
        <v>51</v>
      </c>
    </row>
    <row r="9651" spans="1:12">
      <c r="A9651" s="6" t="s">
        <v>49</v>
      </c>
      <c r="B9651" s="6"/>
      <c r="C9651" s="6" t="s">
        <v>9675</v>
      </c>
      <c r="D9651" s="6"/>
      <c r="E9651" s="6" t="s">
        <v>9</v>
      </c>
      <c r="F9651" s="7">
        <v>38657</v>
      </c>
      <c r="G9651" s="8">
        <v>1</v>
      </c>
      <c r="H9651" s="8">
        <v>1</v>
      </c>
      <c r="I9651" s="8">
        <v>0</v>
      </c>
      <c r="J9651" s="8">
        <v>1</v>
      </c>
      <c r="K9651" s="9">
        <v>3.02</v>
      </c>
      <c r="L9651" s="6" t="s">
        <v>51</v>
      </c>
    </row>
    <row r="9652" spans="1:12">
      <c r="A9652" s="6" t="s">
        <v>49</v>
      </c>
      <c r="B9652" s="6"/>
      <c r="C9652" s="6" t="s">
        <v>9676</v>
      </c>
      <c r="D9652" s="6"/>
      <c r="E9652" s="6" t="s">
        <v>9</v>
      </c>
      <c r="F9652" s="7">
        <v>38657</v>
      </c>
      <c r="G9652" s="8">
        <v>1</v>
      </c>
      <c r="H9652" s="8">
        <v>1</v>
      </c>
      <c r="I9652" s="8">
        <v>0</v>
      </c>
      <c r="J9652" s="8">
        <v>1</v>
      </c>
      <c r="K9652" s="9">
        <v>3.83</v>
      </c>
      <c r="L9652" s="6" t="s">
        <v>51</v>
      </c>
    </row>
    <row r="9653" spans="1:12">
      <c r="A9653" s="6" t="s">
        <v>49</v>
      </c>
      <c r="B9653" s="6"/>
      <c r="C9653" s="6" t="s">
        <v>9677</v>
      </c>
      <c r="D9653" s="6"/>
      <c r="E9653" s="6" t="s">
        <v>9</v>
      </c>
      <c r="F9653" s="7">
        <v>38657</v>
      </c>
      <c r="G9653" s="8">
        <v>1</v>
      </c>
      <c r="H9653" s="8">
        <v>1</v>
      </c>
      <c r="I9653" s="8">
        <v>0</v>
      </c>
      <c r="J9653" s="8">
        <v>1</v>
      </c>
      <c r="K9653" s="9">
        <v>1.76</v>
      </c>
      <c r="L9653" s="6" t="s">
        <v>51</v>
      </c>
    </row>
    <row r="9654" spans="1:12">
      <c r="A9654" s="6" t="s">
        <v>49</v>
      </c>
      <c r="B9654" s="6"/>
      <c r="C9654" s="6" t="s">
        <v>9678</v>
      </c>
      <c r="D9654" s="6"/>
      <c r="E9654" s="6" t="s">
        <v>9</v>
      </c>
      <c r="F9654" s="7">
        <v>38657</v>
      </c>
      <c r="G9654" s="8">
        <v>1</v>
      </c>
      <c r="H9654" s="8">
        <v>1</v>
      </c>
      <c r="I9654" s="8">
        <v>0</v>
      </c>
      <c r="J9654" s="8">
        <v>1</v>
      </c>
      <c r="K9654" s="9">
        <v>1.76</v>
      </c>
      <c r="L9654" s="6" t="s">
        <v>51</v>
      </c>
    </row>
    <row r="9655" spans="1:12">
      <c r="A9655" s="6" t="s">
        <v>49</v>
      </c>
      <c r="B9655" s="6"/>
      <c r="C9655" s="6" t="s">
        <v>9679</v>
      </c>
      <c r="D9655" s="6"/>
      <c r="E9655" s="6" t="s">
        <v>9</v>
      </c>
      <c r="F9655" s="7">
        <v>38657</v>
      </c>
      <c r="G9655" s="8">
        <v>1</v>
      </c>
      <c r="H9655" s="8">
        <v>1</v>
      </c>
      <c r="I9655" s="8">
        <v>0</v>
      </c>
      <c r="J9655" s="8">
        <v>1</v>
      </c>
      <c r="K9655" s="9">
        <v>2.0699999999999901</v>
      </c>
      <c r="L9655" s="6" t="s">
        <v>51</v>
      </c>
    </row>
    <row r="9656" spans="1:12">
      <c r="A9656" s="6" t="s">
        <v>49</v>
      </c>
      <c r="B9656" s="6"/>
      <c r="C9656" s="6" t="s">
        <v>9680</v>
      </c>
      <c r="D9656" s="6"/>
      <c r="E9656" s="6" t="s">
        <v>9</v>
      </c>
      <c r="F9656" s="7">
        <v>38657</v>
      </c>
      <c r="G9656" s="8">
        <v>1</v>
      </c>
      <c r="H9656" s="8">
        <v>1</v>
      </c>
      <c r="I9656" s="8">
        <v>0</v>
      </c>
      <c r="J9656" s="8">
        <v>1</v>
      </c>
      <c r="K9656" s="9">
        <v>2.0699999999999901</v>
      </c>
      <c r="L9656" s="6" t="s">
        <v>51</v>
      </c>
    </row>
    <row r="9657" spans="1:12">
      <c r="A9657" s="6" t="s">
        <v>49</v>
      </c>
      <c r="B9657" s="6"/>
      <c r="C9657" s="6" t="s">
        <v>9681</v>
      </c>
      <c r="D9657" s="6"/>
      <c r="E9657" s="6" t="s">
        <v>9</v>
      </c>
      <c r="F9657" s="7">
        <v>38657</v>
      </c>
      <c r="G9657" s="8">
        <v>1</v>
      </c>
      <c r="H9657" s="8">
        <v>1</v>
      </c>
      <c r="I9657" s="8">
        <v>0</v>
      </c>
      <c r="J9657" s="8">
        <v>1</v>
      </c>
      <c r="K9657" s="9">
        <v>49</v>
      </c>
      <c r="L9657" s="6" t="s">
        <v>51</v>
      </c>
    </row>
    <row r="9658" spans="1:12">
      <c r="A9658" s="6" t="s">
        <v>49</v>
      </c>
      <c r="B9658" s="6"/>
      <c r="C9658" s="6" t="s">
        <v>9682</v>
      </c>
      <c r="D9658" s="6"/>
      <c r="E9658" s="6" t="s">
        <v>9</v>
      </c>
      <c r="F9658" s="7">
        <v>38657</v>
      </c>
      <c r="G9658" s="8">
        <v>1</v>
      </c>
      <c r="H9658" s="8">
        <v>1</v>
      </c>
      <c r="I9658" s="8">
        <v>0</v>
      </c>
      <c r="J9658" s="8">
        <v>1</v>
      </c>
      <c r="K9658" s="9">
        <v>4.29</v>
      </c>
      <c r="L9658" s="6" t="s">
        <v>51</v>
      </c>
    </row>
    <row r="9659" spans="1:12">
      <c r="A9659" s="6" t="s">
        <v>49</v>
      </c>
      <c r="B9659" s="6"/>
      <c r="C9659" s="6" t="s">
        <v>9683</v>
      </c>
      <c r="D9659" s="6"/>
      <c r="E9659" s="6" t="s">
        <v>9</v>
      </c>
      <c r="F9659" s="7">
        <v>38657</v>
      </c>
      <c r="G9659" s="8">
        <v>1</v>
      </c>
      <c r="H9659" s="8">
        <v>1</v>
      </c>
      <c r="I9659" s="8">
        <v>0</v>
      </c>
      <c r="J9659" s="8">
        <v>1</v>
      </c>
      <c r="K9659" s="9">
        <v>6.75</v>
      </c>
      <c r="L9659" s="6" t="s">
        <v>51</v>
      </c>
    </row>
    <row r="9660" spans="1:12">
      <c r="A9660" s="6" t="s">
        <v>49</v>
      </c>
      <c r="B9660" s="6"/>
      <c r="C9660" s="6" t="s">
        <v>9684</v>
      </c>
      <c r="D9660" s="6"/>
      <c r="E9660" s="6" t="s">
        <v>9</v>
      </c>
      <c r="F9660" s="7">
        <v>38657</v>
      </c>
      <c r="G9660" s="8">
        <v>1</v>
      </c>
      <c r="H9660" s="8">
        <v>1</v>
      </c>
      <c r="I9660" s="8">
        <v>0</v>
      </c>
      <c r="J9660" s="8">
        <v>1</v>
      </c>
      <c r="K9660" s="9">
        <v>81</v>
      </c>
      <c r="L9660" s="6" t="s">
        <v>51</v>
      </c>
    </row>
    <row r="9661" spans="1:12">
      <c r="A9661" s="6" t="s">
        <v>49</v>
      </c>
      <c r="B9661" s="6"/>
      <c r="C9661" s="6" t="s">
        <v>9685</v>
      </c>
      <c r="D9661" s="6"/>
      <c r="E9661" s="6" t="s">
        <v>9</v>
      </c>
      <c r="F9661" s="7">
        <v>38657</v>
      </c>
      <c r="G9661" s="8">
        <v>1</v>
      </c>
      <c r="H9661" s="8">
        <v>1</v>
      </c>
      <c r="I9661" s="8">
        <v>0</v>
      </c>
      <c r="J9661" s="8">
        <v>1</v>
      </c>
      <c r="K9661" s="9">
        <v>344</v>
      </c>
      <c r="L9661" s="6" t="s">
        <v>51</v>
      </c>
    </row>
    <row r="9662" spans="1:12">
      <c r="A9662" s="6" t="s">
        <v>49</v>
      </c>
      <c r="B9662" s="6"/>
      <c r="C9662" s="6" t="s">
        <v>9686</v>
      </c>
      <c r="D9662" s="6"/>
      <c r="E9662" s="6" t="s">
        <v>9</v>
      </c>
      <c r="F9662" s="7">
        <v>38657</v>
      </c>
      <c r="G9662" s="8">
        <v>1</v>
      </c>
      <c r="H9662" s="8">
        <v>1</v>
      </c>
      <c r="I9662" s="8">
        <v>0</v>
      </c>
      <c r="J9662" s="8">
        <v>1</v>
      </c>
      <c r="K9662" s="9">
        <v>337</v>
      </c>
      <c r="L9662" s="6" t="s">
        <v>51</v>
      </c>
    </row>
    <row r="9663" spans="1:12">
      <c r="A9663" s="6" t="s">
        <v>49</v>
      </c>
      <c r="B9663" s="6"/>
      <c r="C9663" s="6" t="s">
        <v>9687</v>
      </c>
      <c r="D9663" s="6"/>
      <c r="E9663" s="6" t="s">
        <v>9</v>
      </c>
      <c r="F9663" s="7"/>
      <c r="G9663" s="8">
        <v>1</v>
      </c>
      <c r="H9663" s="8">
        <v>1</v>
      </c>
      <c r="I9663" s="8">
        <v>0</v>
      </c>
      <c r="J9663" s="8">
        <v>1</v>
      </c>
      <c r="K9663" s="9">
        <v>91</v>
      </c>
      <c r="L9663" s="6" t="s">
        <v>51</v>
      </c>
    </row>
    <row r="9664" spans="1:12">
      <c r="A9664" s="6" t="s">
        <v>49</v>
      </c>
      <c r="B9664" s="6"/>
      <c r="C9664" s="6" t="s">
        <v>9688</v>
      </c>
      <c r="D9664" s="6"/>
      <c r="E9664" s="6" t="s">
        <v>9</v>
      </c>
      <c r="F9664" s="7">
        <v>38657</v>
      </c>
      <c r="G9664" s="8">
        <v>1</v>
      </c>
      <c r="H9664" s="8">
        <v>1</v>
      </c>
      <c r="I9664" s="8">
        <v>0</v>
      </c>
      <c r="J9664" s="8">
        <v>1</v>
      </c>
      <c r="K9664" s="9">
        <v>991</v>
      </c>
      <c r="L9664" s="6" t="s">
        <v>51</v>
      </c>
    </row>
    <row r="9665" spans="1:12">
      <c r="A9665" s="6" t="s">
        <v>49</v>
      </c>
      <c r="B9665" s="6"/>
      <c r="C9665" s="6" t="s">
        <v>9689</v>
      </c>
      <c r="D9665" s="6"/>
      <c r="E9665" s="6" t="s">
        <v>9</v>
      </c>
      <c r="F9665" s="7">
        <v>38657</v>
      </c>
      <c r="G9665" s="8">
        <v>1</v>
      </c>
      <c r="H9665" s="8">
        <v>1</v>
      </c>
      <c r="I9665" s="8">
        <v>0</v>
      </c>
      <c r="J9665" s="8">
        <v>1</v>
      </c>
      <c r="K9665" s="9">
        <v>2601</v>
      </c>
      <c r="L9665" s="6" t="s">
        <v>51</v>
      </c>
    </row>
    <row r="9666" spans="1:12">
      <c r="A9666" s="6" t="s">
        <v>49</v>
      </c>
      <c r="B9666" s="6"/>
      <c r="C9666" s="6" t="s">
        <v>9690</v>
      </c>
      <c r="D9666" s="6"/>
      <c r="E9666" s="6" t="s">
        <v>9</v>
      </c>
      <c r="F9666" s="7">
        <v>38657</v>
      </c>
      <c r="G9666" s="8">
        <v>1</v>
      </c>
      <c r="H9666" s="8">
        <v>1</v>
      </c>
      <c r="I9666" s="8">
        <v>0</v>
      </c>
      <c r="J9666" s="8">
        <v>1</v>
      </c>
      <c r="K9666" s="9">
        <v>4.4000000000000004</v>
      </c>
      <c r="L9666" s="6" t="s">
        <v>51</v>
      </c>
    </row>
    <row r="9667" spans="1:12">
      <c r="A9667" s="6" t="s">
        <v>49</v>
      </c>
      <c r="B9667" s="6"/>
      <c r="C9667" s="6" t="s">
        <v>9691</v>
      </c>
      <c r="D9667" s="6"/>
      <c r="E9667" s="6" t="s">
        <v>9</v>
      </c>
      <c r="F9667" s="7">
        <v>38657</v>
      </c>
      <c r="G9667" s="8">
        <v>1</v>
      </c>
      <c r="H9667" s="8">
        <v>1</v>
      </c>
      <c r="I9667" s="8">
        <v>0</v>
      </c>
      <c r="J9667" s="8">
        <v>1</v>
      </c>
      <c r="K9667" s="9">
        <v>4.5</v>
      </c>
      <c r="L9667" s="6" t="s">
        <v>51</v>
      </c>
    </row>
    <row r="9668" spans="1:12">
      <c r="A9668" s="6" t="s">
        <v>49</v>
      </c>
      <c r="B9668" s="6"/>
      <c r="C9668" s="6" t="s">
        <v>9692</v>
      </c>
      <c r="D9668" s="6"/>
      <c r="E9668" s="6" t="s">
        <v>9</v>
      </c>
      <c r="F9668" s="7">
        <v>38657</v>
      </c>
      <c r="G9668" s="8">
        <v>1</v>
      </c>
      <c r="H9668" s="8">
        <v>1</v>
      </c>
      <c r="I9668" s="8">
        <v>0</v>
      </c>
      <c r="J9668" s="8">
        <v>1</v>
      </c>
      <c r="K9668" s="9">
        <v>4.99</v>
      </c>
      <c r="L9668" s="6" t="s">
        <v>51</v>
      </c>
    </row>
    <row r="9669" spans="1:12">
      <c r="A9669" s="6" t="s">
        <v>49</v>
      </c>
      <c r="B9669" s="6"/>
      <c r="C9669" s="6" t="s">
        <v>9693</v>
      </c>
      <c r="D9669" s="6"/>
      <c r="E9669" s="6" t="s">
        <v>9</v>
      </c>
      <c r="F9669" s="7">
        <v>38657</v>
      </c>
      <c r="G9669" s="8">
        <v>1</v>
      </c>
      <c r="H9669" s="8">
        <v>1</v>
      </c>
      <c r="I9669" s="8">
        <v>0</v>
      </c>
      <c r="J9669" s="8">
        <v>1</v>
      </c>
      <c r="K9669" s="9">
        <v>77</v>
      </c>
      <c r="L9669" s="6" t="s">
        <v>51</v>
      </c>
    </row>
    <row r="9670" spans="1:12">
      <c r="A9670" s="6" t="s">
        <v>49</v>
      </c>
      <c r="B9670" s="6"/>
      <c r="C9670" s="6" t="s">
        <v>9694</v>
      </c>
      <c r="D9670" s="6"/>
      <c r="E9670" s="6" t="s">
        <v>9</v>
      </c>
      <c r="F9670" s="7">
        <v>38657</v>
      </c>
      <c r="G9670" s="8">
        <v>1</v>
      </c>
      <c r="H9670" s="8">
        <v>1</v>
      </c>
      <c r="I9670" s="8">
        <v>0</v>
      </c>
      <c r="J9670" s="8">
        <v>1</v>
      </c>
      <c r="K9670" s="9">
        <v>39</v>
      </c>
      <c r="L9670" s="6" t="s">
        <v>51</v>
      </c>
    </row>
    <row r="9671" spans="1:12">
      <c r="A9671" s="6" t="s">
        <v>49</v>
      </c>
      <c r="B9671" s="6"/>
      <c r="C9671" s="6" t="s">
        <v>9695</v>
      </c>
      <c r="D9671" s="6"/>
      <c r="E9671" s="6" t="s">
        <v>9</v>
      </c>
      <c r="F9671" s="7">
        <v>38657</v>
      </c>
      <c r="G9671" s="8">
        <v>1</v>
      </c>
      <c r="H9671" s="8">
        <v>1</v>
      </c>
      <c r="I9671" s="8">
        <v>0</v>
      </c>
      <c r="J9671" s="8">
        <v>1</v>
      </c>
      <c r="K9671" s="9">
        <v>57.48</v>
      </c>
      <c r="L9671" s="6" t="s">
        <v>51</v>
      </c>
    </row>
    <row r="9672" spans="1:12">
      <c r="A9672" s="6" t="s">
        <v>49</v>
      </c>
      <c r="B9672" s="6"/>
      <c r="C9672" s="6" t="s">
        <v>9696</v>
      </c>
      <c r="D9672" s="6"/>
      <c r="E9672" s="6" t="s">
        <v>9</v>
      </c>
      <c r="F9672" s="7">
        <v>38657</v>
      </c>
      <c r="G9672" s="8">
        <v>1</v>
      </c>
      <c r="H9672" s="8">
        <v>1</v>
      </c>
      <c r="I9672" s="8">
        <v>0</v>
      </c>
      <c r="J9672" s="8">
        <v>1</v>
      </c>
      <c r="K9672" s="9">
        <v>287</v>
      </c>
      <c r="L9672" s="6" t="s">
        <v>51</v>
      </c>
    </row>
    <row r="9673" spans="1:12">
      <c r="A9673" s="6" t="s">
        <v>49</v>
      </c>
      <c r="B9673" s="6"/>
      <c r="C9673" s="6" t="s">
        <v>9697</v>
      </c>
      <c r="D9673" s="6"/>
      <c r="E9673" s="6" t="s">
        <v>9</v>
      </c>
      <c r="F9673" s="7"/>
      <c r="G9673" s="8">
        <v>1</v>
      </c>
      <c r="H9673" s="8">
        <v>1</v>
      </c>
      <c r="I9673" s="8">
        <v>0</v>
      </c>
      <c r="J9673" s="8">
        <v>1</v>
      </c>
      <c r="K9673" s="9">
        <v>50</v>
      </c>
      <c r="L9673" s="6" t="s">
        <v>51</v>
      </c>
    </row>
    <row r="9674" spans="1:12">
      <c r="A9674" s="6" t="s">
        <v>49</v>
      </c>
      <c r="B9674" s="6"/>
      <c r="C9674" s="6" t="s">
        <v>9698</v>
      </c>
      <c r="D9674" s="6"/>
      <c r="E9674" s="6" t="s">
        <v>9</v>
      </c>
      <c r="F9674" s="7">
        <v>38657</v>
      </c>
      <c r="G9674" s="8">
        <v>1</v>
      </c>
      <c r="H9674" s="8">
        <v>1</v>
      </c>
      <c r="I9674" s="8">
        <v>0</v>
      </c>
      <c r="J9674" s="8">
        <v>1</v>
      </c>
      <c r="K9674" s="9">
        <v>16.03</v>
      </c>
      <c r="L9674" s="6" t="s">
        <v>51</v>
      </c>
    </row>
    <row r="9675" spans="1:12">
      <c r="A9675" s="6" t="s">
        <v>49</v>
      </c>
      <c r="B9675" s="6"/>
      <c r="C9675" s="6" t="s">
        <v>9699</v>
      </c>
      <c r="D9675" s="6"/>
      <c r="E9675" s="6" t="s">
        <v>9</v>
      </c>
      <c r="F9675" s="7">
        <v>38657</v>
      </c>
      <c r="G9675" s="8">
        <v>1</v>
      </c>
      <c r="H9675" s="8">
        <v>1</v>
      </c>
      <c r="I9675" s="8">
        <v>0</v>
      </c>
      <c r="J9675" s="8">
        <v>1</v>
      </c>
      <c r="K9675" s="9">
        <v>124</v>
      </c>
      <c r="L9675" s="6" t="s">
        <v>51</v>
      </c>
    </row>
    <row r="9676" spans="1:12">
      <c r="A9676" s="6" t="s">
        <v>49</v>
      </c>
      <c r="B9676" s="6"/>
      <c r="C9676" s="6" t="s">
        <v>9700</v>
      </c>
      <c r="D9676" s="6"/>
      <c r="E9676" s="6" t="s">
        <v>9</v>
      </c>
      <c r="F9676" s="7">
        <v>38657</v>
      </c>
      <c r="G9676" s="8">
        <v>1</v>
      </c>
      <c r="H9676" s="8">
        <v>1</v>
      </c>
      <c r="I9676" s="8">
        <v>0</v>
      </c>
      <c r="J9676" s="8">
        <v>1</v>
      </c>
      <c r="K9676" s="9">
        <v>6.31</v>
      </c>
      <c r="L9676" s="6" t="s">
        <v>51</v>
      </c>
    </row>
    <row r="9677" spans="1:12">
      <c r="A9677" s="6" t="s">
        <v>49</v>
      </c>
      <c r="B9677" s="6"/>
      <c r="C9677" s="6" t="s">
        <v>9701</v>
      </c>
      <c r="D9677" s="6"/>
      <c r="E9677" s="6" t="s">
        <v>9</v>
      </c>
      <c r="F9677" s="7">
        <v>38657</v>
      </c>
      <c r="G9677" s="8">
        <v>1</v>
      </c>
      <c r="H9677" s="8">
        <v>1</v>
      </c>
      <c r="I9677" s="8">
        <v>0</v>
      </c>
      <c r="J9677" s="8">
        <v>1</v>
      </c>
      <c r="K9677" s="9">
        <v>16</v>
      </c>
      <c r="L9677" s="6" t="s">
        <v>51</v>
      </c>
    </row>
    <row r="9678" spans="1:12">
      <c r="A9678" s="6" t="s">
        <v>49</v>
      </c>
      <c r="B9678" s="6"/>
      <c r="C9678" s="6" t="s">
        <v>9702</v>
      </c>
      <c r="D9678" s="6"/>
      <c r="E9678" s="6" t="s">
        <v>9</v>
      </c>
      <c r="F9678" s="7">
        <v>38657</v>
      </c>
      <c r="G9678" s="8">
        <v>1</v>
      </c>
      <c r="H9678" s="8">
        <v>1</v>
      </c>
      <c r="I9678" s="8">
        <v>0</v>
      </c>
      <c r="J9678" s="8">
        <v>1</v>
      </c>
      <c r="K9678" s="9">
        <v>7.96</v>
      </c>
      <c r="L9678" s="6" t="s">
        <v>51</v>
      </c>
    </row>
    <row r="9679" spans="1:12">
      <c r="A9679" s="6" t="s">
        <v>49</v>
      </c>
      <c r="B9679" s="6"/>
      <c r="C9679" s="6" t="s">
        <v>9703</v>
      </c>
      <c r="D9679" s="6"/>
      <c r="E9679" s="6" t="s">
        <v>9</v>
      </c>
      <c r="F9679" s="7">
        <v>38657</v>
      </c>
      <c r="G9679" s="8">
        <v>1</v>
      </c>
      <c r="H9679" s="8">
        <v>1</v>
      </c>
      <c r="I9679" s="8">
        <v>0</v>
      </c>
      <c r="J9679" s="8">
        <v>1</v>
      </c>
      <c r="K9679" s="9">
        <v>4.41</v>
      </c>
      <c r="L9679" s="6" t="s">
        <v>51</v>
      </c>
    </row>
    <row r="9680" spans="1:12">
      <c r="A9680" s="6" t="s">
        <v>49</v>
      </c>
      <c r="B9680" s="6"/>
      <c r="C9680" s="6" t="s">
        <v>9704</v>
      </c>
      <c r="D9680" s="6"/>
      <c r="E9680" s="6" t="s">
        <v>9</v>
      </c>
      <c r="F9680" s="7">
        <v>38657</v>
      </c>
      <c r="G9680" s="8">
        <v>1</v>
      </c>
      <c r="H9680" s="8">
        <v>1</v>
      </c>
      <c r="I9680" s="8">
        <v>0</v>
      </c>
      <c r="J9680" s="8">
        <v>1</v>
      </c>
      <c r="K9680" s="9">
        <v>6.12</v>
      </c>
      <c r="L9680" s="6" t="s">
        <v>51</v>
      </c>
    </row>
    <row r="9681" spans="1:12">
      <c r="A9681" s="6" t="s">
        <v>49</v>
      </c>
      <c r="B9681" s="6"/>
      <c r="C9681" s="6" t="s">
        <v>9705</v>
      </c>
      <c r="D9681" s="6"/>
      <c r="E9681" s="6" t="s">
        <v>9</v>
      </c>
      <c r="F9681" s="7">
        <v>38657</v>
      </c>
      <c r="G9681" s="8">
        <v>1</v>
      </c>
      <c r="H9681" s="8">
        <v>1</v>
      </c>
      <c r="I9681" s="8">
        <v>0</v>
      </c>
      <c r="J9681" s="8">
        <v>1</v>
      </c>
      <c r="K9681" s="9">
        <v>2</v>
      </c>
      <c r="L9681" s="6" t="s">
        <v>51</v>
      </c>
    </row>
    <row r="9682" spans="1:12">
      <c r="A9682" s="6" t="s">
        <v>49</v>
      </c>
      <c r="B9682" s="6"/>
      <c r="C9682" s="6" t="s">
        <v>9706</v>
      </c>
      <c r="D9682" s="6"/>
      <c r="E9682" s="6" t="s">
        <v>9</v>
      </c>
      <c r="F9682" s="7">
        <v>38657</v>
      </c>
      <c r="G9682" s="8">
        <v>1</v>
      </c>
      <c r="H9682" s="8">
        <v>1</v>
      </c>
      <c r="I9682" s="8">
        <v>0</v>
      </c>
      <c r="J9682" s="8">
        <v>1</v>
      </c>
      <c r="K9682" s="9">
        <v>374</v>
      </c>
      <c r="L9682" s="6" t="s">
        <v>51</v>
      </c>
    </row>
    <row r="9683" spans="1:12">
      <c r="A9683" s="6" t="s">
        <v>49</v>
      </c>
      <c r="B9683" s="6"/>
      <c r="C9683" s="6" t="s">
        <v>9707</v>
      </c>
      <c r="D9683" s="6"/>
      <c r="E9683" s="6" t="s">
        <v>9</v>
      </c>
      <c r="F9683" s="7">
        <v>38657</v>
      </c>
      <c r="G9683" s="8">
        <v>1</v>
      </c>
      <c r="H9683" s="8">
        <v>1</v>
      </c>
      <c r="I9683" s="8">
        <v>0</v>
      </c>
      <c r="J9683" s="8">
        <v>1</v>
      </c>
      <c r="K9683" s="9">
        <v>8.1999999999999904</v>
      </c>
      <c r="L9683" s="6" t="s">
        <v>51</v>
      </c>
    </row>
    <row r="9684" spans="1:12">
      <c r="A9684" s="6" t="s">
        <v>49</v>
      </c>
      <c r="B9684" s="6"/>
      <c r="C9684" s="6" t="s">
        <v>9708</v>
      </c>
      <c r="D9684" s="6"/>
      <c r="E9684" s="6" t="s">
        <v>9</v>
      </c>
      <c r="F9684" s="7">
        <v>38657</v>
      </c>
      <c r="G9684" s="8">
        <v>1</v>
      </c>
      <c r="H9684" s="8">
        <v>1</v>
      </c>
      <c r="I9684" s="8">
        <v>0</v>
      </c>
      <c r="J9684" s="8">
        <v>1</v>
      </c>
      <c r="K9684" s="9">
        <v>97</v>
      </c>
      <c r="L9684" s="6" t="s">
        <v>51</v>
      </c>
    </row>
    <row r="9685" spans="1:12">
      <c r="A9685" s="6" t="s">
        <v>49</v>
      </c>
      <c r="B9685" s="6"/>
      <c r="C9685" s="6" t="s">
        <v>9709</v>
      </c>
      <c r="D9685" s="6"/>
      <c r="E9685" s="6" t="s">
        <v>9</v>
      </c>
      <c r="F9685" s="7">
        <v>38657</v>
      </c>
      <c r="G9685" s="8">
        <v>1</v>
      </c>
      <c r="H9685" s="8">
        <v>1</v>
      </c>
      <c r="I9685" s="8">
        <v>0</v>
      </c>
      <c r="J9685" s="8">
        <v>1</v>
      </c>
      <c r="K9685" s="9">
        <v>7.87</v>
      </c>
      <c r="L9685" s="6" t="s">
        <v>51</v>
      </c>
    </row>
    <row r="9686" spans="1:12">
      <c r="A9686" s="6" t="s">
        <v>49</v>
      </c>
      <c r="B9686" s="6"/>
      <c r="C9686" s="6" t="s">
        <v>9710</v>
      </c>
      <c r="D9686" s="6"/>
      <c r="E9686" s="6" t="s">
        <v>9</v>
      </c>
      <c r="F9686" s="7">
        <v>38657</v>
      </c>
      <c r="G9686" s="8">
        <v>1</v>
      </c>
      <c r="H9686" s="8">
        <v>1</v>
      </c>
      <c r="I9686" s="8">
        <v>0</v>
      </c>
      <c r="J9686" s="8">
        <v>1</v>
      </c>
      <c r="K9686" s="9">
        <v>70</v>
      </c>
      <c r="L9686" s="6" t="s">
        <v>51</v>
      </c>
    </row>
    <row r="9687" spans="1:12">
      <c r="A9687" s="6" t="s">
        <v>49</v>
      </c>
      <c r="B9687" s="6"/>
      <c r="C9687" s="6" t="s">
        <v>9711</v>
      </c>
      <c r="D9687" s="6"/>
      <c r="E9687" s="6" t="s">
        <v>9</v>
      </c>
      <c r="F9687" s="7">
        <v>38657</v>
      </c>
      <c r="G9687" s="8">
        <v>1</v>
      </c>
      <c r="H9687" s="8">
        <v>1</v>
      </c>
      <c r="I9687" s="8">
        <v>0</v>
      </c>
      <c r="J9687" s="8">
        <v>1</v>
      </c>
      <c r="K9687" s="9">
        <v>254</v>
      </c>
      <c r="L9687" s="6" t="s">
        <v>51</v>
      </c>
    </row>
    <row r="9688" spans="1:12">
      <c r="A9688" s="6" t="s">
        <v>49</v>
      </c>
      <c r="B9688" s="6"/>
      <c r="C9688" s="6" t="s">
        <v>9712</v>
      </c>
      <c r="D9688" s="6"/>
      <c r="E9688" s="6" t="s">
        <v>9</v>
      </c>
      <c r="F9688" s="7">
        <v>38657</v>
      </c>
      <c r="G9688" s="8">
        <v>1</v>
      </c>
      <c r="H9688" s="8">
        <v>1</v>
      </c>
      <c r="I9688" s="8">
        <v>0</v>
      </c>
      <c r="J9688" s="8">
        <v>1</v>
      </c>
      <c r="K9688" s="9">
        <v>81</v>
      </c>
      <c r="L9688" s="6" t="s">
        <v>51</v>
      </c>
    </row>
    <row r="9689" spans="1:12">
      <c r="A9689" s="6" t="s">
        <v>49</v>
      </c>
      <c r="B9689" s="6"/>
      <c r="C9689" s="6" t="s">
        <v>9713</v>
      </c>
      <c r="D9689" s="6"/>
      <c r="E9689" s="6" t="s">
        <v>9</v>
      </c>
      <c r="F9689" s="7">
        <v>38657</v>
      </c>
      <c r="G9689" s="8">
        <v>1</v>
      </c>
      <c r="H9689" s="8">
        <v>1</v>
      </c>
      <c r="I9689" s="8">
        <v>0</v>
      </c>
      <c r="J9689" s="8">
        <v>1</v>
      </c>
      <c r="K9689" s="9">
        <v>3.3</v>
      </c>
      <c r="L9689" s="6" t="s">
        <v>51</v>
      </c>
    </row>
    <row r="9690" spans="1:12">
      <c r="A9690" s="6" t="s">
        <v>49</v>
      </c>
      <c r="B9690" s="6"/>
      <c r="C9690" s="6" t="s">
        <v>9714</v>
      </c>
      <c r="D9690" s="6"/>
      <c r="E9690" s="6" t="s">
        <v>9</v>
      </c>
      <c r="F9690" s="7">
        <v>38657</v>
      </c>
      <c r="G9690" s="8">
        <v>1</v>
      </c>
      <c r="H9690" s="8">
        <v>1</v>
      </c>
      <c r="I9690" s="8">
        <v>0</v>
      </c>
      <c r="J9690" s="8">
        <v>1</v>
      </c>
      <c r="K9690" s="9">
        <v>26</v>
      </c>
      <c r="L9690" s="6" t="s">
        <v>51</v>
      </c>
    </row>
    <row r="9691" spans="1:12">
      <c r="A9691" s="6" t="s">
        <v>49</v>
      </c>
      <c r="B9691" s="6"/>
      <c r="C9691" s="6" t="s">
        <v>9715</v>
      </c>
      <c r="D9691" s="6"/>
      <c r="E9691" s="6" t="s">
        <v>9</v>
      </c>
      <c r="F9691" s="7">
        <v>38657</v>
      </c>
      <c r="G9691" s="8">
        <v>1</v>
      </c>
      <c r="H9691" s="8">
        <v>1</v>
      </c>
      <c r="I9691" s="8">
        <v>0</v>
      </c>
      <c r="J9691" s="8">
        <v>1</v>
      </c>
      <c r="K9691" s="9">
        <v>3.3</v>
      </c>
      <c r="L9691" s="6" t="s">
        <v>51</v>
      </c>
    </row>
    <row r="9692" spans="1:12">
      <c r="A9692" s="6" t="s">
        <v>49</v>
      </c>
      <c r="B9692" s="6"/>
      <c r="C9692" s="6" t="s">
        <v>9716</v>
      </c>
      <c r="D9692" s="6"/>
      <c r="E9692" s="6" t="s">
        <v>9</v>
      </c>
      <c r="F9692" s="7">
        <v>38657</v>
      </c>
      <c r="G9692" s="8">
        <v>1</v>
      </c>
      <c r="H9692" s="8">
        <v>1</v>
      </c>
      <c r="I9692" s="8">
        <v>0</v>
      </c>
      <c r="J9692" s="8">
        <v>1</v>
      </c>
      <c r="K9692" s="9">
        <v>26</v>
      </c>
      <c r="L9692" s="6" t="s">
        <v>51</v>
      </c>
    </row>
    <row r="9693" spans="1:12">
      <c r="A9693" s="6" t="s">
        <v>49</v>
      </c>
      <c r="B9693" s="6"/>
      <c r="C9693" s="6" t="s">
        <v>9717</v>
      </c>
      <c r="D9693" s="6"/>
      <c r="E9693" s="6" t="s">
        <v>9</v>
      </c>
      <c r="F9693" s="7">
        <v>38657</v>
      </c>
      <c r="G9693" s="8">
        <v>1</v>
      </c>
      <c r="H9693" s="8">
        <v>1</v>
      </c>
      <c r="I9693" s="8">
        <v>0</v>
      </c>
      <c r="J9693" s="8">
        <v>1</v>
      </c>
      <c r="K9693" s="9">
        <v>19</v>
      </c>
      <c r="L9693" s="6" t="s">
        <v>51</v>
      </c>
    </row>
    <row r="9694" spans="1:12">
      <c r="A9694" s="6" t="s">
        <v>49</v>
      </c>
      <c r="B9694" s="6"/>
      <c r="C9694" s="6" t="s">
        <v>9718</v>
      </c>
      <c r="D9694" s="6"/>
      <c r="E9694" s="6" t="s">
        <v>9</v>
      </c>
      <c r="F9694" s="7">
        <v>38657</v>
      </c>
      <c r="G9694" s="8">
        <v>1</v>
      </c>
      <c r="H9694" s="8">
        <v>1</v>
      </c>
      <c r="I9694" s="8">
        <v>0</v>
      </c>
      <c r="J9694" s="8">
        <v>1</v>
      </c>
      <c r="K9694" s="9">
        <v>16</v>
      </c>
      <c r="L9694" s="6" t="s">
        <v>51</v>
      </c>
    </row>
    <row r="9695" spans="1:12">
      <c r="A9695" s="6" t="s">
        <v>49</v>
      </c>
      <c r="B9695" s="6"/>
      <c r="C9695" s="6" t="s">
        <v>9719</v>
      </c>
      <c r="D9695" s="6"/>
      <c r="E9695" s="6" t="s">
        <v>9</v>
      </c>
      <c r="F9695" s="7">
        <v>38657</v>
      </c>
      <c r="G9695" s="8">
        <v>1</v>
      </c>
      <c r="H9695" s="8">
        <v>1</v>
      </c>
      <c r="I9695" s="8">
        <v>0</v>
      </c>
      <c r="J9695" s="8">
        <v>1</v>
      </c>
      <c r="K9695" s="9">
        <v>18</v>
      </c>
      <c r="L9695" s="6" t="s">
        <v>51</v>
      </c>
    </row>
    <row r="9696" spans="1:12">
      <c r="A9696" s="6" t="s">
        <v>49</v>
      </c>
      <c r="B9696" s="6"/>
      <c r="C9696" s="6" t="s">
        <v>9720</v>
      </c>
      <c r="D9696" s="6"/>
      <c r="E9696" s="6" t="s">
        <v>9</v>
      </c>
      <c r="F9696" s="7">
        <v>38657</v>
      </c>
      <c r="G9696" s="8">
        <v>1</v>
      </c>
      <c r="H9696" s="8">
        <v>1</v>
      </c>
      <c r="I9696" s="8">
        <v>0</v>
      </c>
      <c r="J9696" s="8">
        <v>1</v>
      </c>
      <c r="K9696" s="9">
        <v>18</v>
      </c>
      <c r="L9696" s="6" t="s">
        <v>51</v>
      </c>
    </row>
    <row r="9697" spans="1:12">
      <c r="A9697" s="6" t="s">
        <v>49</v>
      </c>
      <c r="B9697" s="6"/>
      <c r="C9697" s="6" t="s">
        <v>9721</v>
      </c>
      <c r="D9697" s="6"/>
      <c r="E9697" s="6" t="s">
        <v>9</v>
      </c>
      <c r="F9697" s="7">
        <v>38657</v>
      </c>
      <c r="G9697" s="8">
        <v>1</v>
      </c>
      <c r="H9697" s="8">
        <v>1</v>
      </c>
      <c r="I9697" s="8">
        <v>0</v>
      </c>
      <c r="J9697" s="8">
        <v>1</v>
      </c>
      <c r="K9697" s="9">
        <v>42</v>
      </c>
      <c r="L9697" s="6" t="s">
        <v>51</v>
      </c>
    </row>
    <row r="9698" spans="1:12">
      <c r="A9698" s="6" t="s">
        <v>49</v>
      </c>
      <c r="B9698" s="6"/>
      <c r="C9698" s="6" t="s">
        <v>9722</v>
      </c>
      <c r="D9698" s="6"/>
      <c r="E9698" s="6" t="s">
        <v>9</v>
      </c>
      <c r="F9698" s="7">
        <v>38657</v>
      </c>
      <c r="G9698" s="8">
        <v>1</v>
      </c>
      <c r="H9698" s="8">
        <v>1</v>
      </c>
      <c r="I9698" s="8">
        <v>0</v>
      </c>
      <c r="J9698" s="8">
        <v>1</v>
      </c>
      <c r="K9698" s="9">
        <v>32</v>
      </c>
      <c r="L9698" s="6" t="s">
        <v>51</v>
      </c>
    </row>
    <row r="9699" spans="1:12">
      <c r="A9699" s="6" t="s">
        <v>49</v>
      </c>
      <c r="B9699" s="6"/>
      <c r="C9699" s="6" t="s">
        <v>9723</v>
      </c>
      <c r="D9699" s="6"/>
      <c r="E9699" s="6" t="s">
        <v>9</v>
      </c>
      <c r="F9699" s="7">
        <v>38657</v>
      </c>
      <c r="G9699" s="8">
        <v>1</v>
      </c>
      <c r="H9699" s="8">
        <v>1</v>
      </c>
      <c r="I9699" s="8">
        <v>0</v>
      </c>
      <c r="J9699" s="8">
        <v>1</v>
      </c>
      <c r="K9699" s="9">
        <v>183</v>
      </c>
      <c r="L9699" s="6" t="s">
        <v>51</v>
      </c>
    </row>
    <row r="9700" spans="1:12">
      <c r="A9700" s="6" t="s">
        <v>49</v>
      </c>
      <c r="B9700" s="6"/>
      <c r="C9700" s="6" t="s">
        <v>9724</v>
      </c>
      <c r="D9700" s="6"/>
      <c r="E9700" s="6" t="s">
        <v>9</v>
      </c>
      <c r="F9700" s="7">
        <v>38657</v>
      </c>
      <c r="G9700" s="8">
        <v>1</v>
      </c>
      <c r="H9700" s="8">
        <v>1</v>
      </c>
      <c r="I9700" s="8">
        <v>0</v>
      </c>
      <c r="J9700" s="8">
        <v>1</v>
      </c>
      <c r="K9700" s="9">
        <v>23</v>
      </c>
      <c r="L9700" s="6" t="s">
        <v>51</v>
      </c>
    </row>
    <row r="9701" spans="1:12">
      <c r="A9701" s="6" t="s">
        <v>49</v>
      </c>
      <c r="B9701" s="6"/>
      <c r="C9701" s="6" t="s">
        <v>9725</v>
      </c>
      <c r="D9701" s="6"/>
      <c r="E9701" s="6" t="s">
        <v>9</v>
      </c>
      <c r="F9701" s="7">
        <v>38657</v>
      </c>
      <c r="G9701" s="8">
        <v>1</v>
      </c>
      <c r="H9701" s="8">
        <v>1</v>
      </c>
      <c r="I9701" s="8">
        <v>0</v>
      </c>
      <c r="J9701" s="8">
        <v>1</v>
      </c>
      <c r="K9701" s="9">
        <v>15</v>
      </c>
      <c r="L9701" s="6" t="s">
        <v>51</v>
      </c>
    </row>
    <row r="9702" spans="1:12">
      <c r="A9702" s="6" t="s">
        <v>49</v>
      </c>
      <c r="B9702" s="6"/>
      <c r="C9702" s="6" t="s">
        <v>9726</v>
      </c>
      <c r="D9702" s="6"/>
      <c r="E9702" s="6" t="s">
        <v>9</v>
      </c>
      <c r="F9702" s="7">
        <v>38657</v>
      </c>
      <c r="G9702" s="8">
        <v>1</v>
      </c>
      <c r="H9702" s="8">
        <v>1</v>
      </c>
      <c r="I9702" s="8">
        <v>0</v>
      </c>
      <c r="J9702" s="8">
        <v>1</v>
      </c>
      <c r="K9702" s="9">
        <v>45</v>
      </c>
      <c r="L9702" s="6" t="s">
        <v>51</v>
      </c>
    </row>
    <row r="9703" spans="1:12">
      <c r="A9703" s="6" t="s">
        <v>49</v>
      </c>
      <c r="B9703" s="6"/>
      <c r="C9703" s="6" t="s">
        <v>9727</v>
      </c>
      <c r="D9703" s="6"/>
      <c r="E9703" s="6" t="s">
        <v>9</v>
      </c>
      <c r="F9703" s="7">
        <v>38657</v>
      </c>
      <c r="G9703" s="8">
        <v>1</v>
      </c>
      <c r="H9703" s="8">
        <v>1</v>
      </c>
      <c r="I9703" s="8">
        <v>0</v>
      </c>
      <c r="J9703" s="8">
        <v>1</v>
      </c>
      <c r="K9703" s="9">
        <v>33</v>
      </c>
      <c r="L9703" s="6" t="s">
        <v>51</v>
      </c>
    </row>
    <row r="9704" spans="1:12">
      <c r="A9704" s="6" t="s">
        <v>49</v>
      </c>
      <c r="B9704" s="6"/>
      <c r="C9704" s="6" t="s">
        <v>9728</v>
      </c>
      <c r="D9704" s="6"/>
      <c r="E9704" s="6" t="s">
        <v>9</v>
      </c>
      <c r="F9704" s="7">
        <v>38657</v>
      </c>
      <c r="G9704" s="8">
        <v>1</v>
      </c>
      <c r="H9704" s="8">
        <v>1</v>
      </c>
      <c r="I9704" s="8">
        <v>0</v>
      </c>
      <c r="J9704" s="8">
        <v>1</v>
      </c>
      <c r="K9704" s="9">
        <v>21</v>
      </c>
      <c r="L9704" s="6" t="s">
        <v>51</v>
      </c>
    </row>
    <row r="9705" spans="1:12">
      <c r="A9705" s="6" t="s">
        <v>49</v>
      </c>
      <c r="B9705" s="6"/>
      <c r="C9705" s="6" t="s">
        <v>9729</v>
      </c>
      <c r="D9705" s="6"/>
      <c r="E9705" s="6" t="s">
        <v>9</v>
      </c>
      <c r="F9705" s="7">
        <v>38657</v>
      </c>
      <c r="G9705" s="8">
        <v>1</v>
      </c>
      <c r="H9705" s="8">
        <v>1</v>
      </c>
      <c r="I9705" s="8">
        <v>0</v>
      </c>
      <c r="J9705" s="8">
        <v>1</v>
      </c>
      <c r="K9705" s="9">
        <v>23</v>
      </c>
      <c r="L9705" s="6" t="s">
        <v>51</v>
      </c>
    </row>
    <row r="9706" spans="1:12">
      <c r="A9706" s="6" t="s">
        <v>49</v>
      </c>
      <c r="B9706" s="6"/>
      <c r="C9706" s="6" t="s">
        <v>9730</v>
      </c>
      <c r="D9706" s="6"/>
      <c r="E9706" s="6" t="s">
        <v>9</v>
      </c>
      <c r="F9706" s="7">
        <v>38657</v>
      </c>
      <c r="G9706" s="8">
        <v>1</v>
      </c>
      <c r="H9706" s="8">
        <v>1</v>
      </c>
      <c r="I9706" s="8">
        <v>0</v>
      </c>
      <c r="J9706" s="8">
        <v>1</v>
      </c>
      <c r="K9706" s="9">
        <v>3.64</v>
      </c>
      <c r="L9706" s="6" t="s">
        <v>51</v>
      </c>
    </row>
    <row r="9707" spans="1:12">
      <c r="A9707" s="6" t="s">
        <v>49</v>
      </c>
      <c r="B9707" s="6"/>
      <c r="C9707" s="6" t="s">
        <v>9731</v>
      </c>
      <c r="D9707" s="6"/>
      <c r="E9707" s="6" t="s">
        <v>9</v>
      </c>
      <c r="F9707" s="7">
        <v>38657</v>
      </c>
      <c r="G9707" s="8">
        <v>1</v>
      </c>
      <c r="H9707" s="8">
        <v>1</v>
      </c>
      <c r="I9707" s="8">
        <v>0</v>
      </c>
      <c r="J9707" s="8">
        <v>1</v>
      </c>
      <c r="K9707" s="9">
        <v>23</v>
      </c>
      <c r="L9707" s="6" t="s">
        <v>51</v>
      </c>
    </row>
    <row r="9708" spans="1:12">
      <c r="A9708" s="6" t="s">
        <v>49</v>
      </c>
      <c r="B9708" s="6"/>
      <c r="C9708" s="6" t="s">
        <v>9732</v>
      </c>
      <c r="D9708" s="6"/>
      <c r="E9708" s="6" t="s">
        <v>9</v>
      </c>
      <c r="F9708" s="7">
        <v>38657</v>
      </c>
      <c r="G9708" s="8">
        <v>1</v>
      </c>
      <c r="H9708" s="8">
        <v>1</v>
      </c>
      <c r="I9708" s="8">
        <v>0</v>
      </c>
      <c r="J9708" s="8">
        <v>1</v>
      </c>
      <c r="K9708" s="9">
        <v>42</v>
      </c>
      <c r="L9708" s="6" t="s">
        <v>51</v>
      </c>
    </row>
    <row r="9709" spans="1:12">
      <c r="A9709" s="6" t="s">
        <v>49</v>
      </c>
      <c r="B9709" s="6"/>
      <c r="C9709" s="6" t="s">
        <v>9733</v>
      </c>
      <c r="D9709" s="6"/>
      <c r="E9709" s="6" t="s">
        <v>9</v>
      </c>
      <c r="F9709" s="7">
        <v>38657</v>
      </c>
      <c r="G9709" s="8">
        <v>1</v>
      </c>
      <c r="H9709" s="8">
        <v>1</v>
      </c>
      <c r="I9709" s="8">
        <v>0</v>
      </c>
      <c r="J9709" s="8">
        <v>1</v>
      </c>
      <c r="K9709" s="9">
        <v>13</v>
      </c>
      <c r="L9709" s="6" t="s">
        <v>51</v>
      </c>
    </row>
    <row r="9710" spans="1:12">
      <c r="A9710" s="6" t="s">
        <v>49</v>
      </c>
      <c r="B9710" s="6"/>
      <c r="C9710" s="6" t="s">
        <v>9734</v>
      </c>
      <c r="D9710" s="6"/>
      <c r="E9710" s="6" t="s">
        <v>9</v>
      </c>
      <c r="F9710" s="7">
        <v>38657</v>
      </c>
      <c r="G9710" s="8">
        <v>1</v>
      </c>
      <c r="H9710" s="8">
        <v>1</v>
      </c>
      <c r="I9710" s="8">
        <v>0</v>
      </c>
      <c r="J9710" s="8">
        <v>1</v>
      </c>
      <c r="K9710" s="9">
        <v>16</v>
      </c>
      <c r="L9710" s="6" t="s">
        <v>51</v>
      </c>
    </row>
    <row r="9711" spans="1:12">
      <c r="A9711" s="6" t="s">
        <v>49</v>
      </c>
      <c r="B9711" s="6"/>
      <c r="C9711" s="6" t="s">
        <v>9735</v>
      </c>
      <c r="D9711" s="6"/>
      <c r="E9711" s="6" t="s">
        <v>9</v>
      </c>
      <c r="F9711" s="7">
        <v>38657</v>
      </c>
      <c r="G9711" s="8">
        <v>1</v>
      </c>
      <c r="H9711" s="8">
        <v>1</v>
      </c>
      <c r="I9711" s="8">
        <v>0</v>
      </c>
      <c r="J9711" s="8">
        <v>1</v>
      </c>
      <c r="K9711" s="9">
        <v>5.96</v>
      </c>
      <c r="L9711" s="6" t="s">
        <v>51</v>
      </c>
    </row>
    <row r="9712" spans="1:12">
      <c r="A9712" s="6" t="s">
        <v>49</v>
      </c>
      <c r="B9712" s="6"/>
      <c r="C9712" s="6" t="s">
        <v>9736</v>
      </c>
      <c r="D9712" s="6"/>
      <c r="E9712" s="6" t="s">
        <v>9</v>
      </c>
      <c r="F9712" s="7">
        <v>38657</v>
      </c>
      <c r="G9712" s="8">
        <v>1</v>
      </c>
      <c r="H9712" s="8">
        <v>1</v>
      </c>
      <c r="I9712" s="8">
        <v>0</v>
      </c>
      <c r="J9712" s="8">
        <v>1</v>
      </c>
      <c r="K9712" s="9">
        <v>5.57</v>
      </c>
      <c r="L9712" s="6" t="s">
        <v>51</v>
      </c>
    </row>
    <row r="9713" spans="1:12">
      <c r="A9713" s="6" t="s">
        <v>49</v>
      </c>
      <c r="B9713" s="6"/>
      <c r="C9713" s="6" t="s">
        <v>9737</v>
      </c>
      <c r="D9713" s="6"/>
      <c r="E9713" s="6" t="s">
        <v>9</v>
      </c>
      <c r="F9713" s="7">
        <v>38657</v>
      </c>
      <c r="G9713" s="8">
        <v>1</v>
      </c>
      <c r="H9713" s="8">
        <v>1</v>
      </c>
      <c r="I9713" s="8">
        <v>0</v>
      </c>
      <c r="J9713" s="8">
        <v>1</v>
      </c>
      <c r="K9713" s="9">
        <v>32</v>
      </c>
      <c r="L9713" s="6" t="s">
        <v>51</v>
      </c>
    </row>
    <row r="9714" spans="1:12">
      <c r="A9714" s="6" t="s">
        <v>49</v>
      </c>
      <c r="B9714" s="6"/>
      <c r="C9714" s="6" t="s">
        <v>9738</v>
      </c>
      <c r="D9714" s="6"/>
      <c r="E9714" s="6" t="s">
        <v>9</v>
      </c>
      <c r="F9714" s="7">
        <v>39784</v>
      </c>
      <c r="G9714" s="8">
        <v>1</v>
      </c>
      <c r="H9714" s="8">
        <v>1</v>
      </c>
      <c r="I9714" s="8">
        <v>0</v>
      </c>
      <c r="J9714" s="8">
        <v>1</v>
      </c>
      <c r="K9714" s="9">
        <v>12.56</v>
      </c>
      <c r="L9714" s="6" t="s">
        <v>51</v>
      </c>
    </row>
    <row r="9715" spans="1:12">
      <c r="A9715" s="6" t="s">
        <v>49</v>
      </c>
      <c r="B9715" s="6"/>
      <c r="C9715" s="6" t="s">
        <v>9739</v>
      </c>
      <c r="D9715" s="6"/>
      <c r="E9715" s="6" t="s">
        <v>9</v>
      </c>
      <c r="F9715" s="7">
        <v>38657</v>
      </c>
      <c r="G9715" s="8">
        <v>1</v>
      </c>
      <c r="H9715" s="8">
        <v>1</v>
      </c>
      <c r="I9715" s="8">
        <v>0</v>
      </c>
      <c r="J9715" s="8">
        <v>1</v>
      </c>
      <c r="K9715" s="9">
        <v>93</v>
      </c>
      <c r="L9715" s="6" t="s">
        <v>51</v>
      </c>
    </row>
    <row r="9716" spans="1:12">
      <c r="A9716" s="6" t="s">
        <v>49</v>
      </c>
      <c r="B9716" s="6"/>
      <c r="C9716" s="6" t="s">
        <v>9740</v>
      </c>
      <c r="D9716" s="6"/>
      <c r="E9716" s="6" t="s">
        <v>9</v>
      </c>
      <c r="F9716" s="7">
        <v>38657</v>
      </c>
      <c r="G9716" s="8">
        <v>1</v>
      </c>
      <c r="H9716" s="8">
        <v>1</v>
      </c>
      <c r="I9716" s="8">
        <v>0</v>
      </c>
      <c r="J9716" s="8">
        <v>1</v>
      </c>
      <c r="K9716" s="9">
        <v>64</v>
      </c>
      <c r="L9716" s="6" t="s">
        <v>51</v>
      </c>
    </row>
    <row r="9717" spans="1:12">
      <c r="A9717" s="6" t="s">
        <v>49</v>
      </c>
      <c r="B9717" s="6"/>
      <c r="C9717" s="6" t="s">
        <v>9741</v>
      </c>
      <c r="D9717" s="6"/>
      <c r="E9717" s="6" t="s">
        <v>9</v>
      </c>
      <c r="F9717" s="7">
        <v>38657</v>
      </c>
      <c r="G9717" s="8">
        <v>1</v>
      </c>
      <c r="H9717" s="8">
        <v>1</v>
      </c>
      <c r="I9717" s="8">
        <v>0</v>
      </c>
      <c r="J9717" s="8">
        <v>1</v>
      </c>
      <c r="K9717" s="9">
        <v>21</v>
      </c>
      <c r="L9717" s="6" t="s">
        <v>51</v>
      </c>
    </row>
    <row r="9718" spans="1:12">
      <c r="A9718" s="6" t="s">
        <v>49</v>
      </c>
      <c r="B9718" s="6"/>
      <c r="C9718" s="6" t="s">
        <v>9742</v>
      </c>
      <c r="D9718" s="6"/>
      <c r="E9718" s="6" t="s">
        <v>9</v>
      </c>
      <c r="F9718" s="7">
        <v>38657</v>
      </c>
      <c r="G9718" s="8">
        <v>1</v>
      </c>
      <c r="H9718" s="8">
        <v>1</v>
      </c>
      <c r="I9718" s="8">
        <v>0</v>
      </c>
      <c r="J9718" s="8">
        <v>1</v>
      </c>
      <c r="K9718" s="9">
        <v>5.53</v>
      </c>
      <c r="L9718" s="6" t="s">
        <v>51</v>
      </c>
    </row>
    <row r="9719" spans="1:12">
      <c r="A9719" s="6" t="s">
        <v>49</v>
      </c>
      <c r="B9719" s="6"/>
      <c r="C9719" s="6" t="s">
        <v>9743</v>
      </c>
      <c r="D9719" s="6"/>
      <c r="E9719" s="6" t="s">
        <v>9</v>
      </c>
      <c r="F9719" s="7">
        <v>38657</v>
      </c>
      <c r="G9719" s="8">
        <v>1</v>
      </c>
      <c r="H9719" s="8">
        <v>1</v>
      </c>
      <c r="I9719" s="8">
        <v>0</v>
      </c>
      <c r="J9719" s="8">
        <v>1</v>
      </c>
      <c r="K9719" s="9">
        <v>46</v>
      </c>
      <c r="L9719" s="6" t="s">
        <v>51</v>
      </c>
    </row>
    <row r="9720" spans="1:12">
      <c r="A9720" s="6" t="s">
        <v>49</v>
      </c>
      <c r="B9720" s="6"/>
      <c r="C9720" s="6" t="s">
        <v>9744</v>
      </c>
      <c r="D9720" s="6"/>
      <c r="E9720" s="6" t="s">
        <v>9</v>
      </c>
      <c r="F9720" s="7">
        <v>38657</v>
      </c>
      <c r="G9720" s="8">
        <v>1</v>
      </c>
      <c r="H9720" s="8">
        <v>1</v>
      </c>
      <c r="I9720" s="8">
        <v>0</v>
      </c>
      <c r="J9720" s="8">
        <v>1</v>
      </c>
      <c r="K9720" s="9">
        <v>6.75</v>
      </c>
      <c r="L9720" s="6" t="s">
        <v>51</v>
      </c>
    </row>
    <row r="9721" spans="1:12">
      <c r="A9721" s="6" t="s">
        <v>49</v>
      </c>
      <c r="B9721" s="6"/>
      <c r="C9721" s="6" t="s">
        <v>9745</v>
      </c>
      <c r="D9721" s="6"/>
      <c r="E9721" s="6" t="s">
        <v>9</v>
      </c>
      <c r="F9721" s="7">
        <v>38657</v>
      </c>
      <c r="G9721" s="8">
        <v>1</v>
      </c>
      <c r="H9721" s="8">
        <v>1</v>
      </c>
      <c r="I9721" s="8">
        <v>0</v>
      </c>
      <c r="J9721" s="8">
        <v>1</v>
      </c>
      <c r="K9721" s="9">
        <v>9.35</v>
      </c>
      <c r="L9721" s="6" t="s">
        <v>51</v>
      </c>
    </row>
    <row r="9722" spans="1:12">
      <c r="A9722" s="6" t="s">
        <v>49</v>
      </c>
      <c r="B9722" s="6"/>
      <c r="C9722" s="6" t="s">
        <v>9746</v>
      </c>
      <c r="D9722" s="6"/>
      <c r="E9722" s="6" t="s">
        <v>9</v>
      </c>
      <c r="F9722" s="7">
        <v>38657</v>
      </c>
      <c r="G9722" s="8">
        <v>1</v>
      </c>
      <c r="H9722" s="8">
        <v>1</v>
      </c>
      <c r="I9722" s="8">
        <v>0</v>
      </c>
      <c r="J9722" s="8">
        <v>1</v>
      </c>
      <c r="K9722" s="9">
        <v>24</v>
      </c>
      <c r="L9722" s="6" t="s">
        <v>51</v>
      </c>
    </row>
    <row r="9723" spans="1:12">
      <c r="A9723" s="6" t="s">
        <v>49</v>
      </c>
      <c r="B9723" s="6"/>
      <c r="C9723" s="6" t="s">
        <v>9747</v>
      </c>
      <c r="D9723" s="6"/>
      <c r="E9723" s="6" t="s">
        <v>9</v>
      </c>
      <c r="F9723" s="7">
        <v>38657</v>
      </c>
      <c r="G9723" s="8">
        <v>1</v>
      </c>
      <c r="H9723" s="8">
        <v>1</v>
      </c>
      <c r="I9723" s="8">
        <v>0</v>
      </c>
      <c r="J9723" s="8">
        <v>1</v>
      </c>
      <c r="K9723" s="9">
        <v>30</v>
      </c>
      <c r="L9723" s="6" t="s">
        <v>51</v>
      </c>
    </row>
    <row r="9724" spans="1:12">
      <c r="A9724" s="6" t="s">
        <v>49</v>
      </c>
      <c r="B9724" s="6"/>
      <c r="C9724" s="6" t="s">
        <v>9748</v>
      </c>
      <c r="D9724" s="6"/>
      <c r="E9724" s="6" t="s">
        <v>9</v>
      </c>
      <c r="F9724" s="7">
        <v>38657</v>
      </c>
      <c r="G9724" s="8">
        <v>1</v>
      </c>
      <c r="H9724" s="8">
        <v>1</v>
      </c>
      <c r="I9724" s="8">
        <v>0</v>
      </c>
      <c r="J9724" s="8">
        <v>1</v>
      </c>
      <c r="K9724" s="9">
        <v>16</v>
      </c>
      <c r="L9724" s="6" t="s">
        <v>51</v>
      </c>
    </row>
    <row r="9725" spans="1:12">
      <c r="A9725" s="6" t="s">
        <v>49</v>
      </c>
      <c r="B9725" s="6"/>
      <c r="C9725" s="6" t="s">
        <v>9749</v>
      </c>
      <c r="D9725" s="6"/>
      <c r="E9725" s="6" t="s">
        <v>9</v>
      </c>
      <c r="F9725" s="7">
        <v>38657</v>
      </c>
      <c r="G9725" s="8">
        <v>1</v>
      </c>
      <c r="H9725" s="8">
        <v>1</v>
      </c>
      <c r="I9725" s="8">
        <v>0</v>
      </c>
      <c r="J9725" s="8">
        <v>1</v>
      </c>
      <c r="K9725" s="9">
        <v>14.46</v>
      </c>
      <c r="L9725" s="6" t="s">
        <v>51</v>
      </c>
    </row>
    <row r="9726" spans="1:12">
      <c r="A9726" s="6" t="s">
        <v>49</v>
      </c>
      <c r="B9726" s="6"/>
      <c r="C9726" s="6" t="s">
        <v>9750</v>
      </c>
      <c r="D9726" s="6"/>
      <c r="E9726" s="6" t="s">
        <v>9</v>
      </c>
      <c r="F9726" s="7">
        <v>38657</v>
      </c>
      <c r="G9726" s="8">
        <v>1</v>
      </c>
      <c r="H9726" s="8">
        <v>1</v>
      </c>
      <c r="I9726" s="8">
        <v>0</v>
      </c>
      <c r="J9726" s="8">
        <v>1</v>
      </c>
      <c r="K9726" s="9">
        <v>4.3</v>
      </c>
      <c r="L9726" s="6" t="s">
        <v>51</v>
      </c>
    </row>
    <row r="9727" spans="1:12">
      <c r="A9727" s="6" t="s">
        <v>49</v>
      </c>
      <c r="B9727" s="6"/>
      <c r="C9727" s="6" t="s">
        <v>9751</v>
      </c>
      <c r="D9727" s="6"/>
      <c r="E9727" s="6" t="s">
        <v>9</v>
      </c>
      <c r="F9727" s="7">
        <v>38657</v>
      </c>
      <c r="G9727" s="8">
        <v>1</v>
      </c>
      <c r="H9727" s="8">
        <v>1</v>
      </c>
      <c r="I9727" s="8">
        <v>0</v>
      </c>
      <c r="J9727" s="8">
        <v>1</v>
      </c>
      <c r="K9727" s="9">
        <v>0.49</v>
      </c>
      <c r="L9727" s="6" t="s">
        <v>51</v>
      </c>
    </row>
    <row r="9728" spans="1:12">
      <c r="A9728" s="6" t="s">
        <v>49</v>
      </c>
      <c r="B9728" s="6"/>
      <c r="C9728" s="6" t="s">
        <v>9752</v>
      </c>
      <c r="D9728" s="6"/>
      <c r="E9728" s="6" t="s">
        <v>9</v>
      </c>
      <c r="F9728" s="7">
        <v>38657</v>
      </c>
      <c r="G9728" s="8">
        <v>1</v>
      </c>
      <c r="H9728" s="8">
        <v>1</v>
      </c>
      <c r="I9728" s="8">
        <v>0</v>
      </c>
      <c r="J9728" s="8">
        <v>1</v>
      </c>
      <c r="K9728" s="9">
        <v>277</v>
      </c>
      <c r="L9728" s="6" t="s">
        <v>51</v>
      </c>
    </row>
    <row r="9729" spans="1:12">
      <c r="A9729" s="6" t="s">
        <v>49</v>
      </c>
      <c r="B9729" s="6"/>
      <c r="C9729" s="6" t="s">
        <v>9753</v>
      </c>
      <c r="D9729" s="6"/>
      <c r="E9729" s="6" t="s">
        <v>9</v>
      </c>
      <c r="F9729" s="7">
        <v>38657</v>
      </c>
      <c r="G9729" s="8">
        <v>1</v>
      </c>
      <c r="H9729" s="8">
        <v>1</v>
      </c>
      <c r="I9729" s="8">
        <v>0</v>
      </c>
      <c r="J9729" s="8">
        <v>1</v>
      </c>
      <c r="K9729" s="9">
        <v>23</v>
      </c>
      <c r="L9729" s="6" t="s">
        <v>51</v>
      </c>
    </row>
    <row r="9730" spans="1:12">
      <c r="A9730" s="6" t="s">
        <v>49</v>
      </c>
      <c r="B9730" s="6"/>
      <c r="C9730" s="6" t="s">
        <v>9754</v>
      </c>
      <c r="D9730" s="6"/>
      <c r="E9730" s="6" t="s">
        <v>9</v>
      </c>
      <c r="F9730" s="7">
        <v>38657</v>
      </c>
      <c r="G9730" s="8">
        <v>1</v>
      </c>
      <c r="H9730" s="8">
        <v>1</v>
      </c>
      <c r="I9730" s="8">
        <v>0</v>
      </c>
      <c r="J9730" s="8">
        <v>1</v>
      </c>
      <c r="K9730" s="9">
        <v>36</v>
      </c>
      <c r="L9730" s="6" t="s">
        <v>51</v>
      </c>
    </row>
    <row r="9731" spans="1:12">
      <c r="A9731" s="6" t="s">
        <v>49</v>
      </c>
      <c r="B9731" s="6"/>
      <c r="C9731" s="6" t="s">
        <v>9755</v>
      </c>
      <c r="D9731" s="6"/>
      <c r="E9731" s="6" t="s">
        <v>9</v>
      </c>
      <c r="F9731" s="7">
        <v>38657</v>
      </c>
      <c r="G9731" s="8">
        <v>1</v>
      </c>
      <c r="H9731" s="8">
        <v>1</v>
      </c>
      <c r="I9731" s="8">
        <v>0</v>
      </c>
      <c r="J9731" s="8">
        <v>1</v>
      </c>
      <c r="K9731" s="9">
        <v>29</v>
      </c>
      <c r="L9731" s="6" t="s">
        <v>51</v>
      </c>
    </row>
    <row r="9732" spans="1:12">
      <c r="A9732" s="6" t="s">
        <v>49</v>
      </c>
      <c r="B9732" s="6"/>
      <c r="C9732" s="6" t="s">
        <v>9756</v>
      </c>
      <c r="D9732" s="6"/>
      <c r="E9732" s="6" t="s">
        <v>9</v>
      </c>
      <c r="F9732" s="7">
        <v>38657</v>
      </c>
      <c r="G9732" s="8">
        <v>1</v>
      </c>
      <c r="H9732" s="8">
        <v>1</v>
      </c>
      <c r="I9732" s="8">
        <v>0</v>
      </c>
      <c r="J9732" s="8">
        <v>1</v>
      </c>
      <c r="K9732" s="9">
        <v>13</v>
      </c>
      <c r="L9732" s="6" t="s">
        <v>51</v>
      </c>
    </row>
    <row r="9733" spans="1:12">
      <c r="A9733" s="6" t="s">
        <v>49</v>
      </c>
      <c r="B9733" s="6"/>
      <c r="C9733" s="6" t="s">
        <v>9757</v>
      </c>
      <c r="D9733" s="6"/>
      <c r="E9733" s="6" t="s">
        <v>9</v>
      </c>
      <c r="F9733" s="7"/>
      <c r="G9733" s="8">
        <v>830553</v>
      </c>
      <c r="H9733" s="8">
        <v>830553</v>
      </c>
      <c r="I9733" s="8">
        <v>0</v>
      </c>
      <c r="J9733" s="8">
        <v>830553</v>
      </c>
      <c r="K9733" s="9">
        <v>43.24</v>
      </c>
      <c r="L9733" s="6" t="s">
        <v>10</v>
      </c>
    </row>
    <row r="9734" spans="1:12">
      <c r="A9734" s="6" t="s">
        <v>49</v>
      </c>
      <c r="B9734" s="6"/>
      <c r="C9734" s="6" t="s">
        <v>9758</v>
      </c>
      <c r="D9734" s="6"/>
      <c r="E9734" s="6" t="s">
        <v>9</v>
      </c>
      <c r="F9734" s="7">
        <v>38657</v>
      </c>
      <c r="G9734" s="8">
        <v>1</v>
      </c>
      <c r="H9734" s="8">
        <v>1</v>
      </c>
      <c r="I9734" s="8">
        <v>0</v>
      </c>
      <c r="J9734" s="8">
        <v>1</v>
      </c>
      <c r="K9734" s="9">
        <v>1.17</v>
      </c>
      <c r="L9734" s="6" t="s">
        <v>51</v>
      </c>
    </row>
    <row r="9735" spans="1:12">
      <c r="A9735" s="6" t="s">
        <v>49</v>
      </c>
      <c r="B9735" s="6"/>
      <c r="C9735" s="6" t="s">
        <v>9759</v>
      </c>
      <c r="D9735" s="6"/>
      <c r="E9735" s="6" t="s">
        <v>9</v>
      </c>
      <c r="F9735" s="7">
        <v>38657</v>
      </c>
      <c r="G9735" s="8">
        <v>1</v>
      </c>
      <c r="H9735" s="8">
        <v>1</v>
      </c>
      <c r="I9735" s="8">
        <v>0</v>
      </c>
      <c r="J9735" s="8">
        <v>1</v>
      </c>
      <c r="K9735" s="9">
        <v>41</v>
      </c>
      <c r="L9735" s="6" t="s">
        <v>51</v>
      </c>
    </row>
    <row r="9736" spans="1:12">
      <c r="A9736" s="6" t="s">
        <v>49</v>
      </c>
      <c r="B9736" s="6"/>
      <c r="C9736" s="6" t="s">
        <v>9760</v>
      </c>
      <c r="D9736" s="6"/>
      <c r="E9736" s="6" t="s">
        <v>9</v>
      </c>
      <c r="F9736" s="7">
        <v>38657</v>
      </c>
      <c r="G9736" s="8">
        <v>1</v>
      </c>
      <c r="H9736" s="8">
        <v>1</v>
      </c>
      <c r="I9736" s="8">
        <v>0</v>
      </c>
      <c r="J9736" s="8">
        <v>1</v>
      </c>
      <c r="K9736" s="9">
        <v>1.87</v>
      </c>
      <c r="L9736" s="6" t="s">
        <v>51</v>
      </c>
    </row>
    <row r="9737" spans="1:12">
      <c r="A9737" s="6" t="s">
        <v>49</v>
      </c>
      <c r="B9737" s="6"/>
      <c r="C9737" s="6" t="s">
        <v>9761</v>
      </c>
      <c r="D9737" s="6"/>
      <c r="E9737" s="6" t="s">
        <v>9</v>
      </c>
      <c r="F9737" s="7">
        <v>38657</v>
      </c>
      <c r="G9737" s="8">
        <v>1</v>
      </c>
      <c r="H9737" s="8">
        <v>1</v>
      </c>
      <c r="I9737" s="8">
        <v>0</v>
      </c>
      <c r="J9737" s="8">
        <v>1</v>
      </c>
      <c r="K9737" s="9">
        <v>193</v>
      </c>
      <c r="L9737" s="6" t="s">
        <v>51</v>
      </c>
    </row>
    <row r="9738" spans="1:12">
      <c r="A9738" s="6" t="s">
        <v>49</v>
      </c>
      <c r="B9738" s="6"/>
      <c r="C9738" s="6" t="s">
        <v>9762</v>
      </c>
      <c r="D9738" s="6"/>
      <c r="E9738" s="6" t="s">
        <v>9</v>
      </c>
      <c r="F9738" s="7">
        <v>38657</v>
      </c>
      <c r="G9738" s="8">
        <v>1</v>
      </c>
      <c r="H9738" s="8">
        <v>1</v>
      </c>
      <c r="I9738" s="8">
        <v>0</v>
      </c>
      <c r="J9738" s="8">
        <v>1</v>
      </c>
      <c r="K9738" s="9">
        <v>12</v>
      </c>
      <c r="L9738" s="6" t="s">
        <v>51</v>
      </c>
    </row>
    <row r="9739" spans="1:12">
      <c r="A9739" s="6" t="s">
        <v>49</v>
      </c>
      <c r="B9739" s="6"/>
      <c r="C9739" s="6" t="s">
        <v>9763</v>
      </c>
      <c r="D9739" s="6"/>
      <c r="E9739" s="6" t="s">
        <v>9</v>
      </c>
      <c r="F9739" s="7">
        <v>38657</v>
      </c>
      <c r="G9739" s="8">
        <v>1</v>
      </c>
      <c r="H9739" s="8">
        <v>1</v>
      </c>
      <c r="I9739" s="8">
        <v>0</v>
      </c>
      <c r="J9739" s="8">
        <v>1</v>
      </c>
      <c r="K9739" s="9">
        <v>235</v>
      </c>
      <c r="L9739" s="6" t="s">
        <v>51</v>
      </c>
    </row>
    <row r="9740" spans="1:12">
      <c r="A9740" s="6" t="s">
        <v>49</v>
      </c>
      <c r="B9740" s="6"/>
      <c r="C9740" s="6" t="s">
        <v>9764</v>
      </c>
      <c r="D9740" s="6"/>
      <c r="E9740" s="6" t="s">
        <v>9</v>
      </c>
      <c r="F9740" s="7">
        <v>38657</v>
      </c>
      <c r="G9740" s="8">
        <v>1</v>
      </c>
      <c r="H9740" s="8">
        <v>1</v>
      </c>
      <c r="I9740" s="8">
        <v>0</v>
      </c>
      <c r="J9740" s="8">
        <v>1</v>
      </c>
      <c r="K9740" s="9">
        <v>32</v>
      </c>
      <c r="L9740" s="6" t="s">
        <v>51</v>
      </c>
    </row>
    <row r="9741" spans="1:12">
      <c r="A9741" s="6" t="s">
        <v>49</v>
      </c>
      <c r="B9741" s="6"/>
      <c r="C9741" s="6" t="s">
        <v>9765</v>
      </c>
      <c r="D9741" s="6"/>
      <c r="E9741" s="6" t="s">
        <v>9</v>
      </c>
      <c r="F9741" s="7">
        <v>38657</v>
      </c>
      <c r="G9741" s="8">
        <v>1</v>
      </c>
      <c r="H9741" s="8">
        <v>1</v>
      </c>
      <c r="I9741" s="8">
        <v>0</v>
      </c>
      <c r="J9741" s="8">
        <v>1</v>
      </c>
      <c r="K9741" s="9">
        <v>6.61</v>
      </c>
      <c r="L9741" s="6" t="s">
        <v>51</v>
      </c>
    </row>
    <row r="9742" spans="1:12">
      <c r="A9742" s="6" t="s">
        <v>49</v>
      </c>
      <c r="B9742" s="6"/>
      <c r="C9742" s="6" t="s">
        <v>9766</v>
      </c>
      <c r="D9742" s="6"/>
      <c r="E9742" s="6" t="s">
        <v>9</v>
      </c>
      <c r="F9742" s="7">
        <v>38657</v>
      </c>
      <c r="G9742" s="8">
        <v>1</v>
      </c>
      <c r="H9742" s="8">
        <v>1</v>
      </c>
      <c r="I9742" s="8">
        <v>0</v>
      </c>
      <c r="J9742" s="8">
        <v>1</v>
      </c>
      <c r="K9742" s="9">
        <v>763</v>
      </c>
      <c r="L9742" s="6" t="s">
        <v>51</v>
      </c>
    </row>
    <row r="9743" spans="1:12">
      <c r="A9743" s="6" t="s">
        <v>49</v>
      </c>
      <c r="B9743" s="6"/>
      <c r="C9743" s="6" t="s">
        <v>9767</v>
      </c>
      <c r="D9743" s="6"/>
      <c r="E9743" s="6" t="s">
        <v>9</v>
      </c>
      <c r="F9743" s="7">
        <v>38657</v>
      </c>
      <c r="G9743" s="8">
        <v>1</v>
      </c>
      <c r="H9743" s="8">
        <v>1</v>
      </c>
      <c r="I9743" s="8">
        <v>0</v>
      </c>
      <c r="J9743" s="8">
        <v>1</v>
      </c>
      <c r="K9743" s="9">
        <v>7.33</v>
      </c>
      <c r="L9743" s="6" t="s">
        <v>51</v>
      </c>
    </row>
    <row r="9744" spans="1:12">
      <c r="A9744" s="6" t="s">
        <v>49</v>
      </c>
      <c r="B9744" s="6"/>
      <c r="C9744" s="6" t="s">
        <v>9768</v>
      </c>
      <c r="D9744" s="6"/>
      <c r="E9744" s="6" t="s">
        <v>9</v>
      </c>
      <c r="F9744" s="7">
        <v>38657</v>
      </c>
      <c r="G9744" s="8">
        <v>1</v>
      </c>
      <c r="H9744" s="8">
        <v>1</v>
      </c>
      <c r="I9744" s="8">
        <v>0</v>
      </c>
      <c r="J9744" s="8">
        <v>1</v>
      </c>
      <c r="K9744" s="9">
        <v>18</v>
      </c>
      <c r="L9744" s="6" t="s">
        <v>51</v>
      </c>
    </row>
    <row r="9745" spans="1:12">
      <c r="A9745" s="6" t="s">
        <v>49</v>
      </c>
      <c r="B9745" s="6"/>
      <c r="C9745" s="6" t="s">
        <v>9769</v>
      </c>
      <c r="D9745" s="6"/>
      <c r="E9745" s="6" t="s">
        <v>9</v>
      </c>
      <c r="F9745" s="7">
        <v>38657</v>
      </c>
      <c r="G9745" s="8">
        <v>1</v>
      </c>
      <c r="H9745" s="8">
        <v>1</v>
      </c>
      <c r="I9745" s="8">
        <v>0</v>
      </c>
      <c r="J9745" s="8">
        <v>1</v>
      </c>
      <c r="K9745" s="9">
        <v>4.5</v>
      </c>
      <c r="L9745" s="6" t="s">
        <v>51</v>
      </c>
    </row>
    <row r="9746" spans="1:12">
      <c r="A9746" s="6" t="s">
        <v>49</v>
      </c>
      <c r="B9746" s="6"/>
      <c r="C9746" s="6" t="s">
        <v>9770</v>
      </c>
      <c r="D9746" s="6"/>
      <c r="E9746" s="6" t="s">
        <v>9</v>
      </c>
      <c r="F9746" s="7">
        <v>38657</v>
      </c>
      <c r="G9746" s="8">
        <v>1</v>
      </c>
      <c r="H9746" s="8">
        <v>1</v>
      </c>
      <c r="I9746" s="8">
        <v>0</v>
      </c>
      <c r="J9746" s="8">
        <v>1</v>
      </c>
      <c r="K9746" s="9">
        <v>2.39</v>
      </c>
      <c r="L9746" s="6" t="s">
        <v>51</v>
      </c>
    </row>
    <row r="9747" spans="1:12">
      <c r="A9747" s="6" t="s">
        <v>49</v>
      </c>
      <c r="B9747" s="6"/>
      <c r="C9747" s="6" t="s">
        <v>9771</v>
      </c>
      <c r="D9747" s="6"/>
      <c r="E9747" s="6" t="s">
        <v>9</v>
      </c>
      <c r="F9747" s="7">
        <v>38657</v>
      </c>
      <c r="G9747" s="8">
        <v>1</v>
      </c>
      <c r="H9747" s="8">
        <v>1</v>
      </c>
      <c r="I9747" s="8">
        <v>0</v>
      </c>
      <c r="J9747" s="8">
        <v>1</v>
      </c>
      <c r="K9747" s="9">
        <v>2.1</v>
      </c>
      <c r="L9747" s="6" t="s">
        <v>51</v>
      </c>
    </row>
    <row r="9748" spans="1:12">
      <c r="A9748" s="6" t="s">
        <v>49</v>
      </c>
      <c r="B9748" s="6"/>
      <c r="C9748" s="6" t="s">
        <v>9772</v>
      </c>
      <c r="D9748" s="6"/>
      <c r="E9748" s="6" t="s">
        <v>9</v>
      </c>
      <c r="F9748" s="7">
        <v>38657</v>
      </c>
      <c r="G9748" s="8">
        <v>1</v>
      </c>
      <c r="H9748" s="8">
        <v>1</v>
      </c>
      <c r="I9748" s="8">
        <v>0</v>
      </c>
      <c r="J9748" s="8">
        <v>1</v>
      </c>
      <c r="K9748" s="9">
        <v>40</v>
      </c>
      <c r="L9748" s="6" t="s">
        <v>51</v>
      </c>
    </row>
    <row r="9749" spans="1:12">
      <c r="A9749" s="6" t="s">
        <v>49</v>
      </c>
      <c r="B9749" s="6"/>
      <c r="C9749" s="6" t="s">
        <v>9773</v>
      </c>
      <c r="D9749" s="6"/>
      <c r="E9749" s="6" t="s">
        <v>9</v>
      </c>
      <c r="F9749" s="7">
        <v>38657</v>
      </c>
      <c r="G9749" s="8">
        <v>1</v>
      </c>
      <c r="H9749" s="8">
        <v>1</v>
      </c>
      <c r="I9749" s="8">
        <v>0</v>
      </c>
      <c r="J9749" s="8">
        <v>1</v>
      </c>
      <c r="K9749" s="9">
        <v>56</v>
      </c>
      <c r="L9749" s="6" t="s">
        <v>51</v>
      </c>
    </row>
    <row r="9750" spans="1:12">
      <c r="A9750" s="6" t="s">
        <v>49</v>
      </c>
      <c r="B9750" s="6"/>
      <c r="C9750" s="6" t="s">
        <v>9774</v>
      </c>
      <c r="D9750" s="6"/>
      <c r="E9750" s="6" t="s">
        <v>9</v>
      </c>
      <c r="F9750" s="7">
        <v>38657</v>
      </c>
      <c r="G9750" s="8">
        <v>1</v>
      </c>
      <c r="H9750" s="8">
        <v>1</v>
      </c>
      <c r="I9750" s="8">
        <v>0</v>
      </c>
      <c r="J9750" s="8">
        <v>1</v>
      </c>
      <c r="K9750" s="9">
        <v>4.29</v>
      </c>
      <c r="L9750" s="6" t="s">
        <v>51</v>
      </c>
    </row>
    <row r="9751" spans="1:12">
      <c r="A9751" s="6" t="s">
        <v>49</v>
      </c>
      <c r="B9751" s="6"/>
      <c r="C9751" s="6" t="s">
        <v>9775</v>
      </c>
      <c r="D9751" s="6"/>
      <c r="E9751" s="6" t="s">
        <v>9</v>
      </c>
      <c r="F9751" s="7">
        <v>38657</v>
      </c>
      <c r="G9751" s="8">
        <v>1</v>
      </c>
      <c r="H9751" s="8">
        <v>1</v>
      </c>
      <c r="I9751" s="8">
        <v>0</v>
      </c>
      <c r="J9751" s="8">
        <v>1</v>
      </c>
      <c r="K9751" s="9">
        <v>1.98</v>
      </c>
      <c r="L9751" s="6" t="s">
        <v>51</v>
      </c>
    </row>
    <row r="9752" spans="1:12">
      <c r="A9752" s="6" t="s">
        <v>49</v>
      </c>
      <c r="B9752" s="6"/>
      <c r="C9752" s="6" t="s">
        <v>9776</v>
      </c>
      <c r="D9752" s="6"/>
      <c r="E9752" s="6" t="s">
        <v>9</v>
      </c>
      <c r="F9752" s="7">
        <v>38657</v>
      </c>
      <c r="G9752" s="8">
        <v>1</v>
      </c>
      <c r="H9752" s="8">
        <v>1</v>
      </c>
      <c r="I9752" s="8">
        <v>0</v>
      </c>
      <c r="J9752" s="8">
        <v>1</v>
      </c>
      <c r="K9752" s="9">
        <v>1.57</v>
      </c>
      <c r="L9752" s="6" t="s">
        <v>51</v>
      </c>
    </row>
    <row r="9753" spans="1:12">
      <c r="A9753" s="6" t="s">
        <v>49</v>
      </c>
      <c r="B9753" s="6"/>
      <c r="C9753" s="6" t="s">
        <v>9777</v>
      </c>
      <c r="D9753" s="6"/>
      <c r="E9753" s="6" t="s">
        <v>9</v>
      </c>
      <c r="F9753" s="7">
        <v>38657</v>
      </c>
      <c r="G9753" s="8">
        <v>1</v>
      </c>
      <c r="H9753" s="8">
        <v>1</v>
      </c>
      <c r="I9753" s="8">
        <v>0</v>
      </c>
      <c r="J9753" s="8">
        <v>1</v>
      </c>
      <c r="K9753" s="9">
        <v>6.23</v>
      </c>
      <c r="L9753" s="6" t="s">
        <v>51</v>
      </c>
    </row>
    <row r="9754" spans="1:12">
      <c r="A9754" s="6" t="s">
        <v>49</v>
      </c>
      <c r="B9754" s="6"/>
      <c r="C9754" s="6" t="s">
        <v>9778</v>
      </c>
      <c r="D9754" s="6"/>
      <c r="E9754" s="6" t="s">
        <v>9</v>
      </c>
      <c r="F9754" s="7">
        <v>38657</v>
      </c>
      <c r="G9754" s="8">
        <v>1</v>
      </c>
      <c r="H9754" s="8">
        <v>1</v>
      </c>
      <c r="I9754" s="8">
        <v>0</v>
      </c>
      <c r="J9754" s="8">
        <v>1</v>
      </c>
      <c r="K9754" s="9">
        <v>4.08</v>
      </c>
      <c r="L9754" s="6" t="s">
        <v>51</v>
      </c>
    </row>
    <row r="9755" spans="1:12">
      <c r="A9755" s="6" t="s">
        <v>49</v>
      </c>
      <c r="B9755" s="6"/>
      <c r="C9755" s="6" t="s">
        <v>9779</v>
      </c>
      <c r="D9755" s="6"/>
      <c r="E9755" s="6" t="s">
        <v>9</v>
      </c>
      <c r="F9755" s="7">
        <v>38657</v>
      </c>
      <c r="G9755" s="8">
        <v>1</v>
      </c>
      <c r="H9755" s="8">
        <v>1</v>
      </c>
      <c r="I9755" s="8">
        <v>0</v>
      </c>
      <c r="J9755" s="8">
        <v>1</v>
      </c>
      <c r="K9755" s="9">
        <v>9.67</v>
      </c>
      <c r="L9755" s="6" t="s">
        <v>51</v>
      </c>
    </row>
    <row r="9756" spans="1:12">
      <c r="A9756" s="6" t="s">
        <v>49</v>
      </c>
      <c r="B9756" s="6"/>
      <c r="C9756" s="6" t="s">
        <v>9780</v>
      </c>
      <c r="D9756" s="6"/>
      <c r="E9756" s="6" t="s">
        <v>9</v>
      </c>
      <c r="F9756" s="7">
        <v>38657</v>
      </c>
      <c r="G9756" s="8">
        <v>1</v>
      </c>
      <c r="H9756" s="8">
        <v>1</v>
      </c>
      <c r="I9756" s="8">
        <v>0</v>
      </c>
      <c r="J9756" s="8">
        <v>1</v>
      </c>
      <c r="K9756" s="9">
        <v>3.69</v>
      </c>
      <c r="L9756" s="6" t="s">
        <v>51</v>
      </c>
    </row>
    <row r="9757" spans="1:12">
      <c r="A9757" s="6" t="s">
        <v>49</v>
      </c>
      <c r="B9757" s="6"/>
      <c r="C9757" s="6" t="s">
        <v>9781</v>
      </c>
      <c r="D9757" s="6"/>
      <c r="E9757" s="6" t="s">
        <v>9</v>
      </c>
      <c r="F9757" s="7">
        <v>38657</v>
      </c>
      <c r="G9757" s="8">
        <v>1</v>
      </c>
      <c r="H9757" s="8">
        <v>1</v>
      </c>
      <c r="I9757" s="8">
        <v>0</v>
      </c>
      <c r="J9757" s="8">
        <v>1</v>
      </c>
      <c r="K9757" s="9">
        <v>0.6</v>
      </c>
      <c r="L9757" s="6" t="s">
        <v>51</v>
      </c>
    </row>
    <row r="9758" spans="1:12">
      <c r="A9758" s="6" t="s">
        <v>49</v>
      </c>
      <c r="B9758" s="6"/>
      <c r="C9758" s="6" t="s">
        <v>9782</v>
      </c>
      <c r="D9758" s="6"/>
      <c r="E9758" s="6" t="s">
        <v>9</v>
      </c>
      <c r="F9758" s="7">
        <v>38657</v>
      </c>
      <c r="G9758" s="8">
        <v>1</v>
      </c>
      <c r="H9758" s="8">
        <v>1</v>
      </c>
      <c r="I9758" s="8">
        <v>0</v>
      </c>
      <c r="J9758" s="8">
        <v>1</v>
      </c>
      <c r="K9758" s="9">
        <v>3.15</v>
      </c>
      <c r="L9758" s="6" t="s">
        <v>51</v>
      </c>
    </row>
    <row r="9759" spans="1:12">
      <c r="A9759" s="6" t="s">
        <v>49</v>
      </c>
      <c r="B9759" s="6"/>
      <c r="C9759" s="6" t="s">
        <v>9783</v>
      </c>
      <c r="D9759" s="6"/>
      <c r="E9759" s="6" t="s">
        <v>9</v>
      </c>
      <c r="F9759" s="7">
        <v>38657</v>
      </c>
      <c r="G9759" s="8">
        <v>1</v>
      </c>
      <c r="H9759" s="8">
        <v>1</v>
      </c>
      <c r="I9759" s="8">
        <v>0</v>
      </c>
      <c r="J9759" s="8">
        <v>1</v>
      </c>
      <c r="K9759" s="9">
        <v>5.98</v>
      </c>
      <c r="L9759" s="6" t="s">
        <v>51</v>
      </c>
    </row>
    <row r="9760" spans="1:12">
      <c r="A9760" s="6" t="s">
        <v>49</v>
      </c>
      <c r="B9760" s="6"/>
      <c r="C9760" s="6" t="s">
        <v>9784</v>
      </c>
      <c r="D9760" s="6"/>
      <c r="E9760" s="6" t="s">
        <v>9</v>
      </c>
      <c r="F9760" s="7">
        <v>38657</v>
      </c>
      <c r="G9760" s="8">
        <v>1</v>
      </c>
      <c r="H9760" s="8">
        <v>1</v>
      </c>
      <c r="I9760" s="8">
        <v>0</v>
      </c>
      <c r="J9760" s="8">
        <v>1</v>
      </c>
      <c r="K9760" s="9">
        <v>2.71</v>
      </c>
      <c r="L9760" s="6" t="s">
        <v>51</v>
      </c>
    </row>
    <row r="9761" spans="1:12">
      <c r="A9761" s="6" t="s">
        <v>49</v>
      </c>
      <c r="B9761" s="6"/>
      <c r="C9761" s="6" t="s">
        <v>9785</v>
      </c>
      <c r="D9761" s="6"/>
      <c r="E9761" s="6" t="s">
        <v>9</v>
      </c>
      <c r="F9761" s="7">
        <v>38657</v>
      </c>
      <c r="G9761" s="8">
        <v>1</v>
      </c>
      <c r="H9761" s="8">
        <v>1</v>
      </c>
      <c r="I9761" s="8">
        <v>0</v>
      </c>
      <c r="J9761" s="8">
        <v>1</v>
      </c>
      <c r="K9761" s="9">
        <v>1.98</v>
      </c>
      <c r="L9761" s="6" t="s">
        <v>51</v>
      </c>
    </row>
    <row r="9762" spans="1:12">
      <c r="A9762" s="6" t="s">
        <v>49</v>
      </c>
      <c r="B9762" s="6"/>
      <c r="C9762" s="6" t="s">
        <v>9786</v>
      </c>
      <c r="D9762" s="6"/>
      <c r="E9762" s="6" t="s">
        <v>9</v>
      </c>
      <c r="F9762" s="7">
        <v>38657</v>
      </c>
      <c r="G9762" s="8">
        <v>1</v>
      </c>
      <c r="H9762" s="8">
        <v>1</v>
      </c>
      <c r="I9762" s="8">
        <v>0</v>
      </c>
      <c r="J9762" s="8">
        <v>1</v>
      </c>
      <c r="K9762" s="9">
        <v>151</v>
      </c>
      <c r="L9762" s="6" t="s">
        <v>51</v>
      </c>
    </row>
    <row r="9763" spans="1:12">
      <c r="A9763" s="6" t="s">
        <v>49</v>
      </c>
      <c r="B9763" s="6"/>
      <c r="C9763" s="6" t="s">
        <v>9787</v>
      </c>
      <c r="D9763" s="6"/>
      <c r="E9763" s="6" t="s">
        <v>9</v>
      </c>
      <c r="F9763" s="7">
        <v>38657</v>
      </c>
      <c r="G9763" s="8">
        <v>1</v>
      </c>
      <c r="H9763" s="8">
        <v>1</v>
      </c>
      <c r="I9763" s="8">
        <v>0</v>
      </c>
      <c r="J9763" s="8">
        <v>1</v>
      </c>
      <c r="K9763" s="9">
        <v>2.4300000000000002</v>
      </c>
      <c r="L9763" s="6" t="s">
        <v>51</v>
      </c>
    </row>
    <row r="9764" spans="1:12">
      <c r="A9764" s="6" t="s">
        <v>49</v>
      </c>
      <c r="B9764" s="6"/>
      <c r="C9764" s="6" t="s">
        <v>9788</v>
      </c>
      <c r="D9764" s="6"/>
      <c r="E9764" s="6" t="s">
        <v>9</v>
      </c>
      <c r="F9764" s="7">
        <v>38657</v>
      </c>
      <c r="G9764" s="8">
        <v>1</v>
      </c>
      <c r="H9764" s="8">
        <v>1</v>
      </c>
      <c r="I9764" s="8">
        <v>0</v>
      </c>
      <c r="J9764" s="8">
        <v>1</v>
      </c>
      <c r="K9764" s="9">
        <v>898</v>
      </c>
      <c r="L9764" s="6" t="s">
        <v>51</v>
      </c>
    </row>
    <row r="9765" spans="1:12">
      <c r="A9765" s="6" t="s">
        <v>49</v>
      </c>
      <c r="B9765" s="6"/>
      <c r="C9765" s="6" t="s">
        <v>9789</v>
      </c>
      <c r="D9765" s="6"/>
      <c r="E9765" s="6" t="s">
        <v>9</v>
      </c>
      <c r="F9765" s="7">
        <v>38657</v>
      </c>
      <c r="G9765" s="8">
        <v>1</v>
      </c>
      <c r="H9765" s="8">
        <v>1</v>
      </c>
      <c r="I9765" s="8">
        <v>0</v>
      </c>
      <c r="J9765" s="8">
        <v>1</v>
      </c>
      <c r="K9765" s="9">
        <v>6.25</v>
      </c>
      <c r="L9765" s="6" t="s">
        <v>51</v>
      </c>
    </row>
    <row r="9766" spans="1:12">
      <c r="A9766" s="6" t="s">
        <v>49</v>
      </c>
      <c r="B9766" s="6"/>
      <c r="C9766" s="6" t="s">
        <v>9790</v>
      </c>
      <c r="D9766" s="6"/>
      <c r="E9766" s="6" t="s">
        <v>9</v>
      </c>
      <c r="F9766" s="7">
        <v>38657</v>
      </c>
      <c r="G9766" s="8">
        <v>1</v>
      </c>
      <c r="H9766" s="8">
        <v>1</v>
      </c>
      <c r="I9766" s="8">
        <v>0</v>
      </c>
      <c r="J9766" s="8">
        <v>1</v>
      </c>
      <c r="K9766" s="9">
        <v>11.56</v>
      </c>
      <c r="L9766" s="6" t="s">
        <v>51</v>
      </c>
    </row>
    <row r="9767" spans="1:12">
      <c r="A9767" s="6" t="s">
        <v>49</v>
      </c>
      <c r="B9767" s="6"/>
      <c r="C9767" s="6" t="s">
        <v>9791</v>
      </c>
      <c r="D9767" s="6"/>
      <c r="E9767" s="6" t="s">
        <v>9</v>
      </c>
      <c r="F9767" s="7">
        <v>38657</v>
      </c>
      <c r="G9767" s="8">
        <v>1</v>
      </c>
      <c r="H9767" s="8">
        <v>1</v>
      </c>
      <c r="I9767" s="8">
        <v>0</v>
      </c>
      <c r="J9767" s="8">
        <v>1</v>
      </c>
      <c r="K9767" s="9">
        <v>17.309999999999899</v>
      </c>
      <c r="L9767" s="6" t="s">
        <v>51</v>
      </c>
    </row>
    <row r="9768" spans="1:12">
      <c r="A9768" s="6" t="s">
        <v>49</v>
      </c>
      <c r="B9768" s="6"/>
      <c r="C9768" s="6" t="s">
        <v>9792</v>
      </c>
      <c r="D9768" s="6"/>
      <c r="E9768" s="6" t="s">
        <v>9</v>
      </c>
      <c r="F9768" s="7">
        <v>38657</v>
      </c>
      <c r="G9768" s="8">
        <v>1</v>
      </c>
      <c r="H9768" s="8">
        <v>1</v>
      </c>
      <c r="I9768" s="8">
        <v>0</v>
      </c>
      <c r="J9768" s="8">
        <v>1</v>
      </c>
      <c r="K9768" s="9">
        <v>21</v>
      </c>
      <c r="L9768" s="6" t="s">
        <v>51</v>
      </c>
    </row>
    <row r="9769" spans="1:12">
      <c r="A9769" s="6" t="s">
        <v>49</v>
      </c>
      <c r="B9769" s="6"/>
      <c r="C9769" s="6" t="s">
        <v>9793</v>
      </c>
      <c r="D9769" s="6"/>
      <c r="E9769" s="6" t="s">
        <v>9</v>
      </c>
      <c r="F9769" s="7">
        <v>38657</v>
      </c>
      <c r="G9769" s="8">
        <v>1</v>
      </c>
      <c r="H9769" s="8">
        <v>1</v>
      </c>
      <c r="I9769" s="8">
        <v>0</v>
      </c>
      <c r="J9769" s="8">
        <v>1</v>
      </c>
      <c r="K9769" s="9">
        <v>17</v>
      </c>
      <c r="L9769" s="6" t="s">
        <v>51</v>
      </c>
    </row>
    <row r="9770" spans="1:12">
      <c r="A9770" s="6" t="s">
        <v>49</v>
      </c>
      <c r="B9770" s="6"/>
      <c r="C9770" s="6" t="s">
        <v>9794</v>
      </c>
      <c r="D9770" s="6"/>
      <c r="E9770" s="6" t="s">
        <v>9</v>
      </c>
      <c r="F9770" s="7">
        <v>38657</v>
      </c>
      <c r="G9770" s="8">
        <v>1</v>
      </c>
      <c r="H9770" s="8">
        <v>1</v>
      </c>
      <c r="I9770" s="8">
        <v>0</v>
      </c>
      <c r="J9770" s="8">
        <v>1</v>
      </c>
      <c r="K9770" s="9">
        <v>8.4499999999999904</v>
      </c>
      <c r="L9770" s="6" t="s">
        <v>51</v>
      </c>
    </row>
    <row r="9771" spans="1:12">
      <c r="A9771" s="6" t="s">
        <v>49</v>
      </c>
      <c r="B9771" s="6"/>
      <c r="C9771" s="6" t="s">
        <v>9795</v>
      </c>
      <c r="D9771" s="6"/>
      <c r="E9771" s="6" t="s">
        <v>9</v>
      </c>
      <c r="F9771" s="7">
        <v>38657</v>
      </c>
      <c r="G9771" s="8">
        <v>1</v>
      </c>
      <c r="H9771" s="8">
        <v>1</v>
      </c>
      <c r="I9771" s="8">
        <v>0</v>
      </c>
      <c r="J9771" s="8">
        <v>1</v>
      </c>
      <c r="K9771" s="9">
        <v>3.72</v>
      </c>
      <c r="L9771" s="6" t="s">
        <v>51</v>
      </c>
    </row>
    <row r="9772" spans="1:12">
      <c r="A9772" s="6" t="s">
        <v>49</v>
      </c>
      <c r="B9772" s="6"/>
      <c r="C9772" s="6" t="s">
        <v>9796</v>
      </c>
      <c r="D9772" s="6"/>
      <c r="E9772" s="6" t="s">
        <v>9</v>
      </c>
      <c r="F9772" s="7">
        <v>38657</v>
      </c>
      <c r="G9772" s="8">
        <v>1</v>
      </c>
      <c r="H9772" s="8">
        <v>1</v>
      </c>
      <c r="I9772" s="8">
        <v>0</v>
      </c>
      <c r="J9772" s="8">
        <v>1</v>
      </c>
      <c r="K9772" s="9">
        <v>11</v>
      </c>
      <c r="L9772" s="6" t="s">
        <v>51</v>
      </c>
    </row>
    <row r="9773" spans="1:12">
      <c r="A9773" s="6" t="s">
        <v>49</v>
      </c>
      <c r="B9773" s="6"/>
      <c r="C9773" s="6" t="s">
        <v>9797</v>
      </c>
      <c r="D9773" s="6"/>
      <c r="E9773" s="6" t="s">
        <v>9</v>
      </c>
      <c r="F9773" s="7">
        <v>38657</v>
      </c>
      <c r="G9773" s="8">
        <v>1</v>
      </c>
      <c r="H9773" s="8">
        <v>1</v>
      </c>
      <c r="I9773" s="8">
        <v>0</v>
      </c>
      <c r="J9773" s="8">
        <v>1</v>
      </c>
      <c r="K9773" s="9">
        <v>10</v>
      </c>
      <c r="L9773" s="6" t="s">
        <v>51</v>
      </c>
    </row>
    <row r="9774" spans="1:12">
      <c r="A9774" s="6" t="s">
        <v>49</v>
      </c>
      <c r="B9774" s="6"/>
      <c r="C9774" s="6" t="s">
        <v>9798</v>
      </c>
      <c r="D9774" s="6"/>
      <c r="E9774" s="6" t="s">
        <v>9</v>
      </c>
      <c r="F9774" s="7">
        <v>38657</v>
      </c>
      <c r="G9774" s="8">
        <v>1</v>
      </c>
      <c r="H9774" s="8">
        <v>1</v>
      </c>
      <c r="I9774" s="8">
        <v>0</v>
      </c>
      <c r="J9774" s="8">
        <v>1</v>
      </c>
      <c r="K9774" s="9">
        <v>3.35</v>
      </c>
      <c r="L9774" s="6" t="s">
        <v>51</v>
      </c>
    </row>
    <row r="9775" spans="1:12">
      <c r="A9775" s="6" t="s">
        <v>49</v>
      </c>
      <c r="B9775" s="6"/>
      <c r="C9775" s="6" t="s">
        <v>9799</v>
      </c>
      <c r="D9775" s="6"/>
      <c r="E9775" s="6" t="s">
        <v>9</v>
      </c>
      <c r="F9775" s="7">
        <v>38657</v>
      </c>
      <c r="G9775" s="8">
        <v>1</v>
      </c>
      <c r="H9775" s="8">
        <v>1</v>
      </c>
      <c r="I9775" s="8">
        <v>0</v>
      </c>
      <c r="J9775" s="8">
        <v>1</v>
      </c>
      <c r="K9775" s="9">
        <v>2</v>
      </c>
      <c r="L9775" s="6" t="s">
        <v>51</v>
      </c>
    </row>
    <row r="9776" spans="1:12">
      <c r="A9776" s="6" t="s">
        <v>49</v>
      </c>
      <c r="B9776" s="6"/>
      <c r="C9776" s="6" t="s">
        <v>9800</v>
      </c>
      <c r="D9776" s="6"/>
      <c r="E9776" s="6" t="s">
        <v>9</v>
      </c>
      <c r="F9776" s="7">
        <v>38657</v>
      </c>
      <c r="G9776" s="8">
        <v>1</v>
      </c>
      <c r="H9776" s="8">
        <v>1</v>
      </c>
      <c r="I9776" s="8">
        <v>0</v>
      </c>
      <c r="J9776" s="8">
        <v>1</v>
      </c>
      <c r="K9776" s="9">
        <v>43</v>
      </c>
      <c r="L9776" s="6" t="s">
        <v>51</v>
      </c>
    </row>
    <row r="9777" spans="1:12">
      <c r="A9777" s="6" t="s">
        <v>49</v>
      </c>
      <c r="B9777" s="6"/>
      <c r="C9777" s="6" t="s">
        <v>9801</v>
      </c>
      <c r="D9777" s="6"/>
      <c r="E9777" s="6" t="s">
        <v>9</v>
      </c>
      <c r="F9777" s="7">
        <v>38657</v>
      </c>
      <c r="G9777" s="8">
        <v>1</v>
      </c>
      <c r="H9777" s="8">
        <v>1</v>
      </c>
      <c r="I9777" s="8">
        <v>0</v>
      </c>
      <c r="J9777" s="8">
        <v>1</v>
      </c>
      <c r="K9777" s="9">
        <v>2</v>
      </c>
      <c r="L9777" s="6" t="s">
        <v>51</v>
      </c>
    </row>
    <row r="9778" spans="1:12">
      <c r="A9778" s="6" t="s">
        <v>49</v>
      </c>
      <c r="B9778" s="6"/>
      <c r="C9778" s="6" t="s">
        <v>9802</v>
      </c>
      <c r="D9778" s="6"/>
      <c r="E9778" s="6" t="s">
        <v>9</v>
      </c>
      <c r="F9778" s="7">
        <v>38657</v>
      </c>
      <c r="G9778" s="8">
        <v>1</v>
      </c>
      <c r="H9778" s="8">
        <v>1</v>
      </c>
      <c r="I9778" s="8">
        <v>0</v>
      </c>
      <c r="J9778" s="8">
        <v>1</v>
      </c>
      <c r="K9778" s="9">
        <v>2</v>
      </c>
      <c r="L9778" s="6" t="s">
        <v>51</v>
      </c>
    </row>
    <row r="9779" spans="1:12">
      <c r="A9779" s="6" t="s">
        <v>49</v>
      </c>
      <c r="B9779" s="6"/>
      <c r="C9779" s="6" t="s">
        <v>9803</v>
      </c>
      <c r="D9779" s="6"/>
      <c r="E9779" s="6" t="s">
        <v>9</v>
      </c>
      <c r="F9779" s="7">
        <v>38657</v>
      </c>
      <c r="G9779" s="8">
        <v>1</v>
      </c>
      <c r="H9779" s="8">
        <v>1</v>
      </c>
      <c r="I9779" s="8">
        <v>0</v>
      </c>
      <c r="J9779" s="8">
        <v>1</v>
      </c>
      <c r="K9779" s="9">
        <v>1.31</v>
      </c>
      <c r="L9779" s="6" t="s">
        <v>51</v>
      </c>
    </row>
    <row r="9780" spans="1:12">
      <c r="A9780" s="6" t="s">
        <v>49</v>
      </c>
      <c r="B9780" s="6"/>
      <c r="C9780" s="6" t="s">
        <v>9804</v>
      </c>
      <c r="D9780" s="6"/>
      <c r="E9780" s="6" t="s">
        <v>9</v>
      </c>
      <c r="F9780" s="7">
        <v>38657</v>
      </c>
      <c r="G9780" s="8">
        <v>1</v>
      </c>
      <c r="H9780" s="8">
        <v>1</v>
      </c>
      <c r="I9780" s="8">
        <v>0</v>
      </c>
      <c r="J9780" s="8">
        <v>1</v>
      </c>
      <c r="K9780" s="9">
        <v>15</v>
      </c>
      <c r="L9780" s="6" t="s">
        <v>51</v>
      </c>
    </row>
    <row r="9781" spans="1:12">
      <c r="A9781" s="6" t="s">
        <v>49</v>
      </c>
      <c r="B9781" s="6"/>
      <c r="C9781" s="6" t="s">
        <v>9805</v>
      </c>
      <c r="D9781" s="6"/>
      <c r="E9781" s="6" t="s">
        <v>9</v>
      </c>
      <c r="F9781" s="7">
        <v>38657</v>
      </c>
      <c r="G9781" s="8">
        <v>1</v>
      </c>
      <c r="H9781" s="8">
        <v>1</v>
      </c>
      <c r="I9781" s="8">
        <v>0</v>
      </c>
      <c r="J9781" s="8">
        <v>1</v>
      </c>
      <c r="K9781" s="9">
        <v>2.27</v>
      </c>
      <c r="L9781" s="6" t="s">
        <v>51</v>
      </c>
    </row>
    <row r="9782" spans="1:12">
      <c r="A9782" s="6" t="s">
        <v>49</v>
      </c>
      <c r="B9782" s="6"/>
      <c r="C9782" s="6" t="s">
        <v>9806</v>
      </c>
      <c r="D9782" s="6"/>
      <c r="E9782" s="6" t="s">
        <v>9</v>
      </c>
      <c r="F9782" s="7">
        <v>38657</v>
      </c>
      <c r="G9782" s="8">
        <v>1</v>
      </c>
      <c r="H9782" s="8">
        <v>1</v>
      </c>
      <c r="I9782" s="8">
        <v>0</v>
      </c>
      <c r="J9782" s="8">
        <v>1</v>
      </c>
      <c r="K9782" s="9">
        <v>786</v>
      </c>
      <c r="L9782" s="6" t="s">
        <v>51</v>
      </c>
    </row>
    <row r="9783" spans="1:12">
      <c r="A9783" s="6" t="s">
        <v>49</v>
      </c>
      <c r="B9783" s="6"/>
      <c r="C9783" s="6" t="s">
        <v>9807</v>
      </c>
      <c r="D9783" s="6"/>
      <c r="E9783" s="6" t="s">
        <v>9</v>
      </c>
      <c r="F9783" s="7">
        <v>38657</v>
      </c>
      <c r="G9783" s="8">
        <v>1</v>
      </c>
      <c r="H9783" s="8">
        <v>1</v>
      </c>
      <c r="I9783" s="8">
        <v>0</v>
      </c>
      <c r="J9783" s="8">
        <v>1</v>
      </c>
      <c r="K9783" s="9">
        <v>3.64</v>
      </c>
      <c r="L9783" s="6" t="s">
        <v>51</v>
      </c>
    </row>
    <row r="9784" spans="1:12">
      <c r="A9784" s="6" t="s">
        <v>49</v>
      </c>
      <c r="B9784" s="6"/>
      <c r="C9784" s="6" t="s">
        <v>9808</v>
      </c>
      <c r="D9784" s="6"/>
      <c r="E9784" s="6" t="s">
        <v>9</v>
      </c>
      <c r="F9784" s="7">
        <v>38657</v>
      </c>
      <c r="G9784" s="8">
        <v>1</v>
      </c>
      <c r="H9784" s="8">
        <v>1</v>
      </c>
      <c r="I9784" s="8">
        <v>0</v>
      </c>
      <c r="J9784" s="8">
        <v>1</v>
      </c>
      <c r="K9784" s="9">
        <v>20</v>
      </c>
      <c r="L9784" s="6" t="s">
        <v>51</v>
      </c>
    </row>
    <row r="9785" spans="1:12">
      <c r="A9785" s="6" t="s">
        <v>49</v>
      </c>
      <c r="B9785" s="6"/>
      <c r="C9785" s="6" t="s">
        <v>9809</v>
      </c>
      <c r="D9785" s="6"/>
      <c r="E9785" s="6" t="s">
        <v>9</v>
      </c>
      <c r="F9785" s="7">
        <v>38657</v>
      </c>
      <c r="G9785" s="8">
        <v>1</v>
      </c>
      <c r="H9785" s="8">
        <v>1</v>
      </c>
      <c r="I9785" s="8">
        <v>0</v>
      </c>
      <c r="J9785" s="8">
        <v>1</v>
      </c>
      <c r="K9785" s="9">
        <v>4.7</v>
      </c>
      <c r="L9785" s="6" t="s">
        <v>51</v>
      </c>
    </row>
    <row r="9786" spans="1:12">
      <c r="A9786" s="6" t="s">
        <v>49</v>
      </c>
      <c r="B9786" s="6"/>
      <c r="C9786" s="6" t="s">
        <v>9810</v>
      </c>
      <c r="D9786" s="6"/>
      <c r="E9786" s="6" t="s">
        <v>9</v>
      </c>
      <c r="F9786" s="7">
        <v>38657</v>
      </c>
      <c r="G9786" s="8">
        <v>1</v>
      </c>
      <c r="H9786" s="8">
        <v>1</v>
      </c>
      <c r="I9786" s="8">
        <v>0</v>
      </c>
      <c r="J9786" s="8">
        <v>1</v>
      </c>
      <c r="K9786" s="9">
        <v>10</v>
      </c>
      <c r="L9786" s="6" t="s">
        <v>51</v>
      </c>
    </row>
    <row r="9787" spans="1:12">
      <c r="A9787" s="6" t="s">
        <v>49</v>
      </c>
      <c r="B9787" s="6"/>
      <c r="C9787" s="6" t="s">
        <v>9811</v>
      </c>
      <c r="D9787" s="6"/>
      <c r="E9787" s="6" t="s">
        <v>9</v>
      </c>
      <c r="F9787" s="7">
        <v>38657</v>
      </c>
      <c r="G9787" s="8">
        <v>1</v>
      </c>
      <c r="H9787" s="8">
        <v>1</v>
      </c>
      <c r="I9787" s="8">
        <v>0</v>
      </c>
      <c r="J9787" s="8">
        <v>1</v>
      </c>
      <c r="K9787" s="9">
        <v>2.88</v>
      </c>
      <c r="L9787" s="6" t="s">
        <v>51</v>
      </c>
    </row>
    <row r="9788" spans="1:12">
      <c r="A9788" s="6" t="s">
        <v>49</v>
      </c>
      <c r="B9788" s="6"/>
      <c r="C9788" s="6" t="s">
        <v>9812</v>
      </c>
      <c r="D9788" s="6"/>
      <c r="E9788" s="6" t="s">
        <v>9</v>
      </c>
      <c r="F9788" s="7">
        <v>38657</v>
      </c>
      <c r="G9788" s="8">
        <v>1</v>
      </c>
      <c r="H9788" s="8">
        <v>1</v>
      </c>
      <c r="I9788" s="8">
        <v>0</v>
      </c>
      <c r="J9788" s="8">
        <v>1</v>
      </c>
      <c r="K9788" s="9">
        <v>10</v>
      </c>
      <c r="L9788" s="6" t="s">
        <v>51</v>
      </c>
    </row>
    <row r="9789" spans="1:12">
      <c r="A9789" s="6" t="s">
        <v>49</v>
      </c>
      <c r="B9789" s="6"/>
      <c r="C9789" s="6" t="s">
        <v>9813</v>
      </c>
      <c r="D9789" s="6"/>
      <c r="E9789" s="6" t="s">
        <v>9</v>
      </c>
      <c r="F9789" s="7">
        <v>38657</v>
      </c>
      <c r="G9789" s="8">
        <v>1</v>
      </c>
      <c r="H9789" s="8">
        <v>1</v>
      </c>
      <c r="I9789" s="8">
        <v>0</v>
      </c>
      <c r="J9789" s="8">
        <v>1</v>
      </c>
      <c r="K9789" s="9">
        <v>18</v>
      </c>
      <c r="L9789" s="6" t="s">
        <v>51</v>
      </c>
    </row>
    <row r="9790" spans="1:12">
      <c r="A9790" s="6" t="s">
        <v>49</v>
      </c>
      <c r="B9790" s="6"/>
      <c r="C9790" s="6" t="s">
        <v>9814</v>
      </c>
      <c r="D9790" s="6"/>
      <c r="E9790" s="6" t="s">
        <v>9</v>
      </c>
      <c r="F9790" s="7">
        <v>38657</v>
      </c>
      <c r="G9790" s="8">
        <v>1</v>
      </c>
      <c r="H9790" s="8">
        <v>1</v>
      </c>
      <c r="I9790" s="8">
        <v>0</v>
      </c>
      <c r="J9790" s="8">
        <v>1</v>
      </c>
      <c r="K9790" s="9">
        <v>38</v>
      </c>
      <c r="L9790" s="6" t="s">
        <v>51</v>
      </c>
    </row>
    <row r="9791" spans="1:12">
      <c r="A9791" s="6" t="s">
        <v>49</v>
      </c>
      <c r="B9791" s="6"/>
      <c r="C9791" s="6" t="s">
        <v>9815</v>
      </c>
      <c r="D9791" s="6"/>
      <c r="E9791" s="6" t="s">
        <v>9</v>
      </c>
      <c r="F9791" s="7">
        <v>38657</v>
      </c>
      <c r="G9791" s="8">
        <v>1</v>
      </c>
      <c r="H9791" s="8">
        <v>1</v>
      </c>
      <c r="I9791" s="8">
        <v>0</v>
      </c>
      <c r="J9791" s="8">
        <v>1</v>
      </c>
      <c r="K9791" s="9">
        <v>7.63</v>
      </c>
      <c r="L9791" s="6" t="s">
        <v>51</v>
      </c>
    </row>
    <row r="9792" spans="1:12">
      <c r="A9792" s="6" t="s">
        <v>49</v>
      </c>
      <c r="B9792" s="6"/>
      <c r="C9792" s="6" t="s">
        <v>9816</v>
      </c>
      <c r="D9792" s="6"/>
      <c r="E9792" s="6" t="s">
        <v>9</v>
      </c>
      <c r="F9792" s="7">
        <v>38657</v>
      </c>
      <c r="G9792" s="8">
        <v>1</v>
      </c>
      <c r="H9792" s="8">
        <v>1</v>
      </c>
      <c r="I9792" s="8">
        <v>0</v>
      </c>
      <c r="J9792" s="8">
        <v>1</v>
      </c>
      <c r="K9792" s="9">
        <v>10</v>
      </c>
      <c r="L9792" s="6" t="s">
        <v>51</v>
      </c>
    </row>
    <row r="9793" spans="1:12">
      <c r="A9793" s="6" t="s">
        <v>49</v>
      </c>
      <c r="B9793" s="6"/>
      <c r="C9793" s="6" t="s">
        <v>9817</v>
      </c>
      <c r="D9793" s="6"/>
      <c r="E9793" s="6" t="s">
        <v>9</v>
      </c>
      <c r="F9793" s="7">
        <v>38657</v>
      </c>
      <c r="G9793" s="8">
        <v>1</v>
      </c>
      <c r="H9793" s="8">
        <v>1</v>
      </c>
      <c r="I9793" s="8">
        <v>0</v>
      </c>
      <c r="J9793" s="8">
        <v>1</v>
      </c>
      <c r="K9793" s="9">
        <v>6.07</v>
      </c>
      <c r="L9793" s="6" t="s">
        <v>51</v>
      </c>
    </row>
    <row r="9794" spans="1:12">
      <c r="A9794" s="6" t="s">
        <v>49</v>
      </c>
      <c r="B9794" s="6"/>
      <c r="C9794" s="6" t="s">
        <v>9818</v>
      </c>
      <c r="D9794" s="6"/>
      <c r="E9794" s="6" t="s">
        <v>9</v>
      </c>
      <c r="F9794" s="7">
        <v>38657</v>
      </c>
      <c r="G9794" s="8">
        <v>1</v>
      </c>
      <c r="H9794" s="8">
        <v>1</v>
      </c>
      <c r="I9794" s="8">
        <v>0</v>
      </c>
      <c r="J9794" s="8">
        <v>1</v>
      </c>
      <c r="K9794" s="9">
        <v>8.2200000000000006</v>
      </c>
      <c r="L9794" s="6" t="s">
        <v>51</v>
      </c>
    </row>
    <row r="9795" spans="1:12">
      <c r="A9795" s="6" t="s">
        <v>49</v>
      </c>
      <c r="B9795" s="6"/>
      <c r="C9795" s="6" t="s">
        <v>9819</v>
      </c>
      <c r="D9795" s="6"/>
      <c r="E9795" s="6" t="s">
        <v>9</v>
      </c>
      <c r="F9795" s="7">
        <v>38657</v>
      </c>
      <c r="G9795" s="8">
        <v>1</v>
      </c>
      <c r="H9795" s="8">
        <v>1</v>
      </c>
      <c r="I9795" s="8">
        <v>0</v>
      </c>
      <c r="J9795" s="8">
        <v>1</v>
      </c>
      <c r="K9795" s="9">
        <v>19</v>
      </c>
      <c r="L9795" s="6" t="s">
        <v>51</v>
      </c>
    </row>
    <row r="9796" spans="1:12">
      <c r="A9796" s="6" t="s">
        <v>49</v>
      </c>
      <c r="B9796" s="6"/>
      <c r="C9796" s="6" t="s">
        <v>9820</v>
      </c>
      <c r="D9796" s="6"/>
      <c r="E9796" s="6" t="s">
        <v>9</v>
      </c>
      <c r="F9796" s="7">
        <v>38657</v>
      </c>
      <c r="G9796" s="8">
        <v>1</v>
      </c>
      <c r="H9796" s="8">
        <v>1</v>
      </c>
      <c r="I9796" s="8">
        <v>0</v>
      </c>
      <c r="J9796" s="8">
        <v>1</v>
      </c>
      <c r="K9796" s="9">
        <v>8.9700000000000006</v>
      </c>
      <c r="L9796" s="6" t="s">
        <v>51</v>
      </c>
    </row>
    <row r="9797" spans="1:12">
      <c r="A9797" s="6" t="s">
        <v>49</v>
      </c>
      <c r="B9797" s="6"/>
      <c r="C9797" s="6" t="s">
        <v>9821</v>
      </c>
      <c r="D9797" s="6"/>
      <c r="E9797" s="6" t="s">
        <v>9</v>
      </c>
      <c r="F9797" s="7">
        <v>38657</v>
      </c>
      <c r="G9797" s="8">
        <v>1</v>
      </c>
      <c r="H9797" s="8">
        <v>1</v>
      </c>
      <c r="I9797" s="8">
        <v>0</v>
      </c>
      <c r="J9797" s="8">
        <v>1</v>
      </c>
      <c r="K9797" s="9">
        <v>3.45</v>
      </c>
      <c r="L9797" s="6" t="s">
        <v>51</v>
      </c>
    </row>
    <row r="9798" spans="1:12">
      <c r="A9798" s="6" t="s">
        <v>49</v>
      </c>
      <c r="B9798" s="6"/>
      <c r="C9798" s="6" t="s">
        <v>9822</v>
      </c>
      <c r="D9798" s="6"/>
      <c r="E9798" s="6" t="s">
        <v>9</v>
      </c>
      <c r="F9798" s="7">
        <v>38657</v>
      </c>
      <c r="G9798" s="8">
        <v>1</v>
      </c>
      <c r="H9798" s="8">
        <v>1</v>
      </c>
      <c r="I9798" s="8">
        <v>0</v>
      </c>
      <c r="J9798" s="8">
        <v>1</v>
      </c>
      <c r="K9798" s="9">
        <v>13</v>
      </c>
      <c r="L9798" s="6" t="s">
        <v>51</v>
      </c>
    </row>
    <row r="9799" spans="1:12">
      <c r="A9799" s="6" t="s">
        <v>49</v>
      </c>
      <c r="B9799" s="6"/>
      <c r="C9799" s="6" t="s">
        <v>9823</v>
      </c>
      <c r="D9799" s="6"/>
      <c r="E9799" s="6" t="s">
        <v>9</v>
      </c>
      <c r="F9799" s="7">
        <v>38657</v>
      </c>
      <c r="G9799" s="8">
        <v>1</v>
      </c>
      <c r="H9799" s="8">
        <v>1</v>
      </c>
      <c r="I9799" s="8">
        <v>0</v>
      </c>
      <c r="J9799" s="8">
        <v>1</v>
      </c>
      <c r="K9799" s="9">
        <v>11</v>
      </c>
      <c r="L9799" s="6" t="s">
        <v>51</v>
      </c>
    </row>
    <row r="9800" spans="1:12">
      <c r="A9800" s="6" t="s">
        <v>49</v>
      </c>
      <c r="B9800" s="6"/>
      <c r="C9800" s="6" t="s">
        <v>9824</v>
      </c>
      <c r="D9800" s="6"/>
      <c r="E9800" s="6" t="s">
        <v>9</v>
      </c>
      <c r="F9800" s="7">
        <v>38657</v>
      </c>
      <c r="G9800" s="8">
        <v>1</v>
      </c>
      <c r="H9800" s="8">
        <v>1</v>
      </c>
      <c r="I9800" s="8">
        <v>0</v>
      </c>
      <c r="J9800" s="8">
        <v>1</v>
      </c>
      <c r="K9800" s="9">
        <v>18</v>
      </c>
      <c r="L9800" s="6" t="s">
        <v>51</v>
      </c>
    </row>
    <row r="9801" spans="1:12">
      <c r="A9801" s="6" t="s">
        <v>49</v>
      </c>
      <c r="B9801" s="6"/>
      <c r="C9801" s="6" t="s">
        <v>9825</v>
      </c>
      <c r="D9801" s="6"/>
      <c r="E9801" s="6" t="s">
        <v>9</v>
      </c>
      <c r="F9801" s="7">
        <v>38657</v>
      </c>
      <c r="G9801" s="8">
        <v>1</v>
      </c>
      <c r="H9801" s="8">
        <v>1</v>
      </c>
      <c r="I9801" s="8">
        <v>0</v>
      </c>
      <c r="J9801" s="8">
        <v>1</v>
      </c>
      <c r="K9801" s="9">
        <v>19</v>
      </c>
      <c r="L9801" s="6" t="s">
        <v>51</v>
      </c>
    </row>
    <row r="9802" spans="1:12">
      <c r="A9802" s="6" t="s">
        <v>49</v>
      </c>
      <c r="B9802" s="6"/>
      <c r="C9802" s="6" t="s">
        <v>9826</v>
      </c>
      <c r="D9802" s="6"/>
      <c r="E9802" s="6" t="s">
        <v>9</v>
      </c>
      <c r="F9802" s="7">
        <v>38657</v>
      </c>
      <c r="G9802" s="8">
        <v>1</v>
      </c>
      <c r="H9802" s="8">
        <v>1</v>
      </c>
      <c r="I9802" s="8">
        <v>0</v>
      </c>
      <c r="J9802" s="8">
        <v>1</v>
      </c>
      <c r="K9802" s="9">
        <v>2.97</v>
      </c>
      <c r="L9802" s="6" t="s">
        <v>51</v>
      </c>
    </row>
    <row r="9803" spans="1:12">
      <c r="A9803" s="6" t="s">
        <v>49</v>
      </c>
      <c r="B9803" s="6"/>
      <c r="C9803" s="6" t="s">
        <v>9827</v>
      </c>
      <c r="D9803" s="6"/>
      <c r="E9803" s="6" t="s">
        <v>9</v>
      </c>
      <c r="F9803" s="7">
        <v>38657</v>
      </c>
      <c r="G9803" s="8">
        <v>1</v>
      </c>
      <c r="H9803" s="8">
        <v>1</v>
      </c>
      <c r="I9803" s="8">
        <v>0</v>
      </c>
      <c r="J9803" s="8">
        <v>1</v>
      </c>
      <c r="K9803" s="9">
        <v>30</v>
      </c>
      <c r="L9803" s="6" t="s">
        <v>51</v>
      </c>
    </row>
    <row r="9804" spans="1:12">
      <c r="A9804" s="6" t="s">
        <v>49</v>
      </c>
      <c r="B9804" s="6"/>
      <c r="C9804" s="6" t="s">
        <v>9828</v>
      </c>
      <c r="D9804" s="6"/>
      <c r="E9804" s="6" t="s">
        <v>9</v>
      </c>
      <c r="F9804" s="7">
        <v>38657</v>
      </c>
      <c r="G9804" s="8">
        <v>1</v>
      </c>
      <c r="H9804" s="8">
        <v>1</v>
      </c>
      <c r="I9804" s="8">
        <v>0</v>
      </c>
      <c r="J9804" s="8">
        <v>1</v>
      </c>
      <c r="K9804" s="9">
        <v>23</v>
      </c>
      <c r="L9804" s="6" t="s">
        <v>51</v>
      </c>
    </row>
    <row r="9805" spans="1:12">
      <c r="A9805" s="6" t="s">
        <v>49</v>
      </c>
      <c r="B9805" s="6"/>
      <c r="C9805" s="6" t="s">
        <v>9829</v>
      </c>
      <c r="D9805" s="6"/>
      <c r="E9805" s="6" t="s">
        <v>9</v>
      </c>
      <c r="F9805" s="7">
        <v>38657</v>
      </c>
      <c r="G9805" s="8">
        <v>1</v>
      </c>
      <c r="H9805" s="8">
        <v>1</v>
      </c>
      <c r="I9805" s="8">
        <v>0</v>
      </c>
      <c r="J9805" s="8">
        <v>1</v>
      </c>
      <c r="K9805" s="9">
        <v>18</v>
      </c>
      <c r="L9805" s="6" t="s">
        <v>51</v>
      </c>
    </row>
    <row r="9806" spans="1:12">
      <c r="A9806" s="6" t="s">
        <v>49</v>
      </c>
      <c r="B9806" s="6"/>
      <c r="C9806" s="6" t="s">
        <v>9830</v>
      </c>
      <c r="D9806" s="6"/>
      <c r="E9806" s="6" t="s">
        <v>9</v>
      </c>
      <c r="F9806" s="7">
        <v>38657</v>
      </c>
      <c r="G9806" s="8">
        <v>1</v>
      </c>
      <c r="H9806" s="8">
        <v>1</v>
      </c>
      <c r="I9806" s="8">
        <v>0</v>
      </c>
      <c r="J9806" s="8">
        <v>1</v>
      </c>
      <c r="K9806" s="9">
        <v>17</v>
      </c>
      <c r="L9806" s="6" t="s">
        <v>51</v>
      </c>
    </row>
    <row r="9807" spans="1:12">
      <c r="A9807" s="6" t="s">
        <v>49</v>
      </c>
      <c r="B9807" s="6"/>
      <c r="C9807" s="6" t="s">
        <v>9831</v>
      </c>
      <c r="D9807" s="6"/>
      <c r="E9807" s="6" t="s">
        <v>9</v>
      </c>
      <c r="F9807" s="7">
        <v>38657</v>
      </c>
      <c r="G9807" s="8">
        <v>1</v>
      </c>
      <c r="H9807" s="8">
        <v>1</v>
      </c>
      <c r="I9807" s="8">
        <v>0</v>
      </c>
      <c r="J9807" s="8">
        <v>1</v>
      </c>
      <c r="K9807" s="9">
        <v>10.55</v>
      </c>
      <c r="L9807" s="6" t="s">
        <v>51</v>
      </c>
    </row>
    <row r="9808" spans="1:12">
      <c r="A9808" s="6" t="s">
        <v>49</v>
      </c>
      <c r="B9808" s="6"/>
      <c r="C9808" s="6" t="s">
        <v>9832</v>
      </c>
      <c r="D9808" s="6"/>
      <c r="E9808" s="6" t="s">
        <v>9</v>
      </c>
      <c r="F9808" s="7">
        <v>38657</v>
      </c>
      <c r="G9808" s="8">
        <v>1</v>
      </c>
      <c r="H9808" s="8">
        <v>1</v>
      </c>
      <c r="I9808" s="8">
        <v>0</v>
      </c>
      <c r="J9808" s="8">
        <v>1</v>
      </c>
      <c r="K9808" s="9">
        <v>28</v>
      </c>
      <c r="L9808" s="6" t="s">
        <v>51</v>
      </c>
    </row>
    <row r="9809" spans="1:12">
      <c r="A9809" s="6" t="s">
        <v>49</v>
      </c>
      <c r="B9809" s="6"/>
      <c r="C9809" s="6" t="s">
        <v>9833</v>
      </c>
      <c r="D9809" s="6"/>
      <c r="E9809" s="6" t="s">
        <v>9</v>
      </c>
      <c r="F9809" s="7">
        <v>38657</v>
      </c>
      <c r="G9809" s="8">
        <v>1</v>
      </c>
      <c r="H9809" s="8">
        <v>1</v>
      </c>
      <c r="I9809" s="8">
        <v>0</v>
      </c>
      <c r="J9809" s="8">
        <v>1</v>
      </c>
      <c r="K9809" s="9">
        <v>7.64</v>
      </c>
      <c r="L9809" s="6" t="s">
        <v>51</v>
      </c>
    </row>
    <row r="9810" spans="1:12">
      <c r="A9810" s="6" t="s">
        <v>49</v>
      </c>
      <c r="B9810" s="6"/>
      <c r="C9810" s="6" t="s">
        <v>9834</v>
      </c>
      <c r="D9810" s="6"/>
      <c r="E9810" s="6" t="s">
        <v>9</v>
      </c>
      <c r="F9810" s="7">
        <v>38657</v>
      </c>
      <c r="G9810" s="8">
        <v>1</v>
      </c>
      <c r="H9810" s="8">
        <v>1</v>
      </c>
      <c r="I9810" s="8">
        <v>0</v>
      </c>
      <c r="J9810" s="8">
        <v>1</v>
      </c>
      <c r="K9810" s="9">
        <v>7.12</v>
      </c>
      <c r="L9810" s="6" t="s">
        <v>51</v>
      </c>
    </row>
    <row r="9811" spans="1:12">
      <c r="A9811" s="6" t="s">
        <v>49</v>
      </c>
      <c r="B9811" s="6"/>
      <c r="C9811" s="6" t="s">
        <v>9835</v>
      </c>
      <c r="D9811" s="6"/>
      <c r="E9811" s="6" t="s">
        <v>9</v>
      </c>
      <c r="F9811" s="7">
        <v>38657</v>
      </c>
      <c r="G9811" s="8">
        <v>1</v>
      </c>
      <c r="H9811" s="8">
        <v>1</v>
      </c>
      <c r="I9811" s="8">
        <v>0</v>
      </c>
      <c r="J9811" s="8">
        <v>1</v>
      </c>
      <c r="K9811" s="9">
        <v>3.89</v>
      </c>
      <c r="L9811" s="6" t="s">
        <v>51</v>
      </c>
    </row>
    <row r="9812" spans="1:12">
      <c r="A9812" s="6" t="s">
        <v>49</v>
      </c>
      <c r="B9812" s="6"/>
      <c r="C9812" s="6" t="s">
        <v>9836</v>
      </c>
      <c r="D9812" s="6"/>
      <c r="E9812" s="6" t="s">
        <v>9</v>
      </c>
      <c r="F9812" s="7">
        <v>38657</v>
      </c>
      <c r="G9812" s="8">
        <v>1</v>
      </c>
      <c r="H9812" s="8">
        <v>1</v>
      </c>
      <c r="I9812" s="8">
        <v>0</v>
      </c>
      <c r="J9812" s="8">
        <v>1</v>
      </c>
      <c r="K9812" s="9">
        <v>1.66</v>
      </c>
      <c r="L9812" s="6" t="s">
        <v>51</v>
      </c>
    </row>
    <row r="9813" spans="1:12">
      <c r="A9813" s="6" t="s">
        <v>49</v>
      </c>
      <c r="B9813" s="6"/>
      <c r="C9813" s="6" t="s">
        <v>9837</v>
      </c>
      <c r="D9813" s="6"/>
      <c r="E9813" s="6" t="s">
        <v>9</v>
      </c>
      <c r="F9813" s="7">
        <v>38657</v>
      </c>
      <c r="G9813" s="8">
        <v>1</v>
      </c>
      <c r="H9813" s="8">
        <v>1</v>
      </c>
      <c r="I9813" s="8">
        <v>0</v>
      </c>
      <c r="J9813" s="8">
        <v>1</v>
      </c>
      <c r="K9813" s="9">
        <v>16</v>
      </c>
      <c r="L9813" s="6" t="s">
        <v>51</v>
      </c>
    </row>
    <row r="9814" spans="1:12">
      <c r="A9814" s="6" t="s">
        <v>49</v>
      </c>
      <c r="B9814" s="6"/>
      <c r="C9814" s="6" t="s">
        <v>9838</v>
      </c>
      <c r="D9814" s="6"/>
      <c r="E9814" s="6" t="s">
        <v>9</v>
      </c>
      <c r="F9814" s="7">
        <v>38657</v>
      </c>
      <c r="G9814" s="8">
        <v>1</v>
      </c>
      <c r="H9814" s="8">
        <v>1</v>
      </c>
      <c r="I9814" s="8">
        <v>0</v>
      </c>
      <c r="J9814" s="8">
        <v>1</v>
      </c>
      <c r="K9814" s="9">
        <v>6.74</v>
      </c>
      <c r="L9814" s="6" t="s">
        <v>51</v>
      </c>
    </row>
    <row r="9815" spans="1:12">
      <c r="A9815" s="6" t="s">
        <v>49</v>
      </c>
      <c r="B9815" s="6"/>
      <c r="C9815" s="6" t="s">
        <v>9839</v>
      </c>
      <c r="D9815" s="6"/>
      <c r="E9815" s="6" t="s">
        <v>9</v>
      </c>
      <c r="F9815" s="7">
        <v>38657</v>
      </c>
      <c r="G9815" s="8">
        <v>1</v>
      </c>
      <c r="H9815" s="8">
        <v>1</v>
      </c>
      <c r="I9815" s="8">
        <v>0</v>
      </c>
      <c r="J9815" s="8">
        <v>1</v>
      </c>
      <c r="K9815" s="9">
        <v>266.82</v>
      </c>
      <c r="L9815" s="6" t="s">
        <v>51</v>
      </c>
    </row>
    <row r="9816" spans="1:12">
      <c r="A9816" s="6" t="s">
        <v>49</v>
      </c>
      <c r="B9816" s="6"/>
      <c r="C9816" s="6" t="s">
        <v>9840</v>
      </c>
      <c r="D9816" s="6"/>
      <c r="E9816" s="6" t="s">
        <v>9</v>
      </c>
      <c r="F9816" s="7">
        <v>38657</v>
      </c>
      <c r="G9816" s="8">
        <v>1</v>
      </c>
      <c r="H9816" s="8">
        <v>1</v>
      </c>
      <c r="I9816" s="8">
        <v>0</v>
      </c>
      <c r="J9816" s="8">
        <v>1</v>
      </c>
      <c r="K9816" s="9">
        <v>39.659999999999897</v>
      </c>
      <c r="L9816" s="6" t="s">
        <v>51</v>
      </c>
    </row>
    <row r="9817" spans="1:12">
      <c r="A9817" s="6" t="s">
        <v>49</v>
      </c>
      <c r="B9817" s="6"/>
      <c r="C9817" s="6" t="s">
        <v>9841</v>
      </c>
      <c r="D9817" s="6"/>
      <c r="E9817" s="6" t="s">
        <v>9</v>
      </c>
      <c r="F9817" s="7">
        <v>38657</v>
      </c>
      <c r="G9817" s="8">
        <v>1</v>
      </c>
      <c r="H9817" s="8">
        <v>1</v>
      </c>
      <c r="I9817" s="8">
        <v>0</v>
      </c>
      <c r="J9817" s="8">
        <v>1</v>
      </c>
      <c r="K9817" s="9">
        <v>59</v>
      </c>
      <c r="L9817" s="6" t="s">
        <v>51</v>
      </c>
    </row>
    <row r="9818" spans="1:12">
      <c r="A9818" s="6" t="s">
        <v>49</v>
      </c>
      <c r="B9818" s="6"/>
      <c r="C9818" s="6" t="s">
        <v>9842</v>
      </c>
      <c r="D9818" s="6"/>
      <c r="E9818" s="6" t="s">
        <v>9</v>
      </c>
      <c r="F9818" s="7">
        <v>38657</v>
      </c>
      <c r="G9818" s="8">
        <v>1</v>
      </c>
      <c r="H9818" s="8">
        <v>1</v>
      </c>
      <c r="I9818" s="8">
        <v>0</v>
      </c>
      <c r="J9818" s="8">
        <v>1</v>
      </c>
      <c r="K9818" s="9">
        <v>69</v>
      </c>
      <c r="L9818" s="6" t="s">
        <v>51</v>
      </c>
    </row>
    <row r="9819" spans="1:12">
      <c r="A9819" s="6" t="s">
        <v>49</v>
      </c>
      <c r="B9819" s="6"/>
      <c r="C9819" s="6" t="s">
        <v>9843</v>
      </c>
      <c r="D9819" s="6"/>
      <c r="E9819" s="6" t="s">
        <v>9</v>
      </c>
      <c r="F9819" s="7">
        <v>38657</v>
      </c>
      <c r="G9819" s="8">
        <v>1</v>
      </c>
      <c r="H9819" s="8">
        <v>1</v>
      </c>
      <c r="I9819" s="8">
        <v>0</v>
      </c>
      <c r="J9819" s="8">
        <v>1</v>
      </c>
      <c r="K9819" s="9">
        <v>11.92</v>
      </c>
      <c r="L9819" s="6" t="s">
        <v>51</v>
      </c>
    </row>
    <row r="9820" spans="1:12">
      <c r="A9820" s="6" t="s">
        <v>49</v>
      </c>
      <c r="B9820" s="6"/>
      <c r="C9820" s="6" t="s">
        <v>9844</v>
      </c>
      <c r="D9820" s="6"/>
      <c r="E9820" s="6" t="s">
        <v>9</v>
      </c>
      <c r="F9820" s="7">
        <v>38657</v>
      </c>
      <c r="G9820" s="8">
        <v>1</v>
      </c>
      <c r="H9820" s="8">
        <v>1</v>
      </c>
      <c r="I9820" s="8">
        <v>0</v>
      </c>
      <c r="J9820" s="8">
        <v>1</v>
      </c>
      <c r="K9820" s="9">
        <v>43</v>
      </c>
      <c r="L9820" s="6" t="s">
        <v>51</v>
      </c>
    </row>
    <row r="9821" spans="1:12">
      <c r="A9821" s="6" t="s">
        <v>49</v>
      </c>
      <c r="B9821" s="6"/>
      <c r="C9821" s="6" t="s">
        <v>9845</v>
      </c>
      <c r="D9821" s="6"/>
      <c r="E9821" s="6" t="s">
        <v>9</v>
      </c>
      <c r="F9821" s="7">
        <v>38657</v>
      </c>
      <c r="G9821" s="8">
        <v>1</v>
      </c>
      <c r="H9821" s="8">
        <v>1</v>
      </c>
      <c r="I9821" s="8">
        <v>0</v>
      </c>
      <c r="J9821" s="8">
        <v>1</v>
      </c>
      <c r="K9821" s="9">
        <v>29</v>
      </c>
      <c r="L9821" s="6" t="s">
        <v>51</v>
      </c>
    </row>
    <row r="9822" spans="1:12">
      <c r="A9822" s="6" t="s">
        <v>49</v>
      </c>
      <c r="B9822" s="6"/>
      <c r="C9822" s="6" t="s">
        <v>9846</v>
      </c>
      <c r="D9822" s="6"/>
      <c r="E9822" s="6" t="s">
        <v>9</v>
      </c>
      <c r="F9822" s="7">
        <v>38657</v>
      </c>
      <c r="G9822" s="8">
        <v>1</v>
      </c>
      <c r="H9822" s="8">
        <v>1</v>
      </c>
      <c r="I9822" s="8">
        <v>0</v>
      </c>
      <c r="J9822" s="8">
        <v>1</v>
      </c>
      <c r="K9822" s="9">
        <v>11</v>
      </c>
      <c r="L9822" s="6" t="s">
        <v>51</v>
      </c>
    </row>
    <row r="9823" spans="1:12">
      <c r="A9823" s="6" t="s">
        <v>49</v>
      </c>
      <c r="B9823" s="6"/>
      <c r="C9823" s="6" t="s">
        <v>9847</v>
      </c>
      <c r="D9823" s="6"/>
      <c r="E9823" s="6" t="s">
        <v>9</v>
      </c>
      <c r="F9823" s="7">
        <v>38657</v>
      </c>
      <c r="G9823" s="8">
        <v>1</v>
      </c>
      <c r="H9823" s="8">
        <v>1</v>
      </c>
      <c r="I9823" s="8">
        <v>0</v>
      </c>
      <c r="J9823" s="8">
        <v>1</v>
      </c>
      <c r="K9823" s="9">
        <v>26</v>
      </c>
      <c r="L9823" s="6" t="s">
        <v>51</v>
      </c>
    </row>
    <row r="9824" spans="1:12">
      <c r="A9824" s="6" t="s">
        <v>49</v>
      </c>
      <c r="B9824" s="6"/>
      <c r="C9824" s="6" t="s">
        <v>9848</v>
      </c>
      <c r="D9824" s="6"/>
      <c r="E9824" s="6" t="s">
        <v>9</v>
      </c>
      <c r="F9824" s="7">
        <v>38657</v>
      </c>
      <c r="G9824" s="8">
        <v>1</v>
      </c>
      <c r="H9824" s="8">
        <v>1</v>
      </c>
      <c r="I9824" s="8">
        <v>0</v>
      </c>
      <c r="J9824" s="8">
        <v>1</v>
      </c>
      <c r="K9824" s="9">
        <v>56</v>
      </c>
      <c r="L9824" s="6" t="s">
        <v>51</v>
      </c>
    </row>
    <row r="9825" spans="1:12">
      <c r="A9825" s="6" t="s">
        <v>49</v>
      </c>
      <c r="B9825" s="6"/>
      <c r="C9825" s="6" t="s">
        <v>9849</v>
      </c>
      <c r="D9825" s="6"/>
      <c r="E9825" s="6" t="s">
        <v>9</v>
      </c>
      <c r="F9825" s="7">
        <v>38657</v>
      </c>
      <c r="G9825" s="8">
        <v>1</v>
      </c>
      <c r="H9825" s="8">
        <v>1</v>
      </c>
      <c r="I9825" s="8">
        <v>0</v>
      </c>
      <c r="J9825" s="8">
        <v>1</v>
      </c>
      <c r="K9825" s="9">
        <v>39.659999999999897</v>
      </c>
      <c r="L9825" s="6" t="s">
        <v>51</v>
      </c>
    </row>
    <row r="9826" spans="1:12">
      <c r="A9826" s="6" t="s">
        <v>49</v>
      </c>
      <c r="B9826" s="6"/>
      <c r="C9826" s="6" t="s">
        <v>9850</v>
      </c>
      <c r="D9826" s="6"/>
      <c r="E9826" s="6" t="s">
        <v>9</v>
      </c>
      <c r="F9826" s="7">
        <v>38657</v>
      </c>
      <c r="G9826" s="8">
        <v>1</v>
      </c>
      <c r="H9826" s="8">
        <v>1</v>
      </c>
      <c r="I9826" s="8">
        <v>0</v>
      </c>
      <c r="J9826" s="8">
        <v>1</v>
      </c>
      <c r="K9826" s="9">
        <v>76</v>
      </c>
      <c r="L9826" s="6" t="s">
        <v>51</v>
      </c>
    </row>
    <row r="9827" spans="1:12">
      <c r="A9827" s="6" t="s">
        <v>49</v>
      </c>
      <c r="B9827" s="6"/>
      <c r="C9827" s="6" t="s">
        <v>9851</v>
      </c>
      <c r="D9827" s="6"/>
      <c r="E9827" s="6" t="s">
        <v>9</v>
      </c>
      <c r="F9827" s="7">
        <v>38657</v>
      </c>
      <c r="G9827" s="8">
        <v>1</v>
      </c>
      <c r="H9827" s="8">
        <v>1</v>
      </c>
      <c r="I9827" s="8">
        <v>0</v>
      </c>
      <c r="J9827" s="8">
        <v>1</v>
      </c>
      <c r="K9827" s="9">
        <v>76</v>
      </c>
      <c r="L9827" s="6" t="s">
        <v>51</v>
      </c>
    </row>
    <row r="9828" spans="1:12">
      <c r="A9828" s="6" t="s">
        <v>49</v>
      </c>
      <c r="B9828" s="6"/>
      <c r="C9828" s="6" t="s">
        <v>9852</v>
      </c>
      <c r="D9828" s="6"/>
      <c r="E9828" s="6" t="s">
        <v>9</v>
      </c>
      <c r="F9828" s="7">
        <v>38657</v>
      </c>
      <c r="G9828" s="8">
        <v>1</v>
      </c>
      <c r="H9828" s="8">
        <v>1</v>
      </c>
      <c r="I9828" s="8">
        <v>0</v>
      </c>
      <c r="J9828" s="8">
        <v>1</v>
      </c>
      <c r="K9828" s="9">
        <v>9.91</v>
      </c>
      <c r="L9828" s="6" t="s">
        <v>51</v>
      </c>
    </row>
    <row r="9829" spans="1:12">
      <c r="A9829" s="6" t="s">
        <v>49</v>
      </c>
      <c r="B9829" s="6"/>
      <c r="C9829" s="6" t="s">
        <v>9853</v>
      </c>
      <c r="D9829" s="6"/>
      <c r="E9829" s="6" t="s">
        <v>9</v>
      </c>
      <c r="F9829" s="7">
        <v>39438</v>
      </c>
      <c r="G9829" s="8">
        <v>1</v>
      </c>
      <c r="H9829" s="8">
        <v>1</v>
      </c>
      <c r="I9829" s="8">
        <v>0</v>
      </c>
      <c r="J9829" s="8">
        <v>1</v>
      </c>
      <c r="K9829" s="9">
        <v>90</v>
      </c>
      <c r="L9829" s="6" t="s">
        <v>51</v>
      </c>
    </row>
    <row r="9830" spans="1:12">
      <c r="A9830" s="6" t="s">
        <v>49</v>
      </c>
      <c r="B9830" s="6"/>
      <c r="C9830" s="6" t="s">
        <v>9854</v>
      </c>
      <c r="D9830" s="6"/>
      <c r="E9830" s="6" t="s">
        <v>9</v>
      </c>
      <c r="F9830" s="7">
        <v>38657</v>
      </c>
      <c r="G9830" s="8">
        <v>1</v>
      </c>
      <c r="H9830" s="8">
        <v>1</v>
      </c>
      <c r="I9830" s="8">
        <v>0</v>
      </c>
      <c r="J9830" s="8">
        <v>1</v>
      </c>
      <c r="K9830" s="9">
        <v>5.77</v>
      </c>
      <c r="L9830" s="6" t="s">
        <v>51</v>
      </c>
    </row>
    <row r="9831" spans="1:12">
      <c r="A9831" s="6" t="s">
        <v>49</v>
      </c>
      <c r="B9831" s="6"/>
      <c r="C9831" s="6" t="s">
        <v>9855</v>
      </c>
      <c r="D9831" s="6"/>
      <c r="E9831" s="6" t="s">
        <v>9</v>
      </c>
      <c r="F9831" s="7">
        <v>39438</v>
      </c>
      <c r="G9831" s="8">
        <v>1</v>
      </c>
      <c r="H9831" s="8">
        <v>1</v>
      </c>
      <c r="I9831" s="8">
        <v>0</v>
      </c>
      <c r="J9831" s="8">
        <v>1</v>
      </c>
      <c r="K9831" s="9">
        <v>132</v>
      </c>
      <c r="L9831" s="6" t="s">
        <v>51</v>
      </c>
    </row>
    <row r="9832" spans="1:12">
      <c r="A9832" s="6" t="s">
        <v>49</v>
      </c>
      <c r="B9832" s="6"/>
      <c r="C9832" s="6" t="s">
        <v>9856</v>
      </c>
      <c r="D9832" s="6"/>
      <c r="E9832" s="6" t="s">
        <v>9</v>
      </c>
      <c r="F9832" s="7">
        <v>38657</v>
      </c>
      <c r="G9832" s="8">
        <v>1</v>
      </c>
      <c r="H9832" s="8">
        <v>1</v>
      </c>
      <c r="I9832" s="8">
        <v>0</v>
      </c>
      <c r="J9832" s="8">
        <v>1</v>
      </c>
      <c r="K9832" s="9">
        <v>36</v>
      </c>
      <c r="L9832" s="6" t="s">
        <v>51</v>
      </c>
    </row>
    <row r="9833" spans="1:12">
      <c r="A9833" s="6" t="s">
        <v>49</v>
      </c>
      <c r="B9833" s="6"/>
      <c r="C9833" s="6" t="s">
        <v>9857</v>
      </c>
      <c r="D9833" s="6"/>
      <c r="E9833" s="6" t="s">
        <v>9</v>
      </c>
      <c r="F9833" s="7">
        <v>38657</v>
      </c>
      <c r="G9833" s="8">
        <v>1</v>
      </c>
      <c r="H9833" s="8">
        <v>1</v>
      </c>
      <c r="I9833" s="8">
        <v>0</v>
      </c>
      <c r="J9833" s="8">
        <v>1</v>
      </c>
      <c r="K9833" s="9">
        <v>22</v>
      </c>
      <c r="L9833" s="6" t="s">
        <v>51</v>
      </c>
    </row>
    <row r="9834" spans="1:12">
      <c r="A9834" s="6" t="s">
        <v>49</v>
      </c>
      <c r="B9834" s="6"/>
      <c r="C9834" s="6" t="s">
        <v>9858</v>
      </c>
      <c r="D9834" s="6"/>
      <c r="E9834" s="6" t="s">
        <v>9</v>
      </c>
      <c r="F9834" s="7">
        <v>39438</v>
      </c>
      <c r="G9834" s="8">
        <v>1</v>
      </c>
      <c r="H9834" s="8">
        <v>1</v>
      </c>
      <c r="I9834" s="8">
        <v>0</v>
      </c>
      <c r="J9834" s="8">
        <v>1</v>
      </c>
      <c r="K9834" s="9">
        <v>0.37</v>
      </c>
      <c r="L9834" s="6" t="s">
        <v>51</v>
      </c>
    </row>
    <row r="9835" spans="1:12">
      <c r="A9835" s="6" t="s">
        <v>49</v>
      </c>
      <c r="B9835" s="6"/>
      <c r="C9835" s="6" t="s">
        <v>9859</v>
      </c>
      <c r="D9835" s="6"/>
      <c r="E9835" s="6" t="s">
        <v>9</v>
      </c>
      <c r="F9835" s="7">
        <v>39438</v>
      </c>
      <c r="G9835" s="8">
        <v>1</v>
      </c>
      <c r="H9835" s="8">
        <v>1</v>
      </c>
      <c r="I9835" s="8">
        <v>0</v>
      </c>
      <c r="J9835" s="8">
        <v>1</v>
      </c>
      <c r="K9835" s="9">
        <v>332</v>
      </c>
      <c r="L9835" s="6" t="s">
        <v>51</v>
      </c>
    </row>
    <row r="9836" spans="1:12">
      <c r="A9836" s="6" t="s">
        <v>49</v>
      </c>
      <c r="B9836" s="6"/>
      <c r="C9836" s="6" t="s">
        <v>9860</v>
      </c>
      <c r="D9836" s="6"/>
      <c r="E9836" s="6" t="s">
        <v>9</v>
      </c>
      <c r="F9836" s="7">
        <v>39438</v>
      </c>
      <c r="G9836" s="8">
        <v>1</v>
      </c>
      <c r="H9836" s="8">
        <v>1</v>
      </c>
      <c r="I9836" s="8">
        <v>0</v>
      </c>
      <c r="J9836" s="8">
        <v>1</v>
      </c>
      <c r="K9836" s="9">
        <v>0.68</v>
      </c>
      <c r="L9836" s="6" t="s">
        <v>51</v>
      </c>
    </row>
    <row r="9837" spans="1:12">
      <c r="A9837" s="6" t="s">
        <v>49</v>
      </c>
      <c r="B9837" s="6"/>
      <c r="C9837" s="6" t="s">
        <v>9861</v>
      </c>
      <c r="D9837" s="6"/>
      <c r="E9837" s="6" t="s">
        <v>9</v>
      </c>
      <c r="F9837" s="7">
        <v>39457</v>
      </c>
      <c r="G9837" s="8">
        <v>1</v>
      </c>
      <c r="H9837" s="8">
        <v>1</v>
      </c>
      <c r="I9837" s="8">
        <v>0</v>
      </c>
      <c r="J9837" s="8">
        <v>1</v>
      </c>
      <c r="K9837" s="9">
        <v>33</v>
      </c>
      <c r="L9837" s="6" t="s">
        <v>51</v>
      </c>
    </row>
    <row r="9838" spans="1:12">
      <c r="A9838" s="6" t="s">
        <v>49</v>
      </c>
      <c r="B9838" s="6"/>
      <c r="C9838" s="6" t="s">
        <v>9862</v>
      </c>
      <c r="D9838" s="6"/>
      <c r="E9838" s="6" t="s">
        <v>9</v>
      </c>
      <c r="F9838" s="7">
        <v>39457</v>
      </c>
      <c r="G9838" s="8">
        <v>1</v>
      </c>
      <c r="H9838" s="8">
        <v>1</v>
      </c>
      <c r="I9838" s="8">
        <v>0</v>
      </c>
      <c r="J9838" s="8">
        <v>1</v>
      </c>
      <c r="K9838" s="9">
        <v>19</v>
      </c>
      <c r="L9838" s="6" t="s">
        <v>51</v>
      </c>
    </row>
    <row r="9839" spans="1:12">
      <c r="A9839" s="6" t="s">
        <v>49</v>
      </c>
      <c r="B9839" s="6"/>
      <c r="C9839" s="6" t="s">
        <v>9863</v>
      </c>
      <c r="D9839" s="6"/>
      <c r="E9839" s="6" t="s">
        <v>9</v>
      </c>
      <c r="F9839" s="7">
        <v>38657</v>
      </c>
      <c r="G9839" s="8">
        <v>1</v>
      </c>
      <c r="H9839" s="8">
        <v>1</v>
      </c>
      <c r="I9839" s="8">
        <v>0</v>
      </c>
      <c r="J9839" s="8">
        <v>1</v>
      </c>
      <c r="K9839" s="9">
        <v>23</v>
      </c>
      <c r="L9839" s="6" t="s">
        <v>51</v>
      </c>
    </row>
    <row r="9840" spans="1:12">
      <c r="A9840" s="6" t="s">
        <v>49</v>
      </c>
      <c r="B9840" s="6"/>
      <c r="C9840" s="6" t="s">
        <v>9864</v>
      </c>
      <c r="D9840" s="6"/>
      <c r="E9840" s="6" t="s">
        <v>9</v>
      </c>
      <c r="F9840" s="7">
        <v>38657</v>
      </c>
      <c r="G9840" s="8">
        <v>1</v>
      </c>
      <c r="H9840" s="8">
        <v>1</v>
      </c>
      <c r="I9840" s="8">
        <v>0</v>
      </c>
      <c r="J9840" s="8">
        <v>1</v>
      </c>
      <c r="K9840" s="9">
        <v>76</v>
      </c>
      <c r="L9840" s="6" t="s">
        <v>51</v>
      </c>
    </row>
    <row r="9841" spans="1:12">
      <c r="A9841" s="6" t="s">
        <v>49</v>
      </c>
      <c r="B9841" s="6"/>
      <c r="C9841" s="6" t="s">
        <v>9865</v>
      </c>
      <c r="D9841" s="6"/>
      <c r="E9841" s="6" t="s">
        <v>9</v>
      </c>
      <c r="F9841" s="7">
        <v>38657</v>
      </c>
      <c r="G9841" s="8">
        <v>1</v>
      </c>
      <c r="H9841" s="8">
        <v>1</v>
      </c>
      <c r="I9841" s="8">
        <v>0</v>
      </c>
      <c r="J9841" s="8">
        <v>1</v>
      </c>
      <c r="K9841" s="9">
        <v>29.08</v>
      </c>
      <c r="L9841" s="6" t="s">
        <v>51</v>
      </c>
    </row>
    <row r="9842" spans="1:12">
      <c r="A9842" s="6" t="s">
        <v>49</v>
      </c>
      <c r="B9842" s="6"/>
      <c r="C9842" s="6" t="s">
        <v>9866</v>
      </c>
      <c r="D9842" s="6"/>
      <c r="E9842" s="6" t="s">
        <v>9</v>
      </c>
      <c r="F9842" s="7">
        <v>38657</v>
      </c>
      <c r="G9842" s="8">
        <v>1</v>
      </c>
      <c r="H9842" s="8">
        <v>1</v>
      </c>
      <c r="I9842" s="8">
        <v>0</v>
      </c>
      <c r="J9842" s="8">
        <v>1</v>
      </c>
      <c r="K9842" s="9">
        <v>12</v>
      </c>
      <c r="L9842" s="6" t="s">
        <v>51</v>
      </c>
    </row>
    <row r="9843" spans="1:12">
      <c r="A9843" s="6" t="s">
        <v>49</v>
      </c>
      <c r="B9843" s="6"/>
      <c r="C9843" s="6" t="s">
        <v>9867</v>
      </c>
      <c r="D9843" s="6"/>
      <c r="E9843" s="6" t="s">
        <v>9</v>
      </c>
      <c r="F9843" s="7">
        <v>38657</v>
      </c>
      <c r="G9843" s="8">
        <v>1</v>
      </c>
      <c r="H9843" s="8">
        <v>1</v>
      </c>
      <c r="I9843" s="8">
        <v>0</v>
      </c>
      <c r="J9843" s="8">
        <v>1</v>
      </c>
      <c r="K9843" s="9">
        <v>33</v>
      </c>
      <c r="L9843" s="6" t="s">
        <v>51</v>
      </c>
    </row>
    <row r="9844" spans="1:12">
      <c r="A9844" s="6" t="s">
        <v>49</v>
      </c>
      <c r="B9844" s="6"/>
      <c r="C9844" s="6" t="s">
        <v>9868</v>
      </c>
      <c r="D9844" s="6"/>
      <c r="E9844" s="6" t="s">
        <v>9</v>
      </c>
      <c r="F9844" s="7">
        <v>38657</v>
      </c>
      <c r="G9844" s="8">
        <v>1</v>
      </c>
      <c r="H9844" s="8">
        <v>1</v>
      </c>
      <c r="I9844" s="8">
        <v>0</v>
      </c>
      <c r="J9844" s="8">
        <v>1</v>
      </c>
      <c r="K9844" s="9">
        <v>0.36</v>
      </c>
      <c r="L9844" s="6" t="s">
        <v>51</v>
      </c>
    </row>
    <row r="9845" spans="1:12">
      <c r="A9845" s="6" t="s">
        <v>49</v>
      </c>
      <c r="B9845" s="6"/>
      <c r="C9845" s="6" t="s">
        <v>9869</v>
      </c>
      <c r="D9845" s="6"/>
      <c r="E9845" s="6" t="s">
        <v>9</v>
      </c>
      <c r="F9845" s="7">
        <v>38657</v>
      </c>
      <c r="G9845" s="8">
        <v>1</v>
      </c>
      <c r="H9845" s="8">
        <v>1</v>
      </c>
      <c r="I9845" s="8">
        <v>0</v>
      </c>
      <c r="J9845" s="8">
        <v>1</v>
      </c>
      <c r="K9845" s="9">
        <v>7.92</v>
      </c>
      <c r="L9845" s="6" t="s">
        <v>51</v>
      </c>
    </row>
    <row r="9846" spans="1:12">
      <c r="A9846" s="6" t="s">
        <v>49</v>
      </c>
      <c r="B9846" s="6"/>
      <c r="C9846" s="6" t="s">
        <v>9870</v>
      </c>
      <c r="D9846" s="6"/>
      <c r="E9846" s="6" t="s">
        <v>9</v>
      </c>
      <c r="F9846" s="7">
        <v>38657</v>
      </c>
      <c r="G9846" s="8">
        <v>1</v>
      </c>
      <c r="H9846" s="8">
        <v>1</v>
      </c>
      <c r="I9846" s="8">
        <v>0</v>
      </c>
      <c r="J9846" s="8">
        <v>1</v>
      </c>
      <c r="K9846" s="9">
        <v>19</v>
      </c>
      <c r="L9846" s="6" t="s">
        <v>51</v>
      </c>
    </row>
    <row r="9847" spans="1:12">
      <c r="A9847" s="6" t="s">
        <v>49</v>
      </c>
      <c r="B9847" s="6"/>
      <c r="C9847" s="6" t="s">
        <v>9871</v>
      </c>
      <c r="D9847" s="6"/>
      <c r="E9847" s="6" t="s">
        <v>9</v>
      </c>
      <c r="F9847" s="7">
        <v>38657</v>
      </c>
      <c r="G9847" s="8">
        <v>1</v>
      </c>
      <c r="H9847" s="8">
        <v>1</v>
      </c>
      <c r="I9847" s="8">
        <v>0</v>
      </c>
      <c r="J9847" s="8">
        <v>1</v>
      </c>
      <c r="K9847" s="9">
        <v>23</v>
      </c>
      <c r="L9847" s="6" t="s">
        <v>51</v>
      </c>
    </row>
    <row r="9848" spans="1:12">
      <c r="A9848" s="6" t="s">
        <v>49</v>
      </c>
      <c r="B9848" s="6"/>
      <c r="C9848" s="6" t="s">
        <v>9872</v>
      </c>
      <c r="D9848" s="6"/>
      <c r="E9848" s="6" t="s">
        <v>9</v>
      </c>
      <c r="F9848" s="7">
        <v>38657</v>
      </c>
      <c r="G9848" s="8">
        <v>1</v>
      </c>
      <c r="H9848" s="8">
        <v>1</v>
      </c>
      <c r="I9848" s="8">
        <v>0</v>
      </c>
      <c r="J9848" s="8">
        <v>1</v>
      </c>
      <c r="K9848" s="9">
        <v>5.6</v>
      </c>
      <c r="L9848" s="6" t="s">
        <v>51</v>
      </c>
    </row>
    <row r="9849" spans="1:12">
      <c r="A9849" s="6" t="s">
        <v>49</v>
      </c>
      <c r="B9849" s="6"/>
      <c r="C9849" s="6" t="s">
        <v>9873</v>
      </c>
      <c r="D9849" s="6"/>
      <c r="E9849" s="6" t="s">
        <v>9</v>
      </c>
      <c r="F9849" s="7">
        <v>38657</v>
      </c>
      <c r="G9849" s="8">
        <v>1</v>
      </c>
      <c r="H9849" s="8">
        <v>1</v>
      </c>
      <c r="I9849" s="8">
        <v>0</v>
      </c>
      <c r="J9849" s="8">
        <v>1</v>
      </c>
      <c r="K9849" s="9">
        <v>14</v>
      </c>
      <c r="L9849" s="6" t="s">
        <v>51</v>
      </c>
    </row>
    <row r="9850" spans="1:12">
      <c r="A9850" s="6" t="s">
        <v>49</v>
      </c>
      <c r="B9850" s="6"/>
      <c r="C9850" s="6" t="s">
        <v>9874</v>
      </c>
      <c r="D9850" s="6"/>
      <c r="E9850" s="6" t="s">
        <v>9</v>
      </c>
      <c r="F9850" s="7">
        <v>38657</v>
      </c>
      <c r="G9850" s="8">
        <v>1</v>
      </c>
      <c r="H9850" s="8">
        <v>1</v>
      </c>
      <c r="I9850" s="8">
        <v>0</v>
      </c>
      <c r="J9850" s="8">
        <v>1</v>
      </c>
      <c r="K9850" s="9">
        <v>28</v>
      </c>
      <c r="L9850" s="6" t="s">
        <v>51</v>
      </c>
    </row>
    <row r="9851" spans="1:12">
      <c r="A9851" s="6" t="s">
        <v>49</v>
      </c>
      <c r="B9851" s="6"/>
      <c r="C9851" s="6" t="s">
        <v>9875</v>
      </c>
      <c r="D9851" s="6"/>
      <c r="E9851" s="6" t="s">
        <v>9</v>
      </c>
      <c r="F9851" s="7">
        <v>38657</v>
      </c>
      <c r="G9851" s="8">
        <v>1</v>
      </c>
      <c r="H9851" s="8">
        <v>1</v>
      </c>
      <c r="I9851" s="8">
        <v>0</v>
      </c>
      <c r="J9851" s="8">
        <v>1</v>
      </c>
      <c r="K9851" s="9">
        <v>2.2999999999999901</v>
      </c>
      <c r="L9851" s="6" t="s">
        <v>51</v>
      </c>
    </row>
    <row r="9852" spans="1:12">
      <c r="A9852" s="6" t="s">
        <v>49</v>
      </c>
      <c r="B9852" s="6"/>
      <c r="C9852" s="6" t="s">
        <v>9876</v>
      </c>
      <c r="D9852" s="6"/>
      <c r="E9852" s="6" t="s">
        <v>9</v>
      </c>
      <c r="F9852" s="7">
        <v>38657</v>
      </c>
      <c r="G9852" s="8">
        <v>1</v>
      </c>
      <c r="H9852" s="8">
        <v>1</v>
      </c>
      <c r="I9852" s="8">
        <v>0</v>
      </c>
      <c r="J9852" s="8">
        <v>1</v>
      </c>
      <c r="K9852" s="9">
        <v>1.28</v>
      </c>
      <c r="L9852" s="6" t="s">
        <v>51</v>
      </c>
    </row>
    <row r="9853" spans="1:12">
      <c r="A9853" s="6" t="s">
        <v>49</v>
      </c>
      <c r="B9853" s="6"/>
      <c r="C9853" s="6" t="s">
        <v>9877</v>
      </c>
      <c r="D9853" s="6"/>
      <c r="E9853" s="6" t="s">
        <v>9</v>
      </c>
      <c r="F9853" s="7">
        <v>38657</v>
      </c>
      <c r="G9853" s="8">
        <v>1</v>
      </c>
      <c r="H9853" s="8">
        <v>1</v>
      </c>
      <c r="I9853" s="8">
        <v>0</v>
      </c>
      <c r="J9853" s="8">
        <v>1</v>
      </c>
      <c r="K9853" s="9">
        <v>9.91</v>
      </c>
      <c r="L9853" s="6" t="s">
        <v>51</v>
      </c>
    </row>
    <row r="9854" spans="1:12">
      <c r="A9854" s="6" t="s">
        <v>49</v>
      </c>
      <c r="B9854" s="6"/>
      <c r="C9854" s="6" t="s">
        <v>9878</v>
      </c>
      <c r="D9854" s="6"/>
      <c r="E9854" s="6" t="s">
        <v>9</v>
      </c>
      <c r="F9854" s="7">
        <v>38657</v>
      </c>
      <c r="G9854" s="8">
        <v>1</v>
      </c>
      <c r="H9854" s="8">
        <v>1</v>
      </c>
      <c r="I9854" s="8">
        <v>0</v>
      </c>
      <c r="J9854" s="8">
        <v>1</v>
      </c>
      <c r="K9854" s="9">
        <v>11</v>
      </c>
      <c r="L9854" s="6" t="s">
        <v>51</v>
      </c>
    </row>
    <row r="9855" spans="1:12">
      <c r="A9855" s="6" t="s">
        <v>49</v>
      </c>
      <c r="B9855" s="6"/>
      <c r="C9855" s="6" t="s">
        <v>9879</v>
      </c>
      <c r="D9855" s="6"/>
      <c r="E9855" s="6" t="s">
        <v>9</v>
      </c>
      <c r="F9855" s="7">
        <v>38657</v>
      </c>
      <c r="G9855" s="8">
        <v>1</v>
      </c>
      <c r="H9855" s="8">
        <v>1</v>
      </c>
      <c r="I9855" s="8">
        <v>0</v>
      </c>
      <c r="J9855" s="8">
        <v>1</v>
      </c>
      <c r="K9855" s="9">
        <v>31</v>
      </c>
      <c r="L9855" s="6" t="s">
        <v>51</v>
      </c>
    </row>
    <row r="9856" spans="1:12">
      <c r="A9856" s="6" t="s">
        <v>49</v>
      </c>
      <c r="B9856" s="6"/>
      <c r="C9856" s="6" t="s">
        <v>9880</v>
      </c>
      <c r="D9856" s="6"/>
      <c r="E9856" s="6" t="s">
        <v>9</v>
      </c>
      <c r="F9856" s="7">
        <v>38657</v>
      </c>
      <c r="G9856" s="8">
        <v>1</v>
      </c>
      <c r="H9856" s="8">
        <v>1</v>
      </c>
      <c r="I9856" s="8">
        <v>0</v>
      </c>
      <c r="J9856" s="8">
        <v>1</v>
      </c>
      <c r="K9856" s="9">
        <v>109</v>
      </c>
      <c r="L9856" s="6" t="s">
        <v>51</v>
      </c>
    </row>
    <row r="9857" spans="1:12">
      <c r="A9857" s="6" t="s">
        <v>49</v>
      </c>
      <c r="B9857" s="6"/>
      <c r="C9857" s="6" t="s">
        <v>9881</v>
      </c>
      <c r="D9857" s="6"/>
      <c r="E9857" s="6" t="s">
        <v>9</v>
      </c>
      <c r="F9857" s="7">
        <v>38657</v>
      </c>
      <c r="G9857" s="8">
        <v>1</v>
      </c>
      <c r="H9857" s="8">
        <v>1</v>
      </c>
      <c r="I9857" s="8">
        <v>0</v>
      </c>
      <c r="J9857" s="8">
        <v>1</v>
      </c>
      <c r="K9857" s="9">
        <v>1.24</v>
      </c>
      <c r="L9857" s="6" t="s">
        <v>51</v>
      </c>
    </row>
    <row r="9858" spans="1:12">
      <c r="A9858" s="6" t="s">
        <v>49</v>
      </c>
      <c r="B9858" s="6"/>
      <c r="C9858" s="6" t="s">
        <v>9882</v>
      </c>
      <c r="D9858" s="6"/>
      <c r="E9858" s="6" t="s">
        <v>9</v>
      </c>
      <c r="F9858" s="7">
        <v>38657</v>
      </c>
      <c r="G9858" s="8">
        <v>1</v>
      </c>
      <c r="H9858" s="8">
        <v>1</v>
      </c>
      <c r="I9858" s="8">
        <v>0</v>
      </c>
      <c r="J9858" s="8">
        <v>1</v>
      </c>
      <c r="K9858" s="9">
        <v>42</v>
      </c>
      <c r="L9858" s="6" t="s">
        <v>51</v>
      </c>
    </row>
    <row r="9859" spans="1:12">
      <c r="A9859" s="6" t="s">
        <v>49</v>
      </c>
      <c r="B9859" s="6"/>
      <c r="C9859" s="6" t="s">
        <v>9883</v>
      </c>
      <c r="D9859" s="6"/>
      <c r="E9859" s="6" t="s">
        <v>9</v>
      </c>
      <c r="F9859" s="7">
        <v>38657</v>
      </c>
      <c r="G9859" s="8">
        <v>1</v>
      </c>
      <c r="H9859" s="8">
        <v>1</v>
      </c>
      <c r="I9859" s="8">
        <v>0</v>
      </c>
      <c r="J9859" s="8">
        <v>1</v>
      </c>
      <c r="K9859" s="9">
        <v>6.61</v>
      </c>
      <c r="L9859" s="6" t="s">
        <v>51</v>
      </c>
    </row>
    <row r="9860" spans="1:12">
      <c r="A9860" s="6" t="s">
        <v>49</v>
      </c>
      <c r="B9860" s="6"/>
      <c r="C9860" s="6" t="s">
        <v>9884</v>
      </c>
      <c r="D9860" s="6"/>
      <c r="E9860" s="6" t="s">
        <v>9</v>
      </c>
      <c r="F9860" s="7">
        <v>38657</v>
      </c>
      <c r="G9860" s="8">
        <v>1</v>
      </c>
      <c r="H9860" s="8">
        <v>1</v>
      </c>
      <c r="I9860" s="8">
        <v>0</v>
      </c>
      <c r="J9860" s="8">
        <v>1</v>
      </c>
      <c r="K9860" s="9">
        <v>6.61</v>
      </c>
      <c r="L9860" s="6" t="s">
        <v>51</v>
      </c>
    </row>
    <row r="9861" spans="1:12">
      <c r="A9861" s="6" t="s">
        <v>49</v>
      </c>
      <c r="B9861" s="6"/>
      <c r="C9861" s="6" t="s">
        <v>9885</v>
      </c>
      <c r="D9861" s="6"/>
      <c r="E9861" s="6" t="s">
        <v>9</v>
      </c>
      <c r="F9861" s="7">
        <v>38657</v>
      </c>
      <c r="G9861" s="8">
        <v>1</v>
      </c>
      <c r="H9861" s="8">
        <v>1</v>
      </c>
      <c r="I9861" s="8">
        <v>0</v>
      </c>
      <c r="J9861" s="8">
        <v>1</v>
      </c>
      <c r="K9861" s="9">
        <v>3.3</v>
      </c>
      <c r="L9861" s="6" t="s">
        <v>51</v>
      </c>
    </row>
    <row r="9862" spans="1:12">
      <c r="A9862" s="6" t="s">
        <v>49</v>
      </c>
      <c r="B9862" s="6"/>
      <c r="C9862" s="6" t="s">
        <v>9886</v>
      </c>
      <c r="D9862" s="6"/>
      <c r="E9862" s="6" t="s">
        <v>9</v>
      </c>
      <c r="F9862" s="7">
        <v>38657</v>
      </c>
      <c r="G9862" s="8">
        <v>1</v>
      </c>
      <c r="H9862" s="8">
        <v>1</v>
      </c>
      <c r="I9862" s="8">
        <v>0</v>
      </c>
      <c r="J9862" s="8">
        <v>1</v>
      </c>
      <c r="K9862" s="9">
        <v>6.61</v>
      </c>
      <c r="L9862" s="6" t="s">
        <v>51</v>
      </c>
    </row>
    <row r="9863" spans="1:12">
      <c r="A9863" s="6" t="s">
        <v>49</v>
      </c>
      <c r="B9863" s="6"/>
      <c r="C9863" s="6" t="s">
        <v>9887</v>
      </c>
      <c r="D9863" s="6"/>
      <c r="E9863" s="6" t="s">
        <v>9</v>
      </c>
      <c r="F9863" s="7">
        <v>38657</v>
      </c>
      <c r="G9863" s="8">
        <v>1</v>
      </c>
      <c r="H9863" s="8">
        <v>1</v>
      </c>
      <c r="I9863" s="8">
        <v>0</v>
      </c>
      <c r="J9863" s="8">
        <v>1</v>
      </c>
      <c r="K9863" s="9">
        <v>5.92</v>
      </c>
      <c r="L9863" s="6" t="s">
        <v>51</v>
      </c>
    </row>
    <row r="9864" spans="1:12">
      <c r="A9864" s="6" t="s">
        <v>49</v>
      </c>
      <c r="B9864" s="6"/>
      <c r="C9864" s="6" t="s">
        <v>9888</v>
      </c>
      <c r="D9864" s="6"/>
      <c r="E9864" s="6" t="s">
        <v>9</v>
      </c>
      <c r="F9864" s="7">
        <v>38657</v>
      </c>
      <c r="G9864" s="8">
        <v>1</v>
      </c>
      <c r="H9864" s="8">
        <v>1</v>
      </c>
      <c r="I9864" s="8">
        <v>0</v>
      </c>
      <c r="J9864" s="8">
        <v>1</v>
      </c>
      <c r="K9864" s="9">
        <v>76</v>
      </c>
      <c r="L9864" s="6" t="s">
        <v>51</v>
      </c>
    </row>
    <row r="9865" spans="1:12">
      <c r="A9865" s="6" t="s">
        <v>49</v>
      </c>
      <c r="B9865" s="6"/>
      <c r="C9865" s="6" t="s">
        <v>9889</v>
      </c>
      <c r="D9865" s="6"/>
      <c r="E9865" s="6" t="s">
        <v>9</v>
      </c>
      <c r="F9865" s="7">
        <v>38657</v>
      </c>
      <c r="G9865" s="8">
        <v>1</v>
      </c>
      <c r="H9865" s="8">
        <v>1</v>
      </c>
      <c r="I9865" s="8">
        <v>0</v>
      </c>
      <c r="J9865" s="8">
        <v>1</v>
      </c>
      <c r="K9865" s="9">
        <v>0.57999999999999896</v>
      </c>
      <c r="L9865" s="6" t="s">
        <v>51</v>
      </c>
    </row>
    <row r="9866" spans="1:12">
      <c r="A9866" s="6" t="s">
        <v>49</v>
      </c>
      <c r="B9866" s="6"/>
      <c r="C9866" s="6" t="s">
        <v>9890</v>
      </c>
      <c r="D9866" s="6"/>
      <c r="E9866" s="6" t="s">
        <v>9</v>
      </c>
      <c r="F9866" s="7">
        <v>38657</v>
      </c>
      <c r="G9866" s="8">
        <v>1</v>
      </c>
      <c r="H9866" s="8">
        <v>1</v>
      </c>
      <c r="I9866" s="8">
        <v>0</v>
      </c>
      <c r="J9866" s="8">
        <v>1</v>
      </c>
      <c r="K9866" s="9">
        <v>19</v>
      </c>
      <c r="L9866" s="6" t="s">
        <v>51</v>
      </c>
    </row>
    <row r="9867" spans="1:12">
      <c r="A9867" s="6" t="s">
        <v>49</v>
      </c>
      <c r="B9867" s="6"/>
      <c r="C9867" s="6" t="s">
        <v>9891</v>
      </c>
      <c r="D9867" s="6"/>
      <c r="E9867" s="6" t="s">
        <v>9</v>
      </c>
      <c r="F9867" s="7">
        <v>38657</v>
      </c>
      <c r="G9867" s="8">
        <v>1</v>
      </c>
      <c r="H9867" s="8">
        <v>1</v>
      </c>
      <c r="I9867" s="8">
        <v>0</v>
      </c>
      <c r="J9867" s="8">
        <v>1</v>
      </c>
      <c r="K9867" s="9">
        <v>16</v>
      </c>
      <c r="L9867" s="6" t="s">
        <v>51</v>
      </c>
    </row>
    <row r="9868" spans="1:12">
      <c r="A9868" s="6" t="s">
        <v>49</v>
      </c>
      <c r="B9868" s="6"/>
      <c r="C9868" s="6" t="s">
        <v>9892</v>
      </c>
      <c r="D9868" s="6"/>
      <c r="E9868" s="6" t="s">
        <v>9</v>
      </c>
      <c r="F9868" s="7">
        <v>38657</v>
      </c>
      <c r="G9868" s="8">
        <v>1</v>
      </c>
      <c r="H9868" s="8">
        <v>1</v>
      </c>
      <c r="I9868" s="8">
        <v>0</v>
      </c>
      <c r="J9868" s="8">
        <v>1</v>
      </c>
      <c r="K9868" s="9">
        <v>13</v>
      </c>
      <c r="L9868" s="6" t="s">
        <v>51</v>
      </c>
    </row>
    <row r="9869" spans="1:12">
      <c r="A9869" s="6" t="s">
        <v>49</v>
      </c>
      <c r="B9869" s="6"/>
      <c r="C9869" s="6" t="s">
        <v>9893</v>
      </c>
      <c r="D9869" s="6"/>
      <c r="E9869" s="6" t="s">
        <v>9</v>
      </c>
      <c r="F9869" s="7">
        <v>38657</v>
      </c>
      <c r="G9869" s="8">
        <v>1</v>
      </c>
      <c r="H9869" s="8">
        <v>1</v>
      </c>
      <c r="I9869" s="8">
        <v>0</v>
      </c>
      <c r="J9869" s="8">
        <v>1</v>
      </c>
      <c r="K9869" s="9">
        <v>39</v>
      </c>
      <c r="L9869" s="6" t="s">
        <v>51</v>
      </c>
    </row>
    <row r="9870" spans="1:12">
      <c r="A9870" s="6" t="s">
        <v>49</v>
      </c>
      <c r="B9870" s="6"/>
      <c r="C9870" s="6" t="s">
        <v>9894</v>
      </c>
      <c r="D9870" s="6"/>
      <c r="E9870" s="6" t="s">
        <v>9</v>
      </c>
      <c r="F9870" s="7">
        <v>38657</v>
      </c>
      <c r="G9870" s="8">
        <v>1</v>
      </c>
      <c r="H9870" s="8">
        <v>1</v>
      </c>
      <c r="I9870" s="8">
        <v>0</v>
      </c>
      <c r="J9870" s="8">
        <v>1</v>
      </c>
      <c r="K9870" s="9">
        <v>2.64</v>
      </c>
      <c r="L9870" s="6" t="s">
        <v>51</v>
      </c>
    </row>
    <row r="9871" spans="1:12">
      <c r="A9871" s="6" t="s">
        <v>49</v>
      </c>
      <c r="B9871" s="6"/>
      <c r="C9871" s="6" t="s">
        <v>9895</v>
      </c>
      <c r="D9871" s="6"/>
      <c r="E9871" s="6" t="s">
        <v>9</v>
      </c>
      <c r="F9871" s="7">
        <v>38657</v>
      </c>
      <c r="G9871" s="8">
        <v>1</v>
      </c>
      <c r="H9871" s="8">
        <v>1</v>
      </c>
      <c r="I9871" s="8">
        <v>0</v>
      </c>
      <c r="J9871" s="8">
        <v>1</v>
      </c>
      <c r="K9871" s="9">
        <v>9.91</v>
      </c>
      <c r="L9871" s="6" t="s">
        <v>51</v>
      </c>
    </row>
    <row r="9872" spans="1:12">
      <c r="A9872" s="6" t="s">
        <v>49</v>
      </c>
      <c r="B9872" s="6"/>
      <c r="C9872" s="6" t="s">
        <v>9896</v>
      </c>
      <c r="D9872" s="6"/>
      <c r="E9872" s="6" t="s">
        <v>9</v>
      </c>
      <c r="F9872" s="7">
        <v>38657</v>
      </c>
      <c r="G9872" s="8">
        <v>1</v>
      </c>
      <c r="H9872" s="8">
        <v>1</v>
      </c>
      <c r="I9872" s="8">
        <v>0</v>
      </c>
      <c r="J9872" s="8">
        <v>1</v>
      </c>
      <c r="K9872" s="9">
        <v>42</v>
      </c>
      <c r="L9872" s="6" t="s">
        <v>51</v>
      </c>
    </row>
    <row r="9873" spans="1:12">
      <c r="A9873" s="6" t="s">
        <v>49</v>
      </c>
      <c r="B9873" s="6"/>
      <c r="C9873" s="6" t="s">
        <v>9897</v>
      </c>
      <c r="D9873" s="6"/>
      <c r="E9873" s="6" t="s">
        <v>9</v>
      </c>
      <c r="F9873" s="7">
        <v>38657</v>
      </c>
      <c r="G9873" s="8">
        <v>1</v>
      </c>
      <c r="H9873" s="8">
        <v>1</v>
      </c>
      <c r="I9873" s="8">
        <v>0</v>
      </c>
      <c r="J9873" s="8">
        <v>1</v>
      </c>
      <c r="K9873" s="9">
        <v>59</v>
      </c>
      <c r="L9873" s="6" t="s">
        <v>51</v>
      </c>
    </row>
    <row r="9874" spans="1:12">
      <c r="A9874" s="6" t="s">
        <v>49</v>
      </c>
      <c r="B9874" s="6"/>
      <c r="C9874" s="6" t="s">
        <v>9898</v>
      </c>
      <c r="D9874" s="6"/>
      <c r="E9874" s="6" t="s">
        <v>9</v>
      </c>
      <c r="F9874" s="7">
        <v>38657</v>
      </c>
      <c r="G9874" s="8">
        <v>1</v>
      </c>
      <c r="H9874" s="8">
        <v>1</v>
      </c>
      <c r="I9874" s="8">
        <v>0</v>
      </c>
      <c r="J9874" s="8">
        <v>1</v>
      </c>
      <c r="K9874" s="9">
        <v>24.77</v>
      </c>
      <c r="L9874" s="6" t="s">
        <v>51</v>
      </c>
    </row>
    <row r="9875" spans="1:12">
      <c r="A9875" s="6" t="s">
        <v>49</v>
      </c>
      <c r="B9875" s="6"/>
      <c r="C9875" s="6" t="s">
        <v>9899</v>
      </c>
      <c r="D9875" s="6"/>
      <c r="E9875" s="6" t="s">
        <v>9</v>
      </c>
      <c r="F9875" s="7">
        <v>38657</v>
      </c>
      <c r="G9875" s="8">
        <v>1</v>
      </c>
      <c r="H9875" s="8">
        <v>1</v>
      </c>
      <c r="I9875" s="8">
        <v>0</v>
      </c>
      <c r="J9875" s="8">
        <v>1</v>
      </c>
      <c r="K9875" s="9">
        <v>39</v>
      </c>
      <c r="L9875" s="6" t="s">
        <v>51</v>
      </c>
    </row>
    <row r="9876" spans="1:12">
      <c r="A9876" s="6" t="s">
        <v>49</v>
      </c>
      <c r="B9876" s="6"/>
      <c r="C9876" s="6" t="s">
        <v>9900</v>
      </c>
      <c r="D9876" s="6"/>
      <c r="E9876" s="6" t="s">
        <v>9</v>
      </c>
      <c r="F9876" s="7">
        <v>38657</v>
      </c>
      <c r="G9876" s="8">
        <v>1</v>
      </c>
      <c r="H9876" s="8">
        <v>1</v>
      </c>
      <c r="I9876" s="8">
        <v>0</v>
      </c>
      <c r="J9876" s="8">
        <v>1</v>
      </c>
      <c r="K9876" s="9">
        <v>6.61</v>
      </c>
      <c r="L9876" s="6" t="s">
        <v>51</v>
      </c>
    </row>
    <row r="9877" spans="1:12">
      <c r="A9877" s="6" t="s">
        <v>49</v>
      </c>
      <c r="B9877" s="6"/>
      <c r="C9877" s="6" t="s">
        <v>9901</v>
      </c>
      <c r="D9877" s="6"/>
      <c r="E9877" s="6" t="s">
        <v>9</v>
      </c>
      <c r="F9877" s="7">
        <v>38657</v>
      </c>
      <c r="G9877" s="8">
        <v>1</v>
      </c>
      <c r="H9877" s="8">
        <v>1</v>
      </c>
      <c r="I9877" s="8">
        <v>0</v>
      </c>
      <c r="J9877" s="8">
        <v>1</v>
      </c>
      <c r="K9877" s="9">
        <v>16</v>
      </c>
      <c r="L9877" s="6" t="s">
        <v>51</v>
      </c>
    </row>
    <row r="9878" spans="1:12">
      <c r="A9878" s="6" t="s">
        <v>49</v>
      </c>
      <c r="B9878" s="6"/>
      <c r="C9878" s="6" t="s">
        <v>9902</v>
      </c>
      <c r="D9878" s="6"/>
      <c r="E9878" s="6" t="s">
        <v>9</v>
      </c>
      <c r="F9878" s="7">
        <v>38657</v>
      </c>
      <c r="G9878" s="8">
        <v>1</v>
      </c>
      <c r="H9878" s="8">
        <v>1</v>
      </c>
      <c r="I9878" s="8">
        <v>0</v>
      </c>
      <c r="J9878" s="8">
        <v>1</v>
      </c>
      <c r="K9878" s="9">
        <v>9.91</v>
      </c>
      <c r="L9878" s="6" t="s">
        <v>51</v>
      </c>
    </row>
    <row r="9879" spans="1:12">
      <c r="A9879" s="6" t="s">
        <v>49</v>
      </c>
      <c r="B9879" s="6"/>
      <c r="C9879" s="6" t="s">
        <v>9903</v>
      </c>
      <c r="D9879" s="6"/>
      <c r="E9879" s="6" t="s">
        <v>9</v>
      </c>
      <c r="F9879" s="7">
        <v>38657</v>
      </c>
      <c r="G9879" s="8">
        <v>1</v>
      </c>
      <c r="H9879" s="8">
        <v>1</v>
      </c>
      <c r="I9879" s="8">
        <v>0</v>
      </c>
      <c r="J9879" s="8">
        <v>1</v>
      </c>
      <c r="K9879" s="9">
        <v>12</v>
      </c>
      <c r="L9879" s="6" t="s">
        <v>51</v>
      </c>
    </row>
    <row r="9880" spans="1:12">
      <c r="A9880" s="6" t="s">
        <v>49</v>
      </c>
      <c r="B9880" s="6"/>
      <c r="C9880" s="6" t="s">
        <v>9904</v>
      </c>
      <c r="D9880" s="6"/>
      <c r="E9880" s="6" t="s">
        <v>9</v>
      </c>
      <c r="F9880" s="7">
        <v>38657</v>
      </c>
      <c r="G9880" s="8">
        <v>1</v>
      </c>
      <c r="H9880" s="8">
        <v>1</v>
      </c>
      <c r="I9880" s="8">
        <v>0</v>
      </c>
      <c r="J9880" s="8">
        <v>1</v>
      </c>
      <c r="K9880" s="9">
        <v>2.42</v>
      </c>
      <c r="L9880" s="6" t="s">
        <v>51</v>
      </c>
    </row>
    <row r="9881" spans="1:12">
      <c r="A9881" s="6" t="s">
        <v>49</v>
      </c>
      <c r="B9881" s="6"/>
      <c r="C9881" s="6" t="s">
        <v>9905</v>
      </c>
      <c r="D9881" s="6"/>
      <c r="E9881" s="6" t="s">
        <v>9</v>
      </c>
      <c r="F9881" s="7">
        <v>38657</v>
      </c>
      <c r="G9881" s="8">
        <v>1</v>
      </c>
      <c r="H9881" s="8">
        <v>1</v>
      </c>
      <c r="I9881" s="8">
        <v>0</v>
      </c>
      <c r="J9881" s="8">
        <v>1</v>
      </c>
      <c r="K9881" s="9">
        <v>23</v>
      </c>
      <c r="L9881" s="6" t="s">
        <v>51</v>
      </c>
    </row>
    <row r="9882" spans="1:12">
      <c r="A9882" s="6" t="s">
        <v>49</v>
      </c>
      <c r="B9882" s="6"/>
      <c r="C9882" s="6" t="s">
        <v>9906</v>
      </c>
      <c r="D9882" s="6"/>
      <c r="E9882" s="6" t="s">
        <v>9</v>
      </c>
      <c r="F9882" s="7">
        <v>38657</v>
      </c>
      <c r="G9882" s="8">
        <v>1</v>
      </c>
      <c r="H9882" s="8">
        <v>1</v>
      </c>
      <c r="I9882" s="8">
        <v>0</v>
      </c>
      <c r="J9882" s="8">
        <v>1</v>
      </c>
      <c r="K9882" s="9">
        <v>3.41</v>
      </c>
      <c r="L9882" s="6" t="s">
        <v>51</v>
      </c>
    </row>
    <row r="9883" spans="1:12">
      <c r="A9883" s="6" t="s">
        <v>49</v>
      </c>
      <c r="B9883" s="6"/>
      <c r="C9883" s="6" t="s">
        <v>9907</v>
      </c>
      <c r="D9883" s="6"/>
      <c r="E9883" s="6" t="s">
        <v>9</v>
      </c>
      <c r="F9883" s="7">
        <v>38657</v>
      </c>
      <c r="G9883" s="8">
        <v>1</v>
      </c>
      <c r="H9883" s="8">
        <v>1</v>
      </c>
      <c r="I9883" s="8">
        <v>0</v>
      </c>
      <c r="J9883" s="8">
        <v>1</v>
      </c>
      <c r="K9883" s="9">
        <v>5.81</v>
      </c>
      <c r="L9883" s="6" t="s">
        <v>51</v>
      </c>
    </row>
    <row r="9884" spans="1:12">
      <c r="A9884" s="6" t="s">
        <v>49</v>
      </c>
      <c r="B9884" s="6"/>
      <c r="C9884" s="6" t="s">
        <v>9908</v>
      </c>
      <c r="D9884" s="6"/>
      <c r="E9884" s="6" t="s">
        <v>9</v>
      </c>
      <c r="F9884" s="7">
        <v>38657</v>
      </c>
      <c r="G9884" s="8">
        <v>1</v>
      </c>
      <c r="H9884" s="8">
        <v>1</v>
      </c>
      <c r="I9884" s="8">
        <v>0</v>
      </c>
      <c r="J9884" s="8">
        <v>1</v>
      </c>
      <c r="K9884" s="9">
        <v>28</v>
      </c>
      <c r="L9884" s="6" t="s">
        <v>51</v>
      </c>
    </row>
    <row r="9885" spans="1:12">
      <c r="A9885" s="6" t="s">
        <v>49</v>
      </c>
      <c r="B9885" s="6"/>
      <c r="C9885" s="6" t="s">
        <v>9909</v>
      </c>
      <c r="D9885" s="6"/>
      <c r="E9885" s="6" t="s">
        <v>9</v>
      </c>
      <c r="F9885" s="7">
        <v>38657</v>
      </c>
      <c r="G9885" s="8">
        <v>1</v>
      </c>
      <c r="H9885" s="8">
        <v>1</v>
      </c>
      <c r="I9885" s="8">
        <v>0</v>
      </c>
      <c r="J9885" s="8">
        <v>1</v>
      </c>
      <c r="K9885" s="9">
        <v>22.6</v>
      </c>
      <c r="L9885" s="6" t="s">
        <v>51</v>
      </c>
    </row>
    <row r="9886" spans="1:12">
      <c r="A9886" s="6" t="s">
        <v>49</v>
      </c>
      <c r="B9886" s="6"/>
      <c r="C9886" s="6" t="s">
        <v>9910</v>
      </c>
      <c r="D9886" s="6"/>
      <c r="E9886" s="6" t="s">
        <v>9</v>
      </c>
      <c r="F9886" s="7">
        <v>38657</v>
      </c>
      <c r="G9886" s="8">
        <v>1</v>
      </c>
      <c r="H9886" s="8">
        <v>1</v>
      </c>
      <c r="I9886" s="8">
        <v>0</v>
      </c>
      <c r="J9886" s="8">
        <v>1</v>
      </c>
      <c r="K9886" s="9">
        <v>33</v>
      </c>
      <c r="L9886" s="6" t="s">
        <v>51</v>
      </c>
    </row>
    <row r="9887" spans="1:12">
      <c r="A9887" s="6" t="s">
        <v>49</v>
      </c>
      <c r="B9887" s="6"/>
      <c r="C9887" s="6" t="s">
        <v>9911</v>
      </c>
      <c r="D9887" s="6"/>
      <c r="E9887" s="6" t="s">
        <v>9</v>
      </c>
      <c r="F9887" s="7">
        <v>38657</v>
      </c>
      <c r="G9887" s="8">
        <v>1</v>
      </c>
      <c r="H9887" s="8">
        <v>1</v>
      </c>
      <c r="I9887" s="8">
        <v>0</v>
      </c>
      <c r="J9887" s="8">
        <v>1</v>
      </c>
      <c r="K9887" s="9">
        <v>43</v>
      </c>
      <c r="L9887" s="6" t="s">
        <v>51</v>
      </c>
    </row>
    <row r="9888" spans="1:12">
      <c r="A9888" s="6" t="s">
        <v>49</v>
      </c>
      <c r="B9888" s="6"/>
      <c r="C9888" s="6" t="s">
        <v>9912</v>
      </c>
      <c r="D9888" s="6"/>
      <c r="E9888" s="6" t="s">
        <v>9</v>
      </c>
      <c r="F9888" s="7">
        <v>38657</v>
      </c>
      <c r="G9888" s="8">
        <v>1</v>
      </c>
      <c r="H9888" s="8">
        <v>1</v>
      </c>
      <c r="I9888" s="8">
        <v>0</v>
      </c>
      <c r="J9888" s="8">
        <v>1</v>
      </c>
      <c r="K9888" s="9">
        <v>72.36</v>
      </c>
      <c r="L9888" s="6" t="s">
        <v>51</v>
      </c>
    </row>
    <row r="9889" spans="1:12">
      <c r="A9889" s="6" t="s">
        <v>49</v>
      </c>
      <c r="B9889" s="6"/>
      <c r="C9889" s="6" t="s">
        <v>9913</v>
      </c>
      <c r="D9889" s="6"/>
      <c r="E9889" s="6" t="s">
        <v>9</v>
      </c>
      <c r="F9889" s="7">
        <v>38657</v>
      </c>
      <c r="G9889" s="8">
        <v>1</v>
      </c>
      <c r="H9889" s="8">
        <v>1</v>
      </c>
      <c r="I9889" s="8">
        <v>0</v>
      </c>
      <c r="J9889" s="8">
        <v>1</v>
      </c>
      <c r="K9889" s="9">
        <v>22</v>
      </c>
      <c r="L9889" s="6" t="s">
        <v>51</v>
      </c>
    </row>
    <row r="9890" spans="1:12">
      <c r="A9890" s="6" t="s">
        <v>49</v>
      </c>
      <c r="B9890" s="6"/>
      <c r="C9890" s="6" t="s">
        <v>9914</v>
      </c>
      <c r="D9890" s="6"/>
      <c r="E9890" s="6" t="s">
        <v>9</v>
      </c>
      <c r="F9890" s="7">
        <v>38657</v>
      </c>
      <c r="G9890" s="8">
        <v>1</v>
      </c>
      <c r="H9890" s="8">
        <v>1</v>
      </c>
      <c r="I9890" s="8">
        <v>0</v>
      </c>
      <c r="J9890" s="8">
        <v>1</v>
      </c>
      <c r="K9890" s="9">
        <v>24</v>
      </c>
      <c r="L9890" s="6" t="s">
        <v>51</v>
      </c>
    </row>
    <row r="9891" spans="1:12">
      <c r="A9891" s="6" t="s">
        <v>49</v>
      </c>
      <c r="B9891" s="6"/>
      <c r="C9891" s="6" t="s">
        <v>9915</v>
      </c>
      <c r="D9891" s="6"/>
      <c r="E9891" s="6" t="s">
        <v>9</v>
      </c>
      <c r="F9891" s="7">
        <v>38657</v>
      </c>
      <c r="G9891" s="8">
        <v>1</v>
      </c>
      <c r="H9891" s="8">
        <v>1</v>
      </c>
      <c r="I9891" s="8">
        <v>0</v>
      </c>
      <c r="J9891" s="8">
        <v>1</v>
      </c>
      <c r="K9891" s="9">
        <v>7.91</v>
      </c>
      <c r="L9891" s="6" t="s">
        <v>51</v>
      </c>
    </row>
    <row r="9892" spans="1:12">
      <c r="A9892" s="6" t="s">
        <v>49</v>
      </c>
      <c r="B9892" s="6"/>
      <c r="C9892" s="6" t="s">
        <v>9916</v>
      </c>
      <c r="D9892" s="6"/>
      <c r="E9892" s="6" t="s">
        <v>9</v>
      </c>
      <c r="F9892" s="7">
        <v>38657</v>
      </c>
      <c r="G9892" s="8">
        <v>1</v>
      </c>
      <c r="H9892" s="8">
        <v>1</v>
      </c>
      <c r="I9892" s="8">
        <v>0</v>
      </c>
      <c r="J9892" s="8">
        <v>1</v>
      </c>
      <c r="K9892" s="9">
        <v>9.91</v>
      </c>
      <c r="L9892" s="6" t="s">
        <v>51</v>
      </c>
    </row>
    <row r="9893" spans="1:12">
      <c r="A9893" s="6" t="s">
        <v>49</v>
      </c>
      <c r="B9893" s="6"/>
      <c r="C9893" s="6" t="s">
        <v>9917</v>
      </c>
      <c r="D9893" s="6"/>
      <c r="E9893" s="6" t="s">
        <v>9</v>
      </c>
      <c r="F9893" s="7">
        <v>38657</v>
      </c>
      <c r="G9893" s="8">
        <v>1</v>
      </c>
      <c r="H9893" s="8">
        <v>1</v>
      </c>
      <c r="I9893" s="8">
        <v>0</v>
      </c>
      <c r="J9893" s="8">
        <v>1</v>
      </c>
      <c r="K9893" s="9">
        <v>58</v>
      </c>
      <c r="L9893" s="6" t="s">
        <v>51</v>
      </c>
    </row>
    <row r="9894" spans="1:12">
      <c r="A9894" s="6" t="s">
        <v>49</v>
      </c>
      <c r="B9894" s="6"/>
      <c r="C9894" s="6" t="s">
        <v>9918</v>
      </c>
      <c r="D9894" s="6"/>
      <c r="E9894" s="6" t="s">
        <v>9</v>
      </c>
      <c r="F9894" s="7">
        <v>38657</v>
      </c>
      <c r="G9894" s="8">
        <v>1</v>
      </c>
      <c r="H9894" s="8">
        <v>1</v>
      </c>
      <c r="I9894" s="8">
        <v>0</v>
      </c>
      <c r="J9894" s="8">
        <v>1</v>
      </c>
      <c r="K9894" s="9">
        <v>82</v>
      </c>
      <c r="L9894" s="6" t="s">
        <v>51</v>
      </c>
    </row>
    <row r="9895" spans="1:12">
      <c r="A9895" s="6" t="s">
        <v>49</v>
      </c>
      <c r="B9895" s="6"/>
      <c r="C9895" s="6" t="s">
        <v>9919</v>
      </c>
      <c r="D9895" s="6"/>
      <c r="E9895" s="6" t="s">
        <v>9</v>
      </c>
      <c r="F9895" s="7">
        <v>38657</v>
      </c>
      <c r="G9895" s="8">
        <v>1</v>
      </c>
      <c r="H9895" s="8">
        <v>1</v>
      </c>
      <c r="I9895" s="8">
        <v>0</v>
      </c>
      <c r="J9895" s="8">
        <v>1</v>
      </c>
      <c r="K9895" s="9">
        <v>7.84</v>
      </c>
      <c r="L9895" s="6" t="s">
        <v>51</v>
      </c>
    </row>
    <row r="9896" spans="1:12">
      <c r="A9896" s="6" t="s">
        <v>49</v>
      </c>
      <c r="B9896" s="6"/>
      <c r="C9896" s="6" t="s">
        <v>9920</v>
      </c>
      <c r="D9896" s="6"/>
      <c r="E9896" s="6" t="s">
        <v>9</v>
      </c>
      <c r="F9896" s="7">
        <v>38657</v>
      </c>
      <c r="G9896" s="8">
        <v>1</v>
      </c>
      <c r="H9896" s="8">
        <v>1</v>
      </c>
      <c r="I9896" s="8">
        <v>0</v>
      </c>
      <c r="J9896" s="8">
        <v>1</v>
      </c>
      <c r="K9896" s="9">
        <v>13.89</v>
      </c>
      <c r="L9896" s="6" t="s">
        <v>51</v>
      </c>
    </row>
    <row r="9897" spans="1:12">
      <c r="A9897" s="6" t="s">
        <v>49</v>
      </c>
      <c r="B9897" s="6"/>
      <c r="C9897" s="6" t="s">
        <v>9921</v>
      </c>
      <c r="D9897" s="6"/>
      <c r="E9897" s="6" t="s">
        <v>9</v>
      </c>
      <c r="F9897" s="7">
        <v>38657</v>
      </c>
      <c r="G9897" s="8">
        <v>1</v>
      </c>
      <c r="H9897" s="8">
        <v>1</v>
      </c>
      <c r="I9897" s="8">
        <v>0</v>
      </c>
      <c r="J9897" s="8">
        <v>1</v>
      </c>
      <c r="K9897" s="9">
        <v>33</v>
      </c>
      <c r="L9897" s="6" t="s">
        <v>51</v>
      </c>
    </row>
    <row r="9898" spans="1:12">
      <c r="A9898" s="6" t="s">
        <v>49</v>
      </c>
      <c r="B9898" s="6"/>
      <c r="C9898" s="6" t="s">
        <v>9922</v>
      </c>
      <c r="D9898" s="6"/>
      <c r="E9898" s="6" t="s">
        <v>9</v>
      </c>
      <c r="F9898" s="7">
        <v>38657</v>
      </c>
      <c r="G9898" s="8">
        <v>1</v>
      </c>
      <c r="H9898" s="8">
        <v>1</v>
      </c>
      <c r="I9898" s="8">
        <v>0</v>
      </c>
      <c r="J9898" s="8">
        <v>1</v>
      </c>
      <c r="K9898" s="9">
        <v>26</v>
      </c>
      <c r="L9898" s="6" t="s">
        <v>51</v>
      </c>
    </row>
    <row r="9899" spans="1:12">
      <c r="A9899" s="6" t="s">
        <v>49</v>
      </c>
      <c r="B9899" s="6"/>
      <c r="C9899" s="6" t="s">
        <v>9923</v>
      </c>
      <c r="D9899" s="6"/>
      <c r="E9899" s="6" t="s">
        <v>9</v>
      </c>
      <c r="F9899" s="7">
        <v>38657</v>
      </c>
      <c r="G9899" s="8">
        <v>1</v>
      </c>
      <c r="H9899" s="8">
        <v>1</v>
      </c>
      <c r="I9899" s="8">
        <v>0</v>
      </c>
      <c r="J9899" s="8">
        <v>1</v>
      </c>
      <c r="K9899" s="9">
        <v>39</v>
      </c>
      <c r="L9899" s="6" t="s">
        <v>51</v>
      </c>
    </row>
    <row r="9900" spans="1:12">
      <c r="A9900" s="6" t="s">
        <v>49</v>
      </c>
      <c r="B9900" s="6"/>
      <c r="C9900" s="6" t="s">
        <v>9924</v>
      </c>
      <c r="D9900" s="6"/>
      <c r="E9900" s="6" t="s">
        <v>9</v>
      </c>
      <c r="F9900" s="7">
        <v>38657</v>
      </c>
      <c r="G9900" s="8">
        <v>1</v>
      </c>
      <c r="H9900" s="8">
        <v>1</v>
      </c>
      <c r="I9900" s="8">
        <v>0</v>
      </c>
      <c r="J9900" s="8">
        <v>1</v>
      </c>
      <c r="K9900" s="9">
        <v>14</v>
      </c>
      <c r="L9900" s="6" t="s">
        <v>51</v>
      </c>
    </row>
    <row r="9901" spans="1:12">
      <c r="A9901" s="6" t="s">
        <v>49</v>
      </c>
      <c r="B9901" s="6"/>
      <c r="C9901" s="6" t="s">
        <v>9925</v>
      </c>
      <c r="D9901" s="6"/>
      <c r="E9901" s="6" t="s">
        <v>9</v>
      </c>
      <c r="F9901" s="7">
        <v>38657</v>
      </c>
      <c r="G9901" s="8">
        <v>1</v>
      </c>
      <c r="H9901" s="8">
        <v>1</v>
      </c>
      <c r="I9901" s="8">
        <v>0</v>
      </c>
      <c r="J9901" s="8">
        <v>1</v>
      </c>
      <c r="K9901" s="9">
        <v>2.46</v>
      </c>
      <c r="L9901" s="6" t="s">
        <v>51</v>
      </c>
    </row>
    <row r="9902" spans="1:12">
      <c r="A9902" s="6" t="s">
        <v>49</v>
      </c>
      <c r="B9902" s="6"/>
      <c r="C9902" s="6" t="s">
        <v>9926</v>
      </c>
      <c r="D9902" s="6"/>
      <c r="E9902" s="6" t="s">
        <v>9</v>
      </c>
      <c r="F9902" s="7">
        <v>38657</v>
      </c>
      <c r="G9902" s="8">
        <v>1</v>
      </c>
      <c r="H9902" s="8">
        <v>1</v>
      </c>
      <c r="I9902" s="8">
        <v>0</v>
      </c>
      <c r="J9902" s="8">
        <v>1</v>
      </c>
      <c r="K9902" s="9">
        <v>49</v>
      </c>
      <c r="L9902" s="6" t="s">
        <v>51</v>
      </c>
    </row>
    <row r="9903" spans="1:12">
      <c r="A9903" s="6" t="s">
        <v>49</v>
      </c>
      <c r="B9903" s="6"/>
      <c r="C9903" s="6" t="s">
        <v>9927</v>
      </c>
      <c r="D9903" s="6"/>
      <c r="E9903" s="6" t="s">
        <v>9</v>
      </c>
      <c r="F9903" s="7">
        <v>38657</v>
      </c>
      <c r="G9903" s="8">
        <v>1</v>
      </c>
      <c r="H9903" s="8">
        <v>1</v>
      </c>
      <c r="I9903" s="8">
        <v>0</v>
      </c>
      <c r="J9903" s="8">
        <v>1</v>
      </c>
      <c r="K9903" s="9">
        <v>14</v>
      </c>
      <c r="L9903" s="6" t="s">
        <v>51</v>
      </c>
    </row>
    <row r="9904" spans="1:12">
      <c r="A9904" s="6" t="s">
        <v>49</v>
      </c>
      <c r="B9904" s="6"/>
      <c r="C9904" s="6" t="s">
        <v>9928</v>
      </c>
      <c r="D9904" s="6"/>
      <c r="E9904" s="6" t="s">
        <v>9</v>
      </c>
      <c r="F9904" s="7">
        <v>38657</v>
      </c>
      <c r="G9904" s="8">
        <v>1</v>
      </c>
      <c r="H9904" s="8">
        <v>1</v>
      </c>
      <c r="I9904" s="8">
        <v>0</v>
      </c>
      <c r="J9904" s="8">
        <v>1</v>
      </c>
      <c r="K9904" s="9">
        <v>34</v>
      </c>
      <c r="L9904" s="6" t="s">
        <v>51</v>
      </c>
    </row>
    <row r="9905" spans="1:12">
      <c r="A9905" s="6" t="s">
        <v>49</v>
      </c>
      <c r="B9905" s="6"/>
      <c r="C9905" s="6" t="s">
        <v>9929</v>
      </c>
      <c r="D9905" s="6"/>
      <c r="E9905" s="6" t="s">
        <v>9</v>
      </c>
      <c r="F9905" s="7">
        <v>38657</v>
      </c>
      <c r="G9905" s="8">
        <v>1</v>
      </c>
      <c r="H9905" s="8">
        <v>1</v>
      </c>
      <c r="I9905" s="8">
        <v>0</v>
      </c>
      <c r="J9905" s="8">
        <v>1</v>
      </c>
      <c r="K9905" s="9">
        <v>106</v>
      </c>
      <c r="L9905" s="6" t="s">
        <v>51</v>
      </c>
    </row>
    <row r="9906" spans="1:12">
      <c r="A9906" s="6" t="s">
        <v>49</v>
      </c>
      <c r="B9906" s="6"/>
      <c r="C9906" s="6" t="s">
        <v>9930</v>
      </c>
      <c r="D9906" s="6"/>
      <c r="E9906" s="6" t="s">
        <v>9</v>
      </c>
      <c r="F9906" s="7">
        <v>38657</v>
      </c>
      <c r="G9906" s="8">
        <v>1</v>
      </c>
      <c r="H9906" s="8">
        <v>1</v>
      </c>
      <c r="I9906" s="8">
        <v>0</v>
      </c>
      <c r="J9906" s="8">
        <v>1</v>
      </c>
      <c r="K9906" s="9">
        <v>139</v>
      </c>
      <c r="L9906" s="6" t="s">
        <v>51</v>
      </c>
    </row>
    <row r="9907" spans="1:12">
      <c r="A9907" s="6" t="s">
        <v>49</v>
      </c>
      <c r="B9907" s="6"/>
      <c r="C9907" s="6" t="s">
        <v>9931</v>
      </c>
      <c r="D9907" s="6"/>
      <c r="E9907" s="6" t="s">
        <v>9</v>
      </c>
      <c r="F9907" s="7">
        <v>38657</v>
      </c>
      <c r="G9907" s="8">
        <v>1</v>
      </c>
      <c r="H9907" s="8">
        <v>1</v>
      </c>
      <c r="I9907" s="8">
        <v>0</v>
      </c>
      <c r="J9907" s="8">
        <v>1</v>
      </c>
      <c r="K9907" s="9">
        <v>11.95</v>
      </c>
      <c r="L9907" s="6" t="s">
        <v>51</v>
      </c>
    </row>
    <row r="9908" spans="1:12">
      <c r="A9908" s="6" t="s">
        <v>49</v>
      </c>
      <c r="B9908" s="6"/>
      <c r="C9908" s="6" t="s">
        <v>9932</v>
      </c>
      <c r="D9908" s="6"/>
      <c r="E9908" s="6" t="s">
        <v>9</v>
      </c>
      <c r="F9908" s="7">
        <v>38657</v>
      </c>
      <c r="G9908" s="8">
        <v>1</v>
      </c>
      <c r="H9908" s="8">
        <v>1</v>
      </c>
      <c r="I9908" s="8">
        <v>0</v>
      </c>
      <c r="J9908" s="8">
        <v>1</v>
      </c>
      <c r="K9908" s="9">
        <v>17</v>
      </c>
      <c r="L9908" s="6" t="s">
        <v>51</v>
      </c>
    </row>
    <row r="9909" spans="1:12">
      <c r="A9909" s="6" t="s">
        <v>49</v>
      </c>
      <c r="B9909" s="6"/>
      <c r="C9909" s="6" t="s">
        <v>9933</v>
      </c>
      <c r="D9909" s="6"/>
      <c r="E9909" s="6" t="s">
        <v>9</v>
      </c>
      <c r="F9909" s="7">
        <v>38657</v>
      </c>
      <c r="G9909" s="8">
        <v>1</v>
      </c>
      <c r="H9909" s="8">
        <v>1</v>
      </c>
      <c r="I9909" s="8">
        <v>0</v>
      </c>
      <c r="J9909" s="8">
        <v>1</v>
      </c>
      <c r="K9909" s="9">
        <v>36</v>
      </c>
      <c r="L9909" s="6" t="s">
        <v>51</v>
      </c>
    </row>
    <row r="9910" spans="1:12">
      <c r="A9910" s="6" t="s">
        <v>49</v>
      </c>
      <c r="B9910" s="6"/>
      <c r="C9910" s="6" t="s">
        <v>9934</v>
      </c>
      <c r="D9910" s="6"/>
      <c r="E9910" s="6" t="s">
        <v>9</v>
      </c>
      <c r="F9910" s="7">
        <v>38657</v>
      </c>
      <c r="G9910" s="8">
        <v>1</v>
      </c>
      <c r="H9910" s="8">
        <v>1</v>
      </c>
      <c r="I9910" s="8">
        <v>0</v>
      </c>
      <c r="J9910" s="8">
        <v>1</v>
      </c>
      <c r="K9910" s="9">
        <v>24</v>
      </c>
      <c r="L9910" s="6" t="s">
        <v>51</v>
      </c>
    </row>
    <row r="9911" spans="1:12">
      <c r="A9911" s="6" t="s">
        <v>49</v>
      </c>
      <c r="B9911" s="6"/>
      <c r="C9911" s="6" t="s">
        <v>9935</v>
      </c>
      <c r="D9911" s="6"/>
      <c r="E9911" s="6" t="s">
        <v>9</v>
      </c>
      <c r="F9911" s="7">
        <v>38657</v>
      </c>
      <c r="G9911" s="8">
        <v>1</v>
      </c>
      <c r="H9911" s="8">
        <v>1</v>
      </c>
      <c r="I9911" s="8">
        <v>0</v>
      </c>
      <c r="J9911" s="8">
        <v>1</v>
      </c>
      <c r="K9911" s="9">
        <v>92</v>
      </c>
      <c r="L9911" s="6" t="s">
        <v>51</v>
      </c>
    </row>
    <row r="9912" spans="1:12">
      <c r="A9912" s="6" t="s">
        <v>49</v>
      </c>
      <c r="B9912" s="6"/>
      <c r="C9912" s="6" t="s">
        <v>9936</v>
      </c>
      <c r="D9912" s="6"/>
      <c r="E9912" s="6" t="s">
        <v>9</v>
      </c>
      <c r="F9912" s="7">
        <v>38657</v>
      </c>
      <c r="G9912" s="8">
        <v>1</v>
      </c>
      <c r="H9912" s="8">
        <v>1</v>
      </c>
      <c r="I9912" s="8">
        <v>0</v>
      </c>
      <c r="J9912" s="8">
        <v>1</v>
      </c>
      <c r="K9912" s="9">
        <v>2.4900000000000002</v>
      </c>
      <c r="L9912" s="6" t="s">
        <v>51</v>
      </c>
    </row>
    <row r="9913" spans="1:12">
      <c r="A9913" s="6" t="s">
        <v>49</v>
      </c>
      <c r="B9913" s="6"/>
      <c r="C9913" s="6" t="s">
        <v>9937</v>
      </c>
      <c r="D9913" s="6"/>
      <c r="E9913" s="6" t="s">
        <v>9</v>
      </c>
      <c r="F9913" s="7">
        <v>39807</v>
      </c>
      <c r="G9913" s="8">
        <v>1</v>
      </c>
      <c r="H9913" s="8">
        <v>1</v>
      </c>
      <c r="I9913" s="8">
        <v>0</v>
      </c>
      <c r="J9913" s="8">
        <v>1</v>
      </c>
      <c r="K9913" s="9">
        <v>2.79</v>
      </c>
      <c r="L9913" s="6" t="s">
        <v>51</v>
      </c>
    </row>
    <row r="9914" spans="1:12">
      <c r="A9914" s="6" t="s">
        <v>49</v>
      </c>
      <c r="B9914" s="6"/>
      <c r="C9914" s="6" t="s">
        <v>9938</v>
      </c>
      <c r="D9914" s="6"/>
      <c r="E9914" s="6" t="s">
        <v>9</v>
      </c>
      <c r="F9914" s="7">
        <v>38657</v>
      </c>
      <c r="G9914" s="8">
        <v>1</v>
      </c>
      <c r="H9914" s="8">
        <v>1</v>
      </c>
      <c r="I9914" s="8">
        <v>0</v>
      </c>
      <c r="J9914" s="8">
        <v>1</v>
      </c>
      <c r="K9914" s="9">
        <v>15</v>
      </c>
      <c r="L9914" s="6" t="s">
        <v>51</v>
      </c>
    </row>
    <row r="9915" spans="1:12">
      <c r="A9915" s="6" t="s">
        <v>49</v>
      </c>
      <c r="B9915" s="6"/>
      <c r="C9915" s="6" t="s">
        <v>9939</v>
      </c>
      <c r="D9915" s="6"/>
      <c r="E9915" s="6" t="s">
        <v>9</v>
      </c>
      <c r="F9915" s="7">
        <v>38657</v>
      </c>
      <c r="G9915" s="8">
        <v>1</v>
      </c>
      <c r="H9915" s="8">
        <v>1</v>
      </c>
      <c r="I9915" s="8">
        <v>0</v>
      </c>
      <c r="J9915" s="8">
        <v>1</v>
      </c>
      <c r="K9915" s="9">
        <v>4.79</v>
      </c>
      <c r="L9915" s="6" t="s">
        <v>51</v>
      </c>
    </row>
    <row r="9916" spans="1:12">
      <c r="A9916" s="6" t="s">
        <v>49</v>
      </c>
      <c r="B9916" s="6"/>
      <c r="C9916" s="6" t="s">
        <v>9940</v>
      </c>
      <c r="D9916" s="6"/>
      <c r="E9916" s="6" t="s">
        <v>9</v>
      </c>
      <c r="F9916" s="7">
        <v>38657</v>
      </c>
      <c r="G9916" s="8">
        <v>1</v>
      </c>
      <c r="H9916" s="8">
        <v>1</v>
      </c>
      <c r="I9916" s="8">
        <v>0</v>
      </c>
      <c r="J9916" s="8">
        <v>1</v>
      </c>
      <c r="K9916" s="9">
        <v>142.78</v>
      </c>
      <c r="L9916" s="6" t="s">
        <v>51</v>
      </c>
    </row>
    <row r="9917" spans="1:12">
      <c r="A9917" s="6" t="s">
        <v>49</v>
      </c>
      <c r="B9917" s="6"/>
      <c r="C9917" s="6" t="s">
        <v>9941</v>
      </c>
      <c r="D9917" s="6"/>
      <c r="E9917" s="6" t="s">
        <v>9</v>
      </c>
      <c r="F9917" s="7">
        <v>38657</v>
      </c>
      <c r="G9917" s="8">
        <v>1</v>
      </c>
      <c r="H9917" s="8">
        <v>1</v>
      </c>
      <c r="I9917" s="8">
        <v>0</v>
      </c>
      <c r="J9917" s="8">
        <v>1</v>
      </c>
      <c r="K9917" s="9">
        <v>36.1</v>
      </c>
      <c r="L9917" s="6" t="s">
        <v>51</v>
      </c>
    </row>
    <row r="9918" spans="1:12">
      <c r="A9918" s="6" t="s">
        <v>49</v>
      </c>
      <c r="B9918" s="6"/>
      <c r="C9918" s="6" t="s">
        <v>9942</v>
      </c>
      <c r="D9918" s="6"/>
      <c r="E9918" s="6" t="s">
        <v>9</v>
      </c>
      <c r="F9918" s="7">
        <v>38657</v>
      </c>
      <c r="G9918" s="8">
        <v>1</v>
      </c>
      <c r="H9918" s="8">
        <v>1</v>
      </c>
      <c r="I9918" s="8">
        <v>0</v>
      </c>
      <c r="J9918" s="8">
        <v>1</v>
      </c>
      <c r="K9918" s="9">
        <v>2.04</v>
      </c>
      <c r="L9918" s="6" t="s">
        <v>51</v>
      </c>
    </row>
    <row r="9919" spans="1:12">
      <c r="A9919" s="6" t="s">
        <v>49</v>
      </c>
      <c r="B9919" s="6"/>
      <c r="C9919" s="6" t="s">
        <v>9943</v>
      </c>
      <c r="D9919" s="6"/>
      <c r="E9919" s="6" t="s">
        <v>9</v>
      </c>
      <c r="F9919" s="7">
        <v>38657</v>
      </c>
      <c r="G9919" s="8">
        <v>1</v>
      </c>
      <c r="H9919" s="8">
        <v>1</v>
      </c>
      <c r="I9919" s="8">
        <v>0</v>
      </c>
      <c r="J9919" s="8">
        <v>1</v>
      </c>
      <c r="K9919" s="9">
        <v>95.47</v>
      </c>
      <c r="L9919" s="6" t="s">
        <v>51</v>
      </c>
    </row>
    <row r="9920" spans="1:12">
      <c r="A9920" s="6" t="s">
        <v>49</v>
      </c>
      <c r="B9920" s="6"/>
      <c r="C9920" s="6" t="s">
        <v>9944</v>
      </c>
      <c r="D9920" s="6"/>
      <c r="E9920" s="6" t="s">
        <v>9</v>
      </c>
      <c r="F9920" s="7">
        <v>38657</v>
      </c>
      <c r="G9920" s="8">
        <v>1</v>
      </c>
      <c r="H9920" s="8">
        <v>1</v>
      </c>
      <c r="I9920" s="8">
        <v>0</v>
      </c>
      <c r="J9920" s="8">
        <v>1</v>
      </c>
      <c r="K9920" s="9">
        <v>9</v>
      </c>
      <c r="L9920" s="6" t="s">
        <v>51</v>
      </c>
    </row>
    <row r="9921" spans="1:12">
      <c r="A9921" s="6" t="s">
        <v>49</v>
      </c>
      <c r="B9921" s="6"/>
      <c r="C9921" s="6" t="s">
        <v>9945</v>
      </c>
      <c r="D9921" s="6"/>
      <c r="E9921" s="6" t="s">
        <v>9</v>
      </c>
      <c r="F9921" s="7">
        <v>38657</v>
      </c>
      <c r="G9921" s="8">
        <v>1</v>
      </c>
      <c r="H9921" s="8">
        <v>1</v>
      </c>
      <c r="I9921" s="8">
        <v>0</v>
      </c>
      <c r="J9921" s="8">
        <v>1</v>
      </c>
      <c r="K9921" s="9">
        <v>15</v>
      </c>
      <c r="L9921" s="6" t="s">
        <v>51</v>
      </c>
    </row>
    <row r="9922" spans="1:12">
      <c r="A9922" s="6" t="s">
        <v>49</v>
      </c>
      <c r="B9922" s="6"/>
      <c r="C9922" s="6" t="s">
        <v>9946</v>
      </c>
      <c r="D9922" s="6"/>
      <c r="E9922" s="6" t="s">
        <v>9</v>
      </c>
      <c r="F9922" s="7">
        <v>38657</v>
      </c>
      <c r="G9922" s="8">
        <v>1</v>
      </c>
      <c r="H9922" s="8">
        <v>1</v>
      </c>
      <c r="I9922" s="8">
        <v>0</v>
      </c>
      <c r="J9922" s="8">
        <v>1</v>
      </c>
      <c r="K9922" s="9">
        <v>60</v>
      </c>
      <c r="L9922" s="6" t="s">
        <v>51</v>
      </c>
    </row>
    <row r="9923" spans="1:12">
      <c r="A9923" s="6" t="s">
        <v>49</v>
      </c>
      <c r="B9923" s="6"/>
      <c r="C9923" s="6" t="s">
        <v>9947</v>
      </c>
      <c r="D9923" s="6"/>
      <c r="E9923" s="6" t="s">
        <v>9</v>
      </c>
      <c r="F9923" s="7">
        <v>38657</v>
      </c>
      <c r="G9923" s="8">
        <v>1</v>
      </c>
      <c r="H9923" s="8">
        <v>1</v>
      </c>
      <c r="I9923" s="8">
        <v>0</v>
      </c>
      <c r="J9923" s="8">
        <v>1</v>
      </c>
      <c r="K9923" s="9">
        <v>5.3</v>
      </c>
      <c r="L9923" s="6" t="s">
        <v>51</v>
      </c>
    </row>
    <row r="9924" spans="1:12">
      <c r="A9924" s="6" t="s">
        <v>49</v>
      </c>
      <c r="B9924" s="6"/>
      <c r="C9924" s="6" t="s">
        <v>9948</v>
      </c>
      <c r="D9924" s="6"/>
      <c r="E9924" s="6" t="s">
        <v>9</v>
      </c>
      <c r="F9924" s="7">
        <v>38657</v>
      </c>
      <c r="G9924" s="8">
        <v>1</v>
      </c>
      <c r="H9924" s="8">
        <v>1</v>
      </c>
      <c r="I9924" s="8">
        <v>0</v>
      </c>
      <c r="J9924" s="8">
        <v>1</v>
      </c>
      <c r="K9924" s="9">
        <v>4.25</v>
      </c>
      <c r="L9924" s="6" t="s">
        <v>51</v>
      </c>
    </row>
    <row r="9925" spans="1:12">
      <c r="A9925" s="6" t="s">
        <v>49</v>
      </c>
      <c r="B9925" s="6"/>
      <c r="C9925" s="6" t="s">
        <v>9949</v>
      </c>
      <c r="D9925" s="6"/>
      <c r="E9925" s="6" t="s">
        <v>9</v>
      </c>
      <c r="F9925" s="7">
        <v>38657</v>
      </c>
      <c r="G9925" s="8">
        <v>1</v>
      </c>
      <c r="H9925" s="8">
        <v>1</v>
      </c>
      <c r="I9925" s="8">
        <v>0</v>
      </c>
      <c r="J9925" s="8">
        <v>1</v>
      </c>
      <c r="K9925" s="9">
        <v>2.7</v>
      </c>
      <c r="L9925" s="6" t="s">
        <v>51</v>
      </c>
    </row>
    <row r="9926" spans="1:12">
      <c r="A9926" s="6" t="s">
        <v>49</v>
      </c>
      <c r="B9926" s="6"/>
      <c r="C9926" s="6" t="s">
        <v>9950</v>
      </c>
      <c r="D9926" s="6"/>
      <c r="E9926" s="6" t="s">
        <v>9</v>
      </c>
      <c r="F9926" s="7">
        <v>38657</v>
      </c>
      <c r="G9926" s="8">
        <v>1</v>
      </c>
      <c r="H9926" s="8">
        <v>1</v>
      </c>
      <c r="I9926" s="8">
        <v>0</v>
      </c>
      <c r="J9926" s="8">
        <v>1</v>
      </c>
      <c r="K9926" s="9">
        <v>3.31</v>
      </c>
      <c r="L9926" s="6" t="s">
        <v>51</v>
      </c>
    </row>
    <row r="9927" spans="1:12">
      <c r="A9927" s="6" t="s">
        <v>49</v>
      </c>
      <c r="B9927" s="6"/>
      <c r="C9927" s="6" t="s">
        <v>9951</v>
      </c>
      <c r="D9927" s="6"/>
      <c r="E9927" s="6" t="s">
        <v>9</v>
      </c>
      <c r="F9927" s="7">
        <v>38657</v>
      </c>
      <c r="G9927" s="8">
        <v>1</v>
      </c>
      <c r="H9927" s="8">
        <v>1</v>
      </c>
      <c r="I9927" s="8">
        <v>0</v>
      </c>
      <c r="J9927" s="8">
        <v>1</v>
      </c>
      <c r="K9927" s="9">
        <v>1.57</v>
      </c>
      <c r="L9927" s="6" t="s">
        <v>51</v>
      </c>
    </row>
    <row r="9928" spans="1:12">
      <c r="A9928" s="6" t="s">
        <v>49</v>
      </c>
      <c r="B9928" s="6"/>
      <c r="C9928" s="6" t="s">
        <v>9952</v>
      </c>
      <c r="D9928" s="6"/>
      <c r="E9928" s="6" t="s">
        <v>9</v>
      </c>
      <c r="F9928" s="7">
        <v>38657</v>
      </c>
      <c r="G9928" s="8">
        <v>1</v>
      </c>
      <c r="H9928" s="8">
        <v>1</v>
      </c>
      <c r="I9928" s="8">
        <v>0</v>
      </c>
      <c r="J9928" s="8">
        <v>1</v>
      </c>
      <c r="K9928" s="9">
        <v>4.5</v>
      </c>
      <c r="L9928" s="6" t="s">
        <v>51</v>
      </c>
    </row>
    <row r="9929" spans="1:12">
      <c r="A9929" s="6" t="s">
        <v>49</v>
      </c>
      <c r="B9929" s="6"/>
      <c r="C9929" s="6" t="s">
        <v>9953</v>
      </c>
      <c r="D9929" s="6"/>
      <c r="E9929" s="6" t="s">
        <v>9</v>
      </c>
      <c r="F9929" s="7">
        <v>38657</v>
      </c>
      <c r="G9929" s="8">
        <v>1</v>
      </c>
      <c r="H9929" s="8">
        <v>1</v>
      </c>
      <c r="I9929" s="8">
        <v>0</v>
      </c>
      <c r="J9929" s="8">
        <v>1</v>
      </c>
      <c r="K9929" s="9">
        <v>59</v>
      </c>
      <c r="L9929" s="6" t="s">
        <v>51</v>
      </c>
    </row>
    <row r="9930" spans="1:12">
      <c r="A9930" s="6" t="s">
        <v>49</v>
      </c>
      <c r="B9930" s="6"/>
      <c r="C9930" s="6" t="s">
        <v>9954</v>
      </c>
      <c r="D9930" s="6"/>
      <c r="E9930" s="6" t="s">
        <v>9</v>
      </c>
      <c r="F9930" s="7">
        <v>38657</v>
      </c>
      <c r="G9930" s="8">
        <v>1</v>
      </c>
      <c r="H9930" s="8">
        <v>1</v>
      </c>
      <c r="I9930" s="8">
        <v>0</v>
      </c>
      <c r="J9930" s="8">
        <v>1</v>
      </c>
      <c r="K9930" s="9">
        <v>6.87</v>
      </c>
      <c r="L9930" s="6" t="s">
        <v>51</v>
      </c>
    </row>
    <row r="9931" spans="1:12">
      <c r="A9931" s="6" t="s">
        <v>49</v>
      </c>
      <c r="B9931" s="6"/>
      <c r="C9931" s="6" t="s">
        <v>9955</v>
      </c>
      <c r="D9931" s="6"/>
      <c r="E9931" s="6" t="s">
        <v>9</v>
      </c>
      <c r="F9931" s="7">
        <v>38657</v>
      </c>
      <c r="G9931" s="8">
        <v>1</v>
      </c>
      <c r="H9931" s="8">
        <v>1</v>
      </c>
      <c r="I9931" s="8">
        <v>0</v>
      </c>
      <c r="J9931" s="8">
        <v>1</v>
      </c>
      <c r="K9931" s="9">
        <v>2.99</v>
      </c>
      <c r="L9931" s="6" t="s">
        <v>51</v>
      </c>
    </row>
    <row r="9932" spans="1:12">
      <c r="A9932" s="6" t="s">
        <v>49</v>
      </c>
      <c r="B9932" s="6"/>
      <c r="C9932" s="6" t="s">
        <v>9956</v>
      </c>
      <c r="D9932" s="6"/>
      <c r="E9932" s="6" t="s">
        <v>9</v>
      </c>
      <c r="F9932" s="7">
        <v>38657</v>
      </c>
      <c r="G9932" s="8">
        <v>1</v>
      </c>
      <c r="H9932" s="8">
        <v>1</v>
      </c>
      <c r="I9932" s="8">
        <v>0</v>
      </c>
      <c r="J9932" s="8">
        <v>1</v>
      </c>
      <c r="K9932" s="9">
        <v>4.46</v>
      </c>
      <c r="L9932" s="6" t="s">
        <v>51</v>
      </c>
    </row>
    <row r="9933" spans="1:12">
      <c r="A9933" s="6" t="s">
        <v>49</v>
      </c>
      <c r="B9933" s="6"/>
      <c r="C9933" s="6" t="s">
        <v>9957</v>
      </c>
      <c r="D9933" s="6"/>
      <c r="E9933" s="6" t="s">
        <v>9</v>
      </c>
      <c r="F9933" s="7">
        <v>38657</v>
      </c>
      <c r="G9933" s="8">
        <v>1</v>
      </c>
      <c r="H9933" s="8">
        <v>1</v>
      </c>
      <c r="I9933" s="8">
        <v>0</v>
      </c>
      <c r="J9933" s="8">
        <v>1</v>
      </c>
      <c r="K9933" s="9">
        <v>6.15</v>
      </c>
      <c r="L9933" s="6" t="s">
        <v>51</v>
      </c>
    </row>
    <row r="9934" spans="1:12">
      <c r="A9934" s="6" t="s">
        <v>49</v>
      </c>
      <c r="B9934" s="6"/>
      <c r="C9934" s="6" t="s">
        <v>9958</v>
      </c>
      <c r="D9934" s="6"/>
      <c r="E9934" s="6" t="s">
        <v>9</v>
      </c>
      <c r="F9934" s="7">
        <v>38657</v>
      </c>
      <c r="G9934" s="8">
        <v>1</v>
      </c>
      <c r="H9934" s="8">
        <v>1</v>
      </c>
      <c r="I9934" s="8">
        <v>0</v>
      </c>
      <c r="J9934" s="8">
        <v>1</v>
      </c>
      <c r="K9934" s="9">
        <v>11</v>
      </c>
      <c r="L9934" s="6" t="s">
        <v>51</v>
      </c>
    </row>
    <row r="9935" spans="1:12">
      <c r="A9935" s="6" t="s">
        <v>49</v>
      </c>
      <c r="B9935" s="6"/>
      <c r="C9935" s="6" t="s">
        <v>9959</v>
      </c>
      <c r="D9935" s="6"/>
      <c r="E9935" s="6" t="s">
        <v>9</v>
      </c>
      <c r="F9935" s="7">
        <v>38657</v>
      </c>
      <c r="G9935" s="8">
        <v>1</v>
      </c>
      <c r="H9935" s="8">
        <v>1</v>
      </c>
      <c r="I9935" s="8">
        <v>0</v>
      </c>
      <c r="J9935" s="8">
        <v>1</v>
      </c>
      <c r="K9935" s="9">
        <v>6.63</v>
      </c>
      <c r="L9935" s="6" t="s">
        <v>51</v>
      </c>
    </row>
    <row r="9936" spans="1:12">
      <c r="A9936" s="6" t="s">
        <v>49</v>
      </c>
      <c r="B9936" s="6"/>
      <c r="C9936" s="6" t="s">
        <v>9960</v>
      </c>
      <c r="D9936" s="6"/>
      <c r="E9936" s="6" t="s">
        <v>9</v>
      </c>
      <c r="F9936" s="7">
        <v>38657</v>
      </c>
      <c r="G9936" s="8">
        <v>1</v>
      </c>
      <c r="H9936" s="8">
        <v>1</v>
      </c>
      <c r="I9936" s="8">
        <v>0</v>
      </c>
      <c r="J9936" s="8">
        <v>1</v>
      </c>
      <c r="K9936" s="9">
        <v>13</v>
      </c>
      <c r="L9936" s="6" t="s">
        <v>51</v>
      </c>
    </row>
    <row r="9937" spans="1:12">
      <c r="A9937" s="6" t="s">
        <v>49</v>
      </c>
      <c r="B9937" s="6"/>
      <c r="C9937" s="6" t="s">
        <v>9961</v>
      </c>
      <c r="D9937" s="6"/>
      <c r="E9937" s="6" t="s">
        <v>9</v>
      </c>
      <c r="F9937" s="7">
        <v>38657</v>
      </c>
      <c r="G9937" s="8">
        <v>1</v>
      </c>
      <c r="H9937" s="8">
        <v>1</v>
      </c>
      <c r="I9937" s="8">
        <v>0</v>
      </c>
      <c r="J9937" s="8">
        <v>1</v>
      </c>
      <c r="K9937" s="9">
        <v>85</v>
      </c>
      <c r="L9937" s="6" t="s">
        <v>51</v>
      </c>
    </row>
    <row r="9938" spans="1:12">
      <c r="A9938" s="6" t="s">
        <v>49</v>
      </c>
      <c r="B9938" s="6"/>
      <c r="C9938" s="6" t="s">
        <v>9962</v>
      </c>
      <c r="D9938" s="6"/>
      <c r="E9938" s="6" t="s">
        <v>9</v>
      </c>
      <c r="F9938" s="7">
        <v>38657</v>
      </c>
      <c r="G9938" s="8">
        <v>1</v>
      </c>
      <c r="H9938" s="8">
        <v>1</v>
      </c>
      <c r="I9938" s="8">
        <v>0</v>
      </c>
      <c r="J9938" s="8">
        <v>1</v>
      </c>
      <c r="K9938" s="9">
        <v>11</v>
      </c>
      <c r="L9938" s="6" t="s">
        <v>51</v>
      </c>
    </row>
    <row r="9939" spans="1:12">
      <c r="A9939" s="6" t="s">
        <v>49</v>
      </c>
      <c r="B9939" s="6"/>
      <c r="C9939" s="6" t="s">
        <v>9963</v>
      </c>
      <c r="D9939" s="6"/>
      <c r="E9939" s="6" t="s">
        <v>9</v>
      </c>
      <c r="F9939" s="7">
        <v>38657</v>
      </c>
      <c r="G9939" s="8">
        <v>1</v>
      </c>
      <c r="H9939" s="8">
        <v>1</v>
      </c>
      <c r="I9939" s="8">
        <v>0</v>
      </c>
      <c r="J9939" s="8">
        <v>1</v>
      </c>
      <c r="K9939" s="9">
        <v>1.48</v>
      </c>
      <c r="L9939" s="6" t="s">
        <v>51</v>
      </c>
    </row>
    <row r="9940" spans="1:12">
      <c r="A9940" s="6" t="s">
        <v>49</v>
      </c>
      <c r="B9940" s="6"/>
      <c r="C9940" s="6" t="s">
        <v>9964</v>
      </c>
      <c r="D9940" s="6"/>
      <c r="E9940" s="6" t="s">
        <v>9</v>
      </c>
      <c r="F9940" s="7">
        <v>38657</v>
      </c>
      <c r="G9940" s="8">
        <v>1</v>
      </c>
      <c r="H9940" s="8">
        <v>1</v>
      </c>
      <c r="I9940" s="8">
        <v>0</v>
      </c>
      <c r="J9940" s="8">
        <v>1</v>
      </c>
      <c r="K9940" s="9">
        <v>61</v>
      </c>
      <c r="L9940" s="6" t="s">
        <v>51</v>
      </c>
    </row>
    <row r="9941" spans="1:12">
      <c r="A9941" s="6" t="s">
        <v>49</v>
      </c>
      <c r="B9941" s="6"/>
      <c r="C9941" s="6" t="s">
        <v>9965</v>
      </c>
      <c r="D9941" s="6"/>
      <c r="E9941" s="6" t="s">
        <v>9</v>
      </c>
      <c r="F9941" s="7">
        <v>38657</v>
      </c>
      <c r="G9941" s="8">
        <v>1</v>
      </c>
      <c r="H9941" s="8">
        <v>1</v>
      </c>
      <c r="I9941" s="8">
        <v>0</v>
      </c>
      <c r="J9941" s="8">
        <v>1</v>
      </c>
      <c r="K9941" s="9">
        <v>402</v>
      </c>
      <c r="L9941" s="6" t="s">
        <v>51</v>
      </c>
    </row>
    <row r="9942" spans="1:12">
      <c r="A9942" s="6" t="s">
        <v>49</v>
      </c>
      <c r="B9942" s="6"/>
      <c r="C9942" s="6" t="s">
        <v>9966</v>
      </c>
      <c r="D9942" s="6"/>
      <c r="E9942" s="6" t="s">
        <v>9</v>
      </c>
      <c r="F9942" s="7">
        <v>38657</v>
      </c>
      <c r="G9942" s="8">
        <v>1</v>
      </c>
      <c r="H9942" s="8">
        <v>1</v>
      </c>
      <c r="I9942" s="8">
        <v>0</v>
      </c>
      <c r="J9942" s="8">
        <v>1</v>
      </c>
      <c r="K9942" s="9">
        <v>61</v>
      </c>
      <c r="L9942" s="6" t="s">
        <v>51</v>
      </c>
    </row>
    <row r="9943" spans="1:12">
      <c r="A9943" s="6" t="s">
        <v>49</v>
      </c>
      <c r="B9943" s="6"/>
      <c r="C9943" s="6" t="s">
        <v>9967</v>
      </c>
      <c r="D9943" s="6"/>
      <c r="E9943" s="6" t="s">
        <v>9</v>
      </c>
      <c r="F9943" s="7">
        <v>38657</v>
      </c>
      <c r="G9943" s="8">
        <v>1</v>
      </c>
      <c r="H9943" s="8">
        <v>1</v>
      </c>
      <c r="I9943" s="8">
        <v>0</v>
      </c>
      <c r="J9943" s="8">
        <v>1</v>
      </c>
      <c r="K9943" s="9">
        <v>85</v>
      </c>
      <c r="L9943" s="6" t="s">
        <v>51</v>
      </c>
    </row>
    <row r="9944" spans="1:12">
      <c r="A9944" s="6" t="s">
        <v>49</v>
      </c>
      <c r="B9944" s="6"/>
      <c r="C9944" s="6" t="s">
        <v>9968</v>
      </c>
      <c r="D9944" s="6"/>
      <c r="E9944" s="6" t="s">
        <v>9</v>
      </c>
      <c r="F9944" s="7">
        <v>38657</v>
      </c>
      <c r="G9944" s="8">
        <v>1</v>
      </c>
      <c r="H9944" s="8">
        <v>1</v>
      </c>
      <c r="I9944" s="8">
        <v>0</v>
      </c>
      <c r="J9944" s="8">
        <v>1</v>
      </c>
      <c r="K9944" s="9">
        <v>21</v>
      </c>
      <c r="L9944" s="6" t="s">
        <v>51</v>
      </c>
    </row>
    <row r="9945" spans="1:12">
      <c r="A9945" s="6" t="s">
        <v>49</v>
      </c>
      <c r="B9945" s="6"/>
      <c r="C9945" s="6" t="s">
        <v>9969</v>
      </c>
      <c r="D9945" s="6"/>
      <c r="E9945" s="6" t="s">
        <v>9</v>
      </c>
      <c r="F9945" s="7">
        <v>38657</v>
      </c>
      <c r="G9945" s="8">
        <v>1</v>
      </c>
      <c r="H9945" s="8">
        <v>1</v>
      </c>
      <c r="I9945" s="8">
        <v>0</v>
      </c>
      <c r="J9945" s="8">
        <v>1</v>
      </c>
      <c r="K9945" s="9">
        <v>2.5499999999999901</v>
      </c>
      <c r="L9945" s="6" t="s">
        <v>51</v>
      </c>
    </row>
    <row r="9946" spans="1:12">
      <c r="A9946" s="6" t="s">
        <v>49</v>
      </c>
      <c r="B9946" s="6"/>
      <c r="C9946" s="6" t="s">
        <v>9970</v>
      </c>
      <c r="D9946" s="6"/>
      <c r="E9946" s="6" t="s">
        <v>9</v>
      </c>
      <c r="F9946" s="7">
        <v>38657</v>
      </c>
      <c r="G9946" s="8">
        <v>1</v>
      </c>
      <c r="H9946" s="8">
        <v>1</v>
      </c>
      <c r="I9946" s="8">
        <v>0</v>
      </c>
      <c r="J9946" s="8">
        <v>1</v>
      </c>
      <c r="K9946" s="9">
        <v>9.7899999999999903</v>
      </c>
      <c r="L9946" s="6" t="s">
        <v>51</v>
      </c>
    </row>
    <row r="9947" spans="1:12">
      <c r="A9947" s="6" t="s">
        <v>49</v>
      </c>
      <c r="B9947" s="6"/>
      <c r="C9947" s="6" t="s">
        <v>9971</v>
      </c>
      <c r="D9947" s="6"/>
      <c r="E9947" s="6" t="s">
        <v>9</v>
      </c>
      <c r="F9947" s="7">
        <v>38657</v>
      </c>
      <c r="G9947" s="8">
        <v>1</v>
      </c>
      <c r="H9947" s="8">
        <v>1</v>
      </c>
      <c r="I9947" s="8">
        <v>0</v>
      </c>
      <c r="J9947" s="8">
        <v>1</v>
      </c>
      <c r="K9947" s="9">
        <v>2</v>
      </c>
      <c r="L9947" s="6" t="s">
        <v>51</v>
      </c>
    </row>
    <row r="9948" spans="1:12">
      <c r="A9948" s="6" t="s">
        <v>49</v>
      </c>
      <c r="B9948" s="6"/>
      <c r="C9948" s="6" t="s">
        <v>9972</v>
      </c>
      <c r="D9948" s="6"/>
      <c r="E9948" s="6" t="s">
        <v>9</v>
      </c>
      <c r="F9948" s="7">
        <v>38657</v>
      </c>
      <c r="G9948" s="8">
        <v>1</v>
      </c>
      <c r="H9948" s="8">
        <v>1</v>
      </c>
      <c r="I9948" s="8">
        <v>0</v>
      </c>
      <c r="J9948" s="8">
        <v>1</v>
      </c>
      <c r="K9948" s="9">
        <v>17</v>
      </c>
      <c r="L9948" s="6" t="s">
        <v>51</v>
      </c>
    </row>
    <row r="9949" spans="1:12">
      <c r="A9949" s="6" t="s">
        <v>49</v>
      </c>
      <c r="B9949" s="6"/>
      <c r="C9949" s="6" t="s">
        <v>9973</v>
      </c>
      <c r="D9949" s="6"/>
      <c r="E9949" s="6" t="s">
        <v>9</v>
      </c>
      <c r="F9949" s="7">
        <v>38657</v>
      </c>
      <c r="G9949" s="8">
        <v>1</v>
      </c>
      <c r="H9949" s="8">
        <v>1</v>
      </c>
      <c r="I9949" s="8">
        <v>0</v>
      </c>
      <c r="J9949" s="8">
        <v>1</v>
      </c>
      <c r="K9949" s="9">
        <v>5.03</v>
      </c>
      <c r="L9949" s="6" t="s">
        <v>51</v>
      </c>
    </row>
    <row r="9950" spans="1:12">
      <c r="A9950" s="6" t="s">
        <v>49</v>
      </c>
      <c r="B9950" s="6"/>
      <c r="C9950" s="6" t="s">
        <v>9974</v>
      </c>
      <c r="D9950" s="6"/>
      <c r="E9950" s="6" t="s">
        <v>9</v>
      </c>
      <c r="F9950" s="7">
        <v>38657</v>
      </c>
      <c r="G9950" s="8">
        <v>1</v>
      </c>
      <c r="H9950" s="8">
        <v>1</v>
      </c>
      <c r="I9950" s="8">
        <v>0</v>
      </c>
      <c r="J9950" s="8">
        <v>1</v>
      </c>
      <c r="K9950" s="9">
        <v>6.53</v>
      </c>
      <c r="L9950" s="6" t="s">
        <v>51</v>
      </c>
    </row>
    <row r="9951" spans="1:12">
      <c r="A9951" s="6" t="s">
        <v>49</v>
      </c>
      <c r="B9951" s="6"/>
      <c r="C9951" s="6" t="s">
        <v>9975</v>
      </c>
      <c r="D9951" s="6"/>
      <c r="E9951" s="6" t="s">
        <v>9</v>
      </c>
      <c r="F9951" s="7">
        <v>38657</v>
      </c>
      <c r="G9951" s="8">
        <v>1</v>
      </c>
      <c r="H9951" s="8">
        <v>1</v>
      </c>
      <c r="I9951" s="8">
        <v>0</v>
      </c>
      <c r="J9951" s="8">
        <v>1</v>
      </c>
      <c r="K9951" s="9">
        <v>8.57</v>
      </c>
      <c r="L9951" s="6" t="s">
        <v>51</v>
      </c>
    </row>
    <row r="9952" spans="1:12">
      <c r="A9952" s="6" t="s">
        <v>49</v>
      </c>
      <c r="B9952" s="6"/>
      <c r="C9952" s="6" t="s">
        <v>9976</v>
      </c>
      <c r="D9952" s="6"/>
      <c r="E9952" s="6" t="s">
        <v>9</v>
      </c>
      <c r="F9952" s="7">
        <v>38657</v>
      </c>
      <c r="G9952" s="8">
        <v>1</v>
      </c>
      <c r="H9952" s="8">
        <v>1</v>
      </c>
      <c r="I9952" s="8">
        <v>0</v>
      </c>
      <c r="J9952" s="8">
        <v>1</v>
      </c>
      <c r="K9952" s="9">
        <v>61</v>
      </c>
      <c r="L9952" s="6" t="s">
        <v>51</v>
      </c>
    </row>
    <row r="9953" spans="1:12">
      <c r="A9953" s="6" t="s">
        <v>49</v>
      </c>
      <c r="B9953" s="6"/>
      <c r="C9953" s="6" t="s">
        <v>9977</v>
      </c>
      <c r="D9953" s="6"/>
      <c r="E9953" s="6" t="s">
        <v>9</v>
      </c>
      <c r="F9953" s="7">
        <v>38657</v>
      </c>
      <c r="G9953" s="8">
        <v>1</v>
      </c>
      <c r="H9953" s="8">
        <v>1</v>
      </c>
      <c r="I9953" s="8">
        <v>0</v>
      </c>
      <c r="J9953" s="8">
        <v>1</v>
      </c>
      <c r="K9953" s="9">
        <v>8.51</v>
      </c>
      <c r="L9953" s="6" t="s">
        <v>51</v>
      </c>
    </row>
    <row r="9954" spans="1:12">
      <c r="A9954" s="6" t="s">
        <v>49</v>
      </c>
      <c r="B9954" s="6"/>
      <c r="C9954" s="6" t="s">
        <v>9978</v>
      </c>
      <c r="D9954" s="6"/>
      <c r="E9954" s="6" t="s">
        <v>9</v>
      </c>
      <c r="F9954" s="7">
        <v>38657</v>
      </c>
      <c r="G9954" s="8">
        <v>1</v>
      </c>
      <c r="H9954" s="8">
        <v>1</v>
      </c>
      <c r="I9954" s="8">
        <v>0</v>
      </c>
      <c r="J9954" s="8">
        <v>1</v>
      </c>
      <c r="K9954" s="9">
        <v>10.45</v>
      </c>
      <c r="L9954" s="6" t="s">
        <v>51</v>
      </c>
    </row>
    <row r="9955" spans="1:12">
      <c r="A9955" s="6" t="s">
        <v>49</v>
      </c>
      <c r="B9955" s="6"/>
      <c r="C9955" s="6" t="s">
        <v>9979</v>
      </c>
      <c r="D9955" s="6"/>
      <c r="E9955" s="6" t="s">
        <v>9</v>
      </c>
      <c r="F9955" s="7">
        <v>38657</v>
      </c>
      <c r="G9955" s="8">
        <v>1</v>
      </c>
      <c r="H9955" s="8">
        <v>1</v>
      </c>
      <c r="I9955" s="8">
        <v>0</v>
      </c>
      <c r="J9955" s="8">
        <v>1</v>
      </c>
      <c r="K9955" s="9">
        <v>1.65</v>
      </c>
      <c r="L9955" s="6" t="s">
        <v>51</v>
      </c>
    </row>
    <row r="9956" spans="1:12">
      <c r="A9956" s="6" t="s">
        <v>49</v>
      </c>
      <c r="B9956" s="6"/>
      <c r="C9956" s="6" t="s">
        <v>9980</v>
      </c>
      <c r="D9956" s="6"/>
      <c r="E9956" s="6" t="s">
        <v>9</v>
      </c>
      <c r="F9956" s="7">
        <v>38657</v>
      </c>
      <c r="G9956" s="8">
        <v>1</v>
      </c>
      <c r="H9956" s="8">
        <v>1</v>
      </c>
      <c r="I9956" s="8">
        <v>0</v>
      </c>
      <c r="J9956" s="8">
        <v>1</v>
      </c>
      <c r="K9956" s="9">
        <v>10.33</v>
      </c>
      <c r="L9956" s="6" t="s">
        <v>51</v>
      </c>
    </row>
    <row r="9957" spans="1:12">
      <c r="A9957" s="6" t="s">
        <v>49</v>
      </c>
      <c r="B9957" s="6"/>
      <c r="C9957" s="6" t="s">
        <v>9981</v>
      </c>
      <c r="D9957" s="6"/>
      <c r="E9957" s="6" t="s">
        <v>9</v>
      </c>
      <c r="F9957" s="7">
        <v>38657</v>
      </c>
      <c r="G9957" s="8">
        <v>1</v>
      </c>
      <c r="H9957" s="8">
        <v>1</v>
      </c>
      <c r="I9957" s="8">
        <v>0</v>
      </c>
      <c r="J9957" s="8">
        <v>1</v>
      </c>
      <c r="K9957" s="9">
        <v>9.36</v>
      </c>
      <c r="L9957" s="6" t="s">
        <v>51</v>
      </c>
    </row>
    <row r="9958" spans="1:12">
      <c r="A9958" s="6" t="s">
        <v>49</v>
      </c>
      <c r="B9958" s="6"/>
      <c r="C9958" s="6" t="s">
        <v>9982</v>
      </c>
      <c r="D9958" s="6"/>
      <c r="E9958" s="6" t="s">
        <v>9</v>
      </c>
      <c r="F9958" s="7">
        <v>38657</v>
      </c>
      <c r="G9958" s="8">
        <v>1</v>
      </c>
      <c r="H9958" s="8">
        <v>1</v>
      </c>
      <c r="I9958" s="8">
        <v>0</v>
      </c>
      <c r="J9958" s="8">
        <v>1</v>
      </c>
      <c r="K9958" s="9">
        <v>29.22</v>
      </c>
      <c r="L9958" s="6" t="s">
        <v>51</v>
      </c>
    </row>
    <row r="9959" spans="1:12">
      <c r="A9959" s="6" t="s">
        <v>49</v>
      </c>
      <c r="B9959" s="6"/>
      <c r="C9959" s="6" t="s">
        <v>9983</v>
      </c>
      <c r="D9959" s="6"/>
      <c r="E9959" s="6" t="s">
        <v>9</v>
      </c>
      <c r="F9959" s="7">
        <v>38657</v>
      </c>
      <c r="G9959" s="8">
        <v>1</v>
      </c>
      <c r="H9959" s="8">
        <v>1</v>
      </c>
      <c r="I9959" s="8">
        <v>0</v>
      </c>
      <c r="J9959" s="8">
        <v>1</v>
      </c>
      <c r="K9959" s="9">
        <v>36</v>
      </c>
      <c r="L9959" s="6" t="s">
        <v>51</v>
      </c>
    </row>
    <row r="9960" spans="1:12">
      <c r="A9960" s="6" t="s">
        <v>49</v>
      </c>
      <c r="B9960" s="6"/>
      <c r="C9960" s="6" t="s">
        <v>9984</v>
      </c>
      <c r="D9960" s="6"/>
      <c r="E9960" s="6" t="s">
        <v>9</v>
      </c>
      <c r="F9960" s="7">
        <v>38657</v>
      </c>
      <c r="G9960" s="8">
        <v>1</v>
      </c>
      <c r="H9960" s="8">
        <v>1</v>
      </c>
      <c r="I9960" s="8">
        <v>0</v>
      </c>
      <c r="J9960" s="8">
        <v>1</v>
      </c>
      <c r="K9960" s="9">
        <v>112</v>
      </c>
      <c r="L9960" s="6" t="s">
        <v>51</v>
      </c>
    </row>
    <row r="9961" spans="1:12">
      <c r="A9961" s="6" t="s">
        <v>49</v>
      </c>
      <c r="B9961" s="6"/>
      <c r="C9961" s="6" t="s">
        <v>9985</v>
      </c>
      <c r="D9961" s="6"/>
      <c r="E9961" s="6" t="s">
        <v>9</v>
      </c>
      <c r="F9961" s="7">
        <v>38657</v>
      </c>
      <c r="G9961" s="8">
        <v>1</v>
      </c>
      <c r="H9961" s="8">
        <v>1</v>
      </c>
      <c r="I9961" s="8">
        <v>0</v>
      </c>
      <c r="J9961" s="8">
        <v>1</v>
      </c>
      <c r="K9961" s="9">
        <v>92</v>
      </c>
      <c r="L9961" s="6" t="s">
        <v>51</v>
      </c>
    </row>
    <row r="9962" spans="1:12">
      <c r="A9962" s="6" t="s">
        <v>49</v>
      </c>
      <c r="B9962" s="6"/>
      <c r="C9962" s="6" t="s">
        <v>9986</v>
      </c>
      <c r="D9962" s="6"/>
      <c r="E9962" s="6" t="s">
        <v>9</v>
      </c>
      <c r="F9962" s="7">
        <v>38657</v>
      </c>
      <c r="G9962" s="8">
        <v>1</v>
      </c>
      <c r="H9962" s="8">
        <v>1</v>
      </c>
      <c r="I9962" s="8">
        <v>0</v>
      </c>
      <c r="J9962" s="8">
        <v>1</v>
      </c>
      <c r="K9962" s="9">
        <v>52</v>
      </c>
      <c r="L9962" s="6" t="s">
        <v>51</v>
      </c>
    </row>
    <row r="9963" spans="1:12">
      <c r="A9963" s="6" t="s">
        <v>49</v>
      </c>
      <c r="B9963" s="6"/>
      <c r="C9963" s="6" t="s">
        <v>9987</v>
      </c>
      <c r="D9963" s="6"/>
      <c r="E9963" s="6" t="s">
        <v>9</v>
      </c>
      <c r="F9963" s="7">
        <v>38657</v>
      </c>
      <c r="G9963" s="8">
        <v>1</v>
      </c>
      <c r="H9963" s="8">
        <v>1</v>
      </c>
      <c r="I9963" s="8">
        <v>0</v>
      </c>
      <c r="J9963" s="8">
        <v>1</v>
      </c>
      <c r="K9963" s="9">
        <v>306</v>
      </c>
      <c r="L9963" s="6" t="s">
        <v>51</v>
      </c>
    </row>
    <row r="9964" spans="1:12">
      <c r="A9964" s="6" t="s">
        <v>49</v>
      </c>
      <c r="B9964" s="6"/>
      <c r="C9964" s="6" t="s">
        <v>9988</v>
      </c>
      <c r="D9964" s="6"/>
      <c r="E9964" s="6" t="s">
        <v>9</v>
      </c>
      <c r="F9964" s="7">
        <v>38657</v>
      </c>
      <c r="G9964" s="8">
        <v>1</v>
      </c>
      <c r="H9964" s="8">
        <v>1</v>
      </c>
      <c r="I9964" s="8">
        <v>0</v>
      </c>
      <c r="J9964" s="8">
        <v>1</v>
      </c>
      <c r="K9964" s="9">
        <v>3.41</v>
      </c>
      <c r="L9964" s="6" t="s">
        <v>51</v>
      </c>
    </row>
    <row r="9965" spans="1:12">
      <c r="A9965" s="6" t="s">
        <v>49</v>
      </c>
      <c r="B9965" s="6"/>
      <c r="C9965" s="6" t="s">
        <v>9989</v>
      </c>
      <c r="D9965" s="6"/>
      <c r="E9965" s="6" t="s">
        <v>9</v>
      </c>
      <c r="F9965" s="7">
        <v>38657</v>
      </c>
      <c r="G9965" s="8">
        <v>1</v>
      </c>
      <c r="H9965" s="8">
        <v>1</v>
      </c>
      <c r="I9965" s="8">
        <v>0</v>
      </c>
      <c r="J9965" s="8">
        <v>1</v>
      </c>
      <c r="K9965" s="9">
        <v>16</v>
      </c>
      <c r="L9965" s="6" t="s">
        <v>51</v>
      </c>
    </row>
    <row r="9966" spans="1:12">
      <c r="A9966" s="6" t="s">
        <v>49</v>
      </c>
      <c r="B9966" s="6"/>
      <c r="C9966" s="6" t="s">
        <v>9990</v>
      </c>
      <c r="D9966" s="6"/>
      <c r="E9966" s="6" t="s">
        <v>9</v>
      </c>
      <c r="F9966" s="7">
        <v>38657</v>
      </c>
      <c r="G9966" s="8">
        <v>1</v>
      </c>
      <c r="H9966" s="8">
        <v>1</v>
      </c>
      <c r="I9966" s="8">
        <v>0</v>
      </c>
      <c r="J9966" s="8">
        <v>1</v>
      </c>
      <c r="K9966" s="9">
        <v>3.3</v>
      </c>
      <c r="L9966" s="6" t="s">
        <v>51</v>
      </c>
    </row>
    <row r="9967" spans="1:12">
      <c r="A9967" s="6" t="s">
        <v>49</v>
      </c>
      <c r="B9967" s="6"/>
      <c r="C9967" s="6" t="s">
        <v>9991</v>
      </c>
      <c r="D9967" s="6"/>
      <c r="E9967" s="6" t="s">
        <v>9</v>
      </c>
      <c r="F9967" s="7">
        <v>38657</v>
      </c>
      <c r="G9967" s="8">
        <v>1</v>
      </c>
      <c r="H9967" s="8">
        <v>1</v>
      </c>
      <c r="I9967" s="8">
        <v>0</v>
      </c>
      <c r="J9967" s="8">
        <v>1</v>
      </c>
      <c r="K9967" s="9">
        <v>86</v>
      </c>
      <c r="L9967" s="6" t="s">
        <v>51</v>
      </c>
    </row>
    <row r="9968" spans="1:12">
      <c r="A9968" s="6" t="s">
        <v>49</v>
      </c>
      <c r="B9968" s="6"/>
      <c r="C9968" s="6" t="s">
        <v>9992</v>
      </c>
      <c r="D9968" s="6"/>
      <c r="E9968" s="6" t="s">
        <v>9</v>
      </c>
      <c r="F9968" s="7">
        <v>38657</v>
      </c>
      <c r="G9968" s="8">
        <v>1</v>
      </c>
      <c r="H9968" s="8">
        <v>1</v>
      </c>
      <c r="I9968" s="8">
        <v>0</v>
      </c>
      <c r="J9968" s="8">
        <v>1</v>
      </c>
      <c r="K9968" s="9">
        <v>48</v>
      </c>
      <c r="L9968" s="6" t="s">
        <v>51</v>
      </c>
    </row>
    <row r="9969" spans="1:12">
      <c r="A9969" s="6" t="s">
        <v>49</v>
      </c>
      <c r="B9969" s="6"/>
      <c r="C9969" s="6" t="s">
        <v>9993</v>
      </c>
      <c r="D9969" s="6"/>
      <c r="E9969" s="6" t="s">
        <v>9</v>
      </c>
      <c r="F9969" s="7">
        <v>38657</v>
      </c>
      <c r="G9969" s="8">
        <v>1</v>
      </c>
      <c r="H9969" s="8">
        <v>1</v>
      </c>
      <c r="I9969" s="8">
        <v>0</v>
      </c>
      <c r="J9969" s="8">
        <v>1</v>
      </c>
      <c r="K9969" s="9">
        <v>61</v>
      </c>
      <c r="L9969" s="6" t="s">
        <v>51</v>
      </c>
    </row>
    <row r="9970" spans="1:12">
      <c r="A9970" s="6" t="s">
        <v>49</v>
      </c>
      <c r="B9970" s="6"/>
      <c r="C9970" s="6" t="s">
        <v>9994</v>
      </c>
      <c r="D9970" s="6"/>
      <c r="E9970" s="6" t="s">
        <v>9</v>
      </c>
      <c r="F9970" s="7">
        <v>38657</v>
      </c>
      <c r="G9970" s="8">
        <v>1</v>
      </c>
      <c r="H9970" s="8">
        <v>1</v>
      </c>
      <c r="I9970" s="8">
        <v>0</v>
      </c>
      <c r="J9970" s="8">
        <v>1</v>
      </c>
      <c r="K9970" s="9">
        <v>6.6</v>
      </c>
      <c r="L9970" s="6" t="s">
        <v>51</v>
      </c>
    </row>
    <row r="9971" spans="1:12">
      <c r="A9971" s="6" t="s">
        <v>49</v>
      </c>
      <c r="B9971" s="6"/>
      <c r="C9971" s="6" t="s">
        <v>9995</v>
      </c>
      <c r="D9971" s="6"/>
      <c r="E9971" s="6" t="s">
        <v>9</v>
      </c>
      <c r="F9971" s="7">
        <v>38657</v>
      </c>
      <c r="G9971" s="8">
        <v>1</v>
      </c>
      <c r="H9971" s="8">
        <v>1</v>
      </c>
      <c r="I9971" s="8">
        <v>0</v>
      </c>
      <c r="J9971" s="8">
        <v>1</v>
      </c>
      <c r="K9971" s="9">
        <v>21</v>
      </c>
      <c r="L9971" s="6" t="s">
        <v>51</v>
      </c>
    </row>
    <row r="9972" spans="1:12">
      <c r="A9972" s="6" t="s">
        <v>49</v>
      </c>
      <c r="B9972" s="6"/>
      <c r="C9972" s="6" t="s">
        <v>9996</v>
      </c>
      <c r="D9972" s="6"/>
      <c r="E9972" s="6" t="s">
        <v>9</v>
      </c>
      <c r="F9972" s="7">
        <v>38657</v>
      </c>
      <c r="G9972" s="8">
        <v>1</v>
      </c>
      <c r="H9972" s="8">
        <v>1</v>
      </c>
      <c r="I9972" s="8">
        <v>0</v>
      </c>
      <c r="J9972" s="8">
        <v>1</v>
      </c>
      <c r="K9972" s="9">
        <v>120.32</v>
      </c>
      <c r="L9972" s="6" t="s">
        <v>51</v>
      </c>
    </row>
    <row r="9973" spans="1:12">
      <c r="A9973" s="6" t="s">
        <v>49</v>
      </c>
      <c r="B9973" s="6"/>
      <c r="C9973" s="6" t="s">
        <v>9997</v>
      </c>
      <c r="D9973" s="6"/>
      <c r="E9973" s="6" t="s">
        <v>9</v>
      </c>
      <c r="F9973" s="7">
        <v>38657</v>
      </c>
      <c r="G9973" s="8">
        <v>1</v>
      </c>
      <c r="H9973" s="8">
        <v>1</v>
      </c>
      <c r="I9973" s="8">
        <v>0</v>
      </c>
      <c r="J9973" s="8">
        <v>1</v>
      </c>
      <c r="K9973" s="9">
        <v>34.97</v>
      </c>
      <c r="L9973" s="6" t="s">
        <v>51</v>
      </c>
    </row>
    <row r="9974" spans="1:12">
      <c r="A9974" s="6" t="s">
        <v>49</v>
      </c>
      <c r="B9974" s="6"/>
      <c r="C9974" s="6" t="s">
        <v>9998</v>
      </c>
      <c r="D9974" s="6"/>
      <c r="E9974" s="6" t="s">
        <v>9</v>
      </c>
      <c r="F9974" s="7">
        <v>38657</v>
      </c>
      <c r="G9974" s="8">
        <v>1</v>
      </c>
      <c r="H9974" s="8">
        <v>1</v>
      </c>
      <c r="I9974" s="8">
        <v>0</v>
      </c>
      <c r="J9974" s="8">
        <v>1</v>
      </c>
      <c r="K9974" s="9">
        <v>1188</v>
      </c>
      <c r="L9974" s="6" t="s">
        <v>51</v>
      </c>
    </row>
    <row r="9975" spans="1:12">
      <c r="A9975" s="6" t="s">
        <v>49</v>
      </c>
      <c r="B9975" s="6"/>
      <c r="C9975" s="6" t="s">
        <v>9999</v>
      </c>
      <c r="D9975" s="6"/>
      <c r="E9975" s="6" t="s">
        <v>9</v>
      </c>
      <c r="F9975" s="7">
        <v>38657</v>
      </c>
      <c r="G9975" s="8">
        <v>1</v>
      </c>
      <c r="H9975" s="8">
        <v>1</v>
      </c>
      <c r="I9975" s="8">
        <v>0</v>
      </c>
      <c r="J9975" s="8">
        <v>1</v>
      </c>
      <c r="K9975" s="9">
        <v>39</v>
      </c>
      <c r="L9975" s="6" t="s">
        <v>51</v>
      </c>
    </row>
    <row r="9976" spans="1:12">
      <c r="A9976" s="6" t="s">
        <v>49</v>
      </c>
      <c r="B9976" s="6"/>
      <c r="C9976" s="6" t="s">
        <v>10000</v>
      </c>
      <c r="D9976" s="6"/>
      <c r="E9976" s="6" t="s">
        <v>9</v>
      </c>
      <c r="F9976" s="7">
        <v>38657</v>
      </c>
      <c r="G9976" s="8">
        <v>1</v>
      </c>
      <c r="H9976" s="8">
        <v>1</v>
      </c>
      <c r="I9976" s="8">
        <v>0</v>
      </c>
      <c r="J9976" s="8">
        <v>1</v>
      </c>
      <c r="K9976" s="9">
        <v>14.36</v>
      </c>
      <c r="L9976" s="6" t="s">
        <v>51</v>
      </c>
    </row>
    <row r="9977" spans="1:12">
      <c r="A9977" s="6" t="s">
        <v>49</v>
      </c>
      <c r="B9977" s="6"/>
      <c r="C9977" s="6" t="s">
        <v>10001</v>
      </c>
      <c r="D9977" s="6"/>
      <c r="E9977" s="6" t="s">
        <v>9</v>
      </c>
      <c r="F9977" s="7">
        <v>38657</v>
      </c>
      <c r="G9977" s="8">
        <v>1</v>
      </c>
      <c r="H9977" s="8">
        <v>1</v>
      </c>
      <c r="I9977" s="8">
        <v>0</v>
      </c>
      <c r="J9977" s="8">
        <v>1</v>
      </c>
      <c r="K9977" s="9">
        <v>3.3</v>
      </c>
      <c r="L9977" s="6" t="s">
        <v>51</v>
      </c>
    </row>
    <row r="9978" spans="1:12">
      <c r="A9978" s="6" t="s">
        <v>49</v>
      </c>
      <c r="B9978" s="6"/>
      <c r="C9978" s="6" t="s">
        <v>10002</v>
      </c>
      <c r="D9978" s="6"/>
      <c r="E9978" s="6" t="s">
        <v>9</v>
      </c>
      <c r="F9978" s="7">
        <v>38657</v>
      </c>
      <c r="G9978" s="8">
        <v>1</v>
      </c>
      <c r="H9978" s="8">
        <v>1</v>
      </c>
      <c r="I9978" s="8">
        <v>0</v>
      </c>
      <c r="J9978" s="8">
        <v>1</v>
      </c>
      <c r="K9978" s="9">
        <v>36</v>
      </c>
      <c r="L9978" s="6" t="s">
        <v>51</v>
      </c>
    </row>
    <row r="9979" spans="1:12">
      <c r="A9979" s="6" t="s">
        <v>49</v>
      </c>
      <c r="B9979" s="6"/>
      <c r="C9979" s="6" t="s">
        <v>10003</v>
      </c>
      <c r="D9979" s="6"/>
      <c r="E9979" s="6" t="s">
        <v>9</v>
      </c>
      <c r="F9979" s="7">
        <v>38657</v>
      </c>
      <c r="G9979" s="8">
        <v>1</v>
      </c>
      <c r="H9979" s="8">
        <v>1</v>
      </c>
      <c r="I9979" s="8">
        <v>0</v>
      </c>
      <c r="J9979" s="8">
        <v>1</v>
      </c>
      <c r="K9979" s="9">
        <v>26</v>
      </c>
      <c r="L9979" s="6" t="s">
        <v>51</v>
      </c>
    </row>
    <row r="9980" spans="1:12">
      <c r="A9980" s="6" t="s">
        <v>49</v>
      </c>
      <c r="B9980" s="6"/>
      <c r="C9980" s="6" t="s">
        <v>10004</v>
      </c>
      <c r="D9980" s="6"/>
      <c r="E9980" s="6" t="s">
        <v>9</v>
      </c>
      <c r="F9980" s="7">
        <v>38657</v>
      </c>
      <c r="G9980" s="8">
        <v>1</v>
      </c>
      <c r="H9980" s="8">
        <v>1</v>
      </c>
      <c r="I9980" s="8">
        <v>0</v>
      </c>
      <c r="J9980" s="8">
        <v>1</v>
      </c>
      <c r="K9980" s="9">
        <v>89</v>
      </c>
      <c r="L9980" s="6" t="s">
        <v>51</v>
      </c>
    </row>
    <row r="9981" spans="1:12">
      <c r="A9981" s="6" t="s">
        <v>49</v>
      </c>
      <c r="B9981" s="6"/>
      <c r="C9981" s="6" t="s">
        <v>10005</v>
      </c>
      <c r="D9981" s="6"/>
      <c r="E9981" s="6" t="s">
        <v>9</v>
      </c>
      <c r="F9981" s="7">
        <v>38657</v>
      </c>
      <c r="G9981" s="8">
        <v>1</v>
      </c>
      <c r="H9981" s="8">
        <v>1</v>
      </c>
      <c r="I9981" s="8">
        <v>0</v>
      </c>
      <c r="J9981" s="8">
        <v>1</v>
      </c>
      <c r="K9981" s="9">
        <v>105</v>
      </c>
      <c r="L9981" s="6" t="s">
        <v>51</v>
      </c>
    </row>
    <row r="9982" spans="1:12">
      <c r="A9982" s="6" t="s">
        <v>49</v>
      </c>
      <c r="B9982" s="6"/>
      <c r="C9982" s="6" t="s">
        <v>10006</v>
      </c>
      <c r="D9982" s="6"/>
      <c r="E9982" s="6" t="s">
        <v>9</v>
      </c>
      <c r="F9982" s="7">
        <v>38657</v>
      </c>
      <c r="G9982" s="8">
        <v>1</v>
      </c>
      <c r="H9982" s="8">
        <v>1</v>
      </c>
      <c r="I9982" s="8">
        <v>0</v>
      </c>
      <c r="J9982" s="8">
        <v>1</v>
      </c>
      <c r="K9982" s="9">
        <v>218</v>
      </c>
      <c r="L9982" s="6" t="s">
        <v>51</v>
      </c>
    </row>
    <row r="9983" spans="1:12">
      <c r="A9983" s="6" t="s">
        <v>49</v>
      </c>
      <c r="B9983" s="6"/>
      <c r="C9983" s="6" t="s">
        <v>10007</v>
      </c>
      <c r="D9983" s="6"/>
      <c r="E9983" s="6" t="s">
        <v>9</v>
      </c>
      <c r="F9983" s="7">
        <v>38657</v>
      </c>
      <c r="G9983" s="8">
        <v>1</v>
      </c>
      <c r="H9983" s="8">
        <v>1</v>
      </c>
      <c r="I9983" s="8">
        <v>0</v>
      </c>
      <c r="J9983" s="8">
        <v>1</v>
      </c>
      <c r="K9983" s="9">
        <v>672</v>
      </c>
      <c r="L9983" s="6" t="s">
        <v>51</v>
      </c>
    </row>
    <row r="9984" spans="1:12">
      <c r="A9984" s="6" t="s">
        <v>49</v>
      </c>
      <c r="B9984" s="6"/>
      <c r="C9984" s="6" t="s">
        <v>10008</v>
      </c>
      <c r="D9984" s="6"/>
      <c r="E9984" s="6" t="s">
        <v>9</v>
      </c>
      <c r="F9984" s="7">
        <v>38657</v>
      </c>
      <c r="G9984" s="8">
        <v>1</v>
      </c>
      <c r="H9984" s="8">
        <v>1</v>
      </c>
      <c r="I9984" s="8">
        <v>0</v>
      </c>
      <c r="J9984" s="8">
        <v>1</v>
      </c>
      <c r="K9984" s="9">
        <v>42</v>
      </c>
      <c r="L9984" s="6" t="s">
        <v>51</v>
      </c>
    </row>
    <row r="9985" spans="1:12">
      <c r="A9985" s="6" t="s">
        <v>49</v>
      </c>
      <c r="B9985" s="6"/>
      <c r="C9985" s="6" t="s">
        <v>10009</v>
      </c>
      <c r="D9985" s="6"/>
      <c r="E9985" s="6" t="s">
        <v>9</v>
      </c>
      <c r="F9985" s="7">
        <v>38657</v>
      </c>
      <c r="G9985" s="8">
        <v>1</v>
      </c>
      <c r="H9985" s="8">
        <v>1</v>
      </c>
      <c r="I9985" s="8">
        <v>0</v>
      </c>
      <c r="J9985" s="8">
        <v>1</v>
      </c>
      <c r="K9985" s="9">
        <v>417</v>
      </c>
      <c r="L9985" s="6" t="s">
        <v>51</v>
      </c>
    </row>
    <row r="9986" spans="1:12">
      <c r="A9986" s="6" t="s">
        <v>49</v>
      </c>
      <c r="B9986" s="6"/>
      <c r="C9986" s="6" t="s">
        <v>10010</v>
      </c>
      <c r="D9986" s="6"/>
      <c r="E9986" s="6" t="s">
        <v>9</v>
      </c>
      <c r="F9986" s="7"/>
      <c r="G9986" s="8">
        <v>311269</v>
      </c>
      <c r="H9986" s="8">
        <v>311269</v>
      </c>
      <c r="I9986" s="8">
        <v>0</v>
      </c>
      <c r="J9986" s="8">
        <v>311269</v>
      </c>
      <c r="K9986" s="9">
        <v>60.89</v>
      </c>
      <c r="L9986" s="6" t="s">
        <v>10</v>
      </c>
    </row>
    <row r="9987" spans="1:12">
      <c r="A9987" s="6" t="s">
        <v>49</v>
      </c>
      <c r="B9987" s="6"/>
      <c r="C9987" s="6" t="s">
        <v>10011</v>
      </c>
      <c r="D9987" s="6"/>
      <c r="E9987" s="6" t="s">
        <v>9</v>
      </c>
      <c r="F9987" s="7"/>
      <c r="G9987" s="8">
        <v>17227</v>
      </c>
      <c r="H9987" s="8">
        <v>17227</v>
      </c>
      <c r="I9987" s="8">
        <v>0</v>
      </c>
      <c r="J9987" s="8">
        <v>17227</v>
      </c>
      <c r="K9987" s="9">
        <v>3.37</v>
      </c>
      <c r="L9987" s="6" t="s">
        <v>10</v>
      </c>
    </row>
    <row r="9988" spans="1:12">
      <c r="A9988" s="6" t="s">
        <v>49</v>
      </c>
      <c r="B9988" s="6"/>
      <c r="C9988" s="6" t="s">
        <v>10012</v>
      </c>
      <c r="D9988" s="6"/>
      <c r="E9988" s="6" t="s">
        <v>9</v>
      </c>
      <c r="F9988" s="7"/>
      <c r="G9988" s="8">
        <v>101268</v>
      </c>
      <c r="H9988" s="8">
        <v>101268</v>
      </c>
      <c r="I9988" s="8">
        <v>0</v>
      </c>
      <c r="J9988" s="8">
        <v>101268</v>
      </c>
      <c r="K9988" s="9">
        <v>19.809999999999899</v>
      </c>
      <c r="L9988" s="6" t="s">
        <v>10</v>
      </c>
    </row>
    <row r="9989" spans="1:12">
      <c r="A9989" s="6" t="s">
        <v>49</v>
      </c>
      <c r="B9989" s="6"/>
      <c r="C9989" s="6" t="s">
        <v>10013</v>
      </c>
      <c r="D9989" s="6"/>
      <c r="E9989" s="6" t="s">
        <v>9</v>
      </c>
      <c r="F9989" s="7">
        <v>38657</v>
      </c>
      <c r="G9989" s="8">
        <v>1</v>
      </c>
      <c r="H9989" s="8">
        <v>1</v>
      </c>
      <c r="I9989" s="8">
        <v>0</v>
      </c>
      <c r="J9989" s="8">
        <v>1</v>
      </c>
      <c r="K9989" s="9">
        <v>39</v>
      </c>
      <c r="L9989" s="6" t="s">
        <v>51</v>
      </c>
    </row>
    <row r="9990" spans="1:12">
      <c r="A9990" s="6" t="s">
        <v>49</v>
      </c>
      <c r="B9990" s="6"/>
      <c r="C9990" s="6" t="s">
        <v>10014</v>
      </c>
      <c r="D9990" s="6"/>
      <c r="E9990" s="6" t="s">
        <v>9</v>
      </c>
      <c r="F9990" s="7">
        <v>38657</v>
      </c>
      <c r="G9990" s="8">
        <v>1</v>
      </c>
      <c r="H9990" s="8">
        <v>1</v>
      </c>
      <c r="I9990" s="8">
        <v>0</v>
      </c>
      <c r="J9990" s="8">
        <v>1</v>
      </c>
      <c r="K9990" s="9">
        <v>26</v>
      </c>
      <c r="L9990" s="6" t="s">
        <v>51</v>
      </c>
    </row>
    <row r="9991" spans="1:12">
      <c r="A9991" s="6" t="s">
        <v>49</v>
      </c>
      <c r="B9991" s="6"/>
      <c r="C9991" s="6" t="s">
        <v>10015</v>
      </c>
      <c r="D9991" s="6"/>
      <c r="E9991" s="6" t="s">
        <v>9</v>
      </c>
      <c r="F9991" s="7">
        <v>38657</v>
      </c>
      <c r="G9991" s="8">
        <v>1</v>
      </c>
      <c r="H9991" s="8">
        <v>1</v>
      </c>
      <c r="I9991" s="8">
        <v>0</v>
      </c>
      <c r="J9991" s="8">
        <v>1</v>
      </c>
      <c r="K9991" s="9">
        <v>44</v>
      </c>
      <c r="L9991" s="6" t="s">
        <v>51</v>
      </c>
    </row>
    <row r="9992" spans="1:12">
      <c r="A9992" s="6" t="s">
        <v>49</v>
      </c>
      <c r="B9992" s="6"/>
      <c r="C9992" s="6" t="s">
        <v>10016</v>
      </c>
      <c r="D9992" s="6"/>
      <c r="E9992" s="6" t="s">
        <v>9</v>
      </c>
      <c r="F9992" s="7">
        <v>38657</v>
      </c>
      <c r="G9992" s="8">
        <v>1</v>
      </c>
      <c r="H9992" s="8">
        <v>1</v>
      </c>
      <c r="I9992" s="8">
        <v>0</v>
      </c>
      <c r="J9992" s="8">
        <v>1</v>
      </c>
      <c r="K9992" s="9">
        <v>61</v>
      </c>
      <c r="L9992" s="6" t="s">
        <v>51</v>
      </c>
    </row>
    <row r="9993" spans="1:12">
      <c r="A9993" s="6" t="s">
        <v>49</v>
      </c>
      <c r="B9993" s="6"/>
      <c r="C9993" s="6" t="s">
        <v>10017</v>
      </c>
      <c r="D9993" s="6"/>
      <c r="E9993" s="6" t="s">
        <v>9</v>
      </c>
      <c r="F9993" s="7">
        <v>38657</v>
      </c>
      <c r="G9993" s="8">
        <v>1</v>
      </c>
      <c r="H9993" s="8">
        <v>1</v>
      </c>
      <c r="I9993" s="8">
        <v>0</v>
      </c>
      <c r="J9993" s="8">
        <v>1</v>
      </c>
      <c r="K9993" s="9">
        <v>552</v>
      </c>
      <c r="L9993" s="6" t="s">
        <v>51</v>
      </c>
    </row>
    <row r="9994" spans="1:12">
      <c r="A9994" s="6" t="s">
        <v>49</v>
      </c>
      <c r="B9994" s="6"/>
      <c r="C9994" s="6" t="s">
        <v>10018</v>
      </c>
      <c r="D9994" s="6"/>
      <c r="E9994" s="6" t="s">
        <v>9</v>
      </c>
      <c r="F9994" s="7">
        <v>38657</v>
      </c>
      <c r="G9994" s="8">
        <v>1</v>
      </c>
      <c r="H9994" s="8">
        <v>1</v>
      </c>
      <c r="I9994" s="8">
        <v>0</v>
      </c>
      <c r="J9994" s="8">
        <v>1</v>
      </c>
      <c r="K9994" s="9">
        <v>372</v>
      </c>
      <c r="L9994" s="6" t="s">
        <v>51</v>
      </c>
    </row>
    <row r="9995" spans="1:12">
      <c r="A9995" s="6" t="s">
        <v>49</v>
      </c>
      <c r="B9995" s="6"/>
      <c r="C9995" s="6" t="s">
        <v>10019</v>
      </c>
      <c r="D9995" s="6"/>
      <c r="E9995" s="6" t="s">
        <v>9</v>
      </c>
      <c r="F9995" s="7">
        <v>38657</v>
      </c>
      <c r="G9995" s="8">
        <v>1</v>
      </c>
      <c r="H9995" s="8">
        <v>1</v>
      </c>
      <c r="I9995" s="8">
        <v>0</v>
      </c>
      <c r="J9995" s="8">
        <v>1</v>
      </c>
      <c r="K9995" s="9">
        <v>136</v>
      </c>
      <c r="L9995" s="6" t="s">
        <v>51</v>
      </c>
    </row>
    <row r="9996" spans="1:12">
      <c r="A9996" s="6" t="s">
        <v>49</v>
      </c>
      <c r="B9996" s="6"/>
      <c r="C9996" s="6" t="s">
        <v>10020</v>
      </c>
      <c r="D9996" s="6"/>
      <c r="E9996" s="6" t="s">
        <v>9</v>
      </c>
      <c r="F9996" s="7">
        <v>38657</v>
      </c>
      <c r="G9996" s="8">
        <v>1</v>
      </c>
      <c r="H9996" s="8">
        <v>1</v>
      </c>
      <c r="I9996" s="8">
        <v>0</v>
      </c>
      <c r="J9996" s="8">
        <v>1</v>
      </c>
      <c r="K9996" s="9">
        <v>293</v>
      </c>
      <c r="L9996" s="6" t="s">
        <v>51</v>
      </c>
    </row>
    <row r="9997" spans="1:12">
      <c r="A9997" s="6" t="s">
        <v>49</v>
      </c>
      <c r="B9997" s="6"/>
      <c r="C9997" s="6" t="s">
        <v>10021</v>
      </c>
      <c r="D9997" s="6"/>
      <c r="E9997" s="6" t="s">
        <v>9</v>
      </c>
      <c r="F9997" s="7">
        <v>38657</v>
      </c>
      <c r="G9997" s="8">
        <v>1</v>
      </c>
      <c r="H9997" s="8">
        <v>1</v>
      </c>
      <c r="I9997" s="8">
        <v>0</v>
      </c>
      <c r="J9997" s="8">
        <v>1</v>
      </c>
      <c r="K9997" s="9">
        <v>84</v>
      </c>
      <c r="L9997" s="6" t="s">
        <v>51</v>
      </c>
    </row>
    <row r="9998" spans="1:12">
      <c r="A9998" s="6" t="s">
        <v>49</v>
      </c>
      <c r="B9998" s="6"/>
      <c r="C9998" s="6" t="s">
        <v>10022</v>
      </c>
      <c r="D9998" s="6"/>
      <c r="E9998" s="6" t="s">
        <v>9</v>
      </c>
      <c r="F9998" s="7">
        <v>38657</v>
      </c>
      <c r="G9998" s="8">
        <v>1</v>
      </c>
      <c r="H9998" s="8">
        <v>1</v>
      </c>
      <c r="I9998" s="8">
        <v>0</v>
      </c>
      <c r="J9998" s="8">
        <v>1</v>
      </c>
      <c r="K9998" s="9">
        <v>141</v>
      </c>
      <c r="L9998" s="6" t="s">
        <v>51</v>
      </c>
    </row>
    <row r="9999" spans="1:12">
      <c r="A9999" s="6" t="s">
        <v>49</v>
      </c>
      <c r="B9999" s="6"/>
      <c r="C9999" s="6" t="s">
        <v>10023</v>
      </c>
      <c r="D9999" s="6"/>
      <c r="E9999" s="6" t="s">
        <v>9</v>
      </c>
      <c r="F9999" s="7">
        <v>38657</v>
      </c>
      <c r="G9999" s="8">
        <v>1</v>
      </c>
      <c r="H9999" s="8">
        <v>1</v>
      </c>
      <c r="I9999" s="8">
        <v>0</v>
      </c>
      <c r="J9999" s="8">
        <v>1</v>
      </c>
      <c r="K9999" s="9">
        <v>290.89999999999901</v>
      </c>
      <c r="L9999" s="6" t="s">
        <v>51</v>
      </c>
    </row>
    <row r="10000" spans="1:12">
      <c r="A10000" s="6" t="s">
        <v>49</v>
      </c>
      <c r="B10000" s="6"/>
      <c r="C10000" s="6" t="s">
        <v>10024</v>
      </c>
      <c r="D10000" s="6"/>
      <c r="E10000" s="6" t="s">
        <v>9</v>
      </c>
      <c r="F10000" s="7">
        <v>38657</v>
      </c>
      <c r="G10000" s="8">
        <v>1</v>
      </c>
      <c r="H10000" s="8">
        <v>1</v>
      </c>
      <c r="I10000" s="8">
        <v>0</v>
      </c>
      <c r="J10000" s="8">
        <v>1</v>
      </c>
      <c r="K10000" s="9">
        <v>2.4500000000000002</v>
      </c>
      <c r="L10000" s="6" t="s">
        <v>51</v>
      </c>
    </row>
    <row r="10001" spans="1:12">
      <c r="A10001" s="6" t="s">
        <v>49</v>
      </c>
      <c r="B10001" s="6"/>
      <c r="C10001" s="6" t="s">
        <v>10025</v>
      </c>
      <c r="D10001" s="6"/>
      <c r="E10001" s="6" t="s">
        <v>9</v>
      </c>
      <c r="F10001" s="7">
        <v>38657</v>
      </c>
      <c r="G10001" s="8">
        <v>1</v>
      </c>
      <c r="H10001" s="8">
        <v>1</v>
      </c>
      <c r="I10001" s="8">
        <v>0</v>
      </c>
      <c r="J10001" s="8">
        <v>1</v>
      </c>
      <c r="K10001" s="9">
        <v>1.26</v>
      </c>
      <c r="L10001" s="6" t="s">
        <v>51</v>
      </c>
    </row>
    <row r="10002" spans="1:12">
      <c r="A10002" s="6" t="s">
        <v>49</v>
      </c>
      <c r="B10002" s="6"/>
      <c r="C10002" s="6" t="s">
        <v>10026</v>
      </c>
      <c r="D10002" s="6"/>
      <c r="E10002" s="6" t="s">
        <v>9</v>
      </c>
      <c r="F10002" s="7">
        <v>38657</v>
      </c>
      <c r="G10002" s="8">
        <v>1</v>
      </c>
      <c r="H10002" s="8">
        <v>1</v>
      </c>
      <c r="I10002" s="8">
        <v>0</v>
      </c>
      <c r="J10002" s="8">
        <v>1</v>
      </c>
      <c r="K10002" s="9">
        <v>0.12</v>
      </c>
      <c r="L10002" s="6" t="s">
        <v>51</v>
      </c>
    </row>
    <row r="10003" spans="1:12">
      <c r="A10003" s="6" t="s">
        <v>49</v>
      </c>
      <c r="B10003" s="6"/>
      <c r="C10003" s="6" t="s">
        <v>10027</v>
      </c>
      <c r="D10003" s="6"/>
      <c r="E10003" s="6" t="s">
        <v>9</v>
      </c>
      <c r="F10003" s="7">
        <v>38657</v>
      </c>
      <c r="G10003" s="8">
        <v>1</v>
      </c>
      <c r="H10003" s="8">
        <v>1</v>
      </c>
      <c r="I10003" s="8">
        <v>0</v>
      </c>
      <c r="J10003" s="8">
        <v>1</v>
      </c>
      <c r="K10003" s="9">
        <v>5.83</v>
      </c>
      <c r="L10003" s="6" t="s">
        <v>51</v>
      </c>
    </row>
    <row r="10004" spans="1:12">
      <c r="A10004" s="6" t="s">
        <v>49</v>
      </c>
      <c r="B10004" s="6"/>
      <c r="C10004" s="6" t="s">
        <v>10028</v>
      </c>
      <c r="D10004" s="6"/>
      <c r="E10004" s="6" t="s">
        <v>9</v>
      </c>
      <c r="F10004" s="7">
        <v>38657</v>
      </c>
      <c r="G10004" s="8">
        <v>1</v>
      </c>
      <c r="H10004" s="8">
        <v>1</v>
      </c>
      <c r="I10004" s="8">
        <v>0</v>
      </c>
      <c r="J10004" s="8">
        <v>1</v>
      </c>
      <c r="K10004" s="9">
        <v>5.42</v>
      </c>
      <c r="L10004" s="6" t="s">
        <v>51</v>
      </c>
    </row>
    <row r="10005" spans="1:12">
      <c r="A10005" s="6" t="s">
        <v>49</v>
      </c>
      <c r="B10005" s="6"/>
      <c r="C10005" s="6" t="s">
        <v>10029</v>
      </c>
      <c r="D10005" s="6"/>
      <c r="E10005" s="6" t="s">
        <v>9</v>
      </c>
      <c r="F10005" s="7">
        <v>38657</v>
      </c>
      <c r="G10005" s="8">
        <v>1</v>
      </c>
      <c r="H10005" s="8">
        <v>1</v>
      </c>
      <c r="I10005" s="8">
        <v>0</v>
      </c>
      <c r="J10005" s="8">
        <v>1</v>
      </c>
      <c r="K10005" s="9">
        <v>3.73</v>
      </c>
      <c r="L10005" s="6" t="s">
        <v>51</v>
      </c>
    </row>
    <row r="10006" spans="1:12">
      <c r="A10006" s="6" t="s">
        <v>49</v>
      </c>
      <c r="B10006" s="6"/>
      <c r="C10006" s="6" t="s">
        <v>10030</v>
      </c>
      <c r="D10006" s="6"/>
      <c r="E10006" s="6" t="s">
        <v>9</v>
      </c>
      <c r="F10006" s="7">
        <v>38657</v>
      </c>
      <c r="G10006" s="8">
        <v>1</v>
      </c>
      <c r="H10006" s="8">
        <v>1</v>
      </c>
      <c r="I10006" s="8">
        <v>0</v>
      </c>
      <c r="J10006" s="8">
        <v>1</v>
      </c>
      <c r="K10006" s="9">
        <v>3.63</v>
      </c>
      <c r="L10006" s="6" t="s">
        <v>51</v>
      </c>
    </row>
    <row r="10007" spans="1:12">
      <c r="A10007" s="6" t="s">
        <v>49</v>
      </c>
      <c r="B10007" s="6"/>
      <c r="C10007" s="6" t="s">
        <v>10031</v>
      </c>
      <c r="D10007" s="6"/>
      <c r="E10007" s="6" t="s">
        <v>9</v>
      </c>
      <c r="F10007" s="7">
        <v>38657</v>
      </c>
      <c r="G10007" s="8">
        <v>1</v>
      </c>
      <c r="H10007" s="8">
        <v>1</v>
      </c>
      <c r="I10007" s="8">
        <v>0</v>
      </c>
      <c r="J10007" s="8">
        <v>1</v>
      </c>
      <c r="K10007" s="9">
        <v>85.95</v>
      </c>
      <c r="L10007" s="6" t="s">
        <v>51</v>
      </c>
    </row>
    <row r="10008" spans="1:12">
      <c r="A10008" s="6" t="s">
        <v>49</v>
      </c>
      <c r="B10008" s="6"/>
      <c r="C10008" s="6" t="s">
        <v>10032</v>
      </c>
      <c r="D10008" s="6"/>
      <c r="E10008" s="6" t="s">
        <v>9</v>
      </c>
      <c r="F10008" s="7">
        <v>38657</v>
      </c>
      <c r="G10008" s="8">
        <v>1</v>
      </c>
      <c r="H10008" s="8">
        <v>1</v>
      </c>
      <c r="I10008" s="8">
        <v>0</v>
      </c>
      <c r="J10008" s="8">
        <v>1</v>
      </c>
      <c r="K10008" s="9">
        <v>5.77</v>
      </c>
      <c r="L10008" s="6" t="s">
        <v>51</v>
      </c>
    </row>
    <row r="10009" spans="1:12">
      <c r="A10009" s="6" t="s">
        <v>49</v>
      </c>
      <c r="B10009" s="6"/>
      <c r="C10009" s="6" t="s">
        <v>10033</v>
      </c>
      <c r="D10009" s="6"/>
      <c r="E10009" s="6" t="s">
        <v>9</v>
      </c>
      <c r="F10009" s="7">
        <v>38657</v>
      </c>
      <c r="G10009" s="8">
        <v>1</v>
      </c>
      <c r="H10009" s="8">
        <v>1</v>
      </c>
      <c r="I10009" s="8">
        <v>0</v>
      </c>
      <c r="J10009" s="8">
        <v>1</v>
      </c>
      <c r="K10009" s="9">
        <v>0.12</v>
      </c>
      <c r="L10009" s="6" t="s">
        <v>51</v>
      </c>
    </row>
    <row r="10010" spans="1:12">
      <c r="A10010" s="6" t="s">
        <v>49</v>
      </c>
      <c r="B10010" s="6"/>
      <c r="C10010" s="6" t="s">
        <v>10034</v>
      </c>
      <c r="D10010" s="6"/>
      <c r="E10010" s="6" t="s">
        <v>9</v>
      </c>
      <c r="F10010" s="7">
        <v>38657</v>
      </c>
      <c r="G10010" s="8">
        <v>1</v>
      </c>
      <c r="H10010" s="8">
        <v>1</v>
      </c>
      <c r="I10010" s="8">
        <v>0</v>
      </c>
      <c r="J10010" s="8">
        <v>1</v>
      </c>
      <c r="K10010" s="9">
        <v>3.7</v>
      </c>
      <c r="L10010" s="6" t="s">
        <v>51</v>
      </c>
    </row>
    <row r="10011" spans="1:12">
      <c r="A10011" s="6" t="s">
        <v>49</v>
      </c>
      <c r="B10011" s="6"/>
      <c r="C10011" s="6" t="s">
        <v>10035</v>
      </c>
      <c r="D10011" s="6"/>
      <c r="E10011" s="6" t="s">
        <v>9</v>
      </c>
      <c r="F10011" s="7">
        <v>38657</v>
      </c>
      <c r="G10011" s="8">
        <v>1</v>
      </c>
      <c r="H10011" s="8">
        <v>1</v>
      </c>
      <c r="I10011" s="8">
        <v>0</v>
      </c>
      <c r="J10011" s="8">
        <v>1</v>
      </c>
      <c r="K10011" s="9">
        <v>9.91</v>
      </c>
      <c r="L10011" s="6" t="s">
        <v>51</v>
      </c>
    </row>
    <row r="10012" spans="1:12">
      <c r="A10012" s="6" t="s">
        <v>49</v>
      </c>
      <c r="B10012" s="6"/>
      <c r="C10012" s="6" t="s">
        <v>10036</v>
      </c>
      <c r="D10012" s="6"/>
      <c r="E10012" s="6" t="s">
        <v>9</v>
      </c>
      <c r="F10012" s="7">
        <v>38657</v>
      </c>
      <c r="G10012" s="8">
        <v>1</v>
      </c>
      <c r="H10012" s="8">
        <v>1</v>
      </c>
      <c r="I10012" s="8">
        <v>0</v>
      </c>
      <c r="J10012" s="8">
        <v>1</v>
      </c>
      <c r="K10012" s="9">
        <v>302</v>
      </c>
      <c r="L10012" s="6" t="s">
        <v>51</v>
      </c>
    </row>
    <row r="10013" spans="1:12">
      <c r="A10013" s="6" t="s">
        <v>49</v>
      </c>
      <c r="B10013" s="6"/>
      <c r="C10013" s="6" t="s">
        <v>10037</v>
      </c>
      <c r="D10013" s="6"/>
      <c r="E10013" s="6" t="s">
        <v>9</v>
      </c>
      <c r="F10013" s="7">
        <v>38657</v>
      </c>
      <c r="G10013" s="8">
        <v>1</v>
      </c>
      <c r="H10013" s="8">
        <v>1</v>
      </c>
      <c r="I10013" s="8">
        <v>0</v>
      </c>
      <c r="J10013" s="8">
        <v>1</v>
      </c>
      <c r="K10013" s="9">
        <v>747</v>
      </c>
      <c r="L10013" s="6" t="s">
        <v>51</v>
      </c>
    </row>
    <row r="10014" spans="1:12">
      <c r="A10014" s="6" t="s">
        <v>49</v>
      </c>
      <c r="B10014" s="6"/>
      <c r="C10014" s="6" t="s">
        <v>10038</v>
      </c>
      <c r="D10014" s="6"/>
      <c r="E10014" s="6" t="s">
        <v>9</v>
      </c>
      <c r="F10014" s="7">
        <v>38657</v>
      </c>
      <c r="G10014" s="8">
        <v>1</v>
      </c>
      <c r="H10014" s="8">
        <v>1</v>
      </c>
      <c r="I10014" s="8">
        <v>0</v>
      </c>
      <c r="J10014" s="8">
        <v>1</v>
      </c>
      <c r="K10014" s="9">
        <v>466</v>
      </c>
      <c r="L10014" s="6" t="s">
        <v>51</v>
      </c>
    </row>
    <row r="10015" spans="1:12">
      <c r="A10015" s="6" t="s">
        <v>49</v>
      </c>
      <c r="B10015" s="6"/>
      <c r="C10015" s="6" t="s">
        <v>10039</v>
      </c>
      <c r="D10015" s="6"/>
      <c r="E10015" s="6" t="s">
        <v>9</v>
      </c>
      <c r="F10015" s="7">
        <v>38657</v>
      </c>
      <c r="G10015" s="8">
        <v>1</v>
      </c>
      <c r="H10015" s="8">
        <v>1</v>
      </c>
      <c r="I10015" s="8">
        <v>0</v>
      </c>
      <c r="J10015" s="8">
        <v>1</v>
      </c>
      <c r="K10015" s="9">
        <v>274</v>
      </c>
      <c r="L10015" s="6" t="s">
        <v>51</v>
      </c>
    </row>
    <row r="10016" spans="1:12">
      <c r="A10016" s="6" t="s">
        <v>49</v>
      </c>
      <c r="B10016" s="6"/>
      <c r="C10016" s="6" t="s">
        <v>10040</v>
      </c>
      <c r="D10016" s="6"/>
      <c r="E10016" s="6" t="s">
        <v>9</v>
      </c>
      <c r="F10016" s="7">
        <v>38657</v>
      </c>
      <c r="G10016" s="8">
        <v>1</v>
      </c>
      <c r="H10016" s="8">
        <v>1</v>
      </c>
      <c r="I10016" s="8">
        <v>0</v>
      </c>
      <c r="J10016" s="8">
        <v>1</v>
      </c>
      <c r="K10016" s="9">
        <v>21</v>
      </c>
      <c r="L10016" s="6" t="s">
        <v>51</v>
      </c>
    </row>
    <row r="10017" spans="1:12">
      <c r="A10017" s="6" t="s">
        <v>49</v>
      </c>
      <c r="B10017" s="6"/>
      <c r="C10017" s="6" t="s">
        <v>10041</v>
      </c>
      <c r="D10017" s="6"/>
      <c r="E10017" s="6" t="s">
        <v>9</v>
      </c>
      <c r="F10017" s="7">
        <v>38657</v>
      </c>
      <c r="G10017" s="8">
        <v>1</v>
      </c>
      <c r="H10017" s="8">
        <v>1</v>
      </c>
      <c r="I10017" s="8">
        <v>0</v>
      </c>
      <c r="J10017" s="8">
        <v>1</v>
      </c>
      <c r="K10017" s="9">
        <v>44</v>
      </c>
      <c r="L10017" s="6" t="s">
        <v>51</v>
      </c>
    </row>
    <row r="10018" spans="1:12">
      <c r="A10018" s="6" t="s">
        <v>49</v>
      </c>
      <c r="B10018" s="6"/>
      <c r="C10018" s="6" t="s">
        <v>10042</v>
      </c>
      <c r="D10018" s="6"/>
      <c r="E10018" s="6" t="s">
        <v>9</v>
      </c>
      <c r="F10018" s="7">
        <v>38657</v>
      </c>
      <c r="G10018" s="8">
        <v>1</v>
      </c>
      <c r="H10018" s="8">
        <v>1</v>
      </c>
      <c r="I10018" s="8">
        <v>0</v>
      </c>
      <c r="J10018" s="8">
        <v>1</v>
      </c>
      <c r="K10018" s="9">
        <v>56</v>
      </c>
      <c r="L10018" s="6" t="s">
        <v>51</v>
      </c>
    </row>
    <row r="10019" spans="1:12">
      <c r="A10019" s="6" t="s">
        <v>49</v>
      </c>
      <c r="B10019" s="6"/>
      <c r="C10019" s="6" t="s">
        <v>10043</v>
      </c>
      <c r="D10019" s="6"/>
      <c r="E10019" s="6" t="s">
        <v>9</v>
      </c>
      <c r="F10019" s="7">
        <v>38657</v>
      </c>
      <c r="G10019" s="8">
        <v>1</v>
      </c>
      <c r="H10019" s="8">
        <v>1</v>
      </c>
      <c r="I10019" s="8">
        <v>0</v>
      </c>
      <c r="J10019" s="8">
        <v>1</v>
      </c>
      <c r="K10019" s="9">
        <v>440</v>
      </c>
      <c r="L10019" s="6" t="s">
        <v>51</v>
      </c>
    </row>
    <row r="10020" spans="1:12">
      <c r="A10020" s="6" t="s">
        <v>49</v>
      </c>
      <c r="B10020" s="6"/>
      <c r="C10020" s="6" t="s">
        <v>10044</v>
      </c>
      <c r="D10020" s="6"/>
      <c r="E10020" s="6" t="s">
        <v>9</v>
      </c>
      <c r="F10020" s="7">
        <v>38657</v>
      </c>
      <c r="G10020" s="8">
        <v>1</v>
      </c>
      <c r="H10020" s="8">
        <v>1</v>
      </c>
      <c r="I10020" s="8">
        <v>0</v>
      </c>
      <c r="J10020" s="8">
        <v>1</v>
      </c>
      <c r="K10020" s="9">
        <v>13</v>
      </c>
      <c r="L10020" s="6" t="s">
        <v>51</v>
      </c>
    </row>
    <row r="10021" spans="1:12">
      <c r="A10021" s="6" t="s">
        <v>49</v>
      </c>
      <c r="B10021" s="6"/>
      <c r="C10021" s="6" t="s">
        <v>10045</v>
      </c>
      <c r="D10021" s="6"/>
      <c r="E10021" s="6" t="s">
        <v>9</v>
      </c>
      <c r="F10021" s="7">
        <v>38657</v>
      </c>
      <c r="G10021" s="8">
        <v>1</v>
      </c>
      <c r="H10021" s="8">
        <v>1</v>
      </c>
      <c r="I10021" s="8">
        <v>0</v>
      </c>
      <c r="J10021" s="8">
        <v>1</v>
      </c>
      <c r="K10021" s="9">
        <v>2.76</v>
      </c>
      <c r="L10021" s="6" t="s">
        <v>51</v>
      </c>
    </row>
    <row r="10022" spans="1:12">
      <c r="A10022" s="6" t="s">
        <v>49</v>
      </c>
      <c r="B10022" s="6"/>
      <c r="C10022" s="6" t="s">
        <v>10046</v>
      </c>
      <c r="D10022" s="6"/>
      <c r="E10022" s="6" t="s">
        <v>9</v>
      </c>
      <c r="F10022" s="7">
        <v>38657</v>
      </c>
      <c r="G10022" s="8">
        <v>1</v>
      </c>
      <c r="H10022" s="8">
        <v>1</v>
      </c>
      <c r="I10022" s="8">
        <v>0</v>
      </c>
      <c r="J10022" s="8">
        <v>1</v>
      </c>
      <c r="K10022" s="9">
        <v>20</v>
      </c>
      <c r="L10022" s="6" t="s">
        <v>51</v>
      </c>
    </row>
    <row r="10023" spans="1:12">
      <c r="A10023" s="6" t="s">
        <v>49</v>
      </c>
      <c r="B10023" s="6"/>
      <c r="C10023" s="6" t="s">
        <v>10047</v>
      </c>
      <c r="D10023" s="6"/>
      <c r="E10023" s="6" t="s">
        <v>9</v>
      </c>
      <c r="F10023" s="7">
        <v>38657</v>
      </c>
      <c r="G10023" s="8">
        <v>1</v>
      </c>
      <c r="H10023" s="8">
        <v>1</v>
      </c>
      <c r="I10023" s="8">
        <v>0</v>
      </c>
      <c r="J10023" s="8">
        <v>1</v>
      </c>
      <c r="K10023" s="9">
        <v>15.71</v>
      </c>
      <c r="L10023" s="6" t="s">
        <v>51</v>
      </c>
    </row>
    <row r="10024" spans="1:12">
      <c r="A10024" s="6" t="s">
        <v>49</v>
      </c>
      <c r="B10024" s="6"/>
      <c r="C10024" s="6" t="s">
        <v>10048</v>
      </c>
      <c r="D10024" s="6"/>
      <c r="E10024" s="6" t="s">
        <v>9</v>
      </c>
      <c r="F10024" s="7">
        <v>38657</v>
      </c>
      <c r="G10024" s="8">
        <v>1</v>
      </c>
      <c r="H10024" s="8">
        <v>1</v>
      </c>
      <c r="I10024" s="8">
        <v>0</v>
      </c>
      <c r="J10024" s="8">
        <v>1</v>
      </c>
      <c r="K10024" s="9">
        <v>329</v>
      </c>
      <c r="L10024" s="6" t="s">
        <v>51</v>
      </c>
    </row>
    <row r="10025" spans="1:12">
      <c r="A10025" s="6" t="s">
        <v>49</v>
      </c>
      <c r="B10025" s="6"/>
      <c r="C10025" s="6" t="s">
        <v>10049</v>
      </c>
      <c r="D10025" s="6"/>
      <c r="E10025" s="6" t="s">
        <v>9</v>
      </c>
      <c r="F10025" s="7">
        <v>38657</v>
      </c>
      <c r="G10025" s="8">
        <v>1</v>
      </c>
      <c r="H10025" s="8">
        <v>1</v>
      </c>
      <c r="I10025" s="8">
        <v>0</v>
      </c>
      <c r="J10025" s="8">
        <v>1</v>
      </c>
      <c r="K10025" s="9">
        <v>135</v>
      </c>
      <c r="L10025" s="6" t="s">
        <v>51</v>
      </c>
    </row>
    <row r="10026" spans="1:12">
      <c r="A10026" s="6" t="s">
        <v>49</v>
      </c>
      <c r="B10026" s="6"/>
      <c r="C10026" s="6" t="s">
        <v>10050</v>
      </c>
      <c r="D10026" s="6"/>
      <c r="E10026" s="6" t="s">
        <v>9</v>
      </c>
      <c r="F10026" s="7">
        <v>38657</v>
      </c>
      <c r="G10026" s="8">
        <v>1</v>
      </c>
      <c r="H10026" s="8">
        <v>1</v>
      </c>
      <c r="I10026" s="8">
        <v>0</v>
      </c>
      <c r="J10026" s="8">
        <v>1</v>
      </c>
      <c r="K10026" s="9">
        <v>321</v>
      </c>
      <c r="L10026" s="6" t="s">
        <v>51</v>
      </c>
    </row>
    <row r="10027" spans="1:12">
      <c r="A10027" s="6" t="s">
        <v>49</v>
      </c>
      <c r="B10027" s="6"/>
      <c r="C10027" s="6" t="s">
        <v>10051</v>
      </c>
      <c r="D10027" s="6"/>
      <c r="E10027" s="6" t="s">
        <v>9</v>
      </c>
      <c r="F10027" s="7">
        <v>38657</v>
      </c>
      <c r="G10027" s="8">
        <v>1</v>
      </c>
      <c r="H10027" s="8">
        <v>1</v>
      </c>
      <c r="I10027" s="8">
        <v>0</v>
      </c>
      <c r="J10027" s="8">
        <v>1</v>
      </c>
      <c r="K10027" s="9">
        <v>13</v>
      </c>
      <c r="L10027" s="6" t="s">
        <v>51</v>
      </c>
    </row>
    <row r="10028" spans="1:12">
      <c r="A10028" s="6" t="s">
        <v>49</v>
      </c>
      <c r="B10028" s="6"/>
      <c r="C10028" s="6" t="s">
        <v>10052</v>
      </c>
      <c r="D10028" s="6"/>
      <c r="E10028" s="6" t="s">
        <v>9</v>
      </c>
      <c r="F10028" s="7">
        <v>38657</v>
      </c>
      <c r="G10028" s="8">
        <v>1</v>
      </c>
      <c r="H10028" s="8">
        <v>1</v>
      </c>
      <c r="I10028" s="8">
        <v>0</v>
      </c>
      <c r="J10028" s="8">
        <v>1</v>
      </c>
      <c r="K10028" s="9">
        <v>751</v>
      </c>
      <c r="L10028" s="6" t="s">
        <v>51</v>
      </c>
    </row>
    <row r="10029" spans="1:12">
      <c r="A10029" s="6" t="s">
        <v>49</v>
      </c>
      <c r="B10029" s="6"/>
      <c r="C10029" s="6" t="s">
        <v>10053</v>
      </c>
      <c r="D10029" s="6"/>
      <c r="E10029" s="6" t="s">
        <v>9</v>
      </c>
      <c r="F10029" s="7">
        <v>38657</v>
      </c>
      <c r="G10029" s="8">
        <v>1</v>
      </c>
      <c r="H10029" s="8">
        <v>1</v>
      </c>
      <c r="I10029" s="8">
        <v>0</v>
      </c>
      <c r="J10029" s="8">
        <v>1</v>
      </c>
      <c r="K10029" s="9">
        <v>3.3</v>
      </c>
      <c r="L10029" s="6" t="s">
        <v>51</v>
      </c>
    </row>
    <row r="10030" spans="1:12">
      <c r="A10030" s="6" t="s">
        <v>49</v>
      </c>
      <c r="B10030" s="6"/>
      <c r="C10030" s="6" t="s">
        <v>10054</v>
      </c>
      <c r="D10030" s="6"/>
      <c r="E10030" s="6" t="s">
        <v>9</v>
      </c>
      <c r="F10030" s="7">
        <v>38657</v>
      </c>
      <c r="G10030" s="8">
        <v>1</v>
      </c>
      <c r="H10030" s="8">
        <v>1</v>
      </c>
      <c r="I10030" s="8">
        <v>0</v>
      </c>
      <c r="J10030" s="8">
        <v>1</v>
      </c>
      <c r="K10030" s="9">
        <v>748</v>
      </c>
      <c r="L10030" s="6" t="s">
        <v>51</v>
      </c>
    </row>
    <row r="10031" spans="1:12">
      <c r="A10031" s="6" t="s">
        <v>49</v>
      </c>
      <c r="B10031" s="6"/>
      <c r="C10031" s="6" t="s">
        <v>10055</v>
      </c>
      <c r="D10031" s="6"/>
      <c r="E10031" s="6" t="s">
        <v>9</v>
      </c>
      <c r="F10031" s="7">
        <v>38657</v>
      </c>
      <c r="G10031" s="8">
        <v>1</v>
      </c>
      <c r="H10031" s="8">
        <v>1</v>
      </c>
      <c r="I10031" s="8">
        <v>0</v>
      </c>
      <c r="J10031" s="8">
        <v>1</v>
      </c>
      <c r="K10031" s="9">
        <v>178</v>
      </c>
      <c r="L10031" s="6" t="s">
        <v>51</v>
      </c>
    </row>
    <row r="10032" spans="1:12">
      <c r="A10032" s="6" t="s">
        <v>49</v>
      </c>
      <c r="B10032" s="6"/>
      <c r="C10032" s="6" t="s">
        <v>10056</v>
      </c>
      <c r="D10032" s="6"/>
      <c r="E10032" s="6" t="s">
        <v>9</v>
      </c>
      <c r="F10032" s="7">
        <v>38657</v>
      </c>
      <c r="G10032" s="8">
        <v>1</v>
      </c>
      <c r="H10032" s="8">
        <v>1</v>
      </c>
      <c r="I10032" s="8">
        <v>0</v>
      </c>
      <c r="J10032" s="8">
        <v>1</v>
      </c>
      <c r="K10032" s="9">
        <v>638</v>
      </c>
      <c r="L10032" s="6" t="s">
        <v>51</v>
      </c>
    </row>
    <row r="10033" spans="1:12">
      <c r="A10033" s="6" t="s">
        <v>49</v>
      </c>
      <c r="B10033" s="6"/>
      <c r="C10033" s="6" t="s">
        <v>10057</v>
      </c>
      <c r="D10033" s="6"/>
      <c r="E10033" s="6" t="s">
        <v>9</v>
      </c>
      <c r="F10033" s="7">
        <v>38657</v>
      </c>
      <c r="G10033" s="8">
        <v>1</v>
      </c>
      <c r="H10033" s="8">
        <v>1</v>
      </c>
      <c r="I10033" s="8">
        <v>0</v>
      </c>
      <c r="J10033" s="8">
        <v>1</v>
      </c>
      <c r="K10033" s="9">
        <v>1.66</v>
      </c>
      <c r="L10033" s="6" t="s">
        <v>51</v>
      </c>
    </row>
    <row r="10034" spans="1:12">
      <c r="A10034" s="6" t="s">
        <v>49</v>
      </c>
      <c r="B10034" s="6"/>
      <c r="C10034" s="6" t="s">
        <v>10058</v>
      </c>
      <c r="D10034" s="6"/>
      <c r="E10034" s="6" t="s">
        <v>9</v>
      </c>
      <c r="F10034" s="7">
        <v>38657</v>
      </c>
      <c r="G10034" s="8">
        <v>1</v>
      </c>
      <c r="H10034" s="8">
        <v>1</v>
      </c>
      <c r="I10034" s="8">
        <v>0</v>
      </c>
      <c r="J10034" s="8">
        <v>1</v>
      </c>
      <c r="K10034" s="9">
        <v>322</v>
      </c>
      <c r="L10034" s="6" t="s">
        <v>51</v>
      </c>
    </row>
    <row r="10035" spans="1:12">
      <c r="A10035" s="6" t="s">
        <v>49</v>
      </c>
      <c r="B10035" s="6"/>
      <c r="C10035" s="6" t="s">
        <v>10059</v>
      </c>
      <c r="D10035" s="6"/>
      <c r="E10035" s="6" t="s">
        <v>9</v>
      </c>
      <c r="F10035" s="7">
        <v>38657</v>
      </c>
      <c r="G10035" s="8">
        <v>1</v>
      </c>
      <c r="H10035" s="8">
        <v>1</v>
      </c>
      <c r="I10035" s="8">
        <v>0</v>
      </c>
      <c r="J10035" s="8">
        <v>1</v>
      </c>
      <c r="K10035" s="9">
        <v>323</v>
      </c>
      <c r="L10035" s="6" t="s">
        <v>51</v>
      </c>
    </row>
    <row r="10036" spans="1:12">
      <c r="A10036" s="6" t="s">
        <v>49</v>
      </c>
      <c r="B10036" s="6"/>
      <c r="C10036" s="6" t="s">
        <v>10060</v>
      </c>
      <c r="D10036" s="6"/>
      <c r="E10036" s="6" t="s">
        <v>9</v>
      </c>
      <c r="F10036" s="7">
        <v>38657</v>
      </c>
      <c r="G10036" s="8">
        <v>1</v>
      </c>
      <c r="H10036" s="8">
        <v>1</v>
      </c>
      <c r="I10036" s="8">
        <v>0</v>
      </c>
      <c r="J10036" s="8">
        <v>1</v>
      </c>
      <c r="K10036" s="9">
        <v>173</v>
      </c>
      <c r="L10036" s="6" t="s">
        <v>51</v>
      </c>
    </row>
    <row r="10037" spans="1:12">
      <c r="A10037" s="6" t="s">
        <v>49</v>
      </c>
      <c r="B10037" s="6"/>
      <c r="C10037" s="6" t="s">
        <v>10061</v>
      </c>
      <c r="D10037" s="6"/>
      <c r="E10037" s="6" t="s">
        <v>9</v>
      </c>
      <c r="F10037" s="7">
        <v>38657</v>
      </c>
      <c r="G10037" s="8">
        <v>1</v>
      </c>
      <c r="H10037" s="8">
        <v>1</v>
      </c>
      <c r="I10037" s="8">
        <v>0</v>
      </c>
      <c r="J10037" s="8">
        <v>1</v>
      </c>
      <c r="K10037" s="9">
        <v>239</v>
      </c>
      <c r="L10037" s="6" t="s">
        <v>51</v>
      </c>
    </row>
    <row r="10038" spans="1:12">
      <c r="A10038" s="6" t="s">
        <v>49</v>
      </c>
      <c r="B10038" s="6"/>
      <c r="C10038" s="6" t="s">
        <v>10062</v>
      </c>
      <c r="D10038" s="6"/>
      <c r="E10038" s="6" t="s">
        <v>9</v>
      </c>
      <c r="F10038" s="7">
        <v>38657</v>
      </c>
      <c r="G10038" s="8">
        <v>1</v>
      </c>
      <c r="H10038" s="8">
        <v>1</v>
      </c>
      <c r="I10038" s="8">
        <v>0</v>
      </c>
      <c r="J10038" s="8">
        <v>1</v>
      </c>
      <c r="K10038" s="9">
        <v>3.72</v>
      </c>
      <c r="L10038" s="6" t="s">
        <v>51</v>
      </c>
    </row>
    <row r="10039" spans="1:12">
      <c r="A10039" s="6" t="s">
        <v>49</v>
      </c>
      <c r="B10039" s="6"/>
      <c r="C10039" s="6" t="s">
        <v>10063</v>
      </c>
      <c r="D10039" s="6"/>
      <c r="E10039" s="6" t="s">
        <v>9</v>
      </c>
      <c r="F10039" s="7">
        <v>38657</v>
      </c>
      <c r="G10039" s="8">
        <v>1</v>
      </c>
      <c r="H10039" s="8">
        <v>1</v>
      </c>
      <c r="I10039" s="8">
        <v>0</v>
      </c>
      <c r="J10039" s="8">
        <v>1</v>
      </c>
      <c r="K10039" s="9">
        <v>3.72</v>
      </c>
      <c r="L10039" s="6" t="s">
        <v>51</v>
      </c>
    </row>
    <row r="10040" spans="1:12">
      <c r="A10040" s="6" t="s">
        <v>49</v>
      </c>
      <c r="B10040" s="6"/>
      <c r="C10040" s="6" t="s">
        <v>10064</v>
      </c>
      <c r="D10040" s="6"/>
      <c r="E10040" s="6" t="s">
        <v>9</v>
      </c>
      <c r="F10040" s="7">
        <v>38657</v>
      </c>
      <c r="G10040" s="8">
        <v>1</v>
      </c>
      <c r="H10040" s="8">
        <v>1</v>
      </c>
      <c r="I10040" s="8">
        <v>0</v>
      </c>
      <c r="J10040" s="8">
        <v>1</v>
      </c>
      <c r="K10040" s="9">
        <v>112</v>
      </c>
      <c r="L10040" s="6" t="s">
        <v>51</v>
      </c>
    </row>
    <row r="10041" spans="1:12">
      <c r="A10041" s="6" t="s">
        <v>49</v>
      </c>
      <c r="B10041" s="6"/>
      <c r="C10041" s="6" t="s">
        <v>10065</v>
      </c>
      <c r="D10041" s="6"/>
      <c r="E10041" s="6" t="s">
        <v>9</v>
      </c>
      <c r="F10041" s="7">
        <v>38657</v>
      </c>
      <c r="G10041" s="8">
        <v>1</v>
      </c>
      <c r="H10041" s="8">
        <v>1</v>
      </c>
      <c r="I10041" s="8">
        <v>0</v>
      </c>
      <c r="J10041" s="8">
        <v>1</v>
      </c>
      <c r="K10041" s="9">
        <v>49</v>
      </c>
      <c r="L10041" s="6" t="s">
        <v>51</v>
      </c>
    </row>
    <row r="10042" spans="1:12">
      <c r="A10042" s="6" t="s">
        <v>49</v>
      </c>
      <c r="B10042" s="6"/>
      <c r="C10042" s="6" t="s">
        <v>10066</v>
      </c>
      <c r="D10042" s="6"/>
      <c r="E10042" s="6" t="s">
        <v>9</v>
      </c>
      <c r="F10042" s="7">
        <v>38657</v>
      </c>
      <c r="G10042" s="8">
        <v>1</v>
      </c>
      <c r="H10042" s="8">
        <v>1</v>
      </c>
      <c r="I10042" s="8">
        <v>0</v>
      </c>
      <c r="J10042" s="8">
        <v>1</v>
      </c>
      <c r="K10042" s="9">
        <v>4.54</v>
      </c>
      <c r="L10042" s="6" t="s">
        <v>51</v>
      </c>
    </row>
    <row r="10043" spans="1:12">
      <c r="A10043" s="6" t="s">
        <v>49</v>
      </c>
      <c r="B10043" s="6"/>
      <c r="C10043" s="6" t="s">
        <v>10067</v>
      </c>
      <c r="D10043" s="6"/>
      <c r="E10043" s="6" t="s">
        <v>9</v>
      </c>
      <c r="F10043" s="7">
        <v>38657</v>
      </c>
      <c r="G10043" s="8">
        <v>1</v>
      </c>
      <c r="H10043" s="8">
        <v>1</v>
      </c>
      <c r="I10043" s="8">
        <v>0</v>
      </c>
      <c r="J10043" s="8">
        <v>1</v>
      </c>
      <c r="K10043" s="9">
        <v>153</v>
      </c>
      <c r="L10043" s="6" t="s">
        <v>51</v>
      </c>
    </row>
    <row r="10044" spans="1:12">
      <c r="A10044" s="6" t="s">
        <v>49</v>
      </c>
      <c r="B10044" s="6"/>
      <c r="C10044" s="6" t="s">
        <v>10068</v>
      </c>
      <c r="D10044" s="6"/>
      <c r="E10044" s="6" t="s">
        <v>9</v>
      </c>
      <c r="F10044" s="7">
        <v>38657</v>
      </c>
      <c r="G10044" s="8">
        <v>1</v>
      </c>
      <c r="H10044" s="8">
        <v>1</v>
      </c>
      <c r="I10044" s="8">
        <v>0</v>
      </c>
      <c r="J10044" s="8">
        <v>1</v>
      </c>
      <c r="K10044" s="9">
        <v>786</v>
      </c>
      <c r="L10044" s="6" t="s">
        <v>51</v>
      </c>
    </row>
    <row r="10045" spans="1:12">
      <c r="A10045" s="6" t="s">
        <v>49</v>
      </c>
      <c r="B10045" s="6"/>
      <c r="C10045" s="6" t="s">
        <v>10069</v>
      </c>
      <c r="D10045" s="6"/>
      <c r="E10045" s="6" t="s">
        <v>9</v>
      </c>
      <c r="F10045" s="7">
        <v>38657</v>
      </c>
      <c r="G10045" s="8">
        <v>1</v>
      </c>
      <c r="H10045" s="8">
        <v>1</v>
      </c>
      <c r="I10045" s="8">
        <v>0</v>
      </c>
      <c r="J10045" s="8">
        <v>1</v>
      </c>
      <c r="K10045" s="9">
        <v>29</v>
      </c>
      <c r="L10045" s="6" t="s">
        <v>51</v>
      </c>
    </row>
    <row r="10046" spans="1:12">
      <c r="A10046" s="6" t="s">
        <v>49</v>
      </c>
      <c r="B10046" s="6"/>
      <c r="C10046" s="6" t="s">
        <v>10070</v>
      </c>
      <c r="D10046" s="6"/>
      <c r="E10046" s="6" t="s">
        <v>9</v>
      </c>
      <c r="F10046" s="7">
        <v>38657</v>
      </c>
      <c r="G10046" s="8">
        <v>1</v>
      </c>
      <c r="H10046" s="8">
        <v>1</v>
      </c>
      <c r="I10046" s="8">
        <v>0</v>
      </c>
      <c r="J10046" s="8">
        <v>1</v>
      </c>
      <c r="K10046" s="9">
        <v>865</v>
      </c>
      <c r="L10046" s="6" t="s">
        <v>51</v>
      </c>
    </row>
    <row r="10047" spans="1:12">
      <c r="A10047" s="6" t="s">
        <v>49</v>
      </c>
      <c r="B10047" s="6"/>
      <c r="C10047" s="6" t="s">
        <v>10071</v>
      </c>
      <c r="D10047" s="6"/>
      <c r="E10047" s="6" t="s">
        <v>9</v>
      </c>
      <c r="F10047" s="7">
        <v>38657</v>
      </c>
      <c r="G10047" s="8">
        <v>1</v>
      </c>
      <c r="H10047" s="8">
        <v>1</v>
      </c>
      <c r="I10047" s="8">
        <v>0</v>
      </c>
      <c r="J10047" s="8">
        <v>1</v>
      </c>
      <c r="K10047" s="9">
        <v>822</v>
      </c>
      <c r="L10047" s="6" t="s">
        <v>51</v>
      </c>
    </row>
    <row r="10048" spans="1:12">
      <c r="A10048" s="6" t="s">
        <v>49</v>
      </c>
      <c r="B10048" s="6"/>
      <c r="C10048" s="6" t="s">
        <v>10072</v>
      </c>
      <c r="D10048" s="6"/>
      <c r="E10048" s="6" t="s">
        <v>9</v>
      </c>
      <c r="F10048" s="7">
        <v>38657</v>
      </c>
      <c r="G10048" s="8">
        <v>1</v>
      </c>
      <c r="H10048" s="8">
        <v>1</v>
      </c>
      <c r="I10048" s="8">
        <v>0</v>
      </c>
      <c r="J10048" s="8">
        <v>1</v>
      </c>
      <c r="K10048" s="9">
        <v>3.3</v>
      </c>
      <c r="L10048" s="6" t="s">
        <v>51</v>
      </c>
    </row>
    <row r="10049" spans="1:12">
      <c r="A10049" s="6" t="s">
        <v>49</v>
      </c>
      <c r="B10049" s="6"/>
      <c r="C10049" s="6" t="s">
        <v>10073</v>
      </c>
      <c r="D10049" s="6"/>
      <c r="E10049" s="6" t="s">
        <v>9</v>
      </c>
      <c r="F10049" s="7">
        <v>38657</v>
      </c>
      <c r="G10049" s="8">
        <v>1</v>
      </c>
      <c r="H10049" s="8">
        <v>1</v>
      </c>
      <c r="I10049" s="8">
        <v>0</v>
      </c>
      <c r="J10049" s="8">
        <v>1</v>
      </c>
      <c r="K10049" s="9">
        <v>320</v>
      </c>
      <c r="L10049" s="6" t="s">
        <v>51</v>
      </c>
    </row>
    <row r="10050" spans="1:12">
      <c r="A10050" s="6" t="s">
        <v>49</v>
      </c>
      <c r="B10050" s="6"/>
      <c r="C10050" s="6" t="s">
        <v>10074</v>
      </c>
      <c r="D10050" s="6"/>
      <c r="E10050" s="6" t="s">
        <v>9</v>
      </c>
      <c r="F10050" s="7">
        <v>38657</v>
      </c>
      <c r="G10050" s="8">
        <v>1</v>
      </c>
      <c r="H10050" s="8">
        <v>1</v>
      </c>
      <c r="I10050" s="8">
        <v>0</v>
      </c>
      <c r="J10050" s="8">
        <v>1</v>
      </c>
      <c r="K10050" s="9">
        <v>320</v>
      </c>
      <c r="L10050" s="6" t="s">
        <v>51</v>
      </c>
    </row>
    <row r="10051" spans="1:12">
      <c r="A10051" s="6" t="s">
        <v>49</v>
      </c>
      <c r="B10051" s="6"/>
      <c r="C10051" s="6" t="s">
        <v>10075</v>
      </c>
      <c r="D10051" s="6"/>
      <c r="E10051" s="6" t="s">
        <v>9</v>
      </c>
      <c r="F10051" s="7">
        <v>38657</v>
      </c>
      <c r="G10051" s="8">
        <v>1</v>
      </c>
      <c r="H10051" s="8">
        <v>1</v>
      </c>
      <c r="I10051" s="8">
        <v>0</v>
      </c>
      <c r="J10051" s="8">
        <v>1</v>
      </c>
      <c r="K10051" s="9">
        <v>163</v>
      </c>
      <c r="L10051" s="6" t="s">
        <v>51</v>
      </c>
    </row>
    <row r="10052" spans="1:12">
      <c r="A10052" s="6" t="s">
        <v>49</v>
      </c>
      <c r="B10052" s="6"/>
      <c r="C10052" s="6" t="s">
        <v>10076</v>
      </c>
      <c r="D10052" s="6"/>
      <c r="E10052" s="6" t="s">
        <v>9</v>
      </c>
      <c r="F10052" s="7">
        <v>38657</v>
      </c>
      <c r="G10052" s="8">
        <v>1</v>
      </c>
      <c r="H10052" s="8">
        <v>1</v>
      </c>
      <c r="I10052" s="8">
        <v>0</v>
      </c>
      <c r="J10052" s="8">
        <v>1</v>
      </c>
      <c r="K10052" s="9">
        <v>55</v>
      </c>
      <c r="L10052" s="6" t="s">
        <v>51</v>
      </c>
    </row>
    <row r="10053" spans="1:12">
      <c r="A10053" s="6" t="s">
        <v>49</v>
      </c>
      <c r="B10053" s="6"/>
      <c r="C10053" s="6" t="s">
        <v>10077</v>
      </c>
      <c r="D10053" s="6"/>
      <c r="E10053" s="6" t="s">
        <v>9</v>
      </c>
      <c r="F10053" s="7">
        <v>38657</v>
      </c>
      <c r="G10053" s="8">
        <v>1</v>
      </c>
      <c r="H10053" s="8">
        <v>1</v>
      </c>
      <c r="I10053" s="8">
        <v>0</v>
      </c>
      <c r="J10053" s="8">
        <v>1</v>
      </c>
      <c r="K10053" s="9">
        <v>0.25</v>
      </c>
      <c r="L10053" s="6" t="s">
        <v>51</v>
      </c>
    </row>
    <row r="10054" spans="1:12">
      <c r="A10054" s="6" t="s">
        <v>49</v>
      </c>
      <c r="B10054" s="6"/>
      <c r="C10054" s="6" t="s">
        <v>10078</v>
      </c>
      <c r="D10054" s="6"/>
      <c r="E10054" s="6" t="s">
        <v>9</v>
      </c>
      <c r="F10054" s="7">
        <v>38657</v>
      </c>
      <c r="G10054" s="8">
        <v>1</v>
      </c>
      <c r="H10054" s="8">
        <v>1</v>
      </c>
      <c r="I10054" s="8">
        <v>0</v>
      </c>
      <c r="J10054" s="8">
        <v>1</v>
      </c>
      <c r="K10054" s="9">
        <v>226</v>
      </c>
      <c r="L10054" s="6" t="s">
        <v>51</v>
      </c>
    </row>
    <row r="10055" spans="1:12">
      <c r="A10055" s="6" t="s">
        <v>49</v>
      </c>
      <c r="B10055" s="6"/>
      <c r="C10055" s="6" t="s">
        <v>10079</v>
      </c>
      <c r="D10055" s="6"/>
      <c r="E10055" s="6" t="s">
        <v>9</v>
      </c>
      <c r="F10055" s="7">
        <v>41586</v>
      </c>
      <c r="G10055" s="8">
        <v>1</v>
      </c>
      <c r="H10055" s="8">
        <v>1</v>
      </c>
      <c r="I10055" s="8">
        <v>0</v>
      </c>
      <c r="J10055" s="8">
        <v>1</v>
      </c>
      <c r="K10055" s="9">
        <v>49</v>
      </c>
      <c r="L10055" s="6" t="s">
        <v>51</v>
      </c>
    </row>
    <row r="10056" spans="1:12">
      <c r="A10056" s="6" t="s">
        <v>49</v>
      </c>
      <c r="B10056" s="6"/>
      <c r="C10056" s="6" t="s">
        <v>10080</v>
      </c>
      <c r="D10056" s="6"/>
      <c r="E10056" s="6" t="s">
        <v>9</v>
      </c>
      <c r="F10056" s="7">
        <v>38657</v>
      </c>
      <c r="G10056" s="8">
        <v>1</v>
      </c>
      <c r="H10056" s="8">
        <v>1</v>
      </c>
      <c r="I10056" s="8">
        <v>0</v>
      </c>
      <c r="J10056" s="8">
        <v>1</v>
      </c>
      <c r="K10056" s="9">
        <v>115</v>
      </c>
      <c r="L10056" s="6" t="s">
        <v>51</v>
      </c>
    </row>
    <row r="10057" spans="1:12">
      <c r="A10057" s="6" t="s">
        <v>49</v>
      </c>
      <c r="B10057" s="6"/>
      <c r="C10057" s="6" t="s">
        <v>10081</v>
      </c>
      <c r="D10057" s="6"/>
      <c r="E10057" s="6" t="s">
        <v>9</v>
      </c>
      <c r="F10057" s="7">
        <v>38657</v>
      </c>
      <c r="G10057" s="8">
        <v>1</v>
      </c>
      <c r="H10057" s="8">
        <v>1</v>
      </c>
      <c r="I10057" s="8">
        <v>0</v>
      </c>
      <c r="J10057" s="8">
        <v>1</v>
      </c>
      <c r="K10057" s="9">
        <v>1.6</v>
      </c>
      <c r="L10057" s="6" t="s">
        <v>51</v>
      </c>
    </row>
    <row r="10058" spans="1:12">
      <c r="A10058" s="6" t="s">
        <v>49</v>
      </c>
      <c r="B10058" s="6"/>
      <c r="C10058" s="6" t="s">
        <v>10082</v>
      </c>
      <c r="D10058" s="6"/>
      <c r="E10058" s="6" t="s">
        <v>9</v>
      </c>
      <c r="F10058" s="7">
        <v>38657</v>
      </c>
      <c r="G10058" s="8">
        <v>1</v>
      </c>
      <c r="H10058" s="8">
        <v>1</v>
      </c>
      <c r="I10058" s="8">
        <v>0</v>
      </c>
      <c r="J10058" s="8">
        <v>1</v>
      </c>
      <c r="K10058" s="9">
        <v>20.53</v>
      </c>
      <c r="L10058" s="6" t="s">
        <v>51</v>
      </c>
    </row>
    <row r="10059" spans="1:12">
      <c r="A10059" s="6" t="s">
        <v>49</v>
      </c>
      <c r="B10059" s="6"/>
      <c r="C10059" s="6" t="s">
        <v>10083</v>
      </c>
      <c r="D10059" s="6"/>
      <c r="E10059" s="6" t="s">
        <v>9</v>
      </c>
      <c r="F10059" s="7">
        <v>38657</v>
      </c>
      <c r="G10059" s="8">
        <v>1</v>
      </c>
      <c r="H10059" s="8">
        <v>1</v>
      </c>
      <c r="I10059" s="8">
        <v>0</v>
      </c>
      <c r="J10059" s="8">
        <v>1</v>
      </c>
      <c r="K10059" s="9">
        <v>700</v>
      </c>
      <c r="L10059" s="6" t="s">
        <v>51</v>
      </c>
    </row>
    <row r="10060" spans="1:12">
      <c r="A10060" s="6" t="s">
        <v>49</v>
      </c>
      <c r="B10060" s="6"/>
      <c r="C10060" s="6" t="s">
        <v>10084</v>
      </c>
      <c r="D10060" s="6"/>
      <c r="E10060" s="6" t="s">
        <v>9</v>
      </c>
      <c r="F10060" s="7">
        <v>38657</v>
      </c>
      <c r="G10060" s="8">
        <v>1</v>
      </c>
      <c r="H10060" s="8">
        <v>1</v>
      </c>
      <c r="I10060" s="8">
        <v>0</v>
      </c>
      <c r="J10060" s="8">
        <v>1</v>
      </c>
      <c r="K10060" s="9">
        <v>340</v>
      </c>
      <c r="L10060" s="6" t="s">
        <v>51</v>
      </c>
    </row>
    <row r="10061" spans="1:12">
      <c r="A10061" s="6" t="s">
        <v>49</v>
      </c>
      <c r="B10061" s="6"/>
      <c r="C10061" s="6" t="s">
        <v>10085</v>
      </c>
      <c r="D10061" s="6"/>
      <c r="E10061" s="6" t="s">
        <v>9</v>
      </c>
      <c r="F10061" s="7">
        <v>38657</v>
      </c>
      <c r="G10061" s="8">
        <v>1</v>
      </c>
      <c r="H10061" s="8">
        <v>1</v>
      </c>
      <c r="I10061" s="8">
        <v>0</v>
      </c>
      <c r="J10061" s="8">
        <v>1</v>
      </c>
      <c r="K10061" s="9">
        <v>211</v>
      </c>
      <c r="L10061" s="6" t="s">
        <v>51</v>
      </c>
    </row>
    <row r="10062" spans="1:12">
      <c r="A10062" s="6" t="s">
        <v>49</v>
      </c>
      <c r="B10062" s="6"/>
      <c r="C10062" s="6" t="s">
        <v>10086</v>
      </c>
      <c r="D10062" s="6"/>
      <c r="E10062" s="6" t="s">
        <v>9</v>
      </c>
      <c r="F10062" s="7">
        <v>38657</v>
      </c>
      <c r="G10062" s="8">
        <v>1</v>
      </c>
      <c r="H10062" s="8">
        <v>1</v>
      </c>
      <c r="I10062" s="8">
        <v>0</v>
      </c>
      <c r="J10062" s="8">
        <v>1</v>
      </c>
      <c r="K10062" s="9">
        <v>61</v>
      </c>
      <c r="L10062" s="6" t="s">
        <v>51</v>
      </c>
    </row>
    <row r="10063" spans="1:12">
      <c r="A10063" s="6" t="s">
        <v>49</v>
      </c>
      <c r="B10063" s="6"/>
      <c r="C10063" s="6" t="s">
        <v>10087</v>
      </c>
      <c r="D10063" s="6"/>
      <c r="E10063" s="6" t="s">
        <v>9</v>
      </c>
      <c r="F10063" s="7">
        <v>38657</v>
      </c>
      <c r="G10063" s="8">
        <v>1</v>
      </c>
      <c r="H10063" s="8">
        <v>1</v>
      </c>
      <c r="I10063" s="8">
        <v>0</v>
      </c>
      <c r="J10063" s="8">
        <v>1</v>
      </c>
      <c r="K10063" s="9">
        <v>264</v>
      </c>
      <c r="L10063" s="6" t="s">
        <v>51</v>
      </c>
    </row>
    <row r="10064" spans="1:12">
      <c r="A10064" s="6" t="s">
        <v>49</v>
      </c>
      <c r="B10064" s="6"/>
      <c r="C10064" s="6" t="s">
        <v>10088</v>
      </c>
      <c r="D10064" s="6"/>
      <c r="E10064" s="6" t="s">
        <v>9</v>
      </c>
      <c r="F10064" s="7">
        <v>38657</v>
      </c>
      <c r="G10064" s="8">
        <v>1</v>
      </c>
      <c r="H10064" s="8">
        <v>1</v>
      </c>
      <c r="I10064" s="8">
        <v>0</v>
      </c>
      <c r="J10064" s="8">
        <v>1</v>
      </c>
      <c r="K10064" s="9">
        <v>148.76</v>
      </c>
      <c r="L10064" s="6" t="s">
        <v>51</v>
      </c>
    </row>
    <row r="10065" spans="1:12">
      <c r="A10065" s="6" t="s">
        <v>49</v>
      </c>
      <c r="B10065" s="6"/>
      <c r="C10065" s="6" t="s">
        <v>10089</v>
      </c>
      <c r="D10065" s="6"/>
      <c r="E10065" s="6" t="s">
        <v>9</v>
      </c>
      <c r="F10065" s="7">
        <v>38657</v>
      </c>
      <c r="G10065" s="8">
        <v>1</v>
      </c>
      <c r="H10065" s="8">
        <v>1</v>
      </c>
      <c r="I10065" s="8">
        <v>0</v>
      </c>
      <c r="J10065" s="8">
        <v>1</v>
      </c>
      <c r="K10065" s="9">
        <v>5.47</v>
      </c>
      <c r="L10065" s="6" t="s">
        <v>51</v>
      </c>
    </row>
    <row r="10066" spans="1:12">
      <c r="A10066" s="6" t="s">
        <v>49</v>
      </c>
      <c r="B10066" s="6"/>
      <c r="C10066" s="6" t="s">
        <v>10090</v>
      </c>
      <c r="D10066" s="6"/>
      <c r="E10066" s="6" t="s">
        <v>9</v>
      </c>
      <c r="F10066" s="7">
        <v>38657</v>
      </c>
      <c r="G10066" s="8">
        <v>1</v>
      </c>
      <c r="H10066" s="8">
        <v>1</v>
      </c>
      <c r="I10066" s="8">
        <v>0</v>
      </c>
      <c r="J10066" s="8">
        <v>1</v>
      </c>
      <c r="K10066" s="9">
        <v>236</v>
      </c>
      <c r="L10066" s="6" t="s">
        <v>51</v>
      </c>
    </row>
    <row r="10067" spans="1:12">
      <c r="A10067" s="6" t="s">
        <v>49</v>
      </c>
      <c r="B10067" s="6"/>
      <c r="C10067" s="6" t="s">
        <v>10091</v>
      </c>
      <c r="D10067" s="6"/>
      <c r="E10067" s="6" t="s">
        <v>9</v>
      </c>
      <c r="F10067" s="7">
        <v>38657</v>
      </c>
      <c r="G10067" s="8">
        <v>1</v>
      </c>
      <c r="H10067" s="8">
        <v>1</v>
      </c>
      <c r="I10067" s="8">
        <v>0</v>
      </c>
      <c r="J10067" s="8">
        <v>1</v>
      </c>
      <c r="K10067" s="9">
        <v>2.2000000000000002</v>
      </c>
      <c r="L10067" s="6" t="s">
        <v>51</v>
      </c>
    </row>
    <row r="10068" spans="1:12">
      <c r="A10068" s="6" t="s">
        <v>49</v>
      </c>
      <c r="B10068" s="6"/>
      <c r="C10068" s="6" t="s">
        <v>10092</v>
      </c>
      <c r="D10068" s="6"/>
      <c r="E10068" s="6" t="s">
        <v>9</v>
      </c>
      <c r="F10068" s="7">
        <v>38657</v>
      </c>
      <c r="G10068" s="8">
        <v>1</v>
      </c>
      <c r="H10068" s="8">
        <v>1</v>
      </c>
      <c r="I10068" s="8">
        <v>0</v>
      </c>
      <c r="J10068" s="8">
        <v>1</v>
      </c>
      <c r="K10068" s="9">
        <v>19</v>
      </c>
      <c r="L10068" s="6" t="s">
        <v>51</v>
      </c>
    </row>
    <row r="10069" spans="1:12">
      <c r="A10069" s="6" t="s">
        <v>49</v>
      </c>
      <c r="B10069" s="6"/>
      <c r="C10069" s="6" t="s">
        <v>10093</v>
      </c>
      <c r="D10069" s="6"/>
      <c r="E10069" s="6" t="s">
        <v>9</v>
      </c>
      <c r="F10069" s="7">
        <v>38657</v>
      </c>
      <c r="G10069" s="8">
        <v>1</v>
      </c>
      <c r="H10069" s="8">
        <v>1</v>
      </c>
      <c r="I10069" s="8">
        <v>0</v>
      </c>
      <c r="J10069" s="8">
        <v>1</v>
      </c>
      <c r="K10069" s="9">
        <v>17</v>
      </c>
      <c r="L10069" s="6" t="s">
        <v>51</v>
      </c>
    </row>
    <row r="10070" spans="1:12">
      <c r="A10070" s="6" t="s">
        <v>49</v>
      </c>
      <c r="B10070" s="6"/>
      <c r="C10070" s="6" t="s">
        <v>10094</v>
      </c>
      <c r="D10070" s="6"/>
      <c r="E10070" s="6" t="s">
        <v>9</v>
      </c>
      <c r="F10070" s="7">
        <v>38657</v>
      </c>
      <c r="G10070" s="8">
        <v>1</v>
      </c>
      <c r="H10070" s="8">
        <v>1</v>
      </c>
      <c r="I10070" s="8">
        <v>0</v>
      </c>
      <c r="J10070" s="8">
        <v>1</v>
      </c>
      <c r="K10070" s="9">
        <v>4.18</v>
      </c>
      <c r="L10070" s="6" t="s">
        <v>51</v>
      </c>
    </row>
    <row r="10071" spans="1:12">
      <c r="A10071" s="6" t="s">
        <v>49</v>
      </c>
      <c r="B10071" s="6"/>
      <c r="C10071" s="6" t="s">
        <v>10095</v>
      </c>
      <c r="D10071" s="6"/>
      <c r="E10071" s="6" t="s">
        <v>9</v>
      </c>
      <c r="F10071" s="7">
        <v>38657</v>
      </c>
      <c r="G10071" s="8">
        <v>1</v>
      </c>
      <c r="H10071" s="8">
        <v>1</v>
      </c>
      <c r="I10071" s="8">
        <v>0</v>
      </c>
      <c r="J10071" s="8">
        <v>1</v>
      </c>
      <c r="K10071" s="9">
        <v>432</v>
      </c>
      <c r="L10071" s="6" t="s">
        <v>51</v>
      </c>
    </row>
    <row r="10072" spans="1:12">
      <c r="A10072" s="6" t="s">
        <v>49</v>
      </c>
      <c r="B10072" s="6"/>
      <c r="C10072" s="6" t="s">
        <v>10096</v>
      </c>
      <c r="D10072" s="6"/>
      <c r="E10072" s="6" t="s">
        <v>9</v>
      </c>
      <c r="F10072" s="7">
        <v>38657</v>
      </c>
      <c r="G10072" s="8">
        <v>1</v>
      </c>
      <c r="H10072" s="8">
        <v>1</v>
      </c>
      <c r="I10072" s="8">
        <v>0</v>
      </c>
      <c r="J10072" s="8">
        <v>1</v>
      </c>
      <c r="K10072" s="9">
        <v>43.95</v>
      </c>
      <c r="L10072" s="6" t="s">
        <v>51</v>
      </c>
    </row>
    <row r="10073" spans="1:12">
      <c r="A10073" s="6" t="s">
        <v>49</v>
      </c>
      <c r="B10073" s="6"/>
      <c r="C10073" s="6" t="s">
        <v>10097</v>
      </c>
      <c r="D10073" s="6"/>
      <c r="E10073" s="6" t="s">
        <v>9</v>
      </c>
      <c r="F10073" s="7">
        <v>38657</v>
      </c>
      <c r="G10073" s="8">
        <v>1</v>
      </c>
      <c r="H10073" s="8">
        <v>1</v>
      </c>
      <c r="I10073" s="8">
        <v>0</v>
      </c>
      <c r="J10073" s="8">
        <v>1</v>
      </c>
      <c r="K10073" s="9">
        <v>72</v>
      </c>
      <c r="L10073" s="6" t="s">
        <v>51</v>
      </c>
    </row>
    <row r="10074" spans="1:12">
      <c r="A10074" s="6" t="s">
        <v>49</v>
      </c>
      <c r="B10074" s="6"/>
      <c r="C10074" s="6" t="s">
        <v>10098</v>
      </c>
      <c r="D10074" s="6"/>
      <c r="E10074" s="6" t="s">
        <v>9</v>
      </c>
      <c r="F10074" s="7">
        <v>38657</v>
      </c>
      <c r="G10074" s="8">
        <v>1</v>
      </c>
      <c r="H10074" s="8">
        <v>1</v>
      </c>
      <c r="I10074" s="8">
        <v>0</v>
      </c>
      <c r="J10074" s="8">
        <v>1</v>
      </c>
      <c r="K10074" s="9">
        <v>76</v>
      </c>
      <c r="L10074" s="6" t="s">
        <v>51</v>
      </c>
    </row>
    <row r="10075" spans="1:12">
      <c r="A10075" s="6" t="s">
        <v>49</v>
      </c>
      <c r="B10075" s="6"/>
      <c r="C10075" s="6" t="s">
        <v>10099</v>
      </c>
      <c r="D10075" s="6"/>
      <c r="E10075" s="6" t="s">
        <v>9</v>
      </c>
      <c r="F10075" s="7">
        <v>38657</v>
      </c>
      <c r="G10075" s="8">
        <v>1</v>
      </c>
      <c r="H10075" s="8">
        <v>1</v>
      </c>
      <c r="I10075" s="8">
        <v>0</v>
      </c>
      <c r="J10075" s="8">
        <v>1</v>
      </c>
      <c r="K10075" s="9">
        <v>33.049999999999898</v>
      </c>
      <c r="L10075" s="6" t="s">
        <v>51</v>
      </c>
    </row>
    <row r="10076" spans="1:12">
      <c r="A10076" s="6" t="s">
        <v>49</v>
      </c>
      <c r="B10076" s="6"/>
      <c r="C10076" s="6" t="s">
        <v>10100</v>
      </c>
      <c r="D10076" s="6"/>
      <c r="E10076" s="6" t="s">
        <v>9</v>
      </c>
      <c r="F10076" s="7">
        <v>38657</v>
      </c>
      <c r="G10076" s="8">
        <v>1</v>
      </c>
      <c r="H10076" s="8">
        <v>1</v>
      </c>
      <c r="I10076" s="8">
        <v>0</v>
      </c>
      <c r="J10076" s="8">
        <v>1</v>
      </c>
      <c r="K10076" s="9">
        <v>20</v>
      </c>
      <c r="L10076" s="6" t="s">
        <v>51</v>
      </c>
    </row>
    <row r="10077" spans="1:12">
      <c r="A10077" s="6" t="s">
        <v>49</v>
      </c>
      <c r="B10077" s="6"/>
      <c r="C10077" s="6" t="s">
        <v>10101</v>
      </c>
      <c r="D10077" s="6"/>
      <c r="E10077" s="6" t="s">
        <v>9</v>
      </c>
      <c r="F10077" s="7"/>
      <c r="G10077" s="8">
        <v>235152</v>
      </c>
      <c r="H10077" s="8">
        <v>235152</v>
      </c>
      <c r="I10077" s="8">
        <v>0</v>
      </c>
      <c r="J10077" s="8">
        <v>235152</v>
      </c>
      <c r="K10077" s="9">
        <v>46</v>
      </c>
      <c r="L10077" s="6" t="s">
        <v>23</v>
      </c>
    </row>
    <row r="10078" spans="1:12">
      <c r="A10078" s="6" t="s">
        <v>49</v>
      </c>
      <c r="B10078" s="6"/>
      <c r="C10078" s="6" t="s">
        <v>10102</v>
      </c>
      <c r="D10078" s="6"/>
      <c r="E10078" s="6" t="s">
        <v>9</v>
      </c>
      <c r="F10078" s="7"/>
      <c r="G10078" s="8">
        <v>12882</v>
      </c>
      <c r="H10078" s="8">
        <v>12882</v>
      </c>
      <c r="I10078" s="8">
        <v>0</v>
      </c>
      <c r="J10078" s="8">
        <v>12882</v>
      </c>
      <c r="K10078" s="9">
        <v>2.52</v>
      </c>
      <c r="L10078" s="6" t="s">
        <v>23</v>
      </c>
    </row>
    <row r="10079" spans="1:12">
      <c r="A10079" s="6" t="s">
        <v>49</v>
      </c>
      <c r="B10079" s="6"/>
      <c r="C10079" s="6" t="s">
        <v>10103</v>
      </c>
      <c r="D10079" s="6"/>
      <c r="E10079" s="6" t="s">
        <v>9</v>
      </c>
      <c r="F10079" s="7"/>
      <c r="G10079" s="8">
        <v>1477368</v>
      </c>
      <c r="H10079" s="8">
        <v>1477368</v>
      </c>
      <c r="I10079" s="8">
        <v>0</v>
      </c>
      <c r="J10079" s="8">
        <v>1477368</v>
      </c>
      <c r="K10079" s="9">
        <v>289</v>
      </c>
      <c r="L10079" s="6" t="s">
        <v>23</v>
      </c>
    </row>
    <row r="10080" spans="1:12">
      <c r="A10080" s="6" t="s">
        <v>49</v>
      </c>
      <c r="B10080" s="6"/>
      <c r="C10080" s="6" t="s">
        <v>10104</v>
      </c>
      <c r="D10080" s="6"/>
      <c r="E10080" s="6" t="s">
        <v>9</v>
      </c>
      <c r="F10080" s="7">
        <v>38657</v>
      </c>
      <c r="G10080" s="8">
        <v>1</v>
      </c>
      <c r="H10080" s="8">
        <v>1</v>
      </c>
      <c r="I10080" s="8">
        <v>0</v>
      </c>
      <c r="J10080" s="8">
        <v>1</v>
      </c>
      <c r="K10080" s="9">
        <v>55</v>
      </c>
      <c r="L10080" s="6" t="s">
        <v>51</v>
      </c>
    </row>
    <row r="10081" spans="1:12">
      <c r="A10081" s="6" t="s">
        <v>49</v>
      </c>
      <c r="B10081" s="6"/>
      <c r="C10081" s="6" t="s">
        <v>10105</v>
      </c>
      <c r="D10081" s="6"/>
      <c r="E10081" s="6" t="s">
        <v>9</v>
      </c>
      <c r="F10081" s="7">
        <v>38657</v>
      </c>
      <c r="G10081" s="8">
        <v>1</v>
      </c>
      <c r="H10081" s="8">
        <v>1</v>
      </c>
      <c r="I10081" s="8">
        <v>0</v>
      </c>
      <c r="J10081" s="8">
        <v>1</v>
      </c>
      <c r="K10081" s="9">
        <v>76</v>
      </c>
      <c r="L10081" s="6" t="s">
        <v>51</v>
      </c>
    </row>
    <row r="10082" spans="1:12">
      <c r="A10082" s="6" t="s">
        <v>49</v>
      </c>
      <c r="B10082" s="6"/>
      <c r="C10082" s="6" t="s">
        <v>10106</v>
      </c>
      <c r="D10082" s="6"/>
      <c r="E10082" s="6" t="s">
        <v>9</v>
      </c>
      <c r="F10082" s="7">
        <v>38657</v>
      </c>
      <c r="G10082" s="8">
        <v>1</v>
      </c>
      <c r="H10082" s="8">
        <v>1</v>
      </c>
      <c r="I10082" s="8">
        <v>0</v>
      </c>
      <c r="J10082" s="8">
        <v>1</v>
      </c>
      <c r="K10082" s="9">
        <v>76</v>
      </c>
      <c r="L10082" s="6" t="s">
        <v>51</v>
      </c>
    </row>
    <row r="10083" spans="1:12">
      <c r="A10083" s="6" t="s">
        <v>49</v>
      </c>
      <c r="B10083" s="6"/>
      <c r="C10083" s="6" t="s">
        <v>10107</v>
      </c>
      <c r="D10083" s="6"/>
      <c r="E10083" s="6" t="s">
        <v>9</v>
      </c>
      <c r="F10083" s="7">
        <v>38657</v>
      </c>
      <c r="G10083" s="8">
        <v>1</v>
      </c>
      <c r="H10083" s="8">
        <v>1</v>
      </c>
      <c r="I10083" s="8">
        <v>0</v>
      </c>
      <c r="J10083" s="8">
        <v>1</v>
      </c>
      <c r="K10083" s="9">
        <v>76</v>
      </c>
      <c r="L10083" s="6" t="s">
        <v>51</v>
      </c>
    </row>
    <row r="10084" spans="1:12">
      <c r="A10084" s="6" t="s">
        <v>49</v>
      </c>
      <c r="B10084" s="6"/>
      <c r="C10084" s="6" t="s">
        <v>10108</v>
      </c>
      <c r="D10084" s="6"/>
      <c r="E10084" s="6" t="s">
        <v>9</v>
      </c>
      <c r="F10084" s="7">
        <v>38657</v>
      </c>
      <c r="G10084" s="8">
        <v>1</v>
      </c>
      <c r="H10084" s="8">
        <v>1</v>
      </c>
      <c r="I10084" s="8">
        <v>0</v>
      </c>
      <c r="J10084" s="8">
        <v>1</v>
      </c>
      <c r="K10084" s="9">
        <v>53</v>
      </c>
      <c r="L10084" s="6" t="s">
        <v>51</v>
      </c>
    </row>
    <row r="10085" spans="1:12">
      <c r="A10085" s="6" t="s">
        <v>49</v>
      </c>
      <c r="B10085" s="6"/>
      <c r="C10085" s="6" t="s">
        <v>10109</v>
      </c>
      <c r="D10085" s="6"/>
      <c r="E10085" s="6" t="s">
        <v>9</v>
      </c>
      <c r="F10085" s="7">
        <v>38657</v>
      </c>
      <c r="G10085" s="8">
        <v>1</v>
      </c>
      <c r="H10085" s="8">
        <v>1</v>
      </c>
      <c r="I10085" s="8">
        <v>0</v>
      </c>
      <c r="J10085" s="8">
        <v>1</v>
      </c>
      <c r="K10085" s="9">
        <v>22</v>
      </c>
      <c r="L10085" s="6" t="s">
        <v>51</v>
      </c>
    </row>
    <row r="10086" spans="1:12">
      <c r="A10086" s="6" t="s">
        <v>49</v>
      </c>
      <c r="B10086" s="6"/>
      <c r="C10086" s="6" t="s">
        <v>10110</v>
      </c>
      <c r="D10086" s="6"/>
      <c r="E10086" s="6" t="s">
        <v>9</v>
      </c>
      <c r="F10086" s="7">
        <v>38657</v>
      </c>
      <c r="G10086" s="8">
        <v>1</v>
      </c>
      <c r="H10086" s="8">
        <v>1</v>
      </c>
      <c r="I10086" s="8">
        <v>0</v>
      </c>
      <c r="J10086" s="8">
        <v>1</v>
      </c>
      <c r="K10086" s="9">
        <v>305.38</v>
      </c>
      <c r="L10086" s="6" t="s">
        <v>51</v>
      </c>
    </row>
    <row r="10087" spans="1:12">
      <c r="A10087" s="6" t="s">
        <v>49</v>
      </c>
      <c r="B10087" s="6"/>
      <c r="C10087" s="6" t="s">
        <v>10111</v>
      </c>
      <c r="D10087" s="6"/>
      <c r="E10087" s="6" t="s">
        <v>9</v>
      </c>
      <c r="F10087" s="7">
        <v>38657</v>
      </c>
      <c r="G10087" s="8">
        <v>1</v>
      </c>
      <c r="H10087" s="8">
        <v>1</v>
      </c>
      <c r="I10087" s="8">
        <v>0</v>
      </c>
      <c r="J10087" s="8">
        <v>1</v>
      </c>
      <c r="K10087" s="9">
        <v>8.6999999999999904</v>
      </c>
      <c r="L10087" s="6" t="s">
        <v>51</v>
      </c>
    </row>
    <row r="10088" spans="1:12">
      <c r="A10088" s="6" t="s">
        <v>49</v>
      </c>
      <c r="B10088" s="6"/>
      <c r="C10088" s="6" t="s">
        <v>10112</v>
      </c>
      <c r="D10088" s="6"/>
      <c r="E10088" s="6" t="s">
        <v>9</v>
      </c>
      <c r="F10088" s="7">
        <v>38657</v>
      </c>
      <c r="G10088" s="8">
        <v>1</v>
      </c>
      <c r="H10088" s="8">
        <v>1</v>
      </c>
      <c r="I10088" s="8">
        <v>0</v>
      </c>
      <c r="J10088" s="8">
        <v>1</v>
      </c>
      <c r="K10088" s="9">
        <v>11</v>
      </c>
      <c r="L10088" s="6" t="s">
        <v>51</v>
      </c>
    </row>
    <row r="10089" spans="1:12">
      <c r="A10089" s="6" t="s">
        <v>49</v>
      </c>
      <c r="B10089" s="6"/>
      <c r="C10089" s="6" t="s">
        <v>10113</v>
      </c>
      <c r="D10089" s="6"/>
      <c r="E10089" s="6" t="s">
        <v>9</v>
      </c>
      <c r="F10089" s="7">
        <v>38657</v>
      </c>
      <c r="G10089" s="8">
        <v>1</v>
      </c>
      <c r="H10089" s="8">
        <v>1</v>
      </c>
      <c r="I10089" s="8">
        <v>0</v>
      </c>
      <c r="J10089" s="8">
        <v>1</v>
      </c>
      <c r="K10089" s="9">
        <v>65</v>
      </c>
      <c r="L10089" s="6" t="s">
        <v>51</v>
      </c>
    </row>
    <row r="10090" spans="1:12">
      <c r="A10090" s="6" t="s">
        <v>49</v>
      </c>
      <c r="B10090" s="6"/>
      <c r="C10090" s="6" t="s">
        <v>10114</v>
      </c>
      <c r="D10090" s="6"/>
      <c r="E10090" s="6" t="s">
        <v>9</v>
      </c>
      <c r="F10090" s="7">
        <v>38657</v>
      </c>
      <c r="G10090" s="8">
        <v>1</v>
      </c>
      <c r="H10090" s="8">
        <v>1</v>
      </c>
      <c r="I10090" s="8">
        <v>0</v>
      </c>
      <c r="J10090" s="8">
        <v>1</v>
      </c>
      <c r="K10090" s="9">
        <v>67</v>
      </c>
      <c r="L10090" s="6" t="s">
        <v>51</v>
      </c>
    </row>
    <row r="10091" spans="1:12">
      <c r="A10091" s="6" t="s">
        <v>49</v>
      </c>
      <c r="B10091" s="6"/>
      <c r="C10091" s="6" t="s">
        <v>10115</v>
      </c>
      <c r="D10091" s="6"/>
      <c r="E10091" s="6" t="s">
        <v>9</v>
      </c>
      <c r="F10091" s="7">
        <v>38657</v>
      </c>
      <c r="G10091" s="8">
        <v>1</v>
      </c>
      <c r="H10091" s="8">
        <v>1</v>
      </c>
      <c r="I10091" s="8">
        <v>0</v>
      </c>
      <c r="J10091" s="8">
        <v>1</v>
      </c>
      <c r="K10091" s="9">
        <v>64</v>
      </c>
      <c r="L10091" s="6" t="s">
        <v>51</v>
      </c>
    </row>
    <row r="10092" spans="1:12">
      <c r="A10092" s="6" t="s">
        <v>49</v>
      </c>
      <c r="B10092" s="6"/>
      <c r="C10092" s="6" t="s">
        <v>10116</v>
      </c>
      <c r="D10092" s="6"/>
      <c r="E10092" s="6" t="s">
        <v>9</v>
      </c>
      <c r="F10092" s="7">
        <v>38657</v>
      </c>
      <c r="G10092" s="8">
        <v>1</v>
      </c>
      <c r="H10092" s="8">
        <v>1</v>
      </c>
      <c r="I10092" s="8">
        <v>0</v>
      </c>
      <c r="J10092" s="8">
        <v>1</v>
      </c>
      <c r="K10092" s="9">
        <v>87</v>
      </c>
      <c r="L10092" s="6" t="s">
        <v>51</v>
      </c>
    </row>
    <row r="10093" spans="1:12">
      <c r="A10093" s="6" t="s">
        <v>49</v>
      </c>
      <c r="B10093" s="6"/>
      <c r="C10093" s="6" t="s">
        <v>10117</v>
      </c>
      <c r="D10093" s="6"/>
      <c r="E10093" s="6" t="s">
        <v>9</v>
      </c>
      <c r="F10093" s="7">
        <v>38657</v>
      </c>
      <c r="G10093" s="8">
        <v>1</v>
      </c>
      <c r="H10093" s="8">
        <v>1</v>
      </c>
      <c r="I10093" s="8">
        <v>0</v>
      </c>
      <c r="J10093" s="8">
        <v>1</v>
      </c>
      <c r="K10093" s="9">
        <v>76</v>
      </c>
      <c r="L10093" s="6" t="s">
        <v>51</v>
      </c>
    </row>
    <row r="10094" spans="1:12">
      <c r="A10094" s="6" t="s">
        <v>49</v>
      </c>
      <c r="B10094" s="6"/>
      <c r="C10094" s="6" t="s">
        <v>10118</v>
      </c>
      <c r="D10094" s="6"/>
      <c r="E10094" s="6" t="s">
        <v>9</v>
      </c>
      <c r="F10094" s="7">
        <v>38657</v>
      </c>
      <c r="G10094" s="8">
        <v>1</v>
      </c>
      <c r="H10094" s="8">
        <v>1</v>
      </c>
      <c r="I10094" s="8">
        <v>0</v>
      </c>
      <c r="J10094" s="8">
        <v>1</v>
      </c>
      <c r="K10094" s="9">
        <v>66</v>
      </c>
      <c r="L10094" s="6" t="s">
        <v>51</v>
      </c>
    </row>
    <row r="10095" spans="1:12">
      <c r="A10095" s="6" t="s">
        <v>49</v>
      </c>
      <c r="B10095" s="6"/>
      <c r="C10095" s="6" t="s">
        <v>10119</v>
      </c>
      <c r="D10095" s="6"/>
      <c r="E10095" s="6" t="s">
        <v>9</v>
      </c>
      <c r="F10095" s="7">
        <v>38657</v>
      </c>
      <c r="G10095" s="8">
        <v>1</v>
      </c>
      <c r="H10095" s="8">
        <v>1</v>
      </c>
      <c r="I10095" s="8">
        <v>0</v>
      </c>
      <c r="J10095" s="8">
        <v>1</v>
      </c>
      <c r="K10095" s="9">
        <v>10</v>
      </c>
      <c r="L10095" s="6" t="s">
        <v>51</v>
      </c>
    </row>
    <row r="10096" spans="1:12">
      <c r="A10096" s="6" t="s">
        <v>49</v>
      </c>
      <c r="B10096" s="6"/>
      <c r="C10096" s="6" t="s">
        <v>10120</v>
      </c>
      <c r="D10096" s="6"/>
      <c r="E10096" s="6" t="s">
        <v>9</v>
      </c>
      <c r="F10096" s="7">
        <v>38657</v>
      </c>
      <c r="G10096" s="8">
        <v>1</v>
      </c>
      <c r="H10096" s="8">
        <v>1</v>
      </c>
      <c r="I10096" s="8">
        <v>0</v>
      </c>
      <c r="J10096" s="8">
        <v>1</v>
      </c>
      <c r="K10096" s="9">
        <v>76</v>
      </c>
      <c r="L10096" s="6" t="s">
        <v>51</v>
      </c>
    </row>
    <row r="10097" spans="1:12">
      <c r="A10097" s="6" t="s">
        <v>49</v>
      </c>
      <c r="B10097" s="6"/>
      <c r="C10097" s="6" t="s">
        <v>10121</v>
      </c>
      <c r="D10097" s="6"/>
      <c r="E10097" s="6" t="s">
        <v>9</v>
      </c>
      <c r="F10097" s="7">
        <v>38657</v>
      </c>
      <c r="G10097" s="8">
        <v>1</v>
      </c>
      <c r="H10097" s="8">
        <v>1</v>
      </c>
      <c r="I10097" s="8">
        <v>0</v>
      </c>
      <c r="J10097" s="8">
        <v>1</v>
      </c>
      <c r="K10097" s="9">
        <v>1052</v>
      </c>
      <c r="L10097" s="6" t="s">
        <v>51</v>
      </c>
    </row>
    <row r="10098" spans="1:12">
      <c r="A10098" s="6" t="s">
        <v>49</v>
      </c>
      <c r="B10098" s="6"/>
      <c r="C10098" s="6" t="s">
        <v>10122</v>
      </c>
      <c r="D10098" s="6"/>
      <c r="E10098" s="6" t="s">
        <v>9</v>
      </c>
      <c r="F10098" s="7">
        <v>38657</v>
      </c>
      <c r="G10098" s="8">
        <v>1</v>
      </c>
      <c r="H10098" s="8">
        <v>1</v>
      </c>
      <c r="I10098" s="8">
        <v>0</v>
      </c>
      <c r="J10098" s="8">
        <v>1</v>
      </c>
      <c r="K10098" s="9">
        <v>76</v>
      </c>
      <c r="L10098" s="6" t="s">
        <v>51</v>
      </c>
    </row>
    <row r="10099" spans="1:12">
      <c r="A10099" s="6" t="s">
        <v>49</v>
      </c>
      <c r="B10099" s="6"/>
      <c r="C10099" s="6" t="s">
        <v>10123</v>
      </c>
      <c r="D10099" s="6"/>
      <c r="E10099" s="6" t="s">
        <v>9</v>
      </c>
      <c r="F10099" s="7">
        <v>38657</v>
      </c>
      <c r="G10099" s="8">
        <v>1</v>
      </c>
      <c r="H10099" s="8">
        <v>1</v>
      </c>
      <c r="I10099" s="8">
        <v>0</v>
      </c>
      <c r="J10099" s="8">
        <v>1</v>
      </c>
      <c r="K10099" s="9">
        <v>40</v>
      </c>
      <c r="L10099" s="6" t="s">
        <v>51</v>
      </c>
    </row>
    <row r="10100" spans="1:12">
      <c r="A10100" s="6" t="s">
        <v>49</v>
      </c>
      <c r="B10100" s="6"/>
      <c r="C10100" s="6" t="s">
        <v>10124</v>
      </c>
      <c r="D10100" s="6"/>
      <c r="E10100" s="6" t="s">
        <v>9</v>
      </c>
      <c r="F10100" s="7">
        <v>38657</v>
      </c>
      <c r="G10100" s="8">
        <v>1</v>
      </c>
      <c r="H10100" s="8">
        <v>1</v>
      </c>
      <c r="I10100" s="8">
        <v>0</v>
      </c>
      <c r="J10100" s="8">
        <v>1</v>
      </c>
      <c r="K10100" s="9">
        <v>35</v>
      </c>
      <c r="L10100" s="6" t="s">
        <v>51</v>
      </c>
    </row>
    <row r="10101" spans="1:12">
      <c r="A10101" s="6" t="s">
        <v>49</v>
      </c>
      <c r="B10101" s="6"/>
      <c r="C10101" s="6" t="s">
        <v>10125</v>
      </c>
      <c r="D10101" s="6"/>
      <c r="E10101" s="6" t="s">
        <v>9</v>
      </c>
      <c r="F10101" s="7">
        <v>38657</v>
      </c>
      <c r="G10101" s="8">
        <v>1</v>
      </c>
      <c r="H10101" s="8">
        <v>1</v>
      </c>
      <c r="I10101" s="8">
        <v>0</v>
      </c>
      <c r="J10101" s="8">
        <v>1</v>
      </c>
      <c r="K10101" s="9">
        <v>76</v>
      </c>
      <c r="L10101" s="6" t="s">
        <v>51</v>
      </c>
    </row>
    <row r="10102" spans="1:12">
      <c r="A10102" s="6" t="s">
        <v>49</v>
      </c>
      <c r="B10102" s="6"/>
      <c r="C10102" s="6" t="s">
        <v>10126</v>
      </c>
      <c r="D10102" s="6"/>
      <c r="E10102" s="6" t="s">
        <v>9</v>
      </c>
      <c r="F10102" s="7">
        <v>41798</v>
      </c>
      <c r="G10102" s="8">
        <v>1</v>
      </c>
      <c r="H10102" s="8">
        <v>1</v>
      </c>
      <c r="I10102" s="8">
        <v>0</v>
      </c>
      <c r="J10102" s="8">
        <v>1</v>
      </c>
      <c r="K10102" s="9">
        <v>298</v>
      </c>
      <c r="L10102" s="6" t="s">
        <v>51</v>
      </c>
    </row>
    <row r="10103" spans="1:12">
      <c r="A10103" s="6" t="s">
        <v>49</v>
      </c>
      <c r="B10103" s="6"/>
      <c r="C10103" s="6" t="s">
        <v>10127</v>
      </c>
      <c r="D10103" s="6"/>
      <c r="E10103" s="6" t="s">
        <v>9</v>
      </c>
      <c r="F10103" s="7">
        <v>41798</v>
      </c>
      <c r="G10103" s="8">
        <v>1</v>
      </c>
      <c r="H10103" s="8">
        <v>1</v>
      </c>
      <c r="I10103" s="8">
        <v>0</v>
      </c>
      <c r="J10103" s="8">
        <v>1</v>
      </c>
      <c r="K10103" s="9">
        <v>47</v>
      </c>
      <c r="L10103" s="6" t="s">
        <v>51</v>
      </c>
    </row>
    <row r="10104" spans="1:12">
      <c r="A10104" s="6" t="s">
        <v>49</v>
      </c>
      <c r="B10104" s="6"/>
      <c r="C10104" s="6" t="s">
        <v>10128</v>
      </c>
      <c r="D10104" s="6"/>
      <c r="E10104" s="6" t="s">
        <v>9</v>
      </c>
      <c r="F10104" s="7">
        <v>41827</v>
      </c>
      <c r="G10104" s="8">
        <v>1</v>
      </c>
      <c r="H10104" s="8">
        <v>1</v>
      </c>
      <c r="I10104" s="8">
        <v>0</v>
      </c>
      <c r="J10104" s="8">
        <v>1</v>
      </c>
      <c r="K10104" s="9">
        <v>290</v>
      </c>
      <c r="L10104" s="6" t="s">
        <v>51</v>
      </c>
    </row>
    <row r="10105" spans="1:12">
      <c r="A10105" s="6" t="s">
        <v>49</v>
      </c>
      <c r="B10105" s="6"/>
      <c r="C10105" s="6" t="s">
        <v>10129</v>
      </c>
      <c r="D10105" s="6"/>
      <c r="E10105" s="6" t="s">
        <v>9</v>
      </c>
      <c r="F10105" s="7">
        <v>41827</v>
      </c>
      <c r="G10105" s="8">
        <v>1</v>
      </c>
      <c r="H10105" s="8">
        <v>1</v>
      </c>
      <c r="I10105" s="8">
        <v>0</v>
      </c>
      <c r="J10105" s="8">
        <v>1</v>
      </c>
      <c r="K10105" s="9">
        <v>48</v>
      </c>
      <c r="L10105" s="6" t="s">
        <v>51</v>
      </c>
    </row>
    <row r="10106" spans="1:12">
      <c r="A10106" s="6" t="s">
        <v>49</v>
      </c>
      <c r="B10106" s="6"/>
      <c r="C10106" s="6" t="s">
        <v>10130</v>
      </c>
      <c r="D10106" s="6"/>
      <c r="E10106" s="6" t="s">
        <v>9</v>
      </c>
      <c r="F10106" s="7">
        <v>38657</v>
      </c>
      <c r="G10106" s="8">
        <v>1</v>
      </c>
      <c r="H10106" s="8">
        <v>1</v>
      </c>
      <c r="I10106" s="8">
        <v>0</v>
      </c>
      <c r="J10106" s="8">
        <v>1</v>
      </c>
      <c r="K10106" s="9">
        <v>214</v>
      </c>
      <c r="L10106" s="6" t="s">
        <v>51</v>
      </c>
    </row>
    <row r="10107" spans="1:12">
      <c r="A10107" s="6" t="s">
        <v>49</v>
      </c>
      <c r="B10107" s="6"/>
      <c r="C10107" s="6" t="s">
        <v>10131</v>
      </c>
      <c r="D10107" s="6"/>
      <c r="E10107" s="6" t="s">
        <v>9</v>
      </c>
      <c r="F10107" s="7">
        <v>38657</v>
      </c>
      <c r="G10107" s="8">
        <v>1</v>
      </c>
      <c r="H10107" s="8">
        <v>1</v>
      </c>
      <c r="I10107" s="8">
        <v>0</v>
      </c>
      <c r="J10107" s="8">
        <v>1</v>
      </c>
      <c r="K10107" s="9">
        <v>592</v>
      </c>
      <c r="L10107" s="6" t="s">
        <v>51</v>
      </c>
    </row>
    <row r="10108" spans="1:12">
      <c r="A10108" s="6" t="s">
        <v>49</v>
      </c>
      <c r="B10108" s="6"/>
      <c r="C10108" s="6" t="s">
        <v>10132</v>
      </c>
      <c r="D10108" s="6"/>
      <c r="E10108" s="6" t="s">
        <v>9</v>
      </c>
      <c r="F10108" s="7">
        <v>38657</v>
      </c>
      <c r="G10108" s="8">
        <v>1</v>
      </c>
      <c r="H10108" s="8">
        <v>1</v>
      </c>
      <c r="I10108" s="8">
        <v>0</v>
      </c>
      <c r="J10108" s="8">
        <v>1</v>
      </c>
      <c r="K10108" s="9">
        <v>870</v>
      </c>
      <c r="L10108" s="6" t="s">
        <v>51</v>
      </c>
    </row>
    <row r="10109" spans="1:12">
      <c r="A10109" s="6" t="s">
        <v>49</v>
      </c>
      <c r="B10109" s="6"/>
      <c r="C10109" s="6" t="s">
        <v>10133</v>
      </c>
      <c r="D10109" s="6"/>
      <c r="E10109" s="6" t="s">
        <v>9</v>
      </c>
      <c r="F10109" s="7">
        <v>40639</v>
      </c>
      <c r="G10109" s="8">
        <v>1</v>
      </c>
      <c r="H10109" s="8">
        <v>1</v>
      </c>
      <c r="I10109" s="8">
        <v>0</v>
      </c>
      <c r="J10109" s="8">
        <v>1</v>
      </c>
      <c r="K10109" s="9">
        <v>237</v>
      </c>
      <c r="L10109" s="6" t="s">
        <v>51</v>
      </c>
    </row>
    <row r="10110" spans="1:12">
      <c r="A10110" s="6" t="s">
        <v>49</v>
      </c>
      <c r="B10110" s="6"/>
      <c r="C10110" s="6" t="s">
        <v>10134</v>
      </c>
      <c r="D10110" s="6"/>
      <c r="E10110" s="6" t="s">
        <v>9</v>
      </c>
      <c r="F10110" s="7"/>
      <c r="G10110" s="8">
        <v>1</v>
      </c>
      <c r="H10110" s="8">
        <v>1</v>
      </c>
      <c r="I10110" s="8">
        <v>0</v>
      </c>
      <c r="J10110" s="8">
        <v>1</v>
      </c>
      <c r="K10110" s="9">
        <v>0.14000000000000001</v>
      </c>
      <c r="L10110" s="6" t="s">
        <v>51</v>
      </c>
    </row>
    <row r="10111" spans="1:12">
      <c r="A10111" s="6" t="s">
        <v>49</v>
      </c>
      <c r="B10111" s="6"/>
      <c r="C10111" s="6" t="s">
        <v>10135</v>
      </c>
      <c r="D10111" s="6"/>
      <c r="E10111" s="6" t="s">
        <v>9</v>
      </c>
      <c r="F10111" s="7">
        <v>38657</v>
      </c>
      <c r="G10111" s="8">
        <v>1</v>
      </c>
      <c r="H10111" s="8">
        <v>1</v>
      </c>
      <c r="I10111" s="8">
        <v>0</v>
      </c>
      <c r="J10111" s="8">
        <v>1</v>
      </c>
      <c r="K10111" s="9">
        <v>631</v>
      </c>
      <c r="L10111" s="6" t="s">
        <v>51</v>
      </c>
    </row>
    <row r="10112" spans="1:12">
      <c r="A10112" s="6" t="s">
        <v>49</v>
      </c>
      <c r="B10112" s="6"/>
      <c r="C10112" s="6" t="s">
        <v>10136</v>
      </c>
      <c r="D10112" s="6"/>
      <c r="E10112" s="6" t="s">
        <v>9</v>
      </c>
      <c r="F10112" s="7">
        <v>38657</v>
      </c>
      <c r="G10112" s="8">
        <v>1</v>
      </c>
      <c r="H10112" s="8">
        <v>1</v>
      </c>
      <c r="I10112" s="8">
        <v>0</v>
      </c>
      <c r="J10112" s="8">
        <v>1</v>
      </c>
      <c r="K10112" s="9">
        <v>109</v>
      </c>
      <c r="L10112" s="6" t="s">
        <v>51</v>
      </c>
    </row>
    <row r="10113" spans="1:12">
      <c r="A10113" s="6" t="s">
        <v>49</v>
      </c>
      <c r="B10113" s="6"/>
      <c r="C10113" s="6" t="s">
        <v>10137</v>
      </c>
      <c r="D10113" s="6"/>
      <c r="E10113" s="6" t="s">
        <v>9</v>
      </c>
      <c r="F10113" s="7">
        <v>38657</v>
      </c>
      <c r="G10113" s="8">
        <v>1</v>
      </c>
      <c r="H10113" s="8">
        <v>1</v>
      </c>
      <c r="I10113" s="8">
        <v>0</v>
      </c>
      <c r="J10113" s="8">
        <v>1</v>
      </c>
      <c r="K10113" s="9">
        <v>72</v>
      </c>
      <c r="L10113" s="6" t="s">
        <v>51</v>
      </c>
    </row>
    <row r="10114" spans="1:12">
      <c r="A10114" s="6" t="s">
        <v>49</v>
      </c>
      <c r="B10114" s="6"/>
      <c r="C10114" s="6" t="s">
        <v>10138</v>
      </c>
      <c r="D10114" s="6"/>
      <c r="E10114" s="6" t="s">
        <v>9</v>
      </c>
      <c r="F10114" s="7">
        <v>41145</v>
      </c>
      <c r="G10114" s="8">
        <v>1</v>
      </c>
      <c r="H10114" s="8">
        <v>1</v>
      </c>
      <c r="I10114" s="8">
        <v>0</v>
      </c>
      <c r="J10114" s="8">
        <v>1</v>
      </c>
      <c r="K10114" s="9">
        <v>334</v>
      </c>
      <c r="L10114" s="6" t="s">
        <v>51</v>
      </c>
    </row>
    <row r="10115" spans="1:12">
      <c r="A10115" s="6" t="s">
        <v>49</v>
      </c>
      <c r="B10115" s="6"/>
      <c r="C10115" s="6" t="s">
        <v>10139</v>
      </c>
      <c r="D10115" s="6"/>
      <c r="E10115" s="6" t="s">
        <v>9</v>
      </c>
      <c r="F10115" s="7">
        <v>38657</v>
      </c>
      <c r="G10115" s="8">
        <v>1</v>
      </c>
      <c r="H10115" s="8">
        <v>1</v>
      </c>
      <c r="I10115" s="8">
        <v>0</v>
      </c>
      <c r="J10115" s="8">
        <v>1</v>
      </c>
      <c r="K10115" s="9">
        <v>172</v>
      </c>
      <c r="L10115" s="6" t="s">
        <v>51</v>
      </c>
    </row>
    <row r="10116" spans="1:12">
      <c r="A10116" s="6" t="s">
        <v>49</v>
      </c>
      <c r="B10116" s="6"/>
      <c r="C10116" s="6" t="s">
        <v>10140</v>
      </c>
      <c r="D10116" s="6"/>
      <c r="E10116" s="6" t="s">
        <v>9</v>
      </c>
      <c r="F10116" s="7">
        <v>38657</v>
      </c>
      <c r="G10116" s="8">
        <v>1</v>
      </c>
      <c r="H10116" s="8">
        <v>1</v>
      </c>
      <c r="I10116" s="8">
        <v>0</v>
      </c>
      <c r="J10116" s="8">
        <v>1</v>
      </c>
      <c r="K10116" s="9">
        <v>171</v>
      </c>
      <c r="L10116" s="6" t="s">
        <v>51</v>
      </c>
    </row>
    <row r="10117" spans="1:12">
      <c r="A10117" s="6" t="s">
        <v>49</v>
      </c>
      <c r="B10117" s="6"/>
      <c r="C10117" s="6" t="s">
        <v>10141</v>
      </c>
      <c r="D10117" s="6"/>
      <c r="E10117" s="6" t="s">
        <v>9</v>
      </c>
      <c r="F10117" s="7">
        <v>38657</v>
      </c>
      <c r="G10117" s="8">
        <v>1</v>
      </c>
      <c r="H10117" s="8">
        <v>1</v>
      </c>
      <c r="I10117" s="8">
        <v>0</v>
      </c>
      <c r="J10117" s="8">
        <v>1</v>
      </c>
      <c r="K10117" s="9">
        <v>682</v>
      </c>
      <c r="L10117" s="6" t="s">
        <v>51</v>
      </c>
    </row>
    <row r="10118" spans="1:12">
      <c r="A10118" s="6" t="s">
        <v>49</v>
      </c>
      <c r="B10118" s="6"/>
      <c r="C10118" s="6" t="s">
        <v>10142</v>
      </c>
      <c r="D10118" s="6"/>
      <c r="E10118" s="6" t="s">
        <v>9</v>
      </c>
      <c r="F10118" s="7">
        <v>38657</v>
      </c>
      <c r="G10118" s="8">
        <v>1</v>
      </c>
      <c r="H10118" s="8">
        <v>1</v>
      </c>
      <c r="I10118" s="8">
        <v>0</v>
      </c>
      <c r="J10118" s="8">
        <v>1</v>
      </c>
      <c r="K10118" s="9">
        <v>115</v>
      </c>
      <c r="L10118" s="6" t="s">
        <v>51</v>
      </c>
    </row>
    <row r="10119" spans="1:12">
      <c r="A10119" s="6" t="s">
        <v>49</v>
      </c>
      <c r="B10119" s="6"/>
      <c r="C10119" s="6" t="s">
        <v>10143</v>
      </c>
      <c r="D10119" s="6"/>
      <c r="E10119" s="6" t="s">
        <v>9</v>
      </c>
      <c r="F10119" s="7">
        <v>38657</v>
      </c>
      <c r="G10119" s="8">
        <v>1</v>
      </c>
      <c r="H10119" s="8">
        <v>1</v>
      </c>
      <c r="I10119" s="8">
        <v>0</v>
      </c>
      <c r="J10119" s="8">
        <v>1</v>
      </c>
      <c r="K10119" s="9">
        <v>298</v>
      </c>
      <c r="L10119" s="6" t="s">
        <v>51</v>
      </c>
    </row>
    <row r="10120" spans="1:12">
      <c r="A10120" s="6" t="s">
        <v>49</v>
      </c>
      <c r="B10120" s="6"/>
      <c r="C10120" s="6" t="s">
        <v>10144</v>
      </c>
      <c r="D10120" s="6"/>
      <c r="E10120" s="6" t="s">
        <v>9</v>
      </c>
      <c r="F10120" s="7">
        <v>38657</v>
      </c>
      <c r="G10120" s="8">
        <v>1</v>
      </c>
      <c r="H10120" s="8">
        <v>1</v>
      </c>
      <c r="I10120" s="8">
        <v>0</v>
      </c>
      <c r="J10120" s="8">
        <v>1</v>
      </c>
      <c r="K10120" s="9">
        <v>112</v>
      </c>
      <c r="L10120" s="6" t="s">
        <v>51</v>
      </c>
    </row>
    <row r="10121" spans="1:12">
      <c r="A10121" s="6" t="s">
        <v>49</v>
      </c>
      <c r="B10121" s="6"/>
      <c r="C10121" s="6" t="s">
        <v>10145</v>
      </c>
      <c r="D10121" s="6"/>
      <c r="E10121" s="6" t="s">
        <v>9</v>
      </c>
      <c r="F10121" s="7">
        <v>38657</v>
      </c>
      <c r="G10121" s="8">
        <v>1</v>
      </c>
      <c r="H10121" s="8">
        <v>1</v>
      </c>
      <c r="I10121" s="8">
        <v>0</v>
      </c>
      <c r="J10121" s="8">
        <v>1</v>
      </c>
      <c r="K10121" s="9">
        <v>99</v>
      </c>
      <c r="L10121" s="6" t="s">
        <v>51</v>
      </c>
    </row>
    <row r="10122" spans="1:12">
      <c r="A10122" s="6" t="s">
        <v>49</v>
      </c>
      <c r="B10122" s="6"/>
      <c r="C10122" s="6" t="s">
        <v>10146</v>
      </c>
      <c r="D10122" s="6"/>
      <c r="E10122" s="6" t="s">
        <v>9</v>
      </c>
      <c r="F10122" s="7">
        <v>38657</v>
      </c>
      <c r="G10122" s="8">
        <v>1</v>
      </c>
      <c r="H10122" s="8">
        <v>1</v>
      </c>
      <c r="I10122" s="8">
        <v>0</v>
      </c>
      <c r="J10122" s="8">
        <v>1</v>
      </c>
      <c r="K10122" s="9">
        <v>200</v>
      </c>
      <c r="L10122" s="6" t="s">
        <v>51</v>
      </c>
    </row>
    <row r="10123" spans="1:12">
      <c r="A10123" s="6" t="s">
        <v>49</v>
      </c>
      <c r="B10123" s="6"/>
      <c r="C10123" s="6" t="s">
        <v>10147</v>
      </c>
      <c r="D10123" s="6"/>
      <c r="E10123" s="6" t="s">
        <v>9</v>
      </c>
      <c r="F10123" s="7">
        <v>38657</v>
      </c>
      <c r="G10123" s="8">
        <v>1</v>
      </c>
      <c r="H10123" s="8">
        <v>1</v>
      </c>
      <c r="I10123" s="8">
        <v>0</v>
      </c>
      <c r="J10123" s="8">
        <v>1</v>
      </c>
      <c r="K10123" s="9">
        <v>21</v>
      </c>
      <c r="L10123" s="6" t="s">
        <v>51</v>
      </c>
    </row>
    <row r="10124" spans="1:12">
      <c r="A10124" s="6" t="s">
        <v>49</v>
      </c>
      <c r="B10124" s="6"/>
      <c r="C10124" s="6" t="s">
        <v>10148</v>
      </c>
      <c r="D10124" s="6"/>
      <c r="E10124" s="6" t="s">
        <v>9</v>
      </c>
      <c r="F10124" s="7">
        <v>38657</v>
      </c>
      <c r="G10124" s="8">
        <v>1</v>
      </c>
      <c r="H10124" s="8">
        <v>1</v>
      </c>
      <c r="I10124" s="8">
        <v>0</v>
      </c>
      <c r="J10124" s="8">
        <v>1</v>
      </c>
      <c r="K10124" s="9">
        <v>21</v>
      </c>
      <c r="L10124" s="6" t="s">
        <v>51</v>
      </c>
    </row>
    <row r="10125" spans="1:12">
      <c r="A10125" s="6" t="s">
        <v>49</v>
      </c>
      <c r="B10125" s="6"/>
      <c r="C10125" s="6" t="s">
        <v>10149</v>
      </c>
      <c r="D10125" s="6"/>
      <c r="E10125" s="6" t="s">
        <v>9</v>
      </c>
      <c r="F10125" s="7">
        <v>38657</v>
      </c>
      <c r="G10125" s="8">
        <v>1</v>
      </c>
      <c r="H10125" s="8">
        <v>1</v>
      </c>
      <c r="I10125" s="8">
        <v>0</v>
      </c>
      <c r="J10125" s="8">
        <v>1</v>
      </c>
      <c r="K10125" s="9">
        <v>819</v>
      </c>
      <c r="L10125" s="6" t="s">
        <v>51</v>
      </c>
    </row>
    <row r="10126" spans="1:12">
      <c r="A10126" s="6" t="s">
        <v>49</v>
      </c>
      <c r="B10126" s="6"/>
      <c r="C10126" s="6" t="s">
        <v>10150</v>
      </c>
      <c r="D10126" s="6"/>
      <c r="E10126" s="6" t="s">
        <v>9</v>
      </c>
      <c r="F10126" s="7">
        <v>38657</v>
      </c>
      <c r="G10126" s="8">
        <v>1</v>
      </c>
      <c r="H10126" s="8">
        <v>1</v>
      </c>
      <c r="I10126" s="8">
        <v>0</v>
      </c>
      <c r="J10126" s="8">
        <v>1</v>
      </c>
      <c r="K10126" s="9">
        <v>52</v>
      </c>
      <c r="L10126" s="6" t="s">
        <v>51</v>
      </c>
    </row>
    <row r="10127" spans="1:12">
      <c r="A10127" s="6" t="s">
        <v>49</v>
      </c>
      <c r="B10127" s="6"/>
      <c r="C10127" s="6" t="s">
        <v>10151</v>
      </c>
      <c r="D10127" s="6"/>
      <c r="E10127" s="6" t="s">
        <v>9</v>
      </c>
      <c r="F10127" s="7">
        <v>38657</v>
      </c>
      <c r="G10127" s="8">
        <v>1</v>
      </c>
      <c r="H10127" s="8">
        <v>1</v>
      </c>
      <c r="I10127" s="8">
        <v>0</v>
      </c>
      <c r="J10127" s="8">
        <v>1</v>
      </c>
      <c r="K10127" s="9">
        <v>760</v>
      </c>
      <c r="L10127" s="6" t="s">
        <v>51</v>
      </c>
    </row>
    <row r="10128" spans="1:12">
      <c r="A10128" s="6" t="s">
        <v>49</v>
      </c>
      <c r="B10128" s="6"/>
      <c r="C10128" s="6" t="s">
        <v>10152</v>
      </c>
      <c r="D10128" s="6"/>
      <c r="E10128" s="6" t="s">
        <v>9</v>
      </c>
      <c r="F10128" s="7">
        <v>38657</v>
      </c>
      <c r="G10128" s="8">
        <v>1</v>
      </c>
      <c r="H10128" s="8">
        <v>1</v>
      </c>
      <c r="I10128" s="8">
        <v>0</v>
      </c>
      <c r="J10128" s="8">
        <v>1</v>
      </c>
      <c r="K10128" s="9">
        <v>6.25</v>
      </c>
      <c r="L10128" s="6" t="s">
        <v>51</v>
      </c>
    </row>
    <row r="10129" spans="1:12">
      <c r="A10129" s="6" t="s">
        <v>49</v>
      </c>
      <c r="B10129" s="6"/>
      <c r="C10129" s="6" t="s">
        <v>10153</v>
      </c>
      <c r="D10129" s="6"/>
      <c r="E10129" s="6" t="s">
        <v>9</v>
      </c>
      <c r="F10129" s="7">
        <v>38657</v>
      </c>
      <c r="G10129" s="8">
        <v>1</v>
      </c>
      <c r="H10129" s="8">
        <v>1</v>
      </c>
      <c r="I10129" s="8">
        <v>0</v>
      </c>
      <c r="J10129" s="8">
        <v>1</v>
      </c>
      <c r="K10129" s="9">
        <v>839</v>
      </c>
      <c r="L10129" s="6" t="s">
        <v>51</v>
      </c>
    </row>
    <row r="10130" spans="1:12">
      <c r="A10130" s="6" t="s">
        <v>49</v>
      </c>
      <c r="B10130" s="6"/>
      <c r="C10130" s="6" t="s">
        <v>10154</v>
      </c>
      <c r="D10130" s="6"/>
      <c r="E10130" s="6" t="s">
        <v>9</v>
      </c>
      <c r="F10130" s="7">
        <v>38657</v>
      </c>
      <c r="G10130" s="8">
        <v>1</v>
      </c>
      <c r="H10130" s="8">
        <v>1</v>
      </c>
      <c r="I10130" s="8">
        <v>0</v>
      </c>
      <c r="J10130" s="8">
        <v>1</v>
      </c>
      <c r="K10130" s="9">
        <v>684</v>
      </c>
      <c r="L10130" s="6" t="s">
        <v>51</v>
      </c>
    </row>
    <row r="10131" spans="1:12">
      <c r="A10131" s="6" t="s">
        <v>49</v>
      </c>
      <c r="B10131" s="6"/>
      <c r="C10131" s="6" t="s">
        <v>10155</v>
      </c>
      <c r="D10131" s="6"/>
      <c r="E10131" s="6" t="s">
        <v>9</v>
      </c>
      <c r="F10131" s="7">
        <v>38657</v>
      </c>
      <c r="G10131" s="8">
        <v>1</v>
      </c>
      <c r="H10131" s="8">
        <v>1</v>
      </c>
      <c r="I10131" s="8">
        <v>0</v>
      </c>
      <c r="J10131" s="8">
        <v>1</v>
      </c>
      <c r="K10131" s="9">
        <v>172</v>
      </c>
      <c r="L10131" s="6" t="s">
        <v>51</v>
      </c>
    </row>
    <row r="10132" spans="1:12">
      <c r="A10132" s="6" t="s">
        <v>49</v>
      </c>
      <c r="B10132" s="6"/>
      <c r="C10132" s="6" t="s">
        <v>10156</v>
      </c>
      <c r="D10132" s="6"/>
      <c r="E10132" s="6" t="s">
        <v>9</v>
      </c>
      <c r="F10132" s="7">
        <v>38657</v>
      </c>
      <c r="G10132" s="8">
        <v>1</v>
      </c>
      <c r="H10132" s="8">
        <v>1</v>
      </c>
      <c r="I10132" s="8">
        <v>0</v>
      </c>
      <c r="J10132" s="8">
        <v>1</v>
      </c>
      <c r="K10132" s="9">
        <v>174</v>
      </c>
      <c r="L10132" s="6" t="s">
        <v>51</v>
      </c>
    </row>
    <row r="10133" spans="1:12">
      <c r="A10133" s="6" t="s">
        <v>49</v>
      </c>
      <c r="B10133" s="6"/>
      <c r="C10133" s="6" t="s">
        <v>10157</v>
      </c>
      <c r="D10133" s="6"/>
      <c r="E10133" s="6" t="s">
        <v>9</v>
      </c>
      <c r="F10133" s="7">
        <v>38657</v>
      </c>
      <c r="G10133" s="8">
        <v>1</v>
      </c>
      <c r="H10133" s="8">
        <v>1</v>
      </c>
      <c r="I10133" s="8">
        <v>0</v>
      </c>
      <c r="J10133" s="8">
        <v>1</v>
      </c>
      <c r="K10133" s="9">
        <v>595</v>
      </c>
      <c r="L10133" s="6" t="s">
        <v>51</v>
      </c>
    </row>
    <row r="10134" spans="1:12">
      <c r="A10134" s="6" t="s">
        <v>49</v>
      </c>
      <c r="B10134" s="6"/>
      <c r="C10134" s="6" t="s">
        <v>10158</v>
      </c>
      <c r="D10134" s="6"/>
      <c r="E10134" s="6" t="s">
        <v>9</v>
      </c>
      <c r="F10134" s="7">
        <v>38657</v>
      </c>
      <c r="G10134" s="8">
        <v>1</v>
      </c>
      <c r="H10134" s="8">
        <v>1</v>
      </c>
      <c r="I10134" s="8">
        <v>0</v>
      </c>
      <c r="J10134" s="8">
        <v>1</v>
      </c>
      <c r="K10134" s="9">
        <v>221</v>
      </c>
      <c r="L10134" s="6" t="s">
        <v>51</v>
      </c>
    </row>
    <row r="10135" spans="1:12">
      <c r="A10135" s="6" t="s">
        <v>49</v>
      </c>
      <c r="B10135" s="6"/>
      <c r="C10135" s="6" t="s">
        <v>10159</v>
      </c>
      <c r="D10135" s="6"/>
      <c r="E10135" s="6" t="s">
        <v>9</v>
      </c>
      <c r="F10135" s="7">
        <v>38657</v>
      </c>
      <c r="G10135" s="8">
        <v>1</v>
      </c>
      <c r="H10135" s="8">
        <v>1</v>
      </c>
      <c r="I10135" s="8">
        <v>0</v>
      </c>
      <c r="J10135" s="8">
        <v>1</v>
      </c>
      <c r="K10135" s="9">
        <v>190</v>
      </c>
      <c r="L10135" s="6" t="s">
        <v>51</v>
      </c>
    </row>
    <row r="10136" spans="1:12">
      <c r="A10136" s="6" t="s">
        <v>49</v>
      </c>
      <c r="B10136" s="6"/>
      <c r="C10136" s="6" t="s">
        <v>10160</v>
      </c>
      <c r="D10136" s="6"/>
      <c r="E10136" s="6" t="s">
        <v>9</v>
      </c>
      <c r="F10136" s="7">
        <v>38657</v>
      </c>
      <c r="G10136" s="8">
        <v>1</v>
      </c>
      <c r="H10136" s="8">
        <v>1</v>
      </c>
      <c r="I10136" s="8">
        <v>0</v>
      </c>
      <c r="J10136" s="8">
        <v>1</v>
      </c>
      <c r="K10136" s="9">
        <v>142</v>
      </c>
      <c r="L10136" s="6" t="s">
        <v>51</v>
      </c>
    </row>
    <row r="10137" spans="1:12">
      <c r="A10137" s="6" t="s">
        <v>49</v>
      </c>
      <c r="B10137" s="6"/>
      <c r="C10137" s="6" t="s">
        <v>10161</v>
      </c>
      <c r="D10137" s="6"/>
      <c r="E10137" s="6" t="s">
        <v>9</v>
      </c>
      <c r="F10137" s="7">
        <v>38657</v>
      </c>
      <c r="G10137" s="8">
        <v>1</v>
      </c>
      <c r="H10137" s="8">
        <v>1</v>
      </c>
      <c r="I10137" s="8">
        <v>0</v>
      </c>
      <c r="J10137" s="8">
        <v>1</v>
      </c>
      <c r="K10137" s="9">
        <v>49</v>
      </c>
      <c r="L10137" s="6" t="s">
        <v>51</v>
      </c>
    </row>
    <row r="10138" spans="1:12">
      <c r="A10138" s="6" t="s">
        <v>49</v>
      </c>
      <c r="B10138" s="6"/>
      <c r="C10138" s="6" t="s">
        <v>10162</v>
      </c>
      <c r="D10138" s="6"/>
      <c r="E10138" s="6" t="s">
        <v>9</v>
      </c>
      <c r="F10138" s="7">
        <v>38657</v>
      </c>
      <c r="G10138" s="8">
        <v>1</v>
      </c>
      <c r="H10138" s="8">
        <v>1</v>
      </c>
      <c r="I10138" s="8">
        <v>0</v>
      </c>
      <c r="J10138" s="8">
        <v>1</v>
      </c>
      <c r="K10138" s="9">
        <v>228</v>
      </c>
      <c r="L10138" s="6" t="s">
        <v>51</v>
      </c>
    </row>
    <row r="10139" spans="1:12">
      <c r="A10139" s="6" t="s">
        <v>49</v>
      </c>
      <c r="B10139" s="6"/>
      <c r="C10139" s="6" t="s">
        <v>10163</v>
      </c>
      <c r="D10139" s="6"/>
      <c r="E10139" s="6" t="s">
        <v>9</v>
      </c>
      <c r="F10139" s="7">
        <v>38657</v>
      </c>
      <c r="G10139" s="8">
        <v>1</v>
      </c>
      <c r="H10139" s="8">
        <v>1</v>
      </c>
      <c r="I10139" s="8">
        <v>0</v>
      </c>
      <c r="J10139" s="8">
        <v>1</v>
      </c>
      <c r="K10139" s="9">
        <v>99</v>
      </c>
      <c r="L10139" s="6" t="s">
        <v>51</v>
      </c>
    </row>
    <row r="10140" spans="1:12">
      <c r="A10140" s="6" t="s">
        <v>49</v>
      </c>
      <c r="B10140" s="6"/>
      <c r="C10140" s="6" t="s">
        <v>10164</v>
      </c>
      <c r="D10140" s="6"/>
      <c r="E10140" s="6" t="s">
        <v>9</v>
      </c>
      <c r="F10140" s="7">
        <v>38657</v>
      </c>
      <c r="G10140" s="8">
        <v>1</v>
      </c>
      <c r="H10140" s="8">
        <v>1</v>
      </c>
      <c r="I10140" s="8">
        <v>0</v>
      </c>
      <c r="J10140" s="8">
        <v>1</v>
      </c>
      <c r="K10140" s="9">
        <v>439</v>
      </c>
      <c r="L10140" s="6" t="s">
        <v>51</v>
      </c>
    </row>
    <row r="10141" spans="1:12">
      <c r="A10141" s="6" t="s">
        <v>49</v>
      </c>
      <c r="B10141" s="6"/>
      <c r="C10141" s="6" t="s">
        <v>10165</v>
      </c>
      <c r="D10141" s="6"/>
      <c r="E10141" s="6" t="s">
        <v>9</v>
      </c>
      <c r="F10141" s="7">
        <v>38657</v>
      </c>
      <c r="G10141" s="8">
        <v>1</v>
      </c>
      <c r="H10141" s="8">
        <v>1</v>
      </c>
      <c r="I10141" s="8">
        <v>0</v>
      </c>
      <c r="J10141" s="8">
        <v>1</v>
      </c>
      <c r="K10141" s="9">
        <v>225</v>
      </c>
      <c r="L10141" s="6" t="s">
        <v>51</v>
      </c>
    </row>
    <row r="10142" spans="1:12">
      <c r="A10142" s="6" t="s">
        <v>49</v>
      </c>
      <c r="B10142" s="6"/>
      <c r="C10142" s="6" t="s">
        <v>10166</v>
      </c>
      <c r="D10142" s="6"/>
      <c r="E10142" s="6" t="s">
        <v>9</v>
      </c>
      <c r="F10142" s="7">
        <v>38657</v>
      </c>
      <c r="G10142" s="8">
        <v>1</v>
      </c>
      <c r="H10142" s="8">
        <v>1</v>
      </c>
      <c r="I10142" s="8">
        <v>0</v>
      </c>
      <c r="J10142" s="8">
        <v>1</v>
      </c>
      <c r="K10142" s="9">
        <v>22</v>
      </c>
      <c r="L10142" s="6" t="s">
        <v>51</v>
      </c>
    </row>
    <row r="10143" spans="1:12">
      <c r="A10143" s="6" t="s">
        <v>49</v>
      </c>
      <c r="B10143" s="6"/>
      <c r="C10143" s="6" t="s">
        <v>10167</v>
      </c>
      <c r="D10143" s="6"/>
      <c r="E10143" s="6" t="s">
        <v>9</v>
      </c>
      <c r="F10143" s="7">
        <v>38657</v>
      </c>
      <c r="G10143" s="8">
        <v>1</v>
      </c>
      <c r="H10143" s="8">
        <v>1</v>
      </c>
      <c r="I10143" s="8">
        <v>0</v>
      </c>
      <c r="J10143" s="8">
        <v>1</v>
      </c>
      <c r="K10143" s="9">
        <v>22</v>
      </c>
      <c r="L10143" s="6" t="s">
        <v>51</v>
      </c>
    </row>
    <row r="10144" spans="1:12">
      <c r="A10144" s="6" t="s">
        <v>49</v>
      </c>
      <c r="B10144" s="6"/>
      <c r="C10144" s="6" t="s">
        <v>10168</v>
      </c>
      <c r="D10144" s="6"/>
      <c r="E10144" s="6" t="s">
        <v>9</v>
      </c>
      <c r="F10144" s="7">
        <v>38657</v>
      </c>
      <c r="G10144" s="8">
        <v>1</v>
      </c>
      <c r="H10144" s="8">
        <v>1</v>
      </c>
      <c r="I10144" s="8">
        <v>0</v>
      </c>
      <c r="J10144" s="8">
        <v>1</v>
      </c>
      <c r="K10144" s="9">
        <v>34</v>
      </c>
      <c r="L10144" s="6" t="s">
        <v>51</v>
      </c>
    </row>
    <row r="10145" spans="1:12">
      <c r="A10145" s="6" t="s">
        <v>49</v>
      </c>
      <c r="B10145" s="6"/>
      <c r="C10145" s="6" t="s">
        <v>10169</v>
      </c>
      <c r="D10145" s="6"/>
      <c r="E10145" s="6" t="s">
        <v>9</v>
      </c>
      <c r="F10145" s="7">
        <v>38657</v>
      </c>
      <c r="G10145" s="8">
        <v>1</v>
      </c>
      <c r="H10145" s="8">
        <v>1</v>
      </c>
      <c r="I10145" s="8">
        <v>0</v>
      </c>
      <c r="J10145" s="8">
        <v>1</v>
      </c>
      <c r="K10145" s="9">
        <v>46</v>
      </c>
      <c r="L10145" s="6" t="s">
        <v>51</v>
      </c>
    </row>
    <row r="10146" spans="1:12">
      <c r="A10146" s="6" t="s">
        <v>49</v>
      </c>
      <c r="B10146" s="6"/>
      <c r="C10146" s="6" t="s">
        <v>10170</v>
      </c>
      <c r="D10146" s="6"/>
      <c r="E10146" s="6" t="s">
        <v>9</v>
      </c>
      <c r="F10146" s="7">
        <v>38657</v>
      </c>
      <c r="G10146" s="8">
        <v>1</v>
      </c>
      <c r="H10146" s="8">
        <v>1</v>
      </c>
      <c r="I10146" s="8">
        <v>0</v>
      </c>
      <c r="J10146" s="8">
        <v>1</v>
      </c>
      <c r="K10146" s="9">
        <v>251</v>
      </c>
      <c r="L10146" s="6" t="s">
        <v>51</v>
      </c>
    </row>
    <row r="10147" spans="1:12">
      <c r="A10147" s="6" t="s">
        <v>49</v>
      </c>
      <c r="B10147" s="6"/>
      <c r="C10147" s="6" t="s">
        <v>10171</v>
      </c>
      <c r="D10147" s="6"/>
      <c r="E10147" s="6" t="s">
        <v>9</v>
      </c>
      <c r="F10147" s="7">
        <v>38657</v>
      </c>
      <c r="G10147" s="8">
        <v>1</v>
      </c>
      <c r="H10147" s="8">
        <v>1</v>
      </c>
      <c r="I10147" s="8">
        <v>0</v>
      </c>
      <c r="J10147" s="8">
        <v>1</v>
      </c>
      <c r="K10147" s="9">
        <v>201</v>
      </c>
      <c r="L10147" s="6" t="s">
        <v>51</v>
      </c>
    </row>
    <row r="10148" spans="1:12">
      <c r="A10148" s="6" t="s">
        <v>49</v>
      </c>
      <c r="B10148" s="6"/>
      <c r="C10148" s="6" t="s">
        <v>10172</v>
      </c>
      <c r="D10148" s="6"/>
      <c r="E10148" s="6" t="s">
        <v>9</v>
      </c>
      <c r="F10148" s="7">
        <v>38657</v>
      </c>
      <c r="G10148" s="8">
        <v>1</v>
      </c>
      <c r="H10148" s="8">
        <v>1</v>
      </c>
      <c r="I10148" s="8">
        <v>0</v>
      </c>
      <c r="J10148" s="8">
        <v>1</v>
      </c>
      <c r="K10148" s="9">
        <v>102</v>
      </c>
      <c r="L10148" s="6" t="s">
        <v>51</v>
      </c>
    </row>
    <row r="10149" spans="1:12">
      <c r="A10149" s="6" t="s">
        <v>49</v>
      </c>
      <c r="B10149" s="6"/>
      <c r="C10149" s="6" t="s">
        <v>10173</v>
      </c>
      <c r="D10149" s="6"/>
      <c r="E10149" s="6" t="s">
        <v>9</v>
      </c>
      <c r="F10149" s="7">
        <v>38657</v>
      </c>
      <c r="G10149" s="8">
        <v>1</v>
      </c>
      <c r="H10149" s="8">
        <v>1</v>
      </c>
      <c r="I10149" s="8">
        <v>0</v>
      </c>
      <c r="J10149" s="8">
        <v>1</v>
      </c>
      <c r="K10149" s="9">
        <v>2763</v>
      </c>
      <c r="L10149" s="6" t="s">
        <v>51</v>
      </c>
    </row>
    <row r="10150" spans="1:12">
      <c r="A10150" s="6" t="s">
        <v>49</v>
      </c>
      <c r="B10150" s="6"/>
      <c r="C10150" s="6" t="s">
        <v>10174</v>
      </c>
      <c r="D10150" s="6"/>
      <c r="E10150" s="6" t="s">
        <v>9</v>
      </c>
      <c r="F10150" s="7">
        <v>38657</v>
      </c>
      <c r="G10150" s="8">
        <v>1</v>
      </c>
      <c r="H10150" s="8">
        <v>1</v>
      </c>
      <c r="I10150" s="8">
        <v>0</v>
      </c>
      <c r="J10150" s="8">
        <v>1</v>
      </c>
      <c r="K10150" s="9">
        <v>3.3</v>
      </c>
      <c r="L10150" s="6" t="s">
        <v>51</v>
      </c>
    </row>
    <row r="10151" spans="1:12">
      <c r="A10151" s="6" t="s">
        <v>49</v>
      </c>
      <c r="B10151" s="6"/>
      <c r="C10151" s="6" t="s">
        <v>10175</v>
      </c>
      <c r="D10151" s="6"/>
      <c r="E10151" s="6" t="s">
        <v>9</v>
      </c>
      <c r="F10151" s="7">
        <v>39902</v>
      </c>
      <c r="G10151" s="8">
        <v>1</v>
      </c>
      <c r="H10151" s="8">
        <v>1</v>
      </c>
      <c r="I10151" s="8">
        <v>0</v>
      </c>
      <c r="J10151" s="8">
        <v>1</v>
      </c>
      <c r="K10151" s="9">
        <v>49</v>
      </c>
      <c r="L10151" s="6" t="s">
        <v>51</v>
      </c>
    </row>
    <row r="10152" spans="1:12">
      <c r="A10152" s="6" t="s">
        <v>49</v>
      </c>
      <c r="B10152" s="6"/>
      <c r="C10152" s="6" t="s">
        <v>10176</v>
      </c>
      <c r="D10152" s="6"/>
      <c r="E10152" s="6" t="s">
        <v>9</v>
      </c>
      <c r="F10152" s="7">
        <v>38657</v>
      </c>
      <c r="G10152" s="8">
        <v>1</v>
      </c>
      <c r="H10152" s="8">
        <v>1</v>
      </c>
      <c r="I10152" s="8">
        <v>0</v>
      </c>
      <c r="J10152" s="8">
        <v>1</v>
      </c>
      <c r="K10152" s="9">
        <v>46</v>
      </c>
      <c r="L10152" s="6" t="s">
        <v>51</v>
      </c>
    </row>
    <row r="10153" spans="1:12">
      <c r="A10153" s="6" t="s">
        <v>49</v>
      </c>
      <c r="B10153" s="6"/>
      <c r="C10153" s="6" t="s">
        <v>10177</v>
      </c>
      <c r="D10153" s="6"/>
      <c r="E10153" s="6" t="s">
        <v>9</v>
      </c>
      <c r="F10153" s="7">
        <v>38657</v>
      </c>
      <c r="G10153" s="8">
        <v>1</v>
      </c>
      <c r="H10153" s="8">
        <v>1</v>
      </c>
      <c r="I10153" s="8">
        <v>0</v>
      </c>
      <c r="J10153" s="8">
        <v>1</v>
      </c>
      <c r="K10153" s="9">
        <v>1135</v>
      </c>
      <c r="L10153" s="6" t="s">
        <v>51</v>
      </c>
    </row>
    <row r="10154" spans="1:12">
      <c r="A10154" s="6" t="s">
        <v>49</v>
      </c>
      <c r="B10154" s="6"/>
      <c r="C10154" s="6" t="s">
        <v>10178</v>
      </c>
      <c r="D10154" s="6"/>
      <c r="E10154" s="6" t="s">
        <v>9</v>
      </c>
      <c r="F10154" s="7">
        <v>38657</v>
      </c>
      <c r="G10154" s="8">
        <v>1</v>
      </c>
      <c r="H10154" s="8">
        <v>1</v>
      </c>
      <c r="I10154" s="8">
        <v>0</v>
      </c>
      <c r="J10154" s="8">
        <v>1</v>
      </c>
      <c r="K10154" s="9">
        <v>25</v>
      </c>
      <c r="L10154" s="6" t="s">
        <v>51</v>
      </c>
    </row>
    <row r="10155" spans="1:12">
      <c r="A10155" s="6" t="s">
        <v>49</v>
      </c>
      <c r="B10155" s="6"/>
      <c r="C10155" s="6" t="s">
        <v>10179</v>
      </c>
      <c r="D10155" s="6"/>
      <c r="E10155" s="6" t="s">
        <v>9</v>
      </c>
      <c r="F10155" s="7">
        <v>38657</v>
      </c>
      <c r="G10155" s="8">
        <v>1</v>
      </c>
      <c r="H10155" s="8">
        <v>1</v>
      </c>
      <c r="I10155" s="8">
        <v>0</v>
      </c>
      <c r="J10155" s="8">
        <v>1</v>
      </c>
      <c r="K10155" s="9">
        <v>26</v>
      </c>
      <c r="L10155" s="6" t="s">
        <v>51</v>
      </c>
    </row>
    <row r="10156" spans="1:12">
      <c r="A10156" s="6" t="s">
        <v>49</v>
      </c>
      <c r="B10156" s="6"/>
      <c r="C10156" s="6" t="s">
        <v>10180</v>
      </c>
      <c r="D10156" s="6"/>
      <c r="E10156" s="6" t="s">
        <v>9</v>
      </c>
      <c r="F10156" s="7">
        <v>38657</v>
      </c>
      <c r="G10156" s="8">
        <v>1</v>
      </c>
      <c r="H10156" s="8">
        <v>1</v>
      </c>
      <c r="I10156" s="8">
        <v>0</v>
      </c>
      <c r="J10156" s="8">
        <v>1</v>
      </c>
      <c r="K10156" s="9">
        <v>12</v>
      </c>
      <c r="L10156" s="6" t="s">
        <v>51</v>
      </c>
    </row>
    <row r="10157" spans="1:12">
      <c r="A10157" s="6" t="s">
        <v>49</v>
      </c>
      <c r="B10157" s="6"/>
      <c r="C10157" s="6" t="s">
        <v>10181</v>
      </c>
      <c r="D10157" s="6"/>
      <c r="E10157" s="6" t="s">
        <v>9</v>
      </c>
      <c r="F10157" s="7">
        <v>38657</v>
      </c>
      <c r="G10157" s="8">
        <v>1</v>
      </c>
      <c r="H10157" s="8">
        <v>1</v>
      </c>
      <c r="I10157" s="8">
        <v>0</v>
      </c>
      <c r="J10157" s="8">
        <v>1</v>
      </c>
      <c r="K10157" s="9">
        <v>1.57</v>
      </c>
      <c r="L10157" s="6" t="s">
        <v>51</v>
      </c>
    </row>
    <row r="10158" spans="1:12">
      <c r="A10158" s="6" t="s">
        <v>49</v>
      </c>
      <c r="B10158" s="6"/>
      <c r="C10158" s="6" t="s">
        <v>10182</v>
      </c>
      <c r="D10158" s="6"/>
      <c r="E10158" s="6" t="s">
        <v>9</v>
      </c>
      <c r="F10158" s="7">
        <v>38657</v>
      </c>
      <c r="G10158" s="8">
        <v>1</v>
      </c>
      <c r="H10158" s="8">
        <v>1</v>
      </c>
      <c r="I10158" s="8">
        <v>0</v>
      </c>
      <c r="J10158" s="8">
        <v>1</v>
      </c>
      <c r="K10158" s="9">
        <v>6.66</v>
      </c>
      <c r="L10158" s="6" t="s">
        <v>51</v>
      </c>
    </row>
    <row r="10159" spans="1:12">
      <c r="A10159" s="6" t="s">
        <v>49</v>
      </c>
      <c r="B10159" s="6"/>
      <c r="C10159" s="6" t="s">
        <v>10183</v>
      </c>
      <c r="D10159" s="6"/>
      <c r="E10159" s="6" t="s">
        <v>9</v>
      </c>
      <c r="F10159" s="7">
        <v>38657</v>
      </c>
      <c r="G10159" s="8">
        <v>1</v>
      </c>
      <c r="H10159" s="8">
        <v>1</v>
      </c>
      <c r="I10159" s="8">
        <v>0</v>
      </c>
      <c r="J10159" s="8">
        <v>1</v>
      </c>
      <c r="K10159" s="9">
        <v>9.25</v>
      </c>
      <c r="L10159" s="6" t="s">
        <v>51</v>
      </c>
    </row>
    <row r="10160" spans="1:12">
      <c r="A10160" s="6" t="s">
        <v>49</v>
      </c>
      <c r="B10160" s="6"/>
      <c r="C10160" s="6" t="s">
        <v>10184</v>
      </c>
      <c r="D10160" s="6"/>
      <c r="E10160" s="6" t="s">
        <v>9</v>
      </c>
      <c r="F10160" s="7">
        <v>38657</v>
      </c>
      <c r="G10160" s="8">
        <v>1</v>
      </c>
      <c r="H10160" s="8">
        <v>1</v>
      </c>
      <c r="I10160" s="8">
        <v>0</v>
      </c>
      <c r="J10160" s="8">
        <v>1</v>
      </c>
      <c r="K10160" s="9">
        <v>17</v>
      </c>
      <c r="L10160" s="6" t="s">
        <v>51</v>
      </c>
    </row>
    <row r="10161" spans="1:12">
      <c r="A10161" s="6" t="s">
        <v>49</v>
      </c>
      <c r="B10161" s="6"/>
      <c r="C10161" s="6" t="s">
        <v>10185</v>
      </c>
      <c r="D10161" s="6"/>
      <c r="E10161" s="6" t="s">
        <v>9</v>
      </c>
      <c r="F10161" s="7">
        <v>38657</v>
      </c>
      <c r="G10161" s="8">
        <v>1</v>
      </c>
      <c r="H10161" s="8">
        <v>1</v>
      </c>
      <c r="I10161" s="8">
        <v>0</v>
      </c>
      <c r="J10161" s="8">
        <v>1</v>
      </c>
      <c r="K10161" s="9">
        <v>5.94</v>
      </c>
      <c r="L10161" s="6" t="s">
        <v>51</v>
      </c>
    </row>
    <row r="10162" spans="1:12">
      <c r="A10162" s="6" t="s">
        <v>49</v>
      </c>
      <c r="B10162" s="6"/>
      <c r="C10162" s="6" t="s">
        <v>10186</v>
      </c>
      <c r="D10162" s="6"/>
      <c r="E10162" s="6" t="s">
        <v>9</v>
      </c>
      <c r="F10162" s="7">
        <v>38657</v>
      </c>
      <c r="G10162" s="8">
        <v>1</v>
      </c>
      <c r="H10162" s="8">
        <v>1</v>
      </c>
      <c r="I10162" s="8">
        <v>0</v>
      </c>
      <c r="J10162" s="8">
        <v>1</v>
      </c>
      <c r="K10162" s="9">
        <v>7.35</v>
      </c>
      <c r="L10162" s="6" t="s">
        <v>51</v>
      </c>
    </row>
    <row r="10163" spans="1:12">
      <c r="A10163" s="6" t="s">
        <v>49</v>
      </c>
      <c r="B10163" s="6"/>
      <c r="C10163" s="6" t="s">
        <v>10187</v>
      </c>
      <c r="D10163" s="6"/>
      <c r="E10163" s="6" t="s">
        <v>9</v>
      </c>
      <c r="F10163" s="7">
        <v>38657</v>
      </c>
      <c r="G10163" s="8">
        <v>1</v>
      </c>
      <c r="H10163" s="8">
        <v>1</v>
      </c>
      <c r="I10163" s="8">
        <v>0</v>
      </c>
      <c r="J10163" s="8">
        <v>1</v>
      </c>
      <c r="K10163" s="9">
        <v>2.13</v>
      </c>
      <c r="L10163" s="6" t="s">
        <v>51</v>
      </c>
    </row>
    <row r="10164" spans="1:12">
      <c r="A10164" s="6" t="s">
        <v>49</v>
      </c>
      <c r="B10164" s="6"/>
      <c r="C10164" s="6" t="s">
        <v>10188</v>
      </c>
      <c r="D10164" s="6"/>
      <c r="E10164" s="6" t="s">
        <v>9</v>
      </c>
      <c r="F10164" s="7">
        <v>38657</v>
      </c>
      <c r="G10164" s="8">
        <v>1</v>
      </c>
      <c r="H10164" s="8">
        <v>1</v>
      </c>
      <c r="I10164" s="8">
        <v>0</v>
      </c>
      <c r="J10164" s="8">
        <v>1</v>
      </c>
      <c r="K10164" s="9">
        <v>996</v>
      </c>
      <c r="L10164" s="6" t="s">
        <v>51</v>
      </c>
    </row>
    <row r="10165" spans="1:12">
      <c r="A10165" s="6" t="s">
        <v>49</v>
      </c>
      <c r="B10165" s="6"/>
      <c r="C10165" s="6" t="s">
        <v>10189</v>
      </c>
      <c r="D10165" s="6"/>
      <c r="E10165" s="6" t="s">
        <v>9</v>
      </c>
      <c r="F10165" s="7">
        <v>38657</v>
      </c>
      <c r="G10165" s="8">
        <v>1</v>
      </c>
      <c r="H10165" s="8">
        <v>1</v>
      </c>
      <c r="I10165" s="8">
        <v>0</v>
      </c>
      <c r="J10165" s="8">
        <v>1</v>
      </c>
      <c r="K10165" s="9">
        <v>2.1</v>
      </c>
      <c r="L10165" s="6" t="s">
        <v>51</v>
      </c>
    </row>
    <row r="10166" spans="1:12">
      <c r="A10166" s="6" t="s">
        <v>49</v>
      </c>
      <c r="B10166" s="6"/>
      <c r="C10166" s="6" t="s">
        <v>10190</v>
      </c>
      <c r="D10166" s="6"/>
      <c r="E10166" s="6" t="s">
        <v>9</v>
      </c>
      <c r="F10166" s="7">
        <v>38657</v>
      </c>
      <c r="G10166" s="8">
        <v>1</v>
      </c>
      <c r="H10166" s="8">
        <v>1</v>
      </c>
      <c r="I10166" s="8">
        <v>0</v>
      </c>
      <c r="J10166" s="8">
        <v>1</v>
      </c>
      <c r="K10166" s="9">
        <v>2.35</v>
      </c>
      <c r="L10166" s="6" t="s">
        <v>51</v>
      </c>
    </row>
    <row r="10167" spans="1:12">
      <c r="A10167" s="6" t="s">
        <v>49</v>
      </c>
      <c r="B10167" s="6"/>
      <c r="C10167" s="6" t="s">
        <v>10191</v>
      </c>
      <c r="D10167" s="6"/>
      <c r="E10167" s="6" t="s">
        <v>9</v>
      </c>
      <c r="F10167" s="7">
        <v>38657</v>
      </c>
      <c r="G10167" s="8">
        <v>1</v>
      </c>
      <c r="H10167" s="8">
        <v>1</v>
      </c>
      <c r="I10167" s="8">
        <v>0</v>
      </c>
      <c r="J10167" s="8">
        <v>1</v>
      </c>
      <c r="K10167" s="9">
        <v>327</v>
      </c>
      <c r="L10167" s="6" t="s">
        <v>51</v>
      </c>
    </row>
    <row r="10168" spans="1:12">
      <c r="A10168" s="6" t="s">
        <v>49</v>
      </c>
      <c r="B10168" s="6"/>
      <c r="C10168" s="6" t="s">
        <v>10192</v>
      </c>
      <c r="D10168" s="6"/>
      <c r="E10168" s="6" t="s">
        <v>9</v>
      </c>
      <c r="F10168" s="7">
        <v>38657</v>
      </c>
      <c r="G10168" s="8">
        <v>1</v>
      </c>
      <c r="H10168" s="8">
        <v>1</v>
      </c>
      <c r="I10168" s="8">
        <v>0</v>
      </c>
      <c r="J10168" s="8">
        <v>1</v>
      </c>
      <c r="K10168" s="9">
        <v>0.54</v>
      </c>
      <c r="L10168" s="6" t="s">
        <v>51</v>
      </c>
    </row>
    <row r="10169" spans="1:12">
      <c r="A10169" s="6" t="s">
        <v>49</v>
      </c>
      <c r="B10169" s="6"/>
      <c r="C10169" s="6" t="s">
        <v>10193</v>
      </c>
      <c r="D10169" s="6"/>
      <c r="E10169" s="6" t="s">
        <v>9</v>
      </c>
      <c r="F10169" s="7">
        <v>38657</v>
      </c>
      <c r="G10169" s="8">
        <v>1</v>
      </c>
      <c r="H10169" s="8">
        <v>1</v>
      </c>
      <c r="I10169" s="8">
        <v>0</v>
      </c>
      <c r="J10169" s="8">
        <v>1</v>
      </c>
      <c r="K10169" s="9">
        <v>1.2</v>
      </c>
      <c r="L10169" s="6" t="s">
        <v>51</v>
      </c>
    </row>
    <row r="10170" spans="1:12">
      <c r="A10170" s="6" t="s">
        <v>49</v>
      </c>
      <c r="B10170" s="6"/>
      <c r="C10170" s="6" t="s">
        <v>10194</v>
      </c>
      <c r="D10170" s="6"/>
      <c r="E10170" s="6" t="s">
        <v>9</v>
      </c>
      <c r="F10170" s="7">
        <v>38657</v>
      </c>
      <c r="G10170" s="8">
        <v>1</v>
      </c>
      <c r="H10170" s="8">
        <v>1</v>
      </c>
      <c r="I10170" s="8">
        <v>0</v>
      </c>
      <c r="J10170" s="8">
        <v>1</v>
      </c>
      <c r="K10170" s="9">
        <v>0.16</v>
      </c>
      <c r="L10170" s="6" t="s">
        <v>51</v>
      </c>
    </row>
    <row r="10171" spans="1:12">
      <c r="A10171" s="6" t="s">
        <v>49</v>
      </c>
      <c r="B10171" s="6"/>
      <c r="C10171" s="6" t="s">
        <v>10195</v>
      </c>
      <c r="D10171" s="6"/>
      <c r="E10171" s="6" t="s">
        <v>9</v>
      </c>
      <c r="F10171" s="7">
        <v>38657</v>
      </c>
      <c r="G10171" s="8">
        <v>1</v>
      </c>
      <c r="H10171" s="8">
        <v>1</v>
      </c>
      <c r="I10171" s="8">
        <v>0</v>
      </c>
      <c r="J10171" s="8">
        <v>1</v>
      </c>
      <c r="K10171" s="9">
        <v>0.14000000000000001</v>
      </c>
      <c r="L10171" s="6" t="s">
        <v>51</v>
      </c>
    </row>
    <row r="10172" spans="1:12">
      <c r="A10172" s="6" t="s">
        <v>49</v>
      </c>
      <c r="B10172" s="6"/>
      <c r="C10172" s="6" t="s">
        <v>10196</v>
      </c>
      <c r="D10172" s="6"/>
      <c r="E10172" s="6" t="s">
        <v>9</v>
      </c>
      <c r="F10172" s="7">
        <v>38657</v>
      </c>
      <c r="G10172" s="8">
        <v>1</v>
      </c>
      <c r="H10172" s="8">
        <v>1</v>
      </c>
      <c r="I10172" s="8">
        <v>0</v>
      </c>
      <c r="J10172" s="8">
        <v>1</v>
      </c>
      <c r="K10172" s="9">
        <v>1.89</v>
      </c>
      <c r="L10172" s="6" t="s">
        <v>51</v>
      </c>
    </row>
    <row r="10173" spans="1:12">
      <c r="A10173" s="6" t="s">
        <v>49</v>
      </c>
      <c r="B10173" s="6"/>
      <c r="C10173" s="6" t="s">
        <v>10197</v>
      </c>
      <c r="D10173" s="6"/>
      <c r="E10173" s="6" t="s">
        <v>9</v>
      </c>
      <c r="F10173" s="7">
        <v>38657</v>
      </c>
      <c r="G10173" s="8">
        <v>1</v>
      </c>
      <c r="H10173" s="8">
        <v>1</v>
      </c>
      <c r="I10173" s="8">
        <v>0</v>
      </c>
      <c r="J10173" s="8">
        <v>1</v>
      </c>
      <c r="K10173" s="9">
        <v>49</v>
      </c>
      <c r="L10173" s="6" t="s">
        <v>51</v>
      </c>
    </row>
    <row r="10174" spans="1:12">
      <c r="A10174" s="6" t="s">
        <v>49</v>
      </c>
      <c r="B10174" s="6"/>
      <c r="C10174" s="6" t="s">
        <v>10198</v>
      </c>
      <c r="D10174" s="6"/>
      <c r="E10174" s="6" t="s">
        <v>9</v>
      </c>
      <c r="F10174" s="7">
        <v>38657</v>
      </c>
      <c r="G10174" s="8">
        <v>1</v>
      </c>
      <c r="H10174" s="8">
        <v>1</v>
      </c>
      <c r="I10174" s="8">
        <v>0</v>
      </c>
      <c r="J10174" s="8">
        <v>1</v>
      </c>
      <c r="K10174" s="9">
        <v>6.84</v>
      </c>
      <c r="L10174" s="6" t="s">
        <v>51</v>
      </c>
    </row>
    <row r="10175" spans="1:12">
      <c r="A10175" s="6" t="s">
        <v>49</v>
      </c>
      <c r="B10175" s="6"/>
      <c r="C10175" s="6" t="s">
        <v>10199</v>
      </c>
      <c r="D10175" s="6"/>
      <c r="E10175" s="6" t="s">
        <v>9</v>
      </c>
      <c r="F10175" s="7">
        <v>38657</v>
      </c>
      <c r="G10175" s="8">
        <v>1</v>
      </c>
      <c r="H10175" s="8">
        <v>1</v>
      </c>
      <c r="I10175" s="8">
        <v>0</v>
      </c>
      <c r="J10175" s="8">
        <v>1</v>
      </c>
      <c r="K10175" s="9">
        <v>728</v>
      </c>
      <c r="L10175" s="6" t="s">
        <v>51</v>
      </c>
    </row>
    <row r="10176" spans="1:12">
      <c r="A10176" s="6" t="s">
        <v>49</v>
      </c>
      <c r="B10176" s="6"/>
      <c r="C10176" s="6" t="s">
        <v>10200</v>
      </c>
      <c r="D10176" s="6"/>
      <c r="E10176" s="6" t="s">
        <v>9</v>
      </c>
      <c r="F10176" s="7">
        <v>38657</v>
      </c>
      <c r="G10176" s="8">
        <v>1</v>
      </c>
      <c r="H10176" s="8">
        <v>1</v>
      </c>
      <c r="I10176" s="8">
        <v>0</v>
      </c>
      <c r="J10176" s="8">
        <v>1</v>
      </c>
      <c r="K10176" s="9">
        <v>11</v>
      </c>
      <c r="L10176" s="6" t="s">
        <v>51</v>
      </c>
    </row>
    <row r="10177" spans="1:12">
      <c r="A10177" s="6" t="s">
        <v>49</v>
      </c>
      <c r="B10177" s="6"/>
      <c r="C10177" s="6" t="s">
        <v>10201</v>
      </c>
      <c r="D10177" s="6"/>
      <c r="E10177" s="6" t="s">
        <v>9</v>
      </c>
      <c r="F10177" s="7">
        <v>38657</v>
      </c>
      <c r="G10177" s="8">
        <v>1</v>
      </c>
      <c r="H10177" s="8">
        <v>1</v>
      </c>
      <c r="I10177" s="8">
        <v>0</v>
      </c>
      <c r="J10177" s="8">
        <v>1</v>
      </c>
      <c r="K10177" s="9">
        <v>3.85</v>
      </c>
      <c r="L10177" s="6" t="s">
        <v>51</v>
      </c>
    </row>
    <row r="10178" spans="1:12">
      <c r="A10178" s="6" t="s">
        <v>49</v>
      </c>
      <c r="B10178" s="6"/>
      <c r="C10178" s="6" t="s">
        <v>10202</v>
      </c>
      <c r="D10178" s="6"/>
      <c r="E10178" s="6" t="s">
        <v>9</v>
      </c>
      <c r="F10178" s="7">
        <v>38657</v>
      </c>
      <c r="G10178" s="8">
        <v>1</v>
      </c>
      <c r="H10178" s="8">
        <v>1</v>
      </c>
      <c r="I10178" s="8">
        <v>0</v>
      </c>
      <c r="J10178" s="8">
        <v>1</v>
      </c>
      <c r="K10178" s="9">
        <v>6.6</v>
      </c>
      <c r="L10178" s="6" t="s">
        <v>51</v>
      </c>
    </row>
    <row r="10179" spans="1:12">
      <c r="A10179" s="6" t="s">
        <v>49</v>
      </c>
      <c r="B10179" s="6"/>
      <c r="C10179" s="6" t="s">
        <v>10203</v>
      </c>
      <c r="D10179" s="6"/>
      <c r="E10179" s="6" t="s">
        <v>9</v>
      </c>
      <c r="F10179" s="7">
        <v>38657</v>
      </c>
      <c r="G10179" s="8">
        <v>1</v>
      </c>
      <c r="H10179" s="8">
        <v>1</v>
      </c>
      <c r="I10179" s="8">
        <v>0</v>
      </c>
      <c r="J10179" s="8">
        <v>1</v>
      </c>
      <c r="K10179" s="9">
        <v>4</v>
      </c>
      <c r="L10179" s="6" t="s">
        <v>51</v>
      </c>
    </row>
    <row r="10180" spans="1:12">
      <c r="A10180" s="6" t="s">
        <v>49</v>
      </c>
      <c r="B10180" s="6"/>
      <c r="C10180" s="6" t="s">
        <v>10204</v>
      </c>
      <c r="D10180" s="6"/>
      <c r="E10180" s="6" t="s">
        <v>9</v>
      </c>
      <c r="F10180" s="7">
        <v>38657</v>
      </c>
      <c r="G10180" s="8">
        <v>1</v>
      </c>
      <c r="H10180" s="8">
        <v>1</v>
      </c>
      <c r="I10180" s="8">
        <v>0</v>
      </c>
      <c r="J10180" s="8">
        <v>1</v>
      </c>
      <c r="K10180" s="9">
        <v>0.91</v>
      </c>
      <c r="L10180" s="6" t="s">
        <v>51</v>
      </c>
    </row>
    <row r="10181" spans="1:12">
      <c r="A10181" s="6" t="s">
        <v>49</v>
      </c>
      <c r="B10181" s="6"/>
      <c r="C10181" s="6" t="s">
        <v>10205</v>
      </c>
      <c r="D10181" s="6"/>
      <c r="E10181" s="6" t="s">
        <v>9</v>
      </c>
      <c r="F10181" s="7">
        <v>38657</v>
      </c>
      <c r="G10181" s="8">
        <v>1</v>
      </c>
      <c r="H10181" s="8">
        <v>1</v>
      </c>
      <c r="I10181" s="8">
        <v>0</v>
      </c>
      <c r="J10181" s="8">
        <v>1</v>
      </c>
      <c r="K10181" s="9">
        <v>10</v>
      </c>
      <c r="L10181" s="6" t="s">
        <v>51</v>
      </c>
    </row>
    <row r="10182" spans="1:12">
      <c r="A10182" s="6" t="s">
        <v>49</v>
      </c>
      <c r="B10182" s="6"/>
      <c r="C10182" s="6" t="s">
        <v>10206</v>
      </c>
      <c r="D10182" s="6"/>
      <c r="E10182" s="6" t="s">
        <v>9</v>
      </c>
      <c r="F10182" s="7">
        <v>38657</v>
      </c>
      <c r="G10182" s="8">
        <v>1</v>
      </c>
      <c r="H10182" s="8">
        <v>1</v>
      </c>
      <c r="I10182" s="8">
        <v>0</v>
      </c>
      <c r="J10182" s="8">
        <v>1</v>
      </c>
      <c r="K10182" s="9">
        <v>5.62</v>
      </c>
      <c r="L10182" s="6" t="s">
        <v>51</v>
      </c>
    </row>
    <row r="10183" spans="1:12">
      <c r="A10183" s="6" t="s">
        <v>49</v>
      </c>
      <c r="B10183" s="6"/>
      <c r="C10183" s="6" t="s">
        <v>10207</v>
      </c>
      <c r="D10183" s="6"/>
      <c r="E10183" s="6" t="s">
        <v>9</v>
      </c>
      <c r="F10183" s="7">
        <v>38657</v>
      </c>
      <c r="G10183" s="8">
        <v>1</v>
      </c>
      <c r="H10183" s="8">
        <v>1</v>
      </c>
      <c r="I10183" s="8">
        <v>0</v>
      </c>
      <c r="J10183" s="8">
        <v>1</v>
      </c>
      <c r="K10183" s="9">
        <v>9.1</v>
      </c>
      <c r="L10183" s="6" t="s">
        <v>51</v>
      </c>
    </row>
    <row r="10184" spans="1:12">
      <c r="A10184" s="6" t="s">
        <v>49</v>
      </c>
      <c r="B10184" s="6"/>
      <c r="C10184" s="6" t="s">
        <v>10208</v>
      </c>
      <c r="D10184" s="6"/>
      <c r="E10184" s="6" t="s">
        <v>9</v>
      </c>
      <c r="F10184" s="7">
        <v>38657</v>
      </c>
      <c r="G10184" s="8">
        <v>1</v>
      </c>
      <c r="H10184" s="8">
        <v>1</v>
      </c>
      <c r="I10184" s="8">
        <v>0</v>
      </c>
      <c r="J10184" s="8">
        <v>1</v>
      </c>
      <c r="K10184" s="9">
        <v>35</v>
      </c>
      <c r="L10184" s="6" t="s">
        <v>51</v>
      </c>
    </row>
    <row r="10185" spans="1:12">
      <c r="A10185" s="6" t="s">
        <v>49</v>
      </c>
      <c r="B10185" s="6"/>
      <c r="C10185" s="6" t="s">
        <v>10209</v>
      </c>
      <c r="D10185" s="6"/>
      <c r="E10185" s="6" t="s">
        <v>9</v>
      </c>
      <c r="F10185" s="7">
        <v>38657</v>
      </c>
      <c r="G10185" s="8">
        <v>1</v>
      </c>
      <c r="H10185" s="8">
        <v>1</v>
      </c>
      <c r="I10185" s="8">
        <v>0</v>
      </c>
      <c r="J10185" s="8">
        <v>1</v>
      </c>
      <c r="K10185" s="9">
        <v>7.22</v>
      </c>
      <c r="L10185" s="6" t="s">
        <v>51</v>
      </c>
    </row>
    <row r="10186" spans="1:12">
      <c r="A10186" s="6" t="s">
        <v>49</v>
      </c>
      <c r="B10186" s="6"/>
      <c r="C10186" s="6" t="s">
        <v>10210</v>
      </c>
      <c r="D10186" s="6"/>
      <c r="E10186" s="6" t="s">
        <v>9</v>
      </c>
      <c r="F10186" s="7">
        <v>38657</v>
      </c>
      <c r="G10186" s="8">
        <v>1</v>
      </c>
      <c r="H10186" s="8">
        <v>1</v>
      </c>
      <c r="I10186" s="8">
        <v>0</v>
      </c>
      <c r="J10186" s="8">
        <v>1</v>
      </c>
      <c r="K10186" s="9">
        <v>332</v>
      </c>
      <c r="L10186" s="6" t="s">
        <v>51</v>
      </c>
    </row>
    <row r="10187" spans="1:12">
      <c r="A10187" s="6" t="s">
        <v>49</v>
      </c>
      <c r="B10187" s="6"/>
      <c r="C10187" s="6" t="s">
        <v>10211</v>
      </c>
      <c r="D10187" s="6"/>
      <c r="E10187" s="6" t="s">
        <v>9</v>
      </c>
      <c r="F10187" s="7">
        <v>38657</v>
      </c>
      <c r="G10187" s="8">
        <v>1</v>
      </c>
      <c r="H10187" s="8">
        <v>1</v>
      </c>
      <c r="I10187" s="8">
        <v>0</v>
      </c>
      <c r="J10187" s="8">
        <v>1</v>
      </c>
      <c r="K10187" s="9">
        <v>9.6</v>
      </c>
      <c r="L10187" s="6" t="s">
        <v>51</v>
      </c>
    </row>
    <row r="10188" spans="1:12">
      <c r="A10188" s="6" t="s">
        <v>49</v>
      </c>
      <c r="B10188" s="6"/>
      <c r="C10188" s="6" t="s">
        <v>10212</v>
      </c>
      <c r="D10188" s="6"/>
      <c r="E10188" s="6" t="s">
        <v>9</v>
      </c>
      <c r="F10188" s="7">
        <v>38657</v>
      </c>
      <c r="G10188" s="8">
        <v>1</v>
      </c>
      <c r="H10188" s="8">
        <v>1</v>
      </c>
      <c r="I10188" s="8">
        <v>0</v>
      </c>
      <c r="J10188" s="8">
        <v>1</v>
      </c>
      <c r="K10188" s="9">
        <v>9.6199999999999903</v>
      </c>
      <c r="L10188" s="6" t="s">
        <v>51</v>
      </c>
    </row>
    <row r="10189" spans="1:12">
      <c r="A10189" s="6" t="s">
        <v>49</v>
      </c>
      <c r="B10189" s="6"/>
      <c r="C10189" s="6" t="s">
        <v>10213</v>
      </c>
      <c r="D10189" s="6"/>
      <c r="E10189" s="6" t="s">
        <v>9</v>
      </c>
      <c r="F10189" s="7">
        <v>38657</v>
      </c>
      <c r="G10189" s="8">
        <v>1</v>
      </c>
      <c r="H10189" s="8">
        <v>1</v>
      </c>
      <c r="I10189" s="8">
        <v>0</v>
      </c>
      <c r="J10189" s="8">
        <v>1</v>
      </c>
      <c r="K10189" s="9">
        <v>1.4</v>
      </c>
      <c r="L10189" s="6" t="s">
        <v>51</v>
      </c>
    </row>
    <row r="10190" spans="1:12">
      <c r="A10190" s="6" t="s">
        <v>49</v>
      </c>
      <c r="B10190" s="6"/>
      <c r="C10190" s="6" t="s">
        <v>10214</v>
      </c>
      <c r="D10190" s="6"/>
      <c r="E10190" s="6" t="s">
        <v>9</v>
      </c>
      <c r="F10190" s="7">
        <v>38657</v>
      </c>
      <c r="G10190" s="8">
        <v>1</v>
      </c>
      <c r="H10190" s="8">
        <v>1</v>
      </c>
      <c r="I10190" s="8">
        <v>0</v>
      </c>
      <c r="J10190" s="8">
        <v>1</v>
      </c>
      <c r="K10190" s="9">
        <v>3.15</v>
      </c>
      <c r="L10190" s="6" t="s">
        <v>51</v>
      </c>
    </row>
    <row r="10191" spans="1:12">
      <c r="A10191" s="6" t="s">
        <v>49</v>
      </c>
      <c r="B10191" s="6"/>
      <c r="C10191" s="6" t="s">
        <v>10215</v>
      </c>
      <c r="D10191" s="6"/>
      <c r="E10191" s="6" t="s">
        <v>9</v>
      </c>
      <c r="F10191" s="7">
        <v>38657</v>
      </c>
      <c r="G10191" s="8">
        <v>1</v>
      </c>
      <c r="H10191" s="8">
        <v>1</v>
      </c>
      <c r="I10191" s="8">
        <v>0</v>
      </c>
      <c r="J10191" s="8">
        <v>1</v>
      </c>
      <c r="K10191" s="9">
        <v>3.06</v>
      </c>
      <c r="L10191" s="6" t="s">
        <v>51</v>
      </c>
    </row>
    <row r="10192" spans="1:12">
      <c r="A10192" s="6" t="s">
        <v>49</v>
      </c>
      <c r="B10192" s="6"/>
      <c r="C10192" s="6" t="s">
        <v>10216</v>
      </c>
      <c r="D10192" s="6"/>
      <c r="E10192" s="6" t="s">
        <v>9</v>
      </c>
      <c r="F10192" s="7">
        <v>38657</v>
      </c>
      <c r="G10192" s="8">
        <v>1</v>
      </c>
      <c r="H10192" s="8">
        <v>1</v>
      </c>
      <c r="I10192" s="8">
        <v>0</v>
      </c>
      <c r="J10192" s="8">
        <v>1</v>
      </c>
      <c r="K10192" s="9">
        <v>6.3</v>
      </c>
      <c r="L10192" s="6" t="s">
        <v>51</v>
      </c>
    </row>
    <row r="10193" spans="1:12">
      <c r="A10193" s="6" t="s">
        <v>49</v>
      </c>
      <c r="B10193" s="6"/>
      <c r="C10193" s="6" t="s">
        <v>10217</v>
      </c>
      <c r="D10193" s="6"/>
      <c r="E10193" s="6" t="s">
        <v>9</v>
      </c>
      <c r="F10193" s="7">
        <v>38657</v>
      </c>
      <c r="G10193" s="8">
        <v>1</v>
      </c>
      <c r="H10193" s="8">
        <v>1</v>
      </c>
      <c r="I10193" s="8">
        <v>0</v>
      </c>
      <c r="J10193" s="8">
        <v>1</v>
      </c>
      <c r="K10193" s="9">
        <v>21</v>
      </c>
      <c r="L10193" s="6" t="s">
        <v>51</v>
      </c>
    </row>
    <row r="10194" spans="1:12">
      <c r="A10194" s="6" t="s">
        <v>49</v>
      </c>
      <c r="B10194" s="6"/>
      <c r="C10194" s="6" t="s">
        <v>10218</v>
      </c>
      <c r="D10194" s="6"/>
      <c r="E10194" s="6" t="s">
        <v>9</v>
      </c>
      <c r="F10194" s="7">
        <v>38657</v>
      </c>
      <c r="G10194" s="8">
        <v>1</v>
      </c>
      <c r="H10194" s="8">
        <v>1</v>
      </c>
      <c r="I10194" s="8">
        <v>0</v>
      </c>
      <c r="J10194" s="8">
        <v>1</v>
      </c>
      <c r="K10194" s="9">
        <v>8.52</v>
      </c>
      <c r="L10194" s="6" t="s">
        <v>51</v>
      </c>
    </row>
    <row r="10195" spans="1:12">
      <c r="A10195" s="6" t="s">
        <v>49</v>
      </c>
      <c r="B10195" s="6"/>
      <c r="C10195" s="6" t="s">
        <v>10219</v>
      </c>
      <c r="D10195" s="6"/>
      <c r="E10195" s="6" t="s">
        <v>9</v>
      </c>
      <c r="F10195" s="7">
        <v>38657</v>
      </c>
      <c r="G10195" s="8">
        <v>1</v>
      </c>
      <c r="H10195" s="8">
        <v>1</v>
      </c>
      <c r="I10195" s="8">
        <v>0</v>
      </c>
      <c r="J10195" s="8">
        <v>1</v>
      </c>
      <c r="K10195" s="9">
        <v>11</v>
      </c>
      <c r="L10195" s="6" t="s">
        <v>51</v>
      </c>
    </row>
    <row r="10196" spans="1:12">
      <c r="A10196" s="6" t="s">
        <v>49</v>
      </c>
      <c r="B10196" s="6"/>
      <c r="C10196" s="6" t="s">
        <v>10220</v>
      </c>
      <c r="D10196" s="6"/>
      <c r="E10196" s="6" t="s">
        <v>9</v>
      </c>
      <c r="F10196" s="7">
        <v>38657</v>
      </c>
      <c r="G10196" s="8">
        <v>1</v>
      </c>
      <c r="H10196" s="8">
        <v>1</v>
      </c>
      <c r="I10196" s="8">
        <v>0</v>
      </c>
      <c r="J10196" s="8">
        <v>1</v>
      </c>
      <c r="K10196" s="9">
        <v>3.76</v>
      </c>
      <c r="L10196" s="6" t="s">
        <v>51</v>
      </c>
    </row>
    <row r="10197" spans="1:12">
      <c r="A10197" s="6" t="s">
        <v>49</v>
      </c>
      <c r="B10197" s="6"/>
      <c r="C10197" s="6" t="s">
        <v>10221</v>
      </c>
      <c r="D10197" s="6"/>
      <c r="E10197" s="6" t="s">
        <v>9</v>
      </c>
      <c r="F10197" s="7">
        <v>38657</v>
      </c>
      <c r="G10197" s="8">
        <v>1</v>
      </c>
      <c r="H10197" s="8">
        <v>1</v>
      </c>
      <c r="I10197" s="8">
        <v>0</v>
      </c>
      <c r="J10197" s="8">
        <v>1</v>
      </c>
      <c r="K10197" s="9">
        <v>1277</v>
      </c>
      <c r="L10197" s="6" t="s">
        <v>51</v>
      </c>
    </row>
    <row r="10198" spans="1:12">
      <c r="A10198" s="6" t="s">
        <v>49</v>
      </c>
      <c r="B10198" s="6"/>
      <c r="C10198" s="6" t="s">
        <v>10222</v>
      </c>
      <c r="D10198" s="6"/>
      <c r="E10198" s="6" t="s">
        <v>9</v>
      </c>
      <c r="F10198" s="7">
        <v>38657</v>
      </c>
      <c r="G10198" s="8">
        <v>1</v>
      </c>
      <c r="H10198" s="8">
        <v>1</v>
      </c>
      <c r="I10198" s="8">
        <v>0</v>
      </c>
      <c r="J10198" s="8">
        <v>1</v>
      </c>
      <c r="K10198" s="9">
        <v>21</v>
      </c>
      <c r="L10198" s="6" t="s">
        <v>51</v>
      </c>
    </row>
    <row r="10199" spans="1:12">
      <c r="A10199" s="6" t="s">
        <v>49</v>
      </c>
      <c r="B10199" s="6"/>
      <c r="C10199" s="6" t="s">
        <v>10223</v>
      </c>
      <c r="D10199" s="6"/>
      <c r="E10199" s="6" t="s">
        <v>9</v>
      </c>
      <c r="F10199" s="7">
        <v>38657</v>
      </c>
      <c r="G10199" s="8">
        <v>1</v>
      </c>
      <c r="H10199" s="8">
        <v>1</v>
      </c>
      <c r="I10199" s="8">
        <v>0</v>
      </c>
      <c r="J10199" s="8">
        <v>1</v>
      </c>
      <c r="K10199" s="9">
        <v>37</v>
      </c>
      <c r="L10199" s="6" t="s">
        <v>51</v>
      </c>
    </row>
    <row r="10200" spans="1:12">
      <c r="A10200" s="6" t="s">
        <v>49</v>
      </c>
      <c r="B10200" s="6"/>
      <c r="C10200" s="6" t="s">
        <v>10224</v>
      </c>
      <c r="D10200" s="6"/>
      <c r="E10200" s="6" t="s">
        <v>9</v>
      </c>
      <c r="F10200" s="7">
        <v>38657</v>
      </c>
      <c r="G10200" s="8">
        <v>1</v>
      </c>
      <c r="H10200" s="8">
        <v>1</v>
      </c>
      <c r="I10200" s="8">
        <v>0</v>
      </c>
      <c r="J10200" s="8">
        <v>1</v>
      </c>
      <c r="K10200" s="9">
        <v>30</v>
      </c>
      <c r="L10200" s="6" t="s">
        <v>51</v>
      </c>
    </row>
    <row r="10201" spans="1:12">
      <c r="A10201" s="6" t="s">
        <v>49</v>
      </c>
      <c r="B10201" s="6"/>
      <c r="C10201" s="6" t="s">
        <v>10225</v>
      </c>
      <c r="D10201" s="6"/>
      <c r="E10201" s="6" t="s">
        <v>9</v>
      </c>
      <c r="F10201" s="7">
        <v>38657</v>
      </c>
      <c r="G10201" s="8">
        <v>1</v>
      </c>
      <c r="H10201" s="8">
        <v>1</v>
      </c>
      <c r="I10201" s="8">
        <v>0</v>
      </c>
      <c r="J10201" s="8">
        <v>1</v>
      </c>
      <c r="K10201" s="9">
        <v>327</v>
      </c>
      <c r="L10201" s="6" t="s">
        <v>51</v>
      </c>
    </row>
    <row r="10202" spans="1:12">
      <c r="A10202" s="6" t="s">
        <v>49</v>
      </c>
      <c r="B10202" s="6"/>
      <c r="C10202" s="6" t="s">
        <v>10226</v>
      </c>
      <c r="D10202" s="6"/>
      <c r="E10202" s="6" t="s">
        <v>9</v>
      </c>
      <c r="F10202" s="7">
        <v>38657</v>
      </c>
      <c r="G10202" s="8">
        <v>1</v>
      </c>
      <c r="H10202" s="8">
        <v>1</v>
      </c>
      <c r="I10202" s="8">
        <v>0</v>
      </c>
      <c r="J10202" s="8">
        <v>1</v>
      </c>
      <c r="K10202" s="9">
        <v>588</v>
      </c>
      <c r="L10202" s="6" t="s">
        <v>51</v>
      </c>
    </row>
    <row r="10203" spans="1:12">
      <c r="A10203" s="6" t="s">
        <v>49</v>
      </c>
      <c r="B10203" s="6"/>
      <c r="C10203" s="6" t="s">
        <v>10227</v>
      </c>
      <c r="D10203" s="6"/>
      <c r="E10203" s="6" t="s">
        <v>9</v>
      </c>
      <c r="F10203" s="7">
        <v>38657</v>
      </c>
      <c r="G10203" s="8">
        <v>1</v>
      </c>
      <c r="H10203" s="8">
        <v>1</v>
      </c>
      <c r="I10203" s="8">
        <v>0</v>
      </c>
      <c r="J10203" s="8">
        <v>1</v>
      </c>
      <c r="K10203" s="9">
        <v>317</v>
      </c>
      <c r="L10203" s="6" t="s">
        <v>51</v>
      </c>
    </row>
    <row r="10204" spans="1:12">
      <c r="A10204" s="6" t="s">
        <v>49</v>
      </c>
      <c r="B10204" s="6"/>
      <c r="C10204" s="6" t="s">
        <v>10228</v>
      </c>
      <c r="D10204" s="6"/>
      <c r="E10204" s="6" t="s">
        <v>9</v>
      </c>
      <c r="F10204" s="7">
        <v>38657</v>
      </c>
      <c r="G10204" s="8">
        <v>1</v>
      </c>
      <c r="H10204" s="8">
        <v>1</v>
      </c>
      <c r="I10204" s="8">
        <v>0</v>
      </c>
      <c r="J10204" s="8">
        <v>1</v>
      </c>
      <c r="K10204" s="9">
        <v>0.01</v>
      </c>
      <c r="L10204" s="6" t="s">
        <v>51</v>
      </c>
    </row>
    <row r="10205" spans="1:12">
      <c r="A10205" s="6" t="s">
        <v>49</v>
      </c>
      <c r="B10205" s="6"/>
      <c r="C10205" s="6" t="s">
        <v>10229</v>
      </c>
      <c r="D10205" s="6"/>
      <c r="E10205" s="6" t="s">
        <v>9</v>
      </c>
      <c r="F10205" s="7">
        <v>38657</v>
      </c>
      <c r="G10205" s="8">
        <v>1</v>
      </c>
      <c r="H10205" s="8">
        <v>1</v>
      </c>
      <c r="I10205" s="8">
        <v>0</v>
      </c>
      <c r="J10205" s="8">
        <v>1</v>
      </c>
      <c r="K10205" s="9">
        <v>6</v>
      </c>
      <c r="L10205" s="6" t="s">
        <v>51</v>
      </c>
    </row>
    <row r="10206" spans="1:12">
      <c r="A10206" s="6" t="s">
        <v>49</v>
      </c>
      <c r="B10206" s="6"/>
      <c r="C10206" s="6" t="s">
        <v>10230</v>
      </c>
      <c r="D10206" s="6"/>
      <c r="E10206" s="6" t="s">
        <v>9</v>
      </c>
      <c r="F10206" s="7">
        <v>38657</v>
      </c>
      <c r="G10206" s="8">
        <v>1</v>
      </c>
      <c r="H10206" s="8">
        <v>1</v>
      </c>
      <c r="I10206" s="8">
        <v>0</v>
      </c>
      <c r="J10206" s="8">
        <v>1</v>
      </c>
      <c r="K10206" s="9">
        <v>3.7</v>
      </c>
      <c r="L10206" s="6" t="s">
        <v>51</v>
      </c>
    </row>
    <row r="10207" spans="1:12">
      <c r="A10207" s="6" t="s">
        <v>49</v>
      </c>
      <c r="B10207" s="6"/>
      <c r="C10207" s="6" t="s">
        <v>10231</v>
      </c>
      <c r="D10207" s="6"/>
      <c r="E10207" s="6" t="s">
        <v>9</v>
      </c>
      <c r="F10207" s="7">
        <v>38657</v>
      </c>
      <c r="G10207" s="8">
        <v>1</v>
      </c>
      <c r="H10207" s="8">
        <v>1</v>
      </c>
      <c r="I10207" s="8">
        <v>0</v>
      </c>
      <c r="J10207" s="8">
        <v>1</v>
      </c>
      <c r="K10207" s="9">
        <v>1401</v>
      </c>
      <c r="L10207" s="6" t="s">
        <v>51</v>
      </c>
    </row>
    <row r="10208" spans="1:12">
      <c r="A10208" s="6" t="s">
        <v>49</v>
      </c>
      <c r="B10208" s="6"/>
      <c r="C10208" s="6" t="s">
        <v>10232</v>
      </c>
      <c r="D10208" s="6"/>
      <c r="E10208" s="6" t="s">
        <v>9</v>
      </c>
      <c r="F10208" s="7">
        <v>38657</v>
      </c>
      <c r="G10208" s="8">
        <v>1</v>
      </c>
      <c r="H10208" s="8">
        <v>1</v>
      </c>
      <c r="I10208" s="8">
        <v>0</v>
      </c>
      <c r="J10208" s="8">
        <v>1</v>
      </c>
      <c r="K10208" s="9">
        <v>820</v>
      </c>
      <c r="L10208" s="6" t="s">
        <v>51</v>
      </c>
    </row>
    <row r="10209" spans="1:12">
      <c r="A10209" s="6" t="s">
        <v>49</v>
      </c>
      <c r="B10209" s="6"/>
      <c r="C10209" s="6" t="s">
        <v>10233</v>
      </c>
      <c r="D10209" s="6"/>
      <c r="E10209" s="6" t="s">
        <v>9</v>
      </c>
      <c r="F10209" s="7">
        <v>38657</v>
      </c>
      <c r="G10209" s="8">
        <v>1</v>
      </c>
      <c r="H10209" s="8">
        <v>1</v>
      </c>
      <c r="I10209" s="8">
        <v>0</v>
      </c>
      <c r="J10209" s="8">
        <v>1</v>
      </c>
      <c r="K10209" s="9">
        <v>218</v>
      </c>
      <c r="L10209" s="6" t="s">
        <v>51</v>
      </c>
    </row>
    <row r="10210" spans="1:12">
      <c r="A10210" s="6" t="s">
        <v>49</v>
      </c>
      <c r="B10210" s="6"/>
      <c r="C10210" s="6" t="s">
        <v>10234</v>
      </c>
      <c r="D10210" s="6"/>
      <c r="E10210" s="6" t="s">
        <v>9</v>
      </c>
      <c r="F10210" s="7">
        <v>38657</v>
      </c>
      <c r="G10210" s="8">
        <v>1</v>
      </c>
      <c r="H10210" s="8">
        <v>1</v>
      </c>
      <c r="I10210" s="8">
        <v>0</v>
      </c>
      <c r="J10210" s="8">
        <v>1</v>
      </c>
      <c r="K10210" s="9">
        <v>6.31</v>
      </c>
      <c r="L10210" s="6" t="s">
        <v>51</v>
      </c>
    </row>
    <row r="10211" spans="1:12">
      <c r="A10211" s="6" t="s">
        <v>49</v>
      </c>
      <c r="B10211" s="6"/>
      <c r="C10211" s="6" t="s">
        <v>10235</v>
      </c>
      <c r="D10211" s="6"/>
      <c r="E10211" s="6" t="s">
        <v>9</v>
      </c>
      <c r="F10211" s="7">
        <v>38657</v>
      </c>
      <c r="G10211" s="8">
        <v>1</v>
      </c>
      <c r="H10211" s="8">
        <v>1</v>
      </c>
      <c r="I10211" s="8">
        <v>0</v>
      </c>
      <c r="J10211" s="8">
        <v>1</v>
      </c>
      <c r="K10211" s="9">
        <v>99</v>
      </c>
      <c r="L10211" s="6" t="s">
        <v>51</v>
      </c>
    </row>
    <row r="10212" spans="1:12">
      <c r="A10212" s="6" t="s">
        <v>49</v>
      </c>
      <c r="B10212" s="6"/>
      <c r="C10212" s="6" t="s">
        <v>10236</v>
      </c>
      <c r="D10212" s="6"/>
      <c r="E10212" s="6" t="s">
        <v>9</v>
      </c>
      <c r="F10212" s="7">
        <v>38657</v>
      </c>
      <c r="G10212" s="8">
        <v>1</v>
      </c>
      <c r="H10212" s="8">
        <v>1</v>
      </c>
      <c r="I10212" s="8">
        <v>0</v>
      </c>
      <c r="J10212" s="8">
        <v>1</v>
      </c>
      <c r="K10212" s="9">
        <v>495</v>
      </c>
      <c r="L10212" s="6" t="s">
        <v>51</v>
      </c>
    </row>
    <row r="10213" spans="1:12">
      <c r="A10213" s="6" t="s">
        <v>49</v>
      </c>
      <c r="B10213" s="6"/>
      <c r="C10213" s="6" t="s">
        <v>10237</v>
      </c>
      <c r="D10213" s="6"/>
      <c r="E10213" s="6" t="s">
        <v>9</v>
      </c>
      <c r="F10213" s="7">
        <v>38657</v>
      </c>
      <c r="G10213" s="8">
        <v>1</v>
      </c>
      <c r="H10213" s="8">
        <v>1</v>
      </c>
      <c r="I10213" s="8">
        <v>0</v>
      </c>
      <c r="J10213" s="8">
        <v>1</v>
      </c>
      <c r="K10213" s="9">
        <v>3.49</v>
      </c>
      <c r="L10213" s="6" t="s">
        <v>51</v>
      </c>
    </row>
    <row r="10214" spans="1:12">
      <c r="A10214" s="6" t="s">
        <v>49</v>
      </c>
      <c r="B10214" s="6"/>
      <c r="C10214" s="6" t="s">
        <v>10238</v>
      </c>
      <c r="D10214" s="6"/>
      <c r="E10214" s="6" t="s">
        <v>9</v>
      </c>
      <c r="F10214" s="7">
        <v>38657</v>
      </c>
      <c r="G10214" s="8">
        <v>1</v>
      </c>
      <c r="H10214" s="8">
        <v>1</v>
      </c>
      <c r="I10214" s="8">
        <v>0</v>
      </c>
      <c r="J10214" s="8">
        <v>1</v>
      </c>
      <c r="K10214" s="9">
        <v>687</v>
      </c>
      <c r="L10214" s="6" t="s">
        <v>51</v>
      </c>
    </row>
    <row r="10215" spans="1:12">
      <c r="A10215" s="6" t="s">
        <v>49</v>
      </c>
      <c r="B10215" s="6"/>
      <c r="C10215" s="6" t="s">
        <v>10239</v>
      </c>
      <c r="D10215" s="6"/>
      <c r="E10215" s="6" t="s">
        <v>9</v>
      </c>
      <c r="F10215" s="7">
        <v>38657</v>
      </c>
      <c r="G10215" s="8">
        <v>1</v>
      </c>
      <c r="H10215" s="8">
        <v>1</v>
      </c>
      <c r="I10215" s="8">
        <v>0</v>
      </c>
      <c r="J10215" s="8">
        <v>1</v>
      </c>
      <c r="K10215" s="9">
        <v>65</v>
      </c>
      <c r="L10215" s="6" t="s">
        <v>51</v>
      </c>
    </row>
    <row r="10216" spans="1:12">
      <c r="A10216" s="6" t="s">
        <v>49</v>
      </c>
      <c r="B10216" s="6"/>
      <c r="C10216" s="6" t="s">
        <v>10240</v>
      </c>
      <c r="D10216" s="6"/>
      <c r="E10216" s="6" t="s">
        <v>9</v>
      </c>
      <c r="F10216" s="7">
        <v>38657</v>
      </c>
      <c r="G10216" s="8">
        <v>1</v>
      </c>
      <c r="H10216" s="8">
        <v>1</v>
      </c>
      <c r="I10216" s="8">
        <v>0</v>
      </c>
      <c r="J10216" s="8">
        <v>1</v>
      </c>
      <c r="K10216" s="9">
        <v>5.8</v>
      </c>
      <c r="L10216" s="6" t="s">
        <v>51</v>
      </c>
    </row>
    <row r="10217" spans="1:12">
      <c r="A10217" s="6" t="s">
        <v>49</v>
      </c>
      <c r="B10217" s="6"/>
      <c r="C10217" s="6" t="s">
        <v>10241</v>
      </c>
      <c r="D10217" s="6"/>
      <c r="E10217" s="6" t="s">
        <v>9</v>
      </c>
      <c r="F10217" s="7">
        <v>38657</v>
      </c>
      <c r="G10217" s="8">
        <v>1</v>
      </c>
      <c r="H10217" s="8">
        <v>1</v>
      </c>
      <c r="I10217" s="8">
        <v>0</v>
      </c>
      <c r="J10217" s="8">
        <v>1</v>
      </c>
      <c r="K10217" s="9">
        <v>14</v>
      </c>
      <c r="L10217" s="6" t="s">
        <v>51</v>
      </c>
    </row>
    <row r="10218" spans="1:12">
      <c r="A10218" s="6" t="s">
        <v>49</v>
      </c>
      <c r="B10218" s="6"/>
      <c r="C10218" s="6" t="s">
        <v>10242</v>
      </c>
      <c r="D10218" s="6"/>
      <c r="E10218" s="6" t="s">
        <v>9</v>
      </c>
      <c r="F10218" s="7">
        <v>38657</v>
      </c>
      <c r="G10218" s="8">
        <v>1</v>
      </c>
      <c r="H10218" s="8">
        <v>1</v>
      </c>
      <c r="I10218" s="8">
        <v>0</v>
      </c>
      <c r="J10218" s="8">
        <v>1</v>
      </c>
      <c r="K10218" s="9">
        <v>85</v>
      </c>
      <c r="L10218" s="6" t="s">
        <v>51</v>
      </c>
    </row>
    <row r="10219" spans="1:12">
      <c r="A10219" s="6" t="s">
        <v>49</v>
      </c>
      <c r="B10219" s="6"/>
      <c r="C10219" s="6" t="s">
        <v>10243</v>
      </c>
      <c r="D10219" s="6"/>
      <c r="E10219" s="6" t="s">
        <v>9</v>
      </c>
      <c r="F10219" s="7">
        <v>38657</v>
      </c>
      <c r="G10219" s="8">
        <v>1</v>
      </c>
      <c r="H10219" s="8">
        <v>1</v>
      </c>
      <c r="I10219" s="8">
        <v>0</v>
      </c>
      <c r="J10219" s="8">
        <v>1</v>
      </c>
      <c r="K10219" s="9">
        <v>686</v>
      </c>
      <c r="L10219" s="6" t="s">
        <v>51</v>
      </c>
    </row>
    <row r="10220" spans="1:12">
      <c r="A10220" s="6" t="s">
        <v>49</v>
      </c>
      <c r="B10220" s="6"/>
      <c r="C10220" s="6" t="s">
        <v>10244</v>
      </c>
      <c r="D10220" s="6"/>
      <c r="E10220" s="6" t="s">
        <v>9</v>
      </c>
      <c r="F10220" s="7">
        <v>38657</v>
      </c>
      <c r="G10220" s="8">
        <v>1</v>
      </c>
      <c r="H10220" s="8">
        <v>1</v>
      </c>
      <c r="I10220" s="8">
        <v>0</v>
      </c>
      <c r="J10220" s="8">
        <v>1</v>
      </c>
      <c r="K10220" s="9">
        <v>214</v>
      </c>
      <c r="L10220" s="6" t="s">
        <v>51</v>
      </c>
    </row>
    <row r="10221" spans="1:12">
      <c r="A10221" s="6" t="s">
        <v>49</v>
      </c>
      <c r="B10221" s="6"/>
      <c r="C10221" s="6" t="s">
        <v>10245</v>
      </c>
      <c r="D10221" s="6"/>
      <c r="E10221" s="6" t="s">
        <v>9</v>
      </c>
      <c r="F10221" s="7"/>
      <c r="G10221" s="8">
        <v>1</v>
      </c>
      <c r="H10221" s="8">
        <v>1</v>
      </c>
      <c r="I10221" s="8">
        <v>0</v>
      </c>
      <c r="J10221" s="8">
        <v>1</v>
      </c>
      <c r="K10221" s="9">
        <v>7.28</v>
      </c>
      <c r="L10221" s="6" t="s">
        <v>51</v>
      </c>
    </row>
    <row r="10222" spans="1:12">
      <c r="A10222" s="6" t="s">
        <v>49</v>
      </c>
      <c r="B10222" s="6"/>
      <c r="C10222" s="6" t="s">
        <v>10246</v>
      </c>
      <c r="D10222" s="6"/>
      <c r="E10222" s="6" t="s">
        <v>9</v>
      </c>
      <c r="F10222" s="7">
        <v>38657</v>
      </c>
      <c r="G10222" s="8">
        <v>1</v>
      </c>
      <c r="H10222" s="8">
        <v>1</v>
      </c>
      <c r="I10222" s="8">
        <v>0</v>
      </c>
      <c r="J10222" s="8">
        <v>1</v>
      </c>
      <c r="K10222" s="9">
        <v>115</v>
      </c>
      <c r="L10222" s="6" t="s">
        <v>51</v>
      </c>
    </row>
    <row r="10223" spans="1:12">
      <c r="A10223" s="6" t="s">
        <v>49</v>
      </c>
      <c r="B10223" s="6"/>
      <c r="C10223" s="6" t="s">
        <v>10247</v>
      </c>
      <c r="D10223" s="6"/>
      <c r="E10223" s="6" t="s">
        <v>9</v>
      </c>
      <c r="F10223" s="7">
        <v>38657</v>
      </c>
      <c r="G10223" s="8">
        <v>1</v>
      </c>
      <c r="H10223" s="8">
        <v>1</v>
      </c>
      <c r="I10223" s="8">
        <v>0</v>
      </c>
      <c r="J10223" s="8">
        <v>1</v>
      </c>
      <c r="K10223" s="9">
        <v>271</v>
      </c>
      <c r="L10223" s="6" t="s">
        <v>51</v>
      </c>
    </row>
    <row r="10224" spans="1:12">
      <c r="A10224" s="6" t="s">
        <v>49</v>
      </c>
      <c r="B10224" s="6"/>
      <c r="C10224" s="6" t="s">
        <v>10248</v>
      </c>
      <c r="D10224" s="6"/>
      <c r="E10224" s="6" t="s">
        <v>9</v>
      </c>
      <c r="F10224" s="7">
        <v>38657</v>
      </c>
      <c r="G10224" s="8">
        <v>1</v>
      </c>
      <c r="H10224" s="8">
        <v>1</v>
      </c>
      <c r="I10224" s="8">
        <v>0</v>
      </c>
      <c r="J10224" s="8">
        <v>1</v>
      </c>
      <c r="K10224" s="9">
        <v>13</v>
      </c>
      <c r="L10224" s="6" t="s">
        <v>51</v>
      </c>
    </row>
    <row r="10225" spans="1:12">
      <c r="A10225" s="6" t="s">
        <v>49</v>
      </c>
      <c r="B10225" s="6"/>
      <c r="C10225" s="6" t="s">
        <v>10249</v>
      </c>
      <c r="D10225" s="6"/>
      <c r="E10225" s="6" t="s">
        <v>9</v>
      </c>
      <c r="F10225" s="7">
        <v>38657</v>
      </c>
      <c r="G10225" s="8">
        <v>1</v>
      </c>
      <c r="H10225" s="8">
        <v>1</v>
      </c>
      <c r="I10225" s="8">
        <v>0</v>
      </c>
      <c r="J10225" s="8">
        <v>1</v>
      </c>
      <c r="K10225" s="9">
        <v>36</v>
      </c>
      <c r="L10225" s="6" t="s">
        <v>51</v>
      </c>
    </row>
    <row r="10226" spans="1:12">
      <c r="A10226" s="6" t="s">
        <v>49</v>
      </c>
      <c r="B10226" s="6"/>
      <c r="C10226" s="6" t="s">
        <v>10250</v>
      </c>
      <c r="D10226" s="6"/>
      <c r="E10226" s="6" t="s">
        <v>9</v>
      </c>
      <c r="F10226" s="7">
        <v>38657</v>
      </c>
      <c r="G10226" s="8">
        <v>1</v>
      </c>
      <c r="H10226" s="8">
        <v>1</v>
      </c>
      <c r="I10226" s="8">
        <v>0</v>
      </c>
      <c r="J10226" s="8">
        <v>1</v>
      </c>
      <c r="K10226" s="9">
        <v>2.76</v>
      </c>
      <c r="L10226" s="6" t="s">
        <v>51</v>
      </c>
    </row>
    <row r="10227" spans="1:12">
      <c r="A10227" s="6" t="s">
        <v>49</v>
      </c>
      <c r="B10227" s="6"/>
      <c r="C10227" s="6" t="s">
        <v>10251</v>
      </c>
      <c r="D10227" s="6"/>
      <c r="E10227" s="6" t="s">
        <v>9</v>
      </c>
      <c r="F10227" s="7">
        <v>38657</v>
      </c>
      <c r="G10227" s="8">
        <v>1</v>
      </c>
      <c r="H10227" s="8">
        <v>1</v>
      </c>
      <c r="I10227" s="8">
        <v>0</v>
      </c>
      <c r="J10227" s="8">
        <v>1</v>
      </c>
      <c r="K10227" s="9">
        <v>69</v>
      </c>
      <c r="L10227" s="6" t="s">
        <v>51</v>
      </c>
    </row>
    <row r="10228" spans="1:12">
      <c r="A10228" s="6" t="s">
        <v>49</v>
      </c>
      <c r="B10228" s="6"/>
      <c r="C10228" s="6" t="s">
        <v>10252</v>
      </c>
      <c r="D10228" s="6"/>
      <c r="E10228" s="6" t="s">
        <v>9</v>
      </c>
      <c r="F10228" s="7">
        <v>38657</v>
      </c>
      <c r="G10228" s="8">
        <v>1</v>
      </c>
      <c r="H10228" s="8">
        <v>1</v>
      </c>
      <c r="I10228" s="8">
        <v>0</v>
      </c>
      <c r="J10228" s="8">
        <v>1</v>
      </c>
      <c r="K10228" s="9">
        <v>8.33</v>
      </c>
      <c r="L10228" s="6" t="s">
        <v>51</v>
      </c>
    </row>
    <row r="10229" spans="1:12">
      <c r="A10229" s="6" t="s">
        <v>49</v>
      </c>
      <c r="B10229" s="6"/>
      <c r="C10229" s="6" t="s">
        <v>10253</v>
      </c>
      <c r="D10229" s="6"/>
      <c r="E10229" s="6" t="s">
        <v>9</v>
      </c>
      <c r="F10229" s="7">
        <v>38657</v>
      </c>
      <c r="G10229" s="8">
        <v>1</v>
      </c>
      <c r="H10229" s="8">
        <v>1</v>
      </c>
      <c r="I10229" s="8">
        <v>0</v>
      </c>
      <c r="J10229" s="8">
        <v>1</v>
      </c>
      <c r="K10229" s="9">
        <v>6.61</v>
      </c>
      <c r="L10229" s="6" t="s">
        <v>51</v>
      </c>
    </row>
    <row r="10230" spans="1:12">
      <c r="A10230" s="6" t="s">
        <v>49</v>
      </c>
      <c r="B10230" s="6"/>
      <c r="C10230" s="6" t="s">
        <v>10254</v>
      </c>
      <c r="D10230" s="6"/>
      <c r="E10230" s="6" t="s">
        <v>9</v>
      </c>
      <c r="F10230" s="7">
        <v>38657</v>
      </c>
      <c r="G10230" s="8">
        <v>1</v>
      </c>
      <c r="H10230" s="8">
        <v>1</v>
      </c>
      <c r="I10230" s="8">
        <v>0</v>
      </c>
      <c r="J10230" s="8">
        <v>1</v>
      </c>
      <c r="K10230" s="9">
        <v>2032</v>
      </c>
      <c r="L10230" s="6" t="s">
        <v>51</v>
      </c>
    </row>
    <row r="10231" spans="1:12">
      <c r="A10231" s="6" t="s">
        <v>49</v>
      </c>
      <c r="B10231" s="6"/>
      <c r="C10231" s="6" t="s">
        <v>10255</v>
      </c>
      <c r="D10231" s="6"/>
      <c r="E10231" s="6" t="s">
        <v>9</v>
      </c>
      <c r="F10231" s="7">
        <v>38657</v>
      </c>
      <c r="G10231" s="8">
        <v>1</v>
      </c>
      <c r="H10231" s="8">
        <v>1</v>
      </c>
      <c r="I10231" s="8">
        <v>0</v>
      </c>
      <c r="J10231" s="8">
        <v>1</v>
      </c>
      <c r="K10231" s="9">
        <v>7.31</v>
      </c>
      <c r="L10231" s="6" t="s">
        <v>51</v>
      </c>
    </row>
    <row r="10232" spans="1:12">
      <c r="A10232" s="6" t="s">
        <v>49</v>
      </c>
      <c r="B10232" s="6"/>
      <c r="C10232" s="6" t="s">
        <v>10256</v>
      </c>
      <c r="D10232" s="6"/>
      <c r="E10232" s="6" t="s">
        <v>9</v>
      </c>
      <c r="F10232" s="7">
        <v>38657</v>
      </c>
      <c r="G10232" s="8">
        <v>1</v>
      </c>
      <c r="H10232" s="8">
        <v>1</v>
      </c>
      <c r="I10232" s="8">
        <v>0</v>
      </c>
      <c r="J10232" s="8">
        <v>1</v>
      </c>
      <c r="K10232" s="9">
        <v>5.27</v>
      </c>
      <c r="L10232" s="6" t="s">
        <v>51</v>
      </c>
    </row>
    <row r="10233" spans="1:12">
      <c r="A10233" s="6" t="s">
        <v>49</v>
      </c>
      <c r="B10233" s="6"/>
      <c r="C10233" s="6" t="s">
        <v>10257</v>
      </c>
      <c r="D10233" s="6"/>
      <c r="E10233" s="6" t="s">
        <v>9</v>
      </c>
      <c r="F10233" s="7">
        <v>38657</v>
      </c>
      <c r="G10233" s="8">
        <v>1</v>
      </c>
      <c r="H10233" s="8">
        <v>1</v>
      </c>
      <c r="I10233" s="8">
        <v>0</v>
      </c>
      <c r="J10233" s="8">
        <v>1</v>
      </c>
      <c r="K10233" s="9">
        <v>11</v>
      </c>
      <c r="L10233" s="6" t="s">
        <v>51</v>
      </c>
    </row>
    <row r="10234" spans="1:12">
      <c r="A10234" s="6" t="s">
        <v>49</v>
      </c>
      <c r="B10234" s="6"/>
      <c r="C10234" s="6" t="s">
        <v>10258</v>
      </c>
      <c r="D10234" s="6"/>
      <c r="E10234" s="6" t="s">
        <v>9</v>
      </c>
      <c r="F10234" s="7">
        <v>38657</v>
      </c>
      <c r="G10234" s="8">
        <v>1</v>
      </c>
      <c r="H10234" s="8">
        <v>1</v>
      </c>
      <c r="I10234" s="8">
        <v>0</v>
      </c>
      <c r="J10234" s="8">
        <v>1</v>
      </c>
      <c r="K10234" s="9">
        <v>4.8</v>
      </c>
      <c r="L10234" s="6" t="s">
        <v>51</v>
      </c>
    </row>
    <row r="10235" spans="1:12">
      <c r="A10235" s="6" t="s">
        <v>49</v>
      </c>
      <c r="B10235" s="6"/>
      <c r="C10235" s="6" t="s">
        <v>10259</v>
      </c>
      <c r="D10235" s="6"/>
      <c r="E10235" s="6" t="s">
        <v>9</v>
      </c>
      <c r="F10235" s="7">
        <v>38657</v>
      </c>
      <c r="G10235" s="8">
        <v>1</v>
      </c>
      <c r="H10235" s="8">
        <v>1</v>
      </c>
      <c r="I10235" s="8">
        <v>0</v>
      </c>
      <c r="J10235" s="8">
        <v>1</v>
      </c>
      <c r="K10235" s="9">
        <v>9.69</v>
      </c>
      <c r="L10235" s="6" t="s">
        <v>51</v>
      </c>
    </row>
    <row r="10236" spans="1:12">
      <c r="A10236" s="6" t="s">
        <v>49</v>
      </c>
      <c r="B10236" s="6"/>
      <c r="C10236" s="6" t="s">
        <v>10260</v>
      </c>
      <c r="D10236" s="6"/>
      <c r="E10236" s="6" t="s">
        <v>9</v>
      </c>
      <c r="F10236" s="7">
        <v>38657</v>
      </c>
      <c r="G10236" s="8">
        <v>1</v>
      </c>
      <c r="H10236" s="8">
        <v>1</v>
      </c>
      <c r="I10236" s="8">
        <v>0</v>
      </c>
      <c r="J10236" s="8">
        <v>1</v>
      </c>
      <c r="K10236" s="9">
        <v>31</v>
      </c>
      <c r="L10236" s="6" t="s">
        <v>51</v>
      </c>
    </row>
    <row r="10237" spans="1:12">
      <c r="A10237" s="6" t="s">
        <v>49</v>
      </c>
      <c r="B10237" s="6"/>
      <c r="C10237" s="6" t="s">
        <v>10261</v>
      </c>
      <c r="D10237" s="6"/>
      <c r="E10237" s="6" t="s">
        <v>9</v>
      </c>
      <c r="F10237" s="7">
        <v>38657</v>
      </c>
      <c r="G10237" s="8">
        <v>1</v>
      </c>
      <c r="H10237" s="8">
        <v>1</v>
      </c>
      <c r="I10237" s="8">
        <v>0</v>
      </c>
      <c r="J10237" s="8">
        <v>1</v>
      </c>
      <c r="K10237" s="9">
        <v>42</v>
      </c>
      <c r="L10237" s="6" t="s">
        <v>51</v>
      </c>
    </row>
    <row r="10238" spans="1:12">
      <c r="A10238" s="6" t="s">
        <v>49</v>
      </c>
      <c r="B10238" s="6"/>
      <c r="C10238" s="6" t="s">
        <v>10262</v>
      </c>
      <c r="D10238" s="6"/>
      <c r="E10238" s="6" t="s">
        <v>9</v>
      </c>
      <c r="F10238" s="7">
        <v>38657</v>
      </c>
      <c r="G10238" s="8">
        <v>1</v>
      </c>
      <c r="H10238" s="8">
        <v>1</v>
      </c>
      <c r="I10238" s="8">
        <v>0</v>
      </c>
      <c r="J10238" s="8">
        <v>1</v>
      </c>
      <c r="K10238" s="9">
        <v>15</v>
      </c>
      <c r="L10238" s="6" t="s">
        <v>51</v>
      </c>
    </row>
    <row r="10239" spans="1:12">
      <c r="A10239" s="6" t="s">
        <v>49</v>
      </c>
      <c r="B10239" s="6"/>
      <c r="C10239" s="6" t="s">
        <v>10263</v>
      </c>
      <c r="D10239" s="6"/>
      <c r="E10239" s="6" t="s">
        <v>9</v>
      </c>
      <c r="F10239" s="7">
        <v>38657</v>
      </c>
      <c r="G10239" s="8">
        <v>1</v>
      </c>
      <c r="H10239" s="8">
        <v>1</v>
      </c>
      <c r="I10239" s="8">
        <v>0</v>
      </c>
      <c r="J10239" s="8">
        <v>1</v>
      </c>
      <c r="K10239" s="9">
        <v>37</v>
      </c>
      <c r="L10239" s="6" t="s">
        <v>51</v>
      </c>
    </row>
    <row r="10240" spans="1:12">
      <c r="A10240" s="6" t="s">
        <v>49</v>
      </c>
      <c r="B10240" s="6"/>
      <c r="C10240" s="6" t="s">
        <v>10264</v>
      </c>
      <c r="D10240" s="6"/>
      <c r="E10240" s="6" t="s">
        <v>9</v>
      </c>
      <c r="F10240" s="7">
        <v>38657</v>
      </c>
      <c r="G10240" s="8">
        <v>1</v>
      </c>
      <c r="H10240" s="8">
        <v>1</v>
      </c>
      <c r="I10240" s="8">
        <v>0</v>
      </c>
      <c r="J10240" s="8">
        <v>1</v>
      </c>
      <c r="K10240" s="9">
        <v>7.09</v>
      </c>
      <c r="L10240" s="6" t="s">
        <v>51</v>
      </c>
    </row>
    <row r="10241" spans="1:12">
      <c r="A10241" s="6" t="s">
        <v>49</v>
      </c>
      <c r="B10241" s="6"/>
      <c r="C10241" s="6" t="s">
        <v>10265</v>
      </c>
      <c r="D10241" s="6"/>
      <c r="E10241" s="6" t="s">
        <v>9</v>
      </c>
      <c r="F10241" s="7">
        <v>38657</v>
      </c>
      <c r="G10241" s="8">
        <v>1</v>
      </c>
      <c r="H10241" s="8">
        <v>1</v>
      </c>
      <c r="I10241" s="8">
        <v>0</v>
      </c>
      <c r="J10241" s="8">
        <v>1</v>
      </c>
      <c r="K10241" s="9">
        <v>103</v>
      </c>
      <c r="L10241" s="6" t="s">
        <v>51</v>
      </c>
    </row>
    <row r="10242" spans="1:12">
      <c r="A10242" s="6" t="s">
        <v>49</v>
      </c>
      <c r="B10242" s="6"/>
      <c r="C10242" s="6" t="s">
        <v>10266</v>
      </c>
      <c r="D10242" s="6"/>
      <c r="E10242" s="6" t="s">
        <v>9</v>
      </c>
      <c r="F10242" s="7">
        <v>38657</v>
      </c>
      <c r="G10242" s="8">
        <v>1</v>
      </c>
      <c r="H10242" s="8">
        <v>1</v>
      </c>
      <c r="I10242" s="8">
        <v>0</v>
      </c>
      <c r="J10242" s="8">
        <v>1</v>
      </c>
      <c r="K10242" s="9">
        <v>18</v>
      </c>
      <c r="L10242" s="6" t="s">
        <v>51</v>
      </c>
    </row>
    <row r="10243" spans="1:12">
      <c r="A10243" s="6" t="s">
        <v>49</v>
      </c>
      <c r="B10243" s="6"/>
      <c r="C10243" s="6" t="s">
        <v>10267</v>
      </c>
      <c r="D10243" s="6"/>
      <c r="E10243" s="6" t="s">
        <v>9</v>
      </c>
      <c r="F10243" s="7">
        <v>38657</v>
      </c>
      <c r="G10243" s="8">
        <v>1</v>
      </c>
      <c r="H10243" s="8">
        <v>1</v>
      </c>
      <c r="I10243" s="8">
        <v>0</v>
      </c>
      <c r="J10243" s="8">
        <v>1</v>
      </c>
      <c r="K10243" s="9">
        <v>6.61</v>
      </c>
      <c r="L10243" s="6" t="s">
        <v>51</v>
      </c>
    </row>
    <row r="10244" spans="1:12">
      <c r="A10244" s="6" t="s">
        <v>49</v>
      </c>
      <c r="B10244" s="6"/>
      <c r="C10244" s="6" t="s">
        <v>10268</v>
      </c>
      <c r="D10244" s="6"/>
      <c r="E10244" s="6" t="s">
        <v>9</v>
      </c>
      <c r="F10244" s="7">
        <v>38657</v>
      </c>
      <c r="G10244" s="8">
        <v>1</v>
      </c>
      <c r="H10244" s="8">
        <v>1</v>
      </c>
      <c r="I10244" s="8">
        <v>0</v>
      </c>
      <c r="J10244" s="8">
        <v>1</v>
      </c>
      <c r="K10244" s="9">
        <v>1.31</v>
      </c>
      <c r="L10244" s="6" t="s">
        <v>51</v>
      </c>
    </row>
    <row r="10245" spans="1:12">
      <c r="A10245" s="6" t="s">
        <v>49</v>
      </c>
      <c r="B10245" s="6"/>
      <c r="C10245" s="6" t="s">
        <v>10269</v>
      </c>
      <c r="D10245" s="6"/>
      <c r="E10245" s="6" t="s">
        <v>9</v>
      </c>
      <c r="F10245" s="7">
        <v>38657</v>
      </c>
      <c r="G10245" s="8">
        <v>1</v>
      </c>
      <c r="H10245" s="8">
        <v>1</v>
      </c>
      <c r="I10245" s="8">
        <v>0</v>
      </c>
      <c r="J10245" s="8">
        <v>1</v>
      </c>
      <c r="K10245" s="9">
        <v>8.57</v>
      </c>
      <c r="L10245" s="6" t="s">
        <v>51</v>
      </c>
    </row>
    <row r="10246" spans="1:12">
      <c r="A10246" s="6" t="s">
        <v>49</v>
      </c>
      <c r="B10246" s="6"/>
      <c r="C10246" s="6" t="s">
        <v>10270</v>
      </c>
      <c r="D10246" s="6"/>
      <c r="E10246" s="6" t="s">
        <v>9</v>
      </c>
      <c r="F10246" s="7">
        <v>38657</v>
      </c>
      <c r="G10246" s="8">
        <v>1</v>
      </c>
      <c r="H10246" s="8">
        <v>1</v>
      </c>
      <c r="I10246" s="8">
        <v>0</v>
      </c>
      <c r="J10246" s="8">
        <v>1</v>
      </c>
      <c r="K10246" s="9">
        <v>11</v>
      </c>
      <c r="L10246" s="6" t="s">
        <v>51</v>
      </c>
    </row>
    <row r="10247" spans="1:12">
      <c r="A10247" s="6" t="s">
        <v>49</v>
      </c>
      <c r="B10247" s="6"/>
      <c r="C10247" s="6" t="s">
        <v>10271</v>
      </c>
      <c r="D10247" s="6"/>
      <c r="E10247" s="6" t="s">
        <v>9</v>
      </c>
      <c r="F10247" s="7">
        <v>38657</v>
      </c>
      <c r="G10247" s="8">
        <v>1</v>
      </c>
      <c r="H10247" s="8">
        <v>1</v>
      </c>
      <c r="I10247" s="8">
        <v>0</v>
      </c>
      <c r="J10247" s="8">
        <v>1</v>
      </c>
      <c r="K10247" s="9">
        <v>231</v>
      </c>
      <c r="L10247" s="6" t="s">
        <v>51</v>
      </c>
    </row>
    <row r="10248" spans="1:12">
      <c r="A10248" s="6" t="s">
        <v>49</v>
      </c>
      <c r="B10248" s="6"/>
      <c r="C10248" s="6" t="s">
        <v>10272</v>
      </c>
      <c r="D10248" s="6"/>
      <c r="E10248" s="6" t="s">
        <v>9</v>
      </c>
      <c r="F10248" s="7">
        <v>38657</v>
      </c>
      <c r="G10248" s="8">
        <v>1</v>
      </c>
      <c r="H10248" s="8">
        <v>1</v>
      </c>
      <c r="I10248" s="8">
        <v>0</v>
      </c>
      <c r="J10248" s="8">
        <v>1</v>
      </c>
      <c r="K10248" s="9">
        <v>38</v>
      </c>
      <c r="L10248" s="6" t="s">
        <v>51</v>
      </c>
    </row>
    <row r="10249" spans="1:12">
      <c r="A10249" s="6" t="s">
        <v>49</v>
      </c>
      <c r="B10249" s="6"/>
      <c r="C10249" s="6" t="s">
        <v>10273</v>
      </c>
      <c r="D10249" s="6"/>
      <c r="E10249" s="6" t="s">
        <v>9</v>
      </c>
      <c r="F10249" s="7">
        <v>38657</v>
      </c>
      <c r="G10249" s="8">
        <v>1</v>
      </c>
      <c r="H10249" s="8">
        <v>1</v>
      </c>
      <c r="I10249" s="8">
        <v>0</v>
      </c>
      <c r="J10249" s="8">
        <v>1</v>
      </c>
      <c r="K10249" s="9">
        <v>430</v>
      </c>
      <c r="L10249" s="6" t="s">
        <v>51</v>
      </c>
    </row>
    <row r="10250" spans="1:12">
      <c r="A10250" s="6" t="s">
        <v>49</v>
      </c>
      <c r="B10250" s="6"/>
      <c r="C10250" s="6" t="s">
        <v>10274</v>
      </c>
      <c r="D10250" s="6"/>
      <c r="E10250" s="6" t="s">
        <v>9</v>
      </c>
      <c r="F10250" s="7">
        <v>38657</v>
      </c>
      <c r="G10250" s="8">
        <v>1</v>
      </c>
      <c r="H10250" s="8">
        <v>1</v>
      </c>
      <c r="I10250" s="8">
        <v>0</v>
      </c>
      <c r="J10250" s="8">
        <v>1</v>
      </c>
      <c r="K10250" s="9">
        <v>6.1</v>
      </c>
      <c r="L10250" s="6" t="s">
        <v>51</v>
      </c>
    </row>
    <row r="10251" spans="1:12">
      <c r="A10251" s="6" t="s">
        <v>49</v>
      </c>
      <c r="B10251" s="6"/>
      <c r="C10251" s="6" t="s">
        <v>10275</v>
      </c>
      <c r="D10251" s="6"/>
      <c r="E10251" s="6" t="s">
        <v>9</v>
      </c>
      <c r="F10251" s="7">
        <v>38657</v>
      </c>
      <c r="G10251" s="8">
        <v>1</v>
      </c>
      <c r="H10251" s="8">
        <v>1</v>
      </c>
      <c r="I10251" s="8">
        <v>0</v>
      </c>
      <c r="J10251" s="8">
        <v>1</v>
      </c>
      <c r="K10251" s="9">
        <v>145</v>
      </c>
      <c r="L10251" s="6" t="s">
        <v>51</v>
      </c>
    </row>
    <row r="10252" spans="1:12">
      <c r="A10252" s="6" t="s">
        <v>49</v>
      </c>
      <c r="B10252" s="6"/>
      <c r="C10252" s="6" t="s">
        <v>10276</v>
      </c>
      <c r="D10252" s="6"/>
      <c r="E10252" s="6" t="s">
        <v>9</v>
      </c>
      <c r="F10252" s="7">
        <v>38657</v>
      </c>
      <c r="G10252" s="8">
        <v>1</v>
      </c>
      <c r="H10252" s="8">
        <v>1</v>
      </c>
      <c r="I10252" s="8">
        <v>0</v>
      </c>
      <c r="J10252" s="8">
        <v>1</v>
      </c>
      <c r="K10252" s="9">
        <v>199</v>
      </c>
      <c r="L10252" s="6" t="s">
        <v>51</v>
      </c>
    </row>
    <row r="10253" spans="1:12">
      <c r="A10253" s="6" t="s">
        <v>49</v>
      </c>
      <c r="B10253" s="6"/>
      <c r="C10253" s="6" t="s">
        <v>10277</v>
      </c>
      <c r="D10253" s="6"/>
      <c r="E10253" s="6" t="s">
        <v>9</v>
      </c>
      <c r="F10253" s="7">
        <v>38657</v>
      </c>
      <c r="G10253" s="8">
        <v>1</v>
      </c>
      <c r="H10253" s="8">
        <v>1</v>
      </c>
      <c r="I10253" s="8">
        <v>0</v>
      </c>
      <c r="J10253" s="8">
        <v>1</v>
      </c>
      <c r="K10253" s="9">
        <v>15</v>
      </c>
      <c r="L10253" s="6" t="s">
        <v>51</v>
      </c>
    </row>
    <row r="10254" spans="1:12">
      <c r="A10254" s="6" t="s">
        <v>49</v>
      </c>
      <c r="B10254" s="6"/>
      <c r="C10254" s="6" t="s">
        <v>10278</v>
      </c>
      <c r="D10254" s="6"/>
      <c r="E10254" s="6" t="s">
        <v>9</v>
      </c>
      <c r="F10254" s="7">
        <v>38657</v>
      </c>
      <c r="G10254" s="8">
        <v>1</v>
      </c>
      <c r="H10254" s="8">
        <v>1</v>
      </c>
      <c r="I10254" s="8">
        <v>0</v>
      </c>
      <c r="J10254" s="8">
        <v>1</v>
      </c>
      <c r="K10254" s="9">
        <v>137</v>
      </c>
      <c r="L10254" s="6" t="s">
        <v>51</v>
      </c>
    </row>
    <row r="10255" spans="1:12">
      <c r="A10255" s="6" t="s">
        <v>49</v>
      </c>
      <c r="B10255" s="6"/>
      <c r="C10255" s="6" t="s">
        <v>10279</v>
      </c>
      <c r="D10255" s="6"/>
      <c r="E10255" s="6" t="s">
        <v>9</v>
      </c>
      <c r="F10255" s="7">
        <v>38657</v>
      </c>
      <c r="G10255" s="8">
        <v>1</v>
      </c>
      <c r="H10255" s="8">
        <v>1</v>
      </c>
      <c r="I10255" s="8">
        <v>0</v>
      </c>
      <c r="J10255" s="8">
        <v>1</v>
      </c>
      <c r="K10255" s="9">
        <v>18</v>
      </c>
      <c r="L10255" s="6" t="s">
        <v>51</v>
      </c>
    </row>
    <row r="10256" spans="1:12">
      <c r="A10256" s="6" t="s">
        <v>49</v>
      </c>
      <c r="B10256" s="6"/>
      <c r="C10256" s="6" t="s">
        <v>10280</v>
      </c>
      <c r="D10256" s="6"/>
      <c r="E10256" s="6" t="s">
        <v>9</v>
      </c>
      <c r="F10256" s="7">
        <v>38657</v>
      </c>
      <c r="G10256" s="8">
        <v>1</v>
      </c>
      <c r="H10256" s="8">
        <v>1</v>
      </c>
      <c r="I10256" s="8">
        <v>0</v>
      </c>
      <c r="J10256" s="8">
        <v>1</v>
      </c>
      <c r="K10256" s="9">
        <v>3.87</v>
      </c>
      <c r="L10256" s="6" t="s">
        <v>51</v>
      </c>
    </row>
    <row r="10257" spans="1:12">
      <c r="A10257" s="6" t="s">
        <v>49</v>
      </c>
      <c r="B10257" s="6"/>
      <c r="C10257" s="6" t="s">
        <v>10281</v>
      </c>
      <c r="D10257" s="6"/>
      <c r="E10257" s="6" t="s">
        <v>9</v>
      </c>
      <c r="F10257" s="7">
        <v>38657</v>
      </c>
      <c r="G10257" s="8">
        <v>1</v>
      </c>
      <c r="H10257" s="8">
        <v>1</v>
      </c>
      <c r="I10257" s="8">
        <v>0</v>
      </c>
      <c r="J10257" s="8">
        <v>1</v>
      </c>
      <c r="K10257" s="9">
        <v>33</v>
      </c>
      <c r="L10257" s="6" t="s">
        <v>51</v>
      </c>
    </row>
    <row r="10258" spans="1:12">
      <c r="A10258" s="6" t="s">
        <v>49</v>
      </c>
      <c r="B10258" s="6"/>
      <c r="C10258" s="6" t="s">
        <v>10282</v>
      </c>
      <c r="D10258" s="6"/>
      <c r="E10258" s="6" t="s">
        <v>9</v>
      </c>
      <c r="F10258" s="7">
        <v>38657</v>
      </c>
      <c r="G10258" s="8">
        <v>1</v>
      </c>
      <c r="H10258" s="8">
        <v>1</v>
      </c>
      <c r="I10258" s="8">
        <v>0</v>
      </c>
      <c r="J10258" s="8">
        <v>1</v>
      </c>
      <c r="K10258" s="9">
        <v>11</v>
      </c>
      <c r="L10258" s="6" t="s">
        <v>51</v>
      </c>
    </row>
    <row r="10259" spans="1:12">
      <c r="A10259" s="6" t="s">
        <v>49</v>
      </c>
      <c r="B10259" s="6"/>
      <c r="C10259" s="6" t="s">
        <v>10283</v>
      </c>
      <c r="D10259" s="6"/>
      <c r="E10259" s="6" t="s">
        <v>9</v>
      </c>
      <c r="F10259" s="7">
        <v>38657</v>
      </c>
      <c r="G10259" s="8">
        <v>1</v>
      </c>
      <c r="H10259" s="8">
        <v>1</v>
      </c>
      <c r="I10259" s="8">
        <v>0</v>
      </c>
      <c r="J10259" s="8">
        <v>1</v>
      </c>
      <c r="K10259" s="9">
        <v>106</v>
      </c>
      <c r="L10259" s="6" t="s">
        <v>51</v>
      </c>
    </row>
    <row r="10260" spans="1:12">
      <c r="A10260" s="6" t="s">
        <v>49</v>
      </c>
      <c r="B10260" s="6"/>
      <c r="C10260" s="6" t="s">
        <v>10284</v>
      </c>
      <c r="D10260" s="6"/>
      <c r="E10260" s="6" t="s">
        <v>9</v>
      </c>
      <c r="F10260" s="7">
        <v>38657</v>
      </c>
      <c r="G10260" s="8">
        <v>1</v>
      </c>
      <c r="H10260" s="8">
        <v>1</v>
      </c>
      <c r="I10260" s="8">
        <v>0</v>
      </c>
      <c r="J10260" s="8">
        <v>1</v>
      </c>
      <c r="K10260" s="9">
        <v>1.62</v>
      </c>
      <c r="L10260" s="6" t="s">
        <v>51</v>
      </c>
    </row>
    <row r="10261" spans="1:12">
      <c r="A10261" s="6" t="s">
        <v>49</v>
      </c>
      <c r="B10261" s="6"/>
      <c r="C10261" s="6" t="s">
        <v>10285</v>
      </c>
      <c r="D10261" s="6"/>
      <c r="E10261" s="6" t="s">
        <v>9</v>
      </c>
      <c r="F10261" s="7">
        <v>38657</v>
      </c>
      <c r="G10261" s="8">
        <v>1</v>
      </c>
      <c r="H10261" s="8">
        <v>1</v>
      </c>
      <c r="I10261" s="8">
        <v>0</v>
      </c>
      <c r="J10261" s="8">
        <v>1</v>
      </c>
      <c r="K10261" s="9">
        <v>18</v>
      </c>
      <c r="L10261" s="6" t="s">
        <v>51</v>
      </c>
    </row>
    <row r="10262" spans="1:12">
      <c r="A10262" s="6" t="s">
        <v>49</v>
      </c>
      <c r="B10262" s="6"/>
      <c r="C10262" s="6" t="s">
        <v>10286</v>
      </c>
      <c r="D10262" s="6"/>
      <c r="E10262" s="6" t="s">
        <v>9</v>
      </c>
      <c r="F10262" s="7">
        <v>38657</v>
      </c>
      <c r="G10262" s="8">
        <v>1</v>
      </c>
      <c r="H10262" s="8">
        <v>1</v>
      </c>
      <c r="I10262" s="8">
        <v>0</v>
      </c>
      <c r="J10262" s="8">
        <v>1</v>
      </c>
      <c r="K10262" s="9">
        <v>6.54</v>
      </c>
      <c r="L10262" s="6" t="s">
        <v>51</v>
      </c>
    </row>
    <row r="10263" spans="1:12">
      <c r="A10263" s="6" t="s">
        <v>49</v>
      </c>
      <c r="B10263" s="6"/>
      <c r="C10263" s="6" t="s">
        <v>10287</v>
      </c>
      <c r="D10263" s="6"/>
      <c r="E10263" s="6" t="s">
        <v>9</v>
      </c>
      <c r="F10263" s="7">
        <v>38657</v>
      </c>
      <c r="G10263" s="8">
        <v>1</v>
      </c>
      <c r="H10263" s="8">
        <v>1</v>
      </c>
      <c r="I10263" s="8">
        <v>0</v>
      </c>
      <c r="J10263" s="8">
        <v>1</v>
      </c>
      <c r="K10263" s="9">
        <v>46</v>
      </c>
      <c r="L10263" s="6" t="s">
        <v>51</v>
      </c>
    </row>
    <row r="10264" spans="1:12">
      <c r="A10264" s="6" t="s">
        <v>49</v>
      </c>
      <c r="B10264" s="6"/>
      <c r="C10264" s="6" t="s">
        <v>10288</v>
      </c>
      <c r="D10264" s="6"/>
      <c r="E10264" s="6" t="s">
        <v>9</v>
      </c>
      <c r="F10264" s="7">
        <v>38657</v>
      </c>
      <c r="G10264" s="8">
        <v>1</v>
      </c>
      <c r="H10264" s="8">
        <v>1</v>
      </c>
      <c r="I10264" s="8">
        <v>0</v>
      </c>
      <c r="J10264" s="8">
        <v>1</v>
      </c>
      <c r="K10264" s="9">
        <v>157</v>
      </c>
      <c r="L10264" s="6" t="s">
        <v>51</v>
      </c>
    </row>
    <row r="10265" spans="1:12">
      <c r="A10265" s="6" t="s">
        <v>49</v>
      </c>
      <c r="B10265" s="6"/>
      <c r="C10265" s="6" t="s">
        <v>10289</v>
      </c>
      <c r="D10265" s="6"/>
      <c r="E10265" s="6" t="s">
        <v>9</v>
      </c>
      <c r="F10265" s="7">
        <v>38657</v>
      </c>
      <c r="G10265" s="8">
        <v>1</v>
      </c>
      <c r="H10265" s="8">
        <v>1</v>
      </c>
      <c r="I10265" s="8">
        <v>0</v>
      </c>
      <c r="J10265" s="8">
        <v>1</v>
      </c>
      <c r="K10265" s="9">
        <v>37</v>
      </c>
      <c r="L10265" s="6" t="s">
        <v>51</v>
      </c>
    </row>
    <row r="10266" spans="1:12">
      <c r="A10266" s="6" t="s">
        <v>49</v>
      </c>
      <c r="B10266" s="6"/>
      <c r="C10266" s="6" t="s">
        <v>10290</v>
      </c>
      <c r="D10266" s="6"/>
      <c r="E10266" s="6" t="s">
        <v>9</v>
      </c>
      <c r="F10266" s="7">
        <v>38657</v>
      </c>
      <c r="G10266" s="8">
        <v>1</v>
      </c>
      <c r="H10266" s="8">
        <v>1</v>
      </c>
      <c r="I10266" s="8">
        <v>0</v>
      </c>
      <c r="J10266" s="8">
        <v>1</v>
      </c>
      <c r="K10266" s="9">
        <v>6.8</v>
      </c>
      <c r="L10266" s="6" t="s">
        <v>51</v>
      </c>
    </row>
    <row r="10267" spans="1:12">
      <c r="A10267" s="6" t="s">
        <v>49</v>
      </c>
      <c r="B10267" s="6"/>
      <c r="C10267" s="6" t="s">
        <v>10291</v>
      </c>
      <c r="D10267" s="6"/>
      <c r="E10267" s="6" t="s">
        <v>9</v>
      </c>
      <c r="F10267" s="7">
        <v>38657</v>
      </c>
      <c r="G10267" s="8">
        <v>1</v>
      </c>
      <c r="H10267" s="8">
        <v>1</v>
      </c>
      <c r="I10267" s="8">
        <v>0</v>
      </c>
      <c r="J10267" s="8">
        <v>1</v>
      </c>
      <c r="K10267" s="9">
        <v>68</v>
      </c>
      <c r="L10267" s="6" t="s">
        <v>51</v>
      </c>
    </row>
    <row r="10268" spans="1:12">
      <c r="A10268" s="6" t="s">
        <v>49</v>
      </c>
      <c r="B10268" s="6"/>
      <c r="C10268" s="6" t="s">
        <v>10292</v>
      </c>
      <c r="D10268" s="6"/>
      <c r="E10268" s="6" t="s">
        <v>9</v>
      </c>
      <c r="F10268" s="7">
        <v>38657</v>
      </c>
      <c r="G10268" s="8">
        <v>1</v>
      </c>
      <c r="H10268" s="8">
        <v>1</v>
      </c>
      <c r="I10268" s="8">
        <v>0</v>
      </c>
      <c r="J10268" s="8">
        <v>1</v>
      </c>
      <c r="K10268" s="9">
        <v>2.3199999999999901</v>
      </c>
      <c r="L10268" s="6" t="s">
        <v>51</v>
      </c>
    </row>
    <row r="10269" spans="1:12">
      <c r="A10269" s="6" t="s">
        <v>49</v>
      </c>
      <c r="B10269" s="6"/>
      <c r="C10269" s="6" t="s">
        <v>10293</v>
      </c>
      <c r="D10269" s="6"/>
      <c r="E10269" s="6" t="s">
        <v>9</v>
      </c>
      <c r="F10269" s="7">
        <v>38657</v>
      </c>
      <c r="G10269" s="8">
        <v>1</v>
      </c>
      <c r="H10269" s="8">
        <v>1</v>
      </c>
      <c r="I10269" s="8">
        <v>0</v>
      </c>
      <c r="J10269" s="8">
        <v>1</v>
      </c>
      <c r="K10269" s="9">
        <v>21</v>
      </c>
      <c r="L10269" s="6" t="s">
        <v>51</v>
      </c>
    </row>
    <row r="10270" spans="1:12">
      <c r="A10270" s="6" t="s">
        <v>49</v>
      </c>
      <c r="B10270" s="6"/>
      <c r="C10270" s="6" t="s">
        <v>10294</v>
      </c>
      <c r="D10270" s="6"/>
      <c r="E10270" s="6" t="s">
        <v>9</v>
      </c>
      <c r="F10270" s="7">
        <v>38657</v>
      </c>
      <c r="G10270" s="8">
        <v>1</v>
      </c>
      <c r="H10270" s="8">
        <v>1</v>
      </c>
      <c r="I10270" s="8">
        <v>0</v>
      </c>
      <c r="J10270" s="8">
        <v>1</v>
      </c>
      <c r="K10270" s="9">
        <v>18</v>
      </c>
      <c r="L10270" s="6" t="s">
        <v>51</v>
      </c>
    </row>
    <row r="10271" spans="1:12">
      <c r="A10271" s="6" t="s">
        <v>49</v>
      </c>
      <c r="B10271" s="6"/>
      <c r="C10271" s="6" t="s">
        <v>10295</v>
      </c>
      <c r="D10271" s="6"/>
      <c r="E10271" s="6" t="s">
        <v>9</v>
      </c>
      <c r="F10271" s="7">
        <v>38657</v>
      </c>
      <c r="G10271" s="8">
        <v>1</v>
      </c>
      <c r="H10271" s="8">
        <v>1</v>
      </c>
      <c r="I10271" s="8">
        <v>0</v>
      </c>
      <c r="J10271" s="8">
        <v>1</v>
      </c>
      <c r="K10271" s="9">
        <v>125</v>
      </c>
      <c r="L10271" s="6" t="s">
        <v>51</v>
      </c>
    </row>
    <row r="10272" spans="1:12">
      <c r="A10272" s="6" t="s">
        <v>49</v>
      </c>
      <c r="B10272" s="6"/>
      <c r="C10272" s="6" t="s">
        <v>10296</v>
      </c>
      <c r="D10272" s="6"/>
      <c r="E10272" s="6" t="s">
        <v>9</v>
      </c>
      <c r="F10272" s="7">
        <v>38657</v>
      </c>
      <c r="G10272" s="8">
        <v>1</v>
      </c>
      <c r="H10272" s="8">
        <v>1</v>
      </c>
      <c r="I10272" s="8">
        <v>0</v>
      </c>
      <c r="J10272" s="8">
        <v>1</v>
      </c>
      <c r="K10272" s="9">
        <v>4.49</v>
      </c>
      <c r="L10272" s="6" t="s">
        <v>51</v>
      </c>
    </row>
    <row r="10273" spans="1:12">
      <c r="A10273" s="6" t="s">
        <v>49</v>
      </c>
      <c r="B10273" s="6"/>
      <c r="C10273" s="6" t="s">
        <v>10297</v>
      </c>
      <c r="D10273" s="6"/>
      <c r="E10273" s="6" t="s">
        <v>9</v>
      </c>
      <c r="F10273" s="7">
        <v>38657</v>
      </c>
      <c r="G10273" s="8">
        <v>1</v>
      </c>
      <c r="H10273" s="8">
        <v>1</v>
      </c>
      <c r="I10273" s="8">
        <v>0</v>
      </c>
      <c r="J10273" s="8">
        <v>1</v>
      </c>
      <c r="K10273" s="9">
        <v>3.63</v>
      </c>
      <c r="L10273" s="6" t="s">
        <v>51</v>
      </c>
    </row>
    <row r="10274" spans="1:12">
      <c r="A10274" s="6" t="s">
        <v>49</v>
      </c>
      <c r="B10274" s="6"/>
      <c r="C10274" s="6" t="s">
        <v>10298</v>
      </c>
      <c r="D10274" s="6"/>
      <c r="E10274" s="6" t="s">
        <v>9</v>
      </c>
      <c r="F10274" s="7">
        <v>38657</v>
      </c>
      <c r="G10274" s="8">
        <v>1</v>
      </c>
      <c r="H10274" s="8">
        <v>1</v>
      </c>
      <c r="I10274" s="8">
        <v>0</v>
      </c>
      <c r="J10274" s="8">
        <v>1</v>
      </c>
      <c r="K10274" s="9">
        <v>330</v>
      </c>
      <c r="L10274" s="6" t="s">
        <v>51</v>
      </c>
    </row>
    <row r="10275" spans="1:12">
      <c r="A10275" s="6" t="s">
        <v>49</v>
      </c>
      <c r="B10275" s="6"/>
      <c r="C10275" s="6" t="s">
        <v>10299</v>
      </c>
      <c r="D10275" s="6"/>
      <c r="E10275" s="6" t="s">
        <v>9</v>
      </c>
      <c r="F10275" s="7">
        <v>38657</v>
      </c>
      <c r="G10275" s="8">
        <v>1</v>
      </c>
      <c r="H10275" s="8">
        <v>1</v>
      </c>
      <c r="I10275" s="8">
        <v>0</v>
      </c>
      <c r="J10275" s="8">
        <v>1</v>
      </c>
      <c r="K10275" s="9">
        <v>111</v>
      </c>
      <c r="L10275" s="6" t="s">
        <v>51</v>
      </c>
    </row>
    <row r="10276" spans="1:12">
      <c r="A10276" s="6" t="s">
        <v>49</v>
      </c>
      <c r="B10276" s="6"/>
      <c r="C10276" s="6" t="s">
        <v>10300</v>
      </c>
      <c r="D10276" s="6"/>
      <c r="E10276" s="6" t="s">
        <v>9</v>
      </c>
      <c r="F10276" s="7">
        <v>38657</v>
      </c>
      <c r="G10276" s="8">
        <v>1</v>
      </c>
      <c r="H10276" s="8">
        <v>1</v>
      </c>
      <c r="I10276" s="8">
        <v>0</v>
      </c>
      <c r="J10276" s="8">
        <v>1</v>
      </c>
      <c r="K10276" s="9">
        <v>219</v>
      </c>
      <c r="L10276" s="6" t="s">
        <v>51</v>
      </c>
    </row>
    <row r="10277" spans="1:12">
      <c r="A10277" s="6" t="s">
        <v>49</v>
      </c>
      <c r="B10277" s="6"/>
      <c r="C10277" s="6" t="s">
        <v>10301</v>
      </c>
      <c r="D10277" s="6"/>
      <c r="E10277" s="6" t="s">
        <v>9</v>
      </c>
      <c r="F10277" s="7">
        <v>38657</v>
      </c>
      <c r="G10277" s="8">
        <v>1</v>
      </c>
      <c r="H10277" s="8">
        <v>1</v>
      </c>
      <c r="I10277" s="8">
        <v>0</v>
      </c>
      <c r="J10277" s="8">
        <v>1</v>
      </c>
      <c r="K10277" s="9">
        <v>158</v>
      </c>
      <c r="L10277" s="6" t="s">
        <v>51</v>
      </c>
    </row>
    <row r="10278" spans="1:12">
      <c r="A10278" s="6" t="s">
        <v>49</v>
      </c>
      <c r="B10278" s="6"/>
      <c r="C10278" s="6" t="s">
        <v>10302</v>
      </c>
      <c r="D10278" s="6"/>
      <c r="E10278" s="6" t="s">
        <v>9</v>
      </c>
      <c r="F10278" s="7">
        <v>38657</v>
      </c>
      <c r="G10278" s="8">
        <v>1</v>
      </c>
      <c r="H10278" s="8">
        <v>1</v>
      </c>
      <c r="I10278" s="8">
        <v>0</v>
      </c>
      <c r="J10278" s="8">
        <v>1</v>
      </c>
      <c r="K10278" s="9">
        <v>13</v>
      </c>
      <c r="L10278" s="6" t="s">
        <v>51</v>
      </c>
    </row>
    <row r="10279" spans="1:12">
      <c r="A10279" s="6" t="s">
        <v>49</v>
      </c>
      <c r="B10279" s="6"/>
      <c r="C10279" s="6" t="s">
        <v>10303</v>
      </c>
      <c r="D10279" s="6"/>
      <c r="E10279" s="6" t="s">
        <v>9</v>
      </c>
      <c r="F10279" s="7">
        <v>38657</v>
      </c>
      <c r="G10279" s="8">
        <v>1</v>
      </c>
      <c r="H10279" s="8">
        <v>1</v>
      </c>
      <c r="I10279" s="8">
        <v>0</v>
      </c>
      <c r="J10279" s="8">
        <v>1</v>
      </c>
      <c r="K10279" s="9">
        <v>49</v>
      </c>
      <c r="L10279" s="6" t="s">
        <v>51</v>
      </c>
    </row>
    <row r="10280" spans="1:12">
      <c r="A10280" s="6" t="s">
        <v>49</v>
      </c>
      <c r="B10280" s="6"/>
      <c r="C10280" s="6" t="s">
        <v>10304</v>
      </c>
      <c r="D10280" s="6"/>
      <c r="E10280" s="6" t="s">
        <v>9</v>
      </c>
      <c r="F10280" s="7">
        <v>38657</v>
      </c>
      <c r="G10280" s="8">
        <v>1</v>
      </c>
      <c r="H10280" s="8">
        <v>1</v>
      </c>
      <c r="I10280" s="8">
        <v>0</v>
      </c>
      <c r="J10280" s="8">
        <v>1</v>
      </c>
      <c r="K10280" s="9">
        <v>36</v>
      </c>
      <c r="L10280" s="6" t="s">
        <v>51</v>
      </c>
    </row>
    <row r="10281" spans="1:12">
      <c r="A10281" s="6" t="s">
        <v>49</v>
      </c>
      <c r="B10281" s="6"/>
      <c r="C10281" s="6" t="s">
        <v>10305</v>
      </c>
      <c r="D10281" s="6"/>
      <c r="E10281" s="6" t="s">
        <v>9</v>
      </c>
      <c r="F10281" s="7">
        <v>38657</v>
      </c>
      <c r="G10281" s="8">
        <v>1</v>
      </c>
      <c r="H10281" s="8">
        <v>1</v>
      </c>
      <c r="I10281" s="8">
        <v>0</v>
      </c>
      <c r="J10281" s="8">
        <v>1</v>
      </c>
      <c r="K10281" s="9">
        <v>2.97</v>
      </c>
      <c r="L10281" s="6" t="s">
        <v>51</v>
      </c>
    </row>
    <row r="10282" spans="1:12">
      <c r="A10282" s="6" t="s">
        <v>49</v>
      </c>
      <c r="B10282" s="6"/>
      <c r="C10282" s="6" t="s">
        <v>10306</v>
      </c>
      <c r="D10282" s="6"/>
      <c r="E10282" s="6" t="s">
        <v>9</v>
      </c>
      <c r="F10282" s="7"/>
      <c r="G10282" s="8">
        <v>1</v>
      </c>
      <c r="H10282" s="8">
        <v>1</v>
      </c>
      <c r="I10282" s="8">
        <v>0</v>
      </c>
      <c r="J10282" s="8">
        <v>1</v>
      </c>
      <c r="K10282" s="9">
        <v>247</v>
      </c>
      <c r="L10282" s="6" t="s">
        <v>51</v>
      </c>
    </row>
    <row r="10283" spans="1:12">
      <c r="A10283" s="6" t="s">
        <v>49</v>
      </c>
      <c r="B10283" s="6"/>
      <c r="C10283" s="6" t="s">
        <v>10307</v>
      </c>
      <c r="D10283" s="6"/>
      <c r="E10283" s="6" t="s">
        <v>9</v>
      </c>
      <c r="F10283" s="7"/>
      <c r="G10283" s="8">
        <v>1</v>
      </c>
      <c r="H10283" s="8">
        <v>1</v>
      </c>
      <c r="I10283" s="8">
        <v>0</v>
      </c>
      <c r="J10283" s="8">
        <v>1</v>
      </c>
      <c r="K10283" s="9">
        <v>25</v>
      </c>
      <c r="L10283" s="6" t="s">
        <v>51</v>
      </c>
    </row>
    <row r="10284" spans="1:12">
      <c r="A10284" s="6" t="s">
        <v>49</v>
      </c>
      <c r="B10284" s="6"/>
      <c r="C10284" s="6" t="s">
        <v>10308</v>
      </c>
      <c r="D10284" s="6"/>
      <c r="E10284" s="6" t="s">
        <v>9</v>
      </c>
      <c r="F10284" s="7"/>
      <c r="G10284" s="8">
        <v>1</v>
      </c>
      <c r="H10284" s="8">
        <v>1</v>
      </c>
      <c r="I10284" s="8">
        <v>0</v>
      </c>
      <c r="J10284" s="8">
        <v>1</v>
      </c>
      <c r="K10284" s="9">
        <v>44</v>
      </c>
      <c r="L10284" s="6" t="s">
        <v>51</v>
      </c>
    </row>
    <row r="10285" spans="1:12">
      <c r="A10285" s="6" t="s">
        <v>49</v>
      </c>
      <c r="B10285" s="6"/>
      <c r="C10285" s="6" t="s">
        <v>10309</v>
      </c>
      <c r="D10285" s="6"/>
      <c r="E10285" s="6" t="s">
        <v>9</v>
      </c>
      <c r="F10285" s="7"/>
      <c r="G10285" s="8">
        <v>107352</v>
      </c>
      <c r="H10285" s="8">
        <v>107352</v>
      </c>
      <c r="I10285" s="8">
        <v>0</v>
      </c>
      <c r="J10285" s="8">
        <v>107352</v>
      </c>
      <c r="K10285" s="9">
        <v>21</v>
      </c>
      <c r="L10285" s="6" t="s">
        <v>23</v>
      </c>
    </row>
    <row r="10286" spans="1:12">
      <c r="A10286" s="6" t="s">
        <v>49</v>
      </c>
      <c r="B10286" s="6"/>
      <c r="C10286" s="6" t="s">
        <v>10310</v>
      </c>
      <c r="D10286" s="6"/>
      <c r="E10286" s="6" t="s">
        <v>9</v>
      </c>
      <c r="F10286" s="7">
        <v>38657</v>
      </c>
      <c r="G10286" s="8">
        <v>1</v>
      </c>
      <c r="H10286" s="8">
        <v>1</v>
      </c>
      <c r="I10286" s="8">
        <v>0</v>
      </c>
      <c r="J10286" s="8">
        <v>1</v>
      </c>
      <c r="K10286" s="9">
        <v>218</v>
      </c>
      <c r="L10286" s="6" t="s">
        <v>51</v>
      </c>
    </row>
    <row r="10287" spans="1:12">
      <c r="A10287" s="6" t="s">
        <v>49</v>
      </c>
      <c r="B10287" s="6"/>
      <c r="C10287" s="6" t="s">
        <v>10311</v>
      </c>
      <c r="D10287" s="6"/>
      <c r="E10287" s="6" t="s">
        <v>9</v>
      </c>
      <c r="F10287" s="7"/>
      <c r="G10287" s="8">
        <v>1</v>
      </c>
      <c r="H10287" s="8">
        <v>1</v>
      </c>
      <c r="I10287" s="8">
        <v>0</v>
      </c>
      <c r="J10287" s="8">
        <v>1</v>
      </c>
      <c r="K10287" s="9">
        <v>16</v>
      </c>
      <c r="L10287" s="6" t="s">
        <v>51</v>
      </c>
    </row>
    <row r="10288" spans="1:12">
      <c r="A10288" s="6" t="s">
        <v>49</v>
      </c>
      <c r="B10288" s="6"/>
      <c r="C10288" s="6" t="s">
        <v>10312</v>
      </c>
      <c r="D10288" s="6"/>
      <c r="E10288" s="6" t="s">
        <v>9</v>
      </c>
      <c r="F10288" s="7">
        <v>38657</v>
      </c>
      <c r="G10288" s="8">
        <v>1</v>
      </c>
      <c r="H10288" s="8">
        <v>1</v>
      </c>
      <c r="I10288" s="8">
        <v>0</v>
      </c>
      <c r="J10288" s="8">
        <v>1</v>
      </c>
      <c r="K10288" s="9">
        <v>49</v>
      </c>
      <c r="L10288" s="6" t="s">
        <v>51</v>
      </c>
    </row>
    <row r="10289" spans="1:12">
      <c r="A10289" s="6" t="s">
        <v>49</v>
      </c>
      <c r="B10289" s="6"/>
      <c r="C10289" s="6" t="s">
        <v>10313</v>
      </c>
      <c r="D10289" s="6"/>
      <c r="E10289" s="6" t="s">
        <v>9</v>
      </c>
      <c r="F10289" s="7">
        <v>38657</v>
      </c>
      <c r="G10289" s="8">
        <v>1</v>
      </c>
      <c r="H10289" s="8">
        <v>1</v>
      </c>
      <c r="I10289" s="8">
        <v>0</v>
      </c>
      <c r="J10289" s="8">
        <v>1</v>
      </c>
      <c r="K10289" s="9">
        <v>132</v>
      </c>
      <c r="L10289" s="6" t="s">
        <v>51</v>
      </c>
    </row>
    <row r="10290" spans="1:12">
      <c r="A10290" s="6" t="s">
        <v>49</v>
      </c>
      <c r="B10290" s="6"/>
      <c r="C10290" s="6" t="s">
        <v>10314</v>
      </c>
      <c r="D10290" s="6"/>
      <c r="E10290" s="6" t="s">
        <v>9</v>
      </c>
      <c r="F10290" s="7">
        <v>38657</v>
      </c>
      <c r="G10290" s="8">
        <v>1</v>
      </c>
      <c r="H10290" s="8">
        <v>1</v>
      </c>
      <c r="I10290" s="8">
        <v>0</v>
      </c>
      <c r="J10290" s="8">
        <v>1</v>
      </c>
      <c r="K10290" s="9">
        <v>62</v>
      </c>
      <c r="L10290" s="6" t="s">
        <v>51</v>
      </c>
    </row>
    <row r="10291" spans="1:12">
      <c r="A10291" s="6" t="s">
        <v>49</v>
      </c>
      <c r="B10291" s="6"/>
      <c r="C10291" s="6" t="s">
        <v>10315</v>
      </c>
      <c r="D10291" s="6"/>
      <c r="E10291" s="6" t="s">
        <v>9</v>
      </c>
      <c r="F10291" s="7"/>
      <c r="G10291" s="8">
        <v>1</v>
      </c>
      <c r="H10291" s="8">
        <v>1</v>
      </c>
      <c r="I10291" s="8">
        <v>0</v>
      </c>
      <c r="J10291" s="8">
        <v>1</v>
      </c>
      <c r="K10291" s="9">
        <v>17</v>
      </c>
      <c r="L10291" s="6" t="s">
        <v>51</v>
      </c>
    </row>
    <row r="10292" spans="1:12">
      <c r="A10292" s="6" t="s">
        <v>49</v>
      </c>
      <c r="B10292" s="6"/>
      <c r="C10292" s="6" t="s">
        <v>10316</v>
      </c>
      <c r="D10292" s="6"/>
      <c r="E10292" s="6" t="s">
        <v>9</v>
      </c>
      <c r="F10292" s="7">
        <v>38657</v>
      </c>
      <c r="G10292" s="8">
        <v>1</v>
      </c>
      <c r="H10292" s="8">
        <v>1</v>
      </c>
      <c r="I10292" s="8">
        <v>0</v>
      </c>
      <c r="J10292" s="8">
        <v>1</v>
      </c>
      <c r="K10292" s="9">
        <v>568</v>
      </c>
      <c r="L10292" s="6" t="s">
        <v>51</v>
      </c>
    </row>
    <row r="10293" spans="1:12">
      <c r="A10293" s="6" t="s">
        <v>49</v>
      </c>
      <c r="B10293" s="6"/>
      <c r="C10293" s="6" t="s">
        <v>10317</v>
      </c>
      <c r="D10293" s="6"/>
      <c r="E10293" s="6" t="s">
        <v>9</v>
      </c>
      <c r="F10293" s="7"/>
      <c r="G10293" s="8">
        <v>1</v>
      </c>
      <c r="H10293" s="8">
        <v>1</v>
      </c>
      <c r="I10293" s="8">
        <v>0</v>
      </c>
      <c r="J10293" s="8">
        <v>1</v>
      </c>
      <c r="K10293" s="9">
        <v>78</v>
      </c>
      <c r="L10293" s="6" t="s">
        <v>51</v>
      </c>
    </row>
    <row r="10294" spans="1:12">
      <c r="A10294" s="6" t="s">
        <v>49</v>
      </c>
      <c r="B10294" s="6"/>
      <c r="C10294" s="6" t="s">
        <v>10318</v>
      </c>
      <c r="D10294" s="6"/>
      <c r="E10294" s="6" t="s">
        <v>9</v>
      </c>
      <c r="F10294" s="7"/>
      <c r="G10294" s="8">
        <v>1</v>
      </c>
      <c r="H10294" s="8">
        <v>1</v>
      </c>
      <c r="I10294" s="8">
        <v>0</v>
      </c>
      <c r="J10294" s="8">
        <v>1</v>
      </c>
      <c r="K10294" s="9">
        <v>259</v>
      </c>
      <c r="L10294" s="6" t="s">
        <v>51</v>
      </c>
    </row>
    <row r="10295" spans="1:12">
      <c r="A10295" s="6" t="s">
        <v>49</v>
      </c>
      <c r="B10295" s="6"/>
      <c r="C10295" s="6" t="s">
        <v>10319</v>
      </c>
      <c r="D10295" s="6"/>
      <c r="E10295" s="6" t="s">
        <v>9</v>
      </c>
      <c r="F10295" s="7">
        <v>38657</v>
      </c>
      <c r="G10295" s="8">
        <v>1</v>
      </c>
      <c r="H10295" s="8">
        <v>1</v>
      </c>
      <c r="I10295" s="8">
        <v>0</v>
      </c>
      <c r="J10295" s="8">
        <v>1</v>
      </c>
      <c r="K10295" s="9">
        <v>4.49</v>
      </c>
      <c r="L10295" s="6" t="s">
        <v>51</v>
      </c>
    </row>
    <row r="10296" spans="1:12">
      <c r="A10296" s="6" t="s">
        <v>49</v>
      </c>
      <c r="B10296" s="6"/>
      <c r="C10296" s="6" t="s">
        <v>10320</v>
      </c>
      <c r="D10296" s="6"/>
      <c r="E10296" s="6" t="s">
        <v>9</v>
      </c>
      <c r="F10296" s="7">
        <v>38657</v>
      </c>
      <c r="G10296" s="8">
        <v>1</v>
      </c>
      <c r="H10296" s="8">
        <v>1</v>
      </c>
      <c r="I10296" s="8">
        <v>0</v>
      </c>
      <c r="J10296" s="8">
        <v>1</v>
      </c>
      <c r="K10296" s="9">
        <v>42</v>
      </c>
      <c r="L10296" s="6" t="s">
        <v>51</v>
      </c>
    </row>
    <row r="10297" spans="1:12">
      <c r="A10297" s="6" t="s">
        <v>49</v>
      </c>
      <c r="B10297" s="6"/>
      <c r="C10297" s="6" t="s">
        <v>10321</v>
      </c>
      <c r="D10297" s="6"/>
      <c r="E10297" s="6" t="s">
        <v>9</v>
      </c>
      <c r="F10297" s="7">
        <v>38657</v>
      </c>
      <c r="G10297" s="8">
        <v>1</v>
      </c>
      <c r="H10297" s="8">
        <v>1</v>
      </c>
      <c r="I10297" s="8">
        <v>0</v>
      </c>
      <c r="J10297" s="8">
        <v>1</v>
      </c>
      <c r="K10297" s="9">
        <v>1280</v>
      </c>
      <c r="L10297" s="6" t="s">
        <v>51</v>
      </c>
    </row>
    <row r="10298" spans="1:12">
      <c r="A10298" s="6" t="s">
        <v>49</v>
      </c>
      <c r="B10298" s="6"/>
      <c r="C10298" s="6" t="s">
        <v>10322</v>
      </c>
      <c r="D10298" s="6"/>
      <c r="E10298" s="6" t="s">
        <v>9</v>
      </c>
      <c r="F10298" s="7">
        <v>38657</v>
      </c>
      <c r="G10298" s="8">
        <v>1</v>
      </c>
      <c r="H10298" s="8">
        <v>1</v>
      </c>
      <c r="I10298" s="8">
        <v>0</v>
      </c>
      <c r="J10298" s="8">
        <v>1</v>
      </c>
      <c r="K10298" s="9">
        <v>234</v>
      </c>
      <c r="L10298" s="6" t="s">
        <v>51</v>
      </c>
    </row>
    <row r="10299" spans="1:12">
      <c r="A10299" s="6" t="s">
        <v>49</v>
      </c>
      <c r="B10299" s="6"/>
      <c r="C10299" s="6" t="s">
        <v>10323</v>
      </c>
      <c r="D10299" s="6"/>
      <c r="E10299" s="6" t="s">
        <v>9</v>
      </c>
      <c r="F10299" s="7">
        <v>38657</v>
      </c>
      <c r="G10299" s="8">
        <v>1</v>
      </c>
      <c r="H10299" s="8">
        <v>1</v>
      </c>
      <c r="I10299" s="8">
        <v>0</v>
      </c>
      <c r="J10299" s="8">
        <v>1</v>
      </c>
      <c r="K10299" s="9">
        <v>145</v>
      </c>
      <c r="L10299" s="6" t="s">
        <v>51</v>
      </c>
    </row>
    <row r="10300" spans="1:12">
      <c r="A10300" s="6" t="s">
        <v>49</v>
      </c>
      <c r="B10300" s="6"/>
      <c r="C10300" s="6" t="s">
        <v>10324</v>
      </c>
      <c r="D10300" s="6"/>
      <c r="E10300" s="6" t="s">
        <v>9</v>
      </c>
      <c r="F10300" s="7">
        <v>38657</v>
      </c>
      <c r="G10300" s="8">
        <v>1</v>
      </c>
      <c r="H10300" s="8">
        <v>1</v>
      </c>
      <c r="I10300" s="8">
        <v>0</v>
      </c>
      <c r="J10300" s="8">
        <v>1</v>
      </c>
      <c r="K10300" s="9">
        <v>88</v>
      </c>
      <c r="L10300" s="6" t="s">
        <v>51</v>
      </c>
    </row>
    <row r="10301" spans="1:12">
      <c r="A10301" s="6" t="s">
        <v>49</v>
      </c>
      <c r="B10301" s="6"/>
      <c r="C10301" s="6" t="s">
        <v>10325</v>
      </c>
      <c r="D10301" s="6"/>
      <c r="E10301" s="6" t="s">
        <v>9</v>
      </c>
      <c r="F10301" s="7">
        <v>38657</v>
      </c>
      <c r="G10301" s="8">
        <v>1</v>
      </c>
      <c r="H10301" s="8">
        <v>1</v>
      </c>
      <c r="I10301" s="8">
        <v>0</v>
      </c>
      <c r="J10301" s="8">
        <v>1</v>
      </c>
      <c r="K10301" s="9">
        <v>95</v>
      </c>
      <c r="L10301" s="6" t="s">
        <v>51</v>
      </c>
    </row>
    <row r="10302" spans="1:12">
      <c r="A10302" s="6" t="s">
        <v>49</v>
      </c>
      <c r="B10302" s="6"/>
      <c r="C10302" s="6" t="s">
        <v>10326</v>
      </c>
      <c r="D10302" s="6"/>
      <c r="E10302" s="6" t="s">
        <v>9</v>
      </c>
      <c r="F10302" s="7">
        <v>38657</v>
      </c>
      <c r="G10302" s="8">
        <v>1</v>
      </c>
      <c r="H10302" s="8">
        <v>1</v>
      </c>
      <c r="I10302" s="8">
        <v>0</v>
      </c>
      <c r="J10302" s="8">
        <v>1</v>
      </c>
      <c r="K10302" s="9">
        <v>85</v>
      </c>
      <c r="L10302" s="6" t="s">
        <v>51</v>
      </c>
    </row>
    <row r="10303" spans="1:12">
      <c r="A10303" s="6" t="s">
        <v>49</v>
      </c>
      <c r="B10303" s="6"/>
      <c r="C10303" s="6" t="s">
        <v>10327</v>
      </c>
      <c r="D10303" s="6"/>
      <c r="E10303" s="6" t="s">
        <v>9</v>
      </c>
      <c r="F10303" s="7">
        <v>38657</v>
      </c>
      <c r="G10303" s="8">
        <v>1</v>
      </c>
      <c r="H10303" s="8">
        <v>1</v>
      </c>
      <c r="I10303" s="8">
        <v>0</v>
      </c>
      <c r="J10303" s="8">
        <v>1</v>
      </c>
      <c r="K10303" s="9">
        <v>53</v>
      </c>
      <c r="L10303" s="6" t="s">
        <v>51</v>
      </c>
    </row>
    <row r="10304" spans="1:12">
      <c r="A10304" s="6" t="s">
        <v>49</v>
      </c>
      <c r="B10304" s="6"/>
      <c r="C10304" s="6" t="s">
        <v>10328</v>
      </c>
      <c r="D10304" s="6"/>
      <c r="E10304" s="6" t="s">
        <v>9</v>
      </c>
      <c r="F10304" s="7">
        <v>38657</v>
      </c>
      <c r="G10304" s="8">
        <v>1</v>
      </c>
      <c r="H10304" s="8">
        <v>1</v>
      </c>
      <c r="I10304" s="8">
        <v>0</v>
      </c>
      <c r="J10304" s="8">
        <v>1</v>
      </c>
      <c r="K10304" s="9">
        <v>9.91</v>
      </c>
      <c r="L10304" s="6" t="s">
        <v>51</v>
      </c>
    </row>
    <row r="10305" spans="1:12">
      <c r="A10305" s="6" t="s">
        <v>49</v>
      </c>
      <c r="B10305" s="6"/>
      <c r="C10305" s="6" t="s">
        <v>10329</v>
      </c>
      <c r="D10305" s="6"/>
      <c r="E10305" s="6" t="s">
        <v>9</v>
      </c>
      <c r="F10305" s="7">
        <v>38657</v>
      </c>
      <c r="G10305" s="8">
        <v>1</v>
      </c>
      <c r="H10305" s="8">
        <v>1</v>
      </c>
      <c r="I10305" s="8">
        <v>0</v>
      </c>
      <c r="J10305" s="8">
        <v>1</v>
      </c>
      <c r="K10305" s="9">
        <v>3.71</v>
      </c>
      <c r="L10305" s="6" t="s">
        <v>51</v>
      </c>
    </row>
    <row r="10306" spans="1:12">
      <c r="A10306" s="6" t="s">
        <v>49</v>
      </c>
      <c r="B10306" s="6"/>
      <c r="C10306" s="6" t="s">
        <v>10330</v>
      </c>
      <c r="D10306" s="6"/>
      <c r="E10306" s="6" t="s">
        <v>9</v>
      </c>
      <c r="F10306" s="7">
        <v>38657</v>
      </c>
      <c r="G10306" s="8">
        <v>1</v>
      </c>
      <c r="H10306" s="8">
        <v>1</v>
      </c>
      <c r="I10306" s="8">
        <v>0</v>
      </c>
      <c r="J10306" s="8">
        <v>1</v>
      </c>
      <c r="K10306" s="9">
        <v>7.81</v>
      </c>
      <c r="L10306" s="6" t="s">
        <v>51</v>
      </c>
    </row>
    <row r="10307" spans="1:12">
      <c r="A10307" s="6" t="s">
        <v>49</v>
      </c>
      <c r="B10307" s="6"/>
      <c r="C10307" s="6" t="s">
        <v>10331</v>
      </c>
      <c r="D10307" s="6"/>
      <c r="E10307" s="6" t="s">
        <v>9</v>
      </c>
      <c r="F10307" s="7">
        <v>40121</v>
      </c>
      <c r="G10307" s="8">
        <v>1</v>
      </c>
      <c r="H10307" s="8">
        <v>1</v>
      </c>
      <c r="I10307" s="8">
        <v>0</v>
      </c>
      <c r="J10307" s="8">
        <v>1</v>
      </c>
      <c r="K10307" s="9">
        <v>5.3</v>
      </c>
      <c r="L10307" s="6" t="s">
        <v>51</v>
      </c>
    </row>
    <row r="10308" spans="1:12">
      <c r="A10308" s="6" t="s">
        <v>49</v>
      </c>
      <c r="B10308" s="6"/>
      <c r="C10308" s="6" t="s">
        <v>10332</v>
      </c>
      <c r="D10308" s="6"/>
      <c r="E10308" s="6" t="s">
        <v>9</v>
      </c>
      <c r="F10308" s="7">
        <v>38657</v>
      </c>
      <c r="G10308" s="8">
        <v>1</v>
      </c>
      <c r="H10308" s="8">
        <v>1</v>
      </c>
      <c r="I10308" s="8">
        <v>0</v>
      </c>
      <c r="J10308" s="8">
        <v>1</v>
      </c>
      <c r="K10308" s="9">
        <v>559</v>
      </c>
      <c r="L10308" s="6" t="s">
        <v>51</v>
      </c>
    </row>
    <row r="10309" spans="1:12">
      <c r="A10309" s="6" t="s">
        <v>49</v>
      </c>
      <c r="B10309" s="6"/>
      <c r="C10309" s="6" t="s">
        <v>10333</v>
      </c>
      <c r="D10309" s="6"/>
      <c r="E10309" s="6" t="s">
        <v>9</v>
      </c>
      <c r="F10309" s="7">
        <v>40121</v>
      </c>
      <c r="G10309" s="8">
        <v>1</v>
      </c>
      <c r="H10309" s="8">
        <v>1</v>
      </c>
      <c r="I10309" s="8">
        <v>0</v>
      </c>
      <c r="J10309" s="8">
        <v>1</v>
      </c>
      <c r="K10309" s="9">
        <v>21</v>
      </c>
      <c r="L10309" s="6" t="s">
        <v>4151</v>
      </c>
    </row>
    <row r="10310" spans="1:12">
      <c r="A10310" s="6" t="s">
        <v>49</v>
      </c>
      <c r="B10310" s="6"/>
      <c r="C10310" s="6" t="s">
        <v>10334</v>
      </c>
      <c r="D10310" s="6"/>
      <c r="E10310" s="6" t="s">
        <v>9</v>
      </c>
      <c r="F10310" s="7">
        <v>40094</v>
      </c>
      <c r="G10310" s="8">
        <v>1</v>
      </c>
      <c r="H10310" s="8">
        <v>1</v>
      </c>
      <c r="I10310" s="8">
        <v>0</v>
      </c>
      <c r="J10310" s="8">
        <v>1</v>
      </c>
      <c r="K10310" s="9">
        <v>8.9499999999999904</v>
      </c>
      <c r="L10310" s="6" t="s">
        <v>4151</v>
      </c>
    </row>
    <row r="10311" spans="1:12">
      <c r="A10311" s="6" t="s">
        <v>49</v>
      </c>
      <c r="B10311" s="6"/>
      <c r="C10311" s="6" t="s">
        <v>10335</v>
      </c>
      <c r="D10311" s="6"/>
      <c r="E10311" s="6" t="s">
        <v>9</v>
      </c>
      <c r="F10311" s="7">
        <v>38657</v>
      </c>
      <c r="G10311" s="8">
        <v>1</v>
      </c>
      <c r="H10311" s="8">
        <v>1</v>
      </c>
      <c r="I10311" s="8">
        <v>0</v>
      </c>
      <c r="J10311" s="8">
        <v>1</v>
      </c>
      <c r="K10311" s="9">
        <v>387</v>
      </c>
      <c r="L10311" s="6" t="s">
        <v>51</v>
      </c>
    </row>
    <row r="10312" spans="1:12">
      <c r="A10312" s="6" t="s">
        <v>49</v>
      </c>
      <c r="B10312" s="6"/>
      <c r="C10312" s="6" t="s">
        <v>10336</v>
      </c>
      <c r="D10312" s="6"/>
      <c r="E10312" s="6" t="s">
        <v>9</v>
      </c>
      <c r="F10312" s="7">
        <v>38657</v>
      </c>
      <c r="G10312" s="8">
        <v>1</v>
      </c>
      <c r="H10312" s="8">
        <v>1</v>
      </c>
      <c r="I10312" s="8">
        <v>0</v>
      </c>
      <c r="J10312" s="8">
        <v>1</v>
      </c>
      <c r="K10312" s="9">
        <v>19</v>
      </c>
      <c r="L10312" s="6" t="s">
        <v>51</v>
      </c>
    </row>
    <row r="10313" spans="1:12">
      <c r="A10313" s="6" t="s">
        <v>49</v>
      </c>
      <c r="B10313" s="6"/>
      <c r="C10313" s="6" t="s">
        <v>10337</v>
      </c>
      <c r="D10313" s="6"/>
      <c r="E10313" s="6" t="s">
        <v>9</v>
      </c>
      <c r="F10313" s="7">
        <v>38657</v>
      </c>
      <c r="G10313" s="8">
        <v>1</v>
      </c>
      <c r="H10313" s="8">
        <v>1</v>
      </c>
      <c r="I10313" s="8">
        <v>0</v>
      </c>
      <c r="J10313" s="8">
        <v>1</v>
      </c>
      <c r="K10313" s="9">
        <v>2</v>
      </c>
      <c r="L10313" s="6" t="s">
        <v>51</v>
      </c>
    </row>
    <row r="10314" spans="1:12">
      <c r="A10314" s="6" t="s">
        <v>49</v>
      </c>
      <c r="B10314" s="6"/>
      <c r="C10314" s="6" t="s">
        <v>10338</v>
      </c>
      <c r="D10314" s="6"/>
      <c r="E10314" s="6" t="s">
        <v>9</v>
      </c>
      <c r="F10314" s="7">
        <v>38657</v>
      </c>
      <c r="G10314" s="8">
        <v>1</v>
      </c>
      <c r="H10314" s="8">
        <v>1</v>
      </c>
      <c r="I10314" s="8">
        <v>0</v>
      </c>
      <c r="J10314" s="8">
        <v>1</v>
      </c>
      <c r="K10314" s="9">
        <v>1.95</v>
      </c>
      <c r="L10314" s="6" t="s">
        <v>51</v>
      </c>
    </row>
    <row r="10315" spans="1:12">
      <c r="A10315" s="6" t="s">
        <v>49</v>
      </c>
      <c r="B10315" s="6"/>
      <c r="C10315" s="6" t="s">
        <v>10339</v>
      </c>
      <c r="D10315" s="6"/>
      <c r="E10315" s="6" t="s">
        <v>9</v>
      </c>
      <c r="F10315" s="7">
        <v>38657</v>
      </c>
      <c r="G10315" s="8">
        <v>1</v>
      </c>
      <c r="H10315" s="8">
        <v>1</v>
      </c>
      <c r="I10315" s="8">
        <v>0</v>
      </c>
      <c r="J10315" s="8">
        <v>1</v>
      </c>
      <c r="K10315" s="9">
        <v>360</v>
      </c>
      <c r="L10315" s="6" t="s">
        <v>51</v>
      </c>
    </row>
    <row r="10316" spans="1:12">
      <c r="A10316" s="6" t="s">
        <v>49</v>
      </c>
      <c r="B10316" s="6"/>
      <c r="C10316" s="6" t="s">
        <v>10340</v>
      </c>
      <c r="D10316" s="6"/>
      <c r="E10316" s="6" t="s">
        <v>9</v>
      </c>
      <c r="F10316" s="7">
        <v>38657</v>
      </c>
      <c r="G10316" s="8">
        <v>1</v>
      </c>
      <c r="H10316" s="8">
        <v>1</v>
      </c>
      <c r="I10316" s="8">
        <v>0</v>
      </c>
      <c r="J10316" s="8">
        <v>1</v>
      </c>
      <c r="K10316" s="9">
        <v>21</v>
      </c>
      <c r="L10316" s="6" t="s">
        <v>51</v>
      </c>
    </row>
    <row r="10317" spans="1:12">
      <c r="A10317" s="6" t="s">
        <v>49</v>
      </c>
      <c r="B10317" s="6"/>
      <c r="C10317" s="6" t="s">
        <v>10341</v>
      </c>
      <c r="D10317" s="6"/>
      <c r="E10317" s="6" t="s">
        <v>9</v>
      </c>
      <c r="F10317" s="7">
        <v>38657</v>
      </c>
      <c r="G10317" s="8">
        <v>1</v>
      </c>
      <c r="H10317" s="8">
        <v>1</v>
      </c>
      <c r="I10317" s="8">
        <v>0</v>
      </c>
      <c r="J10317" s="8">
        <v>1</v>
      </c>
      <c r="K10317" s="9">
        <v>10</v>
      </c>
      <c r="L10317" s="6" t="s">
        <v>51</v>
      </c>
    </row>
    <row r="10318" spans="1:12">
      <c r="A10318" s="6" t="s">
        <v>49</v>
      </c>
      <c r="B10318" s="6"/>
      <c r="C10318" s="6" t="s">
        <v>10342</v>
      </c>
      <c r="D10318" s="6"/>
      <c r="E10318" s="6" t="s">
        <v>9</v>
      </c>
      <c r="F10318" s="7">
        <v>38657</v>
      </c>
      <c r="G10318" s="8">
        <v>1</v>
      </c>
      <c r="H10318" s="8">
        <v>1</v>
      </c>
      <c r="I10318" s="8">
        <v>0</v>
      </c>
      <c r="J10318" s="8">
        <v>1</v>
      </c>
      <c r="K10318" s="9">
        <v>4.05</v>
      </c>
      <c r="L10318" s="6" t="s">
        <v>51</v>
      </c>
    </row>
    <row r="10319" spans="1:12">
      <c r="A10319" s="6" t="s">
        <v>49</v>
      </c>
      <c r="B10319" s="6"/>
      <c r="C10319" s="6" t="s">
        <v>10343</v>
      </c>
      <c r="D10319" s="6"/>
      <c r="E10319" s="6" t="s">
        <v>9</v>
      </c>
      <c r="F10319" s="7">
        <v>38657</v>
      </c>
      <c r="G10319" s="8">
        <v>1</v>
      </c>
      <c r="H10319" s="8">
        <v>1</v>
      </c>
      <c r="I10319" s="8">
        <v>0</v>
      </c>
      <c r="J10319" s="8">
        <v>1</v>
      </c>
      <c r="K10319" s="9">
        <v>515</v>
      </c>
      <c r="L10319" s="6" t="s">
        <v>51</v>
      </c>
    </row>
    <row r="10320" spans="1:12">
      <c r="A10320" s="6" t="s">
        <v>49</v>
      </c>
      <c r="B10320" s="6"/>
      <c r="C10320" s="6" t="s">
        <v>10344</v>
      </c>
      <c r="D10320" s="6"/>
      <c r="E10320" s="6" t="s">
        <v>9</v>
      </c>
      <c r="F10320" s="7">
        <v>38657</v>
      </c>
      <c r="G10320" s="8">
        <v>1</v>
      </c>
      <c r="H10320" s="8">
        <v>1</v>
      </c>
      <c r="I10320" s="8">
        <v>0</v>
      </c>
      <c r="J10320" s="8">
        <v>1</v>
      </c>
      <c r="K10320" s="9">
        <v>4.96</v>
      </c>
      <c r="L10320" s="6" t="s">
        <v>51</v>
      </c>
    </row>
    <row r="10321" spans="1:12">
      <c r="A10321" s="6" t="s">
        <v>49</v>
      </c>
      <c r="B10321" s="6"/>
      <c r="C10321" s="6" t="s">
        <v>10345</v>
      </c>
      <c r="D10321" s="6"/>
      <c r="E10321" s="6" t="s">
        <v>9</v>
      </c>
      <c r="F10321" s="7">
        <v>38657</v>
      </c>
      <c r="G10321" s="8">
        <v>1</v>
      </c>
      <c r="H10321" s="8">
        <v>1</v>
      </c>
      <c r="I10321" s="8">
        <v>0</v>
      </c>
      <c r="J10321" s="8">
        <v>1</v>
      </c>
      <c r="K10321" s="9">
        <v>24</v>
      </c>
      <c r="L10321" s="6" t="s">
        <v>51</v>
      </c>
    </row>
    <row r="10322" spans="1:12">
      <c r="A10322" s="6" t="s">
        <v>49</v>
      </c>
      <c r="B10322" s="6"/>
      <c r="C10322" s="6" t="s">
        <v>10346</v>
      </c>
      <c r="D10322" s="6"/>
      <c r="E10322" s="6" t="s">
        <v>9</v>
      </c>
      <c r="F10322" s="7">
        <v>38657</v>
      </c>
      <c r="G10322" s="8">
        <v>1</v>
      </c>
      <c r="H10322" s="8">
        <v>1</v>
      </c>
      <c r="I10322" s="8">
        <v>0</v>
      </c>
      <c r="J10322" s="8">
        <v>1</v>
      </c>
      <c r="K10322" s="9">
        <v>32</v>
      </c>
      <c r="L10322" s="6" t="s">
        <v>51</v>
      </c>
    </row>
    <row r="10323" spans="1:12">
      <c r="A10323" s="6" t="s">
        <v>49</v>
      </c>
      <c r="B10323" s="6"/>
      <c r="C10323" s="6" t="s">
        <v>10347</v>
      </c>
      <c r="D10323" s="6"/>
      <c r="E10323" s="6" t="s">
        <v>9</v>
      </c>
      <c r="F10323" s="7">
        <v>38657</v>
      </c>
      <c r="G10323" s="8">
        <v>1</v>
      </c>
      <c r="H10323" s="8">
        <v>1</v>
      </c>
      <c r="I10323" s="8">
        <v>0</v>
      </c>
      <c r="J10323" s="8">
        <v>1</v>
      </c>
      <c r="K10323" s="9">
        <v>29</v>
      </c>
      <c r="L10323" s="6" t="s">
        <v>51</v>
      </c>
    </row>
    <row r="10324" spans="1:12">
      <c r="A10324" s="6" t="s">
        <v>49</v>
      </c>
      <c r="B10324" s="6"/>
      <c r="C10324" s="6" t="s">
        <v>10348</v>
      </c>
      <c r="D10324" s="6"/>
      <c r="E10324" s="6" t="s">
        <v>9</v>
      </c>
      <c r="F10324" s="7">
        <v>38657</v>
      </c>
      <c r="G10324" s="8">
        <v>1</v>
      </c>
      <c r="H10324" s="8">
        <v>1</v>
      </c>
      <c r="I10324" s="8">
        <v>0</v>
      </c>
      <c r="J10324" s="8">
        <v>1</v>
      </c>
      <c r="K10324" s="9">
        <v>1.96</v>
      </c>
      <c r="L10324" s="6" t="s">
        <v>51</v>
      </c>
    </row>
    <row r="10325" spans="1:12">
      <c r="A10325" s="6" t="s">
        <v>49</v>
      </c>
      <c r="B10325" s="6"/>
      <c r="C10325" s="6" t="s">
        <v>10349</v>
      </c>
      <c r="D10325" s="6"/>
      <c r="E10325" s="6" t="s">
        <v>9</v>
      </c>
      <c r="F10325" s="7">
        <v>38657</v>
      </c>
      <c r="G10325" s="8">
        <v>1</v>
      </c>
      <c r="H10325" s="8">
        <v>1</v>
      </c>
      <c r="I10325" s="8">
        <v>0</v>
      </c>
      <c r="J10325" s="8">
        <v>1</v>
      </c>
      <c r="K10325" s="9">
        <v>1.7</v>
      </c>
      <c r="L10325" s="6" t="s">
        <v>51</v>
      </c>
    </row>
    <row r="10326" spans="1:12">
      <c r="A10326" s="6" t="s">
        <v>49</v>
      </c>
      <c r="B10326" s="6"/>
      <c r="C10326" s="6" t="s">
        <v>10350</v>
      </c>
      <c r="D10326" s="6"/>
      <c r="E10326" s="6" t="s">
        <v>9</v>
      </c>
      <c r="F10326" s="7">
        <v>38657</v>
      </c>
      <c r="G10326" s="8">
        <v>1</v>
      </c>
      <c r="H10326" s="8">
        <v>1</v>
      </c>
      <c r="I10326" s="8">
        <v>0</v>
      </c>
      <c r="J10326" s="8">
        <v>1</v>
      </c>
      <c r="K10326" s="9">
        <v>36</v>
      </c>
      <c r="L10326" s="6" t="s">
        <v>51</v>
      </c>
    </row>
    <row r="10327" spans="1:12">
      <c r="A10327" s="6" t="s">
        <v>49</v>
      </c>
      <c r="B10327" s="6"/>
      <c r="C10327" s="6" t="s">
        <v>10351</v>
      </c>
      <c r="D10327" s="6"/>
      <c r="E10327" s="6" t="s">
        <v>9</v>
      </c>
      <c r="F10327" s="7">
        <v>38657</v>
      </c>
      <c r="G10327" s="8">
        <v>1</v>
      </c>
      <c r="H10327" s="8">
        <v>1</v>
      </c>
      <c r="I10327" s="8">
        <v>0</v>
      </c>
      <c r="J10327" s="8">
        <v>1</v>
      </c>
      <c r="K10327" s="9">
        <v>11</v>
      </c>
      <c r="L10327" s="6" t="s">
        <v>51</v>
      </c>
    </row>
    <row r="10328" spans="1:12">
      <c r="A10328" s="6" t="s">
        <v>49</v>
      </c>
      <c r="B10328" s="6"/>
      <c r="C10328" s="6" t="s">
        <v>10352</v>
      </c>
      <c r="D10328" s="6"/>
      <c r="E10328" s="6" t="s">
        <v>9</v>
      </c>
      <c r="F10328" s="7">
        <v>38657</v>
      </c>
      <c r="G10328" s="8">
        <v>1</v>
      </c>
      <c r="H10328" s="8">
        <v>1</v>
      </c>
      <c r="I10328" s="8">
        <v>0</v>
      </c>
      <c r="J10328" s="8">
        <v>1</v>
      </c>
      <c r="K10328" s="9">
        <v>26</v>
      </c>
      <c r="L10328" s="6" t="s">
        <v>51</v>
      </c>
    </row>
    <row r="10329" spans="1:12">
      <c r="A10329" s="6" t="s">
        <v>49</v>
      </c>
      <c r="B10329" s="6"/>
      <c r="C10329" s="6" t="s">
        <v>10353</v>
      </c>
      <c r="D10329" s="6"/>
      <c r="E10329" s="6" t="s">
        <v>9</v>
      </c>
      <c r="F10329" s="7">
        <v>38657</v>
      </c>
      <c r="G10329" s="8">
        <v>1</v>
      </c>
      <c r="H10329" s="8">
        <v>1</v>
      </c>
      <c r="I10329" s="8">
        <v>0</v>
      </c>
      <c r="J10329" s="8">
        <v>1</v>
      </c>
      <c r="K10329" s="9">
        <v>9.32</v>
      </c>
      <c r="L10329" s="6" t="s">
        <v>51</v>
      </c>
    </row>
    <row r="10330" spans="1:12">
      <c r="A10330" s="6" t="s">
        <v>49</v>
      </c>
      <c r="B10330" s="6"/>
      <c r="C10330" s="6" t="s">
        <v>10354</v>
      </c>
      <c r="D10330" s="6"/>
      <c r="E10330" s="6" t="s">
        <v>9</v>
      </c>
      <c r="F10330" s="7">
        <v>38657</v>
      </c>
      <c r="G10330" s="8">
        <v>1</v>
      </c>
      <c r="H10330" s="8">
        <v>1</v>
      </c>
      <c r="I10330" s="8">
        <v>0</v>
      </c>
      <c r="J10330" s="8">
        <v>1</v>
      </c>
      <c r="K10330" s="9">
        <v>6.33</v>
      </c>
      <c r="L10330" s="6" t="s">
        <v>51</v>
      </c>
    </row>
    <row r="10331" spans="1:12">
      <c r="A10331" s="6" t="s">
        <v>49</v>
      </c>
      <c r="B10331" s="6"/>
      <c r="C10331" s="6" t="s">
        <v>10355</v>
      </c>
      <c r="D10331" s="6"/>
      <c r="E10331" s="6" t="s">
        <v>9</v>
      </c>
      <c r="F10331" s="7">
        <v>38657</v>
      </c>
      <c r="G10331" s="8">
        <v>1</v>
      </c>
      <c r="H10331" s="8">
        <v>1</v>
      </c>
      <c r="I10331" s="8">
        <v>0</v>
      </c>
      <c r="J10331" s="8">
        <v>1</v>
      </c>
      <c r="K10331" s="9">
        <v>2.08</v>
      </c>
      <c r="L10331" s="6" t="s">
        <v>51</v>
      </c>
    </row>
    <row r="10332" spans="1:12">
      <c r="A10332" s="6" t="s">
        <v>49</v>
      </c>
      <c r="B10332" s="6"/>
      <c r="C10332" s="6" t="s">
        <v>10356</v>
      </c>
      <c r="D10332" s="6"/>
      <c r="E10332" s="6" t="s">
        <v>9</v>
      </c>
      <c r="F10332" s="7">
        <v>38657</v>
      </c>
      <c r="G10332" s="8">
        <v>1</v>
      </c>
      <c r="H10332" s="8">
        <v>1</v>
      </c>
      <c r="I10332" s="8">
        <v>0</v>
      </c>
      <c r="J10332" s="8">
        <v>1</v>
      </c>
      <c r="K10332" s="9">
        <v>25</v>
      </c>
      <c r="L10332" s="6" t="s">
        <v>51</v>
      </c>
    </row>
    <row r="10333" spans="1:12">
      <c r="A10333" s="6" t="s">
        <v>49</v>
      </c>
      <c r="B10333" s="6"/>
      <c r="C10333" s="6" t="s">
        <v>10357</v>
      </c>
      <c r="D10333" s="6"/>
      <c r="E10333" s="6" t="s">
        <v>9</v>
      </c>
      <c r="F10333" s="7">
        <v>38657</v>
      </c>
      <c r="G10333" s="8">
        <v>1</v>
      </c>
      <c r="H10333" s="8">
        <v>1</v>
      </c>
      <c r="I10333" s="8">
        <v>0</v>
      </c>
      <c r="J10333" s="8">
        <v>1</v>
      </c>
      <c r="K10333" s="9">
        <v>10</v>
      </c>
      <c r="L10333" s="6" t="s">
        <v>51</v>
      </c>
    </row>
    <row r="10334" spans="1:12">
      <c r="A10334" s="6" t="s">
        <v>49</v>
      </c>
      <c r="B10334" s="6"/>
      <c r="C10334" s="6" t="s">
        <v>10358</v>
      </c>
      <c r="D10334" s="6"/>
      <c r="E10334" s="6" t="s">
        <v>9</v>
      </c>
      <c r="F10334" s="7">
        <v>38657</v>
      </c>
      <c r="G10334" s="8">
        <v>1</v>
      </c>
      <c r="H10334" s="8">
        <v>1</v>
      </c>
      <c r="I10334" s="8">
        <v>0</v>
      </c>
      <c r="J10334" s="8">
        <v>1</v>
      </c>
      <c r="K10334" s="9">
        <v>2.54</v>
      </c>
      <c r="L10334" s="6" t="s">
        <v>51</v>
      </c>
    </row>
    <row r="10335" spans="1:12">
      <c r="A10335" s="6" t="s">
        <v>49</v>
      </c>
      <c r="B10335" s="6"/>
      <c r="C10335" s="6" t="s">
        <v>10359</v>
      </c>
      <c r="D10335" s="6"/>
      <c r="E10335" s="6" t="s">
        <v>9</v>
      </c>
      <c r="F10335" s="7">
        <v>38657</v>
      </c>
      <c r="G10335" s="8">
        <v>1</v>
      </c>
      <c r="H10335" s="8">
        <v>1</v>
      </c>
      <c r="I10335" s="8">
        <v>0</v>
      </c>
      <c r="J10335" s="8">
        <v>1</v>
      </c>
      <c r="K10335" s="9">
        <v>10</v>
      </c>
      <c r="L10335" s="6" t="s">
        <v>51</v>
      </c>
    </row>
    <row r="10336" spans="1:12">
      <c r="A10336" s="6" t="s">
        <v>49</v>
      </c>
      <c r="B10336" s="6"/>
      <c r="C10336" s="6" t="s">
        <v>10360</v>
      </c>
      <c r="D10336" s="6"/>
      <c r="E10336" s="6" t="s">
        <v>9</v>
      </c>
      <c r="F10336" s="7">
        <v>38657</v>
      </c>
      <c r="G10336" s="8">
        <v>1</v>
      </c>
      <c r="H10336" s="8">
        <v>1</v>
      </c>
      <c r="I10336" s="8">
        <v>0</v>
      </c>
      <c r="J10336" s="8">
        <v>1</v>
      </c>
      <c r="K10336" s="9">
        <v>0.68</v>
      </c>
      <c r="L10336" s="6" t="s">
        <v>51</v>
      </c>
    </row>
    <row r="10337" spans="1:12">
      <c r="A10337" s="6" t="s">
        <v>49</v>
      </c>
      <c r="B10337" s="6"/>
      <c r="C10337" s="6" t="s">
        <v>10361</v>
      </c>
      <c r="D10337" s="6"/>
      <c r="E10337" s="6" t="s">
        <v>9</v>
      </c>
      <c r="F10337" s="7">
        <v>38657</v>
      </c>
      <c r="G10337" s="8">
        <v>1</v>
      </c>
      <c r="H10337" s="8">
        <v>1</v>
      </c>
      <c r="I10337" s="8">
        <v>0</v>
      </c>
      <c r="J10337" s="8">
        <v>1</v>
      </c>
      <c r="K10337" s="9">
        <v>304</v>
      </c>
      <c r="L10337" s="6" t="s">
        <v>51</v>
      </c>
    </row>
    <row r="10338" spans="1:12">
      <c r="A10338" s="6" t="s">
        <v>49</v>
      </c>
      <c r="B10338" s="6"/>
      <c r="C10338" s="6" t="s">
        <v>10362</v>
      </c>
      <c r="D10338" s="6"/>
      <c r="E10338" s="6" t="s">
        <v>9</v>
      </c>
      <c r="F10338" s="7">
        <v>38657</v>
      </c>
      <c r="G10338" s="8">
        <v>1</v>
      </c>
      <c r="H10338" s="8">
        <v>1</v>
      </c>
      <c r="I10338" s="8">
        <v>0</v>
      </c>
      <c r="J10338" s="8">
        <v>1</v>
      </c>
      <c r="K10338" s="9">
        <v>32</v>
      </c>
      <c r="L10338" s="6" t="s">
        <v>51</v>
      </c>
    </row>
    <row r="10339" spans="1:12">
      <c r="A10339" s="6" t="s">
        <v>49</v>
      </c>
      <c r="B10339" s="6"/>
      <c r="C10339" s="6" t="s">
        <v>10363</v>
      </c>
      <c r="D10339" s="6"/>
      <c r="E10339" s="6" t="s">
        <v>9</v>
      </c>
      <c r="F10339" s="7">
        <v>38657</v>
      </c>
      <c r="G10339" s="8">
        <v>1</v>
      </c>
      <c r="H10339" s="8">
        <v>1</v>
      </c>
      <c r="I10339" s="8">
        <v>0</v>
      </c>
      <c r="J10339" s="8">
        <v>1</v>
      </c>
      <c r="K10339" s="9">
        <v>15</v>
      </c>
      <c r="L10339" s="6" t="s">
        <v>51</v>
      </c>
    </row>
    <row r="10340" spans="1:12">
      <c r="A10340" s="6" t="s">
        <v>49</v>
      </c>
      <c r="B10340" s="6"/>
      <c r="C10340" s="6" t="s">
        <v>10364</v>
      </c>
      <c r="D10340" s="6"/>
      <c r="E10340" s="6" t="s">
        <v>9</v>
      </c>
      <c r="F10340" s="7">
        <v>38657</v>
      </c>
      <c r="G10340" s="8">
        <v>1</v>
      </c>
      <c r="H10340" s="8">
        <v>1</v>
      </c>
      <c r="I10340" s="8">
        <v>0</v>
      </c>
      <c r="J10340" s="8">
        <v>1</v>
      </c>
      <c r="K10340" s="9">
        <v>1.69</v>
      </c>
      <c r="L10340" s="6" t="s">
        <v>51</v>
      </c>
    </row>
    <row r="10341" spans="1:12">
      <c r="A10341" s="6" t="s">
        <v>49</v>
      </c>
      <c r="B10341" s="6"/>
      <c r="C10341" s="6" t="s">
        <v>10365</v>
      </c>
      <c r="D10341" s="6"/>
      <c r="E10341" s="6" t="s">
        <v>9</v>
      </c>
      <c r="F10341" s="7">
        <v>38657</v>
      </c>
      <c r="G10341" s="8">
        <v>1</v>
      </c>
      <c r="H10341" s="8">
        <v>1</v>
      </c>
      <c r="I10341" s="8">
        <v>0</v>
      </c>
      <c r="J10341" s="8">
        <v>1</v>
      </c>
      <c r="K10341" s="9">
        <v>3.95</v>
      </c>
      <c r="L10341" s="6" t="s">
        <v>51</v>
      </c>
    </row>
    <row r="10342" spans="1:12">
      <c r="A10342" s="6" t="s">
        <v>49</v>
      </c>
      <c r="B10342" s="6"/>
      <c r="C10342" s="6" t="s">
        <v>10366</v>
      </c>
      <c r="D10342" s="6"/>
      <c r="E10342" s="6" t="s">
        <v>9</v>
      </c>
      <c r="F10342" s="7">
        <v>38657</v>
      </c>
      <c r="G10342" s="8">
        <v>1</v>
      </c>
      <c r="H10342" s="8">
        <v>1</v>
      </c>
      <c r="I10342" s="8">
        <v>0</v>
      </c>
      <c r="J10342" s="8">
        <v>1</v>
      </c>
      <c r="K10342" s="9">
        <v>38</v>
      </c>
      <c r="L10342" s="6" t="s">
        <v>51</v>
      </c>
    </row>
    <row r="10343" spans="1:12">
      <c r="A10343" s="6" t="s">
        <v>49</v>
      </c>
      <c r="B10343" s="6"/>
      <c r="C10343" s="6" t="s">
        <v>10367</v>
      </c>
      <c r="D10343" s="6"/>
      <c r="E10343" s="6" t="s">
        <v>9</v>
      </c>
      <c r="F10343" s="7">
        <v>38657</v>
      </c>
      <c r="G10343" s="8">
        <v>1</v>
      </c>
      <c r="H10343" s="8">
        <v>1</v>
      </c>
      <c r="I10343" s="8">
        <v>0</v>
      </c>
      <c r="J10343" s="8">
        <v>1</v>
      </c>
      <c r="K10343" s="9">
        <v>2.2000000000000002</v>
      </c>
      <c r="L10343" s="6" t="s">
        <v>51</v>
      </c>
    </row>
    <row r="10344" spans="1:12">
      <c r="A10344" s="6" t="s">
        <v>49</v>
      </c>
      <c r="B10344" s="6"/>
      <c r="C10344" s="6" t="s">
        <v>10368</v>
      </c>
      <c r="D10344" s="6"/>
      <c r="E10344" s="6" t="s">
        <v>9</v>
      </c>
      <c r="F10344" s="7">
        <v>38657</v>
      </c>
      <c r="G10344" s="8">
        <v>1</v>
      </c>
      <c r="H10344" s="8">
        <v>1</v>
      </c>
      <c r="I10344" s="8">
        <v>0</v>
      </c>
      <c r="J10344" s="8">
        <v>1</v>
      </c>
      <c r="K10344" s="9">
        <v>2.4300000000000002</v>
      </c>
      <c r="L10344" s="6" t="s">
        <v>51</v>
      </c>
    </row>
    <row r="10345" spans="1:12">
      <c r="A10345" s="6" t="s">
        <v>49</v>
      </c>
      <c r="B10345" s="6"/>
      <c r="C10345" s="6" t="s">
        <v>10369</v>
      </c>
      <c r="D10345" s="6"/>
      <c r="E10345" s="6" t="s">
        <v>9</v>
      </c>
      <c r="F10345" s="7">
        <v>38657</v>
      </c>
      <c r="G10345" s="8">
        <v>1</v>
      </c>
      <c r="H10345" s="8">
        <v>1</v>
      </c>
      <c r="I10345" s="8">
        <v>0</v>
      </c>
      <c r="J10345" s="8">
        <v>1</v>
      </c>
      <c r="K10345" s="9">
        <v>1.6</v>
      </c>
      <c r="L10345" s="6" t="s">
        <v>51</v>
      </c>
    </row>
    <row r="10346" spans="1:12">
      <c r="A10346" s="6" t="s">
        <v>49</v>
      </c>
      <c r="B10346" s="6"/>
      <c r="C10346" s="6" t="s">
        <v>10370</v>
      </c>
      <c r="D10346" s="6"/>
      <c r="E10346" s="6" t="s">
        <v>9</v>
      </c>
      <c r="F10346" s="7">
        <v>38657</v>
      </c>
      <c r="G10346" s="8">
        <v>1</v>
      </c>
      <c r="H10346" s="8">
        <v>1</v>
      </c>
      <c r="I10346" s="8">
        <v>0</v>
      </c>
      <c r="J10346" s="8">
        <v>1</v>
      </c>
      <c r="K10346" s="9">
        <v>69</v>
      </c>
      <c r="L10346" s="6" t="s">
        <v>51</v>
      </c>
    </row>
    <row r="10347" spans="1:12">
      <c r="A10347" s="6" t="s">
        <v>49</v>
      </c>
      <c r="B10347" s="6"/>
      <c r="C10347" s="6" t="s">
        <v>10371</v>
      </c>
      <c r="D10347" s="6"/>
      <c r="E10347" s="6" t="s">
        <v>9</v>
      </c>
      <c r="F10347" s="7">
        <v>38657</v>
      </c>
      <c r="G10347" s="8">
        <v>1</v>
      </c>
      <c r="H10347" s="8">
        <v>1</v>
      </c>
      <c r="I10347" s="8">
        <v>0</v>
      </c>
      <c r="J10347" s="8">
        <v>1</v>
      </c>
      <c r="K10347" s="9">
        <v>47</v>
      </c>
      <c r="L10347" s="6" t="s">
        <v>51</v>
      </c>
    </row>
    <row r="10348" spans="1:12">
      <c r="A10348" s="6" t="s">
        <v>49</v>
      </c>
      <c r="B10348" s="6"/>
      <c r="C10348" s="6" t="s">
        <v>10372</v>
      </c>
      <c r="D10348" s="6"/>
      <c r="E10348" s="6" t="s">
        <v>9</v>
      </c>
      <c r="F10348" s="7">
        <v>38657</v>
      </c>
      <c r="G10348" s="8">
        <v>1</v>
      </c>
      <c r="H10348" s="8">
        <v>1</v>
      </c>
      <c r="I10348" s="8">
        <v>0</v>
      </c>
      <c r="J10348" s="8">
        <v>1</v>
      </c>
      <c r="K10348" s="9">
        <v>50</v>
      </c>
      <c r="L10348" s="6" t="s">
        <v>51</v>
      </c>
    </row>
    <row r="10349" spans="1:12">
      <c r="A10349" s="6" t="s">
        <v>49</v>
      </c>
      <c r="B10349" s="6"/>
      <c r="C10349" s="6" t="s">
        <v>10373</v>
      </c>
      <c r="D10349" s="6"/>
      <c r="E10349" s="6" t="s">
        <v>9</v>
      </c>
      <c r="F10349" s="7">
        <v>38657</v>
      </c>
      <c r="G10349" s="8">
        <v>1</v>
      </c>
      <c r="H10349" s="8">
        <v>1</v>
      </c>
      <c r="I10349" s="8">
        <v>0</v>
      </c>
      <c r="J10349" s="8">
        <v>1</v>
      </c>
      <c r="K10349" s="9">
        <v>51</v>
      </c>
      <c r="L10349" s="6" t="s">
        <v>51</v>
      </c>
    </row>
    <row r="10350" spans="1:12">
      <c r="A10350" s="6" t="s">
        <v>49</v>
      </c>
      <c r="B10350" s="6"/>
      <c r="C10350" s="6" t="s">
        <v>10374</v>
      </c>
      <c r="D10350" s="6"/>
      <c r="E10350" s="6" t="s">
        <v>9</v>
      </c>
      <c r="F10350" s="7">
        <v>38657</v>
      </c>
      <c r="G10350" s="8">
        <v>1</v>
      </c>
      <c r="H10350" s="8">
        <v>1</v>
      </c>
      <c r="I10350" s="8">
        <v>0</v>
      </c>
      <c r="J10350" s="8">
        <v>1</v>
      </c>
      <c r="K10350" s="9">
        <v>59</v>
      </c>
      <c r="L10350" s="6" t="s">
        <v>51</v>
      </c>
    </row>
    <row r="10351" spans="1:12">
      <c r="A10351" s="6" t="s">
        <v>49</v>
      </c>
      <c r="B10351" s="6"/>
      <c r="C10351" s="6" t="s">
        <v>10375</v>
      </c>
      <c r="D10351" s="6"/>
      <c r="E10351" s="6" t="s">
        <v>9</v>
      </c>
      <c r="F10351" s="7">
        <v>38657</v>
      </c>
      <c r="G10351" s="8">
        <v>1</v>
      </c>
      <c r="H10351" s="8">
        <v>1</v>
      </c>
      <c r="I10351" s="8">
        <v>0</v>
      </c>
      <c r="J10351" s="8">
        <v>1</v>
      </c>
      <c r="K10351" s="9">
        <v>68</v>
      </c>
      <c r="L10351" s="6" t="s">
        <v>51</v>
      </c>
    </row>
    <row r="10352" spans="1:12">
      <c r="A10352" s="6" t="s">
        <v>49</v>
      </c>
      <c r="B10352" s="6"/>
      <c r="C10352" s="6" t="s">
        <v>10376</v>
      </c>
      <c r="D10352" s="6"/>
      <c r="E10352" s="6" t="s">
        <v>9</v>
      </c>
      <c r="F10352" s="7">
        <v>38657</v>
      </c>
      <c r="G10352" s="8">
        <v>1</v>
      </c>
      <c r="H10352" s="8">
        <v>1</v>
      </c>
      <c r="I10352" s="8">
        <v>0</v>
      </c>
      <c r="J10352" s="8">
        <v>1</v>
      </c>
      <c r="K10352" s="9">
        <v>113.07</v>
      </c>
      <c r="L10352" s="6" t="s">
        <v>51</v>
      </c>
    </row>
    <row r="10353" spans="1:12">
      <c r="A10353" s="6" t="s">
        <v>49</v>
      </c>
      <c r="B10353" s="6"/>
      <c r="C10353" s="6" t="s">
        <v>10377</v>
      </c>
      <c r="D10353" s="6"/>
      <c r="E10353" s="6" t="s">
        <v>9</v>
      </c>
      <c r="F10353" s="7">
        <v>38657</v>
      </c>
      <c r="G10353" s="8">
        <v>1</v>
      </c>
      <c r="H10353" s="8">
        <v>1</v>
      </c>
      <c r="I10353" s="8">
        <v>0</v>
      </c>
      <c r="J10353" s="8">
        <v>1</v>
      </c>
      <c r="K10353" s="9">
        <v>16</v>
      </c>
      <c r="L10353" s="6" t="s">
        <v>51</v>
      </c>
    </row>
    <row r="10354" spans="1:12">
      <c r="A10354" s="6" t="s">
        <v>49</v>
      </c>
      <c r="B10354" s="6"/>
      <c r="C10354" s="6" t="s">
        <v>10378</v>
      </c>
      <c r="D10354" s="6"/>
      <c r="E10354" s="6" t="s">
        <v>9</v>
      </c>
      <c r="F10354" s="7">
        <v>38657</v>
      </c>
      <c r="G10354" s="8">
        <v>1</v>
      </c>
      <c r="H10354" s="8">
        <v>1</v>
      </c>
      <c r="I10354" s="8">
        <v>0</v>
      </c>
      <c r="J10354" s="8">
        <v>1</v>
      </c>
      <c r="K10354" s="9">
        <v>50</v>
      </c>
      <c r="L10354" s="6" t="s">
        <v>51</v>
      </c>
    </row>
    <row r="10355" spans="1:12">
      <c r="A10355" s="6" t="s">
        <v>49</v>
      </c>
      <c r="B10355" s="6"/>
      <c r="C10355" s="6" t="s">
        <v>10379</v>
      </c>
      <c r="D10355" s="6"/>
      <c r="E10355" s="6" t="s">
        <v>9</v>
      </c>
      <c r="F10355" s="7">
        <v>38657</v>
      </c>
      <c r="G10355" s="8">
        <v>1</v>
      </c>
      <c r="H10355" s="8">
        <v>1</v>
      </c>
      <c r="I10355" s="8">
        <v>0</v>
      </c>
      <c r="J10355" s="8">
        <v>1</v>
      </c>
      <c r="K10355" s="9">
        <v>67</v>
      </c>
      <c r="L10355" s="6" t="s">
        <v>51</v>
      </c>
    </row>
    <row r="10356" spans="1:12">
      <c r="A10356" s="6" t="s">
        <v>49</v>
      </c>
      <c r="B10356" s="6"/>
      <c r="C10356" s="6" t="s">
        <v>10380</v>
      </c>
      <c r="D10356" s="6"/>
      <c r="E10356" s="6" t="s">
        <v>9</v>
      </c>
      <c r="F10356" s="7">
        <v>38657</v>
      </c>
      <c r="G10356" s="8">
        <v>1</v>
      </c>
      <c r="H10356" s="8">
        <v>1</v>
      </c>
      <c r="I10356" s="8">
        <v>0</v>
      </c>
      <c r="J10356" s="8">
        <v>1</v>
      </c>
      <c r="K10356" s="9">
        <v>42</v>
      </c>
      <c r="L10356" s="6" t="s">
        <v>51</v>
      </c>
    </row>
    <row r="10357" spans="1:12">
      <c r="A10357" s="6" t="s">
        <v>49</v>
      </c>
      <c r="B10357" s="6"/>
      <c r="C10357" s="6" t="s">
        <v>10381</v>
      </c>
      <c r="D10357" s="6"/>
      <c r="E10357" s="6" t="s">
        <v>9</v>
      </c>
      <c r="F10357" s="7">
        <v>38657</v>
      </c>
      <c r="G10357" s="8">
        <v>1</v>
      </c>
      <c r="H10357" s="8">
        <v>1</v>
      </c>
      <c r="I10357" s="8">
        <v>0</v>
      </c>
      <c r="J10357" s="8">
        <v>1</v>
      </c>
      <c r="K10357" s="9">
        <v>26</v>
      </c>
      <c r="L10357" s="6" t="s">
        <v>51</v>
      </c>
    </row>
    <row r="10358" spans="1:12">
      <c r="A10358" s="6" t="s">
        <v>49</v>
      </c>
      <c r="B10358" s="6"/>
      <c r="C10358" s="6" t="s">
        <v>10382</v>
      </c>
      <c r="D10358" s="6"/>
      <c r="E10358" s="6" t="s">
        <v>9</v>
      </c>
      <c r="F10358" s="7">
        <v>38657</v>
      </c>
      <c r="G10358" s="8">
        <v>1</v>
      </c>
      <c r="H10358" s="8">
        <v>1</v>
      </c>
      <c r="I10358" s="8">
        <v>0</v>
      </c>
      <c r="J10358" s="8">
        <v>1</v>
      </c>
      <c r="K10358" s="9">
        <v>69</v>
      </c>
      <c r="L10358" s="6" t="s">
        <v>51</v>
      </c>
    </row>
    <row r="10359" spans="1:12">
      <c r="A10359" s="6" t="s">
        <v>49</v>
      </c>
      <c r="B10359" s="6"/>
      <c r="C10359" s="6" t="s">
        <v>10383</v>
      </c>
      <c r="D10359" s="6"/>
      <c r="E10359" s="6" t="s">
        <v>9</v>
      </c>
      <c r="F10359" s="7">
        <v>38657</v>
      </c>
      <c r="G10359" s="8">
        <v>1</v>
      </c>
      <c r="H10359" s="8">
        <v>1</v>
      </c>
      <c r="I10359" s="8">
        <v>0</v>
      </c>
      <c r="J10359" s="8">
        <v>1</v>
      </c>
      <c r="K10359" s="9">
        <v>69</v>
      </c>
      <c r="L10359" s="6" t="s">
        <v>51</v>
      </c>
    </row>
    <row r="10360" spans="1:12">
      <c r="A10360" s="6" t="s">
        <v>49</v>
      </c>
      <c r="B10360" s="6"/>
      <c r="C10360" s="6" t="s">
        <v>10384</v>
      </c>
      <c r="D10360" s="6"/>
      <c r="E10360" s="6" t="s">
        <v>9</v>
      </c>
      <c r="F10360" s="7">
        <v>38657</v>
      </c>
      <c r="G10360" s="8">
        <v>1</v>
      </c>
      <c r="H10360" s="8">
        <v>1</v>
      </c>
      <c r="I10360" s="8">
        <v>0</v>
      </c>
      <c r="J10360" s="8">
        <v>1</v>
      </c>
      <c r="K10360" s="9">
        <v>69</v>
      </c>
      <c r="L10360" s="6" t="s">
        <v>51</v>
      </c>
    </row>
    <row r="10361" spans="1:12">
      <c r="A10361" s="6" t="s">
        <v>49</v>
      </c>
      <c r="B10361" s="6"/>
      <c r="C10361" s="6" t="s">
        <v>10385</v>
      </c>
      <c r="D10361" s="6"/>
      <c r="E10361" s="6" t="s">
        <v>9</v>
      </c>
      <c r="F10361" s="7">
        <v>38657</v>
      </c>
      <c r="G10361" s="8">
        <v>1</v>
      </c>
      <c r="H10361" s="8">
        <v>1</v>
      </c>
      <c r="I10361" s="8">
        <v>0</v>
      </c>
      <c r="J10361" s="8">
        <v>1</v>
      </c>
      <c r="K10361" s="9">
        <v>69</v>
      </c>
      <c r="L10361" s="6" t="s">
        <v>51</v>
      </c>
    </row>
    <row r="10362" spans="1:12">
      <c r="A10362" s="6" t="s">
        <v>49</v>
      </c>
      <c r="B10362" s="6"/>
      <c r="C10362" s="6" t="s">
        <v>10386</v>
      </c>
      <c r="D10362" s="6"/>
      <c r="E10362" s="6" t="s">
        <v>9</v>
      </c>
      <c r="F10362" s="7">
        <v>38657</v>
      </c>
      <c r="G10362" s="8">
        <v>1</v>
      </c>
      <c r="H10362" s="8">
        <v>1</v>
      </c>
      <c r="I10362" s="8">
        <v>0</v>
      </c>
      <c r="J10362" s="8">
        <v>1</v>
      </c>
      <c r="K10362" s="9">
        <v>69</v>
      </c>
      <c r="L10362" s="6" t="s">
        <v>51</v>
      </c>
    </row>
    <row r="10363" spans="1:12">
      <c r="A10363" s="6" t="s">
        <v>49</v>
      </c>
      <c r="B10363" s="6"/>
      <c r="C10363" s="6" t="s">
        <v>10387</v>
      </c>
      <c r="D10363" s="6"/>
      <c r="E10363" s="6" t="s">
        <v>9</v>
      </c>
      <c r="F10363" s="7">
        <v>38657</v>
      </c>
      <c r="G10363" s="8">
        <v>1</v>
      </c>
      <c r="H10363" s="8">
        <v>1</v>
      </c>
      <c r="I10363" s="8">
        <v>0</v>
      </c>
      <c r="J10363" s="8">
        <v>1</v>
      </c>
      <c r="K10363" s="9">
        <v>90.36</v>
      </c>
      <c r="L10363" s="6" t="s">
        <v>51</v>
      </c>
    </row>
    <row r="10364" spans="1:12">
      <c r="A10364" s="6" t="s">
        <v>49</v>
      </c>
      <c r="B10364" s="6"/>
      <c r="C10364" s="6" t="s">
        <v>10388</v>
      </c>
      <c r="D10364" s="6"/>
      <c r="E10364" s="6" t="s">
        <v>9</v>
      </c>
      <c r="F10364" s="7">
        <v>38657</v>
      </c>
      <c r="G10364" s="8">
        <v>1</v>
      </c>
      <c r="H10364" s="8">
        <v>1</v>
      </c>
      <c r="I10364" s="8">
        <v>0</v>
      </c>
      <c r="J10364" s="8">
        <v>1</v>
      </c>
      <c r="K10364" s="9">
        <v>68</v>
      </c>
      <c r="L10364" s="6" t="s">
        <v>51</v>
      </c>
    </row>
    <row r="10365" spans="1:12">
      <c r="A10365" s="6" t="s">
        <v>49</v>
      </c>
      <c r="B10365" s="6"/>
      <c r="C10365" s="6" t="s">
        <v>10389</v>
      </c>
      <c r="D10365" s="6"/>
      <c r="E10365" s="6" t="s">
        <v>9</v>
      </c>
      <c r="F10365" s="7">
        <v>38657</v>
      </c>
      <c r="G10365" s="8">
        <v>1</v>
      </c>
      <c r="H10365" s="8">
        <v>1</v>
      </c>
      <c r="I10365" s="8">
        <v>0</v>
      </c>
      <c r="J10365" s="8">
        <v>1</v>
      </c>
      <c r="K10365" s="9">
        <v>30</v>
      </c>
      <c r="L10365" s="6" t="s">
        <v>51</v>
      </c>
    </row>
    <row r="10366" spans="1:12">
      <c r="A10366" s="6" t="s">
        <v>49</v>
      </c>
      <c r="B10366" s="6"/>
      <c r="C10366" s="6" t="s">
        <v>10390</v>
      </c>
      <c r="D10366" s="6"/>
      <c r="E10366" s="6" t="s">
        <v>9</v>
      </c>
      <c r="F10366" s="7">
        <v>38657</v>
      </c>
      <c r="G10366" s="8">
        <v>1</v>
      </c>
      <c r="H10366" s="8">
        <v>1</v>
      </c>
      <c r="I10366" s="8">
        <v>0</v>
      </c>
      <c r="J10366" s="8">
        <v>1</v>
      </c>
      <c r="K10366" s="9">
        <v>124</v>
      </c>
      <c r="L10366" s="6" t="s">
        <v>51</v>
      </c>
    </row>
    <row r="10367" spans="1:12">
      <c r="A10367" s="6" t="s">
        <v>49</v>
      </c>
      <c r="B10367" s="6"/>
      <c r="C10367" s="6" t="s">
        <v>10391</v>
      </c>
      <c r="D10367" s="6"/>
      <c r="E10367" s="6" t="s">
        <v>9</v>
      </c>
      <c r="F10367" s="7">
        <v>38657</v>
      </c>
      <c r="G10367" s="8">
        <v>1</v>
      </c>
      <c r="H10367" s="8">
        <v>1</v>
      </c>
      <c r="I10367" s="8">
        <v>0</v>
      </c>
      <c r="J10367" s="8">
        <v>1</v>
      </c>
      <c r="K10367" s="9">
        <v>127</v>
      </c>
      <c r="L10367" s="6" t="s">
        <v>51</v>
      </c>
    </row>
    <row r="10368" spans="1:12">
      <c r="A10368" s="6" t="s">
        <v>49</v>
      </c>
      <c r="B10368" s="6"/>
      <c r="C10368" s="6" t="s">
        <v>10392</v>
      </c>
      <c r="D10368" s="6"/>
      <c r="E10368" s="6" t="s">
        <v>9</v>
      </c>
      <c r="F10368" s="7">
        <v>38657</v>
      </c>
      <c r="G10368" s="8">
        <v>1</v>
      </c>
      <c r="H10368" s="8">
        <v>1</v>
      </c>
      <c r="I10368" s="8">
        <v>0</v>
      </c>
      <c r="J10368" s="8">
        <v>1</v>
      </c>
      <c r="K10368" s="9">
        <v>234</v>
      </c>
      <c r="L10368" s="6" t="s">
        <v>51</v>
      </c>
    </row>
    <row r="10369" spans="1:12">
      <c r="A10369" s="6" t="s">
        <v>49</v>
      </c>
      <c r="B10369" s="6"/>
      <c r="C10369" s="6" t="s">
        <v>10393</v>
      </c>
      <c r="D10369" s="6"/>
      <c r="E10369" s="6" t="s">
        <v>9</v>
      </c>
      <c r="F10369" s="7">
        <v>38657</v>
      </c>
      <c r="G10369" s="8">
        <v>1</v>
      </c>
      <c r="H10369" s="8">
        <v>1</v>
      </c>
      <c r="I10369" s="8">
        <v>0</v>
      </c>
      <c r="J10369" s="8">
        <v>1</v>
      </c>
      <c r="K10369" s="9">
        <v>69</v>
      </c>
      <c r="L10369" s="6" t="s">
        <v>51</v>
      </c>
    </row>
    <row r="10370" spans="1:12">
      <c r="A10370" s="6" t="s">
        <v>49</v>
      </c>
      <c r="B10370" s="6"/>
      <c r="C10370" s="6" t="s">
        <v>10394</v>
      </c>
      <c r="D10370" s="6"/>
      <c r="E10370" s="6" t="s">
        <v>9</v>
      </c>
      <c r="F10370" s="7">
        <v>38657</v>
      </c>
      <c r="G10370" s="8">
        <v>1</v>
      </c>
      <c r="H10370" s="8">
        <v>1</v>
      </c>
      <c r="I10370" s="8">
        <v>0</v>
      </c>
      <c r="J10370" s="8">
        <v>1</v>
      </c>
      <c r="K10370" s="9">
        <v>14</v>
      </c>
      <c r="L10370" s="6" t="s">
        <v>51</v>
      </c>
    </row>
    <row r="10371" spans="1:12">
      <c r="A10371" s="6" t="s">
        <v>49</v>
      </c>
      <c r="B10371" s="6"/>
      <c r="C10371" s="6" t="s">
        <v>10395</v>
      </c>
      <c r="D10371" s="6"/>
      <c r="E10371" s="6" t="s">
        <v>9</v>
      </c>
      <c r="F10371" s="7">
        <v>38657</v>
      </c>
      <c r="G10371" s="8">
        <v>1</v>
      </c>
      <c r="H10371" s="8">
        <v>1</v>
      </c>
      <c r="I10371" s="8">
        <v>0</v>
      </c>
      <c r="J10371" s="8">
        <v>1</v>
      </c>
      <c r="K10371" s="9">
        <v>285</v>
      </c>
      <c r="L10371" s="6" t="s">
        <v>51</v>
      </c>
    </row>
    <row r="10372" spans="1:12">
      <c r="A10372" s="6" t="s">
        <v>49</v>
      </c>
      <c r="B10372" s="6"/>
      <c r="C10372" s="6" t="s">
        <v>10396</v>
      </c>
      <c r="D10372" s="6"/>
      <c r="E10372" s="6" t="s">
        <v>9</v>
      </c>
      <c r="F10372" s="7">
        <v>38657</v>
      </c>
      <c r="G10372" s="8">
        <v>1</v>
      </c>
      <c r="H10372" s="8">
        <v>1</v>
      </c>
      <c r="I10372" s="8">
        <v>0</v>
      </c>
      <c r="J10372" s="8">
        <v>1</v>
      </c>
      <c r="K10372" s="9">
        <v>84</v>
      </c>
      <c r="L10372" s="6" t="s">
        <v>51</v>
      </c>
    </row>
    <row r="10373" spans="1:12">
      <c r="A10373" s="6" t="s">
        <v>49</v>
      </c>
      <c r="B10373" s="6"/>
      <c r="C10373" s="6" t="s">
        <v>10397</v>
      </c>
      <c r="D10373" s="6"/>
      <c r="E10373" s="6" t="s">
        <v>9</v>
      </c>
      <c r="F10373" s="7">
        <v>38657</v>
      </c>
      <c r="G10373" s="8">
        <v>1</v>
      </c>
      <c r="H10373" s="8">
        <v>1</v>
      </c>
      <c r="I10373" s="8">
        <v>0</v>
      </c>
      <c r="J10373" s="8">
        <v>1</v>
      </c>
      <c r="K10373" s="9">
        <v>114</v>
      </c>
      <c r="L10373" s="6" t="s">
        <v>51</v>
      </c>
    </row>
    <row r="10374" spans="1:12">
      <c r="A10374" s="6" t="s">
        <v>49</v>
      </c>
      <c r="B10374" s="6"/>
      <c r="C10374" s="6" t="s">
        <v>10398</v>
      </c>
      <c r="D10374" s="6"/>
      <c r="E10374" s="6" t="s">
        <v>9</v>
      </c>
      <c r="F10374" s="7">
        <v>38657</v>
      </c>
      <c r="G10374" s="8">
        <v>1</v>
      </c>
      <c r="H10374" s="8">
        <v>1</v>
      </c>
      <c r="I10374" s="8">
        <v>0</v>
      </c>
      <c r="J10374" s="8">
        <v>1</v>
      </c>
      <c r="K10374" s="9">
        <v>39</v>
      </c>
      <c r="L10374" s="6" t="s">
        <v>51</v>
      </c>
    </row>
    <row r="10375" spans="1:12">
      <c r="A10375" s="6" t="s">
        <v>49</v>
      </c>
      <c r="B10375" s="6"/>
      <c r="C10375" s="6" t="s">
        <v>10399</v>
      </c>
      <c r="D10375" s="6"/>
      <c r="E10375" s="6" t="s">
        <v>9</v>
      </c>
      <c r="F10375" s="7">
        <v>38657</v>
      </c>
      <c r="G10375" s="8">
        <v>1</v>
      </c>
      <c r="H10375" s="8">
        <v>1</v>
      </c>
      <c r="I10375" s="8">
        <v>0</v>
      </c>
      <c r="J10375" s="8">
        <v>1</v>
      </c>
      <c r="K10375" s="9">
        <v>6.14</v>
      </c>
      <c r="L10375" s="6" t="s">
        <v>51</v>
      </c>
    </row>
    <row r="10376" spans="1:12">
      <c r="A10376" s="6" t="s">
        <v>49</v>
      </c>
      <c r="B10376" s="6"/>
      <c r="C10376" s="6" t="s">
        <v>10400</v>
      </c>
      <c r="D10376" s="6"/>
      <c r="E10376" s="6" t="s">
        <v>9</v>
      </c>
      <c r="F10376" s="7">
        <v>38657</v>
      </c>
      <c r="G10376" s="8">
        <v>1</v>
      </c>
      <c r="H10376" s="8">
        <v>1</v>
      </c>
      <c r="I10376" s="8">
        <v>0</v>
      </c>
      <c r="J10376" s="8">
        <v>1</v>
      </c>
      <c r="K10376" s="9">
        <v>72</v>
      </c>
      <c r="L10376" s="6" t="s">
        <v>51</v>
      </c>
    </row>
    <row r="10377" spans="1:12">
      <c r="A10377" s="6" t="s">
        <v>49</v>
      </c>
      <c r="B10377" s="6"/>
      <c r="C10377" s="6" t="s">
        <v>10401</v>
      </c>
      <c r="D10377" s="6"/>
      <c r="E10377" s="6" t="s">
        <v>9</v>
      </c>
      <c r="F10377" s="7">
        <v>38657</v>
      </c>
      <c r="G10377" s="8">
        <v>1</v>
      </c>
      <c r="H10377" s="8">
        <v>1</v>
      </c>
      <c r="I10377" s="8">
        <v>0</v>
      </c>
      <c r="J10377" s="8">
        <v>1</v>
      </c>
      <c r="K10377" s="9">
        <v>35</v>
      </c>
      <c r="L10377" s="6" t="s">
        <v>51</v>
      </c>
    </row>
    <row r="10378" spans="1:12">
      <c r="A10378" s="6" t="s">
        <v>49</v>
      </c>
      <c r="B10378" s="6"/>
      <c r="C10378" s="6" t="s">
        <v>10402</v>
      </c>
      <c r="D10378" s="6"/>
      <c r="E10378" s="6" t="s">
        <v>9</v>
      </c>
      <c r="F10378" s="7">
        <v>38657</v>
      </c>
      <c r="G10378" s="8">
        <v>1</v>
      </c>
      <c r="H10378" s="8">
        <v>1</v>
      </c>
      <c r="I10378" s="8">
        <v>0</v>
      </c>
      <c r="J10378" s="8">
        <v>1</v>
      </c>
      <c r="K10378" s="9">
        <v>64</v>
      </c>
      <c r="L10378" s="6" t="s">
        <v>51</v>
      </c>
    </row>
    <row r="10379" spans="1:12">
      <c r="A10379" s="6" t="s">
        <v>49</v>
      </c>
      <c r="B10379" s="6"/>
      <c r="C10379" s="6" t="s">
        <v>10403</v>
      </c>
      <c r="D10379" s="6"/>
      <c r="E10379" s="6" t="s">
        <v>9</v>
      </c>
      <c r="F10379" s="7">
        <v>38657</v>
      </c>
      <c r="G10379" s="8">
        <v>1</v>
      </c>
      <c r="H10379" s="8">
        <v>1</v>
      </c>
      <c r="I10379" s="8">
        <v>0</v>
      </c>
      <c r="J10379" s="8">
        <v>1</v>
      </c>
      <c r="K10379" s="9">
        <v>29</v>
      </c>
      <c r="L10379" s="6" t="s">
        <v>51</v>
      </c>
    </row>
    <row r="10380" spans="1:12">
      <c r="A10380" s="6" t="s">
        <v>49</v>
      </c>
      <c r="B10380" s="6"/>
      <c r="C10380" s="6" t="s">
        <v>10404</v>
      </c>
      <c r="D10380" s="6"/>
      <c r="E10380" s="6" t="s">
        <v>9</v>
      </c>
      <c r="F10380" s="7">
        <v>38657</v>
      </c>
      <c r="G10380" s="8">
        <v>1</v>
      </c>
      <c r="H10380" s="8">
        <v>1</v>
      </c>
      <c r="I10380" s="8">
        <v>0</v>
      </c>
      <c r="J10380" s="8">
        <v>1</v>
      </c>
      <c r="K10380" s="9">
        <v>70</v>
      </c>
      <c r="L10380" s="6" t="s">
        <v>51</v>
      </c>
    </row>
    <row r="10381" spans="1:12">
      <c r="A10381" s="6" t="s">
        <v>49</v>
      </c>
      <c r="B10381" s="6"/>
      <c r="C10381" s="6" t="s">
        <v>10405</v>
      </c>
      <c r="D10381" s="6"/>
      <c r="E10381" s="6" t="s">
        <v>9</v>
      </c>
      <c r="F10381" s="7">
        <v>38657</v>
      </c>
      <c r="G10381" s="8">
        <v>1</v>
      </c>
      <c r="H10381" s="8">
        <v>1</v>
      </c>
      <c r="I10381" s="8">
        <v>0</v>
      </c>
      <c r="J10381" s="8">
        <v>1</v>
      </c>
      <c r="K10381" s="9">
        <v>54</v>
      </c>
      <c r="L10381" s="6" t="s">
        <v>51</v>
      </c>
    </row>
    <row r="10382" spans="1:12">
      <c r="A10382" s="6" t="s">
        <v>49</v>
      </c>
      <c r="B10382" s="6"/>
      <c r="C10382" s="6" t="s">
        <v>10406</v>
      </c>
      <c r="D10382" s="6"/>
      <c r="E10382" s="6" t="s">
        <v>9</v>
      </c>
      <c r="F10382" s="7">
        <v>38657</v>
      </c>
      <c r="G10382" s="8">
        <v>1</v>
      </c>
      <c r="H10382" s="8">
        <v>1</v>
      </c>
      <c r="I10382" s="8">
        <v>0</v>
      </c>
      <c r="J10382" s="8">
        <v>1</v>
      </c>
      <c r="K10382" s="9">
        <v>70</v>
      </c>
      <c r="L10382" s="6" t="s">
        <v>51</v>
      </c>
    </row>
    <row r="10383" spans="1:12">
      <c r="A10383" s="6" t="s">
        <v>49</v>
      </c>
      <c r="B10383" s="6"/>
      <c r="C10383" s="6" t="s">
        <v>10407</v>
      </c>
      <c r="D10383" s="6"/>
      <c r="E10383" s="6" t="s">
        <v>9</v>
      </c>
      <c r="F10383" s="7">
        <v>38657</v>
      </c>
      <c r="G10383" s="8">
        <v>1</v>
      </c>
      <c r="H10383" s="8">
        <v>1</v>
      </c>
      <c r="I10383" s="8">
        <v>0</v>
      </c>
      <c r="J10383" s="8">
        <v>1</v>
      </c>
      <c r="K10383" s="9">
        <v>68</v>
      </c>
      <c r="L10383" s="6" t="s">
        <v>51</v>
      </c>
    </row>
    <row r="10384" spans="1:12">
      <c r="A10384" s="6" t="s">
        <v>49</v>
      </c>
      <c r="B10384" s="6"/>
      <c r="C10384" s="6" t="s">
        <v>10408</v>
      </c>
      <c r="D10384" s="6"/>
      <c r="E10384" s="6" t="s">
        <v>9</v>
      </c>
      <c r="F10384" s="7">
        <v>38657</v>
      </c>
      <c r="G10384" s="8">
        <v>1</v>
      </c>
      <c r="H10384" s="8">
        <v>1</v>
      </c>
      <c r="I10384" s="8">
        <v>0</v>
      </c>
      <c r="J10384" s="8">
        <v>1</v>
      </c>
      <c r="K10384" s="9">
        <v>54</v>
      </c>
      <c r="L10384" s="6" t="s">
        <v>51</v>
      </c>
    </row>
    <row r="10385" spans="1:12">
      <c r="A10385" s="6" t="s">
        <v>49</v>
      </c>
      <c r="B10385" s="6"/>
      <c r="C10385" s="6" t="s">
        <v>10409</v>
      </c>
      <c r="D10385" s="6"/>
      <c r="E10385" s="6" t="s">
        <v>9</v>
      </c>
      <c r="F10385" s="7">
        <v>38657</v>
      </c>
      <c r="G10385" s="8">
        <v>1</v>
      </c>
      <c r="H10385" s="8">
        <v>1</v>
      </c>
      <c r="I10385" s="8">
        <v>0</v>
      </c>
      <c r="J10385" s="8">
        <v>1</v>
      </c>
      <c r="K10385" s="9">
        <v>70</v>
      </c>
      <c r="L10385" s="6" t="s">
        <v>51</v>
      </c>
    </row>
    <row r="10386" spans="1:12">
      <c r="A10386" s="6" t="s">
        <v>49</v>
      </c>
      <c r="B10386" s="6"/>
      <c r="C10386" s="6" t="s">
        <v>10410</v>
      </c>
      <c r="D10386" s="6"/>
      <c r="E10386" s="6" t="s">
        <v>9</v>
      </c>
      <c r="F10386" s="7">
        <v>38657</v>
      </c>
      <c r="G10386" s="8">
        <v>1</v>
      </c>
      <c r="H10386" s="8">
        <v>1</v>
      </c>
      <c r="I10386" s="8">
        <v>0</v>
      </c>
      <c r="J10386" s="8">
        <v>1</v>
      </c>
      <c r="K10386" s="9">
        <v>44.89</v>
      </c>
      <c r="L10386" s="6" t="s">
        <v>51</v>
      </c>
    </row>
    <row r="10387" spans="1:12">
      <c r="A10387" s="6" t="s">
        <v>49</v>
      </c>
      <c r="B10387" s="6"/>
      <c r="C10387" s="6" t="s">
        <v>10411</v>
      </c>
      <c r="D10387" s="6"/>
      <c r="E10387" s="6" t="s">
        <v>9</v>
      </c>
      <c r="F10387" s="7">
        <v>38657</v>
      </c>
      <c r="G10387" s="8">
        <v>1</v>
      </c>
      <c r="H10387" s="8">
        <v>1</v>
      </c>
      <c r="I10387" s="8">
        <v>0</v>
      </c>
      <c r="J10387" s="8">
        <v>1</v>
      </c>
      <c r="K10387" s="9">
        <v>56</v>
      </c>
      <c r="L10387" s="6" t="s">
        <v>51</v>
      </c>
    </row>
    <row r="10388" spans="1:12">
      <c r="A10388" s="6" t="s">
        <v>49</v>
      </c>
      <c r="B10388" s="6"/>
      <c r="C10388" s="6" t="s">
        <v>10412</v>
      </c>
      <c r="D10388" s="6"/>
      <c r="E10388" s="6" t="s">
        <v>9</v>
      </c>
      <c r="F10388" s="7">
        <v>38657</v>
      </c>
      <c r="G10388" s="8">
        <v>1</v>
      </c>
      <c r="H10388" s="8">
        <v>1</v>
      </c>
      <c r="I10388" s="8">
        <v>0</v>
      </c>
      <c r="J10388" s="8">
        <v>1</v>
      </c>
      <c r="K10388" s="9">
        <v>57</v>
      </c>
      <c r="L10388" s="6" t="s">
        <v>51</v>
      </c>
    </row>
    <row r="10389" spans="1:12">
      <c r="A10389" s="6" t="s">
        <v>49</v>
      </c>
      <c r="B10389" s="6"/>
      <c r="C10389" s="6" t="s">
        <v>10413</v>
      </c>
      <c r="D10389" s="6"/>
      <c r="E10389" s="6" t="s">
        <v>9</v>
      </c>
      <c r="F10389" s="7">
        <v>38657</v>
      </c>
      <c r="G10389" s="8">
        <v>1</v>
      </c>
      <c r="H10389" s="8">
        <v>1</v>
      </c>
      <c r="I10389" s="8">
        <v>0</v>
      </c>
      <c r="J10389" s="8">
        <v>1</v>
      </c>
      <c r="K10389" s="9">
        <v>57</v>
      </c>
      <c r="L10389" s="6" t="s">
        <v>51</v>
      </c>
    </row>
    <row r="10390" spans="1:12">
      <c r="A10390" s="6" t="s">
        <v>49</v>
      </c>
      <c r="B10390" s="6"/>
      <c r="C10390" s="6" t="s">
        <v>10414</v>
      </c>
      <c r="D10390" s="6"/>
      <c r="E10390" s="6" t="s">
        <v>9</v>
      </c>
      <c r="F10390" s="7">
        <v>38657</v>
      </c>
      <c r="G10390" s="8">
        <v>1</v>
      </c>
      <c r="H10390" s="8">
        <v>1</v>
      </c>
      <c r="I10390" s="8">
        <v>0</v>
      </c>
      <c r="J10390" s="8">
        <v>1</v>
      </c>
      <c r="K10390" s="9">
        <v>82</v>
      </c>
      <c r="L10390" s="6" t="s">
        <v>51</v>
      </c>
    </row>
    <row r="10391" spans="1:12">
      <c r="A10391" s="6" t="s">
        <v>49</v>
      </c>
      <c r="B10391" s="6"/>
      <c r="C10391" s="6" t="s">
        <v>10415</v>
      </c>
      <c r="D10391" s="6"/>
      <c r="E10391" s="6" t="s">
        <v>9</v>
      </c>
      <c r="F10391" s="7">
        <v>38657</v>
      </c>
      <c r="G10391" s="8">
        <v>476513</v>
      </c>
      <c r="H10391" s="8">
        <v>476513</v>
      </c>
      <c r="I10391" s="8">
        <v>0</v>
      </c>
      <c r="J10391" s="8">
        <v>476513</v>
      </c>
      <c r="K10391" s="9">
        <v>39</v>
      </c>
      <c r="L10391" s="6" t="s">
        <v>51</v>
      </c>
    </row>
    <row r="10392" spans="1:12">
      <c r="A10392" s="6" t="s">
        <v>49</v>
      </c>
      <c r="B10392" s="6"/>
      <c r="C10392" s="6" t="s">
        <v>10416</v>
      </c>
      <c r="D10392" s="6"/>
      <c r="E10392" s="6" t="s">
        <v>9</v>
      </c>
      <c r="F10392" s="7">
        <v>38657</v>
      </c>
      <c r="G10392" s="8">
        <v>1</v>
      </c>
      <c r="H10392" s="8">
        <v>1</v>
      </c>
      <c r="I10392" s="8">
        <v>0</v>
      </c>
      <c r="J10392" s="8">
        <v>1</v>
      </c>
      <c r="K10392" s="9">
        <v>690</v>
      </c>
      <c r="L10392" s="6" t="s">
        <v>51</v>
      </c>
    </row>
    <row r="10393" spans="1:12">
      <c r="A10393" s="6" t="s">
        <v>49</v>
      </c>
      <c r="B10393" s="6"/>
      <c r="C10393" s="6" t="s">
        <v>10417</v>
      </c>
      <c r="D10393" s="6"/>
      <c r="E10393" s="6" t="s">
        <v>9</v>
      </c>
      <c r="F10393" s="7">
        <v>38657</v>
      </c>
      <c r="G10393" s="8">
        <v>1</v>
      </c>
      <c r="H10393" s="8">
        <v>1</v>
      </c>
      <c r="I10393" s="8">
        <v>0</v>
      </c>
      <c r="J10393" s="8">
        <v>1</v>
      </c>
      <c r="K10393" s="9">
        <v>4.95</v>
      </c>
      <c r="L10393" s="6" t="s">
        <v>51</v>
      </c>
    </row>
    <row r="10394" spans="1:12">
      <c r="A10394" s="6" t="s">
        <v>49</v>
      </c>
      <c r="B10394" s="6"/>
      <c r="C10394" s="6" t="s">
        <v>10418</v>
      </c>
      <c r="D10394" s="6"/>
      <c r="E10394" s="6" t="s">
        <v>9</v>
      </c>
      <c r="F10394" s="7">
        <v>38657</v>
      </c>
      <c r="G10394" s="8">
        <v>1</v>
      </c>
      <c r="H10394" s="8">
        <v>1</v>
      </c>
      <c r="I10394" s="8">
        <v>0</v>
      </c>
      <c r="J10394" s="8">
        <v>1</v>
      </c>
      <c r="K10394" s="9">
        <v>1.08</v>
      </c>
      <c r="L10394" s="6" t="s">
        <v>51</v>
      </c>
    </row>
    <row r="10395" spans="1:12">
      <c r="A10395" s="6" t="s">
        <v>49</v>
      </c>
      <c r="B10395" s="6"/>
      <c r="C10395" s="6" t="s">
        <v>10419</v>
      </c>
      <c r="D10395" s="6"/>
      <c r="E10395" s="6" t="s">
        <v>9</v>
      </c>
      <c r="F10395" s="7">
        <v>38657</v>
      </c>
      <c r="G10395" s="8">
        <v>1252889</v>
      </c>
      <c r="H10395" s="8">
        <v>1252889</v>
      </c>
      <c r="I10395" s="8">
        <v>0</v>
      </c>
      <c r="J10395" s="8">
        <v>1252889</v>
      </c>
      <c r="K10395" s="9">
        <v>105</v>
      </c>
      <c r="L10395" s="6" t="s">
        <v>51</v>
      </c>
    </row>
    <row r="10396" spans="1:12">
      <c r="A10396" s="6" t="s">
        <v>49</v>
      </c>
      <c r="B10396" s="6"/>
      <c r="C10396" s="6" t="s">
        <v>10420</v>
      </c>
      <c r="D10396" s="6"/>
      <c r="E10396" s="6" t="s">
        <v>9</v>
      </c>
      <c r="F10396" s="7">
        <v>38657</v>
      </c>
      <c r="G10396" s="8">
        <v>1</v>
      </c>
      <c r="H10396" s="8">
        <v>1</v>
      </c>
      <c r="I10396" s="8">
        <v>0</v>
      </c>
      <c r="J10396" s="8">
        <v>1</v>
      </c>
      <c r="K10396" s="9">
        <v>283</v>
      </c>
      <c r="L10396" s="6" t="s">
        <v>51</v>
      </c>
    </row>
    <row r="10397" spans="1:12">
      <c r="A10397" s="6" t="s">
        <v>49</v>
      </c>
      <c r="B10397" s="6"/>
      <c r="C10397" s="6" t="s">
        <v>10421</v>
      </c>
      <c r="D10397" s="6"/>
      <c r="E10397" s="6" t="s">
        <v>9</v>
      </c>
      <c r="F10397" s="7">
        <v>38657</v>
      </c>
      <c r="G10397" s="8">
        <v>1</v>
      </c>
      <c r="H10397" s="8">
        <v>1</v>
      </c>
      <c r="I10397" s="8">
        <v>0</v>
      </c>
      <c r="J10397" s="8">
        <v>1</v>
      </c>
      <c r="K10397" s="9">
        <v>127</v>
      </c>
      <c r="L10397" s="6" t="s">
        <v>51</v>
      </c>
    </row>
    <row r="10398" spans="1:12">
      <c r="A10398" s="6" t="s">
        <v>49</v>
      </c>
      <c r="B10398" s="6"/>
      <c r="C10398" s="6" t="s">
        <v>10422</v>
      </c>
      <c r="D10398" s="6"/>
      <c r="E10398" s="6" t="s">
        <v>9</v>
      </c>
      <c r="F10398" s="7">
        <v>38657</v>
      </c>
      <c r="G10398" s="8">
        <v>1</v>
      </c>
      <c r="H10398" s="8">
        <v>1</v>
      </c>
      <c r="I10398" s="8">
        <v>0</v>
      </c>
      <c r="J10398" s="8">
        <v>1</v>
      </c>
      <c r="K10398" s="9">
        <v>70</v>
      </c>
      <c r="L10398" s="6" t="s">
        <v>51</v>
      </c>
    </row>
    <row r="10399" spans="1:12">
      <c r="A10399" s="6" t="s">
        <v>49</v>
      </c>
      <c r="B10399" s="6"/>
      <c r="C10399" s="6" t="s">
        <v>10423</v>
      </c>
      <c r="D10399" s="6"/>
      <c r="E10399" s="6" t="s">
        <v>9</v>
      </c>
      <c r="F10399" s="7">
        <v>38657</v>
      </c>
      <c r="G10399" s="8">
        <v>1</v>
      </c>
      <c r="H10399" s="8">
        <v>1</v>
      </c>
      <c r="I10399" s="8">
        <v>0</v>
      </c>
      <c r="J10399" s="8">
        <v>1</v>
      </c>
      <c r="K10399" s="9">
        <v>4.62</v>
      </c>
      <c r="L10399" s="6" t="s">
        <v>51</v>
      </c>
    </row>
    <row r="10400" spans="1:12">
      <c r="A10400" s="6" t="s">
        <v>49</v>
      </c>
      <c r="B10400" s="6"/>
      <c r="C10400" s="6" t="s">
        <v>10424</v>
      </c>
      <c r="D10400" s="6"/>
      <c r="E10400" s="6" t="s">
        <v>9</v>
      </c>
      <c r="F10400" s="7">
        <v>38657</v>
      </c>
      <c r="G10400" s="8">
        <v>1</v>
      </c>
      <c r="H10400" s="8">
        <v>1</v>
      </c>
      <c r="I10400" s="8">
        <v>0</v>
      </c>
      <c r="J10400" s="8">
        <v>1</v>
      </c>
      <c r="K10400" s="9">
        <v>555</v>
      </c>
      <c r="L10400" s="6" t="s">
        <v>51</v>
      </c>
    </row>
    <row r="10401" spans="1:12">
      <c r="A10401" s="6" t="s">
        <v>49</v>
      </c>
      <c r="B10401" s="6"/>
      <c r="C10401" s="6" t="s">
        <v>10425</v>
      </c>
      <c r="D10401" s="6"/>
      <c r="E10401" s="6" t="s">
        <v>9</v>
      </c>
      <c r="F10401" s="7">
        <v>38657</v>
      </c>
      <c r="G10401" s="8">
        <v>696442</v>
      </c>
      <c r="H10401" s="8">
        <v>696442</v>
      </c>
      <c r="I10401" s="8">
        <v>0</v>
      </c>
      <c r="J10401" s="8">
        <v>696442</v>
      </c>
      <c r="K10401" s="9">
        <v>57</v>
      </c>
      <c r="L10401" s="6" t="s">
        <v>4151</v>
      </c>
    </row>
    <row r="10402" spans="1:12">
      <c r="A10402" s="6" t="s">
        <v>49</v>
      </c>
      <c r="B10402" s="6"/>
      <c r="C10402" s="6" t="s">
        <v>10426</v>
      </c>
      <c r="D10402" s="6"/>
      <c r="E10402" s="6" t="s">
        <v>9</v>
      </c>
      <c r="F10402" s="7">
        <v>38657</v>
      </c>
      <c r="G10402" s="8">
        <v>14418</v>
      </c>
      <c r="H10402" s="8">
        <v>14418</v>
      </c>
      <c r="I10402" s="8">
        <v>0</v>
      </c>
      <c r="J10402" s="8">
        <v>14418</v>
      </c>
      <c r="K10402" s="9">
        <v>1.18</v>
      </c>
      <c r="L10402" s="6" t="s">
        <v>4151</v>
      </c>
    </row>
    <row r="10403" spans="1:12">
      <c r="A10403" s="6" t="s">
        <v>49</v>
      </c>
      <c r="B10403" s="6"/>
      <c r="C10403" s="6" t="s">
        <v>10427</v>
      </c>
      <c r="D10403" s="6"/>
      <c r="E10403" s="6" t="s">
        <v>9</v>
      </c>
      <c r="F10403" s="7">
        <v>38657</v>
      </c>
      <c r="G10403" s="8">
        <v>1</v>
      </c>
      <c r="H10403" s="8">
        <v>1</v>
      </c>
      <c r="I10403" s="8">
        <v>0</v>
      </c>
      <c r="J10403" s="8">
        <v>1</v>
      </c>
      <c r="K10403" s="9">
        <v>320</v>
      </c>
      <c r="L10403" s="6" t="s">
        <v>51</v>
      </c>
    </row>
    <row r="10404" spans="1:12">
      <c r="A10404" s="6" t="s">
        <v>49</v>
      </c>
      <c r="B10404" s="6"/>
      <c r="C10404" s="6" t="s">
        <v>10428</v>
      </c>
      <c r="D10404" s="6"/>
      <c r="E10404" s="6" t="s">
        <v>9</v>
      </c>
      <c r="F10404" s="7">
        <v>38657</v>
      </c>
      <c r="G10404" s="8">
        <v>1</v>
      </c>
      <c r="H10404" s="8">
        <v>1</v>
      </c>
      <c r="I10404" s="8">
        <v>0</v>
      </c>
      <c r="J10404" s="8">
        <v>1</v>
      </c>
      <c r="K10404" s="9">
        <v>250</v>
      </c>
      <c r="L10404" s="6" t="s">
        <v>51</v>
      </c>
    </row>
    <row r="10405" spans="1:12">
      <c r="A10405" s="6" t="s">
        <v>49</v>
      </c>
      <c r="B10405" s="6"/>
      <c r="C10405" s="6" t="s">
        <v>10429</v>
      </c>
      <c r="D10405" s="6"/>
      <c r="E10405" s="6" t="s">
        <v>9</v>
      </c>
      <c r="F10405" s="7">
        <v>38657</v>
      </c>
      <c r="G10405" s="8">
        <v>1</v>
      </c>
      <c r="H10405" s="8">
        <v>1</v>
      </c>
      <c r="I10405" s="8">
        <v>0</v>
      </c>
      <c r="J10405" s="8">
        <v>1</v>
      </c>
      <c r="K10405" s="9">
        <v>39</v>
      </c>
      <c r="L10405" s="6" t="s">
        <v>51</v>
      </c>
    </row>
    <row r="10406" spans="1:12">
      <c r="A10406" s="6" t="s">
        <v>49</v>
      </c>
      <c r="B10406" s="6"/>
      <c r="C10406" s="6" t="s">
        <v>10430</v>
      </c>
      <c r="D10406" s="6"/>
      <c r="E10406" s="6" t="s">
        <v>9</v>
      </c>
      <c r="F10406" s="7">
        <v>38657</v>
      </c>
      <c r="G10406" s="8">
        <v>1</v>
      </c>
      <c r="H10406" s="8">
        <v>1</v>
      </c>
      <c r="I10406" s="8">
        <v>0</v>
      </c>
      <c r="J10406" s="8">
        <v>1</v>
      </c>
      <c r="K10406" s="9">
        <v>2.64</v>
      </c>
      <c r="L10406" s="6" t="s">
        <v>51</v>
      </c>
    </row>
    <row r="10407" spans="1:12">
      <c r="A10407" s="6" t="s">
        <v>49</v>
      </c>
      <c r="B10407" s="6"/>
      <c r="C10407" s="6" t="s">
        <v>10431</v>
      </c>
      <c r="D10407" s="6"/>
      <c r="E10407" s="6" t="s">
        <v>9</v>
      </c>
      <c r="F10407" s="7">
        <v>38657</v>
      </c>
      <c r="G10407" s="8">
        <v>1</v>
      </c>
      <c r="H10407" s="8">
        <v>1</v>
      </c>
      <c r="I10407" s="8">
        <v>0</v>
      </c>
      <c r="J10407" s="8">
        <v>1</v>
      </c>
      <c r="K10407" s="9">
        <v>38</v>
      </c>
      <c r="L10407" s="6" t="s">
        <v>51</v>
      </c>
    </row>
    <row r="10408" spans="1:12">
      <c r="A10408" s="6" t="s">
        <v>49</v>
      </c>
      <c r="B10408" s="6"/>
      <c r="C10408" s="6" t="s">
        <v>10432</v>
      </c>
      <c r="D10408" s="6"/>
      <c r="E10408" s="6" t="s">
        <v>9</v>
      </c>
      <c r="F10408" s="7">
        <v>38657</v>
      </c>
      <c r="G10408" s="8">
        <v>1</v>
      </c>
      <c r="H10408" s="8">
        <v>1</v>
      </c>
      <c r="I10408" s="8">
        <v>0</v>
      </c>
      <c r="J10408" s="8">
        <v>1</v>
      </c>
      <c r="K10408" s="9">
        <v>66</v>
      </c>
      <c r="L10408" s="6" t="s">
        <v>51</v>
      </c>
    </row>
    <row r="10409" spans="1:12">
      <c r="A10409" s="6" t="s">
        <v>49</v>
      </c>
      <c r="B10409" s="6"/>
      <c r="C10409" s="6" t="s">
        <v>10433</v>
      </c>
      <c r="D10409" s="6"/>
      <c r="E10409" s="6" t="s">
        <v>9</v>
      </c>
      <c r="F10409" s="7">
        <v>38657</v>
      </c>
      <c r="G10409" s="8">
        <v>1</v>
      </c>
      <c r="H10409" s="8">
        <v>1</v>
      </c>
      <c r="I10409" s="8">
        <v>0</v>
      </c>
      <c r="J10409" s="8">
        <v>1</v>
      </c>
      <c r="K10409" s="9">
        <v>23</v>
      </c>
      <c r="L10409" s="6" t="s">
        <v>51</v>
      </c>
    </row>
    <row r="10410" spans="1:12">
      <c r="A10410" s="6" t="s">
        <v>49</v>
      </c>
      <c r="B10410" s="6"/>
      <c r="C10410" s="6" t="s">
        <v>10434</v>
      </c>
      <c r="D10410" s="6"/>
      <c r="E10410" s="6" t="s">
        <v>9</v>
      </c>
      <c r="F10410" s="7">
        <v>38657</v>
      </c>
      <c r="G10410" s="8">
        <v>1</v>
      </c>
      <c r="H10410" s="8">
        <v>1</v>
      </c>
      <c r="I10410" s="8">
        <v>0</v>
      </c>
      <c r="J10410" s="8">
        <v>1</v>
      </c>
      <c r="K10410" s="9">
        <v>52</v>
      </c>
      <c r="L10410" s="6" t="s">
        <v>51</v>
      </c>
    </row>
    <row r="10411" spans="1:12">
      <c r="A10411" s="6" t="s">
        <v>49</v>
      </c>
      <c r="B10411" s="6"/>
      <c r="C10411" s="6" t="s">
        <v>10435</v>
      </c>
      <c r="D10411" s="6"/>
      <c r="E10411" s="6" t="s">
        <v>9</v>
      </c>
      <c r="F10411" s="7">
        <v>38657</v>
      </c>
      <c r="G10411" s="8">
        <v>1</v>
      </c>
      <c r="H10411" s="8">
        <v>1</v>
      </c>
      <c r="I10411" s="8">
        <v>0</v>
      </c>
      <c r="J10411" s="8">
        <v>1</v>
      </c>
      <c r="K10411" s="9">
        <v>802</v>
      </c>
      <c r="L10411" s="6" t="s">
        <v>51</v>
      </c>
    </row>
    <row r="10412" spans="1:12">
      <c r="A10412" s="6" t="s">
        <v>49</v>
      </c>
      <c r="B10412" s="6"/>
      <c r="C10412" s="6" t="s">
        <v>10436</v>
      </c>
      <c r="D10412" s="6"/>
      <c r="E10412" s="6" t="s">
        <v>9</v>
      </c>
      <c r="F10412" s="7">
        <v>38657</v>
      </c>
      <c r="G10412" s="8">
        <v>1</v>
      </c>
      <c r="H10412" s="8">
        <v>1</v>
      </c>
      <c r="I10412" s="8">
        <v>0</v>
      </c>
      <c r="J10412" s="8">
        <v>1</v>
      </c>
      <c r="K10412" s="9">
        <v>0.73</v>
      </c>
      <c r="L10412" s="6" t="s">
        <v>51</v>
      </c>
    </row>
    <row r="10413" spans="1:12">
      <c r="A10413" s="6" t="s">
        <v>49</v>
      </c>
      <c r="B10413" s="6"/>
      <c r="C10413" s="6" t="s">
        <v>10437</v>
      </c>
      <c r="D10413" s="6"/>
      <c r="E10413" s="6" t="s">
        <v>9</v>
      </c>
      <c r="F10413" s="7">
        <v>38657</v>
      </c>
      <c r="G10413" s="8">
        <v>1</v>
      </c>
      <c r="H10413" s="8">
        <v>1</v>
      </c>
      <c r="I10413" s="8">
        <v>0</v>
      </c>
      <c r="J10413" s="8">
        <v>1</v>
      </c>
      <c r="K10413" s="9">
        <v>5.0199999999999898</v>
      </c>
      <c r="L10413" s="6" t="s">
        <v>51</v>
      </c>
    </row>
    <row r="10414" spans="1:12">
      <c r="A10414" s="6" t="s">
        <v>49</v>
      </c>
      <c r="B10414" s="6"/>
      <c r="C10414" s="6" t="s">
        <v>10438</v>
      </c>
      <c r="D10414" s="6"/>
      <c r="E10414" s="6" t="s">
        <v>9</v>
      </c>
      <c r="F10414" s="7">
        <v>38657</v>
      </c>
      <c r="G10414" s="8">
        <v>1</v>
      </c>
      <c r="H10414" s="8">
        <v>1</v>
      </c>
      <c r="I10414" s="8">
        <v>0</v>
      </c>
      <c r="J10414" s="8">
        <v>1</v>
      </c>
      <c r="K10414" s="9">
        <v>13</v>
      </c>
      <c r="L10414" s="6" t="s">
        <v>51</v>
      </c>
    </row>
    <row r="10415" spans="1:12">
      <c r="A10415" s="6" t="s">
        <v>49</v>
      </c>
      <c r="B10415" s="6"/>
      <c r="C10415" s="6" t="s">
        <v>10439</v>
      </c>
      <c r="D10415" s="6"/>
      <c r="E10415" s="6" t="s">
        <v>9</v>
      </c>
      <c r="F10415" s="7">
        <v>38657</v>
      </c>
      <c r="G10415" s="8">
        <v>1</v>
      </c>
      <c r="H10415" s="8">
        <v>1</v>
      </c>
      <c r="I10415" s="8">
        <v>0</v>
      </c>
      <c r="J10415" s="8">
        <v>1</v>
      </c>
      <c r="K10415" s="9">
        <v>60</v>
      </c>
      <c r="L10415" s="6" t="s">
        <v>51</v>
      </c>
    </row>
    <row r="10416" spans="1:12">
      <c r="A10416" s="6" t="s">
        <v>49</v>
      </c>
      <c r="B10416" s="6"/>
      <c r="C10416" s="6" t="s">
        <v>10440</v>
      </c>
      <c r="D10416" s="6"/>
      <c r="E10416" s="6" t="s">
        <v>9</v>
      </c>
      <c r="F10416" s="7">
        <v>38657</v>
      </c>
      <c r="G10416" s="8">
        <v>1</v>
      </c>
      <c r="H10416" s="8">
        <v>1</v>
      </c>
      <c r="I10416" s="8">
        <v>0</v>
      </c>
      <c r="J10416" s="8">
        <v>1</v>
      </c>
      <c r="K10416" s="9">
        <v>76</v>
      </c>
      <c r="L10416" s="6" t="s">
        <v>51</v>
      </c>
    </row>
    <row r="10417" spans="1:12">
      <c r="A10417" s="6" t="s">
        <v>49</v>
      </c>
      <c r="B10417" s="6"/>
      <c r="C10417" s="6" t="s">
        <v>10441</v>
      </c>
      <c r="D10417" s="6"/>
      <c r="E10417" s="6" t="s">
        <v>9</v>
      </c>
      <c r="F10417" s="7">
        <v>38657</v>
      </c>
      <c r="G10417" s="8">
        <v>1</v>
      </c>
      <c r="H10417" s="8">
        <v>1</v>
      </c>
      <c r="I10417" s="8">
        <v>0</v>
      </c>
      <c r="J10417" s="8">
        <v>1</v>
      </c>
      <c r="K10417" s="9">
        <v>7.18</v>
      </c>
      <c r="L10417" s="6" t="s">
        <v>51</v>
      </c>
    </row>
    <row r="10418" spans="1:12">
      <c r="A10418" s="6" t="s">
        <v>49</v>
      </c>
      <c r="B10418" s="6"/>
      <c r="C10418" s="6" t="s">
        <v>10442</v>
      </c>
      <c r="D10418" s="6"/>
      <c r="E10418" s="6" t="s">
        <v>9</v>
      </c>
      <c r="F10418" s="7">
        <v>39444</v>
      </c>
      <c r="G10418" s="8">
        <v>1</v>
      </c>
      <c r="H10418" s="8">
        <v>1</v>
      </c>
      <c r="I10418" s="8">
        <v>0</v>
      </c>
      <c r="J10418" s="8">
        <v>1</v>
      </c>
      <c r="K10418" s="9">
        <v>3.24</v>
      </c>
      <c r="L10418" s="6" t="s">
        <v>51</v>
      </c>
    </row>
    <row r="10419" spans="1:12">
      <c r="A10419" s="6" t="s">
        <v>49</v>
      </c>
      <c r="B10419" s="6"/>
      <c r="C10419" s="6" t="s">
        <v>10443</v>
      </c>
      <c r="D10419" s="6"/>
      <c r="E10419" s="6" t="s">
        <v>9</v>
      </c>
      <c r="F10419" s="7">
        <v>38657</v>
      </c>
      <c r="G10419" s="8">
        <v>1</v>
      </c>
      <c r="H10419" s="8">
        <v>1</v>
      </c>
      <c r="I10419" s="8">
        <v>0</v>
      </c>
      <c r="J10419" s="8">
        <v>1</v>
      </c>
      <c r="K10419" s="9">
        <v>36.04</v>
      </c>
      <c r="L10419" s="6" t="s">
        <v>51</v>
      </c>
    </row>
    <row r="10420" spans="1:12">
      <c r="A10420" s="6" t="s">
        <v>49</v>
      </c>
      <c r="B10420" s="6"/>
      <c r="C10420" s="6" t="s">
        <v>10444</v>
      </c>
      <c r="D10420" s="6"/>
      <c r="E10420" s="6" t="s">
        <v>9</v>
      </c>
      <c r="F10420" s="7">
        <v>38657</v>
      </c>
      <c r="G10420" s="8">
        <v>1</v>
      </c>
      <c r="H10420" s="8">
        <v>1</v>
      </c>
      <c r="I10420" s="8">
        <v>0</v>
      </c>
      <c r="J10420" s="8">
        <v>1</v>
      </c>
      <c r="K10420" s="9">
        <v>299</v>
      </c>
      <c r="L10420" s="6" t="s">
        <v>51</v>
      </c>
    </row>
    <row r="10421" spans="1:12">
      <c r="A10421" s="6" t="s">
        <v>49</v>
      </c>
      <c r="B10421" s="6"/>
      <c r="C10421" s="6" t="s">
        <v>10445</v>
      </c>
      <c r="D10421" s="6"/>
      <c r="E10421" s="6" t="s">
        <v>9</v>
      </c>
      <c r="F10421" s="7">
        <v>38657</v>
      </c>
      <c r="G10421" s="8">
        <v>1</v>
      </c>
      <c r="H10421" s="8">
        <v>1</v>
      </c>
      <c r="I10421" s="8">
        <v>0</v>
      </c>
      <c r="J10421" s="8">
        <v>1</v>
      </c>
      <c r="K10421" s="9">
        <v>16</v>
      </c>
      <c r="L10421" s="6" t="s">
        <v>51</v>
      </c>
    </row>
    <row r="10422" spans="1:12">
      <c r="A10422" s="6" t="s">
        <v>49</v>
      </c>
      <c r="B10422" s="6"/>
      <c r="C10422" s="6" t="s">
        <v>10446</v>
      </c>
      <c r="D10422" s="6"/>
      <c r="E10422" s="6" t="s">
        <v>9</v>
      </c>
      <c r="F10422" s="7"/>
      <c r="G10422" s="8">
        <v>1</v>
      </c>
      <c r="H10422" s="8">
        <v>1</v>
      </c>
      <c r="I10422" s="8">
        <v>0</v>
      </c>
      <c r="J10422" s="8">
        <v>1</v>
      </c>
      <c r="K10422" s="9">
        <v>441</v>
      </c>
      <c r="L10422" s="6" t="s">
        <v>51</v>
      </c>
    </row>
    <row r="10423" spans="1:12">
      <c r="A10423" s="6" t="s">
        <v>49</v>
      </c>
      <c r="B10423" s="6"/>
      <c r="C10423" s="6" t="s">
        <v>10447</v>
      </c>
      <c r="D10423" s="6"/>
      <c r="E10423" s="6" t="s">
        <v>9</v>
      </c>
      <c r="F10423" s="7">
        <v>38657</v>
      </c>
      <c r="G10423" s="8">
        <v>1</v>
      </c>
      <c r="H10423" s="8">
        <v>1</v>
      </c>
      <c r="I10423" s="8">
        <v>0</v>
      </c>
      <c r="J10423" s="8">
        <v>1</v>
      </c>
      <c r="K10423" s="9">
        <v>157</v>
      </c>
      <c r="L10423" s="6" t="s">
        <v>51</v>
      </c>
    </row>
    <row r="10424" spans="1:12">
      <c r="A10424" s="6" t="s">
        <v>49</v>
      </c>
      <c r="B10424" s="6"/>
      <c r="C10424" s="6" t="s">
        <v>10448</v>
      </c>
      <c r="D10424" s="6"/>
      <c r="E10424" s="6" t="s">
        <v>9</v>
      </c>
      <c r="F10424" s="7">
        <v>38657</v>
      </c>
      <c r="G10424" s="8">
        <v>1</v>
      </c>
      <c r="H10424" s="8">
        <v>1</v>
      </c>
      <c r="I10424" s="8">
        <v>0</v>
      </c>
      <c r="J10424" s="8">
        <v>1</v>
      </c>
      <c r="K10424" s="9">
        <v>210</v>
      </c>
      <c r="L10424" s="6" t="s">
        <v>51</v>
      </c>
    </row>
    <row r="10425" spans="1:12">
      <c r="A10425" s="6" t="s">
        <v>49</v>
      </c>
      <c r="B10425" s="6"/>
      <c r="C10425" s="6" t="s">
        <v>10449</v>
      </c>
      <c r="D10425" s="6"/>
      <c r="E10425" s="6" t="s">
        <v>9</v>
      </c>
      <c r="F10425" s="7">
        <v>38657</v>
      </c>
      <c r="G10425" s="8">
        <v>1</v>
      </c>
      <c r="H10425" s="8">
        <v>1</v>
      </c>
      <c r="I10425" s="8">
        <v>0</v>
      </c>
      <c r="J10425" s="8">
        <v>1</v>
      </c>
      <c r="K10425" s="9">
        <v>0.89</v>
      </c>
      <c r="L10425" s="6" t="s">
        <v>51</v>
      </c>
    </row>
    <row r="10426" spans="1:12">
      <c r="A10426" s="6" t="s">
        <v>49</v>
      </c>
      <c r="B10426" s="6"/>
      <c r="C10426" s="6" t="s">
        <v>10450</v>
      </c>
      <c r="D10426" s="6"/>
      <c r="E10426" s="6" t="s">
        <v>9</v>
      </c>
      <c r="F10426" s="7">
        <v>38657</v>
      </c>
      <c r="G10426" s="8">
        <v>1</v>
      </c>
      <c r="H10426" s="8">
        <v>1</v>
      </c>
      <c r="I10426" s="8">
        <v>0</v>
      </c>
      <c r="J10426" s="8">
        <v>1</v>
      </c>
      <c r="K10426" s="9">
        <v>6.18</v>
      </c>
      <c r="L10426" s="6" t="s">
        <v>51</v>
      </c>
    </row>
    <row r="10427" spans="1:12">
      <c r="A10427" s="6" t="s">
        <v>49</v>
      </c>
      <c r="B10427" s="6"/>
      <c r="C10427" s="6" t="s">
        <v>10451</v>
      </c>
      <c r="D10427" s="6"/>
      <c r="E10427" s="6" t="s">
        <v>9</v>
      </c>
      <c r="F10427" s="7">
        <v>38657</v>
      </c>
      <c r="G10427" s="8">
        <v>1</v>
      </c>
      <c r="H10427" s="8">
        <v>1</v>
      </c>
      <c r="I10427" s="8">
        <v>0</v>
      </c>
      <c r="J10427" s="8">
        <v>1</v>
      </c>
      <c r="K10427" s="9">
        <v>0.66</v>
      </c>
      <c r="L10427" s="6" t="s">
        <v>51</v>
      </c>
    </row>
    <row r="10428" spans="1:12">
      <c r="A10428" s="6" t="s">
        <v>49</v>
      </c>
      <c r="B10428" s="6"/>
      <c r="C10428" s="6" t="s">
        <v>10452</v>
      </c>
      <c r="D10428" s="6"/>
      <c r="E10428" s="6" t="s">
        <v>9</v>
      </c>
      <c r="F10428" s="7">
        <v>38657</v>
      </c>
      <c r="G10428" s="8">
        <v>1</v>
      </c>
      <c r="H10428" s="8">
        <v>1</v>
      </c>
      <c r="I10428" s="8">
        <v>0</v>
      </c>
      <c r="J10428" s="8">
        <v>1</v>
      </c>
      <c r="K10428" s="9">
        <v>18</v>
      </c>
      <c r="L10428" s="6" t="s">
        <v>51</v>
      </c>
    </row>
    <row r="10429" spans="1:12">
      <c r="A10429" s="6" t="s">
        <v>49</v>
      </c>
      <c r="B10429" s="6"/>
      <c r="C10429" s="6" t="s">
        <v>10453</v>
      </c>
      <c r="D10429" s="6"/>
      <c r="E10429" s="6" t="s">
        <v>9</v>
      </c>
      <c r="F10429" s="7">
        <v>38657</v>
      </c>
      <c r="G10429" s="8">
        <v>1</v>
      </c>
      <c r="H10429" s="8">
        <v>1</v>
      </c>
      <c r="I10429" s="8">
        <v>0</v>
      </c>
      <c r="J10429" s="8">
        <v>1</v>
      </c>
      <c r="K10429" s="9">
        <v>33</v>
      </c>
      <c r="L10429" s="6" t="s">
        <v>51</v>
      </c>
    </row>
    <row r="10430" spans="1:12">
      <c r="A10430" s="6" t="s">
        <v>49</v>
      </c>
      <c r="B10430" s="6"/>
      <c r="C10430" s="6" t="s">
        <v>10454</v>
      </c>
      <c r="D10430" s="6"/>
      <c r="E10430" s="6" t="s">
        <v>9</v>
      </c>
      <c r="F10430" s="7">
        <v>38657</v>
      </c>
      <c r="G10430" s="8">
        <v>1</v>
      </c>
      <c r="H10430" s="8">
        <v>1</v>
      </c>
      <c r="I10430" s="8">
        <v>0</v>
      </c>
      <c r="J10430" s="8">
        <v>1</v>
      </c>
      <c r="K10430" s="9">
        <v>16.66</v>
      </c>
      <c r="L10430" s="6" t="s">
        <v>51</v>
      </c>
    </row>
    <row r="10431" spans="1:12">
      <c r="A10431" s="6" t="s">
        <v>49</v>
      </c>
      <c r="B10431" s="6"/>
      <c r="C10431" s="6" t="s">
        <v>10455</v>
      </c>
      <c r="D10431" s="6"/>
      <c r="E10431" s="6" t="s">
        <v>9</v>
      </c>
      <c r="F10431" s="7">
        <v>38657</v>
      </c>
      <c r="G10431" s="8">
        <v>1</v>
      </c>
      <c r="H10431" s="8">
        <v>1</v>
      </c>
      <c r="I10431" s="8">
        <v>0</v>
      </c>
      <c r="J10431" s="8">
        <v>1</v>
      </c>
      <c r="K10431" s="9">
        <v>19</v>
      </c>
      <c r="L10431" s="6" t="s">
        <v>51</v>
      </c>
    </row>
    <row r="10432" spans="1:12">
      <c r="A10432" s="6" t="s">
        <v>49</v>
      </c>
      <c r="B10432" s="6"/>
      <c r="C10432" s="6" t="s">
        <v>10456</v>
      </c>
      <c r="D10432" s="6"/>
      <c r="E10432" s="6" t="s">
        <v>9</v>
      </c>
      <c r="F10432" s="7">
        <v>38657</v>
      </c>
      <c r="G10432" s="8">
        <v>1</v>
      </c>
      <c r="H10432" s="8">
        <v>1</v>
      </c>
      <c r="I10432" s="8">
        <v>0</v>
      </c>
      <c r="J10432" s="8">
        <v>1</v>
      </c>
      <c r="K10432" s="9">
        <v>20</v>
      </c>
      <c r="L10432" s="6" t="s">
        <v>51</v>
      </c>
    </row>
    <row r="10433" spans="1:12">
      <c r="A10433" s="6" t="s">
        <v>49</v>
      </c>
      <c r="B10433" s="6"/>
      <c r="C10433" s="6" t="s">
        <v>10457</v>
      </c>
      <c r="D10433" s="6"/>
      <c r="E10433" s="6" t="s">
        <v>9</v>
      </c>
      <c r="F10433" s="7">
        <v>38657</v>
      </c>
      <c r="G10433" s="8">
        <v>1</v>
      </c>
      <c r="H10433" s="8">
        <v>1</v>
      </c>
      <c r="I10433" s="8">
        <v>0</v>
      </c>
      <c r="J10433" s="8">
        <v>1</v>
      </c>
      <c r="K10433" s="9">
        <v>21</v>
      </c>
      <c r="L10433" s="6" t="s">
        <v>51</v>
      </c>
    </row>
    <row r="10434" spans="1:12">
      <c r="A10434" s="6" t="s">
        <v>49</v>
      </c>
      <c r="B10434" s="6"/>
      <c r="C10434" s="6" t="s">
        <v>10458</v>
      </c>
      <c r="D10434" s="6"/>
      <c r="E10434" s="6" t="s">
        <v>9</v>
      </c>
      <c r="F10434" s="7">
        <v>38657</v>
      </c>
      <c r="G10434" s="8">
        <v>1</v>
      </c>
      <c r="H10434" s="8">
        <v>1</v>
      </c>
      <c r="I10434" s="8">
        <v>0</v>
      </c>
      <c r="J10434" s="8">
        <v>1</v>
      </c>
      <c r="K10434" s="9">
        <v>21</v>
      </c>
      <c r="L10434" s="6" t="s">
        <v>51</v>
      </c>
    </row>
    <row r="10435" spans="1:12">
      <c r="A10435" s="6" t="s">
        <v>49</v>
      </c>
      <c r="B10435" s="6"/>
      <c r="C10435" s="6" t="s">
        <v>10459</v>
      </c>
      <c r="D10435" s="6"/>
      <c r="E10435" s="6" t="s">
        <v>9</v>
      </c>
      <c r="F10435" s="7">
        <v>38657</v>
      </c>
      <c r="G10435" s="8">
        <v>1</v>
      </c>
      <c r="H10435" s="8">
        <v>1</v>
      </c>
      <c r="I10435" s="8">
        <v>0</v>
      </c>
      <c r="J10435" s="8">
        <v>1</v>
      </c>
      <c r="K10435" s="9">
        <v>21</v>
      </c>
      <c r="L10435" s="6" t="s">
        <v>51</v>
      </c>
    </row>
    <row r="10436" spans="1:12">
      <c r="A10436" s="6" t="s">
        <v>49</v>
      </c>
      <c r="B10436" s="6"/>
      <c r="C10436" s="6" t="s">
        <v>10460</v>
      </c>
      <c r="D10436" s="6"/>
      <c r="E10436" s="6" t="s">
        <v>9</v>
      </c>
      <c r="F10436" s="7">
        <v>38657</v>
      </c>
      <c r="G10436" s="8">
        <v>1</v>
      </c>
      <c r="H10436" s="8">
        <v>1</v>
      </c>
      <c r="I10436" s="8">
        <v>0</v>
      </c>
      <c r="J10436" s="8">
        <v>1</v>
      </c>
      <c r="K10436" s="9">
        <v>18</v>
      </c>
      <c r="L10436" s="6" t="s">
        <v>51</v>
      </c>
    </row>
    <row r="10437" spans="1:12">
      <c r="A10437" s="6" t="s">
        <v>49</v>
      </c>
      <c r="B10437" s="6"/>
      <c r="C10437" s="6" t="s">
        <v>10461</v>
      </c>
      <c r="D10437" s="6"/>
      <c r="E10437" s="6" t="s">
        <v>9</v>
      </c>
      <c r="F10437" s="7">
        <v>38657</v>
      </c>
      <c r="G10437" s="8">
        <v>1</v>
      </c>
      <c r="H10437" s="8">
        <v>1</v>
      </c>
      <c r="I10437" s="8">
        <v>0</v>
      </c>
      <c r="J10437" s="8">
        <v>1</v>
      </c>
      <c r="K10437" s="9">
        <v>17</v>
      </c>
      <c r="L10437" s="6" t="s">
        <v>51</v>
      </c>
    </row>
    <row r="10438" spans="1:12">
      <c r="A10438" s="6" t="s">
        <v>49</v>
      </c>
      <c r="B10438" s="6"/>
      <c r="C10438" s="6" t="s">
        <v>10462</v>
      </c>
      <c r="D10438" s="6"/>
      <c r="E10438" s="6" t="s">
        <v>9</v>
      </c>
      <c r="F10438" s="7">
        <v>38657</v>
      </c>
      <c r="G10438" s="8">
        <v>1</v>
      </c>
      <c r="H10438" s="8">
        <v>1</v>
      </c>
      <c r="I10438" s="8">
        <v>0</v>
      </c>
      <c r="J10438" s="8">
        <v>1</v>
      </c>
      <c r="K10438" s="9">
        <v>172</v>
      </c>
      <c r="L10438" s="6" t="s">
        <v>51</v>
      </c>
    </row>
    <row r="10439" spans="1:12">
      <c r="A10439" s="6" t="s">
        <v>49</v>
      </c>
      <c r="B10439" s="6"/>
      <c r="C10439" s="6" t="s">
        <v>10463</v>
      </c>
      <c r="D10439" s="6"/>
      <c r="E10439" s="6" t="s">
        <v>9</v>
      </c>
      <c r="F10439" s="7">
        <v>38657</v>
      </c>
      <c r="G10439" s="8">
        <v>1</v>
      </c>
      <c r="H10439" s="8">
        <v>1</v>
      </c>
      <c r="I10439" s="8">
        <v>0</v>
      </c>
      <c r="J10439" s="8">
        <v>1</v>
      </c>
      <c r="K10439" s="9">
        <v>15</v>
      </c>
      <c r="L10439" s="6" t="s">
        <v>51</v>
      </c>
    </row>
    <row r="10440" spans="1:12">
      <c r="A10440" s="6" t="s">
        <v>49</v>
      </c>
      <c r="B10440" s="6"/>
      <c r="C10440" s="6" t="s">
        <v>10464</v>
      </c>
      <c r="D10440" s="6"/>
      <c r="E10440" s="6" t="s">
        <v>9</v>
      </c>
      <c r="F10440" s="7">
        <v>38657</v>
      </c>
      <c r="G10440" s="8">
        <v>1</v>
      </c>
      <c r="H10440" s="8">
        <v>1</v>
      </c>
      <c r="I10440" s="8">
        <v>0</v>
      </c>
      <c r="J10440" s="8">
        <v>1</v>
      </c>
      <c r="K10440" s="9">
        <v>155</v>
      </c>
      <c r="L10440" s="6" t="s">
        <v>51</v>
      </c>
    </row>
    <row r="10441" spans="1:12">
      <c r="A10441" s="6" t="s">
        <v>49</v>
      </c>
      <c r="B10441" s="6"/>
      <c r="C10441" s="6" t="s">
        <v>10465</v>
      </c>
      <c r="D10441" s="6"/>
      <c r="E10441" s="6" t="s">
        <v>9</v>
      </c>
      <c r="F10441" s="7">
        <v>38657</v>
      </c>
      <c r="G10441" s="8">
        <v>1</v>
      </c>
      <c r="H10441" s="8">
        <v>1</v>
      </c>
      <c r="I10441" s="8">
        <v>0</v>
      </c>
      <c r="J10441" s="8">
        <v>1</v>
      </c>
      <c r="K10441" s="9">
        <v>7.65</v>
      </c>
      <c r="L10441" s="6" t="s">
        <v>51</v>
      </c>
    </row>
    <row r="10442" spans="1:12">
      <c r="A10442" s="6" t="s">
        <v>49</v>
      </c>
      <c r="B10442" s="6"/>
      <c r="C10442" s="6" t="s">
        <v>10466</v>
      </c>
      <c r="D10442" s="6"/>
      <c r="E10442" s="6" t="s">
        <v>9</v>
      </c>
      <c r="F10442" s="7">
        <v>38657</v>
      </c>
      <c r="G10442" s="8">
        <v>1</v>
      </c>
      <c r="H10442" s="8">
        <v>1</v>
      </c>
      <c r="I10442" s="8">
        <v>0</v>
      </c>
      <c r="J10442" s="8">
        <v>1</v>
      </c>
      <c r="K10442" s="9">
        <v>188</v>
      </c>
      <c r="L10442" s="6" t="s">
        <v>51</v>
      </c>
    </row>
    <row r="10443" spans="1:12">
      <c r="A10443" s="6" t="s">
        <v>49</v>
      </c>
      <c r="B10443" s="6"/>
      <c r="C10443" s="6" t="s">
        <v>10467</v>
      </c>
      <c r="D10443" s="6"/>
      <c r="E10443" s="6" t="s">
        <v>9</v>
      </c>
      <c r="F10443" s="7">
        <v>40488</v>
      </c>
      <c r="G10443" s="8">
        <v>1</v>
      </c>
      <c r="H10443" s="8">
        <v>1</v>
      </c>
      <c r="I10443" s="8">
        <v>0</v>
      </c>
      <c r="J10443" s="8">
        <v>1</v>
      </c>
      <c r="K10443" s="9">
        <v>6.24</v>
      </c>
      <c r="L10443" s="6" t="s">
        <v>51</v>
      </c>
    </row>
    <row r="10444" spans="1:12">
      <c r="A10444" s="6" t="s">
        <v>49</v>
      </c>
      <c r="B10444" s="6"/>
      <c r="C10444" s="6" t="s">
        <v>10468</v>
      </c>
      <c r="D10444" s="6"/>
      <c r="E10444" s="6" t="s">
        <v>9</v>
      </c>
      <c r="F10444" s="7">
        <v>40488</v>
      </c>
      <c r="G10444" s="8">
        <v>1</v>
      </c>
      <c r="H10444" s="8">
        <v>1</v>
      </c>
      <c r="I10444" s="8">
        <v>0</v>
      </c>
      <c r="J10444" s="8">
        <v>1</v>
      </c>
      <c r="K10444" s="9">
        <v>122</v>
      </c>
      <c r="L10444" s="6" t="s">
        <v>51</v>
      </c>
    </row>
    <row r="10445" spans="1:12">
      <c r="A10445" s="6" t="s">
        <v>49</v>
      </c>
      <c r="B10445" s="6"/>
      <c r="C10445" s="6" t="s">
        <v>10469</v>
      </c>
      <c r="D10445" s="6"/>
      <c r="E10445" s="6" t="s">
        <v>9</v>
      </c>
      <c r="F10445" s="7">
        <v>40268</v>
      </c>
      <c r="G10445" s="8">
        <v>1</v>
      </c>
      <c r="H10445" s="8">
        <v>1</v>
      </c>
      <c r="I10445" s="8">
        <v>0</v>
      </c>
      <c r="J10445" s="8">
        <v>1</v>
      </c>
      <c r="K10445" s="9">
        <v>72</v>
      </c>
      <c r="L10445" s="6" t="s">
        <v>51</v>
      </c>
    </row>
    <row r="10446" spans="1:12">
      <c r="A10446" s="6" t="s">
        <v>49</v>
      </c>
      <c r="B10446" s="6"/>
      <c r="C10446" s="6" t="s">
        <v>10470</v>
      </c>
      <c r="D10446" s="6"/>
      <c r="E10446" s="6" t="s">
        <v>9</v>
      </c>
      <c r="F10446" s="7">
        <v>40488</v>
      </c>
      <c r="G10446" s="8">
        <v>1</v>
      </c>
      <c r="H10446" s="8">
        <v>1</v>
      </c>
      <c r="I10446" s="8">
        <v>0</v>
      </c>
      <c r="J10446" s="8">
        <v>1</v>
      </c>
      <c r="K10446" s="9">
        <v>6.25</v>
      </c>
      <c r="L10446" s="6" t="s">
        <v>51</v>
      </c>
    </row>
    <row r="10447" spans="1:12">
      <c r="A10447" s="6" t="s">
        <v>49</v>
      </c>
      <c r="B10447" s="6"/>
      <c r="C10447" s="6" t="s">
        <v>10471</v>
      </c>
      <c r="D10447" s="6"/>
      <c r="E10447" s="6" t="s">
        <v>9</v>
      </c>
      <c r="F10447" s="7">
        <v>40488</v>
      </c>
      <c r="G10447" s="8">
        <v>1</v>
      </c>
      <c r="H10447" s="8">
        <v>1</v>
      </c>
      <c r="I10447" s="8">
        <v>0</v>
      </c>
      <c r="J10447" s="8">
        <v>1</v>
      </c>
      <c r="K10447" s="9">
        <v>198</v>
      </c>
      <c r="L10447" s="6" t="s">
        <v>51</v>
      </c>
    </row>
    <row r="10448" spans="1:12">
      <c r="A10448" s="6" t="s">
        <v>49</v>
      </c>
      <c r="B10448" s="6"/>
      <c r="C10448" s="6" t="s">
        <v>10472</v>
      </c>
      <c r="D10448" s="6"/>
      <c r="E10448" s="6" t="s">
        <v>9</v>
      </c>
      <c r="F10448" s="7">
        <v>40488</v>
      </c>
      <c r="G10448" s="8">
        <v>1</v>
      </c>
      <c r="H10448" s="8">
        <v>1</v>
      </c>
      <c r="I10448" s="8">
        <v>0</v>
      </c>
      <c r="J10448" s="8">
        <v>1</v>
      </c>
      <c r="K10448" s="9">
        <v>528</v>
      </c>
      <c r="L10448" s="6" t="s">
        <v>51</v>
      </c>
    </row>
    <row r="10449" spans="1:12">
      <c r="A10449" s="6" t="s">
        <v>49</v>
      </c>
      <c r="B10449" s="6"/>
      <c r="C10449" s="6" t="s">
        <v>10473</v>
      </c>
      <c r="D10449" s="6"/>
      <c r="E10449" s="6" t="s">
        <v>9</v>
      </c>
      <c r="F10449" s="7">
        <v>40488</v>
      </c>
      <c r="G10449" s="8">
        <v>1</v>
      </c>
      <c r="H10449" s="8">
        <v>1</v>
      </c>
      <c r="I10449" s="8">
        <v>0</v>
      </c>
      <c r="J10449" s="8">
        <v>1</v>
      </c>
      <c r="K10449" s="9">
        <v>92</v>
      </c>
      <c r="L10449" s="6" t="s">
        <v>51</v>
      </c>
    </row>
    <row r="10450" spans="1:12">
      <c r="A10450" s="6" t="s">
        <v>49</v>
      </c>
      <c r="B10450" s="6"/>
      <c r="C10450" s="6" t="s">
        <v>10474</v>
      </c>
      <c r="D10450" s="6"/>
      <c r="E10450" s="6" t="s">
        <v>9</v>
      </c>
      <c r="F10450" s="7">
        <v>40488</v>
      </c>
      <c r="G10450" s="8">
        <v>1</v>
      </c>
      <c r="H10450" s="8">
        <v>1</v>
      </c>
      <c r="I10450" s="8">
        <v>0</v>
      </c>
      <c r="J10450" s="8">
        <v>1</v>
      </c>
      <c r="K10450" s="9">
        <v>50</v>
      </c>
      <c r="L10450" s="6" t="s">
        <v>51</v>
      </c>
    </row>
    <row r="10451" spans="1:12">
      <c r="A10451" s="6" t="s">
        <v>49</v>
      </c>
      <c r="B10451" s="6"/>
      <c r="C10451" s="6" t="s">
        <v>10475</v>
      </c>
      <c r="D10451" s="6"/>
      <c r="E10451" s="6" t="s">
        <v>9</v>
      </c>
      <c r="F10451" s="7">
        <v>40488</v>
      </c>
      <c r="G10451" s="8">
        <v>1</v>
      </c>
      <c r="H10451" s="8">
        <v>1</v>
      </c>
      <c r="I10451" s="8">
        <v>0</v>
      </c>
      <c r="J10451" s="8">
        <v>1</v>
      </c>
      <c r="K10451" s="9">
        <v>10</v>
      </c>
      <c r="L10451" s="6" t="s">
        <v>51</v>
      </c>
    </row>
    <row r="10452" spans="1:12">
      <c r="A10452" s="6" t="s">
        <v>49</v>
      </c>
      <c r="B10452" s="6"/>
      <c r="C10452" s="6" t="s">
        <v>10476</v>
      </c>
      <c r="D10452" s="6"/>
      <c r="E10452" s="6" t="s">
        <v>9</v>
      </c>
      <c r="F10452" s="7">
        <v>38657</v>
      </c>
      <c r="G10452" s="8">
        <v>1</v>
      </c>
      <c r="H10452" s="8">
        <v>1</v>
      </c>
      <c r="I10452" s="8">
        <v>0</v>
      </c>
      <c r="J10452" s="8">
        <v>1</v>
      </c>
      <c r="K10452" s="9">
        <v>33.049999999999898</v>
      </c>
      <c r="L10452" s="6" t="s">
        <v>51</v>
      </c>
    </row>
    <row r="10453" spans="1:12">
      <c r="A10453" s="6" t="s">
        <v>49</v>
      </c>
      <c r="B10453" s="6"/>
      <c r="C10453" s="6" t="s">
        <v>10477</v>
      </c>
      <c r="D10453" s="6"/>
      <c r="E10453" s="6" t="s">
        <v>9</v>
      </c>
      <c r="F10453" s="7">
        <v>40488</v>
      </c>
      <c r="G10453" s="8">
        <v>1</v>
      </c>
      <c r="H10453" s="8">
        <v>1</v>
      </c>
      <c r="I10453" s="8">
        <v>0</v>
      </c>
      <c r="J10453" s="8">
        <v>1</v>
      </c>
      <c r="K10453" s="9">
        <v>349</v>
      </c>
      <c r="L10453" s="6" t="s">
        <v>51</v>
      </c>
    </row>
    <row r="10454" spans="1:12">
      <c r="A10454" s="6" t="s">
        <v>49</v>
      </c>
      <c r="B10454" s="6"/>
      <c r="C10454" s="6" t="s">
        <v>10478</v>
      </c>
      <c r="D10454" s="6"/>
      <c r="E10454" s="6" t="s">
        <v>9</v>
      </c>
      <c r="F10454" s="7">
        <v>40488</v>
      </c>
      <c r="G10454" s="8">
        <v>1</v>
      </c>
      <c r="H10454" s="8">
        <v>1</v>
      </c>
      <c r="I10454" s="8">
        <v>0</v>
      </c>
      <c r="J10454" s="8">
        <v>1</v>
      </c>
      <c r="K10454" s="9">
        <v>26</v>
      </c>
      <c r="L10454" s="6" t="s">
        <v>51</v>
      </c>
    </row>
    <row r="10455" spans="1:12">
      <c r="A10455" s="6" t="s">
        <v>49</v>
      </c>
      <c r="B10455" s="6"/>
      <c r="C10455" s="6" t="s">
        <v>10479</v>
      </c>
      <c r="D10455" s="6"/>
      <c r="E10455" s="6" t="s">
        <v>9</v>
      </c>
      <c r="F10455" s="7">
        <v>40268</v>
      </c>
      <c r="G10455" s="8">
        <v>1</v>
      </c>
      <c r="H10455" s="8">
        <v>1</v>
      </c>
      <c r="I10455" s="8">
        <v>0</v>
      </c>
      <c r="J10455" s="8">
        <v>1</v>
      </c>
      <c r="K10455" s="9">
        <v>59</v>
      </c>
      <c r="L10455" s="6" t="s">
        <v>51</v>
      </c>
    </row>
    <row r="10456" spans="1:12">
      <c r="A10456" s="6" t="s">
        <v>49</v>
      </c>
      <c r="B10456" s="6"/>
      <c r="C10456" s="6" t="s">
        <v>10480</v>
      </c>
      <c r="D10456" s="6"/>
      <c r="E10456" s="6" t="s">
        <v>9</v>
      </c>
      <c r="F10456" s="7">
        <v>38657</v>
      </c>
      <c r="G10456" s="8">
        <v>1</v>
      </c>
      <c r="H10456" s="8">
        <v>1</v>
      </c>
      <c r="I10456" s="8">
        <v>0</v>
      </c>
      <c r="J10456" s="8">
        <v>1</v>
      </c>
      <c r="K10456" s="9">
        <v>594</v>
      </c>
      <c r="L10456" s="6" t="s">
        <v>51</v>
      </c>
    </row>
    <row r="10457" spans="1:12">
      <c r="A10457" s="6" t="s">
        <v>49</v>
      </c>
      <c r="B10457" s="6"/>
      <c r="C10457" s="6" t="s">
        <v>10481</v>
      </c>
      <c r="D10457" s="6"/>
      <c r="E10457" s="6" t="s">
        <v>9</v>
      </c>
      <c r="F10457" s="7">
        <v>40268</v>
      </c>
      <c r="G10457" s="8">
        <v>1</v>
      </c>
      <c r="H10457" s="8">
        <v>1</v>
      </c>
      <c r="I10457" s="8">
        <v>0</v>
      </c>
      <c r="J10457" s="8">
        <v>1</v>
      </c>
      <c r="K10457" s="9">
        <v>59</v>
      </c>
      <c r="L10457" s="6" t="s">
        <v>51</v>
      </c>
    </row>
    <row r="10458" spans="1:12">
      <c r="A10458" s="6" t="s">
        <v>49</v>
      </c>
      <c r="B10458" s="6"/>
      <c r="C10458" s="6" t="s">
        <v>10482</v>
      </c>
      <c r="D10458" s="6"/>
      <c r="E10458" s="6" t="s">
        <v>9</v>
      </c>
      <c r="F10458" s="7">
        <v>38657</v>
      </c>
      <c r="G10458" s="8">
        <v>1</v>
      </c>
      <c r="H10458" s="8">
        <v>1</v>
      </c>
      <c r="I10458" s="8">
        <v>0</v>
      </c>
      <c r="J10458" s="8">
        <v>1</v>
      </c>
      <c r="K10458" s="9">
        <v>6.3</v>
      </c>
      <c r="L10458" s="6" t="s">
        <v>51</v>
      </c>
    </row>
    <row r="10459" spans="1:12">
      <c r="A10459" s="6" t="s">
        <v>49</v>
      </c>
      <c r="B10459" s="6"/>
      <c r="C10459" s="6" t="s">
        <v>10483</v>
      </c>
      <c r="D10459" s="6"/>
      <c r="E10459" s="6" t="s">
        <v>9</v>
      </c>
      <c r="F10459" s="7">
        <v>38657</v>
      </c>
      <c r="G10459" s="8">
        <v>1</v>
      </c>
      <c r="H10459" s="8">
        <v>1</v>
      </c>
      <c r="I10459" s="8">
        <v>0</v>
      </c>
      <c r="J10459" s="8">
        <v>1</v>
      </c>
      <c r="K10459" s="9">
        <v>6.17</v>
      </c>
      <c r="L10459" s="6" t="s">
        <v>51</v>
      </c>
    </row>
    <row r="10460" spans="1:12">
      <c r="A10460" s="6" t="s">
        <v>49</v>
      </c>
      <c r="B10460" s="6"/>
      <c r="C10460" s="6" t="s">
        <v>10484</v>
      </c>
      <c r="D10460" s="6"/>
      <c r="E10460" s="6" t="s">
        <v>9</v>
      </c>
      <c r="F10460" s="7">
        <v>38657</v>
      </c>
      <c r="G10460" s="8">
        <v>1</v>
      </c>
      <c r="H10460" s="8">
        <v>1</v>
      </c>
      <c r="I10460" s="8">
        <v>0</v>
      </c>
      <c r="J10460" s="8">
        <v>1</v>
      </c>
      <c r="K10460" s="9">
        <v>342</v>
      </c>
      <c r="L10460" s="6" t="s">
        <v>51</v>
      </c>
    </row>
    <row r="10461" spans="1:12">
      <c r="A10461" s="6" t="s">
        <v>49</v>
      </c>
      <c r="B10461" s="6"/>
      <c r="C10461" s="6" t="s">
        <v>10485</v>
      </c>
      <c r="D10461" s="6"/>
      <c r="E10461" s="6" t="s">
        <v>9</v>
      </c>
      <c r="F10461" s="7">
        <v>38657</v>
      </c>
      <c r="G10461" s="8">
        <v>1</v>
      </c>
      <c r="H10461" s="8">
        <v>1</v>
      </c>
      <c r="I10461" s="8">
        <v>0</v>
      </c>
      <c r="J10461" s="8">
        <v>1</v>
      </c>
      <c r="K10461" s="9">
        <v>94</v>
      </c>
      <c r="L10461" s="6" t="s">
        <v>51</v>
      </c>
    </row>
    <row r="10462" spans="1:12">
      <c r="A10462" s="6" t="s">
        <v>49</v>
      </c>
      <c r="B10462" s="6"/>
      <c r="C10462" s="6" t="s">
        <v>10486</v>
      </c>
      <c r="D10462" s="6"/>
      <c r="E10462" s="6" t="s">
        <v>9</v>
      </c>
      <c r="F10462" s="7">
        <v>38657</v>
      </c>
      <c r="G10462" s="8">
        <v>1</v>
      </c>
      <c r="H10462" s="8">
        <v>1</v>
      </c>
      <c r="I10462" s="8">
        <v>0</v>
      </c>
      <c r="J10462" s="8">
        <v>1</v>
      </c>
      <c r="K10462" s="9">
        <v>6.35</v>
      </c>
      <c r="L10462" s="6" t="s">
        <v>51</v>
      </c>
    </row>
    <row r="10463" spans="1:12">
      <c r="A10463" s="6" t="s">
        <v>49</v>
      </c>
      <c r="B10463" s="6"/>
      <c r="C10463" s="6" t="s">
        <v>10487</v>
      </c>
      <c r="D10463" s="6"/>
      <c r="E10463" s="6" t="s">
        <v>9</v>
      </c>
      <c r="F10463" s="7">
        <v>38657</v>
      </c>
      <c r="G10463" s="8">
        <v>1</v>
      </c>
      <c r="H10463" s="8">
        <v>1</v>
      </c>
      <c r="I10463" s="8">
        <v>0</v>
      </c>
      <c r="J10463" s="8">
        <v>1</v>
      </c>
      <c r="K10463" s="9">
        <v>5.92</v>
      </c>
      <c r="L10463" s="6" t="s">
        <v>51</v>
      </c>
    </row>
    <row r="10464" spans="1:12">
      <c r="A10464" s="6" t="s">
        <v>49</v>
      </c>
      <c r="B10464" s="6"/>
      <c r="C10464" s="6" t="s">
        <v>10488</v>
      </c>
      <c r="D10464" s="6"/>
      <c r="E10464" s="6" t="s">
        <v>9</v>
      </c>
      <c r="F10464" s="7">
        <v>38657</v>
      </c>
      <c r="G10464" s="8">
        <v>1</v>
      </c>
      <c r="H10464" s="8">
        <v>1</v>
      </c>
      <c r="I10464" s="8">
        <v>0</v>
      </c>
      <c r="J10464" s="8">
        <v>1</v>
      </c>
      <c r="K10464" s="9">
        <v>6.24</v>
      </c>
      <c r="L10464" s="6" t="s">
        <v>51</v>
      </c>
    </row>
    <row r="10465" spans="1:12">
      <c r="A10465" s="6" t="s">
        <v>49</v>
      </c>
      <c r="B10465" s="6"/>
      <c r="C10465" s="6" t="s">
        <v>10489</v>
      </c>
      <c r="D10465" s="6"/>
      <c r="E10465" s="6" t="s">
        <v>9</v>
      </c>
      <c r="F10465" s="7">
        <v>38657</v>
      </c>
      <c r="G10465" s="8">
        <v>1</v>
      </c>
      <c r="H10465" s="8">
        <v>1</v>
      </c>
      <c r="I10465" s="8">
        <v>0</v>
      </c>
      <c r="J10465" s="8">
        <v>1</v>
      </c>
      <c r="K10465" s="9">
        <v>213</v>
      </c>
      <c r="L10465" s="6" t="s">
        <v>51</v>
      </c>
    </row>
    <row r="10466" spans="1:12">
      <c r="A10466" s="6" t="s">
        <v>49</v>
      </c>
      <c r="B10466" s="6"/>
      <c r="C10466" s="6" t="s">
        <v>10490</v>
      </c>
      <c r="D10466" s="6"/>
      <c r="E10466" s="6" t="s">
        <v>9</v>
      </c>
      <c r="F10466" s="7">
        <v>38657</v>
      </c>
      <c r="G10466" s="8">
        <v>1</v>
      </c>
      <c r="H10466" s="8">
        <v>1</v>
      </c>
      <c r="I10466" s="8">
        <v>0</v>
      </c>
      <c r="J10466" s="8">
        <v>1</v>
      </c>
      <c r="K10466" s="9">
        <v>16</v>
      </c>
      <c r="L10466" s="6" t="s">
        <v>51</v>
      </c>
    </row>
    <row r="10467" spans="1:12">
      <c r="A10467" s="6" t="s">
        <v>49</v>
      </c>
      <c r="B10467" s="6"/>
      <c r="C10467" s="6" t="s">
        <v>10491</v>
      </c>
      <c r="D10467" s="6"/>
      <c r="E10467" s="6" t="s">
        <v>9</v>
      </c>
      <c r="F10467" s="7">
        <v>38657</v>
      </c>
      <c r="G10467" s="8">
        <v>1</v>
      </c>
      <c r="H10467" s="8">
        <v>1</v>
      </c>
      <c r="I10467" s="8">
        <v>0</v>
      </c>
      <c r="J10467" s="8">
        <v>1</v>
      </c>
      <c r="K10467" s="9">
        <v>4.47</v>
      </c>
      <c r="L10467" s="6" t="s">
        <v>51</v>
      </c>
    </row>
    <row r="10468" spans="1:12">
      <c r="A10468" s="6" t="s">
        <v>49</v>
      </c>
      <c r="B10468" s="6"/>
      <c r="C10468" s="6" t="s">
        <v>10492</v>
      </c>
      <c r="D10468" s="6"/>
      <c r="E10468" s="6" t="s">
        <v>9</v>
      </c>
      <c r="F10468" s="7">
        <v>38657</v>
      </c>
      <c r="G10468" s="8">
        <v>1</v>
      </c>
      <c r="H10468" s="8">
        <v>1</v>
      </c>
      <c r="I10468" s="8">
        <v>0</v>
      </c>
      <c r="J10468" s="8">
        <v>1</v>
      </c>
      <c r="K10468" s="9">
        <v>7</v>
      </c>
      <c r="L10468" s="6" t="s">
        <v>51</v>
      </c>
    </row>
    <row r="10469" spans="1:12">
      <c r="A10469" s="6" t="s">
        <v>49</v>
      </c>
      <c r="B10469" s="6"/>
      <c r="C10469" s="6" t="s">
        <v>10493</v>
      </c>
      <c r="D10469" s="6"/>
      <c r="E10469" s="6" t="s">
        <v>9</v>
      </c>
      <c r="F10469" s="7">
        <v>38657</v>
      </c>
      <c r="G10469" s="8">
        <v>1</v>
      </c>
      <c r="H10469" s="8">
        <v>1</v>
      </c>
      <c r="I10469" s="8">
        <v>0</v>
      </c>
      <c r="J10469" s="8">
        <v>1</v>
      </c>
      <c r="K10469" s="9">
        <v>434</v>
      </c>
      <c r="L10469" s="6" t="s">
        <v>51</v>
      </c>
    </row>
    <row r="10470" spans="1:12">
      <c r="A10470" s="6" t="s">
        <v>49</v>
      </c>
      <c r="B10470" s="6"/>
      <c r="C10470" s="6" t="s">
        <v>10494</v>
      </c>
      <c r="D10470" s="6"/>
      <c r="E10470" s="6" t="s">
        <v>9</v>
      </c>
      <c r="F10470" s="7">
        <v>38657</v>
      </c>
      <c r="G10470" s="8">
        <v>1</v>
      </c>
      <c r="H10470" s="8">
        <v>1</v>
      </c>
      <c r="I10470" s="8">
        <v>0</v>
      </c>
      <c r="J10470" s="8">
        <v>1</v>
      </c>
      <c r="K10470" s="9">
        <v>22</v>
      </c>
      <c r="L10470" s="6" t="s">
        <v>51</v>
      </c>
    </row>
    <row r="10471" spans="1:12">
      <c r="A10471" s="6" t="s">
        <v>49</v>
      </c>
      <c r="B10471" s="6"/>
      <c r="C10471" s="6" t="s">
        <v>10495</v>
      </c>
      <c r="D10471" s="6"/>
      <c r="E10471" s="6" t="s">
        <v>9</v>
      </c>
      <c r="F10471" s="7">
        <v>38657</v>
      </c>
      <c r="G10471" s="8">
        <v>1</v>
      </c>
      <c r="H10471" s="8">
        <v>1</v>
      </c>
      <c r="I10471" s="8">
        <v>0</v>
      </c>
      <c r="J10471" s="8">
        <v>1</v>
      </c>
      <c r="K10471" s="9">
        <v>45</v>
      </c>
      <c r="L10471" s="6" t="s">
        <v>51</v>
      </c>
    </row>
    <row r="10472" spans="1:12">
      <c r="A10472" s="6" t="s">
        <v>49</v>
      </c>
      <c r="B10472" s="6"/>
      <c r="C10472" s="6" t="s">
        <v>10496</v>
      </c>
      <c r="D10472" s="6"/>
      <c r="E10472" s="6" t="s">
        <v>9</v>
      </c>
      <c r="F10472" s="7">
        <v>38657</v>
      </c>
      <c r="G10472" s="8">
        <v>1</v>
      </c>
      <c r="H10472" s="8">
        <v>1</v>
      </c>
      <c r="I10472" s="8">
        <v>0</v>
      </c>
      <c r="J10472" s="8">
        <v>1</v>
      </c>
      <c r="K10472" s="9">
        <v>29</v>
      </c>
      <c r="L10472" s="6" t="s">
        <v>51</v>
      </c>
    </row>
    <row r="10473" spans="1:12">
      <c r="A10473" s="6" t="s">
        <v>49</v>
      </c>
      <c r="B10473" s="6"/>
      <c r="C10473" s="6" t="s">
        <v>10497</v>
      </c>
      <c r="D10473" s="6"/>
      <c r="E10473" s="6" t="s">
        <v>9</v>
      </c>
      <c r="F10473" s="7">
        <v>38657</v>
      </c>
      <c r="G10473" s="8">
        <v>1</v>
      </c>
      <c r="H10473" s="8">
        <v>1</v>
      </c>
      <c r="I10473" s="8">
        <v>0</v>
      </c>
      <c r="J10473" s="8">
        <v>1</v>
      </c>
      <c r="K10473" s="9">
        <v>35</v>
      </c>
      <c r="L10473" s="6" t="s">
        <v>51</v>
      </c>
    </row>
    <row r="10474" spans="1:12">
      <c r="A10474" s="6" t="s">
        <v>49</v>
      </c>
      <c r="B10474" s="6"/>
      <c r="C10474" s="6" t="s">
        <v>10498</v>
      </c>
      <c r="D10474" s="6"/>
      <c r="E10474" s="6" t="s">
        <v>9</v>
      </c>
      <c r="F10474" s="7">
        <v>38657</v>
      </c>
      <c r="G10474" s="8">
        <v>1</v>
      </c>
      <c r="H10474" s="8">
        <v>1</v>
      </c>
      <c r="I10474" s="8">
        <v>0</v>
      </c>
      <c r="J10474" s="8">
        <v>1</v>
      </c>
      <c r="K10474" s="9">
        <v>7.59</v>
      </c>
      <c r="L10474" s="6" t="s">
        <v>51</v>
      </c>
    </row>
    <row r="10475" spans="1:12">
      <c r="A10475" s="6" t="s">
        <v>49</v>
      </c>
      <c r="B10475" s="6"/>
      <c r="C10475" s="6" t="s">
        <v>10499</v>
      </c>
      <c r="D10475" s="6"/>
      <c r="E10475" s="6" t="s">
        <v>9</v>
      </c>
      <c r="F10475" s="7">
        <v>38657</v>
      </c>
      <c r="G10475" s="8">
        <v>1</v>
      </c>
      <c r="H10475" s="8">
        <v>1</v>
      </c>
      <c r="I10475" s="8">
        <v>0</v>
      </c>
      <c r="J10475" s="8">
        <v>1</v>
      </c>
      <c r="K10475" s="9">
        <v>59</v>
      </c>
      <c r="L10475" s="6" t="s">
        <v>51</v>
      </c>
    </row>
    <row r="10476" spans="1:12">
      <c r="A10476" s="6" t="s">
        <v>49</v>
      </c>
      <c r="B10476" s="6"/>
      <c r="C10476" s="6" t="s">
        <v>10500</v>
      </c>
      <c r="D10476" s="6"/>
      <c r="E10476" s="6" t="s">
        <v>9</v>
      </c>
      <c r="F10476" s="7">
        <v>38657</v>
      </c>
      <c r="G10476" s="8">
        <v>1</v>
      </c>
      <c r="H10476" s="8">
        <v>1</v>
      </c>
      <c r="I10476" s="8">
        <v>0</v>
      </c>
      <c r="J10476" s="8">
        <v>1</v>
      </c>
      <c r="K10476" s="9">
        <v>5.22</v>
      </c>
      <c r="L10476" s="6" t="s">
        <v>51</v>
      </c>
    </row>
    <row r="10477" spans="1:12">
      <c r="A10477" s="6" t="s">
        <v>49</v>
      </c>
      <c r="B10477" s="6"/>
      <c r="C10477" s="6" t="s">
        <v>10501</v>
      </c>
      <c r="D10477" s="6"/>
      <c r="E10477" s="6" t="s">
        <v>9</v>
      </c>
      <c r="F10477" s="7">
        <v>38657</v>
      </c>
      <c r="G10477" s="8">
        <v>1</v>
      </c>
      <c r="H10477" s="8">
        <v>1</v>
      </c>
      <c r="I10477" s="8">
        <v>0</v>
      </c>
      <c r="J10477" s="8">
        <v>1</v>
      </c>
      <c r="K10477" s="9">
        <v>19</v>
      </c>
      <c r="L10477" s="6" t="s">
        <v>51</v>
      </c>
    </row>
    <row r="10478" spans="1:12">
      <c r="A10478" s="6" t="s">
        <v>49</v>
      </c>
      <c r="B10478" s="6"/>
      <c r="C10478" s="6" t="s">
        <v>10502</v>
      </c>
      <c r="D10478" s="6"/>
      <c r="E10478" s="6" t="s">
        <v>9</v>
      </c>
      <c r="F10478" s="7">
        <v>38657</v>
      </c>
      <c r="G10478" s="8">
        <v>1</v>
      </c>
      <c r="H10478" s="8">
        <v>1</v>
      </c>
      <c r="I10478" s="8">
        <v>0</v>
      </c>
      <c r="J10478" s="8">
        <v>1</v>
      </c>
      <c r="K10478" s="9">
        <v>15</v>
      </c>
      <c r="L10478" s="6" t="s">
        <v>51</v>
      </c>
    </row>
    <row r="10479" spans="1:12">
      <c r="A10479" s="6" t="s">
        <v>49</v>
      </c>
      <c r="B10479" s="6"/>
      <c r="C10479" s="6" t="s">
        <v>10503</v>
      </c>
      <c r="D10479" s="6"/>
      <c r="E10479" s="6" t="s">
        <v>9</v>
      </c>
      <c r="F10479" s="7">
        <v>38657</v>
      </c>
      <c r="G10479" s="8">
        <v>1</v>
      </c>
      <c r="H10479" s="8">
        <v>1</v>
      </c>
      <c r="I10479" s="8">
        <v>0</v>
      </c>
      <c r="J10479" s="8">
        <v>1</v>
      </c>
      <c r="K10479" s="9">
        <v>6.61</v>
      </c>
      <c r="L10479" s="6" t="s">
        <v>51</v>
      </c>
    </row>
    <row r="10480" spans="1:12">
      <c r="A10480" s="6" t="s">
        <v>49</v>
      </c>
      <c r="B10480" s="6"/>
      <c r="C10480" s="6" t="s">
        <v>10504</v>
      </c>
      <c r="D10480" s="6"/>
      <c r="E10480" s="6" t="s">
        <v>9</v>
      </c>
      <c r="F10480" s="7">
        <v>38657</v>
      </c>
      <c r="G10480" s="8">
        <v>1</v>
      </c>
      <c r="H10480" s="8">
        <v>1</v>
      </c>
      <c r="I10480" s="8">
        <v>0</v>
      </c>
      <c r="J10480" s="8">
        <v>1</v>
      </c>
      <c r="K10480" s="9">
        <v>4.7</v>
      </c>
      <c r="L10480" s="6" t="s">
        <v>51</v>
      </c>
    </row>
    <row r="10481" spans="1:12">
      <c r="A10481" s="6" t="s">
        <v>49</v>
      </c>
      <c r="B10481" s="6"/>
      <c r="C10481" s="6" t="s">
        <v>10505</v>
      </c>
      <c r="D10481" s="6"/>
      <c r="E10481" s="6" t="s">
        <v>9</v>
      </c>
      <c r="F10481" s="7">
        <v>38657</v>
      </c>
      <c r="G10481" s="8">
        <v>1</v>
      </c>
      <c r="H10481" s="8">
        <v>1</v>
      </c>
      <c r="I10481" s="8">
        <v>0</v>
      </c>
      <c r="J10481" s="8">
        <v>1</v>
      </c>
      <c r="K10481" s="9">
        <v>19.04</v>
      </c>
      <c r="L10481" s="6" t="s">
        <v>51</v>
      </c>
    </row>
    <row r="10482" spans="1:12">
      <c r="A10482" s="6" t="s">
        <v>49</v>
      </c>
      <c r="B10482" s="6"/>
      <c r="C10482" s="6" t="s">
        <v>10506</v>
      </c>
      <c r="D10482" s="6"/>
      <c r="E10482" s="6" t="s">
        <v>9</v>
      </c>
      <c r="F10482" s="7">
        <v>38657</v>
      </c>
      <c r="G10482" s="8">
        <v>1</v>
      </c>
      <c r="H10482" s="8">
        <v>1</v>
      </c>
      <c r="I10482" s="8">
        <v>0</v>
      </c>
      <c r="J10482" s="8">
        <v>1</v>
      </c>
      <c r="K10482" s="9">
        <v>30</v>
      </c>
      <c r="L10482" s="6" t="s">
        <v>51</v>
      </c>
    </row>
    <row r="10483" spans="1:12">
      <c r="A10483" s="6" t="s">
        <v>49</v>
      </c>
      <c r="B10483" s="6"/>
      <c r="C10483" s="6" t="s">
        <v>10507</v>
      </c>
      <c r="D10483" s="6"/>
      <c r="E10483" s="6" t="s">
        <v>9</v>
      </c>
      <c r="F10483" s="7">
        <v>38657</v>
      </c>
      <c r="G10483" s="8">
        <v>1</v>
      </c>
      <c r="H10483" s="8">
        <v>1</v>
      </c>
      <c r="I10483" s="8">
        <v>0</v>
      </c>
      <c r="J10483" s="8">
        <v>1</v>
      </c>
      <c r="K10483" s="9">
        <v>43</v>
      </c>
      <c r="L10483" s="6" t="s">
        <v>51</v>
      </c>
    </row>
    <row r="10484" spans="1:12">
      <c r="A10484" s="6" t="s">
        <v>49</v>
      </c>
      <c r="B10484" s="6"/>
      <c r="C10484" s="6" t="s">
        <v>10508</v>
      </c>
      <c r="D10484" s="6"/>
      <c r="E10484" s="6" t="s">
        <v>9</v>
      </c>
      <c r="F10484" s="7">
        <v>41933</v>
      </c>
      <c r="G10484" s="8">
        <v>1</v>
      </c>
      <c r="H10484" s="8">
        <v>1</v>
      </c>
      <c r="I10484" s="8">
        <v>0</v>
      </c>
      <c r="J10484" s="8">
        <v>1</v>
      </c>
      <c r="K10484" s="9">
        <v>267</v>
      </c>
      <c r="L10484" s="6" t="s">
        <v>51</v>
      </c>
    </row>
    <row r="10485" spans="1:12">
      <c r="A10485" s="6" t="s">
        <v>49</v>
      </c>
      <c r="B10485" s="6"/>
      <c r="C10485" s="6" t="s">
        <v>10509</v>
      </c>
      <c r="D10485" s="6"/>
      <c r="E10485" s="6" t="s">
        <v>9</v>
      </c>
      <c r="F10485" s="7">
        <v>38657</v>
      </c>
      <c r="G10485" s="8">
        <v>1</v>
      </c>
      <c r="H10485" s="8">
        <v>1</v>
      </c>
      <c r="I10485" s="8">
        <v>0</v>
      </c>
      <c r="J10485" s="8">
        <v>1</v>
      </c>
      <c r="K10485" s="9">
        <v>92</v>
      </c>
      <c r="L10485" s="6" t="s">
        <v>51</v>
      </c>
    </row>
    <row r="10486" spans="1:12">
      <c r="A10486" s="6" t="s">
        <v>49</v>
      </c>
      <c r="B10486" s="6"/>
      <c r="C10486" s="6" t="s">
        <v>10510</v>
      </c>
      <c r="D10486" s="6"/>
      <c r="E10486" s="6" t="s">
        <v>9</v>
      </c>
      <c r="F10486" s="7">
        <v>38657</v>
      </c>
      <c r="G10486" s="8">
        <v>1</v>
      </c>
      <c r="H10486" s="8">
        <v>1</v>
      </c>
      <c r="I10486" s="8">
        <v>0</v>
      </c>
      <c r="J10486" s="8">
        <v>1</v>
      </c>
      <c r="K10486" s="9">
        <v>17.36</v>
      </c>
      <c r="L10486" s="6" t="s">
        <v>51</v>
      </c>
    </row>
    <row r="10487" spans="1:12">
      <c r="A10487" s="6" t="s">
        <v>49</v>
      </c>
      <c r="B10487" s="6"/>
      <c r="C10487" s="6" t="s">
        <v>10511</v>
      </c>
      <c r="D10487" s="6"/>
      <c r="E10487" s="6" t="s">
        <v>9</v>
      </c>
      <c r="F10487" s="7">
        <v>41933</v>
      </c>
      <c r="G10487" s="8">
        <v>1</v>
      </c>
      <c r="H10487" s="8">
        <v>1</v>
      </c>
      <c r="I10487" s="8">
        <v>0</v>
      </c>
      <c r="J10487" s="8">
        <v>1</v>
      </c>
      <c r="K10487" s="9">
        <v>910</v>
      </c>
      <c r="L10487" s="6" t="s">
        <v>51</v>
      </c>
    </row>
    <row r="10488" spans="1:12">
      <c r="A10488" s="6" t="s">
        <v>49</v>
      </c>
      <c r="B10488" s="6"/>
      <c r="C10488" s="6" t="s">
        <v>10512</v>
      </c>
      <c r="D10488" s="6"/>
      <c r="E10488" s="6" t="s">
        <v>9</v>
      </c>
      <c r="F10488" s="7">
        <v>38657</v>
      </c>
      <c r="G10488" s="8">
        <v>1</v>
      </c>
      <c r="H10488" s="8">
        <v>1</v>
      </c>
      <c r="I10488" s="8">
        <v>0</v>
      </c>
      <c r="J10488" s="8">
        <v>1</v>
      </c>
      <c r="K10488" s="9">
        <v>29</v>
      </c>
      <c r="L10488" s="6" t="s">
        <v>51</v>
      </c>
    </row>
    <row r="10489" spans="1:12">
      <c r="A10489" s="6" t="s">
        <v>49</v>
      </c>
      <c r="B10489" s="6"/>
      <c r="C10489" s="6" t="s">
        <v>10513</v>
      </c>
      <c r="D10489" s="6"/>
      <c r="E10489" s="6" t="s">
        <v>9</v>
      </c>
      <c r="F10489" s="7">
        <v>38657</v>
      </c>
      <c r="G10489" s="8">
        <v>1</v>
      </c>
      <c r="H10489" s="8">
        <v>1</v>
      </c>
      <c r="I10489" s="8">
        <v>0</v>
      </c>
      <c r="J10489" s="8">
        <v>1</v>
      </c>
      <c r="K10489" s="9">
        <v>24</v>
      </c>
      <c r="L10489" s="6" t="s">
        <v>51</v>
      </c>
    </row>
    <row r="10490" spans="1:12">
      <c r="A10490" s="6" t="s">
        <v>49</v>
      </c>
      <c r="B10490" s="6"/>
      <c r="C10490" s="6" t="s">
        <v>10514</v>
      </c>
      <c r="D10490" s="6"/>
      <c r="E10490" s="6" t="s">
        <v>9</v>
      </c>
      <c r="F10490" s="7">
        <v>38657</v>
      </c>
      <c r="G10490" s="8">
        <v>1</v>
      </c>
      <c r="H10490" s="8">
        <v>1</v>
      </c>
      <c r="I10490" s="8">
        <v>0</v>
      </c>
      <c r="J10490" s="8">
        <v>1</v>
      </c>
      <c r="K10490" s="9">
        <v>54</v>
      </c>
      <c r="L10490" s="6" t="s">
        <v>51</v>
      </c>
    </row>
    <row r="10491" spans="1:12">
      <c r="A10491" s="6" t="s">
        <v>49</v>
      </c>
      <c r="B10491" s="6"/>
      <c r="C10491" s="6" t="s">
        <v>10515</v>
      </c>
      <c r="D10491" s="6"/>
      <c r="E10491" s="6" t="s">
        <v>9</v>
      </c>
      <c r="F10491" s="7">
        <v>38657</v>
      </c>
      <c r="G10491" s="8">
        <v>1</v>
      </c>
      <c r="H10491" s="8">
        <v>1</v>
      </c>
      <c r="I10491" s="8">
        <v>0</v>
      </c>
      <c r="J10491" s="8">
        <v>1</v>
      </c>
      <c r="K10491" s="9">
        <v>4.5</v>
      </c>
      <c r="L10491" s="6" t="s">
        <v>51</v>
      </c>
    </row>
    <row r="10492" spans="1:12">
      <c r="A10492" s="6" t="s">
        <v>49</v>
      </c>
      <c r="B10492" s="6"/>
      <c r="C10492" s="6" t="s">
        <v>10516</v>
      </c>
      <c r="D10492" s="6"/>
      <c r="E10492" s="6" t="s">
        <v>9</v>
      </c>
      <c r="F10492" s="7">
        <v>38657</v>
      </c>
      <c r="G10492" s="8">
        <v>1</v>
      </c>
      <c r="H10492" s="8">
        <v>1</v>
      </c>
      <c r="I10492" s="8">
        <v>0</v>
      </c>
      <c r="J10492" s="8">
        <v>1</v>
      </c>
      <c r="K10492" s="9">
        <v>51</v>
      </c>
      <c r="L10492" s="6" t="s">
        <v>51</v>
      </c>
    </row>
    <row r="10493" spans="1:12">
      <c r="A10493" s="6" t="s">
        <v>49</v>
      </c>
      <c r="B10493" s="6"/>
      <c r="C10493" s="6" t="s">
        <v>10517</v>
      </c>
      <c r="D10493" s="6"/>
      <c r="E10493" s="6" t="s">
        <v>9</v>
      </c>
      <c r="F10493" s="7">
        <v>38657</v>
      </c>
      <c r="G10493" s="8">
        <v>1</v>
      </c>
      <c r="H10493" s="8">
        <v>1</v>
      </c>
      <c r="I10493" s="8">
        <v>0</v>
      </c>
      <c r="J10493" s="8">
        <v>1</v>
      </c>
      <c r="K10493" s="9">
        <v>51</v>
      </c>
      <c r="L10493" s="6" t="s">
        <v>51</v>
      </c>
    </row>
    <row r="10494" spans="1:12">
      <c r="A10494" s="6" t="s">
        <v>49</v>
      </c>
      <c r="B10494" s="6"/>
      <c r="C10494" s="6" t="s">
        <v>10518</v>
      </c>
      <c r="D10494" s="6"/>
      <c r="E10494" s="6" t="s">
        <v>9</v>
      </c>
      <c r="F10494" s="7">
        <v>38657</v>
      </c>
      <c r="G10494" s="8">
        <v>1</v>
      </c>
      <c r="H10494" s="8">
        <v>1</v>
      </c>
      <c r="I10494" s="8">
        <v>0</v>
      </c>
      <c r="J10494" s="8">
        <v>1</v>
      </c>
      <c r="K10494" s="9">
        <v>24</v>
      </c>
      <c r="L10494" s="6" t="s">
        <v>51</v>
      </c>
    </row>
    <row r="10495" spans="1:12">
      <c r="A10495" s="6" t="s">
        <v>49</v>
      </c>
      <c r="B10495" s="6"/>
      <c r="C10495" s="6" t="s">
        <v>10519</v>
      </c>
      <c r="D10495" s="6"/>
      <c r="E10495" s="6" t="s">
        <v>9</v>
      </c>
      <c r="F10495" s="7">
        <v>38657</v>
      </c>
      <c r="G10495" s="8">
        <v>1</v>
      </c>
      <c r="H10495" s="8">
        <v>1</v>
      </c>
      <c r="I10495" s="8">
        <v>0</v>
      </c>
      <c r="J10495" s="8">
        <v>1</v>
      </c>
      <c r="K10495" s="9">
        <v>32</v>
      </c>
      <c r="L10495" s="6" t="s">
        <v>51</v>
      </c>
    </row>
    <row r="10496" spans="1:12">
      <c r="A10496" s="6" t="s">
        <v>49</v>
      </c>
      <c r="B10496" s="6"/>
      <c r="C10496" s="6" t="s">
        <v>10520</v>
      </c>
      <c r="D10496" s="6"/>
      <c r="E10496" s="6" t="s">
        <v>9</v>
      </c>
      <c r="F10496" s="7">
        <v>38657</v>
      </c>
      <c r="G10496" s="8">
        <v>1</v>
      </c>
      <c r="H10496" s="8">
        <v>1</v>
      </c>
      <c r="I10496" s="8">
        <v>0</v>
      </c>
      <c r="J10496" s="8">
        <v>1</v>
      </c>
      <c r="K10496" s="9">
        <v>352</v>
      </c>
      <c r="L10496" s="6" t="s">
        <v>51</v>
      </c>
    </row>
    <row r="10497" spans="1:12">
      <c r="A10497" s="6" t="s">
        <v>49</v>
      </c>
      <c r="B10497" s="6"/>
      <c r="C10497" s="6" t="s">
        <v>10521</v>
      </c>
      <c r="D10497" s="6"/>
      <c r="E10497" s="6" t="s">
        <v>9</v>
      </c>
      <c r="F10497" s="7">
        <v>38657</v>
      </c>
      <c r="G10497" s="8">
        <v>1</v>
      </c>
      <c r="H10497" s="8">
        <v>1</v>
      </c>
      <c r="I10497" s="8">
        <v>0</v>
      </c>
      <c r="J10497" s="8">
        <v>1</v>
      </c>
      <c r="K10497" s="9">
        <v>20.84</v>
      </c>
      <c r="L10497" s="6" t="s">
        <v>51</v>
      </c>
    </row>
    <row r="10498" spans="1:12">
      <c r="A10498" s="6" t="s">
        <v>49</v>
      </c>
      <c r="B10498" s="6"/>
      <c r="C10498" s="6" t="s">
        <v>10522</v>
      </c>
      <c r="D10498" s="6"/>
      <c r="E10498" s="6" t="s">
        <v>9</v>
      </c>
      <c r="F10498" s="7">
        <v>38657</v>
      </c>
      <c r="G10498" s="8">
        <v>1</v>
      </c>
      <c r="H10498" s="8">
        <v>1</v>
      </c>
      <c r="I10498" s="8">
        <v>0</v>
      </c>
      <c r="J10498" s="8">
        <v>1</v>
      </c>
      <c r="K10498" s="9">
        <v>24</v>
      </c>
      <c r="L10498" s="6" t="s">
        <v>51</v>
      </c>
    </row>
    <row r="10499" spans="1:12">
      <c r="A10499" s="6" t="s">
        <v>49</v>
      </c>
      <c r="B10499" s="6"/>
      <c r="C10499" s="6" t="s">
        <v>10523</v>
      </c>
      <c r="D10499" s="6"/>
      <c r="E10499" s="6" t="s">
        <v>9</v>
      </c>
      <c r="F10499" s="7">
        <v>38657</v>
      </c>
      <c r="G10499" s="8">
        <v>1</v>
      </c>
      <c r="H10499" s="8">
        <v>1</v>
      </c>
      <c r="I10499" s="8">
        <v>0</v>
      </c>
      <c r="J10499" s="8">
        <v>1</v>
      </c>
      <c r="K10499" s="9">
        <v>23</v>
      </c>
      <c r="L10499" s="6" t="s">
        <v>51</v>
      </c>
    </row>
    <row r="10500" spans="1:12">
      <c r="A10500" s="6" t="s">
        <v>49</v>
      </c>
      <c r="B10500" s="6"/>
      <c r="C10500" s="6" t="s">
        <v>10524</v>
      </c>
      <c r="D10500" s="6"/>
      <c r="E10500" s="6" t="s">
        <v>9</v>
      </c>
      <c r="F10500" s="7">
        <v>38657</v>
      </c>
      <c r="G10500" s="8">
        <v>1</v>
      </c>
      <c r="H10500" s="8">
        <v>1</v>
      </c>
      <c r="I10500" s="8">
        <v>0</v>
      </c>
      <c r="J10500" s="8">
        <v>1</v>
      </c>
      <c r="K10500" s="9">
        <v>50</v>
      </c>
      <c r="L10500" s="6" t="s">
        <v>51</v>
      </c>
    </row>
    <row r="10501" spans="1:12">
      <c r="A10501" s="6" t="s">
        <v>49</v>
      </c>
      <c r="B10501" s="6"/>
      <c r="C10501" s="6" t="s">
        <v>10525</v>
      </c>
      <c r="D10501" s="6"/>
      <c r="E10501" s="6" t="s">
        <v>9</v>
      </c>
      <c r="F10501" s="7">
        <v>38657</v>
      </c>
      <c r="G10501" s="8">
        <v>1</v>
      </c>
      <c r="H10501" s="8">
        <v>1</v>
      </c>
      <c r="I10501" s="8">
        <v>0</v>
      </c>
      <c r="J10501" s="8">
        <v>1</v>
      </c>
      <c r="K10501" s="9">
        <v>57</v>
      </c>
      <c r="L10501" s="6" t="s">
        <v>51</v>
      </c>
    </row>
    <row r="10502" spans="1:12">
      <c r="A10502" s="6" t="s">
        <v>49</v>
      </c>
      <c r="B10502" s="6"/>
      <c r="C10502" s="6" t="s">
        <v>10526</v>
      </c>
      <c r="D10502" s="6"/>
      <c r="E10502" s="6" t="s">
        <v>9</v>
      </c>
      <c r="F10502" s="7">
        <v>38657</v>
      </c>
      <c r="G10502" s="8">
        <v>1</v>
      </c>
      <c r="H10502" s="8">
        <v>1</v>
      </c>
      <c r="I10502" s="8">
        <v>0</v>
      </c>
      <c r="J10502" s="8">
        <v>1</v>
      </c>
      <c r="K10502" s="9">
        <v>1.76</v>
      </c>
      <c r="L10502" s="6" t="s">
        <v>51</v>
      </c>
    </row>
    <row r="10503" spans="1:12">
      <c r="A10503" s="6" t="s">
        <v>49</v>
      </c>
      <c r="B10503" s="6"/>
      <c r="C10503" s="6" t="s">
        <v>10527</v>
      </c>
      <c r="D10503" s="6"/>
      <c r="E10503" s="6" t="s">
        <v>9</v>
      </c>
      <c r="F10503" s="7">
        <v>38657</v>
      </c>
      <c r="G10503" s="8">
        <v>1</v>
      </c>
      <c r="H10503" s="8">
        <v>1</v>
      </c>
      <c r="I10503" s="8">
        <v>0</v>
      </c>
      <c r="J10503" s="8">
        <v>1</v>
      </c>
      <c r="K10503" s="9">
        <v>6.26</v>
      </c>
      <c r="L10503" s="6" t="s">
        <v>51</v>
      </c>
    </row>
    <row r="10504" spans="1:12">
      <c r="A10504" s="6" t="s">
        <v>49</v>
      </c>
      <c r="B10504" s="6"/>
      <c r="C10504" s="6" t="s">
        <v>10528</v>
      </c>
      <c r="D10504" s="6"/>
      <c r="E10504" s="6" t="s">
        <v>9</v>
      </c>
      <c r="F10504" s="7">
        <v>38657</v>
      </c>
      <c r="G10504" s="8">
        <v>1</v>
      </c>
      <c r="H10504" s="8">
        <v>1</v>
      </c>
      <c r="I10504" s="8">
        <v>0</v>
      </c>
      <c r="J10504" s="8">
        <v>1</v>
      </c>
      <c r="K10504" s="9">
        <v>4.2</v>
      </c>
      <c r="L10504" s="6" t="s">
        <v>51</v>
      </c>
    </row>
    <row r="10505" spans="1:12">
      <c r="A10505" s="6" t="s">
        <v>49</v>
      </c>
      <c r="B10505" s="6"/>
      <c r="C10505" s="6" t="s">
        <v>10529</v>
      </c>
      <c r="D10505" s="6"/>
      <c r="E10505" s="6" t="s">
        <v>9</v>
      </c>
      <c r="F10505" s="7">
        <v>38657</v>
      </c>
      <c r="G10505" s="8">
        <v>1</v>
      </c>
      <c r="H10505" s="8">
        <v>1</v>
      </c>
      <c r="I10505" s="8">
        <v>0</v>
      </c>
      <c r="J10505" s="8">
        <v>1</v>
      </c>
      <c r="K10505" s="9">
        <v>0.28999999999999898</v>
      </c>
      <c r="L10505" s="6" t="s">
        <v>51</v>
      </c>
    </row>
    <row r="10506" spans="1:12">
      <c r="A10506" s="6" t="s">
        <v>49</v>
      </c>
      <c r="B10506" s="6"/>
      <c r="C10506" s="6" t="s">
        <v>10530</v>
      </c>
      <c r="D10506" s="6"/>
      <c r="E10506" s="6" t="s">
        <v>9</v>
      </c>
      <c r="F10506" s="7">
        <v>38657</v>
      </c>
      <c r="G10506" s="8">
        <v>1</v>
      </c>
      <c r="H10506" s="8">
        <v>1</v>
      </c>
      <c r="I10506" s="8">
        <v>0</v>
      </c>
      <c r="J10506" s="8">
        <v>1</v>
      </c>
      <c r="K10506" s="9">
        <v>6.26</v>
      </c>
      <c r="L10506" s="6" t="s">
        <v>51</v>
      </c>
    </row>
    <row r="10507" spans="1:12">
      <c r="A10507" s="6" t="s">
        <v>49</v>
      </c>
      <c r="B10507" s="6"/>
      <c r="C10507" s="6" t="s">
        <v>10531</v>
      </c>
      <c r="D10507" s="6"/>
      <c r="E10507" s="6" t="s">
        <v>9</v>
      </c>
      <c r="F10507" s="7">
        <v>38657</v>
      </c>
      <c r="G10507" s="8">
        <v>1</v>
      </c>
      <c r="H10507" s="8">
        <v>1</v>
      </c>
      <c r="I10507" s="8">
        <v>0</v>
      </c>
      <c r="J10507" s="8">
        <v>1</v>
      </c>
      <c r="K10507" s="9">
        <v>49</v>
      </c>
      <c r="L10507" s="6" t="s">
        <v>51</v>
      </c>
    </row>
    <row r="10508" spans="1:12">
      <c r="A10508" s="6" t="s">
        <v>49</v>
      </c>
      <c r="B10508" s="6"/>
      <c r="C10508" s="6" t="s">
        <v>10532</v>
      </c>
      <c r="D10508" s="6"/>
      <c r="E10508" s="6" t="s">
        <v>9</v>
      </c>
      <c r="F10508" s="7">
        <v>38657</v>
      </c>
      <c r="G10508" s="8">
        <v>1</v>
      </c>
      <c r="H10508" s="8">
        <v>1</v>
      </c>
      <c r="I10508" s="8">
        <v>0</v>
      </c>
      <c r="J10508" s="8">
        <v>1</v>
      </c>
      <c r="K10508" s="9">
        <v>10.92</v>
      </c>
      <c r="L10508" s="6" t="s">
        <v>51</v>
      </c>
    </row>
    <row r="10509" spans="1:12">
      <c r="A10509" s="6" t="s">
        <v>49</v>
      </c>
      <c r="B10509" s="6"/>
      <c r="C10509" s="6" t="s">
        <v>10533</v>
      </c>
      <c r="D10509" s="6"/>
      <c r="E10509" s="6" t="s">
        <v>9</v>
      </c>
      <c r="F10509" s="7">
        <v>38657</v>
      </c>
      <c r="G10509" s="8">
        <v>1</v>
      </c>
      <c r="H10509" s="8">
        <v>1</v>
      </c>
      <c r="I10509" s="8">
        <v>0</v>
      </c>
      <c r="J10509" s="8">
        <v>1</v>
      </c>
      <c r="K10509" s="9">
        <v>249</v>
      </c>
      <c r="L10509" s="6" t="s">
        <v>51</v>
      </c>
    </row>
    <row r="10510" spans="1:12">
      <c r="A10510" s="6" t="s">
        <v>49</v>
      </c>
      <c r="B10510" s="6"/>
      <c r="C10510" s="6" t="s">
        <v>10534</v>
      </c>
      <c r="D10510" s="6"/>
      <c r="E10510" s="6" t="s">
        <v>9</v>
      </c>
      <c r="F10510" s="7">
        <v>38657</v>
      </c>
      <c r="G10510" s="8">
        <v>1</v>
      </c>
      <c r="H10510" s="8">
        <v>1</v>
      </c>
      <c r="I10510" s="8">
        <v>0</v>
      </c>
      <c r="J10510" s="8">
        <v>1</v>
      </c>
      <c r="K10510" s="9">
        <v>331</v>
      </c>
      <c r="L10510" s="6" t="s">
        <v>51</v>
      </c>
    </row>
    <row r="10511" spans="1:12">
      <c r="A10511" s="6" t="s">
        <v>49</v>
      </c>
      <c r="B10511" s="6"/>
      <c r="C10511" s="6" t="s">
        <v>10535</v>
      </c>
      <c r="D10511" s="6"/>
      <c r="E10511" s="6" t="s">
        <v>9</v>
      </c>
      <c r="F10511" s="7">
        <v>38657</v>
      </c>
      <c r="G10511" s="8">
        <v>1</v>
      </c>
      <c r="H10511" s="8">
        <v>1</v>
      </c>
      <c r="I10511" s="8">
        <v>0</v>
      </c>
      <c r="J10511" s="8">
        <v>1</v>
      </c>
      <c r="K10511" s="9">
        <v>429</v>
      </c>
      <c r="L10511" s="6" t="s">
        <v>51</v>
      </c>
    </row>
    <row r="10512" spans="1:12">
      <c r="A10512" s="6" t="s">
        <v>49</v>
      </c>
      <c r="B10512" s="6"/>
      <c r="C10512" s="6" t="s">
        <v>10536</v>
      </c>
      <c r="D10512" s="6"/>
      <c r="E10512" s="6" t="s">
        <v>9</v>
      </c>
      <c r="F10512" s="7">
        <v>38657</v>
      </c>
      <c r="G10512" s="8">
        <v>1</v>
      </c>
      <c r="H10512" s="8">
        <v>1</v>
      </c>
      <c r="I10512" s="8">
        <v>0</v>
      </c>
      <c r="J10512" s="8">
        <v>1</v>
      </c>
      <c r="K10512" s="9">
        <v>188</v>
      </c>
      <c r="L10512" s="6" t="s">
        <v>51</v>
      </c>
    </row>
    <row r="10513" spans="1:12">
      <c r="A10513" s="6" t="s">
        <v>49</v>
      </c>
      <c r="B10513" s="6"/>
      <c r="C10513" s="6" t="s">
        <v>10537</v>
      </c>
      <c r="D10513" s="6"/>
      <c r="E10513" s="6" t="s">
        <v>9</v>
      </c>
      <c r="F10513" s="7">
        <v>38657</v>
      </c>
      <c r="G10513" s="8">
        <v>1</v>
      </c>
      <c r="H10513" s="8">
        <v>1</v>
      </c>
      <c r="I10513" s="8">
        <v>0</v>
      </c>
      <c r="J10513" s="8">
        <v>1</v>
      </c>
      <c r="K10513" s="9">
        <v>302</v>
      </c>
      <c r="L10513" s="6" t="s">
        <v>51</v>
      </c>
    </row>
    <row r="10514" spans="1:12">
      <c r="A10514" s="6" t="s">
        <v>49</v>
      </c>
      <c r="B10514" s="6"/>
      <c r="C10514" s="6" t="s">
        <v>10538</v>
      </c>
      <c r="D10514" s="6"/>
      <c r="E10514" s="6" t="s">
        <v>9</v>
      </c>
      <c r="F10514" s="7">
        <v>38657</v>
      </c>
      <c r="G10514" s="8">
        <v>1</v>
      </c>
      <c r="H10514" s="8">
        <v>1</v>
      </c>
      <c r="I10514" s="8">
        <v>0</v>
      </c>
      <c r="J10514" s="8">
        <v>1</v>
      </c>
      <c r="K10514" s="9">
        <v>331</v>
      </c>
      <c r="L10514" s="6" t="s">
        <v>51</v>
      </c>
    </row>
    <row r="10515" spans="1:12">
      <c r="A10515" s="6" t="s">
        <v>49</v>
      </c>
      <c r="B10515" s="6"/>
      <c r="C10515" s="6" t="s">
        <v>10539</v>
      </c>
      <c r="D10515" s="6"/>
      <c r="E10515" s="6" t="s">
        <v>9</v>
      </c>
      <c r="F10515" s="7">
        <v>38657</v>
      </c>
      <c r="G10515" s="8">
        <v>1</v>
      </c>
      <c r="H10515" s="8">
        <v>1</v>
      </c>
      <c r="I10515" s="8">
        <v>0</v>
      </c>
      <c r="J10515" s="8">
        <v>1</v>
      </c>
      <c r="K10515" s="9">
        <v>276</v>
      </c>
      <c r="L10515" s="6" t="s">
        <v>51</v>
      </c>
    </row>
    <row r="10516" spans="1:12">
      <c r="A10516" s="6" t="s">
        <v>49</v>
      </c>
      <c r="B10516" s="6"/>
      <c r="C10516" s="6" t="s">
        <v>10540</v>
      </c>
      <c r="D10516" s="6"/>
      <c r="E10516" s="6" t="s">
        <v>9</v>
      </c>
      <c r="F10516" s="7">
        <v>38657</v>
      </c>
      <c r="G10516" s="8">
        <v>1</v>
      </c>
      <c r="H10516" s="8">
        <v>1</v>
      </c>
      <c r="I10516" s="8">
        <v>0</v>
      </c>
      <c r="J10516" s="8">
        <v>1</v>
      </c>
      <c r="K10516" s="9">
        <v>179</v>
      </c>
      <c r="L10516" s="6" t="s">
        <v>51</v>
      </c>
    </row>
    <row r="10517" spans="1:12">
      <c r="A10517" s="6" t="s">
        <v>49</v>
      </c>
      <c r="B10517" s="6"/>
      <c r="C10517" s="6" t="s">
        <v>10541</v>
      </c>
      <c r="D10517" s="6"/>
      <c r="E10517" s="6" t="s">
        <v>9</v>
      </c>
      <c r="F10517" s="7">
        <v>38657</v>
      </c>
      <c r="G10517" s="8">
        <v>1</v>
      </c>
      <c r="H10517" s="8">
        <v>1</v>
      </c>
      <c r="I10517" s="8">
        <v>0</v>
      </c>
      <c r="J10517" s="8">
        <v>1</v>
      </c>
      <c r="K10517" s="9">
        <v>122</v>
      </c>
      <c r="L10517" s="6" t="s">
        <v>51</v>
      </c>
    </row>
    <row r="10518" spans="1:12">
      <c r="A10518" s="6" t="s">
        <v>49</v>
      </c>
      <c r="B10518" s="6"/>
      <c r="C10518" s="6" t="s">
        <v>10542</v>
      </c>
      <c r="D10518" s="6"/>
      <c r="E10518" s="6" t="s">
        <v>9</v>
      </c>
      <c r="F10518" s="7">
        <v>38657</v>
      </c>
      <c r="G10518" s="8">
        <v>1</v>
      </c>
      <c r="H10518" s="8">
        <v>1</v>
      </c>
      <c r="I10518" s="8">
        <v>0</v>
      </c>
      <c r="J10518" s="8">
        <v>1</v>
      </c>
      <c r="K10518" s="9">
        <v>186</v>
      </c>
      <c r="L10518" s="6" t="s">
        <v>51</v>
      </c>
    </row>
    <row r="10519" spans="1:12">
      <c r="A10519" s="6" t="s">
        <v>49</v>
      </c>
      <c r="B10519" s="6"/>
      <c r="C10519" s="6" t="s">
        <v>10543</v>
      </c>
      <c r="D10519" s="6"/>
      <c r="E10519" s="6" t="s">
        <v>9</v>
      </c>
      <c r="F10519" s="7">
        <v>38657</v>
      </c>
      <c r="G10519" s="8">
        <v>1</v>
      </c>
      <c r="H10519" s="8">
        <v>1</v>
      </c>
      <c r="I10519" s="8">
        <v>0</v>
      </c>
      <c r="J10519" s="8">
        <v>1</v>
      </c>
      <c r="K10519" s="9">
        <v>53.51</v>
      </c>
      <c r="L10519" s="6" t="s">
        <v>51</v>
      </c>
    </row>
    <row r="10520" spans="1:12">
      <c r="A10520" s="6" t="s">
        <v>49</v>
      </c>
      <c r="B10520" s="6"/>
      <c r="C10520" s="6" t="s">
        <v>10544</v>
      </c>
      <c r="D10520" s="6"/>
      <c r="E10520" s="6" t="s">
        <v>9</v>
      </c>
      <c r="F10520" s="7">
        <v>38657</v>
      </c>
      <c r="G10520" s="8">
        <v>1</v>
      </c>
      <c r="H10520" s="8">
        <v>1</v>
      </c>
      <c r="I10520" s="8">
        <v>0</v>
      </c>
      <c r="J10520" s="8">
        <v>1</v>
      </c>
      <c r="K10520" s="9">
        <v>212</v>
      </c>
      <c r="L10520" s="6" t="s">
        <v>51</v>
      </c>
    </row>
    <row r="10521" spans="1:12">
      <c r="A10521" s="6" t="s">
        <v>49</v>
      </c>
      <c r="B10521" s="6"/>
      <c r="C10521" s="6" t="s">
        <v>10545</v>
      </c>
      <c r="D10521" s="6"/>
      <c r="E10521" s="6" t="s">
        <v>9</v>
      </c>
      <c r="F10521" s="7">
        <v>38657</v>
      </c>
      <c r="G10521" s="8">
        <v>1</v>
      </c>
      <c r="H10521" s="8">
        <v>1</v>
      </c>
      <c r="I10521" s="8">
        <v>0</v>
      </c>
      <c r="J10521" s="8">
        <v>1</v>
      </c>
      <c r="K10521" s="9">
        <v>186</v>
      </c>
      <c r="L10521" s="6" t="s">
        <v>51</v>
      </c>
    </row>
    <row r="10522" spans="1:12">
      <c r="A10522" s="6" t="s">
        <v>49</v>
      </c>
      <c r="B10522" s="6"/>
      <c r="C10522" s="6" t="s">
        <v>10546</v>
      </c>
      <c r="D10522" s="6"/>
      <c r="E10522" s="6" t="s">
        <v>9</v>
      </c>
      <c r="F10522" s="7">
        <v>38657</v>
      </c>
      <c r="G10522" s="8">
        <v>1</v>
      </c>
      <c r="H10522" s="8">
        <v>1</v>
      </c>
      <c r="I10522" s="8">
        <v>0</v>
      </c>
      <c r="J10522" s="8">
        <v>1</v>
      </c>
      <c r="K10522" s="9">
        <v>169</v>
      </c>
      <c r="L10522" s="6" t="s">
        <v>51</v>
      </c>
    </row>
    <row r="10523" spans="1:12">
      <c r="A10523" s="6" t="s">
        <v>49</v>
      </c>
      <c r="B10523" s="6"/>
      <c r="C10523" s="6" t="s">
        <v>10547</v>
      </c>
      <c r="D10523" s="6"/>
      <c r="E10523" s="6" t="s">
        <v>9</v>
      </c>
      <c r="F10523" s="7">
        <v>38657</v>
      </c>
      <c r="G10523" s="8">
        <v>1</v>
      </c>
      <c r="H10523" s="8">
        <v>1</v>
      </c>
      <c r="I10523" s="8">
        <v>0</v>
      </c>
      <c r="J10523" s="8">
        <v>1</v>
      </c>
      <c r="K10523" s="9">
        <v>32.200000000000003</v>
      </c>
      <c r="L10523" s="6" t="s">
        <v>51</v>
      </c>
    </row>
    <row r="10524" spans="1:12">
      <c r="A10524" s="6" t="s">
        <v>49</v>
      </c>
      <c r="B10524" s="6"/>
      <c r="C10524" s="6" t="s">
        <v>10548</v>
      </c>
      <c r="D10524" s="6"/>
      <c r="E10524" s="6" t="s">
        <v>9</v>
      </c>
      <c r="F10524" s="7">
        <v>38657</v>
      </c>
      <c r="G10524" s="8">
        <v>1</v>
      </c>
      <c r="H10524" s="8">
        <v>1</v>
      </c>
      <c r="I10524" s="8">
        <v>0</v>
      </c>
      <c r="J10524" s="8">
        <v>1</v>
      </c>
      <c r="K10524" s="9">
        <v>149</v>
      </c>
      <c r="L10524" s="6" t="s">
        <v>51</v>
      </c>
    </row>
    <row r="10525" spans="1:12">
      <c r="A10525" s="6" t="s">
        <v>49</v>
      </c>
      <c r="B10525" s="6"/>
      <c r="C10525" s="6" t="s">
        <v>10549</v>
      </c>
      <c r="D10525" s="6"/>
      <c r="E10525" s="6" t="s">
        <v>9</v>
      </c>
      <c r="F10525" s="7">
        <v>38657</v>
      </c>
      <c r="G10525" s="8">
        <v>1</v>
      </c>
      <c r="H10525" s="8">
        <v>1</v>
      </c>
      <c r="I10525" s="8">
        <v>0</v>
      </c>
      <c r="J10525" s="8">
        <v>1</v>
      </c>
      <c r="K10525" s="9">
        <v>27.35</v>
      </c>
      <c r="L10525" s="6" t="s">
        <v>51</v>
      </c>
    </row>
    <row r="10526" spans="1:12">
      <c r="A10526" s="6" t="s">
        <v>49</v>
      </c>
      <c r="B10526" s="6"/>
      <c r="C10526" s="6" t="s">
        <v>10550</v>
      </c>
      <c r="D10526" s="6"/>
      <c r="E10526" s="6" t="s">
        <v>9</v>
      </c>
      <c r="F10526" s="7">
        <v>38657</v>
      </c>
      <c r="G10526" s="8">
        <v>1</v>
      </c>
      <c r="H10526" s="8">
        <v>1</v>
      </c>
      <c r="I10526" s="8">
        <v>0</v>
      </c>
      <c r="J10526" s="8">
        <v>1</v>
      </c>
      <c r="K10526" s="9">
        <v>129</v>
      </c>
      <c r="L10526" s="6" t="s">
        <v>51</v>
      </c>
    </row>
    <row r="10527" spans="1:12">
      <c r="A10527" s="6" t="s">
        <v>49</v>
      </c>
      <c r="B10527" s="6"/>
      <c r="C10527" s="6" t="s">
        <v>10551</v>
      </c>
      <c r="D10527" s="6"/>
      <c r="E10527" s="6" t="s">
        <v>9</v>
      </c>
      <c r="F10527" s="7">
        <v>41547</v>
      </c>
      <c r="G10527" s="8">
        <v>1</v>
      </c>
      <c r="H10527" s="8">
        <v>1</v>
      </c>
      <c r="I10527" s="8">
        <v>0</v>
      </c>
      <c r="J10527" s="8">
        <v>1</v>
      </c>
      <c r="K10527" s="9">
        <v>302</v>
      </c>
      <c r="L10527" s="6" t="s">
        <v>51</v>
      </c>
    </row>
    <row r="10528" spans="1:12">
      <c r="A10528" s="6" t="s">
        <v>49</v>
      </c>
      <c r="B10528" s="6"/>
      <c r="C10528" s="6" t="s">
        <v>10552</v>
      </c>
      <c r="D10528" s="6"/>
      <c r="E10528" s="6" t="s">
        <v>9</v>
      </c>
      <c r="F10528" s="7">
        <v>41547</v>
      </c>
      <c r="G10528" s="8">
        <v>1</v>
      </c>
      <c r="H10528" s="8">
        <v>1</v>
      </c>
      <c r="I10528" s="8">
        <v>0</v>
      </c>
      <c r="J10528" s="8">
        <v>1</v>
      </c>
      <c r="K10528" s="9">
        <v>4.21</v>
      </c>
      <c r="L10528" s="6" t="s">
        <v>51</v>
      </c>
    </row>
    <row r="10529" spans="1:12">
      <c r="A10529" s="6" t="s">
        <v>49</v>
      </c>
      <c r="B10529" s="6"/>
      <c r="C10529" s="6" t="s">
        <v>10553</v>
      </c>
      <c r="D10529" s="6"/>
      <c r="E10529" s="6" t="s">
        <v>9</v>
      </c>
      <c r="F10529" s="7">
        <v>38657</v>
      </c>
      <c r="G10529" s="8">
        <v>1</v>
      </c>
      <c r="H10529" s="8">
        <v>1</v>
      </c>
      <c r="I10529" s="8">
        <v>0</v>
      </c>
      <c r="J10529" s="8">
        <v>1</v>
      </c>
      <c r="K10529" s="9">
        <v>107</v>
      </c>
      <c r="L10529" s="6" t="s">
        <v>51</v>
      </c>
    </row>
    <row r="10530" spans="1:12">
      <c r="A10530" s="6" t="s">
        <v>49</v>
      </c>
      <c r="B10530" s="6"/>
      <c r="C10530" s="6" t="s">
        <v>10554</v>
      </c>
      <c r="D10530" s="6"/>
      <c r="E10530" s="6" t="s">
        <v>9</v>
      </c>
      <c r="F10530" s="7">
        <v>38657</v>
      </c>
      <c r="G10530" s="8">
        <v>1</v>
      </c>
      <c r="H10530" s="8">
        <v>1</v>
      </c>
      <c r="I10530" s="8">
        <v>0</v>
      </c>
      <c r="J10530" s="8">
        <v>1</v>
      </c>
      <c r="K10530" s="9">
        <v>33.71</v>
      </c>
      <c r="L10530" s="6" t="s">
        <v>51</v>
      </c>
    </row>
    <row r="10531" spans="1:12">
      <c r="A10531" s="6" t="s">
        <v>49</v>
      </c>
      <c r="B10531" s="6"/>
      <c r="C10531" s="6" t="s">
        <v>10555</v>
      </c>
      <c r="D10531" s="6"/>
      <c r="E10531" s="6" t="s">
        <v>9</v>
      </c>
      <c r="F10531" s="7">
        <v>38657</v>
      </c>
      <c r="G10531" s="8">
        <v>1</v>
      </c>
      <c r="H10531" s="8">
        <v>1</v>
      </c>
      <c r="I10531" s="8">
        <v>0</v>
      </c>
      <c r="J10531" s="8">
        <v>1</v>
      </c>
      <c r="K10531" s="9">
        <v>41</v>
      </c>
      <c r="L10531" s="6" t="s">
        <v>51</v>
      </c>
    </row>
    <row r="10532" spans="1:12">
      <c r="A10532" s="6" t="s">
        <v>49</v>
      </c>
      <c r="B10532" s="6"/>
      <c r="C10532" s="6" t="s">
        <v>10556</v>
      </c>
      <c r="D10532" s="6"/>
      <c r="E10532" s="6" t="s">
        <v>9</v>
      </c>
      <c r="F10532" s="7">
        <v>38657</v>
      </c>
      <c r="G10532" s="8">
        <v>1</v>
      </c>
      <c r="H10532" s="8">
        <v>1</v>
      </c>
      <c r="I10532" s="8">
        <v>0</v>
      </c>
      <c r="J10532" s="8">
        <v>1</v>
      </c>
      <c r="K10532" s="9">
        <v>1.99</v>
      </c>
      <c r="L10532" s="6" t="s">
        <v>51</v>
      </c>
    </row>
    <row r="10533" spans="1:12">
      <c r="A10533" s="6" t="s">
        <v>49</v>
      </c>
      <c r="B10533" s="6"/>
      <c r="C10533" s="6" t="s">
        <v>10557</v>
      </c>
      <c r="D10533" s="6"/>
      <c r="E10533" s="6" t="s">
        <v>9</v>
      </c>
      <c r="F10533" s="7">
        <v>38657</v>
      </c>
      <c r="G10533" s="8">
        <v>1</v>
      </c>
      <c r="H10533" s="8">
        <v>1</v>
      </c>
      <c r="I10533" s="8">
        <v>0</v>
      </c>
      <c r="J10533" s="8">
        <v>1</v>
      </c>
      <c r="K10533" s="9">
        <v>6.06</v>
      </c>
      <c r="L10533" s="6" t="s">
        <v>51</v>
      </c>
    </row>
    <row r="10534" spans="1:12">
      <c r="A10534" s="6" t="s">
        <v>49</v>
      </c>
      <c r="B10534" s="6"/>
      <c r="C10534" s="6" t="s">
        <v>10558</v>
      </c>
      <c r="D10534" s="6"/>
      <c r="E10534" s="6" t="s">
        <v>9</v>
      </c>
      <c r="F10534" s="7">
        <v>38657</v>
      </c>
      <c r="G10534" s="8">
        <v>1</v>
      </c>
      <c r="H10534" s="8">
        <v>1</v>
      </c>
      <c r="I10534" s="8">
        <v>0</v>
      </c>
      <c r="J10534" s="8">
        <v>1</v>
      </c>
      <c r="K10534" s="9">
        <v>27.35</v>
      </c>
      <c r="L10534" s="6" t="s">
        <v>51</v>
      </c>
    </row>
    <row r="10535" spans="1:12">
      <c r="A10535" s="6" t="s">
        <v>49</v>
      </c>
      <c r="B10535" s="6"/>
      <c r="C10535" s="6" t="s">
        <v>10559</v>
      </c>
      <c r="D10535" s="6"/>
      <c r="E10535" s="6" t="s">
        <v>9</v>
      </c>
      <c r="F10535" s="7">
        <v>38657</v>
      </c>
      <c r="G10535" s="8">
        <v>1</v>
      </c>
      <c r="H10535" s="8">
        <v>1</v>
      </c>
      <c r="I10535" s="8">
        <v>0</v>
      </c>
      <c r="J10535" s="8">
        <v>1</v>
      </c>
      <c r="K10535" s="9">
        <v>16</v>
      </c>
      <c r="L10535" s="6" t="s">
        <v>51</v>
      </c>
    </row>
    <row r="10536" spans="1:12">
      <c r="A10536" s="6" t="s">
        <v>49</v>
      </c>
      <c r="B10536" s="6"/>
      <c r="C10536" s="6" t="s">
        <v>10560</v>
      </c>
      <c r="D10536" s="6"/>
      <c r="E10536" s="6" t="s">
        <v>9</v>
      </c>
      <c r="F10536" s="7">
        <v>38657</v>
      </c>
      <c r="G10536" s="8">
        <v>1</v>
      </c>
      <c r="H10536" s="8">
        <v>1</v>
      </c>
      <c r="I10536" s="8">
        <v>0</v>
      </c>
      <c r="J10536" s="8">
        <v>1</v>
      </c>
      <c r="K10536" s="9">
        <v>5.14</v>
      </c>
      <c r="L10536" s="6" t="s">
        <v>51</v>
      </c>
    </row>
    <row r="10537" spans="1:12">
      <c r="A10537" s="6" t="s">
        <v>49</v>
      </c>
      <c r="B10537" s="6"/>
      <c r="C10537" s="6" t="s">
        <v>10561</v>
      </c>
      <c r="D10537" s="6"/>
      <c r="E10537" s="6" t="s">
        <v>9</v>
      </c>
      <c r="F10537" s="7">
        <v>38657</v>
      </c>
      <c r="G10537" s="8">
        <v>1</v>
      </c>
      <c r="H10537" s="8">
        <v>1</v>
      </c>
      <c r="I10537" s="8">
        <v>0</v>
      </c>
      <c r="J10537" s="8">
        <v>1</v>
      </c>
      <c r="K10537" s="9">
        <v>449</v>
      </c>
      <c r="L10537" s="6" t="s">
        <v>51</v>
      </c>
    </row>
    <row r="10538" spans="1:12">
      <c r="A10538" s="6" t="s">
        <v>49</v>
      </c>
      <c r="B10538" s="6"/>
      <c r="C10538" s="6" t="s">
        <v>10562</v>
      </c>
      <c r="D10538" s="6"/>
      <c r="E10538" s="6" t="s">
        <v>9</v>
      </c>
      <c r="F10538" s="7">
        <v>38657</v>
      </c>
      <c r="G10538" s="8">
        <v>1</v>
      </c>
      <c r="H10538" s="8">
        <v>1</v>
      </c>
      <c r="I10538" s="8">
        <v>0</v>
      </c>
      <c r="J10538" s="8">
        <v>1</v>
      </c>
      <c r="K10538" s="9">
        <v>7.84</v>
      </c>
      <c r="L10538" s="6" t="s">
        <v>51</v>
      </c>
    </row>
    <row r="10539" spans="1:12">
      <c r="A10539" s="6" t="s">
        <v>49</v>
      </c>
      <c r="B10539" s="6"/>
      <c r="C10539" s="6" t="s">
        <v>10563</v>
      </c>
      <c r="D10539" s="6"/>
      <c r="E10539" s="6" t="s">
        <v>9</v>
      </c>
      <c r="F10539" s="7">
        <v>38657</v>
      </c>
      <c r="G10539" s="8">
        <v>1</v>
      </c>
      <c r="H10539" s="8">
        <v>1</v>
      </c>
      <c r="I10539" s="8">
        <v>0</v>
      </c>
      <c r="J10539" s="8">
        <v>1</v>
      </c>
      <c r="K10539" s="9">
        <v>25</v>
      </c>
      <c r="L10539" s="6" t="s">
        <v>51</v>
      </c>
    </row>
    <row r="10540" spans="1:12">
      <c r="A10540" s="6" t="s">
        <v>49</v>
      </c>
      <c r="B10540" s="6"/>
      <c r="C10540" s="6" t="s">
        <v>10564</v>
      </c>
      <c r="D10540" s="6"/>
      <c r="E10540" s="6" t="s">
        <v>9</v>
      </c>
      <c r="F10540" s="7">
        <v>38657</v>
      </c>
      <c r="G10540" s="8">
        <v>1</v>
      </c>
      <c r="H10540" s="8">
        <v>1</v>
      </c>
      <c r="I10540" s="8">
        <v>0</v>
      </c>
      <c r="J10540" s="8">
        <v>1</v>
      </c>
      <c r="K10540" s="9">
        <v>50</v>
      </c>
      <c r="L10540" s="6" t="s">
        <v>51</v>
      </c>
    </row>
    <row r="10541" spans="1:12">
      <c r="A10541" s="6" t="s">
        <v>49</v>
      </c>
      <c r="B10541" s="6"/>
      <c r="C10541" s="6" t="s">
        <v>10565</v>
      </c>
      <c r="D10541" s="6"/>
      <c r="E10541" s="6" t="s">
        <v>9</v>
      </c>
      <c r="F10541" s="7">
        <v>38657</v>
      </c>
      <c r="G10541" s="8">
        <v>1</v>
      </c>
      <c r="H10541" s="8">
        <v>1</v>
      </c>
      <c r="I10541" s="8">
        <v>0</v>
      </c>
      <c r="J10541" s="8">
        <v>1</v>
      </c>
      <c r="K10541" s="9">
        <v>35.82</v>
      </c>
      <c r="L10541" s="6" t="s">
        <v>51</v>
      </c>
    </row>
    <row r="10542" spans="1:12">
      <c r="A10542" s="6" t="s">
        <v>49</v>
      </c>
      <c r="B10542" s="6"/>
      <c r="C10542" s="6" t="s">
        <v>10566</v>
      </c>
      <c r="D10542" s="6"/>
      <c r="E10542" s="6" t="s">
        <v>9</v>
      </c>
      <c r="F10542" s="7">
        <v>38657</v>
      </c>
      <c r="G10542" s="8">
        <v>1</v>
      </c>
      <c r="H10542" s="8">
        <v>1</v>
      </c>
      <c r="I10542" s="8">
        <v>0</v>
      </c>
      <c r="J10542" s="8">
        <v>1</v>
      </c>
      <c r="K10542" s="9">
        <v>3.46</v>
      </c>
      <c r="L10542" s="6" t="s">
        <v>51</v>
      </c>
    </row>
    <row r="10543" spans="1:12">
      <c r="A10543" s="6" t="s">
        <v>49</v>
      </c>
      <c r="B10543" s="6"/>
      <c r="C10543" s="6" t="s">
        <v>10567</v>
      </c>
      <c r="D10543" s="6"/>
      <c r="E10543" s="6" t="s">
        <v>9</v>
      </c>
      <c r="F10543" s="7">
        <v>38657</v>
      </c>
      <c r="G10543" s="8">
        <v>1</v>
      </c>
      <c r="H10543" s="8">
        <v>1</v>
      </c>
      <c r="I10543" s="8">
        <v>0</v>
      </c>
      <c r="J10543" s="8">
        <v>1</v>
      </c>
      <c r="K10543" s="9">
        <v>0.95</v>
      </c>
      <c r="L10543" s="6" t="s">
        <v>51</v>
      </c>
    </row>
    <row r="10544" spans="1:12">
      <c r="A10544" s="6" t="s">
        <v>49</v>
      </c>
      <c r="B10544" s="6"/>
      <c r="C10544" s="6" t="s">
        <v>10568</v>
      </c>
      <c r="D10544" s="6"/>
      <c r="E10544" s="6" t="s">
        <v>9</v>
      </c>
      <c r="F10544" s="7">
        <v>38657</v>
      </c>
      <c r="G10544" s="8">
        <v>1</v>
      </c>
      <c r="H10544" s="8">
        <v>1</v>
      </c>
      <c r="I10544" s="8">
        <v>0</v>
      </c>
      <c r="J10544" s="8">
        <v>1</v>
      </c>
      <c r="K10544" s="9">
        <v>8.7100000000000009</v>
      </c>
      <c r="L10544" s="6" t="s">
        <v>51</v>
      </c>
    </row>
    <row r="10545" spans="1:12">
      <c r="A10545" s="6" t="s">
        <v>49</v>
      </c>
      <c r="B10545" s="6"/>
      <c r="C10545" s="6" t="s">
        <v>10569</v>
      </c>
      <c r="D10545" s="6"/>
      <c r="E10545" s="6" t="s">
        <v>9</v>
      </c>
      <c r="F10545" s="7">
        <v>38657</v>
      </c>
      <c r="G10545" s="8">
        <v>1</v>
      </c>
      <c r="H10545" s="8">
        <v>1</v>
      </c>
      <c r="I10545" s="8">
        <v>0</v>
      </c>
      <c r="J10545" s="8">
        <v>1</v>
      </c>
      <c r="K10545" s="9">
        <v>0.71</v>
      </c>
      <c r="L10545" s="6" t="s">
        <v>51</v>
      </c>
    </row>
    <row r="10546" spans="1:12">
      <c r="A10546" s="6" t="s">
        <v>49</v>
      </c>
      <c r="B10546" s="6"/>
      <c r="C10546" s="6" t="s">
        <v>10570</v>
      </c>
      <c r="D10546" s="6"/>
      <c r="E10546" s="6" t="s">
        <v>9</v>
      </c>
      <c r="F10546" s="7">
        <v>38657</v>
      </c>
      <c r="G10546" s="8">
        <v>1</v>
      </c>
      <c r="H10546" s="8">
        <v>1</v>
      </c>
      <c r="I10546" s="8">
        <v>0</v>
      </c>
      <c r="J10546" s="8">
        <v>1</v>
      </c>
      <c r="K10546" s="9">
        <v>1.01</v>
      </c>
      <c r="L10546" s="6" t="s">
        <v>51</v>
      </c>
    </row>
    <row r="10547" spans="1:12">
      <c r="A10547" s="6" t="s">
        <v>49</v>
      </c>
      <c r="B10547" s="6"/>
      <c r="C10547" s="6" t="s">
        <v>10571</v>
      </c>
      <c r="D10547" s="6"/>
      <c r="E10547" s="6" t="s">
        <v>9</v>
      </c>
      <c r="F10547" s="7">
        <v>38657</v>
      </c>
      <c r="G10547" s="8">
        <v>1</v>
      </c>
      <c r="H10547" s="8">
        <v>1</v>
      </c>
      <c r="I10547" s="8">
        <v>0</v>
      </c>
      <c r="J10547" s="8">
        <v>1</v>
      </c>
      <c r="K10547" s="9">
        <v>2.48</v>
      </c>
      <c r="L10547" s="6" t="s">
        <v>51</v>
      </c>
    </row>
    <row r="10548" spans="1:12">
      <c r="A10548" s="6" t="s">
        <v>49</v>
      </c>
      <c r="B10548" s="6"/>
      <c r="C10548" s="6" t="s">
        <v>10572</v>
      </c>
      <c r="D10548" s="6"/>
      <c r="E10548" s="6" t="s">
        <v>9</v>
      </c>
      <c r="F10548" s="7">
        <v>38657</v>
      </c>
      <c r="G10548" s="8">
        <v>1</v>
      </c>
      <c r="H10548" s="8">
        <v>1</v>
      </c>
      <c r="I10548" s="8">
        <v>0</v>
      </c>
      <c r="J10548" s="8">
        <v>1</v>
      </c>
      <c r="K10548" s="9">
        <v>1.78</v>
      </c>
      <c r="L10548" s="6" t="s">
        <v>51</v>
      </c>
    </row>
    <row r="10549" spans="1:12">
      <c r="A10549" s="6" t="s">
        <v>49</v>
      </c>
      <c r="B10549" s="6"/>
      <c r="C10549" s="6" t="s">
        <v>10573</v>
      </c>
      <c r="D10549" s="6"/>
      <c r="E10549" s="6" t="s">
        <v>9</v>
      </c>
      <c r="F10549" s="7">
        <v>38657</v>
      </c>
      <c r="G10549" s="8">
        <v>1</v>
      </c>
      <c r="H10549" s="8">
        <v>1</v>
      </c>
      <c r="I10549" s="8">
        <v>0</v>
      </c>
      <c r="J10549" s="8">
        <v>1</v>
      </c>
      <c r="K10549" s="9">
        <v>6.41</v>
      </c>
      <c r="L10549" s="6" t="s">
        <v>51</v>
      </c>
    </row>
    <row r="10550" spans="1:12">
      <c r="A10550" s="6" t="s">
        <v>49</v>
      </c>
      <c r="B10550" s="6"/>
      <c r="C10550" s="6" t="s">
        <v>10574</v>
      </c>
      <c r="D10550" s="6"/>
      <c r="E10550" s="6" t="s">
        <v>9</v>
      </c>
      <c r="F10550" s="7">
        <v>38657</v>
      </c>
      <c r="G10550" s="8">
        <v>1</v>
      </c>
      <c r="H10550" s="8">
        <v>1</v>
      </c>
      <c r="I10550" s="8">
        <v>0</v>
      </c>
      <c r="J10550" s="8">
        <v>1</v>
      </c>
      <c r="K10550" s="9">
        <v>2.5</v>
      </c>
      <c r="L10550" s="6" t="s">
        <v>51</v>
      </c>
    </row>
    <row r="10551" spans="1:12">
      <c r="A10551" s="6" t="s">
        <v>49</v>
      </c>
      <c r="B10551" s="6"/>
      <c r="C10551" s="6" t="s">
        <v>10575</v>
      </c>
      <c r="D10551" s="6"/>
      <c r="E10551" s="6" t="s">
        <v>9</v>
      </c>
      <c r="F10551" s="7">
        <v>38657</v>
      </c>
      <c r="G10551" s="8">
        <v>1</v>
      </c>
      <c r="H10551" s="8">
        <v>1</v>
      </c>
      <c r="I10551" s="8">
        <v>0</v>
      </c>
      <c r="J10551" s="8">
        <v>1</v>
      </c>
      <c r="K10551" s="9">
        <v>36</v>
      </c>
      <c r="L10551" s="6" t="s">
        <v>51</v>
      </c>
    </row>
    <row r="10552" spans="1:12">
      <c r="A10552" s="6" t="s">
        <v>49</v>
      </c>
      <c r="B10552" s="6"/>
      <c r="C10552" s="6" t="s">
        <v>10576</v>
      </c>
      <c r="D10552" s="6"/>
      <c r="E10552" s="6" t="s">
        <v>9</v>
      </c>
      <c r="F10552" s="7">
        <v>38657</v>
      </c>
      <c r="G10552" s="8">
        <v>1</v>
      </c>
      <c r="H10552" s="8">
        <v>1</v>
      </c>
      <c r="I10552" s="8">
        <v>0</v>
      </c>
      <c r="J10552" s="8">
        <v>1</v>
      </c>
      <c r="K10552" s="9">
        <v>31.44</v>
      </c>
      <c r="L10552" s="6" t="s">
        <v>51</v>
      </c>
    </row>
    <row r="10553" spans="1:12">
      <c r="A10553" s="6" t="s">
        <v>49</v>
      </c>
      <c r="B10553" s="6"/>
      <c r="C10553" s="6" t="s">
        <v>10577</v>
      </c>
      <c r="D10553" s="6"/>
      <c r="E10553" s="6" t="s">
        <v>9</v>
      </c>
      <c r="F10553" s="7">
        <v>38657</v>
      </c>
      <c r="G10553" s="8">
        <v>1</v>
      </c>
      <c r="H10553" s="8">
        <v>1</v>
      </c>
      <c r="I10553" s="8">
        <v>0</v>
      </c>
      <c r="J10553" s="8">
        <v>1</v>
      </c>
      <c r="K10553" s="9">
        <v>5.98</v>
      </c>
      <c r="L10553" s="6" t="s">
        <v>51</v>
      </c>
    </row>
    <row r="10554" spans="1:12">
      <c r="A10554" s="6" t="s">
        <v>49</v>
      </c>
      <c r="B10554" s="6"/>
      <c r="C10554" s="6" t="s">
        <v>10578</v>
      </c>
      <c r="D10554" s="6"/>
      <c r="E10554" s="6" t="s">
        <v>9</v>
      </c>
      <c r="F10554" s="7">
        <v>38657</v>
      </c>
      <c r="G10554" s="8">
        <v>1</v>
      </c>
      <c r="H10554" s="8">
        <v>1</v>
      </c>
      <c r="I10554" s="8">
        <v>0</v>
      </c>
      <c r="J10554" s="8">
        <v>1</v>
      </c>
      <c r="K10554" s="9">
        <v>6.24</v>
      </c>
      <c r="L10554" s="6" t="s">
        <v>51</v>
      </c>
    </row>
    <row r="10555" spans="1:12">
      <c r="A10555" s="6" t="s">
        <v>49</v>
      </c>
      <c r="B10555" s="6"/>
      <c r="C10555" s="6" t="s">
        <v>10579</v>
      </c>
      <c r="D10555" s="6"/>
      <c r="E10555" s="6" t="s">
        <v>9</v>
      </c>
      <c r="F10555" s="7">
        <v>38657</v>
      </c>
      <c r="G10555" s="8">
        <v>1</v>
      </c>
      <c r="H10555" s="8">
        <v>1</v>
      </c>
      <c r="I10555" s="8">
        <v>0</v>
      </c>
      <c r="J10555" s="8">
        <v>1</v>
      </c>
      <c r="K10555" s="9">
        <v>5.12</v>
      </c>
      <c r="L10555" s="6" t="s">
        <v>51</v>
      </c>
    </row>
    <row r="10556" spans="1:12">
      <c r="A10556" s="6" t="s">
        <v>49</v>
      </c>
      <c r="B10556" s="6"/>
      <c r="C10556" s="6" t="s">
        <v>10580</v>
      </c>
      <c r="D10556" s="6"/>
      <c r="E10556" s="6" t="s">
        <v>9</v>
      </c>
      <c r="F10556" s="7">
        <v>38657</v>
      </c>
      <c r="G10556" s="8">
        <v>1</v>
      </c>
      <c r="H10556" s="8">
        <v>1</v>
      </c>
      <c r="I10556" s="8">
        <v>0</v>
      </c>
      <c r="J10556" s="8">
        <v>1</v>
      </c>
      <c r="K10556" s="9">
        <v>10</v>
      </c>
      <c r="L10556" s="6" t="s">
        <v>51</v>
      </c>
    </row>
    <row r="10557" spans="1:12">
      <c r="A10557" s="6" t="s">
        <v>49</v>
      </c>
      <c r="B10557" s="6"/>
      <c r="C10557" s="6" t="s">
        <v>10581</v>
      </c>
      <c r="D10557" s="6"/>
      <c r="E10557" s="6" t="s">
        <v>9</v>
      </c>
      <c r="F10557" s="7">
        <v>38657</v>
      </c>
      <c r="G10557" s="8">
        <v>1</v>
      </c>
      <c r="H10557" s="8">
        <v>1</v>
      </c>
      <c r="I10557" s="8">
        <v>0</v>
      </c>
      <c r="J10557" s="8">
        <v>1</v>
      </c>
      <c r="K10557" s="9">
        <v>7.28</v>
      </c>
      <c r="L10557" s="6" t="s">
        <v>51</v>
      </c>
    </row>
    <row r="10558" spans="1:12">
      <c r="A10558" s="6" t="s">
        <v>49</v>
      </c>
      <c r="B10558" s="6"/>
      <c r="C10558" s="6" t="s">
        <v>10582</v>
      </c>
      <c r="D10558" s="6"/>
      <c r="E10558" s="6" t="s">
        <v>9</v>
      </c>
      <c r="F10558" s="7">
        <v>38657</v>
      </c>
      <c r="G10558" s="8">
        <v>1</v>
      </c>
      <c r="H10558" s="8">
        <v>1</v>
      </c>
      <c r="I10558" s="8">
        <v>0</v>
      </c>
      <c r="J10558" s="8">
        <v>1</v>
      </c>
      <c r="K10558" s="9">
        <v>17</v>
      </c>
      <c r="L10558" s="6" t="s">
        <v>51</v>
      </c>
    </row>
    <row r="10559" spans="1:12">
      <c r="A10559" s="6" t="s">
        <v>49</v>
      </c>
      <c r="B10559" s="6"/>
      <c r="C10559" s="6" t="s">
        <v>10583</v>
      </c>
      <c r="D10559" s="6"/>
      <c r="E10559" s="6" t="s">
        <v>9</v>
      </c>
      <c r="F10559" s="7">
        <v>38657</v>
      </c>
      <c r="G10559" s="8">
        <v>1</v>
      </c>
      <c r="H10559" s="8">
        <v>1</v>
      </c>
      <c r="I10559" s="8">
        <v>0</v>
      </c>
      <c r="J10559" s="8">
        <v>1</v>
      </c>
      <c r="K10559" s="9">
        <v>26</v>
      </c>
      <c r="L10559" s="6" t="s">
        <v>51</v>
      </c>
    </row>
    <row r="10560" spans="1:12">
      <c r="A10560" s="6" t="s">
        <v>49</v>
      </c>
      <c r="B10560" s="6"/>
      <c r="C10560" s="6" t="s">
        <v>10584</v>
      </c>
      <c r="D10560" s="6"/>
      <c r="E10560" s="6" t="s">
        <v>9</v>
      </c>
      <c r="F10560" s="7">
        <v>38657</v>
      </c>
      <c r="G10560" s="8">
        <v>1</v>
      </c>
      <c r="H10560" s="8">
        <v>1</v>
      </c>
      <c r="I10560" s="8">
        <v>0</v>
      </c>
      <c r="J10560" s="8">
        <v>1</v>
      </c>
      <c r="K10560" s="9">
        <v>18</v>
      </c>
      <c r="L10560" s="6" t="s">
        <v>51</v>
      </c>
    </row>
    <row r="10561" spans="1:12">
      <c r="A10561" s="6" t="s">
        <v>49</v>
      </c>
      <c r="B10561" s="6"/>
      <c r="C10561" s="6" t="s">
        <v>10585</v>
      </c>
      <c r="D10561" s="6"/>
      <c r="E10561" s="6" t="s">
        <v>9</v>
      </c>
      <c r="F10561" s="7">
        <v>38657</v>
      </c>
      <c r="G10561" s="8">
        <v>1</v>
      </c>
      <c r="H10561" s="8">
        <v>1</v>
      </c>
      <c r="I10561" s="8">
        <v>0</v>
      </c>
      <c r="J10561" s="8">
        <v>1</v>
      </c>
      <c r="K10561" s="9">
        <v>2.96</v>
      </c>
      <c r="L10561" s="6" t="s">
        <v>51</v>
      </c>
    </row>
    <row r="10562" spans="1:12">
      <c r="A10562" s="6" t="s">
        <v>49</v>
      </c>
      <c r="B10562" s="6"/>
      <c r="C10562" s="6" t="s">
        <v>10586</v>
      </c>
      <c r="D10562" s="6"/>
      <c r="E10562" s="6" t="s">
        <v>9</v>
      </c>
      <c r="F10562" s="7">
        <v>38657</v>
      </c>
      <c r="G10562" s="8">
        <v>1</v>
      </c>
      <c r="H10562" s="8">
        <v>1</v>
      </c>
      <c r="I10562" s="8">
        <v>0</v>
      </c>
      <c r="J10562" s="8">
        <v>1</v>
      </c>
      <c r="K10562" s="9">
        <v>1.17</v>
      </c>
      <c r="L10562" s="6" t="s">
        <v>51</v>
      </c>
    </row>
    <row r="10563" spans="1:12">
      <c r="A10563" s="6" t="s">
        <v>49</v>
      </c>
      <c r="B10563" s="6"/>
      <c r="C10563" s="6" t="s">
        <v>10587</v>
      </c>
      <c r="D10563" s="6"/>
      <c r="E10563" s="6" t="s">
        <v>9</v>
      </c>
      <c r="F10563" s="7">
        <v>38657</v>
      </c>
      <c r="G10563" s="8">
        <v>1</v>
      </c>
      <c r="H10563" s="8">
        <v>1</v>
      </c>
      <c r="I10563" s="8">
        <v>0</v>
      </c>
      <c r="J10563" s="8">
        <v>1</v>
      </c>
      <c r="K10563" s="9">
        <v>29.75</v>
      </c>
      <c r="L10563" s="6" t="s">
        <v>51</v>
      </c>
    </row>
    <row r="10564" spans="1:12">
      <c r="A10564" s="6" t="s">
        <v>49</v>
      </c>
      <c r="B10564" s="6"/>
      <c r="C10564" s="6" t="s">
        <v>10588</v>
      </c>
      <c r="D10564" s="6"/>
      <c r="E10564" s="6" t="s">
        <v>9</v>
      </c>
      <c r="F10564" s="7">
        <v>38657</v>
      </c>
      <c r="G10564" s="8">
        <v>1</v>
      </c>
      <c r="H10564" s="8">
        <v>1</v>
      </c>
      <c r="I10564" s="8">
        <v>0</v>
      </c>
      <c r="J10564" s="8">
        <v>1</v>
      </c>
      <c r="K10564" s="9">
        <v>3.46</v>
      </c>
      <c r="L10564" s="6" t="s">
        <v>51</v>
      </c>
    </row>
    <row r="10565" spans="1:12">
      <c r="A10565" s="6" t="s">
        <v>49</v>
      </c>
      <c r="B10565" s="6"/>
      <c r="C10565" s="6" t="s">
        <v>10589</v>
      </c>
      <c r="D10565" s="6"/>
      <c r="E10565" s="6" t="s">
        <v>9</v>
      </c>
      <c r="F10565" s="7">
        <v>38657</v>
      </c>
      <c r="G10565" s="8">
        <v>1</v>
      </c>
      <c r="H10565" s="8">
        <v>1</v>
      </c>
      <c r="I10565" s="8">
        <v>0</v>
      </c>
      <c r="J10565" s="8">
        <v>1</v>
      </c>
      <c r="K10565" s="9">
        <v>4.9000000000000004</v>
      </c>
      <c r="L10565" s="6" t="s">
        <v>51</v>
      </c>
    </row>
    <row r="10566" spans="1:12">
      <c r="A10566" s="6" t="s">
        <v>49</v>
      </c>
      <c r="B10566" s="6"/>
      <c r="C10566" s="6" t="s">
        <v>10590</v>
      </c>
      <c r="D10566" s="6"/>
      <c r="E10566" s="6" t="s">
        <v>9</v>
      </c>
      <c r="F10566" s="7">
        <v>38657</v>
      </c>
      <c r="G10566" s="8">
        <v>1</v>
      </c>
      <c r="H10566" s="8">
        <v>1</v>
      </c>
      <c r="I10566" s="8">
        <v>0</v>
      </c>
      <c r="J10566" s="8">
        <v>1</v>
      </c>
      <c r="K10566" s="9">
        <v>1.31</v>
      </c>
      <c r="L10566" s="6" t="s">
        <v>51</v>
      </c>
    </row>
    <row r="10567" spans="1:12">
      <c r="A10567" s="6" t="s">
        <v>49</v>
      </c>
      <c r="B10567" s="6"/>
      <c r="C10567" s="6" t="s">
        <v>10591</v>
      </c>
      <c r="D10567" s="6"/>
      <c r="E10567" s="6" t="s">
        <v>9</v>
      </c>
      <c r="F10567" s="7">
        <v>38657</v>
      </c>
      <c r="G10567" s="8">
        <v>1</v>
      </c>
      <c r="H10567" s="8">
        <v>1</v>
      </c>
      <c r="I10567" s="8">
        <v>0</v>
      </c>
      <c r="J10567" s="8">
        <v>1</v>
      </c>
      <c r="K10567" s="9">
        <v>6.62</v>
      </c>
      <c r="L10567" s="6" t="s">
        <v>51</v>
      </c>
    </row>
    <row r="10568" spans="1:12">
      <c r="A10568" s="6" t="s">
        <v>49</v>
      </c>
      <c r="B10568" s="6"/>
      <c r="C10568" s="6" t="s">
        <v>10592</v>
      </c>
      <c r="D10568" s="6"/>
      <c r="E10568" s="6" t="s">
        <v>9</v>
      </c>
      <c r="F10568" s="7">
        <v>38657</v>
      </c>
      <c r="G10568" s="8">
        <v>1</v>
      </c>
      <c r="H10568" s="8">
        <v>1</v>
      </c>
      <c r="I10568" s="8">
        <v>0</v>
      </c>
      <c r="J10568" s="8">
        <v>1</v>
      </c>
      <c r="K10568" s="9">
        <v>1.6</v>
      </c>
      <c r="L10568" s="6" t="s">
        <v>51</v>
      </c>
    </row>
    <row r="10569" spans="1:12">
      <c r="A10569" s="6" t="s">
        <v>49</v>
      </c>
      <c r="B10569" s="6"/>
      <c r="C10569" s="6" t="s">
        <v>10593</v>
      </c>
      <c r="D10569" s="6"/>
      <c r="E10569" s="6" t="s">
        <v>9</v>
      </c>
      <c r="F10569" s="7">
        <v>38657</v>
      </c>
      <c r="G10569" s="8">
        <v>1</v>
      </c>
      <c r="H10569" s="8">
        <v>1</v>
      </c>
      <c r="I10569" s="8">
        <v>0</v>
      </c>
      <c r="J10569" s="8">
        <v>1</v>
      </c>
      <c r="K10569" s="9">
        <v>2.97</v>
      </c>
      <c r="L10569" s="6" t="s">
        <v>51</v>
      </c>
    </row>
    <row r="10570" spans="1:12">
      <c r="A10570" s="6" t="s">
        <v>49</v>
      </c>
      <c r="B10570" s="6"/>
      <c r="C10570" s="6" t="s">
        <v>10594</v>
      </c>
      <c r="D10570" s="6"/>
      <c r="E10570" s="6" t="s">
        <v>9</v>
      </c>
      <c r="F10570" s="7">
        <v>39525</v>
      </c>
      <c r="G10570" s="8">
        <v>1</v>
      </c>
      <c r="H10570" s="8">
        <v>1</v>
      </c>
      <c r="I10570" s="8">
        <v>0</v>
      </c>
      <c r="J10570" s="8">
        <v>1</v>
      </c>
      <c r="K10570" s="9">
        <v>625</v>
      </c>
      <c r="L10570" s="6" t="s">
        <v>51</v>
      </c>
    </row>
    <row r="10571" spans="1:12">
      <c r="A10571" s="6" t="s">
        <v>49</v>
      </c>
      <c r="B10571" s="6"/>
      <c r="C10571" s="6" t="s">
        <v>10595</v>
      </c>
      <c r="D10571" s="6"/>
      <c r="E10571" s="6" t="s">
        <v>9</v>
      </c>
      <c r="F10571" s="7">
        <v>39525</v>
      </c>
      <c r="G10571" s="8">
        <v>1</v>
      </c>
      <c r="H10571" s="8">
        <v>1</v>
      </c>
      <c r="I10571" s="8">
        <v>0</v>
      </c>
      <c r="J10571" s="8">
        <v>1</v>
      </c>
      <c r="K10571" s="9">
        <v>130</v>
      </c>
      <c r="L10571" s="6" t="s">
        <v>51</v>
      </c>
    </row>
    <row r="10572" spans="1:12">
      <c r="A10572" s="6" t="s">
        <v>49</v>
      </c>
      <c r="B10572" s="6"/>
      <c r="C10572" s="6" t="s">
        <v>10596</v>
      </c>
      <c r="D10572" s="6"/>
      <c r="E10572" s="6" t="s">
        <v>9</v>
      </c>
      <c r="F10572" s="7">
        <v>39525</v>
      </c>
      <c r="G10572" s="8">
        <v>1</v>
      </c>
      <c r="H10572" s="8">
        <v>1</v>
      </c>
      <c r="I10572" s="8">
        <v>0</v>
      </c>
      <c r="J10572" s="8">
        <v>1</v>
      </c>
      <c r="K10572" s="9">
        <v>29</v>
      </c>
      <c r="L10572" s="6" t="s">
        <v>51</v>
      </c>
    </row>
    <row r="10573" spans="1:12">
      <c r="A10573" s="6" t="s">
        <v>49</v>
      </c>
      <c r="B10573" s="6"/>
      <c r="C10573" s="6" t="s">
        <v>10597</v>
      </c>
      <c r="D10573" s="6"/>
      <c r="E10573" s="6" t="s">
        <v>9</v>
      </c>
      <c r="F10573" s="7">
        <v>38657</v>
      </c>
      <c r="G10573" s="8">
        <v>1</v>
      </c>
      <c r="H10573" s="8">
        <v>1</v>
      </c>
      <c r="I10573" s="8">
        <v>0</v>
      </c>
      <c r="J10573" s="8">
        <v>1</v>
      </c>
      <c r="K10573" s="9">
        <v>95</v>
      </c>
      <c r="L10573" s="6" t="s">
        <v>51</v>
      </c>
    </row>
    <row r="10574" spans="1:12">
      <c r="A10574" s="6" t="s">
        <v>49</v>
      </c>
      <c r="B10574" s="6"/>
      <c r="C10574" s="6" t="s">
        <v>10598</v>
      </c>
      <c r="D10574" s="6"/>
      <c r="E10574" s="6" t="s">
        <v>9</v>
      </c>
      <c r="F10574" s="7">
        <v>38657</v>
      </c>
      <c r="G10574" s="8">
        <v>1</v>
      </c>
      <c r="H10574" s="8">
        <v>1</v>
      </c>
      <c r="I10574" s="8">
        <v>0</v>
      </c>
      <c r="J10574" s="8">
        <v>1</v>
      </c>
      <c r="K10574" s="9">
        <v>145</v>
      </c>
      <c r="L10574" s="6" t="s">
        <v>51</v>
      </c>
    </row>
    <row r="10575" spans="1:12">
      <c r="A10575" s="6" t="s">
        <v>49</v>
      </c>
      <c r="B10575" s="6"/>
      <c r="C10575" s="6" t="s">
        <v>10599</v>
      </c>
      <c r="D10575" s="6"/>
      <c r="E10575" s="6" t="s">
        <v>9</v>
      </c>
      <c r="F10575" s="7">
        <v>38657</v>
      </c>
      <c r="G10575" s="8">
        <v>1</v>
      </c>
      <c r="H10575" s="8">
        <v>1</v>
      </c>
      <c r="I10575" s="8">
        <v>0</v>
      </c>
      <c r="J10575" s="8">
        <v>1</v>
      </c>
      <c r="K10575" s="9">
        <v>122</v>
      </c>
      <c r="L10575" s="6" t="s">
        <v>51</v>
      </c>
    </row>
    <row r="10576" spans="1:12">
      <c r="A10576" s="6" t="s">
        <v>49</v>
      </c>
      <c r="B10576" s="6"/>
      <c r="C10576" s="6" t="s">
        <v>10600</v>
      </c>
      <c r="D10576" s="6"/>
      <c r="E10576" s="6" t="s">
        <v>9</v>
      </c>
      <c r="F10576" s="7">
        <v>38657</v>
      </c>
      <c r="G10576" s="8">
        <v>1</v>
      </c>
      <c r="H10576" s="8">
        <v>1</v>
      </c>
      <c r="I10576" s="8">
        <v>0</v>
      </c>
      <c r="J10576" s="8">
        <v>1</v>
      </c>
      <c r="K10576" s="9">
        <v>1.43</v>
      </c>
      <c r="L10576" s="6" t="s">
        <v>51</v>
      </c>
    </row>
    <row r="10577" spans="1:12">
      <c r="A10577" s="6" t="s">
        <v>49</v>
      </c>
      <c r="B10577" s="6"/>
      <c r="C10577" s="6" t="s">
        <v>10601</v>
      </c>
      <c r="D10577" s="6"/>
      <c r="E10577" s="6" t="s">
        <v>9</v>
      </c>
      <c r="F10577" s="7">
        <v>38657</v>
      </c>
      <c r="G10577" s="8">
        <v>1</v>
      </c>
      <c r="H10577" s="8">
        <v>1</v>
      </c>
      <c r="I10577" s="8">
        <v>0</v>
      </c>
      <c r="J10577" s="8">
        <v>1</v>
      </c>
      <c r="K10577" s="9">
        <v>28</v>
      </c>
      <c r="L10577" s="6" t="s">
        <v>51</v>
      </c>
    </row>
    <row r="10578" spans="1:12">
      <c r="A10578" s="6" t="s">
        <v>49</v>
      </c>
      <c r="B10578" s="6"/>
      <c r="C10578" s="6" t="s">
        <v>10602</v>
      </c>
      <c r="D10578" s="6"/>
      <c r="E10578" s="6" t="s">
        <v>9</v>
      </c>
      <c r="F10578" s="7">
        <v>38657</v>
      </c>
      <c r="G10578" s="8">
        <v>1</v>
      </c>
      <c r="H10578" s="8">
        <v>1</v>
      </c>
      <c r="I10578" s="8">
        <v>0</v>
      </c>
      <c r="J10578" s="8">
        <v>1</v>
      </c>
      <c r="K10578" s="9">
        <v>9.8000000000000007</v>
      </c>
      <c r="L10578" s="6" t="s">
        <v>51</v>
      </c>
    </row>
    <row r="10579" spans="1:12">
      <c r="A10579" s="6" t="s">
        <v>49</v>
      </c>
      <c r="B10579" s="6"/>
      <c r="C10579" s="6" t="s">
        <v>10603</v>
      </c>
      <c r="D10579" s="6"/>
      <c r="E10579" s="6" t="s">
        <v>9</v>
      </c>
      <c r="F10579" s="7">
        <v>38657</v>
      </c>
      <c r="G10579" s="8">
        <v>1</v>
      </c>
      <c r="H10579" s="8">
        <v>1</v>
      </c>
      <c r="I10579" s="8">
        <v>0</v>
      </c>
      <c r="J10579" s="8">
        <v>1</v>
      </c>
      <c r="K10579" s="9">
        <v>3.19</v>
      </c>
      <c r="L10579" s="6" t="s">
        <v>51</v>
      </c>
    </row>
    <row r="10580" spans="1:12">
      <c r="A10580" s="6" t="s">
        <v>49</v>
      </c>
      <c r="B10580" s="6"/>
      <c r="C10580" s="6" t="s">
        <v>10604</v>
      </c>
      <c r="D10580" s="6"/>
      <c r="E10580" s="6" t="s">
        <v>9</v>
      </c>
      <c r="F10580" s="7">
        <v>38657</v>
      </c>
      <c r="G10580" s="8">
        <v>1</v>
      </c>
      <c r="H10580" s="8">
        <v>1</v>
      </c>
      <c r="I10580" s="8">
        <v>0</v>
      </c>
      <c r="J10580" s="8">
        <v>1</v>
      </c>
      <c r="K10580" s="9">
        <v>3.28</v>
      </c>
      <c r="L10580" s="6" t="s">
        <v>51</v>
      </c>
    </row>
    <row r="10581" spans="1:12">
      <c r="A10581" s="6" t="s">
        <v>49</v>
      </c>
      <c r="B10581" s="6"/>
      <c r="C10581" s="6" t="s">
        <v>10605</v>
      </c>
      <c r="D10581" s="6"/>
      <c r="E10581" s="6" t="s">
        <v>9</v>
      </c>
      <c r="F10581" s="7">
        <v>38657</v>
      </c>
      <c r="G10581" s="8">
        <v>1</v>
      </c>
      <c r="H10581" s="8">
        <v>1</v>
      </c>
      <c r="I10581" s="8">
        <v>0</v>
      </c>
      <c r="J10581" s="8">
        <v>1</v>
      </c>
      <c r="K10581" s="9">
        <v>42</v>
      </c>
      <c r="L10581" s="6" t="s">
        <v>51</v>
      </c>
    </row>
    <row r="10582" spans="1:12">
      <c r="A10582" s="6" t="s">
        <v>49</v>
      </c>
      <c r="B10582" s="6"/>
      <c r="C10582" s="6" t="s">
        <v>10606</v>
      </c>
      <c r="D10582" s="6"/>
      <c r="E10582" s="6" t="s">
        <v>9</v>
      </c>
      <c r="F10582" s="7">
        <v>38657</v>
      </c>
      <c r="G10582" s="8">
        <v>1</v>
      </c>
      <c r="H10582" s="8">
        <v>1</v>
      </c>
      <c r="I10582" s="8">
        <v>0</v>
      </c>
      <c r="J10582" s="8">
        <v>1</v>
      </c>
      <c r="K10582" s="9">
        <v>13</v>
      </c>
      <c r="L10582" s="6" t="s">
        <v>51</v>
      </c>
    </row>
    <row r="10583" spans="1:12">
      <c r="A10583" s="6" t="s">
        <v>49</v>
      </c>
      <c r="B10583" s="6"/>
      <c r="C10583" s="6" t="s">
        <v>10607</v>
      </c>
      <c r="D10583" s="6"/>
      <c r="E10583" s="6" t="s">
        <v>9</v>
      </c>
      <c r="F10583" s="7">
        <v>38657</v>
      </c>
      <c r="G10583" s="8">
        <v>1</v>
      </c>
      <c r="H10583" s="8">
        <v>1</v>
      </c>
      <c r="I10583" s="8">
        <v>0</v>
      </c>
      <c r="J10583" s="8">
        <v>1</v>
      </c>
      <c r="K10583" s="9">
        <v>378</v>
      </c>
      <c r="L10583" s="6" t="s">
        <v>51</v>
      </c>
    </row>
    <row r="10584" spans="1:12">
      <c r="A10584" s="6" t="s">
        <v>49</v>
      </c>
      <c r="B10584" s="6"/>
      <c r="C10584" s="6" t="s">
        <v>10608</v>
      </c>
      <c r="D10584" s="6"/>
      <c r="E10584" s="6" t="s">
        <v>9</v>
      </c>
      <c r="F10584" s="7">
        <v>38657</v>
      </c>
      <c r="G10584" s="8">
        <v>1</v>
      </c>
      <c r="H10584" s="8">
        <v>1</v>
      </c>
      <c r="I10584" s="8">
        <v>0</v>
      </c>
      <c r="J10584" s="8">
        <v>1</v>
      </c>
      <c r="K10584" s="9">
        <v>6.37</v>
      </c>
      <c r="L10584" s="6" t="s">
        <v>51</v>
      </c>
    </row>
    <row r="10585" spans="1:12">
      <c r="A10585" s="6" t="s">
        <v>49</v>
      </c>
      <c r="B10585" s="6"/>
      <c r="C10585" s="6" t="s">
        <v>10609</v>
      </c>
      <c r="D10585" s="6"/>
      <c r="E10585" s="6" t="s">
        <v>9</v>
      </c>
      <c r="F10585" s="7">
        <v>38657</v>
      </c>
      <c r="G10585" s="8">
        <v>1</v>
      </c>
      <c r="H10585" s="8">
        <v>1</v>
      </c>
      <c r="I10585" s="8">
        <v>0</v>
      </c>
      <c r="J10585" s="8">
        <v>1</v>
      </c>
      <c r="K10585" s="9">
        <v>66.11</v>
      </c>
      <c r="L10585" s="6" t="s">
        <v>51</v>
      </c>
    </row>
    <row r="10586" spans="1:12">
      <c r="A10586" s="6" t="s">
        <v>49</v>
      </c>
      <c r="B10586" s="6"/>
      <c r="C10586" s="6" t="s">
        <v>10610</v>
      </c>
      <c r="D10586" s="6"/>
      <c r="E10586" s="6" t="s">
        <v>9</v>
      </c>
      <c r="F10586" s="7">
        <v>38657</v>
      </c>
      <c r="G10586" s="8">
        <v>1</v>
      </c>
      <c r="H10586" s="8">
        <v>1</v>
      </c>
      <c r="I10586" s="8">
        <v>0</v>
      </c>
      <c r="J10586" s="8">
        <v>1</v>
      </c>
      <c r="K10586" s="9">
        <v>3.3</v>
      </c>
      <c r="L10586" s="6" t="s">
        <v>51</v>
      </c>
    </row>
    <row r="10587" spans="1:12">
      <c r="A10587" s="6" t="s">
        <v>49</v>
      </c>
      <c r="B10587" s="6"/>
      <c r="C10587" s="6" t="s">
        <v>10611</v>
      </c>
      <c r="D10587" s="6"/>
      <c r="E10587" s="6" t="s">
        <v>9</v>
      </c>
      <c r="F10587" s="7">
        <v>38657</v>
      </c>
      <c r="G10587" s="8">
        <v>1</v>
      </c>
      <c r="H10587" s="8">
        <v>1</v>
      </c>
      <c r="I10587" s="8">
        <v>0</v>
      </c>
      <c r="J10587" s="8">
        <v>1</v>
      </c>
      <c r="K10587" s="9">
        <v>19</v>
      </c>
      <c r="L10587" s="6" t="s">
        <v>51</v>
      </c>
    </row>
    <row r="10588" spans="1:12">
      <c r="A10588" s="6" t="s">
        <v>49</v>
      </c>
      <c r="B10588" s="6"/>
      <c r="C10588" s="6" t="s">
        <v>10612</v>
      </c>
      <c r="D10588" s="6"/>
      <c r="E10588" s="6" t="s">
        <v>9</v>
      </c>
      <c r="F10588" s="7">
        <v>38657</v>
      </c>
      <c r="G10588" s="8">
        <v>1</v>
      </c>
      <c r="H10588" s="8">
        <v>1</v>
      </c>
      <c r="I10588" s="8">
        <v>0</v>
      </c>
      <c r="J10588" s="8">
        <v>1</v>
      </c>
      <c r="K10588" s="9">
        <v>0.95</v>
      </c>
      <c r="L10588" s="6" t="s">
        <v>51</v>
      </c>
    </row>
    <row r="10589" spans="1:12">
      <c r="A10589" s="6" t="s">
        <v>49</v>
      </c>
      <c r="B10589" s="6"/>
      <c r="C10589" s="6" t="s">
        <v>10613</v>
      </c>
      <c r="D10589" s="6"/>
      <c r="E10589" s="6" t="s">
        <v>9</v>
      </c>
      <c r="F10589" s="7">
        <v>38657</v>
      </c>
      <c r="G10589" s="8">
        <v>1</v>
      </c>
      <c r="H10589" s="8">
        <v>1</v>
      </c>
      <c r="I10589" s="8">
        <v>0</v>
      </c>
      <c r="J10589" s="8">
        <v>1</v>
      </c>
      <c r="K10589" s="9">
        <v>3.3</v>
      </c>
      <c r="L10589" s="6" t="s">
        <v>51</v>
      </c>
    </row>
    <row r="10590" spans="1:12">
      <c r="A10590" s="6" t="s">
        <v>49</v>
      </c>
      <c r="B10590" s="6"/>
      <c r="C10590" s="6" t="s">
        <v>10614</v>
      </c>
      <c r="D10590" s="6"/>
      <c r="E10590" s="6" t="s">
        <v>9</v>
      </c>
      <c r="F10590" s="7">
        <v>38657</v>
      </c>
      <c r="G10590" s="8">
        <v>1</v>
      </c>
      <c r="H10590" s="8">
        <v>1</v>
      </c>
      <c r="I10590" s="8">
        <v>0</v>
      </c>
      <c r="J10590" s="8">
        <v>1</v>
      </c>
      <c r="K10590" s="9">
        <v>6.22</v>
      </c>
      <c r="L10590" s="6" t="s">
        <v>51</v>
      </c>
    </row>
    <row r="10591" spans="1:12">
      <c r="A10591" s="6" t="s">
        <v>49</v>
      </c>
      <c r="B10591" s="6"/>
      <c r="C10591" s="6" t="s">
        <v>10615</v>
      </c>
      <c r="D10591" s="6"/>
      <c r="E10591" s="6" t="s">
        <v>9</v>
      </c>
      <c r="F10591" s="7">
        <v>38657</v>
      </c>
      <c r="G10591" s="8">
        <v>1</v>
      </c>
      <c r="H10591" s="8">
        <v>1</v>
      </c>
      <c r="I10591" s="8">
        <v>0</v>
      </c>
      <c r="J10591" s="8">
        <v>1</v>
      </c>
      <c r="K10591" s="9">
        <v>396</v>
      </c>
      <c r="L10591" s="6" t="s">
        <v>51</v>
      </c>
    </row>
    <row r="10592" spans="1:12">
      <c r="A10592" s="6" t="s">
        <v>49</v>
      </c>
      <c r="B10592" s="6"/>
      <c r="C10592" s="6" t="s">
        <v>10616</v>
      </c>
      <c r="D10592" s="6"/>
      <c r="E10592" s="6" t="s">
        <v>9</v>
      </c>
      <c r="F10592" s="7">
        <v>38657</v>
      </c>
      <c r="G10592" s="8">
        <v>1</v>
      </c>
      <c r="H10592" s="8">
        <v>1</v>
      </c>
      <c r="I10592" s="8">
        <v>0</v>
      </c>
      <c r="J10592" s="8">
        <v>1</v>
      </c>
      <c r="K10592" s="9">
        <v>3.28</v>
      </c>
      <c r="L10592" s="6" t="s">
        <v>51</v>
      </c>
    </row>
    <row r="10593" spans="1:12">
      <c r="A10593" s="6" t="s">
        <v>49</v>
      </c>
      <c r="B10593" s="6"/>
      <c r="C10593" s="6" t="s">
        <v>10617</v>
      </c>
      <c r="D10593" s="6"/>
      <c r="E10593" s="6" t="s">
        <v>9</v>
      </c>
      <c r="F10593" s="7">
        <v>38657</v>
      </c>
      <c r="G10593" s="8">
        <v>1</v>
      </c>
      <c r="H10593" s="8">
        <v>1</v>
      </c>
      <c r="I10593" s="8">
        <v>0</v>
      </c>
      <c r="J10593" s="8">
        <v>1</v>
      </c>
      <c r="K10593" s="9">
        <v>1.72</v>
      </c>
      <c r="L10593" s="6" t="s">
        <v>51</v>
      </c>
    </row>
    <row r="10594" spans="1:12">
      <c r="A10594" s="6" t="s">
        <v>49</v>
      </c>
      <c r="B10594" s="6"/>
      <c r="C10594" s="6" t="s">
        <v>10618</v>
      </c>
      <c r="D10594" s="6"/>
      <c r="E10594" s="6" t="s">
        <v>9</v>
      </c>
      <c r="F10594" s="7">
        <v>38657</v>
      </c>
      <c r="G10594" s="8">
        <v>1</v>
      </c>
      <c r="H10594" s="8">
        <v>1</v>
      </c>
      <c r="I10594" s="8">
        <v>0</v>
      </c>
      <c r="J10594" s="8">
        <v>1</v>
      </c>
      <c r="K10594" s="9">
        <v>19</v>
      </c>
      <c r="L10594" s="6" t="s">
        <v>51</v>
      </c>
    </row>
    <row r="10595" spans="1:12">
      <c r="A10595" s="6" t="s">
        <v>49</v>
      </c>
      <c r="B10595" s="6"/>
      <c r="C10595" s="6" t="s">
        <v>10619</v>
      </c>
      <c r="D10595" s="6"/>
      <c r="E10595" s="6" t="s">
        <v>9</v>
      </c>
      <c r="F10595" s="7">
        <v>38657</v>
      </c>
      <c r="G10595" s="8">
        <v>1</v>
      </c>
      <c r="H10595" s="8">
        <v>1</v>
      </c>
      <c r="I10595" s="8">
        <v>0</v>
      </c>
      <c r="J10595" s="8">
        <v>1</v>
      </c>
      <c r="K10595" s="9">
        <v>26</v>
      </c>
      <c r="L10595" s="6" t="s">
        <v>51</v>
      </c>
    </row>
    <row r="10596" spans="1:12">
      <c r="A10596" s="6" t="s">
        <v>49</v>
      </c>
      <c r="B10596" s="6"/>
      <c r="C10596" s="6" t="s">
        <v>10620</v>
      </c>
      <c r="D10596" s="6"/>
      <c r="E10596" s="6" t="s">
        <v>9</v>
      </c>
      <c r="F10596" s="7">
        <v>38657</v>
      </c>
      <c r="G10596" s="8">
        <v>1</v>
      </c>
      <c r="H10596" s="8">
        <v>1</v>
      </c>
      <c r="I10596" s="8">
        <v>0</v>
      </c>
      <c r="J10596" s="8">
        <v>1</v>
      </c>
      <c r="K10596" s="9">
        <v>6.61</v>
      </c>
      <c r="L10596" s="6" t="s">
        <v>51</v>
      </c>
    </row>
    <row r="10597" spans="1:12">
      <c r="A10597" s="6" t="s">
        <v>49</v>
      </c>
      <c r="B10597" s="6"/>
      <c r="C10597" s="6" t="s">
        <v>10621</v>
      </c>
      <c r="D10597" s="6"/>
      <c r="E10597" s="6" t="s">
        <v>9</v>
      </c>
      <c r="F10597" s="7">
        <v>38657</v>
      </c>
      <c r="G10597" s="8">
        <v>1</v>
      </c>
      <c r="H10597" s="8">
        <v>1</v>
      </c>
      <c r="I10597" s="8">
        <v>0</v>
      </c>
      <c r="J10597" s="8">
        <v>1</v>
      </c>
      <c r="K10597" s="9">
        <v>8.99</v>
      </c>
      <c r="L10597" s="6" t="s">
        <v>51</v>
      </c>
    </row>
    <row r="10598" spans="1:12">
      <c r="A10598" s="6" t="s">
        <v>49</v>
      </c>
      <c r="B10598" s="6"/>
      <c r="C10598" s="6" t="s">
        <v>10622</v>
      </c>
      <c r="D10598" s="6"/>
      <c r="E10598" s="6" t="s">
        <v>9</v>
      </c>
      <c r="F10598" s="7">
        <v>38657</v>
      </c>
      <c r="G10598" s="8">
        <v>1</v>
      </c>
      <c r="H10598" s="8">
        <v>1</v>
      </c>
      <c r="I10598" s="8">
        <v>0</v>
      </c>
      <c r="J10598" s="8">
        <v>1</v>
      </c>
      <c r="K10598" s="9">
        <v>10</v>
      </c>
      <c r="L10598" s="6" t="s">
        <v>51</v>
      </c>
    </row>
    <row r="10599" spans="1:12">
      <c r="A10599" s="6" t="s">
        <v>49</v>
      </c>
      <c r="B10599" s="6"/>
      <c r="C10599" s="6" t="s">
        <v>10623</v>
      </c>
      <c r="D10599" s="6"/>
      <c r="E10599" s="6" t="s">
        <v>9</v>
      </c>
      <c r="F10599" s="7">
        <v>38657</v>
      </c>
      <c r="G10599" s="8">
        <v>1</v>
      </c>
      <c r="H10599" s="8">
        <v>1</v>
      </c>
      <c r="I10599" s="8">
        <v>0</v>
      </c>
      <c r="J10599" s="8">
        <v>1</v>
      </c>
      <c r="K10599" s="9">
        <v>0.41</v>
      </c>
      <c r="L10599" s="6" t="s">
        <v>51</v>
      </c>
    </row>
    <row r="10600" spans="1:12">
      <c r="A10600" s="6" t="s">
        <v>49</v>
      </c>
      <c r="B10600" s="6"/>
      <c r="C10600" s="6" t="s">
        <v>10624</v>
      </c>
      <c r="D10600" s="6"/>
      <c r="E10600" s="6" t="s">
        <v>9</v>
      </c>
      <c r="F10600" s="7">
        <v>38657</v>
      </c>
      <c r="G10600" s="8">
        <v>1</v>
      </c>
      <c r="H10600" s="8">
        <v>1</v>
      </c>
      <c r="I10600" s="8">
        <v>0</v>
      </c>
      <c r="J10600" s="8">
        <v>1</v>
      </c>
      <c r="K10600" s="9">
        <v>13</v>
      </c>
      <c r="L10600" s="6" t="s">
        <v>51</v>
      </c>
    </row>
    <row r="10601" spans="1:12">
      <c r="A10601" s="6" t="s">
        <v>49</v>
      </c>
      <c r="B10601" s="6"/>
      <c r="C10601" s="6" t="s">
        <v>10625</v>
      </c>
      <c r="D10601" s="6"/>
      <c r="E10601" s="6" t="s">
        <v>9</v>
      </c>
      <c r="F10601" s="7">
        <v>38657</v>
      </c>
      <c r="G10601" s="8">
        <v>1</v>
      </c>
      <c r="H10601" s="8">
        <v>1</v>
      </c>
      <c r="I10601" s="8">
        <v>0</v>
      </c>
      <c r="J10601" s="8">
        <v>1</v>
      </c>
      <c r="K10601" s="9">
        <v>161</v>
      </c>
      <c r="L10601" s="6" t="s">
        <v>51</v>
      </c>
    </row>
    <row r="10602" spans="1:12">
      <c r="A10602" s="6" t="s">
        <v>49</v>
      </c>
      <c r="B10602" s="6"/>
      <c r="C10602" s="6" t="s">
        <v>10626</v>
      </c>
      <c r="D10602" s="6"/>
      <c r="E10602" s="6" t="s">
        <v>9</v>
      </c>
      <c r="F10602" s="7">
        <v>38657</v>
      </c>
      <c r="G10602" s="8">
        <v>1</v>
      </c>
      <c r="H10602" s="8">
        <v>1</v>
      </c>
      <c r="I10602" s="8">
        <v>0</v>
      </c>
      <c r="J10602" s="8">
        <v>1</v>
      </c>
      <c r="K10602" s="9">
        <v>214</v>
      </c>
      <c r="L10602" s="6" t="s">
        <v>51</v>
      </c>
    </row>
    <row r="10603" spans="1:12">
      <c r="A10603" s="6" t="s">
        <v>49</v>
      </c>
      <c r="B10603" s="6"/>
      <c r="C10603" s="6" t="s">
        <v>10627</v>
      </c>
      <c r="D10603" s="6"/>
      <c r="E10603" s="6" t="s">
        <v>9</v>
      </c>
      <c r="F10603" s="7">
        <v>38657</v>
      </c>
      <c r="G10603" s="8">
        <v>1</v>
      </c>
      <c r="H10603" s="8">
        <v>1</v>
      </c>
      <c r="I10603" s="8">
        <v>0</v>
      </c>
      <c r="J10603" s="8">
        <v>1</v>
      </c>
      <c r="K10603" s="9">
        <v>79</v>
      </c>
      <c r="L10603" s="6" t="s">
        <v>51</v>
      </c>
    </row>
    <row r="10604" spans="1:12">
      <c r="A10604" s="6" t="s">
        <v>49</v>
      </c>
      <c r="B10604" s="6"/>
      <c r="C10604" s="6" t="s">
        <v>10628</v>
      </c>
      <c r="D10604" s="6"/>
      <c r="E10604" s="6" t="s">
        <v>9</v>
      </c>
      <c r="F10604" s="7">
        <v>38657</v>
      </c>
      <c r="G10604" s="8">
        <v>1</v>
      </c>
      <c r="H10604" s="8">
        <v>1</v>
      </c>
      <c r="I10604" s="8">
        <v>0</v>
      </c>
      <c r="J10604" s="8">
        <v>1</v>
      </c>
      <c r="K10604" s="9">
        <v>13</v>
      </c>
      <c r="L10604" s="6" t="s">
        <v>51</v>
      </c>
    </row>
    <row r="10605" spans="1:12">
      <c r="A10605" s="6" t="s">
        <v>49</v>
      </c>
      <c r="B10605" s="6"/>
      <c r="C10605" s="6" t="s">
        <v>10629</v>
      </c>
      <c r="D10605" s="6"/>
      <c r="E10605" s="6" t="s">
        <v>9</v>
      </c>
      <c r="F10605" s="7">
        <v>38657</v>
      </c>
      <c r="G10605" s="8">
        <v>1</v>
      </c>
      <c r="H10605" s="8">
        <v>1</v>
      </c>
      <c r="I10605" s="8">
        <v>0</v>
      </c>
      <c r="J10605" s="8">
        <v>1</v>
      </c>
      <c r="K10605" s="9">
        <v>294</v>
      </c>
      <c r="L10605" s="6" t="s">
        <v>51</v>
      </c>
    </row>
    <row r="10606" spans="1:12">
      <c r="A10606" s="6" t="s">
        <v>49</v>
      </c>
      <c r="B10606" s="6"/>
      <c r="C10606" s="6" t="s">
        <v>10630</v>
      </c>
      <c r="D10606" s="6"/>
      <c r="E10606" s="6" t="s">
        <v>9</v>
      </c>
      <c r="F10606" s="7">
        <v>38657</v>
      </c>
      <c r="G10606" s="8">
        <v>1</v>
      </c>
      <c r="H10606" s="8">
        <v>1</v>
      </c>
      <c r="I10606" s="8">
        <v>0</v>
      </c>
      <c r="J10606" s="8">
        <v>1</v>
      </c>
      <c r="K10606" s="9">
        <v>60</v>
      </c>
      <c r="L10606" s="6" t="s">
        <v>51</v>
      </c>
    </row>
    <row r="10607" spans="1:12">
      <c r="A10607" s="6" t="s">
        <v>49</v>
      </c>
      <c r="B10607" s="6"/>
      <c r="C10607" s="6" t="s">
        <v>10631</v>
      </c>
      <c r="D10607" s="6"/>
      <c r="E10607" s="6" t="s">
        <v>9</v>
      </c>
      <c r="F10607" s="7">
        <v>38657</v>
      </c>
      <c r="G10607" s="8">
        <v>1</v>
      </c>
      <c r="H10607" s="8">
        <v>1</v>
      </c>
      <c r="I10607" s="8">
        <v>0</v>
      </c>
      <c r="J10607" s="8">
        <v>1</v>
      </c>
      <c r="K10607" s="9">
        <v>7.03</v>
      </c>
      <c r="L10607" s="6" t="s">
        <v>51</v>
      </c>
    </row>
    <row r="10608" spans="1:12">
      <c r="A10608" s="6" t="s">
        <v>49</v>
      </c>
      <c r="B10608" s="6"/>
      <c r="C10608" s="6" t="s">
        <v>10632</v>
      </c>
      <c r="D10608" s="6"/>
      <c r="E10608" s="6" t="s">
        <v>9</v>
      </c>
      <c r="F10608" s="7">
        <v>38657</v>
      </c>
      <c r="G10608" s="8">
        <v>1</v>
      </c>
      <c r="H10608" s="8">
        <v>1</v>
      </c>
      <c r="I10608" s="8">
        <v>0</v>
      </c>
      <c r="J10608" s="8">
        <v>1</v>
      </c>
      <c r="K10608" s="9">
        <v>1.33</v>
      </c>
      <c r="L10608" s="6" t="s">
        <v>51</v>
      </c>
    </row>
    <row r="10609" spans="1:12">
      <c r="A10609" s="6" t="s">
        <v>49</v>
      </c>
      <c r="B10609" s="6"/>
      <c r="C10609" s="6" t="s">
        <v>10633</v>
      </c>
      <c r="D10609" s="6"/>
      <c r="E10609" s="6" t="s">
        <v>9</v>
      </c>
      <c r="F10609" s="7">
        <v>38657</v>
      </c>
      <c r="G10609" s="8">
        <v>1</v>
      </c>
      <c r="H10609" s="8">
        <v>1</v>
      </c>
      <c r="I10609" s="8">
        <v>0</v>
      </c>
      <c r="J10609" s="8">
        <v>1</v>
      </c>
      <c r="K10609" s="9">
        <v>31</v>
      </c>
      <c r="L10609" s="6" t="s">
        <v>51</v>
      </c>
    </row>
    <row r="10610" spans="1:12">
      <c r="A10610" s="6" t="s">
        <v>49</v>
      </c>
      <c r="B10610" s="6"/>
      <c r="C10610" s="6" t="s">
        <v>10634</v>
      </c>
      <c r="D10610" s="6"/>
      <c r="E10610" s="6" t="s">
        <v>9</v>
      </c>
      <c r="F10610" s="7">
        <v>38657</v>
      </c>
      <c r="G10610" s="8">
        <v>1</v>
      </c>
      <c r="H10610" s="8">
        <v>1</v>
      </c>
      <c r="I10610" s="8">
        <v>0</v>
      </c>
      <c r="J10610" s="8">
        <v>1</v>
      </c>
      <c r="K10610" s="9">
        <v>6.3</v>
      </c>
      <c r="L10610" s="6" t="s">
        <v>51</v>
      </c>
    </row>
    <row r="10611" spans="1:12">
      <c r="A10611" s="6" t="s">
        <v>49</v>
      </c>
      <c r="B10611" s="6"/>
      <c r="C10611" s="6" t="s">
        <v>10635</v>
      </c>
      <c r="D10611" s="6"/>
      <c r="E10611" s="6" t="s">
        <v>9</v>
      </c>
      <c r="F10611" s="7">
        <v>38657</v>
      </c>
      <c r="G10611" s="8">
        <v>1</v>
      </c>
      <c r="H10611" s="8">
        <v>1</v>
      </c>
      <c r="I10611" s="8">
        <v>0</v>
      </c>
      <c r="J10611" s="8">
        <v>1</v>
      </c>
      <c r="K10611" s="9">
        <v>2.41</v>
      </c>
      <c r="L10611" s="6" t="s">
        <v>51</v>
      </c>
    </row>
    <row r="10612" spans="1:12">
      <c r="A10612" s="6" t="s">
        <v>49</v>
      </c>
      <c r="B10612" s="6"/>
      <c r="C10612" s="6" t="s">
        <v>10636</v>
      </c>
      <c r="D10612" s="6"/>
      <c r="E10612" s="6" t="s">
        <v>9</v>
      </c>
      <c r="F10612" s="7">
        <v>38657</v>
      </c>
      <c r="G10612" s="8">
        <v>1</v>
      </c>
      <c r="H10612" s="8">
        <v>1</v>
      </c>
      <c r="I10612" s="8">
        <v>0</v>
      </c>
      <c r="J10612" s="8">
        <v>1</v>
      </c>
      <c r="K10612" s="9">
        <v>177</v>
      </c>
      <c r="L10612" s="6" t="s">
        <v>51</v>
      </c>
    </row>
    <row r="10613" spans="1:12">
      <c r="A10613" s="6" t="s">
        <v>49</v>
      </c>
      <c r="B10613" s="6"/>
      <c r="C10613" s="6" t="s">
        <v>10637</v>
      </c>
      <c r="D10613" s="6"/>
      <c r="E10613" s="6" t="s">
        <v>9</v>
      </c>
      <c r="F10613" s="7">
        <v>38657</v>
      </c>
      <c r="G10613" s="8">
        <v>1</v>
      </c>
      <c r="H10613" s="8">
        <v>1</v>
      </c>
      <c r="I10613" s="8">
        <v>0</v>
      </c>
      <c r="J10613" s="8">
        <v>1</v>
      </c>
      <c r="K10613" s="9">
        <v>133</v>
      </c>
      <c r="L10613" s="6" t="s">
        <v>51</v>
      </c>
    </row>
    <row r="10614" spans="1:12">
      <c r="A10614" s="6" t="s">
        <v>49</v>
      </c>
      <c r="B10614" s="6"/>
      <c r="C10614" s="6" t="s">
        <v>10638</v>
      </c>
      <c r="D10614" s="6"/>
      <c r="E10614" s="6" t="s">
        <v>9</v>
      </c>
      <c r="F10614" s="7">
        <v>38657</v>
      </c>
      <c r="G10614" s="8">
        <v>1</v>
      </c>
      <c r="H10614" s="8">
        <v>1</v>
      </c>
      <c r="I10614" s="8">
        <v>0</v>
      </c>
      <c r="J10614" s="8">
        <v>1</v>
      </c>
      <c r="K10614" s="9">
        <v>7.47</v>
      </c>
      <c r="L10614" s="6" t="s">
        <v>51</v>
      </c>
    </row>
    <row r="10615" spans="1:12">
      <c r="A10615" s="6" t="s">
        <v>49</v>
      </c>
      <c r="B10615" s="6"/>
      <c r="C10615" s="6" t="s">
        <v>10639</v>
      </c>
      <c r="D10615" s="6"/>
      <c r="E10615" s="6" t="s">
        <v>9</v>
      </c>
      <c r="F10615" s="7">
        <v>38657</v>
      </c>
      <c r="G10615" s="8">
        <v>1</v>
      </c>
      <c r="H10615" s="8">
        <v>1</v>
      </c>
      <c r="I10615" s="8">
        <v>0</v>
      </c>
      <c r="J10615" s="8">
        <v>1</v>
      </c>
      <c r="K10615" s="9">
        <v>4.5</v>
      </c>
      <c r="L10615" s="6" t="s">
        <v>51</v>
      </c>
    </row>
    <row r="10616" spans="1:12">
      <c r="A10616" s="6" t="s">
        <v>49</v>
      </c>
      <c r="B10616" s="6"/>
      <c r="C10616" s="6" t="s">
        <v>10640</v>
      </c>
      <c r="D10616" s="6"/>
      <c r="E10616" s="6" t="s">
        <v>9</v>
      </c>
      <c r="F10616" s="7">
        <v>38657</v>
      </c>
      <c r="G10616" s="8">
        <v>1</v>
      </c>
      <c r="H10616" s="8">
        <v>1</v>
      </c>
      <c r="I10616" s="8">
        <v>0</v>
      </c>
      <c r="J10616" s="8">
        <v>1</v>
      </c>
      <c r="K10616" s="9">
        <v>35</v>
      </c>
      <c r="L10616" s="6" t="s">
        <v>51</v>
      </c>
    </row>
    <row r="10617" spans="1:12">
      <c r="A10617" s="6" t="s">
        <v>49</v>
      </c>
      <c r="B10617" s="6"/>
      <c r="C10617" s="6" t="s">
        <v>10641</v>
      </c>
      <c r="D10617" s="6"/>
      <c r="E10617" s="6" t="s">
        <v>9</v>
      </c>
      <c r="F10617" s="7">
        <v>38657</v>
      </c>
      <c r="G10617" s="8">
        <v>1</v>
      </c>
      <c r="H10617" s="8">
        <v>1</v>
      </c>
      <c r="I10617" s="8">
        <v>0</v>
      </c>
      <c r="J10617" s="8">
        <v>1</v>
      </c>
      <c r="K10617" s="9">
        <v>57</v>
      </c>
      <c r="L10617" s="6" t="s">
        <v>51</v>
      </c>
    </row>
    <row r="10618" spans="1:12">
      <c r="A10618" s="6" t="s">
        <v>49</v>
      </c>
      <c r="B10618" s="6"/>
      <c r="C10618" s="6" t="s">
        <v>10642</v>
      </c>
      <c r="D10618" s="6"/>
      <c r="E10618" s="6" t="s">
        <v>9</v>
      </c>
      <c r="F10618" s="7">
        <v>38657</v>
      </c>
      <c r="G10618" s="8">
        <v>1</v>
      </c>
      <c r="H10618" s="8">
        <v>1</v>
      </c>
      <c r="I10618" s="8">
        <v>0</v>
      </c>
      <c r="J10618" s="8">
        <v>1</v>
      </c>
      <c r="K10618" s="9">
        <v>5.45</v>
      </c>
      <c r="L10618" s="6" t="s">
        <v>51</v>
      </c>
    </row>
    <row r="10619" spans="1:12">
      <c r="A10619" s="6" t="s">
        <v>49</v>
      </c>
      <c r="B10619" s="6"/>
      <c r="C10619" s="6" t="s">
        <v>10643</v>
      </c>
      <c r="D10619" s="6"/>
      <c r="E10619" s="6" t="s">
        <v>9</v>
      </c>
      <c r="F10619" s="7">
        <v>38657</v>
      </c>
      <c r="G10619" s="8">
        <v>1</v>
      </c>
      <c r="H10619" s="8">
        <v>1</v>
      </c>
      <c r="I10619" s="8">
        <v>0</v>
      </c>
      <c r="J10619" s="8">
        <v>1</v>
      </c>
      <c r="K10619" s="9">
        <v>3.79</v>
      </c>
      <c r="L10619" s="6" t="s">
        <v>51</v>
      </c>
    </row>
    <row r="10620" spans="1:12">
      <c r="A10620" s="6" t="s">
        <v>49</v>
      </c>
      <c r="B10620" s="6"/>
      <c r="C10620" s="6" t="s">
        <v>10644</v>
      </c>
      <c r="D10620" s="6"/>
      <c r="E10620" s="6" t="s">
        <v>9</v>
      </c>
      <c r="F10620" s="7">
        <v>38657</v>
      </c>
      <c r="G10620" s="8">
        <v>1</v>
      </c>
      <c r="H10620" s="8">
        <v>1</v>
      </c>
      <c r="I10620" s="8">
        <v>0</v>
      </c>
      <c r="J10620" s="8">
        <v>1</v>
      </c>
      <c r="K10620" s="9">
        <v>0.34</v>
      </c>
      <c r="L10620" s="6" t="s">
        <v>51</v>
      </c>
    </row>
    <row r="10621" spans="1:12">
      <c r="A10621" s="6" t="s">
        <v>49</v>
      </c>
      <c r="B10621" s="6"/>
      <c r="C10621" s="6" t="s">
        <v>10645</v>
      </c>
      <c r="D10621" s="6"/>
      <c r="E10621" s="6" t="s">
        <v>9</v>
      </c>
      <c r="F10621" s="7">
        <v>38657</v>
      </c>
      <c r="G10621" s="8">
        <v>1</v>
      </c>
      <c r="H10621" s="8">
        <v>1</v>
      </c>
      <c r="I10621" s="8">
        <v>0</v>
      </c>
      <c r="J10621" s="8">
        <v>1</v>
      </c>
      <c r="K10621" s="9">
        <v>0.53</v>
      </c>
      <c r="L10621" s="6" t="s">
        <v>51</v>
      </c>
    </row>
    <row r="10622" spans="1:12">
      <c r="A10622" s="6" t="s">
        <v>49</v>
      </c>
      <c r="B10622" s="6"/>
      <c r="C10622" s="6" t="s">
        <v>10646</v>
      </c>
      <c r="D10622" s="6"/>
      <c r="E10622" s="6" t="s">
        <v>9</v>
      </c>
      <c r="F10622" s="7">
        <v>38657</v>
      </c>
      <c r="G10622" s="8">
        <v>1</v>
      </c>
      <c r="H10622" s="8">
        <v>1</v>
      </c>
      <c r="I10622" s="8">
        <v>0</v>
      </c>
      <c r="J10622" s="8">
        <v>1</v>
      </c>
      <c r="K10622" s="9">
        <v>6.38</v>
      </c>
      <c r="L10622" s="6" t="s">
        <v>51</v>
      </c>
    </row>
    <row r="10623" spans="1:12">
      <c r="A10623" s="6" t="s">
        <v>49</v>
      </c>
      <c r="B10623" s="6"/>
      <c r="C10623" s="6" t="s">
        <v>10647</v>
      </c>
      <c r="D10623" s="6"/>
      <c r="E10623" s="6" t="s">
        <v>9</v>
      </c>
      <c r="F10623" s="7">
        <v>38657</v>
      </c>
      <c r="G10623" s="8">
        <v>1</v>
      </c>
      <c r="H10623" s="8">
        <v>1</v>
      </c>
      <c r="I10623" s="8">
        <v>0</v>
      </c>
      <c r="J10623" s="8">
        <v>1</v>
      </c>
      <c r="K10623" s="9">
        <v>0.43</v>
      </c>
      <c r="L10623" s="6" t="s">
        <v>51</v>
      </c>
    </row>
    <row r="10624" spans="1:12">
      <c r="A10624" s="6" t="s">
        <v>49</v>
      </c>
      <c r="B10624" s="6"/>
      <c r="C10624" s="6" t="s">
        <v>10648</v>
      </c>
      <c r="D10624" s="6"/>
      <c r="E10624" s="6" t="s">
        <v>9</v>
      </c>
      <c r="F10624" s="7">
        <v>38657</v>
      </c>
      <c r="G10624" s="8">
        <v>1</v>
      </c>
      <c r="H10624" s="8">
        <v>1</v>
      </c>
      <c r="I10624" s="8">
        <v>0</v>
      </c>
      <c r="J10624" s="8">
        <v>1</v>
      </c>
      <c r="K10624" s="9">
        <v>3.1</v>
      </c>
      <c r="L10624" s="6" t="s">
        <v>51</v>
      </c>
    </row>
    <row r="10625" spans="1:12">
      <c r="A10625" s="6" t="s">
        <v>49</v>
      </c>
      <c r="B10625" s="6"/>
      <c r="C10625" s="6" t="s">
        <v>10649</v>
      </c>
      <c r="D10625" s="6"/>
      <c r="E10625" s="6" t="s">
        <v>9</v>
      </c>
      <c r="F10625" s="7">
        <v>38657</v>
      </c>
      <c r="G10625" s="8">
        <v>1</v>
      </c>
      <c r="H10625" s="8">
        <v>1</v>
      </c>
      <c r="I10625" s="8">
        <v>0</v>
      </c>
      <c r="J10625" s="8">
        <v>1</v>
      </c>
      <c r="K10625" s="9">
        <v>3.04</v>
      </c>
      <c r="L10625" s="6" t="s">
        <v>51</v>
      </c>
    </row>
    <row r="10626" spans="1:12">
      <c r="A10626" s="6" t="s">
        <v>49</v>
      </c>
      <c r="B10626" s="6"/>
      <c r="C10626" s="6" t="s">
        <v>10650</v>
      </c>
      <c r="D10626" s="6"/>
      <c r="E10626" s="6" t="s">
        <v>9</v>
      </c>
      <c r="F10626" s="7">
        <v>38657</v>
      </c>
      <c r="G10626" s="8">
        <v>1</v>
      </c>
      <c r="H10626" s="8">
        <v>1</v>
      </c>
      <c r="I10626" s="8">
        <v>0</v>
      </c>
      <c r="J10626" s="8">
        <v>1</v>
      </c>
      <c r="K10626" s="9">
        <v>2.44</v>
      </c>
      <c r="L10626" s="6" t="s">
        <v>51</v>
      </c>
    </row>
    <row r="10627" spans="1:12">
      <c r="A10627" s="6" t="s">
        <v>49</v>
      </c>
      <c r="B10627" s="6"/>
      <c r="C10627" s="6" t="s">
        <v>10651</v>
      </c>
      <c r="D10627" s="6"/>
      <c r="E10627" s="6" t="s">
        <v>9</v>
      </c>
      <c r="F10627" s="7">
        <v>38657</v>
      </c>
      <c r="G10627" s="8">
        <v>1</v>
      </c>
      <c r="H10627" s="8">
        <v>1</v>
      </c>
      <c r="I10627" s="8">
        <v>0</v>
      </c>
      <c r="J10627" s="8">
        <v>1</v>
      </c>
      <c r="K10627" s="9">
        <v>2</v>
      </c>
      <c r="L10627" s="6" t="s">
        <v>51</v>
      </c>
    </row>
    <row r="10628" spans="1:12">
      <c r="A10628" s="6" t="s">
        <v>49</v>
      </c>
      <c r="B10628" s="6"/>
      <c r="C10628" s="6" t="s">
        <v>10652</v>
      </c>
      <c r="D10628" s="6"/>
      <c r="E10628" s="6" t="s">
        <v>9</v>
      </c>
      <c r="F10628" s="7">
        <v>38657</v>
      </c>
      <c r="G10628" s="8">
        <v>1</v>
      </c>
      <c r="H10628" s="8">
        <v>1</v>
      </c>
      <c r="I10628" s="8">
        <v>0</v>
      </c>
      <c r="J10628" s="8">
        <v>1</v>
      </c>
      <c r="K10628" s="9">
        <v>2</v>
      </c>
      <c r="L10628" s="6" t="s">
        <v>51</v>
      </c>
    </row>
    <row r="10629" spans="1:12">
      <c r="A10629" s="6" t="s">
        <v>49</v>
      </c>
      <c r="B10629" s="6"/>
      <c r="C10629" s="6" t="s">
        <v>10653</v>
      </c>
      <c r="D10629" s="6"/>
      <c r="E10629" s="6" t="s">
        <v>9</v>
      </c>
      <c r="F10629" s="7">
        <v>41515</v>
      </c>
      <c r="G10629" s="8">
        <v>83034</v>
      </c>
      <c r="H10629" s="8">
        <v>83034</v>
      </c>
      <c r="I10629" s="8">
        <v>0</v>
      </c>
      <c r="J10629" s="8">
        <v>83034</v>
      </c>
      <c r="K10629" s="9">
        <v>18</v>
      </c>
      <c r="L10629" s="6" t="s">
        <v>51</v>
      </c>
    </row>
    <row r="10630" spans="1:12">
      <c r="A10630" s="6" t="s">
        <v>49</v>
      </c>
      <c r="B10630" s="6"/>
      <c r="C10630" s="6" t="s">
        <v>10654</v>
      </c>
      <c r="D10630" s="6"/>
      <c r="E10630" s="6" t="s">
        <v>9</v>
      </c>
      <c r="F10630" s="7">
        <v>38657</v>
      </c>
      <c r="G10630" s="8">
        <v>1</v>
      </c>
      <c r="H10630" s="8">
        <v>1</v>
      </c>
      <c r="I10630" s="8">
        <v>0</v>
      </c>
      <c r="J10630" s="8">
        <v>1</v>
      </c>
      <c r="K10630" s="9">
        <v>4.93</v>
      </c>
      <c r="L10630" s="6" t="s">
        <v>51</v>
      </c>
    </row>
    <row r="10631" spans="1:12">
      <c r="A10631" s="6" t="s">
        <v>49</v>
      </c>
      <c r="B10631" s="6"/>
      <c r="C10631" s="6" t="s">
        <v>10655</v>
      </c>
      <c r="D10631" s="6"/>
      <c r="E10631" s="6" t="s">
        <v>9</v>
      </c>
      <c r="F10631" s="7">
        <v>38657</v>
      </c>
      <c r="G10631" s="8">
        <v>1</v>
      </c>
      <c r="H10631" s="8">
        <v>1</v>
      </c>
      <c r="I10631" s="8">
        <v>0</v>
      </c>
      <c r="J10631" s="8">
        <v>1</v>
      </c>
      <c r="K10631" s="9">
        <v>0.69</v>
      </c>
      <c r="L10631" s="6" t="s">
        <v>51</v>
      </c>
    </row>
    <row r="10632" spans="1:12">
      <c r="A10632" s="6" t="s">
        <v>49</v>
      </c>
      <c r="B10632" s="6"/>
      <c r="C10632" s="6" t="s">
        <v>10656</v>
      </c>
      <c r="D10632" s="6"/>
      <c r="E10632" s="6" t="s">
        <v>9</v>
      </c>
      <c r="F10632" s="7">
        <v>38657</v>
      </c>
      <c r="G10632" s="8">
        <v>1</v>
      </c>
      <c r="H10632" s="8">
        <v>1</v>
      </c>
      <c r="I10632" s="8">
        <v>0</v>
      </c>
      <c r="J10632" s="8">
        <v>1</v>
      </c>
      <c r="K10632" s="9">
        <v>11</v>
      </c>
      <c r="L10632" s="6" t="s">
        <v>51</v>
      </c>
    </row>
    <row r="10633" spans="1:12">
      <c r="A10633" s="6" t="s">
        <v>49</v>
      </c>
      <c r="B10633" s="6"/>
      <c r="C10633" s="6" t="s">
        <v>10657</v>
      </c>
      <c r="D10633" s="6"/>
      <c r="E10633" s="6" t="s">
        <v>9</v>
      </c>
      <c r="F10633" s="7">
        <v>38657</v>
      </c>
      <c r="G10633" s="8">
        <v>1</v>
      </c>
      <c r="H10633" s="8">
        <v>1</v>
      </c>
      <c r="I10633" s="8">
        <v>0</v>
      </c>
      <c r="J10633" s="8">
        <v>1</v>
      </c>
      <c r="K10633" s="9">
        <v>1.1499999999999899</v>
      </c>
      <c r="L10633" s="6" t="s">
        <v>51</v>
      </c>
    </row>
    <row r="10634" spans="1:12">
      <c r="A10634" s="6" t="s">
        <v>49</v>
      </c>
      <c r="B10634" s="6"/>
      <c r="C10634" s="6" t="s">
        <v>10658</v>
      </c>
      <c r="D10634" s="6"/>
      <c r="E10634" s="6" t="s">
        <v>9</v>
      </c>
      <c r="F10634" s="7">
        <v>38657</v>
      </c>
      <c r="G10634" s="8">
        <v>1</v>
      </c>
      <c r="H10634" s="8">
        <v>1</v>
      </c>
      <c r="I10634" s="8">
        <v>0</v>
      </c>
      <c r="J10634" s="8">
        <v>1</v>
      </c>
      <c r="K10634" s="9">
        <v>8.1199999999999903</v>
      </c>
      <c r="L10634" s="6" t="s">
        <v>51</v>
      </c>
    </row>
    <row r="10635" spans="1:12">
      <c r="A10635" s="6" t="s">
        <v>49</v>
      </c>
      <c r="B10635" s="6"/>
      <c r="C10635" s="6" t="s">
        <v>10659</v>
      </c>
      <c r="D10635" s="6"/>
      <c r="E10635" s="6" t="s">
        <v>9</v>
      </c>
      <c r="F10635" s="7">
        <v>38657</v>
      </c>
      <c r="G10635" s="8">
        <v>1</v>
      </c>
      <c r="H10635" s="8">
        <v>1</v>
      </c>
      <c r="I10635" s="8">
        <v>0</v>
      </c>
      <c r="J10635" s="8">
        <v>1</v>
      </c>
      <c r="K10635" s="9">
        <v>3.64</v>
      </c>
      <c r="L10635" s="6" t="s">
        <v>51</v>
      </c>
    </row>
    <row r="10636" spans="1:12">
      <c r="A10636" s="6" t="s">
        <v>49</v>
      </c>
      <c r="B10636" s="6"/>
      <c r="C10636" s="6" t="s">
        <v>10660</v>
      </c>
      <c r="D10636" s="6"/>
      <c r="E10636" s="6" t="s">
        <v>9</v>
      </c>
      <c r="F10636" s="7">
        <v>38657</v>
      </c>
      <c r="G10636" s="8">
        <v>1</v>
      </c>
      <c r="H10636" s="8">
        <v>1</v>
      </c>
      <c r="I10636" s="8">
        <v>0</v>
      </c>
      <c r="J10636" s="8">
        <v>1</v>
      </c>
      <c r="K10636" s="9">
        <v>17</v>
      </c>
      <c r="L10636" s="6" t="s">
        <v>51</v>
      </c>
    </row>
    <row r="10637" spans="1:12">
      <c r="A10637" s="6" t="s">
        <v>49</v>
      </c>
      <c r="B10637" s="6"/>
      <c r="C10637" s="6" t="s">
        <v>10661</v>
      </c>
      <c r="D10637" s="6"/>
      <c r="E10637" s="6" t="s">
        <v>9</v>
      </c>
      <c r="F10637" s="7">
        <v>38657</v>
      </c>
      <c r="G10637" s="8">
        <v>1</v>
      </c>
      <c r="H10637" s="8">
        <v>1</v>
      </c>
      <c r="I10637" s="8">
        <v>0</v>
      </c>
      <c r="J10637" s="8">
        <v>1</v>
      </c>
      <c r="K10637" s="9">
        <v>69</v>
      </c>
      <c r="L10637" s="6" t="s">
        <v>51</v>
      </c>
    </row>
    <row r="10638" spans="1:12">
      <c r="A10638" s="6" t="s">
        <v>49</v>
      </c>
      <c r="B10638" s="6"/>
      <c r="C10638" s="6" t="s">
        <v>10662</v>
      </c>
      <c r="D10638" s="6"/>
      <c r="E10638" s="6" t="s">
        <v>9</v>
      </c>
      <c r="F10638" s="7">
        <v>38657</v>
      </c>
      <c r="G10638" s="8">
        <v>1</v>
      </c>
      <c r="H10638" s="8">
        <v>1</v>
      </c>
      <c r="I10638" s="8">
        <v>0</v>
      </c>
      <c r="J10638" s="8">
        <v>1</v>
      </c>
      <c r="K10638" s="9">
        <v>83</v>
      </c>
      <c r="L10638" s="6" t="s">
        <v>51</v>
      </c>
    </row>
    <row r="10639" spans="1:12">
      <c r="A10639" s="6" t="s">
        <v>49</v>
      </c>
      <c r="B10639" s="6"/>
      <c r="C10639" s="6" t="s">
        <v>10663</v>
      </c>
      <c r="D10639" s="6"/>
      <c r="E10639" s="6" t="s">
        <v>9</v>
      </c>
      <c r="F10639" s="7">
        <v>38657</v>
      </c>
      <c r="G10639" s="8">
        <v>1</v>
      </c>
      <c r="H10639" s="8">
        <v>1</v>
      </c>
      <c r="I10639" s="8">
        <v>0</v>
      </c>
      <c r="J10639" s="8">
        <v>1</v>
      </c>
      <c r="K10639" s="9">
        <v>54</v>
      </c>
      <c r="L10639" s="6" t="s">
        <v>51</v>
      </c>
    </row>
    <row r="10640" spans="1:12">
      <c r="A10640" s="6" t="s">
        <v>49</v>
      </c>
      <c r="B10640" s="6"/>
      <c r="C10640" s="6" t="s">
        <v>10664</v>
      </c>
      <c r="D10640" s="6"/>
      <c r="E10640" s="6" t="s">
        <v>9</v>
      </c>
      <c r="F10640" s="7">
        <v>38657</v>
      </c>
      <c r="G10640" s="8">
        <v>1</v>
      </c>
      <c r="H10640" s="8">
        <v>1</v>
      </c>
      <c r="I10640" s="8">
        <v>0</v>
      </c>
      <c r="J10640" s="8">
        <v>1</v>
      </c>
      <c r="K10640" s="9">
        <v>111</v>
      </c>
      <c r="L10640" s="6" t="s">
        <v>51</v>
      </c>
    </row>
    <row r="10641" spans="1:12">
      <c r="A10641" s="6" t="s">
        <v>49</v>
      </c>
      <c r="B10641" s="6"/>
      <c r="C10641" s="6" t="s">
        <v>10665</v>
      </c>
      <c r="D10641" s="6"/>
      <c r="E10641" s="6" t="s">
        <v>9</v>
      </c>
      <c r="F10641" s="7">
        <v>38657</v>
      </c>
      <c r="G10641" s="8">
        <v>1</v>
      </c>
      <c r="H10641" s="8">
        <v>1</v>
      </c>
      <c r="I10641" s="8">
        <v>0</v>
      </c>
      <c r="J10641" s="8">
        <v>1</v>
      </c>
      <c r="K10641" s="9">
        <v>9.07</v>
      </c>
      <c r="L10641" s="6" t="s">
        <v>51</v>
      </c>
    </row>
    <row r="10642" spans="1:12">
      <c r="A10642" s="6" t="s">
        <v>49</v>
      </c>
      <c r="B10642" s="6"/>
      <c r="C10642" s="6" t="s">
        <v>10666</v>
      </c>
      <c r="D10642" s="6"/>
      <c r="E10642" s="6" t="s">
        <v>9</v>
      </c>
      <c r="F10642" s="7">
        <v>38657</v>
      </c>
      <c r="G10642" s="8">
        <v>1</v>
      </c>
      <c r="H10642" s="8">
        <v>1</v>
      </c>
      <c r="I10642" s="8">
        <v>0</v>
      </c>
      <c r="J10642" s="8">
        <v>1</v>
      </c>
      <c r="K10642" s="9">
        <v>53</v>
      </c>
      <c r="L10642" s="6" t="s">
        <v>51</v>
      </c>
    </row>
    <row r="10643" spans="1:12">
      <c r="A10643" s="6" t="s">
        <v>49</v>
      </c>
      <c r="B10643" s="6"/>
      <c r="C10643" s="6" t="s">
        <v>10667</v>
      </c>
      <c r="D10643" s="6"/>
      <c r="E10643" s="6" t="s">
        <v>9</v>
      </c>
      <c r="F10643" s="7">
        <v>38657</v>
      </c>
      <c r="G10643" s="8">
        <v>1</v>
      </c>
      <c r="H10643" s="8">
        <v>1</v>
      </c>
      <c r="I10643" s="8">
        <v>0</v>
      </c>
      <c r="J10643" s="8">
        <v>1</v>
      </c>
      <c r="K10643" s="9">
        <v>101</v>
      </c>
      <c r="L10643" s="6" t="s">
        <v>51</v>
      </c>
    </row>
    <row r="10644" spans="1:12">
      <c r="A10644" s="6" t="s">
        <v>49</v>
      </c>
      <c r="B10644" s="6"/>
      <c r="C10644" s="6" t="s">
        <v>10668</v>
      </c>
      <c r="D10644" s="6"/>
      <c r="E10644" s="6" t="s">
        <v>9</v>
      </c>
      <c r="F10644" s="7">
        <v>38657</v>
      </c>
      <c r="G10644" s="8">
        <v>1</v>
      </c>
      <c r="H10644" s="8">
        <v>1</v>
      </c>
      <c r="I10644" s="8">
        <v>0</v>
      </c>
      <c r="J10644" s="8">
        <v>1</v>
      </c>
      <c r="K10644" s="9">
        <v>70</v>
      </c>
      <c r="L10644" s="6" t="s">
        <v>51</v>
      </c>
    </row>
    <row r="10645" spans="1:12">
      <c r="A10645" s="6" t="s">
        <v>49</v>
      </c>
      <c r="B10645" s="6"/>
      <c r="C10645" s="6" t="s">
        <v>10669</v>
      </c>
      <c r="D10645" s="6"/>
      <c r="E10645" s="6" t="s">
        <v>9</v>
      </c>
      <c r="F10645" s="7">
        <v>38657</v>
      </c>
      <c r="G10645" s="8">
        <v>1</v>
      </c>
      <c r="H10645" s="8">
        <v>1</v>
      </c>
      <c r="I10645" s="8">
        <v>0</v>
      </c>
      <c r="J10645" s="8">
        <v>1</v>
      </c>
      <c r="K10645" s="9">
        <v>16</v>
      </c>
      <c r="L10645" s="6" t="s">
        <v>51</v>
      </c>
    </row>
    <row r="10646" spans="1:12">
      <c r="A10646" s="6" t="s">
        <v>49</v>
      </c>
      <c r="B10646" s="6"/>
      <c r="C10646" s="6" t="s">
        <v>10670</v>
      </c>
      <c r="D10646" s="6"/>
      <c r="E10646" s="6" t="s">
        <v>9</v>
      </c>
      <c r="F10646" s="7">
        <v>38657</v>
      </c>
      <c r="G10646" s="8">
        <v>1</v>
      </c>
      <c r="H10646" s="8">
        <v>1</v>
      </c>
      <c r="I10646" s="8">
        <v>0</v>
      </c>
      <c r="J10646" s="8">
        <v>1</v>
      </c>
      <c r="K10646" s="9">
        <v>3.15</v>
      </c>
      <c r="L10646" s="6" t="s">
        <v>51</v>
      </c>
    </row>
    <row r="10647" spans="1:12">
      <c r="A10647" s="6" t="s">
        <v>49</v>
      </c>
      <c r="B10647" s="6"/>
      <c r="C10647" s="6" t="s">
        <v>10671</v>
      </c>
      <c r="D10647" s="6"/>
      <c r="E10647" s="6" t="s">
        <v>9</v>
      </c>
      <c r="F10647" s="7">
        <v>38657</v>
      </c>
      <c r="G10647" s="8">
        <v>1</v>
      </c>
      <c r="H10647" s="8">
        <v>1</v>
      </c>
      <c r="I10647" s="8">
        <v>0</v>
      </c>
      <c r="J10647" s="8">
        <v>1</v>
      </c>
      <c r="K10647" s="9">
        <v>43</v>
      </c>
      <c r="L10647" s="6" t="s">
        <v>51</v>
      </c>
    </row>
    <row r="10648" spans="1:12">
      <c r="A10648" s="6" t="s">
        <v>49</v>
      </c>
      <c r="B10648" s="6"/>
      <c r="C10648" s="6" t="s">
        <v>10672</v>
      </c>
      <c r="D10648" s="6"/>
      <c r="E10648" s="6" t="s">
        <v>9</v>
      </c>
      <c r="F10648" s="7">
        <v>38657</v>
      </c>
      <c r="G10648" s="8">
        <v>1</v>
      </c>
      <c r="H10648" s="8">
        <v>1</v>
      </c>
      <c r="I10648" s="8">
        <v>0</v>
      </c>
      <c r="J10648" s="8">
        <v>1</v>
      </c>
      <c r="K10648" s="9">
        <v>1.35</v>
      </c>
      <c r="L10648" s="6" t="s">
        <v>51</v>
      </c>
    </row>
    <row r="10649" spans="1:12">
      <c r="A10649" s="6" t="s">
        <v>49</v>
      </c>
      <c r="B10649" s="6"/>
      <c r="C10649" s="6" t="s">
        <v>10673</v>
      </c>
      <c r="D10649" s="6"/>
      <c r="E10649" s="6" t="s">
        <v>9</v>
      </c>
      <c r="F10649" s="7">
        <v>38657</v>
      </c>
      <c r="G10649" s="8">
        <v>1</v>
      </c>
      <c r="H10649" s="8">
        <v>1</v>
      </c>
      <c r="I10649" s="8">
        <v>0</v>
      </c>
      <c r="J10649" s="8">
        <v>1</v>
      </c>
      <c r="K10649" s="9">
        <v>1.82</v>
      </c>
      <c r="L10649" s="6" t="s">
        <v>51</v>
      </c>
    </row>
    <row r="10650" spans="1:12">
      <c r="A10650" s="6" t="s">
        <v>49</v>
      </c>
      <c r="B10650" s="6"/>
      <c r="C10650" s="6" t="s">
        <v>10674</v>
      </c>
      <c r="D10650" s="6"/>
      <c r="E10650" s="6" t="s">
        <v>9</v>
      </c>
      <c r="F10650" s="7">
        <v>38657</v>
      </c>
      <c r="G10650" s="8">
        <v>1</v>
      </c>
      <c r="H10650" s="8">
        <v>1</v>
      </c>
      <c r="I10650" s="8">
        <v>0</v>
      </c>
      <c r="J10650" s="8">
        <v>1</v>
      </c>
      <c r="K10650" s="9">
        <v>3.7</v>
      </c>
      <c r="L10650" s="6" t="s">
        <v>51</v>
      </c>
    </row>
    <row r="10651" spans="1:12">
      <c r="A10651" s="6" t="s">
        <v>49</v>
      </c>
      <c r="B10651" s="6"/>
      <c r="C10651" s="6" t="s">
        <v>10675</v>
      </c>
      <c r="D10651" s="6"/>
      <c r="E10651" s="6" t="s">
        <v>9</v>
      </c>
      <c r="F10651" s="7">
        <v>38657</v>
      </c>
      <c r="G10651" s="8">
        <v>1</v>
      </c>
      <c r="H10651" s="8">
        <v>1</v>
      </c>
      <c r="I10651" s="8">
        <v>0</v>
      </c>
      <c r="J10651" s="8">
        <v>1</v>
      </c>
      <c r="K10651" s="9">
        <v>0.52</v>
      </c>
      <c r="L10651" s="6" t="s">
        <v>51</v>
      </c>
    </row>
    <row r="10652" spans="1:12">
      <c r="A10652" s="6" t="s">
        <v>49</v>
      </c>
      <c r="B10652" s="6"/>
      <c r="C10652" s="6" t="s">
        <v>10676</v>
      </c>
      <c r="D10652" s="6"/>
      <c r="E10652" s="6" t="s">
        <v>9</v>
      </c>
      <c r="F10652" s="7">
        <v>38657</v>
      </c>
      <c r="G10652" s="8">
        <v>1</v>
      </c>
      <c r="H10652" s="8">
        <v>1</v>
      </c>
      <c r="I10652" s="8">
        <v>0</v>
      </c>
      <c r="J10652" s="8">
        <v>1</v>
      </c>
      <c r="K10652" s="9">
        <v>42.64</v>
      </c>
      <c r="L10652" s="6" t="s">
        <v>51</v>
      </c>
    </row>
    <row r="10653" spans="1:12">
      <c r="A10653" s="6" t="s">
        <v>49</v>
      </c>
      <c r="B10653" s="6"/>
      <c r="C10653" s="6" t="s">
        <v>10677</v>
      </c>
      <c r="D10653" s="6"/>
      <c r="E10653" s="6" t="s">
        <v>9</v>
      </c>
      <c r="F10653" s="7">
        <v>38657</v>
      </c>
      <c r="G10653" s="8">
        <v>1</v>
      </c>
      <c r="H10653" s="8">
        <v>1</v>
      </c>
      <c r="I10653" s="8">
        <v>0</v>
      </c>
      <c r="J10653" s="8">
        <v>1</v>
      </c>
      <c r="K10653" s="9">
        <v>1.84</v>
      </c>
      <c r="L10653" s="6" t="s">
        <v>51</v>
      </c>
    </row>
    <row r="10654" spans="1:12">
      <c r="A10654" s="6" t="s">
        <v>49</v>
      </c>
      <c r="B10654" s="6"/>
      <c r="C10654" s="6" t="s">
        <v>10678</v>
      </c>
      <c r="D10654" s="6"/>
      <c r="E10654" s="6" t="s">
        <v>9</v>
      </c>
      <c r="F10654" s="7">
        <v>38657</v>
      </c>
      <c r="G10654" s="8">
        <v>1</v>
      </c>
      <c r="H10654" s="8">
        <v>1</v>
      </c>
      <c r="I10654" s="8">
        <v>0</v>
      </c>
      <c r="J10654" s="8">
        <v>1</v>
      </c>
      <c r="K10654" s="9">
        <v>57</v>
      </c>
      <c r="L10654" s="6" t="s">
        <v>51</v>
      </c>
    </row>
    <row r="10655" spans="1:12">
      <c r="A10655" s="6" t="s">
        <v>49</v>
      </c>
      <c r="B10655" s="6"/>
      <c r="C10655" s="6" t="s">
        <v>10679</v>
      </c>
      <c r="D10655" s="6"/>
      <c r="E10655" s="6" t="s">
        <v>9</v>
      </c>
      <c r="F10655" s="7">
        <v>38657</v>
      </c>
      <c r="G10655" s="8">
        <v>1</v>
      </c>
      <c r="H10655" s="8">
        <v>1</v>
      </c>
      <c r="I10655" s="8">
        <v>0</v>
      </c>
      <c r="J10655" s="8">
        <v>1</v>
      </c>
      <c r="K10655" s="9">
        <v>284</v>
      </c>
      <c r="L10655" s="6" t="s">
        <v>51</v>
      </c>
    </row>
    <row r="10656" spans="1:12">
      <c r="A10656" s="6" t="s">
        <v>49</v>
      </c>
      <c r="B10656" s="6"/>
      <c r="C10656" s="6" t="s">
        <v>10680</v>
      </c>
      <c r="D10656" s="6"/>
      <c r="E10656" s="6" t="s">
        <v>9</v>
      </c>
      <c r="F10656" s="7">
        <v>38657</v>
      </c>
      <c r="G10656" s="8">
        <v>1</v>
      </c>
      <c r="H10656" s="8">
        <v>1</v>
      </c>
      <c r="I10656" s="8">
        <v>0</v>
      </c>
      <c r="J10656" s="8">
        <v>1</v>
      </c>
      <c r="K10656" s="9">
        <v>198</v>
      </c>
      <c r="L10656" s="6" t="s">
        <v>51</v>
      </c>
    </row>
    <row r="10657" spans="1:12">
      <c r="A10657" s="6" t="s">
        <v>49</v>
      </c>
      <c r="B10657" s="6"/>
      <c r="C10657" s="6" t="s">
        <v>10681</v>
      </c>
      <c r="D10657" s="6"/>
      <c r="E10657" s="6" t="s">
        <v>9</v>
      </c>
      <c r="F10657" s="7">
        <v>38657</v>
      </c>
      <c r="G10657" s="8">
        <v>1</v>
      </c>
      <c r="H10657" s="8">
        <v>1</v>
      </c>
      <c r="I10657" s="8">
        <v>0</v>
      </c>
      <c r="J10657" s="8">
        <v>1</v>
      </c>
      <c r="K10657" s="9">
        <v>211</v>
      </c>
      <c r="L10657" s="6" t="s">
        <v>51</v>
      </c>
    </row>
    <row r="10658" spans="1:12">
      <c r="A10658" s="6" t="s">
        <v>49</v>
      </c>
      <c r="B10658" s="6"/>
      <c r="C10658" s="6" t="s">
        <v>10682</v>
      </c>
      <c r="D10658" s="6"/>
      <c r="E10658" s="6" t="s">
        <v>9</v>
      </c>
      <c r="F10658" s="7">
        <v>38657</v>
      </c>
      <c r="G10658" s="8">
        <v>1</v>
      </c>
      <c r="H10658" s="8">
        <v>1</v>
      </c>
      <c r="I10658" s="8">
        <v>0</v>
      </c>
      <c r="J10658" s="8">
        <v>1</v>
      </c>
      <c r="K10658" s="9">
        <v>182</v>
      </c>
      <c r="L10658" s="6" t="s">
        <v>51</v>
      </c>
    </row>
    <row r="10659" spans="1:12">
      <c r="A10659" s="6" t="s">
        <v>49</v>
      </c>
      <c r="B10659" s="6"/>
      <c r="C10659" s="6" t="s">
        <v>10683</v>
      </c>
      <c r="D10659" s="6"/>
      <c r="E10659" s="6" t="s">
        <v>9</v>
      </c>
      <c r="F10659" s="7">
        <v>38657</v>
      </c>
      <c r="G10659" s="8">
        <v>1</v>
      </c>
      <c r="H10659" s="8">
        <v>1</v>
      </c>
      <c r="I10659" s="8">
        <v>0</v>
      </c>
      <c r="J10659" s="8">
        <v>1</v>
      </c>
      <c r="K10659" s="9">
        <v>182</v>
      </c>
      <c r="L10659" s="6" t="s">
        <v>51</v>
      </c>
    </row>
    <row r="10660" spans="1:12">
      <c r="A10660" s="6" t="s">
        <v>49</v>
      </c>
      <c r="B10660" s="6"/>
      <c r="C10660" s="6" t="s">
        <v>10684</v>
      </c>
      <c r="D10660" s="6"/>
      <c r="E10660" s="6" t="s">
        <v>9</v>
      </c>
      <c r="F10660" s="7">
        <v>38657</v>
      </c>
      <c r="G10660" s="8">
        <v>1</v>
      </c>
      <c r="H10660" s="8">
        <v>1</v>
      </c>
      <c r="I10660" s="8">
        <v>0</v>
      </c>
      <c r="J10660" s="8">
        <v>1</v>
      </c>
      <c r="K10660" s="9">
        <v>182</v>
      </c>
      <c r="L10660" s="6" t="s">
        <v>51</v>
      </c>
    </row>
    <row r="10661" spans="1:12">
      <c r="A10661" s="6" t="s">
        <v>49</v>
      </c>
      <c r="B10661" s="6"/>
      <c r="C10661" s="6" t="s">
        <v>10685</v>
      </c>
      <c r="D10661" s="6"/>
      <c r="E10661" s="6" t="s">
        <v>9</v>
      </c>
      <c r="F10661" s="7">
        <v>38657</v>
      </c>
      <c r="G10661" s="8">
        <v>1</v>
      </c>
      <c r="H10661" s="8">
        <v>1</v>
      </c>
      <c r="I10661" s="8">
        <v>0</v>
      </c>
      <c r="J10661" s="8">
        <v>1</v>
      </c>
      <c r="K10661" s="9">
        <v>182</v>
      </c>
      <c r="L10661" s="6" t="s">
        <v>51</v>
      </c>
    </row>
    <row r="10662" spans="1:12">
      <c r="A10662" s="6" t="s">
        <v>49</v>
      </c>
      <c r="B10662" s="6"/>
      <c r="C10662" s="6" t="s">
        <v>10686</v>
      </c>
      <c r="D10662" s="6"/>
      <c r="E10662" s="6" t="s">
        <v>9</v>
      </c>
      <c r="F10662" s="7">
        <v>38657</v>
      </c>
      <c r="G10662" s="8">
        <v>1</v>
      </c>
      <c r="H10662" s="8">
        <v>1</v>
      </c>
      <c r="I10662" s="8">
        <v>0</v>
      </c>
      <c r="J10662" s="8">
        <v>1</v>
      </c>
      <c r="K10662" s="9">
        <v>179</v>
      </c>
      <c r="L10662" s="6" t="s">
        <v>51</v>
      </c>
    </row>
    <row r="10663" spans="1:12">
      <c r="A10663" s="6" t="s">
        <v>49</v>
      </c>
      <c r="B10663" s="6"/>
      <c r="C10663" s="6" t="s">
        <v>10687</v>
      </c>
      <c r="D10663" s="6"/>
      <c r="E10663" s="6" t="s">
        <v>9</v>
      </c>
      <c r="F10663" s="7">
        <v>38657</v>
      </c>
      <c r="G10663" s="8">
        <v>1</v>
      </c>
      <c r="H10663" s="8">
        <v>1</v>
      </c>
      <c r="I10663" s="8">
        <v>0</v>
      </c>
      <c r="J10663" s="8">
        <v>1</v>
      </c>
      <c r="K10663" s="9">
        <v>18.12</v>
      </c>
      <c r="L10663" s="6" t="s">
        <v>51</v>
      </c>
    </row>
    <row r="10664" spans="1:12">
      <c r="A10664" s="6" t="s">
        <v>49</v>
      </c>
      <c r="B10664" s="6"/>
      <c r="C10664" s="6" t="s">
        <v>10688</v>
      </c>
      <c r="D10664" s="6"/>
      <c r="E10664" s="6" t="s">
        <v>9</v>
      </c>
      <c r="F10664" s="7">
        <v>38657</v>
      </c>
      <c r="G10664" s="8">
        <v>1</v>
      </c>
      <c r="H10664" s="8">
        <v>1</v>
      </c>
      <c r="I10664" s="8">
        <v>0</v>
      </c>
      <c r="J10664" s="8">
        <v>1</v>
      </c>
      <c r="K10664" s="9">
        <v>8.92</v>
      </c>
      <c r="L10664" s="6" t="s">
        <v>51</v>
      </c>
    </row>
    <row r="10665" spans="1:12">
      <c r="A10665" s="6" t="s">
        <v>49</v>
      </c>
      <c r="B10665" s="6"/>
      <c r="C10665" s="6" t="s">
        <v>10689</v>
      </c>
      <c r="D10665" s="6"/>
      <c r="E10665" s="6" t="s">
        <v>9</v>
      </c>
      <c r="F10665" s="7">
        <v>38657</v>
      </c>
      <c r="G10665" s="8">
        <v>1</v>
      </c>
      <c r="H10665" s="8">
        <v>1</v>
      </c>
      <c r="I10665" s="8">
        <v>0</v>
      </c>
      <c r="J10665" s="8">
        <v>1</v>
      </c>
      <c r="K10665" s="9">
        <v>1.81</v>
      </c>
      <c r="L10665" s="6" t="s">
        <v>51</v>
      </c>
    </row>
    <row r="10666" spans="1:12">
      <c r="A10666" s="6" t="s">
        <v>49</v>
      </c>
      <c r="B10666" s="6"/>
      <c r="C10666" s="6" t="s">
        <v>10690</v>
      </c>
      <c r="D10666" s="6"/>
      <c r="E10666" s="6" t="s">
        <v>9</v>
      </c>
      <c r="F10666" s="7">
        <v>38657</v>
      </c>
      <c r="G10666" s="8">
        <v>1</v>
      </c>
      <c r="H10666" s="8">
        <v>1</v>
      </c>
      <c r="I10666" s="8">
        <v>0</v>
      </c>
      <c r="J10666" s="8">
        <v>1</v>
      </c>
      <c r="K10666" s="9">
        <v>16</v>
      </c>
      <c r="L10666" s="6" t="s">
        <v>51</v>
      </c>
    </row>
    <row r="10667" spans="1:12">
      <c r="A10667" s="6" t="s">
        <v>49</v>
      </c>
      <c r="B10667" s="6"/>
      <c r="C10667" s="6" t="s">
        <v>10691</v>
      </c>
      <c r="D10667" s="6"/>
      <c r="E10667" s="6" t="s">
        <v>9</v>
      </c>
      <c r="F10667" s="7">
        <v>38657</v>
      </c>
      <c r="G10667" s="8">
        <v>1</v>
      </c>
      <c r="H10667" s="8">
        <v>1</v>
      </c>
      <c r="I10667" s="8">
        <v>0</v>
      </c>
      <c r="J10667" s="8">
        <v>1</v>
      </c>
      <c r="K10667" s="9">
        <v>4.01</v>
      </c>
      <c r="L10667" s="6" t="s">
        <v>51</v>
      </c>
    </row>
    <row r="10668" spans="1:12">
      <c r="A10668" s="6" t="s">
        <v>49</v>
      </c>
      <c r="B10668" s="6"/>
      <c r="C10668" s="6" t="s">
        <v>10692</v>
      </c>
      <c r="D10668" s="6"/>
      <c r="E10668" s="6" t="s">
        <v>9</v>
      </c>
      <c r="F10668" s="7">
        <v>38657</v>
      </c>
      <c r="G10668" s="8">
        <v>1</v>
      </c>
      <c r="H10668" s="8">
        <v>1</v>
      </c>
      <c r="I10668" s="8">
        <v>0</v>
      </c>
      <c r="J10668" s="8">
        <v>1</v>
      </c>
      <c r="K10668" s="9">
        <v>6.08</v>
      </c>
      <c r="L10668" s="6" t="s">
        <v>51</v>
      </c>
    </row>
    <row r="10669" spans="1:12">
      <c r="A10669" s="6" t="s">
        <v>49</v>
      </c>
      <c r="B10669" s="6"/>
      <c r="C10669" s="6" t="s">
        <v>10693</v>
      </c>
      <c r="D10669" s="6"/>
      <c r="E10669" s="6" t="s">
        <v>9</v>
      </c>
      <c r="F10669" s="7">
        <v>39552</v>
      </c>
      <c r="G10669" s="8">
        <v>1</v>
      </c>
      <c r="H10669" s="8">
        <v>1</v>
      </c>
      <c r="I10669" s="8">
        <v>0</v>
      </c>
      <c r="J10669" s="8">
        <v>1</v>
      </c>
      <c r="K10669" s="9">
        <v>20</v>
      </c>
      <c r="L10669" s="6" t="s">
        <v>51</v>
      </c>
    </row>
    <row r="10670" spans="1:12">
      <c r="A10670" s="6" t="s">
        <v>49</v>
      </c>
      <c r="B10670" s="6"/>
      <c r="C10670" s="6" t="s">
        <v>10694</v>
      </c>
      <c r="D10670" s="6"/>
      <c r="E10670" s="6" t="s">
        <v>9</v>
      </c>
      <c r="F10670" s="7">
        <v>38657</v>
      </c>
      <c r="G10670" s="8">
        <v>1</v>
      </c>
      <c r="H10670" s="8">
        <v>1</v>
      </c>
      <c r="I10670" s="8">
        <v>0</v>
      </c>
      <c r="J10670" s="8">
        <v>1</v>
      </c>
      <c r="K10670" s="9">
        <v>1.97</v>
      </c>
      <c r="L10670" s="6" t="s">
        <v>51</v>
      </c>
    </row>
    <row r="10671" spans="1:12">
      <c r="A10671" s="6" t="s">
        <v>49</v>
      </c>
      <c r="B10671" s="6"/>
      <c r="C10671" s="6" t="s">
        <v>10695</v>
      </c>
      <c r="D10671" s="6"/>
      <c r="E10671" s="6" t="s">
        <v>9</v>
      </c>
      <c r="F10671" s="7">
        <v>38657</v>
      </c>
      <c r="G10671" s="8">
        <v>1</v>
      </c>
      <c r="H10671" s="8">
        <v>1</v>
      </c>
      <c r="I10671" s="8">
        <v>0</v>
      </c>
      <c r="J10671" s="8">
        <v>1</v>
      </c>
      <c r="K10671" s="9">
        <v>47</v>
      </c>
      <c r="L10671" s="6" t="s">
        <v>51</v>
      </c>
    </row>
    <row r="10672" spans="1:12">
      <c r="A10672" s="6" t="s">
        <v>49</v>
      </c>
      <c r="B10672" s="6"/>
      <c r="C10672" s="6" t="s">
        <v>10696</v>
      </c>
      <c r="D10672" s="6"/>
      <c r="E10672" s="6" t="s">
        <v>9</v>
      </c>
      <c r="F10672" s="7">
        <v>38657</v>
      </c>
      <c r="G10672" s="8">
        <v>1</v>
      </c>
      <c r="H10672" s="8">
        <v>1</v>
      </c>
      <c r="I10672" s="8">
        <v>0</v>
      </c>
      <c r="J10672" s="8">
        <v>1</v>
      </c>
      <c r="K10672" s="9">
        <v>48</v>
      </c>
      <c r="L10672" s="6" t="s">
        <v>51</v>
      </c>
    </row>
    <row r="10673" spans="1:12">
      <c r="A10673" s="6" t="s">
        <v>49</v>
      </c>
      <c r="B10673" s="6"/>
      <c r="C10673" s="6" t="s">
        <v>10697</v>
      </c>
      <c r="D10673" s="6"/>
      <c r="E10673" s="6" t="s">
        <v>9</v>
      </c>
      <c r="F10673" s="7">
        <v>38657</v>
      </c>
      <c r="G10673" s="8">
        <v>1</v>
      </c>
      <c r="H10673" s="8">
        <v>1</v>
      </c>
      <c r="I10673" s="8">
        <v>0</v>
      </c>
      <c r="J10673" s="8">
        <v>1</v>
      </c>
      <c r="K10673" s="9">
        <v>19</v>
      </c>
      <c r="L10673" s="6" t="s">
        <v>51</v>
      </c>
    </row>
    <row r="10674" spans="1:12">
      <c r="A10674" s="6" t="s">
        <v>49</v>
      </c>
      <c r="B10674" s="6"/>
      <c r="C10674" s="6" t="s">
        <v>10698</v>
      </c>
      <c r="D10674" s="6"/>
      <c r="E10674" s="6" t="s">
        <v>9</v>
      </c>
      <c r="F10674" s="7">
        <v>38657</v>
      </c>
      <c r="G10674" s="8">
        <v>1</v>
      </c>
      <c r="H10674" s="8">
        <v>1</v>
      </c>
      <c r="I10674" s="8">
        <v>0</v>
      </c>
      <c r="J10674" s="8">
        <v>1</v>
      </c>
      <c r="K10674" s="9">
        <v>9.48</v>
      </c>
      <c r="L10674" s="6" t="s">
        <v>51</v>
      </c>
    </row>
    <row r="10675" spans="1:12">
      <c r="A10675" s="6" t="s">
        <v>49</v>
      </c>
      <c r="B10675" s="6"/>
      <c r="C10675" s="6" t="s">
        <v>10699</v>
      </c>
      <c r="D10675" s="6"/>
      <c r="E10675" s="6" t="s">
        <v>9</v>
      </c>
      <c r="F10675" s="7">
        <v>38657</v>
      </c>
      <c r="G10675" s="8">
        <v>1</v>
      </c>
      <c r="H10675" s="8">
        <v>1</v>
      </c>
      <c r="I10675" s="8">
        <v>0</v>
      </c>
      <c r="J10675" s="8">
        <v>1</v>
      </c>
      <c r="K10675" s="9">
        <v>24</v>
      </c>
      <c r="L10675" s="6" t="s">
        <v>51</v>
      </c>
    </row>
    <row r="10676" spans="1:12">
      <c r="A10676" s="6" t="s">
        <v>49</v>
      </c>
      <c r="B10676" s="6"/>
      <c r="C10676" s="6" t="s">
        <v>10700</v>
      </c>
      <c r="D10676" s="6"/>
      <c r="E10676" s="6" t="s">
        <v>9</v>
      </c>
      <c r="F10676" s="7">
        <v>38657</v>
      </c>
      <c r="G10676" s="8">
        <v>1</v>
      </c>
      <c r="H10676" s="8">
        <v>1</v>
      </c>
      <c r="I10676" s="8">
        <v>0</v>
      </c>
      <c r="J10676" s="8">
        <v>1</v>
      </c>
      <c r="K10676" s="9">
        <v>21</v>
      </c>
      <c r="L10676" s="6" t="s">
        <v>51</v>
      </c>
    </row>
    <row r="10677" spans="1:12">
      <c r="A10677" s="6" t="s">
        <v>49</v>
      </c>
      <c r="B10677" s="6"/>
      <c r="C10677" s="6" t="s">
        <v>10701</v>
      </c>
      <c r="D10677" s="6"/>
      <c r="E10677" s="6" t="s">
        <v>9</v>
      </c>
      <c r="F10677" s="7">
        <v>38657</v>
      </c>
      <c r="G10677" s="8">
        <v>1</v>
      </c>
      <c r="H10677" s="8">
        <v>1</v>
      </c>
      <c r="I10677" s="8">
        <v>0</v>
      </c>
      <c r="J10677" s="8">
        <v>1</v>
      </c>
      <c r="K10677" s="9">
        <v>184</v>
      </c>
      <c r="L10677" s="6" t="s">
        <v>51</v>
      </c>
    </row>
    <row r="10678" spans="1:12">
      <c r="A10678" s="6" t="s">
        <v>49</v>
      </c>
      <c r="B10678" s="6"/>
      <c r="C10678" s="6" t="s">
        <v>10702</v>
      </c>
      <c r="D10678" s="6"/>
      <c r="E10678" s="6" t="s">
        <v>9</v>
      </c>
      <c r="F10678" s="7">
        <v>38657</v>
      </c>
      <c r="G10678" s="8">
        <v>1</v>
      </c>
      <c r="H10678" s="8">
        <v>1</v>
      </c>
      <c r="I10678" s="8">
        <v>0</v>
      </c>
      <c r="J10678" s="8">
        <v>1</v>
      </c>
      <c r="K10678" s="9">
        <v>182</v>
      </c>
      <c r="L10678" s="6" t="s">
        <v>51</v>
      </c>
    </row>
    <row r="10679" spans="1:12">
      <c r="A10679" s="6" t="s">
        <v>49</v>
      </c>
      <c r="B10679" s="6"/>
      <c r="C10679" s="6" t="s">
        <v>10703</v>
      </c>
      <c r="D10679" s="6"/>
      <c r="E10679" s="6" t="s">
        <v>9</v>
      </c>
      <c r="F10679" s="7">
        <v>38657</v>
      </c>
      <c r="G10679" s="8">
        <v>1</v>
      </c>
      <c r="H10679" s="8">
        <v>1</v>
      </c>
      <c r="I10679" s="8">
        <v>0</v>
      </c>
      <c r="J10679" s="8">
        <v>1</v>
      </c>
      <c r="K10679" s="9">
        <v>182</v>
      </c>
      <c r="L10679" s="6" t="s">
        <v>51</v>
      </c>
    </row>
    <row r="10680" spans="1:12">
      <c r="A10680" s="6" t="s">
        <v>49</v>
      </c>
      <c r="B10680" s="6"/>
      <c r="C10680" s="6" t="s">
        <v>10704</v>
      </c>
      <c r="D10680" s="6"/>
      <c r="E10680" s="6" t="s">
        <v>9</v>
      </c>
      <c r="F10680" s="7">
        <v>38657</v>
      </c>
      <c r="G10680" s="8">
        <v>1</v>
      </c>
      <c r="H10680" s="8">
        <v>1</v>
      </c>
      <c r="I10680" s="8">
        <v>0</v>
      </c>
      <c r="J10680" s="8">
        <v>1</v>
      </c>
      <c r="K10680" s="9">
        <v>182</v>
      </c>
      <c r="L10680" s="6" t="s">
        <v>51</v>
      </c>
    </row>
    <row r="10681" spans="1:12">
      <c r="A10681" s="6" t="s">
        <v>49</v>
      </c>
      <c r="B10681" s="6"/>
      <c r="C10681" s="6" t="s">
        <v>10705</v>
      </c>
      <c r="D10681" s="6"/>
      <c r="E10681" s="6" t="s">
        <v>9</v>
      </c>
      <c r="F10681" s="7">
        <v>38657</v>
      </c>
      <c r="G10681" s="8">
        <v>1</v>
      </c>
      <c r="H10681" s="8">
        <v>1</v>
      </c>
      <c r="I10681" s="8">
        <v>0</v>
      </c>
      <c r="J10681" s="8">
        <v>1</v>
      </c>
      <c r="K10681" s="9">
        <v>182</v>
      </c>
      <c r="L10681" s="6" t="s">
        <v>51</v>
      </c>
    </row>
    <row r="10682" spans="1:12">
      <c r="A10682" s="6" t="s">
        <v>49</v>
      </c>
      <c r="B10682" s="6"/>
      <c r="C10682" s="6" t="s">
        <v>10706</v>
      </c>
      <c r="D10682" s="6"/>
      <c r="E10682" s="6" t="s">
        <v>9</v>
      </c>
      <c r="F10682" s="7">
        <v>38657</v>
      </c>
      <c r="G10682" s="8">
        <v>1</v>
      </c>
      <c r="H10682" s="8">
        <v>1</v>
      </c>
      <c r="I10682" s="8">
        <v>0</v>
      </c>
      <c r="J10682" s="8">
        <v>1</v>
      </c>
      <c r="K10682" s="9">
        <v>182</v>
      </c>
      <c r="L10682" s="6" t="s">
        <v>51</v>
      </c>
    </row>
    <row r="10683" spans="1:12">
      <c r="A10683" s="6" t="s">
        <v>49</v>
      </c>
      <c r="B10683" s="6"/>
      <c r="C10683" s="6" t="s">
        <v>10707</v>
      </c>
      <c r="D10683" s="6"/>
      <c r="E10683" s="6" t="s">
        <v>9</v>
      </c>
      <c r="F10683" s="7">
        <v>38657</v>
      </c>
      <c r="G10683" s="8">
        <v>1</v>
      </c>
      <c r="H10683" s="8">
        <v>1</v>
      </c>
      <c r="I10683" s="8">
        <v>0</v>
      </c>
      <c r="J10683" s="8">
        <v>1</v>
      </c>
      <c r="K10683" s="9">
        <v>182</v>
      </c>
      <c r="L10683" s="6" t="s">
        <v>51</v>
      </c>
    </row>
    <row r="10684" spans="1:12">
      <c r="A10684" s="6" t="s">
        <v>49</v>
      </c>
      <c r="B10684" s="6"/>
      <c r="C10684" s="6" t="s">
        <v>10708</v>
      </c>
      <c r="D10684" s="6"/>
      <c r="E10684" s="6" t="s">
        <v>9</v>
      </c>
      <c r="F10684" s="7">
        <v>38657</v>
      </c>
      <c r="G10684" s="8">
        <v>1</v>
      </c>
      <c r="H10684" s="8">
        <v>1</v>
      </c>
      <c r="I10684" s="8">
        <v>0</v>
      </c>
      <c r="J10684" s="8">
        <v>1</v>
      </c>
      <c r="K10684" s="9">
        <v>182</v>
      </c>
      <c r="L10684" s="6" t="s">
        <v>51</v>
      </c>
    </row>
    <row r="10685" spans="1:12">
      <c r="A10685" s="6" t="s">
        <v>49</v>
      </c>
      <c r="B10685" s="6"/>
      <c r="C10685" s="6" t="s">
        <v>10709</v>
      </c>
      <c r="D10685" s="6"/>
      <c r="E10685" s="6" t="s">
        <v>9</v>
      </c>
      <c r="F10685" s="7">
        <v>38657</v>
      </c>
      <c r="G10685" s="8">
        <v>1</v>
      </c>
      <c r="H10685" s="8">
        <v>1</v>
      </c>
      <c r="I10685" s="8">
        <v>0</v>
      </c>
      <c r="J10685" s="8">
        <v>1</v>
      </c>
      <c r="K10685" s="9">
        <v>12.86</v>
      </c>
      <c r="L10685" s="6" t="s">
        <v>51</v>
      </c>
    </row>
    <row r="10686" spans="1:12">
      <c r="A10686" s="6" t="s">
        <v>49</v>
      </c>
      <c r="B10686" s="6"/>
      <c r="C10686" s="6" t="s">
        <v>10710</v>
      </c>
      <c r="D10686" s="6"/>
      <c r="E10686" s="6" t="s">
        <v>9</v>
      </c>
      <c r="F10686" s="7">
        <v>38657</v>
      </c>
      <c r="G10686" s="8">
        <v>1</v>
      </c>
      <c r="H10686" s="8">
        <v>1</v>
      </c>
      <c r="I10686" s="8">
        <v>0</v>
      </c>
      <c r="J10686" s="8">
        <v>1</v>
      </c>
      <c r="K10686" s="9">
        <v>85</v>
      </c>
      <c r="L10686" s="6" t="s">
        <v>51</v>
      </c>
    </row>
    <row r="10687" spans="1:12">
      <c r="A10687" s="6" t="s">
        <v>49</v>
      </c>
      <c r="B10687" s="6"/>
      <c r="C10687" s="6" t="s">
        <v>10711</v>
      </c>
      <c r="D10687" s="6"/>
      <c r="E10687" s="6" t="s">
        <v>9</v>
      </c>
      <c r="F10687" s="7">
        <v>38657</v>
      </c>
      <c r="G10687" s="8">
        <v>1</v>
      </c>
      <c r="H10687" s="8">
        <v>1</v>
      </c>
      <c r="I10687" s="8">
        <v>0</v>
      </c>
      <c r="J10687" s="8">
        <v>1</v>
      </c>
      <c r="K10687" s="9">
        <v>11</v>
      </c>
      <c r="L10687" s="6" t="s">
        <v>51</v>
      </c>
    </row>
    <row r="10688" spans="1:12">
      <c r="A10688" s="6" t="s">
        <v>49</v>
      </c>
      <c r="B10688" s="6"/>
      <c r="C10688" s="6" t="s">
        <v>10712</v>
      </c>
      <c r="D10688" s="6"/>
      <c r="E10688" s="6" t="s">
        <v>9</v>
      </c>
      <c r="F10688" s="7">
        <v>38657</v>
      </c>
      <c r="G10688" s="8">
        <v>1</v>
      </c>
      <c r="H10688" s="8">
        <v>1</v>
      </c>
      <c r="I10688" s="8">
        <v>0</v>
      </c>
      <c r="J10688" s="8">
        <v>1</v>
      </c>
      <c r="K10688" s="9">
        <v>77</v>
      </c>
      <c r="L10688" s="6" t="s">
        <v>51</v>
      </c>
    </row>
    <row r="10689" spans="1:12">
      <c r="A10689" s="6" t="s">
        <v>49</v>
      </c>
      <c r="B10689" s="6"/>
      <c r="C10689" s="6" t="s">
        <v>10713</v>
      </c>
      <c r="D10689" s="6"/>
      <c r="E10689" s="6" t="s">
        <v>9</v>
      </c>
      <c r="F10689" s="7">
        <v>38657</v>
      </c>
      <c r="G10689" s="8">
        <v>1</v>
      </c>
      <c r="H10689" s="8">
        <v>1</v>
      </c>
      <c r="I10689" s="8">
        <v>0</v>
      </c>
      <c r="J10689" s="8">
        <v>1</v>
      </c>
      <c r="K10689" s="9">
        <v>187</v>
      </c>
      <c r="L10689" s="6" t="s">
        <v>51</v>
      </c>
    </row>
    <row r="10690" spans="1:12">
      <c r="A10690" s="6" t="s">
        <v>49</v>
      </c>
      <c r="B10690" s="6"/>
      <c r="C10690" s="6" t="s">
        <v>10714</v>
      </c>
      <c r="D10690" s="6"/>
      <c r="E10690" s="6" t="s">
        <v>9</v>
      </c>
      <c r="F10690" s="7">
        <v>38657</v>
      </c>
      <c r="G10690" s="8">
        <v>1</v>
      </c>
      <c r="H10690" s="8">
        <v>1</v>
      </c>
      <c r="I10690" s="8">
        <v>0</v>
      </c>
      <c r="J10690" s="8">
        <v>1</v>
      </c>
      <c r="K10690" s="9">
        <v>182</v>
      </c>
      <c r="L10690" s="6" t="s">
        <v>51</v>
      </c>
    </row>
    <row r="10691" spans="1:12">
      <c r="A10691" s="6" t="s">
        <v>49</v>
      </c>
      <c r="B10691" s="6"/>
      <c r="C10691" s="6" t="s">
        <v>10715</v>
      </c>
      <c r="D10691" s="6"/>
      <c r="E10691" s="6" t="s">
        <v>9</v>
      </c>
      <c r="F10691" s="7">
        <v>38657</v>
      </c>
      <c r="G10691" s="8">
        <v>1</v>
      </c>
      <c r="H10691" s="8">
        <v>1</v>
      </c>
      <c r="I10691" s="8">
        <v>0</v>
      </c>
      <c r="J10691" s="8">
        <v>1</v>
      </c>
      <c r="K10691" s="9">
        <v>182</v>
      </c>
      <c r="L10691" s="6" t="s">
        <v>51</v>
      </c>
    </row>
    <row r="10692" spans="1:12">
      <c r="A10692" s="6" t="s">
        <v>49</v>
      </c>
      <c r="B10692" s="6"/>
      <c r="C10692" s="6" t="s">
        <v>10716</v>
      </c>
      <c r="D10692" s="6"/>
      <c r="E10692" s="6" t="s">
        <v>9</v>
      </c>
      <c r="F10692" s="7">
        <v>38657</v>
      </c>
      <c r="G10692" s="8">
        <v>1</v>
      </c>
      <c r="H10692" s="8">
        <v>1</v>
      </c>
      <c r="I10692" s="8">
        <v>0</v>
      </c>
      <c r="J10692" s="8">
        <v>1</v>
      </c>
      <c r="K10692" s="9">
        <v>182</v>
      </c>
      <c r="L10692" s="6" t="s">
        <v>51</v>
      </c>
    </row>
    <row r="10693" spans="1:12">
      <c r="A10693" s="6" t="s">
        <v>49</v>
      </c>
      <c r="B10693" s="6"/>
      <c r="C10693" s="6" t="s">
        <v>10717</v>
      </c>
      <c r="D10693" s="6"/>
      <c r="E10693" s="6" t="s">
        <v>9</v>
      </c>
      <c r="F10693" s="7">
        <v>38657</v>
      </c>
      <c r="G10693" s="8">
        <v>1</v>
      </c>
      <c r="H10693" s="8">
        <v>1</v>
      </c>
      <c r="I10693" s="8">
        <v>0</v>
      </c>
      <c r="J10693" s="8">
        <v>1</v>
      </c>
      <c r="K10693" s="9">
        <v>182</v>
      </c>
      <c r="L10693" s="6" t="s">
        <v>51</v>
      </c>
    </row>
    <row r="10694" spans="1:12">
      <c r="A10694" s="6" t="s">
        <v>49</v>
      </c>
      <c r="B10694" s="6"/>
      <c r="C10694" s="6" t="s">
        <v>10718</v>
      </c>
      <c r="D10694" s="6"/>
      <c r="E10694" s="6" t="s">
        <v>9</v>
      </c>
      <c r="F10694" s="7">
        <v>38657</v>
      </c>
      <c r="G10694" s="8">
        <v>1</v>
      </c>
      <c r="H10694" s="8">
        <v>1</v>
      </c>
      <c r="I10694" s="8">
        <v>0</v>
      </c>
      <c r="J10694" s="8">
        <v>1</v>
      </c>
      <c r="K10694" s="9">
        <v>182</v>
      </c>
      <c r="L10694" s="6" t="s">
        <v>51</v>
      </c>
    </row>
    <row r="10695" spans="1:12">
      <c r="A10695" s="6" t="s">
        <v>49</v>
      </c>
      <c r="B10695" s="6"/>
      <c r="C10695" s="6" t="s">
        <v>10719</v>
      </c>
      <c r="D10695" s="6"/>
      <c r="E10695" s="6" t="s">
        <v>9</v>
      </c>
      <c r="F10695" s="7">
        <v>38657</v>
      </c>
      <c r="G10695" s="8">
        <v>1</v>
      </c>
      <c r="H10695" s="8">
        <v>1</v>
      </c>
      <c r="I10695" s="8">
        <v>0</v>
      </c>
      <c r="J10695" s="8">
        <v>1</v>
      </c>
      <c r="K10695" s="9">
        <v>184</v>
      </c>
      <c r="L10695" s="6" t="s">
        <v>51</v>
      </c>
    </row>
    <row r="10696" spans="1:12">
      <c r="A10696" s="6" t="s">
        <v>49</v>
      </c>
      <c r="B10696" s="6"/>
      <c r="C10696" s="6" t="s">
        <v>10720</v>
      </c>
      <c r="D10696" s="6"/>
      <c r="E10696" s="6" t="s">
        <v>9</v>
      </c>
      <c r="F10696" s="7">
        <v>38657</v>
      </c>
      <c r="G10696" s="8">
        <v>1</v>
      </c>
      <c r="H10696" s="8">
        <v>1</v>
      </c>
      <c r="I10696" s="8">
        <v>0</v>
      </c>
      <c r="J10696" s="8">
        <v>1</v>
      </c>
      <c r="K10696" s="9">
        <v>4.26</v>
      </c>
      <c r="L10696" s="6" t="s">
        <v>51</v>
      </c>
    </row>
    <row r="10697" spans="1:12">
      <c r="A10697" s="6" t="s">
        <v>49</v>
      </c>
      <c r="B10697" s="6"/>
      <c r="C10697" s="6" t="s">
        <v>10721</v>
      </c>
      <c r="D10697" s="6"/>
      <c r="E10697" s="6" t="s">
        <v>9</v>
      </c>
      <c r="F10697" s="7">
        <v>38657</v>
      </c>
      <c r="G10697" s="8">
        <v>1</v>
      </c>
      <c r="H10697" s="8">
        <v>1</v>
      </c>
      <c r="I10697" s="8">
        <v>0</v>
      </c>
      <c r="J10697" s="8">
        <v>1</v>
      </c>
      <c r="K10697" s="9">
        <v>3.12</v>
      </c>
      <c r="L10697" s="6" t="s">
        <v>51</v>
      </c>
    </row>
    <row r="10698" spans="1:12">
      <c r="A10698" s="6" t="s">
        <v>49</v>
      </c>
      <c r="B10698" s="6"/>
      <c r="C10698" s="6" t="s">
        <v>10722</v>
      </c>
      <c r="D10698" s="6"/>
      <c r="E10698" s="6" t="s">
        <v>9</v>
      </c>
      <c r="F10698" s="7">
        <v>40388</v>
      </c>
      <c r="G10698" s="8">
        <v>1</v>
      </c>
      <c r="H10698" s="8">
        <v>1</v>
      </c>
      <c r="I10698" s="8">
        <v>0</v>
      </c>
      <c r="J10698" s="8">
        <v>1</v>
      </c>
      <c r="K10698" s="9">
        <v>84</v>
      </c>
      <c r="L10698" s="6" t="s">
        <v>51</v>
      </c>
    </row>
    <row r="10699" spans="1:12">
      <c r="A10699" s="6" t="s">
        <v>49</v>
      </c>
      <c r="B10699" s="6"/>
      <c r="C10699" s="6" t="s">
        <v>10723</v>
      </c>
      <c r="D10699" s="6"/>
      <c r="E10699" s="6" t="s">
        <v>9</v>
      </c>
      <c r="F10699" s="7">
        <v>38657</v>
      </c>
      <c r="G10699" s="8">
        <v>1</v>
      </c>
      <c r="H10699" s="8">
        <v>1</v>
      </c>
      <c r="I10699" s="8">
        <v>0</v>
      </c>
      <c r="J10699" s="8">
        <v>1</v>
      </c>
      <c r="K10699" s="9">
        <v>19</v>
      </c>
      <c r="L10699" s="6" t="s">
        <v>51</v>
      </c>
    </row>
    <row r="10700" spans="1:12">
      <c r="A10700" s="6" t="s">
        <v>49</v>
      </c>
      <c r="B10700" s="6"/>
      <c r="C10700" s="6" t="s">
        <v>10724</v>
      </c>
      <c r="D10700" s="6"/>
      <c r="E10700" s="6" t="s">
        <v>9</v>
      </c>
      <c r="F10700" s="7">
        <v>38657</v>
      </c>
      <c r="G10700" s="8">
        <v>1</v>
      </c>
      <c r="H10700" s="8">
        <v>1</v>
      </c>
      <c r="I10700" s="8">
        <v>0</v>
      </c>
      <c r="J10700" s="8">
        <v>1</v>
      </c>
      <c r="K10700" s="9">
        <v>19</v>
      </c>
      <c r="L10700" s="6" t="s">
        <v>51</v>
      </c>
    </row>
    <row r="10701" spans="1:12">
      <c r="A10701" s="6" t="s">
        <v>49</v>
      </c>
      <c r="B10701" s="6"/>
      <c r="C10701" s="6" t="s">
        <v>10725</v>
      </c>
      <c r="D10701" s="6"/>
      <c r="E10701" s="6" t="s">
        <v>9</v>
      </c>
      <c r="F10701" s="7">
        <v>38657</v>
      </c>
      <c r="G10701" s="8">
        <v>1</v>
      </c>
      <c r="H10701" s="8">
        <v>1</v>
      </c>
      <c r="I10701" s="8">
        <v>0</v>
      </c>
      <c r="J10701" s="8">
        <v>1</v>
      </c>
      <c r="K10701" s="9">
        <v>21</v>
      </c>
      <c r="L10701" s="6" t="s">
        <v>51</v>
      </c>
    </row>
    <row r="10702" spans="1:12">
      <c r="A10702" s="6" t="s">
        <v>49</v>
      </c>
      <c r="B10702" s="6"/>
      <c r="C10702" s="6" t="s">
        <v>10726</v>
      </c>
      <c r="D10702" s="6"/>
      <c r="E10702" s="6" t="s">
        <v>9</v>
      </c>
      <c r="F10702" s="7">
        <v>38657</v>
      </c>
      <c r="G10702" s="8">
        <v>1</v>
      </c>
      <c r="H10702" s="8">
        <v>1</v>
      </c>
      <c r="I10702" s="8">
        <v>0</v>
      </c>
      <c r="J10702" s="8">
        <v>1</v>
      </c>
      <c r="K10702" s="9">
        <v>21</v>
      </c>
      <c r="L10702" s="6" t="s">
        <v>51</v>
      </c>
    </row>
    <row r="10703" spans="1:12">
      <c r="A10703" s="6" t="s">
        <v>49</v>
      </c>
      <c r="B10703" s="6"/>
      <c r="C10703" s="6" t="s">
        <v>10727</v>
      </c>
      <c r="D10703" s="6"/>
      <c r="E10703" s="6" t="s">
        <v>9</v>
      </c>
      <c r="F10703" s="7">
        <v>38657</v>
      </c>
      <c r="G10703" s="8">
        <v>1</v>
      </c>
      <c r="H10703" s="8">
        <v>1</v>
      </c>
      <c r="I10703" s="8">
        <v>0</v>
      </c>
      <c r="J10703" s="8">
        <v>1</v>
      </c>
      <c r="K10703" s="9">
        <v>22</v>
      </c>
      <c r="L10703" s="6" t="s">
        <v>51</v>
      </c>
    </row>
    <row r="10704" spans="1:12">
      <c r="A10704" s="6" t="s">
        <v>49</v>
      </c>
      <c r="B10704" s="6"/>
      <c r="C10704" s="6" t="s">
        <v>10728</v>
      </c>
      <c r="D10704" s="6"/>
      <c r="E10704" s="6" t="s">
        <v>9</v>
      </c>
      <c r="F10704" s="7">
        <v>38657</v>
      </c>
      <c r="G10704" s="8">
        <v>1</v>
      </c>
      <c r="H10704" s="8">
        <v>1</v>
      </c>
      <c r="I10704" s="8">
        <v>0</v>
      </c>
      <c r="J10704" s="8">
        <v>1</v>
      </c>
      <c r="K10704" s="9">
        <v>22</v>
      </c>
      <c r="L10704" s="6" t="s">
        <v>51</v>
      </c>
    </row>
    <row r="10705" spans="1:12">
      <c r="A10705" s="6" t="s">
        <v>49</v>
      </c>
      <c r="B10705" s="6"/>
      <c r="C10705" s="6" t="s">
        <v>10729</v>
      </c>
      <c r="D10705" s="6"/>
      <c r="E10705" s="6" t="s">
        <v>9</v>
      </c>
      <c r="F10705" s="7">
        <v>38657</v>
      </c>
      <c r="G10705" s="8">
        <v>1</v>
      </c>
      <c r="H10705" s="8">
        <v>1</v>
      </c>
      <c r="I10705" s="8">
        <v>0</v>
      </c>
      <c r="J10705" s="8">
        <v>1</v>
      </c>
      <c r="K10705" s="9">
        <v>23</v>
      </c>
      <c r="L10705" s="6" t="s">
        <v>51</v>
      </c>
    </row>
    <row r="10706" spans="1:12">
      <c r="A10706" s="6" t="s">
        <v>49</v>
      </c>
      <c r="B10706" s="6"/>
      <c r="C10706" s="6" t="s">
        <v>10730</v>
      </c>
      <c r="D10706" s="6"/>
      <c r="E10706" s="6" t="s">
        <v>9</v>
      </c>
      <c r="F10706" s="7">
        <v>38657</v>
      </c>
      <c r="G10706" s="8">
        <v>1</v>
      </c>
      <c r="H10706" s="8">
        <v>1</v>
      </c>
      <c r="I10706" s="8">
        <v>0</v>
      </c>
      <c r="J10706" s="8">
        <v>1</v>
      </c>
      <c r="K10706" s="9">
        <v>3.82</v>
      </c>
      <c r="L10706" s="6" t="s">
        <v>51</v>
      </c>
    </row>
    <row r="10707" spans="1:12">
      <c r="A10707" s="6" t="s">
        <v>49</v>
      </c>
      <c r="B10707" s="6"/>
      <c r="C10707" s="6" t="s">
        <v>10731</v>
      </c>
      <c r="D10707" s="6"/>
      <c r="E10707" s="6" t="s">
        <v>9</v>
      </c>
      <c r="F10707" s="7">
        <v>38657</v>
      </c>
      <c r="G10707" s="8">
        <v>1</v>
      </c>
      <c r="H10707" s="8">
        <v>1</v>
      </c>
      <c r="I10707" s="8">
        <v>0</v>
      </c>
      <c r="J10707" s="8">
        <v>1</v>
      </c>
      <c r="K10707" s="9">
        <v>29</v>
      </c>
      <c r="L10707" s="6" t="s">
        <v>51</v>
      </c>
    </row>
    <row r="10708" spans="1:12">
      <c r="A10708" s="6" t="s">
        <v>49</v>
      </c>
      <c r="B10708" s="6"/>
      <c r="C10708" s="6" t="s">
        <v>10732</v>
      </c>
      <c r="D10708" s="6"/>
      <c r="E10708" s="6" t="s">
        <v>9</v>
      </c>
      <c r="F10708" s="7">
        <v>38657</v>
      </c>
      <c r="G10708" s="8">
        <v>1</v>
      </c>
      <c r="H10708" s="8">
        <v>1</v>
      </c>
      <c r="I10708" s="8">
        <v>0</v>
      </c>
      <c r="J10708" s="8">
        <v>1</v>
      </c>
      <c r="K10708" s="9">
        <v>27.2</v>
      </c>
      <c r="L10708" s="6" t="s">
        <v>51</v>
      </c>
    </row>
    <row r="10709" spans="1:12">
      <c r="A10709" s="6" t="s">
        <v>49</v>
      </c>
      <c r="B10709" s="6"/>
      <c r="C10709" s="6" t="s">
        <v>10733</v>
      </c>
      <c r="D10709" s="6"/>
      <c r="E10709" s="6" t="s">
        <v>9</v>
      </c>
      <c r="F10709" s="7">
        <v>38657</v>
      </c>
      <c r="G10709" s="8">
        <v>1</v>
      </c>
      <c r="H10709" s="8">
        <v>1</v>
      </c>
      <c r="I10709" s="8">
        <v>0</v>
      </c>
      <c r="J10709" s="8">
        <v>1</v>
      </c>
      <c r="K10709" s="9">
        <v>23</v>
      </c>
      <c r="L10709" s="6" t="s">
        <v>51</v>
      </c>
    </row>
    <row r="10710" spans="1:12">
      <c r="A10710" s="6" t="s">
        <v>49</v>
      </c>
      <c r="B10710" s="6"/>
      <c r="C10710" s="6" t="s">
        <v>10734</v>
      </c>
      <c r="D10710" s="6"/>
      <c r="E10710" s="6" t="s">
        <v>9</v>
      </c>
      <c r="F10710" s="7">
        <v>38657</v>
      </c>
      <c r="G10710" s="8">
        <v>1</v>
      </c>
      <c r="H10710" s="8">
        <v>1</v>
      </c>
      <c r="I10710" s="8">
        <v>0</v>
      </c>
      <c r="J10710" s="8">
        <v>1</v>
      </c>
      <c r="K10710" s="9">
        <v>14</v>
      </c>
      <c r="L10710" s="6" t="s">
        <v>51</v>
      </c>
    </row>
    <row r="10711" spans="1:12">
      <c r="A10711" s="6" t="s">
        <v>49</v>
      </c>
      <c r="B10711" s="6"/>
      <c r="C10711" s="6" t="s">
        <v>10735</v>
      </c>
      <c r="D10711" s="6"/>
      <c r="E10711" s="6" t="s">
        <v>9</v>
      </c>
      <c r="F10711" s="7">
        <v>38657</v>
      </c>
      <c r="G10711" s="8">
        <v>1</v>
      </c>
      <c r="H10711" s="8">
        <v>1</v>
      </c>
      <c r="I10711" s="8">
        <v>0</v>
      </c>
      <c r="J10711" s="8">
        <v>1</v>
      </c>
      <c r="K10711" s="9">
        <v>22.07</v>
      </c>
      <c r="L10711" s="6" t="s">
        <v>51</v>
      </c>
    </row>
    <row r="10712" spans="1:12">
      <c r="A10712" s="6" t="s">
        <v>49</v>
      </c>
      <c r="B10712" s="6"/>
      <c r="C10712" s="6" t="s">
        <v>10736</v>
      </c>
      <c r="D10712" s="6"/>
      <c r="E10712" s="6" t="s">
        <v>9</v>
      </c>
      <c r="F10712" s="7">
        <v>38657</v>
      </c>
      <c r="G10712" s="8">
        <v>1</v>
      </c>
      <c r="H10712" s="8">
        <v>1</v>
      </c>
      <c r="I10712" s="8">
        <v>0</v>
      </c>
      <c r="J10712" s="8">
        <v>1</v>
      </c>
      <c r="K10712" s="9">
        <v>4.79</v>
      </c>
      <c r="L10712" s="6" t="s">
        <v>51</v>
      </c>
    </row>
    <row r="10713" spans="1:12">
      <c r="A10713" s="6" t="s">
        <v>49</v>
      </c>
      <c r="B10713" s="6"/>
      <c r="C10713" s="6" t="s">
        <v>10737</v>
      </c>
      <c r="D10713" s="6"/>
      <c r="E10713" s="6" t="s">
        <v>9</v>
      </c>
      <c r="F10713" s="7">
        <v>38657</v>
      </c>
      <c r="G10713" s="8">
        <v>1</v>
      </c>
      <c r="H10713" s="8">
        <v>1</v>
      </c>
      <c r="I10713" s="8">
        <v>0</v>
      </c>
      <c r="J10713" s="8">
        <v>1</v>
      </c>
      <c r="K10713" s="9">
        <v>0.97</v>
      </c>
      <c r="L10713" s="6" t="s">
        <v>51</v>
      </c>
    </row>
    <row r="10714" spans="1:12">
      <c r="A10714" s="6" t="s">
        <v>49</v>
      </c>
      <c r="B10714" s="6"/>
      <c r="C10714" s="6" t="s">
        <v>10738</v>
      </c>
      <c r="D10714" s="6"/>
      <c r="E10714" s="6" t="s">
        <v>9</v>
      </c>
      <c r="F10714" s="7">
        <v>38657</v>
      </c>
      <c r="G10714" s="8">
        <v>1</v>
      </c>
      <c r="H10714" s="8">
        <v>1</v>
      </c>
      <c r="I10714" s="8">
        <v>0</v>
      </c>
      <c r="J10714" s="8">
        <v>1</v>
      </c>
      <c r="K10714" s="9">
        <v>2.15</v>
      </c>
      <c r="L10714" s="6" t="s">
        <v>51</v>
      </c>
    </row>
    <row r="10715" spans="1:12">
      <c r="A10715" s="6" t="s">
        <v>49</v>
      </c>
      <c r="B10715" s="6"/>
      <c r="C10715" s="6" t="s">
        <v>10739</v>
      </c>
      <c r="D10715" s="6"/>
      <c r="E10715" s="6" t="s">
        <v>9</v>
      </c>
      <c r="F10715" s="7">
        <v>38657</v>
      </c>
      <c r="G10715" s="8">
        <v>1</v>
      </c>
      <c r="H10715" s="8">
        <v>1</v>
      </c>
      <c r="I10715" s="8">
        <v>0</v>
      </c>
      <c r="J10715" s="8">
        <v>1</v>
      </c>
      <c r="K10715" s="9">
        <v>11</v>
      </c>
      <c r="L10715" s="6" t="s">
        <v>51</v>
      </c>
    </row>
    <row r="10716" spans="1:12">
      <c r="A10716" s="6" t="s">
        <v>49</v>
      </c>
      <c r="B10716" s="6"/>
      <c r="C10716" s="6" t="s">
        <v>10740</v>
      </c>
      <c r="D10716" s="6"/>
      <c r="E10716" s="6" t="s">
        <v>9</v>
      </c>
      <c r="F10716" s="7">
        <v>38657</v>
      </c>
      <c r="G10716" s="8">
        <v>1</v>
      </c>
      <c r="H10716" s="8">
        <v>1</v>
      </c>
      <c r="I10716" s="8">
        <v>0</v>
      </c>
      <c r="J10716" s="8">
        <v>1</v>
      </c>
      <c r="K10716" s="9">
        <v>33.78</v>
      </c>
      <c r="L10716" s="6" t="s">
        <v>51</v>
      </c>
    </row>
    <row r="10717" spans="1:12">
      <c r="A10717" s="6" t="s">
        <v>49</v>
      </c>
      <c r="B10717" s="6"/>
      <c r="C10717" s="6" t="s">
        <v>10741</v>
      </c>
      <c r="D10717" s="6"/>
      <c r="E10717" s="6" t="s">
        <v>9</v>
      </c>
      <c r="F10717" s="7">
        <v>38657</v>
      </c>
      <c r="G10717" s="8">
        <v>1</v>
      </c>
      <c r="H10717" s="8">
        <v>1</v>
      </c>
      <c r="I10717" s="8">
        <v>0</v>
      </c>
      <c r="J10717" s="8">
        <v>1</v>
      </c>
      <c r="K10717" s="9">
        <v>580</v>
      </c>
      <c r="L10717" s="6" t="s">
        <v>51</v>
      </c>
    </row>
    <row r="10718" spans="1:12">
      <c r="A10718" s="6" t="s">
        <v>49</v>
      </c>
      <c r="B10718" s="6"/>
      <c r="C10718" s="6" t="s">
        <v>10742</v>
      </c>
      <c r="D10718" s="6"/>
      <c r="E10718" s="6" t="s">
        <v>9</v>
      </c>
      <c r="F10718" s="7">
        <v>38657</v>
      </c>
      <c r="G10718" s="8">
        <v>1</v>
      </c>
      <c r="H10718" s="8">
        <v>1</v>
      </c>
      <c r="I10718" s="8">
        <v>0</v>
      </c>
      <c r="J10718" s="8">
        <v>1</v>
      </c>
      <c r="K10718" s="9">
        <v>567</v>
      </c>
      <c r="L10718" s="6" t="s">
        <v>51</v>
      </c>
    </row>
    <row r="10719" spans="1:12">
      <c r="A10719" s="6" t="s">
        <v>49</v>
      </c>
      <c r="B10719" s="6"/>
      <c r="C10719" s="6" t="s">
        <v>10743</v>
      </c>
      <c r="D10719" s="6"/>
      <c r="E10719" s="6" t="s">
        <v>9</v>
      </c>
      <c r="F10719" s="7">
        <v>38657</v>
      </c>
      <c r="G10719" s="8">
        <v>1</v>
      </c>
      <c r="H10719" s="8">
        <v>1</v>
      </c>
      <c r="I10719" s="8">
        <v>0</v>
      </c>
      <c r="J10719" s="8">
        <v>1</v>
      </c>
      <c r="K10719" s="9">
        <v>480</v>
      </c>
      <c r="L10719" s="6" t="s">
        <v>51</v>
      </c>
    </row>
    <row r="10720" spans="1:12">
      <c r="A10720" s="6" t="s">
        <v>49</v>
      </c>
      <c r="B10720" s="6"/>
      <c r="C10720" s="6" t="s">
        <v>10744</v>
      </c>
      <c r="D10720" s="6"/>
      <c r="E10720" s="6" t="s">
        <v>9</v>
      </c>
      <c r="F10720" s="7">
        <v>38657</v>
      </c>
      <c r="G10720" s="8">
        <v>1</v>
      </c>
      <c r="H10720" s="8">
        <v>1</v>
      </c>
      <c r="I10720" s="8">
        <v>0</v>
      </c>
      <c r="J10720" s="8">
        <v>1</v>
      </c>
      <c r="K10720" s="9">
        <v>216</v>
      </c>
      <c r="L10720" s="6" t="s">
        <v>51</v>
      </c>
    </row>
    <row r="10721" spans="1:12">
      <c r="A10721" s="6" t="s">
        <v>49</v>
      </c>
      <c r="B10721" s="6"/>
      <c r="C10721" s="6" t="s">
        <v>10745</v>
      </c>
      <c r="D10721" s="6"/>
      <c r="E10721" s="6" t="s">
        <v>9</v>
      </c>
      <c r="F10721" s="7">
        <v>38657</v>
      </c>
      <c r="G10721" s="8">
        <v>1</v>
      </c>
      <c r="H10721" s="8">
        <v>1</v>
      </c>
      <c r="I10721" s="8">
        <v>0</v>
      </c>
      <c r="J10721" s="8">
        <v>1</v>
      </c>
      <c r="K10721" s="9">
        <v>60.81</v>
      </c>
      <c r="L10721" s="6" t="s">
        <v>51</v>
      </c>
    </row>
    <row r="10722" spans="1:12">
      <c r="A10722" s="6" t="s">
        <v>49</v>
      </c>
      <c r="B10722" s="6"/>
      <c r="C10722" s="6" t="s">
        <v>10746</v>
      </c>
      <c r="D10722" s="6"/>
      <c r="E10722" s="6" t="s">
        <v>9</v>
      </c>
      <c r="F10722" s="7">
        <v>38657</v>
      </c>
      <c r="G10722" s="8">
        <v>1</v>
      </c>
      <c r="H10722" s="8">
        <v>1</v>
      </c>
      <c r="I10722" s="8">
        <v>0</v>
      </c>
      <c r="J10722" s="8">
        <v>1</v>
      </c>
      <c r="K10722" s="9">
        <v>100</v>
      </c>
      <c r="L10722" s="6" t="s">
        <v>51</v>
      </c>
    </row>
    <row r="10723" spans="1:12">
      <c r="A10723" s="6" t="s">
        <v>49</v>
      </c>
      <c r="B10723" s="6"/>
      <c r="C10723" s="6" t="s">
        <v>10747</v>
      </c>
      <c r="D10723" s="6"/>
      <c r="E10723" s="6" t="s">
        <v>9</v>
      </c>
      <c r="F10723" s="7">
        <v>38657</v>
      </c>
      <c r="G10723" s="8">
        <v>1</v>
      </c>
      <c r="H10723" s="8">
        <v>1</v>
      </c>
      <c r="I10723" s="8">
        <v>0</v>
      </c>
      <c r="J10723" s="8">
        <v>1</v>
      </c>
      <c r="K10723" s="9">
        <v>9.6199999999999903</v>
      </c>
      <c r="L10723" s="6" t="s">
        <v>51</v>
      </c>
    </row>
    <row r="10724" spans="1:12">
      <c r="A10724" s="6" t="s">
        <v>49</v>
      </c>
      <c r="B10724" s="6"/>
      <c r="C10724" s="6" t="s">
        <v>10748</v>
      </c>
      <c r="D10724" s="6"/>
      <c r="E10724" s="6" t="s">
        <v>9</v>
      </c>
      <c r="F10724" s="7">
        <v>38657</v>
      </c>
      <c r="G10724" s="8">
        <v>1</v>
      </c>
      <c r="H10724" s="8">
        <v>1</v>
      </c>
      <c r="I10724" s="8">
        <v>0</v>
      </c>
      <c r="J10724" s="8">
        <v>1</v>
      </c>
      <c r="K10724" s="9">
        <v>227</v>
      </c>
      <c r="L10724" s="6" t="s">
        <v>51</v>
      </c>
    </row>
    <row r="10725" spans="1:12">
      <c r="A10725" s="6" t="s">
        <v>49</v>
      </c>
      <c r="B10725" s="6"/>
      <c r="C10725" s="6" t="s">
        <v>10749</v>
      </c>
      <c r="D10725" s="6"/>
      <c r="E10725" s="6" t="s">
        <v>9</v>
      </c>
      <c r="F10725" s="7">
        <v>38657</v>
      </c>
      <c r="G10725" s="8">
        <v>1</v>
      </c>
      <c r="H10725" s="8">
        <v>1</v>
      </c>
      <c r="I10725" s="8">
        <v>0</v>
      </c>
      <c r="J10725" s="8">
        <v>1</v>
      </c>
      <c r="K10725" s="9">
        <v>158</v>
      </c>
      <c r="L10725" s="6" t="s">
        <v>51</v>
      </c>
    </row>
    <row r="10726" spans="1:12">
      <c r="A10726" s="6" t="s">
        <v>49</v>
      </c>
      <c r="B10726" s="6"/>
      <c r="C10726" s="6" t="s">
        <v>10750</v>
      </c>
      <c r="D10726" s="6"/>
      <c r="E10726" s="6" t="s">
        <v>9</v>
      </c>
      <c r="F10726" s="7">
        <v>38657</v>
      </c>
      <c r="G10726" s="8">
        <v>1</v>
      </c>
      <c r="H10726" s="8">
        <v>1</v>
      </c>
      <c r="I10726" s="8">
        <v>0</v>
      </c>
      <c r="J10726" s="8">
        <v>1</v>
      </c>
      <c r="K10726" s="9">
        <v>21</v>
      </c>
      <c r="L10726" s="6" t="s">
        <v>51</v>
      </c>
    </row>
    <row r="10727" spans="1:12">
      <c r="A10727" s="6" t="s">
        <v>49</v>
      </c>
      <c r="B10727" s="6"/>
      <c r="C10727" s="6" t="s">
        <v>10751</v>
      </c>
      <c r="D10727" s="6"/>
      <c r="E10727" s="6" t="s">
        <v>9</v>
      </c>
      <c r="F10727" s="7">
        <v>38657</v>
      </c>
      <c r="G10727" s="8">
        <v>1</v>
      </c>
      <c r="H10727" s="8">
        <v>1</v>
      </c>
      <c r="I10727" s="8">
        <v>0</v>
      </c>
      <c r="J10727" s="8">
        <v>1</v>
      </c>
      <c r="K10727" s="9">
        <v>14</v>
      </c>
      <c r="L10727" s="6" t="s">
        <v>51</v>
      </c>
    </row>
    <row r="10728" spans="1:12">
      <c r="A10728" s="6" t="s">
        <v>49</v>
      </c>
      <c r="B10728" s="6"/>
      <c r="C10728" s="6" t="s">
        <v>10752</v>
      </c>
      <c r="D10728" s="6"/>
      <c r="E10728" s="6" t="s">
        <v>9</v>
      </c>
      <c r="F10728" s="7">
        <v>38657</v>
      </c>
      <c r="G10728" s="8">
        <v>1</v>
      </c>
      <c r="H10728" s="8">
        <v>1</v>
      </c>
      <c r="I10728" s="8">
        <v>0</v>
      </c>
      <c r="J10728" s="8">
        <v>1</v>
      </c>
      <c r="K10728" s="9">
        <v>1.1200000000000001</v>
      </c>
      <c r="L10728" s="6" t="s">
        <v>51</v>
      </c>
    </row>
    <row r="10729" spans="1:12">
      <c r="A10729" s="6" t="s">
        <v>49</v>
      </c>
      <c r="B10729" s="6"/>
      <c r="C10729" s="6" t="s">
        <v>10753</v>
      </c>
      <c r="D10729" s="6"/>
      <c r="E10729" s="6" t="s">
        <v>9</v>
      </c>
      <c r="F10729" s="7">
        <v>38657</v>
      </c>
      <c r="G10729" s="8">
        <v>1</v>
      </c>
      <c r="H10729" s="8">
        <v>1</v>
      </c>
      <c r="I10729" s="8">
        <v>0</v>
      </c>
      <c r="J10729" s="8">
        <v>1</v>
      </c>
      <c r="K10729" s="9">
        <v>290</v>
      </c>
      <c r="L10729" s="6" t="s">
        <v>51</v>
      </c>
    </row>
    <row r="10730" spans="1:12">
      <c r="A10730" s="6" t="s">
        <v>49</v>
      </c>
      <c r="B10730" s="6"/>
      <c r="C10730" s="6" t="s">
        <v>10754</v>
      </c>
      <c r="D10730" s="6"/>
      <c r="E10730" s="6" t="s">
        <v>9</v>
      </c>
      <c r="F10730" s="7">
        <v>38657</v>
      </c>
      <c r="G10730" s="8">
        <v>1</v>
      </c>
      <c r="H10730" s="8">
        <v>1</v>
      </c>
      <c r="I10730" s="8">
        <v>0</v>
      </c>
      <c r="J10730" s="8">
        <v>1</v>
      </c>
      <c r="K10730" s="9">
        <v>1.1200000000000001</v>
      </c>
      <c r="L10730" s="6" t="s">
        <v>51</v>
      </c>
    </row>
    <row r="10731" spans="1:12">
      <c r="A10731" s="6" t="s">
        <v>49</v>
      </c>
      <c r="B10731" s="6"/>
      <c r="C10731" s="6" t="s">
        <v>10755</v>
      </c>
      <c r="D10731" s="6"/>
      <c r="E10731" s="6" t="s">
        <v>9</v>
      </c>
      <c r="F10731" s="7">
        <v>38657</v>
      </c>
      <c r="G10731" s="8">
        <v>1</v>
      </c>
      <c r="H10731" s="8">
        <v>1</v>
      </c>
      <c r="I10731" s="8">
        <v>0</v>
      </c>
      <c r="J10731" s="8">
        <v>1</v>
      </c>
      <c r="K10731" s="9">
        <v>112</v>
      </c>
      <c r="L10731" s="6" t="s">
        <v>51</v>
      </c>
    </row>
    <row r="10732" spans="1:12">
      <c r="A10732" s="6" t="s">
        <v>49</v>
      </c>
      <c r="B10732" s="6"/>
      <c r="C10732" s="6" t="s">
        <v>10756</v>
      </c>
      <c r="D10732" s="6"/>
      <c r="E10732" s="6" t="s">
        <v>9</v>
      </c>
      <c r="F10732" s="7">
        <v>38657</v>
      </c>
      <c r="G10732" s="8">
        <v>1</v>
      </c>
      <c r="H10732" s="8">
        <v>1</v>
      </c>
      <c r="I10732" s="8">
        <v>0</v>
      </c>
      <c r="J10732" s="8">
        <v>1</v>
      </c>
      <c r="K10732" s="9">
        <v>10.32</v>
      </c>
      <c r="L10732" s="6" t="s">
        <v>51</v>
      </c>
    </row>
    <row r="10733" spans="1:12">
      <c r="A10733" s="6" t="s">
        <v>49</v>
      </c>
      <c r="B10733" s="6"/>
      <c r="C10733" s="6" t="s">
        <v>10757</v>
      </c>
      <c r="D10733" s="6"/>
      <c r="E10733" s="6" t="s">
        <v>9</v>
      </c>
      <c r="F10733" s="7">
        <v>38657</v>
      </c>
      <c r="G10733" s="8">
        <v>1</v>
      </c>
      <c r="H10733" s="8">
        <v>1</v>
      </c>
      <c r="I10733" s="8">
        <v>0</v>
      </c>
      <c r="J10733" s="8">
        <v>1</v>
      </c>
      <c r="K10733" s="9">
        <v>178</v>
      </c>
      <c r="L10733" s="6" t="s">
        <v>51</v>
      </c>
    </row>
    <row r="10734" spans="1:12">
      <c r="A10734" s="6" t="s">
        <v>49</v>
      </c>
      <c r="B10734" s="6"/>
      <c r="C10734" s="6" t="s">
        <v>10758</v>
      </c>
      <c r="D10734" s="6"/>
      <c r="E10734" s="6" t="s">
        <v>9</v>
      </c>
      <c r="F10734" s="7">
        <v>38657</v>
      </c>
      <c r="G10734" s="8">
        <v>1</v>
      </c>
      <c r="H10734" s="8">
        <v>1</v>
      </c>
      <c r="I10734" s="8">
        <v>0</v>
      </c>
      <c r="J10734" s="8">
        <v>1</v>
      </c>
      <c r="K10734" s="9">
        <v>19</v>
      </c>
      <c r="L10734" s="6" t="s">
        <v>51</v>
      </c>
    </row>
    <row r="10735" spans="1:12">
      <c r="A10735" s="6" t="s">
        <v>49</v>
      </c>
      <c r="B10735" s="6"/>
      <c r="C10735" s="6" t="s">
        <v>10759</v>
      </c>
      <c r="D10735" s="6"/>
      <c r="E10735" s="6" t="s">
        <v>9</v>
      </c>
      <c r="F10735" s="7">
        <v>38657</v>
      </c>
      <c r="G10735" s="8">
        <v>1</v>
      </c>
      <c r="H10735" s="8">
        <v>1</v>
      </c>
      <c r="I10735" s="8">
        <v>0</v>
      </c>
      <c r="J10735" s="8">
        <v>1</v>
      </c>
      <c r="K10735" s="9">
        <v>13</v>
      </c>
      <c r="L10735" s="6" t="s">
        <v>51</v>
      </c>
    </row>
    <row r="10736" spans="1:12">
      <c r="A10736" s="6" t="s">
        <v>49</v>
      </c>
      <c r="B10736" s="6"/>
      <c r="C10736" s="6" t="s">
        <v>10760</v>
      </c>
      <c r="D10736" s="6"/>
      <c r="E10736" s="6" t="s">
        <v>9</v>
      </c>
      <c r="F10736" s="7">
        <v>38657</v>
      </c>
      <c r="G10736" s="8">
        <v>1</v>
      </c>
      <c r="H10736" s="8">
        <v>1</v>
      </c>
      <c r="I10736" s="8">
        <v>0</v>
      </c>
      <c r="J10736" s="8">
        <v>1</v>
      </c>
      <c r="K10736" s="9">
        <v>76</v>
      </c>
      <c r="L10736" s="6" t="s">
        <v>51</v>
      </c>
    </row>
    <row r="10737" spans="1:12">
      <c r="A10737" s="6" t="s">
        <v>49</v>
      </c>
      <c r="B10737" s="6"/>
      <c r="C10737" s="6" t="s">
        <v>10761</v>
      </c>
      <c r="D10737" s="6"/>
      <c r="E10737" s="6" t="s">
        <v>9</v>
      </c>
      <c r="F10737" s="7">
        <v>38657</v>
      </c>
      <c r="G10737" s="8">
        <v>1</v>
      </c>
      <c r="H10737" s="8">
        <v>1</v>
      </c>
      <c r="I10737" s="8">
        <v>0</v>
      </c>
      <c r="J10737" s="8">
        <v>1</v>
      </c>
      <c r="K10737" s="9">
        <v>57</v>
      </c>
      <c r="L10737" s="6" t="s">
        <v>51</v>
      </c>
    </row>
    <row r="10738" spans="1:12">
      <c r="A10738" s="6" t="s">
        <v>49</v>
      </c>
      <c r="B10738" s="6"/>
      <c r="C10738" s="6" t="s">
        <v>10762</v>
      </c>
      <c r="D10738" s="6"/>
      <c r="E10738" s="6" t="s">
        <v>9</v>
      </c>
      <c r="F10738" s="7">
        <v>38657</v>
      </c>
      <c r="G10738" s="8">
        <v>1</v>
      </c>
      <c r="H10738" s="8">
        <v>1</v>
      </c>
      <c r="I10738" s="8">
        <v>0</v>
      </c>
      <c r="J10738" s="8">
        <v>1</v>
      </c>
      <c r="K10738" s="9">
        <v>105</v>
      </c>
      <c r="L10738" s="6" t="s">
        <v>51</v>
      </c>
    </row>
    <row r="10739" spans="1:12">
      <c r="A10739" s="6" t="s">
        <v>49</v>
      </c>
      <c r="B10739" s="6"/>
      <c r="C10739" s="6" t="s">
        <v>10763</v>
      </c>
      <c r="D10739" s="6"/>
      <c r="E10739" s="6" t="s">
        <v>9</v>
      </c>
      <c r="F10739" s="7">
        <v>38657</v>
      </c>
      <c r="G10739" s="8">
        <v>1</v>
      </c>
      <c r="H10739" s="8">
        <v>1</v>
      </c>
      <c r="I10739" s="8">
        <v>0</v>
      </c>
      <c r="J10739" s="8">
        <v>1</v>
      </c>
      <c r="K10739" s="9">
        <v>99</v>
      </c>
      <c r="L10739" s="6" t="s">
        <v>51</v>
      </c>
    </row>
    <row r="10740" spans="1:12">
      <c r="A10740" s="6" t="s">
        <v>49</v>
      </c>
      <c r="B10740" s="6"/>
      <c r="C10740" s="6" t="s">
        <v>10764</v>
      </c>
      <c r="D10740" s="6"/>
      <c r="E10740" s="6" t="s">
        <v>9</v>
      </c>
      <c r="F10740" s="7">
        <v>38657</v>
      </c>
      <c r="G10740" s="8">
        <v>1</v>
      </c>
      <c r="H10740" s="8">
        <v>1</v>
      </c>
      <c r="I10740" s="8">
        <v>0</v>
      </c>
      <c r="J10740" s="8">
        <v>1</v>
      </c>
      <c r="K10740" s="9">
        <v>203</v>
      </c>
      <c r="L10740" s="6" t="s">
        <v>51</v>
      </c>
    </row>
    <row r="10741" spans="1:12">
      <c r="A10741" s="6" t="s">
        <v>49</v>
      </c>
      <c r="B10741" s="6"/>
      <c r="C10741" s="6" t="s">
        <v>10765</v>
      </c>
      <c r="D10741" s="6"/>
      <c r="E10741" s="6" t="s">
        <v>9</v>
      </c>
      <c r="F10741" s="7">
        <v>38657</v>
      </c>
      <c r="G10741" s="8">
        <v>1</v>
      </c>
      <c r="H10741" s="8">
        <v>1</v>
      </c>
      <c r="I10741" s="8">
        <v>0</v>
      </c>
      <c r="J10741" s="8">
        <v>1</v>
      </c>
      <c r="K10741" s="9">
        <v>9.85</v>
      </c>
      <c r="L10741" s="6" t="s">
        <v>51</v>
      </c>
    </row>
    <row r="10742" spans="1:12">
      <c r="A10742" s="6" t="s">
        <v>49</v>
      </c>
      <c r="B10742" s="6"/>
      <c r="C10742" s="6" t="s">
        <v>10766</v>
      </c>
      <c r="D10742" s="6"/>
      <c r="E10742" s="6" t="s">
        <v>9</v>
      </c>
      <c r="F10742" s="7">
        <v>38657</v>
      </c>
      <c r="G10742" s="8">
        <v>1</v>
      </c>
      <c r="H10742" s="8">
        <v>1</v>
      </c>
      <c r="I10742" s="8">
        <v>0</v>
      </c>
      <c r="J10742" s="8">
        <v>1</v>
      </c>
      <c r="K10742" s="9">
        <v>95</v>
      </c>
      <c r="L10742" s="6" t="s">
        <v>51</v>
      </c>
    </row>
    <row r="10743" spans="1:12">
      <c r="A10743" s="6" t="s">
        <v>49</v>
      </c>
      <c r="B10743" s="6"/>
      <c r="C10743" s="6" t="s">
        <v>10767</v>
      </c>
      <c r="D10743" s="6"/>
      <c r="E10743" s="6" t="s">
        <v>9</v>
      </c>
      <c r="F10743" s="7">
        <v>38657</v>
      </c>
      <c r="G10743" s="8">
        <v>1</v>
      </c>
      <c r="H10743" s="8">
        <v>1</v>
      </c>
      <c r="I10743" s="8">
        <v>0</v>
      </c>
      <c r="J10743" s="8">
        <v>1</v>
      </c>
      <c r="K10743" s="9">
        <v>87.76</v>
      </c>
      <c r="L10743" s="6" t="s">
        <v>51</v>
      </c>
    </row>
    <row r="10744" spans="1:12">
      <c r="A10744" s="6" t="s">
        <v>49</v>
      </c>
      <c r="B10744" s="6"/>
      <c r="C10744" s="6" t="s">
        <v>10768</v>
      </c>
      <c r="D10744" s="6"/>
      <c r="E10744" s="6" t="s">
        <v>9</v>
      </c>
      <c r="F10744" s="7">
        <v>38657</v>
      </c>
      <c r="G10744" s="8">
        <v>1</v>
      </c>
      <c r="H10744" s="8">
        <v>1</v>
      </c>
      <c r="I10744" s="8">
        <v>0</v>
      </c>
      <c r="J10744" s="8">
        <v>1</v>
      </c>
      <c r="K10744" s="9">
        <v>91</v>
      </c>
      <c r="L10744" s="6" t="s">
        <v>51</v>
      </c>
    </row>
    <row r="10745" spans="1:12">
      <c r="A10745" s="6" t="s">
        <v>49</v>
      </c>
      <c r="B10745" s="6"/>
      <c r="C10745" s="6" t="s">
        <v>10769</v>
      </c>
      <c r="D10745" s="6"/>
      <c r="E10745" s="6" t="s">
        <v>9</v>
      </c>
      <c r="F10745" s="7">
        <v>38657</v>
      </c>
      <c r="G10745" s="8">
        <v>1</v>
      </c>
      <c r="H10745" s="8">
        <v>1</v>
      </c>
      <c r="I10745" s="8">
        <v>0</v>
      </c>
      <c r="J10745" s="8">
        <v>1</v>
      </c>
      <c r="K10745" s="9">
        <v>1.1200000000000001</v>
      </c>
      <c r="L10745" s="6" t="s">
        <v>51</v>
      </c>
    </row>
    <row r="10746" spans="1:12">
      <c r="A10746" s="6" t="s">
        <v>49</v>
      </c>
      <c r="B10746" s="6"/>
      <c r="C10746" s="6" t="s">
        <v>10770</v>
      </c>
      <c r="D10746" s="6"/>
      <c r="E10746" s="6" t="s">
        <v>9</v>
      </c>
      <c r="F10746" s="7">
        <v>38657</v>
      </c>
      <c r="G10746" s="8">
        <v>1</v>
      </c>
      <c r="H10746" s="8">
        <v>1</v>
      </c>
      <c r="I10746" s="8">
        <v>0</v>
      </c>
      <c r="J10746" s="8">
        <v>1</v>
      </c>
      <c r="K10746" s="9">
        <v>347</v>
      </c>
      <c r="L10746" s="6" t="s">
        <v>51</v>
      </c>
    </row>
    <row r="10747" spans="1:12">
      <c r="A10747" s="6" t="s">
        <v>49</v>
      </c>
      <c r="B10747" s="6"/>
      <c r="C10747" s="6" t="s">
        <v>10771</v>
      </c>
      <c r="D10747" s="6"/>
      <c r="E10747" s="6" t="s">
        <v>9</v>
      </c>
      <c r="F10747" s="7">
        <v>38657</v>
      </c>
      <c r="G10747" s="8">
        <v>1</v>
      </c>
      <c r="H10747" s="8">
        <v>1</v>
      </c>
      <c r="I10747" s="8">
        <v>0</v>
      </c>
      <c r="J10747" s="8">
        <v>1</v>
      </c>
      <c r="K10747" s="9">
        <v>354</v>
      </c>
      <c r="L10747" s="6" t="s">
        <v>51</v>
      </c>
    </row>
    <row r="10748" spans="1:12">
      <c r="A10748" s="6" t="s">
        <v>49</v>
      </c>
      <c r="B10748" s="6"/>
      <c r="C10748" s="6" t="s">
        <v>10772</v>
      </c>
      <c r="D10748" s="6"/>
      <c r="E10748" s="6" t="s">
        <v>9</v>
      </c>
      <c r="F10748" s="7">
        <v>38657</v>
      </c>
      <c r="G10748" s="8">
        <v>1</v>
      </c>
      <c r="H10748" s="8">
        <v>1</v>
      </c>
      <c r="I10748" s="8">
        <v>0</v>
      </c>
      <c r="J10748" s="8">
        <v>1</v>
      </c>
      <c r="K10748" s="9">
        <v>0.09</v>
      </c>
      <c r="L10748" s="6" t="s">
        <v>51</v>
      </c>
    </row>
    <row r="10749" spans="1:12">
      <c r="A10749" s="6" t="s">
        <v>49</v>
      </c>
      <c r="B10749" s="6"/>
      <c r="C10749" s="6" t="s">
        <v>10773</v>
      </c>
      <c r="D10749" s="6"/>
      <c r="E10749" s="6" t="s">
        <v>9</v>
      </c>
      <c r="F10749" s="7">
        <v>38657</v>
      </c>
      <c r="G10749" s="8">
        <v>1</v>
      </c>
      <c r="H10749" s="8">
        <v>1</v>
      </c>
      <c r="I10749" s="8">
        <v>0</v>
      </c>
      <c r="J10749" s="8">
        <v>1</v>
      </c>
      <c r="K10749" s="9">
        <v>27</v>
      </c>
      <c r="L10749" s="6" t="s">
        <v>51</v>
      </c>
    </row>
    <row r="10750" spans="1:12">
      <c r="A10750" s="6" t="s">
        <v>49</v>
      </c>
      <c r="B10750" s="6"/>
      <c r="C10750" s="6" t="s">
        <v>10774</v>
      </c>
      <c r="D10750" s="6"/>
      <c r="E10750" s="6" t="s">
        <v>9</v>
      </c>
      <c r="F10750" s="7">
        <v>38657</v>
      </c>
      <c r="G10750" s="8">
        <v>1</v>
      </c>
      <c r="H10750" s="8">
        <v>1</v>
      </c>
      <c r="I10750" s="8">
        <v>0</v>
      </c>
      <c r="J10750" s="8">
        <v>1</v>
      </c>
      <c r="K10750" s="9">
        <v>802</v>
      </c>
      <c r="L10750" s="6" t="s">
        <v>51</v>
      </c>
    </row>
    <row r="10751" spans="1:12">
      <c r="A10751" s="6" t="s">
        <v>49</v>
      </c>
      <c r="B10751" s="6"/>
      <c r="C10751" s="6" t="s">
        <v>10775</v>
      </c>
      <c r="D10751" s="6"/>
      <c r="E10751" s="6" t="s">
        <v>9</v>
      </c>
      <c r="F10751" s="7">
        <v>38657</v>
      </c>
      <c r="G10751" s="8">
        <v>1</v>
      </c>
      <c r="H10751" s="8">
        <v>1</v>
      </c>
      <c r="I10751" s="8">
        <v>0</v>
      </c>
      <c r="J10751" s="8">
        <v>1</v>
      </c>
      <c r="K10751" s="9">
        <v>271</v>
      </c>
      <c r="L10751" s="6" t="s">
        <v>51</v>
      </c>
    </row>
    <row r="10752" spans="1:12">
      <c r="A10752" s="6" t="s">
        <v>49</v>
      </c>
      <c r="B10752" s="6"/>
      <c r="C10752" s="6" t="s">
        <v>10776</v>
      </c>
      <c r="D10752" s="6"/>
      <c r="E10752" s="6" t="s">
        <v>9</v>
      </c>
      <c r="F10752" s="7">
        <v>38657</v>
      </c>
      <c r="G10752" s="8">
        <v>1</v>
      </c>
      <c r="H10752" s="8">
        <v>1</v>
      </c>
      <c r="I10752" s="8">
        <v>0</v>
      </c>
      <c r="J10752" s="8">
        <v>1</v>
      </c>
      <c r="K10752" s="9">
        <v>787</v>
      </c>
      <c r="L10752" s="6" t="s">
        <v>51</v>
      </c>
    </row>
    <row r="10753" spans="1:12">
      <c r="A10753" s="6" t="s">
        <v>49</v>
      </c>
      <c r="B10753" s="6"/>
      <c r="C10753" s="6" t="s">
        <v>10777</v>
      </c>
      <c r="D10753" s="6"/>
      <c r="E10753" s="6" t="s">
        <v>9</v>
      </c>
      <c r="F10753" s="7">
        <v>38657</v>
      </c>
      <c r="G10753" s="8">
        <v>1</v>
      </c>
      <c r="H10753" s="8">
        <v>1</v>
      </c>
      <c r="I10753" s="8">
        <v>0</v>
      </c>
      <c r="J10753" s="8">
        <v>1</v>
      </c>
      <c r="K10753" s="9">
        <v>110</v>
      </c>
      <c r="L10753" s="6" t="s">
        <v>51</v>
      </c>
    </row>
    <row r="10754" spans="1:12">
      <c r="A10754" s="6" t="s">
        <v>49</v>
      </c>
      <c r="B10754" s="6"/>
      <c r="C10754" s="6" t="s">
        <v>10778</v>
      </c>
      <c r="D10754" s="6"/>
      <c r="E10754" s="6" t="s">
        <v>9</v>
      </c>
      <c r="F10754" s="7">
        <v>38657</v>
      </c>
      <c r="G10754" s="8">
        <v>1</v>
      </c>
      <c r="H10754" s="8">
        <v>1</v>
      </c>
      <c r="I10754" s="8">
        <v>0</v>
      </c>
      <c r="J10754" s="8">
        <v>1</v>
      </c>
      <c r="K10754" s="9">
        <v>16.399999999999899</v>
      </c>
      <c r="L10754" s="6" t="s">
        <v>51</v>
      </c>
    </row>
    <row r="10755" spans="1:12">
      <c r="A10755" s="6" t="s">
        <v>49</v>
      </c>
      <c r="B10755" s="6"/>
      <c r="C10755" s="6" t="s">
        <v>10779</v>
      </c>
      <c r="D10755" s="6"/>
      <c r="E10755" s="6" t="s">
        <v>9</v>
      </c>
      <c r="F10755" s="7">
        <v>38657</v>
      </c>
      <c r="G10755" s="8">
        <v>1</v>
      </c>
      <c r="H10755" s="8">
        <v>1</v>
      </c>
      <c r="I10755" s="8">
        <v>0</v>
      </c>
      <c r="J10755" s="8">
        <v>1</v>
      </c>
      <c r="K10755" s="9">
        <v>125</v>
      </c>
      <c r="L10755" s="6" t="s">
        <v>51</v>
      </c>
    </row>
    <row r="10756" spans="1:12">
      <c r="A10756" s="6" t="s">
        <v>49</v>
      </c>
      <c r="B10756" s="6"/>
      <c r="C10756" s="6" t="s">
        <v>10780</v>
      </c>
      <c r="D10756" s="6"/>
      <c r="E10756" s="6" t="s">
        <v>9</v>
      </c>
      <c r="F10756" s="7">
        <v>38657</v>
      </c>
      <c r="G10756" s="8">
        <v>1</v>
      </c>
      <c r="H10756" s="8">
        <v>1</v>
      </c>
      <c r="I10756" s="8">
        <v>0</v>
      </c>
      <c r="J10756" s="8">
        <v>1</v>
      </c>
      <c r="K10756" s="9">
        <v>782</v>
      </c>
      <c r="L10756" s="6" t="s">
        <v>51</v>
      </c>
    </row>
    <row r="10757" spans="1:12">
      <c r="A10757" s="6" t="s">
        <v>49</v>
      </c>
      <c r="B10757" s="6"/>
      <c r="C10757" s="6" t="s">
        <v>10781</v>
      </c>
      <c r="D10757" s="6"/>
      <c r="E10757" s="6" t="s">
        <v>9</v>
      </c>
      <c r="F10757" s="7">
        <v>38657</v>
      </c>
      <c r="G10757" s="8">
        <v>1</v>
      </c>
      <c r="H10757" s="8">
        <v>1</v>
      </c>
      <c r="I10757" s="8">
        <v>0</v>
      </c>
      <c r="J10757" s="8">
        <v>1</v>
      </c>
      <c r="K10757" s="9">
        <v>146</v>
      </c>
      <c r="L10757" s="6" t="s">
        <v>51</v>
      </c>
    </row>
    <row r="10758" spans="1:12">
      <c r="A10758" s="6" t="s">
        <v>49</v>
      </c>
      <c r="B10758" s="6"/>
      <c r="C10758" s="6" t="s">
        <v>10782</v>
      </c>
      <c r="D10758" s="6"/>
      <c r="E10758" s="6" t="s">
        <v>9</v>
      </c>
      <c r="F10758" s="7">
        <v>38657</v>
      </c>
      <c r="G10758" s="8">
        <v>1</v>
      </c>
      <c r="H10758" s="8">
        <v>1</v>
      </c>
      <c r="I10758" s="8">
        <v>0</v>
      </c>
      <c r="J10758" s="8">
        <v>1</v>
      </c>
      <c r="K10758" s="9">
        <v>3.44</v>
      </c>
      <c r="L10758" s="6" t="s">
        <v>51</v>
      </c>
    </row>
    <row r="10759" spans="1:12">
      <c r="A10759" s="6" t="s">
        <v>49</v>
      </c>
      <c r="B10759" s="6"/>
      <c r="C10759" s="6" t="s">
        <v>10783</v>
      </c>
      <c r="D10759" s="6"/>
      <c r="E10759" s="6" t="s">
        <v>9</v>
      </c>
      <c r="F10759" s="7">
        <v>38657</v>
      </c>
      <c r="G10759" s="8">
        <v>1</v>
      </c>
      <c r="H10759" s="8">
        <v>1</v>
      </c>
      <c r="I10759" s="8">
        <v>0</v>
      </c>
      <c r="J10759" s="8">
        <v>1</v>
      </c>
      <c r="K10759" s="9">
        <v>152</v>
      </c>
      <c r="L10759" s="6" t="s">
        <v>51</v>
      </c>
    </row>
    <row r="10760" spans="1:12">
      <c r="A10760" s="6" t="s">
        <v>49</v>
      </c>
      <c r="B10760" s="6"/>
      <c r="C10760" s="6" t="s">
        <v>10784</v>
      </c>
      <c r="D10760" s="6"/>
      <c r="E10760" s="6" t="s">
        <v>9</v>
      </c>
      <c r="F10760" s="7">
        <v>38657</v>
      </c>
      <c r="G10760" s="8">
        <v>1</v>
      </c>
      <c r="H10760" s="8">
        <v>1</v>
      </c>
      <c r="I10760" s="8">
        <v>0</v>
      </c>
      <c r="J10760" s="8">
        <v>1</v>
      </c>
      <c r="K10760" s="9">
        <v>288</v>
      </c>
      <c r="L10760" s="6" t="s">
        <v>51</v>
      </c>
    </row>
    <row r="10761" spans="1:12">
      <c r="A10761" s="6" t="s">
        <v>49</v>
      </c>
      <c r="B10761" s="6"/>
      <c r="C10761" s="6" t="s">
        <v>10785</v>
      </c>
      <c r="D10761" s="6"/>
      <c r="E10761" s="6" t="s">
        <v>9</v>
      </c>
      <c r="F10761" s="7">
        <v>38657</v>
      </c>
      <c r="G10761" s="8">
        <v>1</v>
      </c>
      <c r="H10761" s="8">
        <v>1</v>
      </c>
      <c r="I10761" s="8">
        <v>0</v>
      </c>
      <c r="J10761" s="8">
        <v>1</v>
      </c>
      <c r="K10761" s="9">
        <v>39</v>
      </c>
      <c r="L10761" s="6" t="s">
        <v>51</v>
      </c>
    </row>
    <row r="10762" spans="1:12">
      <c r="A10762" s="6" t="s">
        <v>49</v>
      </c>
      <c r="B10762" s="6"/>
      <c r="C10762" s="6" t="s">
        <v>10786</v>
      </c>
      <c r="D10762" s="6"/>
      <c r="E10762" s="6" t="s">
        <v>9</v>
      </c>
      <c r="F10762" s="7">
        <v>38657</v>
      </c>
      <c r="G10762" s="8">
        <v>1</v>
      </c>
      <c r="H10762" s="8">
        <v>1</v>
      </c>
      <c r="I10762" s="8">
        <v>0</v>
      </c>
      <c r="J10762" s="8">
        <v>1</v>
      </c>
      <c r="K10762" s="9">
        <v>8.17</v>
      </c>
      <c r="L10762" s="6" t="s">
        <v>51</v>
      </c>
    </row>
    <row r="10763" spans="1:12">
      <c r="A10763" s="6" t="s">
        <v>49</v>
      </c>
      <c r="B10763" s="6"/>
      <c r="C10763" s="6" t="s">
        <v>10787</v>
      </c>
      <c r="D10763" s="6"/>
      <c r="E10763" s="6" t="s">
        <v>9</v>
      </c>
      <c r="F10763" s="7">
        <v>41981</v>
      </c>
      <c r="G10763" s="8">
        <v>613529</v>
      </c>
      <c r="H10763" s="8">
        <v>613529</v>
      </c>
      <c r="I10763" s="8">
        <v>0</v>
      </c>
      <c r="J10763" s="8">
        <v>613529</v>
      </c>
      <c r="K10763" s="9">
        <v>133</v>
      </c>
      <c r="L10763" s="6" t="s">
        <v>51</v>
      </c>
    </row>
    <row r="10764" spans="1:12">
      <c r="A10764" s="6" t="s">
        <v>49</v>
      </c>
      <c r="B10764" s="6"/>
      <c r="C10764" s="6" t="s">
        <v>10788</v>
      </c>
      <c r="D10764" s="6"/>
      <c r="E10764" s="6" t="s">
        <v>9</v>
      </c>
      <c r="F10764" s="7">
        <v>38657</v>
      </c>
      <c r="G10764" s="8">
        <v>1</v>
      </c>
      <c r="H10764" s="8">
        <v>1</v>
      </c>
      <c r="I10764" s="8">
        <v>0</v>
      </c>
      <c r="J10764" s="8">
        <v>1</v>
      </c>
      <c r="K10764" s="9">
        <v>0.81</v>
      </c>
      <c r="L10764" s="6" t="s">
        <v>51</v>
      </c>
    </row>
    <row r="10765" spans="1:12">
      <c r="A10765" s="6" t="s">
        <v>49</v>
      </c>
      <c r="B10765" s="6"/>
      <c r="C10765" s="6" t="s">
        <v>10789</v>
      </c>
      <c r="D10765" s="6"/>
      <c r="E10765" s="6" t="s">
        <v>9</v>
      </c>
      <c r="F10765" s="7">
        <v>38657</v>
      </c>
      <c r="G10765" s="8">
        <v>1</v>
      </c>
      <c r="H10765" s="8">
        <v>1</v>
      </c>
      <c r="I10765" s="8">
        <v>0</v>
      </c>
      <c r="J10765" s="8">
        <v>1</v>
      </c>
      <c r="K10765" s="9">
        <v>1.54</v>
      </c>
      <c r="L10765" s="6" t="s">
        <v>51</v>
      </c>
    </row>
    <row r="10766" spans="1:12">
      <c r="A10766" s="6" t="s">
        <v>49</v>
      </c>
      <c r="B10766" s="6"/>
      <c r="C10766" s="6" t="s">
        <v>10790</v>
      </c>
      <c r="D10766" s="6"/>
      <c r="E10766" s="6" t="s">
        <v>9</v>
      </c>
      <c r="F10766" s="7"/>
      <c r="G10766" s="8">
        <v>569659</v>
      </c>
      <c r="H10766" s="8">
        <v>569659</v>
      </c>
      <c r="I10766" s="8">
        <v>0</v>
      </c>
      <c r="J10766" s="8">
        <v>569659</v>
      </c>
      <c r="K10766" s="9">
        <v>123.49</v>
      </c>
      <c r="L10766" s="6" t="s">
        <v>51</v>
      </c>
    </row>
    <row r="10767" spans="1:12">
      <c r="A10767" s="6" t="s">
        <v>49</v>
      </c>
      <c r="B10767" s="6"/>
      <c r="C10767" s="6" t="s">
        <v>10791</v>
      </c>
      <c r="D10767" s="6"/>
      <c r="E10767" s="6" t="s">
        <v>9</v>
      </c>
      <c r="F10767" s="7">
        <v>38657</v>
      </c>
      <c r="G10767" s="8">
        <v>1</v>
      </c>
      <c r="H10767" s="8">
        <v>1</v>
      </c>
      <c r="I10767" s="8">
        <v>0</v>
      </c>
      <c r="J10767" s="8">
        <v>1</v>
      </c>
      <c r="K10767" s="9">
        <v>13.78</v>
      </c>
      <c r="L10767" s="6" t="s">
        <v>51</v>
      </c>
    </row>
    <row r="10768" spans="1:12">
      <c r="A10768" s="6" t="s">
        <v>49</v>
      </c>
      <c r="B10768" s="6"/>
      <c r="C10768" s="6" t="s">
        <v>10792</v>
      </c>
      <c r="D10768" s="6"/>
      <c r="E10768" s="6" t="s">
        <v>9</v>
      </c>
      <c r="F10768" s="7">
        <v>38657</v>
      </c>
      <c r="G10768" s="8">
        <v>1</v>
      </c>
      <c r="H10768" s="8">
        <v>1</v>
      </c>
      <c r="I10768" s="8">
        <v>0</v>
      </c>
      <c r="J10768" s="8">
        <v>1</v>
      </c>
      <c r="K10768" s="9">
        <v>11.78</v>
      </c>
      <c r="L10768" s="6" t="s">
        <v>51</v>
      </c>
    </row>
    <row r="10769" spans="1:12">
      <c r="A10769" s="6" t="s">
        <v>49</v>
      </c>
      <c r="B10769" s="6"/>
      <c r="C10769" s="6" t="s">
        <v>10793</v>
      </c>
      <c r="D10769" s="6"/>
      <c r="E10769" s="6" t="s">
        <v>9</v>
      </c>
      <c r="F10769" s="7">
        <v>38657</v>
      </c>
      <c r="G10769" s="8">
        <v>1</v>
      </c>
      <c r="H10769" s="8">
        <v>1</v>
      </c>
      <c r="I10769" s="8">
        <v>0</v>
      </c>
      <c r="J10769" s="8">
        <v>1</v>
      </c>
      <c r="K10769" s="9">
        <v>16.399999999999899</v>
      </c>
      <c r="L10769" s="6" t="s">
        <v>51</v>
      </c>
    </row>
    <row r="10770" spans="1:12">
      <c r="A10770" s="6" t="s">
        <v>49</v>
      </c>
      <c r="B10770" s="6"/>
      <c r="C10770" s="6" t="s">
        <v>10794</v>
      </c>
      <c r="D10770" s="6"/>
      <c r="E10770" s="6" t="s">
        <v>9</v>
      </c>
      <c r="F10770" s="7">
        <v>41575</v>
      </c>
      <c r="G10770" s="8">
        <v>1</v>
      </c>
      <c r="H10770" s="8">
        <v>1</v>
      </c>
      <c r="I10770" s="8">
        <v>0</v>
      </c>
      <c r="J10770" s="8">
        <v>1</v>
      </c>
      <c r="K10770" s="9">
        <v>8.9700000000000006</v>
      </c>
      <c r="L10770" s="6" t="s">
        <v>51</v>
      </c>
    </row>
    <row r="10771" spans="1:12">
      <c r="A10771" s="6" t="s">
        <v>49</v>
      </c>
      <c r="B10771" s="6"/>
      <c r="C10771" s="6" t="s">
        <v>10795</v>
      </c>
      <c r="D10771" s="6"/>
      <c r="E10771" s="6" t="s">
        <v>9</v>
      </c>
      <c r="F10771" s="7">
        <v>41575</v>
      </c>
      <c r="G10771" s="8">
        <v>1</v>
      </c>
      <c r="H10771" s="8">
        <v>1</v>
      </c>
      <c r="I10771" s="8">
        <v>0</v>
      </c>
      <c r="J10771" s="8">
        <v>1</v>
      </c>
      <c r="K10771" s="9">
        <v>5.36</v>
      </c>
      <c r="L10771" s="6" t="s">
        <v>51</v>
      </c>
    </row>
    <row r="10772" spans="1:12">
      <c r="A10772" s="6" t="s">
        <v>49</v>
      </c>
      <c r="B10772" s="6"/>
      <c r="C10772" s="6" t="s">
        <v>10796</v>
      </c>
      <c r="D10772" s="6"/>
      <c r="E10772" s="6" t="s">
        <v>9</v>
      </c>
      <c r="F10772" s="7">
        <v>38657</v>
      </c>
      <c r="G10772" s="8">
        <v>1</v>
      </c>
      <c r="H10772" s="8">
        <v>1</v>
      </c>
      <c r="I10772" s="8">
        <v>0</v>
      </c>
      <c r="J10772" s="8">
        <v>1</v>
      </c>
      <c r="K10772" s="9">
        <v>977</v>
      </c>
      <c r="L10772" s="6" t="s">
        <v>51</v>
      </c>
    </row>
    <row r="10773" spans="1:12">
      <c r="A10773" s="6" t="s">
        <v>49</v>
      </c>
      <c r="B10773" s="6"/>
      <c r="C10773" s="6" t="s">
        <v>10797</v>
      </c>
      <c r="D10773" s="6"/>
      <c r="E10773" s="6" t="s">
        <v>9</v>
      </c>
      <c r="F10773" s="7">
        <v>38657</v>
      </c>
      <c r="G10773" s="8">
        <v>1</v>
      </c>
      <c r="H10773" s="8">
        <v>1</v>
      </c>
      <c r="I10773" s="8">
        <v>0</v>
      </c>
      <c r="J10773" s="8">
        <v>1</v>
      </c>
      <c r="K10773" s="9">
        <v>62</v>
      </c>
      <c r="L10773" s="6" t="s">
        <v>51</v>
      </c>
    </row>
    <row r="10774" spans="1:12">
      <c r="A10774" s="6" t="s">
        <v>49</v>
      </c>
      <c r="B10774" s="6"/>
      <c r="C10774" s="6" t="s">
        <v>10798</v>
      </c>
      <c r="D10774" s="6"/>
      <c r="E10774" s="6" t="s">
        <v>9</v>
      </c>
      <c r="F10774" s="7">
        <v>38657</v>
      </c>
      <c r="G10774" s="8">
        <v>1</v>
      </c>
      <c r="H10774" s="8">
        <v>1</v>
      </c>
      <c r="I10774" s="8">
        <v>0</v>
      </c>
      <c r="J10774" s="8">
        <v>1</v>
      </c>
      <c r="K10774" s="9">
        <v>0.18</v>
      </c>
      <c r="L10774" s="6" t="s">
        <v>51</v>
      </c>
    </row>
    <row r="10775" spans="1:12">
      <c r="A10775" s="6" t="s">
        <v>49</v>
      </c>
      <c r="B10775" s="6"/>
      <c r="C10775" s="6" t="s">
        <v>10799</v>
      </c>
      <c r="D10775" s="6"/>
      <c r="E10775" s="6" t="s">
        <v>9</v>
      </c>
      <c r="F10775" s="7">
        <v>38657</v>
      </c>
      <c r="G10775" s="8">
        <v>1</v>
      </c>
      <c r="H10775" s="8">
        <v>1</v>
      </c>
      <c r="I10775" s="8">
        <v>0</v>
      </c>
      <c r="J10775" s="8">
        <v>1</v>
      </c>
      <c r="K10775" s="9">
        <v>915</v>
      </c>
      <c r="L10775" s="6" t="s">
        <v>51</v>
      </c>
    </row>
    <row r="10776" spans="1:12">
      <c r="A10776" s="6" t="s">
        <v>49</v>
      </c>
      <c r="B10776" s="6"/>
      <c r="C10776" s="6" t="s">
        <v>10800</v>
      </c>
      <c r="D10776" s="6"/>
      <c r="E10776" s="6" t="s">
        <v>9</v>
      </c>
      <c r="F10776" s="7">
        <v>38657</v>
      </c>
      <c r="G10776" s="8">
        <v>1</v>
      </c>
      <c r="H10776" s="8">
        <v>1</v>
      </c>
      <c r="I10776" s="8">
        <v>0</v>
      </c>
      <c r="J10776" s="8">
        <v>1</v>
      </c>
      <c r="K10776" s="9">
        <v>7.93</v>
      </c>
      <c r="L10776" s="6" t="s">
        <v>51</v>
      </c>
    </row>
    <row r="10777" spans="1:12">
      <c r="A10777" s="6" t="s">
        <v>49</v>
      </c>
      <c r="B10777" s="6"/>
      <c r="C10777" s="6" t="s">
        <v>10801</v>
      </c>
      <c r="D10777" s="6"/>
      <c r="E10777" s="6" t="s">
        <v>9</v>
      </c>
      <c r="F10777" s="7">
        <v>38657</v>
      </c>
      <c r="G10777" s="8">
        <v>1</v>
      </c>
      <c r="H10777" s="8">
        <v>1</v>
      </c>
      <c r="I10777" s="8">
        <v>0</v>
      </c>
      <c r="J10777" s="8">
        <v>1</v>
      </c>
      <c r="K10777" s="9">
        <v>69</v>
      </c>
      <c r="L10777" s="6" t="s">
        <v>51</v>
      </c>
    </row>
    <row r="10778" spans="1:12">
      <c r="A10778" s="6" t="s">
        <v>49</v>
      </c>
      <c r="B10778" s="6"/>
      <c r="C10778" s="6" t="s">
        <v>10802</v>
      </c>
      <c r="D10778" s="6"/>
      <c r="E10778" s="6" t="s">
        <v>9</v>
      </c>
      <c r="F10778" s="7">
        <v>38657</v>
      </c>
      <c r="G10778" s="8">
        <v>1</v>
      </c>
      <c r="H10778" s="8">
        <v>1</v>
      </c>
      <c r="I10778" s="8">
        <v>0</v>
      </c>
      <c r="J10778" s="8">
        <v>1</v>
      </c>
      <c r="K10778" s="9">
        <v>110</v>
      </c>
      <c r="L10778" s="6" t="s">
        <v>51</v>
      </c>
    </row>
    <row r="10779" spans="1:12">
      <c r="A10779" s="6" t="s">
        <v>49</v>
      </c>
      <c r="B10779" s="6"/>
      <c r="C10779" s="6" t="s">
        <v>10803</v>
      </c>
      <c r="D10779" s="6"/>
      <c r="E10779" s="6" t="s">
        <v>9</v>
      </c>
      <c r="F10779" s="7">
        <v>38657</v>
      </c>
      <c r="G10779" s="8">
        <v>1</v>
      </c>
      <c r="H10779" s="8">
        <v>1</v>
      </c>
      <c r="I10779" s="8">
        <v>0</v>
      </c>
      <c r="J10779" s="8">
        <v>1</v>
      </c>
      <c r="K10779" s="9">
        <v>633</v>
      </c>
      <c r="L10779" s="6" t="s">
        <v>51</v>
      </c>
    </row>
    <row r="10780" spans="1:12">
      <c r="A10780" s="6" t="s">
        <v>49</v>
      </c>
      <c r="B10780" s="6"/>
      <c r="C10780" s="6" t="s">
        <v>10804</v>
      </c>
      <c r="D10780" s="6"/>
      <c r="E10780" s="6" t="s">
        <v>9</v>
      </c>
      <c r="F10780" s="7">
        <v>38657</v>
      </c>
      <c r="G10780" s="8">
        <v>1</v>
      </c>
      <c r="H10780" s="8">
        <v>1</v>
      </c>
      <c r="I10780" s="8">
        <v>0</v>
      </c>
      <c r="J10780" s="8">
        <v>1</v>
      </c>
      <c r="K10780" s="9">
        <v>761</v>
      </c>
      <c r="L10780" s="6" t="s">
        <v>51</v>
      </c>
    </row>
    <row r="10781" spans="1:12">
      <c r="A10781" s="6" t="s">
        <v>49</v>
      </c>
      <c r="B10781" s="6"/>
      <c r="C10781" s="6" t="s">
        <v>10805</v>
      </c>
      <c r="D10781" s="6"/>
      <c r="E10781" s="6" t="s">
        <v>9</v>
      </c>
      <c r="F10781" s="7">
        <v>38657</v>
      </c>
      <c r="G10781" s="8">
        <v>1</v>
      </c>
      <c r="H10781" s="8">
        <v>1</v>
      </c>
      <c r="I10781" s="8">
        <v>0</v>
      </c>
      <c r="J10781" s="8">
        <v>1</v>
      </c>
      <c r="K10781" s="9">
        <v>1.83</v>
      </c>
      <c r="L10781" s="6" t="s">
        <v>51</v>
      </c>
    </row>
    <row r="10782" spans="1:12">
      <c r="A10782" s="6" t="s">
        <v>49</v>
      </c>
      <c r="B10782" s="6"/>
      <c r="C10782" s="6" t="s">
        <v>10806</v>
      </c>
      <c r="D10782" s="6"/>
      <c r="E10782" s="6" t="s">
        <v>9</v>
      </c>
      <c r="F10782" s="7">
        <v>38657</v>
      </c>
      <c r="G10782" s="8">
        <v>1</v>
      </c>
      <c r="H10782" s="8">
        <v>1</v>
      </c>
      <c r="I10782" s="8">
        <v>0</v>
      </c>
      <c r="J10782" s="8">
        <v>1</v>
      </c>
      <c r="K10782" s="9">
        <v>508</v>
      </c>
      <c r="L10782" s="6" t="s">
        <v>51</v>
      </c>
    </row>
    <row r="10783" spans="1:12">
      <c r="A10783" s="6" t="s">
        <v>49</v>
      </c>
      <c r="B10783" s="6"/>
      <c r="C10783" s="6" t="s">
        <v>10807</v>
      </c>
      <c r="D10783" s="6"/>
      <c r="E10783" s="6" t="s">
        <v>9</v>
      </c>
      <c r="F10783" s="7">
        <v>38657</v>
      </c>
      <c r="G10783" s="8">
        <v>1</v>
      </c>
      <c r="H10783" s="8">
        <v>1</v>
      </c>
      <c r="I10783" s="8">
        <v>0</v>
      </c>
      <c r="J10783" s="8">
        <v>1</v>
      </c>
      <c r="K10783" s="9">
        <v>391</v>
      </c>
      <c r="L10783" s="6" t="s">
        <v>51</v>
      </c>
    </row>
    <row r="10784" spans="1:12">
      <c r="A10784" s="6" t="s">
        <v>49</v>
      </c>
      <c r="B10784" s="6"/>
      <c r="C10784" s="6" t="s">
        <v>10808</v>
      </c>
      <c r="D10784" s="6"/>
      <c r="E10784" s="6" t="s">
        <v>9</v>
      </c>
      <c r="F10784" s="7">
        <v>38657</v>
      </c>
      <c r="G10784" s="8">
        <v>1</v>
      </c>
      <c r="H10784" s="8">
        <v>1</v>
      </c>
      <c r="I10784" s="8">
        <v>0</v>
      </c>
      <c r="J10784" s="8">
        <v>1</v>
      </c>
      <c r="K10784" s="9">
        <v>575</v>
      </c>
      <c r="L10784" s="6" t="s">
        <v>51</v>
      </c>
    </row>
    <row r="10785" spans="1:12">
      <c r="A10785" s="6" t="s">
        <v>49</v>
      </c>
      <c r="B10785" s="6"/>
      <c r="C10785" s="6" t="s">
        <v>10809</v>
      </c>
      <c r="D10785" s="6"/>
      <c r="E10785" s="6" t="s">
        <v>9</v>
      </c>
      <c r="F10785" s="7">
        <v>38657</v>
      </c>
      <c r="G10785" s="8">
        <v>1</v>
      </c>
      <c r="H10785" s="8">
        <v>1</v>
      </c>
      <c r="I10785" s="8">
        <v>0</v>
      </c>
      <c r="J10785" s="8">
        <v>1</v>
      </c>
      <c r="K10785" s="9">
        <v>323</v>
      </c>
      <c r="L10785" s="6" t="s">
        <v>51</v>
      </c>
    </row>
    <row r="10786" spans="1:12">
      <c r="A10786" s="6" t="s">
        <v>49</v>
      </c>
      <c r="B10786" s="6"/>
      <c r="C10786" s="6" t="s">
        <v>10810</v>
      </c>
      <c r="D10786" s="6"/>
      <c r="E10786" s="6" t="s">
        <v>9</v>
      </c>
      <c r="F10786" s="7">
        <v>38657</v>
      </c>
      <c r="G10786" s="8">
        <v>1</v>
      </c>
      <c r="H10786" s="8">
        <v>1</v>
      </c>
      <c r="I10786" s="8">
        <v>0</v>
      </c>
      <c r="J10786" s="8">
        <v>1</v>
      </c>
      <c r="K10786" s="9">
        <v>553</v>
      </c>
      <c r="L10786" s="6" t="s">
        <v>51</v>
      </c>
    </row>
    <row r="10787" spans="1:12">
      <c r="A10787" s="6" t="s">
        <v>49</v>
      </c>
      <c r="B10787" s="6"/>
      <c r="C10787" s="6" t="s">
        <v>10811</v>
      </c>
      <c r="D10787" s="6"/>
      <c r="E10787" s="6" t="s">
        <v>9</v>
      </c>
      <c r="F10787" s="7">
        <v>38657</v>
      </c>
      <c r="G10787" s="8">
        <v>1</v>
      </c>
      <c r="H10787" s="8">
        <v>1</v>
      </c>
      <c r="I10787" s="8">
        <v>0</v>
      </c>
      <c r="J10787" s="8">
        <v>1</v>
      </c>
      <c r="K10787" s="9">
        <v>25.55</v>
      </c>
      <c r="L10787" s="6" t="s">
        <v>51</v>
      </c>
    </row>
    <row r="10788" spans="1:12">
      <c r="A10788" s="6" t="s">
        <v>49</v>
      </c>
      <c r="B10788" s="6"/>
      <c r="C10788" s="6" t="s">
        <v>10812</v>
      </c>
      <c r="D10788" s="6"/>
      <c r="E10788" s="6" t="s">
        <v>9</v>
      </c>
      <c r="F10788" s="7">
        <v>38657</v>
      </c>
      <c r="G10788" s="8">
        <v>1</v>
      </c>
      <c r="H10788" s="8">
        <v>1</v>
      </c>
      <c r="I10788" s="8">
        <v>0</v>
      </c>
      <c r="J10788" s="8">
        <v>1</v>
      </c>
      <c r="K10788" s="9">
        <v>9.84</v>
      </c>
      <c r="L10788" s="6" t="s">
        <v>51</v>
      </c>
    </row>
    <row r="10789" spans="1:12">
      <c r="A10789" s="6" t="s">
        <v>49</v>
      </c>
      <c r="B10789" s="6"/>
      <c r="C10789" s="6" t="s">
        <v>10813</v>
      </c>
      <c r="D10789" s="6"/>
      <c r="E10789" s="6" t="s">
        <v>9</v>
      </c>
      <c r="F10789" s="7">
        <v>38657</v>
      </c>
      <c r="G10789" s="8">
        <v>1</v>
      </c>
      <c r="H10789" s="8">
        <v>1</v>
      </c>
      <c r="I10789" s="8">
        <v>0</v>
      </c>
      <c r="J10789" s="8">
        <v>1</v>
      </c>
      <c r="K10789" s="9">
        <v>55</v>
      </c>
      <c r="L10789" s="6" t="s">
        <v>51</v>
      </c>
    </row>
    <row r="10790" spans="1:12">
      <c r="A10790" s="6" t="s">
        <v>49</v>
      </c>
      <c r="B10790" s="6"/>
      <c r="C10790" s="6" t="s">
        <v>10814</v>
      </c>
      <c r="D10790" s="6"/>
      <c r="E10790" s="6" t="s">
        <v>9</v>
      </c>
      <c r="F10790" s="7">
        <v>38657</v>
      </c>
      <c r="G10790" s="8">
        <v>1</v>
      </c>
      <c r="H10790" s="8">
        <v>1</v>
      </c>
      <c r="I10790" s="8">
        <v>0</v>
      </c>
      <c r="J10790" s="8">
        <v>1</v>
      </c>
      <c r="K10790" s="9">
        <v>91</v>
      </c>
      <c r="L10790" s="6" t="s">
        <v>51</v>
      </c>
    </row>
    <row r="10791" spans="1:12">
      <c r="A10791" s="6" t="s">
        <v>49</v>
      </c>
      <c r="B10791" s="6"/>
      <c r="C10791" s="6" t="s">
        <v>10815</v>
      </c>
      <c r="D10791" s="6"/>
      <c r="E10791" s="6" t="s">
        <v>9</v>
      </c>
      <c r="F10791" s="7">
        <v>38657</v>
      </c>
      <c r="G10791" s="8">
        <v>1</v>
      </c>
      <c r="H10791" s="8">
        <v>1</v>
      </c>
      <c r="I10791" s="8">
        <v>0</v>
      </c>
      <c r="J10791" s="8">
        <v>1</v>
      </c>
      <c r="K10791" s="9">
        <v>191</v>
      </c>
      <c r="L10791" s="6" t="s">
        <v>51</v>
      </c>
    </row>
    <row r="10792" spans="1:12">
      <c r="A10792" s="6" t="s">
        <v>49</v>
      </c>
      <c r="B10792" s="6"/>
      <c r="C10792" s="6" t="s">
        <v>10816</v>
      </c>
      <c r="D10792" s="6"/>
      <c r="E10792" s="6" t="s">
        <v>9</v>
      </c>
      <c r="F10792" s="7">
        <v>38657</v>
      </c>
      <c r="G10792" s="8">
        <v>1</v>
      </c>
      <c r="H10792" s="8">
        <v>1</v>
      </c>
      <c r="I10792" s="8">
        <v>0</v>
      </c>
      <c r="J10792" s="8">
        <v>1</v>
      </c>
      <c r="K10792" s="9">
        <v>126</v>
      </c>
      <c r="L10792" s="6" t="s">
        <v>51</v>
      </c>
    </row>
    <row r="10793" spans="1:12">
      <c r="A10793" s="6" t="s">
        <v>49</v>
      </c>
      <c r="B10793" s="6"/>
      <c r="C10793" s="6" t="s">
        <v>10817</v>
      </c>
      <c r="D10793" s="6"/>
      <c r="E10793" s="6" t="s">
        <v>9</v>
      </c>
      <c r="F10793" s="7">
        <v>38657</v>
      </c>
      <c r="G10793" s="8">
        <v>1</v>
      </c>
      <c r="H10793" s="8">
        <v>1</v>
      </c>
      <c r="I10793" s="8">
        <v>0</v>
      </c>
      <c r="J10793" s="8">
        <v>1</v>
      </c>
      <c r="K10793" s="9">
        <v>376</v>
      </c>
      <c r="L10793" s="6" t="s">
        <v>51</v>
      </c>
    </row>
    <row r="10794" spans="1:12">
      <c r="A10794" s="6" t="s">
        <v>49</v>
      </c>
      <c r="B10794" s="6"/>
      <c r="C10794" s="6" t="s">
        <v>10818</v>
      </c>
      <c r="D10794" s="6"/>
      <c r="E10794" s="6" t="s">
        <v>9</v>
      </c>
      <c r="F10794" s="7">
        <v>38657</v>
      </c>
      <c r="G10794" s="8">
        <v>1</v>
      </c>
      <c r="H10794" s="8">
        <v>1</v>
      </c>
      <c r="I10794" s="8">
        <v>0</v>
      </c>
      <c r="J10794" s="8">
        <v>1</v>
      </c>
      <c r="K10794" s="9">
        <v>373</v>
      </c>
      <c r="L10794" s="6" t="s">
        <v>51</v>
      </c>
    </row>
    <row r="10795" spans="1:12">
      <c r="A10795" s="6" t="s">
        <v>49</v>
      </c>
      <c r="B10795" s="6"/>
      <c r="C10795" s="6" t="s">
        <v>10819</v>
      </c>
      <c r="D10795" s="6"/>
      <c r="E10795" s="6" t="s">
        <v>9</v>
      </c>
      <c r="F10795" s="7">
        <v>38657</v>
      </c>
      <c r="G10795" s="8">
        <v>1</v>
      </c>
      <c r="H10795" s="8">
        <v>1</v>
      </c>
      <c r="I10795" s="8">
        <v>0</v>
      </c>
      <c r="J10795" s="8">
        <v>1</v>
      </c>
      <c r="K10795" s="9">
        <v>374</v>
      </c>
      <c r="L10795" s="6" t="s">
        <v>51</v>
      </c>
    </row>
    <row r="10796" spans="1:12">
      <c r="A10796" s="6" t="s">
        <v>49</v>
      </c>
      <c r="B10796" s="6"/>
      <c r="C10796" s="6" t="s">
        <v>10820</v>
      </c>
      <c r="D10796" s="6"/>
      <c r="E10796" s="6" t="s">
        <v>9</v>
      </c>
      <c r="F10796" s="7">
        <v>38657</v>
      </c>
      <c r="G10796" s="8">
        <v>1</v>
      </c>
      <c r="H10796" s="8">
        <v>1</v>
      </c>
      <c r="I10796" s="8">
        <v>0</v>
      </c>
      <c r="J10796" s="8">
        <v>1</v>
      </c>
      <c r="K10796" s="9">
        <v>374</v>
      </c>
      <c r="L10796" s="6" t="s">
        <v>51</v>
      </c>
    </row>
    <row r="10797" spans="1:12">
      <c r="A10797" s="6" t="s">
        <v>49</v>
      </c>
      <c r="B10797" s="6"/>
      <c r="C10797" s="6" t="s">
        <v>10821</v>
      </c>
      <c r="D10797" s="6"/>
      <c r="E10797" s="6" t="s">
        <v>9</v>
      </c>
      <c r="F10797" s="7">
        <v>38657</v>
      </c>
      <c r="G10797" s="8">
        <v>1</v>
      </c>
      <c r="H10797" s="8">
        <v>1</v>
      </c>
      <c r="I10797" s="8">
        <v>0</v>
      </c>
      <c r="J10797" s="8">
        <v>1</v>
      </c>
      <c r="K10797" s="9">
        <v>345</v>
      </c>
      <c r="L10797" s="6" t="s">
        <v>51</v>
      </c>
    </row>
    <row r="10798" spans="1:12">
      <c r="A10798" s="6" t="s">
        <v>49</v>
      </c>
      <c r="B10798" s="6"/>
      <c r="C10798" s="6" t="s">
        <v>10822</v>
      </c>
      <c r="D10798" s="6"/>
      <c r="E10798" s="6" t="s">
        <v>9</v>
      </c>
      <c r="F10798" s="7">
        <v>38657</v>
      </c>
      <c r="G10798" s="8">
        <v>1</v>
      </c>
      <c r="H10798" s="8">
        <v>1</v>
      </c>
      <c r="I10798" s="8">
        <v>0</v>
      </c>
      <c r="J10798" s="8">
        <v>1</v>
      </c>
      <c r="K10798" s="9">
        <v>4.28</v>
      </c>
      <c r="L10798" s="6" t="s">
        <v>51</v>
      </c>
    </row>
    <row r="10799" spans="1:12">
      <c r="A10799" s="6" t="s">
        <v>49</v>
      </c>
      <c r="B10799" s="6"/>
      <c r="C10799" s="6" t="s">
        <v>10823</v>
      </c>
      <c r="D10799" s="6"/>
      <c r="E10799" s="6" t="s">
        <v>9</v>
      </c>
      <c r="F10799" s="7">
        <v>38657</v>
      </c>
      <c r="G10799" s="8">
        <v>1</v>
      </c>
      <c r="H10799" s="8">
        <v>1</v>
      </c>
      <c r="I10799" s="8">
        <v>0</v>
      </c>
      <c r="J10799" s="8">
        <v>1</v>
      </c>
      <c r="K10799" s="9">
        <v>406</v>
      </c>
      <c r="L10799" s="6" t="s">
        <v>51</v>
      </c>
    </row>
    <row r="10800" spans="1:12">
      <c r="A10800" s="6" t="s">
        <v>49</v>
      </c>
      <c r="B10800" s="6"/>
      <c r="C10800" s="6" t="s">
        <v>10824</v>
      </c>
      <c r="D10800" s="6"/>
      <c r="E10800" s="6" t="s">
        <v>9</v>
      </c>
      <c r="F10800" s="7">
        <v>38657</v>
      </c>
      <c r="G10800" s="8">
        <v>1</v>
      </c>
      <c r="H10800" s="8">
        <v>1</v>
      </c>
      <c r="I10800" s="8">
        <v>0</v>
      </c>
      <c r="J10800" s="8">
        <v>1</v>
      </c>
      <c r="K10800" s="9">
        <v>15</v>
      </c>
      <c r="L10800" s="6" t="s">
        <v>51</v>
      </c>
    </row>
    <row r="10801" spans="1:12">
      <c r="A10801" s="6" t="s">
        <v>49</v>
      </c>
      <c r="B10801" s="6"/>
      <c r="C10801" s="6" t="s">
        <v>10825</v>
      </c>
      <c r="D10801" s="6"/>
      <c r="E10801" s="6" t="s">
        <v>9</v>
      </c>
      <c r="F10801" s="7">
        <v>38657</v>
      </c>
      <c r="G10801" s="8">
        <v>1</v>
      </c>
      <c r="H10801" s="8">
        <v>1</v>
      </c>
      <c r="I10801" s="8">
        <v>0</v>
      </c>
      <c r="J10801" s="8">
        <v>1</v>
      </c>
      <c r="K10801" s="9">
        <v>516</v>
      </c>
      <c r="L10801" s="6" t="s">
        <v>51</v>
      </c>
    </row>
    <row r="10802" spans="1:12">
      <c r="A10802" s="6" t="s">
        <v>49</v>
      </c>
      <c r="B10802" s="6"/>
      <c r="C10802" s="6" t="s">
        <v>10826</v>
      </c>
      <c r="D10802" s="6"/>
      <c r="E10802" s="6" t="s">
        <v>9</v>
      </c>
      <c r="F10802" s="7">
        <v>38657</v>
      </c>
      <c r="G10802" s="8">
        <v>1</v>
      </c>
      <c r="H10802" s="8">
        <v>1</v>
      </c>
      <c r="I10802" s="8">
        <v>0</v>
      </c>
      <c r="J10802" s="8">
        <v>1</v>
      </c>
      <c r="K10802" s="9">
        <v>232</v>
      </c>
      <c r="L10802" s="6" t="s">
        <v>51</v>
      </c>
    </row>
    <row r="10803" spans="1:12">
      <c r="A10803" s="6" t="s">
        <v>49</v>
      </c>
      <c r="B10803" s="6"/>
      <c r="C10803" s="6" t="s">
        <v>10827</v>
      </c>
      <c r="D10803" s="6"/>
      <c r="E10803" s="6" t="s">
        <v>9</v>
      </c>
      <c r="F10803" s="7">
        <v>38657</v>
      </c>
      <c r="G10803" s="8">
        <v>1</v>
      </c>
      <c r="H10803" s="8">
        <v>1</v>
      </c>
      <c r="I10803" s="8">
        <v>0</v>
      </c>
      <c r="J10803" s="8">
        <v>1</v>
      </c>
      <c r="K10803" s="9">
        <v>739</v>
      </c>
      <c r="L10803" s="6" t="s">
        <v>51</v>
      </c>
    </row>
    <row r="10804" spans="1:12">
      <c r="A10804" s="6" t="s">
        <v>49</v>
      </c>
      <c r="B10804" s="6"/>
      <c r="C10804" s="6" t="s">
        <v>10828</v>
      </c>
      <c r="D10804" s="6"/>
      <c r="E10804" s="6" t="s">
        <v>9</v>
      </c>
      <c r="F10804" s="7">
        <v>38657</v>
      </c>
      <c r="G10804" s="8">
        <v>1</v>
      </c>
      <c r="H10804" s="8">
        <v>1</v>
      </c>
      <c r="I10804" s="8">
        <v>0</v>
      </c>
      <c r="J10804" s="8">
        <v>1</v>
      </c>
      <c r="K10804" s="9">
        <v>67</v>
      </c>
      <c r="L10804" s="6" t="s">
        <v>51</v>
      </c>
    </row>
    <row r="10805" spans="1:12">
      <c r="A10805" s="6" t="s">
        <v>49</v>
      </c>
      <c r="B10805" s="6"/>
      <c r="C10805" s="6" t="s">
        <v>10829</v>
      </c>
      <c r="D10805" s="6"/>
      <c r="E10805" s="6" t="s">
        <v>9</v>
      </c>
      <c r="F10805" s="7">
        <v>38657</v>
      </c>
      <c r="G10805" s="8">
        <v>1</v>
      </c>
      <c r="H10805" s="8">
        <v>1</v>
      </c>
      <c r="I10805" s="8">
        <v>0</v>
      </c>
      <c r="J10805" s="8">
        <v>1</v>
      </c>
      <c r="K10805" s="9">
        <v>7.06</v>
      </c>
      <c r="L10805" s="6" t="s">
        <v>51</v>
      </c>
    </row>
    <row r="10806" spans="1:12">
      <c r="A10806" s="6" t="s">
        <v>49</v>
      </c>
      <c r="B10806" s="6"/>
      <c r="C10806" s="6" t="s">
        <v>10830</v>
      </c>
      <c r="D10806" s="6"/>
      <c r="E10806" s="6" t="s">
        <v>9</v>
      </c>
      <c r="F10806" s="7">
        <v>38657</v>
      </c>
      <c r="G10806" s="8">
        <v>1</v>
      </c>
      <c r="H10806" s="8">
        <v>1</v>
      </c>
      <c r="I10806" s="8">
        <v>0</v>
      </c>
      <c r="J10806" s="8">
        <v>1</v>
      </c>
      <c r="K10806" s="9">
        <v>1.39</v>
      </c>
      <c r="L10806" s="6" t="s">
        <v>51</v>
      </c>
    </row>
    <row r="10807" spans="1:12">
      <c r="A10807" s="6" t="s">
        <v>49</v>
      </c>
      <c r="B10807" s="6"/>
      <c r="C10807" s="6" t="s">
        <v>10831</v>
      </c>
      <c r="D10807" s="6"/>
      <c r="E10807" s="6" t="s">
        <v>9</v>
      </c>
      <c r="F10807" s="7">
        <v>38657</v>
      </c>
      <c r="G10807" s="8">
        <v>1</v>
      </c>
      <c r="H10807" s="8">
        <v>1</v>
      </c>
      <c r="I10807" s="8">
        <v>0</v>
      </c>
      <c r="J10807" s="8">
        <v>1</v>
      </c>
      <c r="K10807" s="9">
        <v>2.46</v>
      </c>
      <c r="L10807" s="6" t="s">
        <v>51</v>
      </c>
    </row>
    <row r="10808" spans="1:12">
      <c r="A10808" s="6" t="s">
        <v>49</v>
      </c>
      <c r="B10808" s="6"/>
      <c r="C10808" s="6" t="s">
        <v>10832</v>
      </c>
      <c r="D10808" s="6"/>
      <c r="E10808" s="6" t="s">
        <v>9</v>
      </c>
      <c r="F10808" s="7">
        <v>38657</v>
      </c>
      <c r="G10808" s="8">
        <v>1</v>
      </c>
      <c r="H10808" s="8">
        <v>1</v>
      </c>
      <c r="I10808" s="8">
        <v>0</v>
      </c>
      <c r="J10808" s="8">
        <v>1</v>
      </c>
      <c r="K10808" s="9">
        <v>44</v>
      </c>
      <c r="L10808" s="6" t="s">
        <v>51</v>
      </c>
    </row>
    <row r="10809" spans="1:12">
      <c r="A10809" s="6" t="s">
        <v>49</v>
      </c>
      <c r="B10809" s="6"/>
      <c r="C10809" s="6" t="s">
        <v>10833</v>
      </c>
      <c r="D10809" s="6"/>
      <c r="E10809" s="6" t="s">
        <v>9</v>
      </c>
      <c r="F10809" s="7">
        <v>38657</v>
      </c>
      <c r="G10809" s="8">
        <v>1</v>
      </c>
      <c r="H10809" s="8">
        <v>1</v>
      </c>
      <c r="I10809" s="8">
        <v>0</v>
      </c>
      <c r="J10809" s="8">
        <v>1</v>
      </c>
      <c r="K10809" s="9">
        <v>79</v>
      </c>
      <c r="L10809" s="6" t="s">
        <v>51</v>
      </c>
    </row>
    <row r="10810" spans="1:12">
      <c r="A10810" s="6" t="s">
        <v>49</v>
      </c>
      <c r="B10810" s="6"/>
      <c r="C10810" s="6" t="s">
        <v>10834</v>
      </c>
      <c r="D10810" s="6"/>
      <c r="E10810" s="6" t="s">
        <v>9</v>
      </c>
      <c r="F10810" s="7">
        <v>38657</v>
      </c>
      <c r="G10810" s="8">
        <v>1</v>
      </c>
      <c r="H10810" s="8">
        <v>1</v>
      </c>
      <c r="I10810" s="8">
        <v>0</v>
      </c>
      <c r="J10810" s="8">
        <v>1</v>
      </c>
      <c r="K10810" s="9">
        <v>11.74</v>
      </c>
      <c r="L10810" s="6" t="s">
        <v>51</v>
      </c>
    </row>
    <row r="10811" spans="1:12">
      <c r="A10811" s="6" t="s">
        <v>49</v>
      </c>
      <c r="B10811" s="6"/>
      <c r="C10811" s="6" t="s">
        <v>10835</v>
      </c>
      <c r="D10811" s="6"/>
      <c r="E10811" s="6" t="s">
        <v>9</v>
      </c>
      <c r="F10811" s="7">
        <v>38657</v>
      </c>
      <c r="G10811" s="8">
        <v>1</v>
      </c>
      <c r="H10811" s="8">
        <v>1</v>
      </c>
      <c r="I10811" s="8">
        <v>0</v>
      </c>
      <c r="J10811" s="8">
        <v>1</v>
      </c>
      <c r="K10811" s="9">
        <v>3.69</v>
      </c>
      <c r="L10811" s="6" t="s">
        <v>51</v>
      </c>
    </row>
    <row r="10812" spans="1:12">
      <c r="A10812" s="6" t="s">
        <v>49</v>
      </c>
      <c r="B10812" s="6"/>
      <c r="C10812" s="6" t="s">
        <v>10836</v>
      </c>
      <c r="D10812" s="6"/>
      <c r="E10812" s="6" t="s">
        <v>9</v>
      </c>
      <c r="F10812" s="7">
        <v>38657</v>
      </c>
      <c r="G10812" s="8">
        <v>1</v>
      </c>
      <c r="H10812" s="8">
        <v>1</v>
      </c>
      <c r="I10812" s="8">
        <v>0</v>
      </c>
      <c r="J10812" s="8">
        <v>1</v>
      </c>
      <c r="K10812" s="9">
        <v>73</v>
      </c>
      <c r="L10812" s="6" t="s">
        <v>51</v>
      </c>
    </row>
    <row r="10813" spans="1:12">
      <c r="A10813" s="6" t="s">
        <v>49</v>
      </c>
      <c r="B10813" s="6"/>
      <c r="C10813" s="6" t="s">
        <v>10837</v>
      </c>
      <c r="D10813" s="6"/>
      <c r="E10813" s="6" t="s">
        <v>9</v>
      </c>
      <c r="F10813" s="7">
        <v>38657</v>
      </c>
      <c r="G10813" s="8">
        <v>1</v>
      </c>
      <c r="H10813" s="8">
        <v>1</v>
      </c>
      <c r="I10813" s="8">
        <v>0</v>
      </c>
      <c r="J10813" s="8">
        <v>1</v>
      </c>
      <c r="K10813" s="9">
        <v>8.81</v>
      </c>
      <c r="L10813" s="6" t="s">
        <v>51</v>
      </c>
    </row>
    <row r="10814" spans="1:12">
      <c r="A10814" s="6" t="s">
        <v>49</v>
      </c>
      <c r="B10814" s="6"/>
      <c r="C10814" s="6" t="s">
        <v>10838</v>
      </c>
      <c r="D10814" s="6"/>
      <c r="E10814" s="6" t="s">
        <v>9</v>
      </c>
      <c r="F10814" s="7">
        <v>38657</v>
      </c>
      <c r="G10814" s="8">
        <v>1</v>
      </c>
      <c r="H10814" s="8">
        <v>1</v>
      </c>
      <c r="I10814" s="8">
        <v>0</v>
      </c>
      <c r="J10814" s="8">
        <v>1</v>
      </c>
      <c r="K10814" s="9">
        <v>1.3</v>
      </c>
      <c r="L10814" s="6" t="s">
        <v>51</v>
      </c>
    </row>
    <row r="10815" spans="1:12">
      <c r="A10815" s="6" t="s">
        <v>49</v>
      </c>
      <c r="B10815" s="6"/>
      <c r="C10815" s="6" t="s">
        <v>10839</v>
      </c>
      <c r="D10815" s="6"/>
      <c r="E10815" s="6" t="s">
        <v>9</v>
      </c>
      <c r="F10815" s="7">
        <v>38657</v>
      </c>
      <c r="G10815" s="8">
        <v>1</v>
      </c>
      <c r="H10815" s="8">
        <v>1</v>
      </c>
      <c r="I10815" s="8">
        <v>0</v>
      </c>
      <c r="J10815" s="8">
        <v>1</v>
      </c>
      <c r="K10815" s="9">
        <v>7.69</v>
      </c>
      <c r="L10815" s="6" t="s">
        <v>51</v>
      </c>
    </row>
    <row r="10816" spans="1:12">
      <c r="A10816" s="6" t="s">
        <v>49</v>
      </c>
      <c r="B10816" s="6"/>
      <c r="C10816" s="6" t="s">
        <v>10840</v>
      </c>
      <c r="D10816" s="6"/>
      <c r="E10816" s="6" t="s">
        <v>9</v>
      </c>
      <c r="F10816" s="7">
        <v>38657</v>
      </c>
      <c r="G10816" s="8">
        <v>1</v>
      </c>
      <c r="H10816" s="8">
        <v>1</v>
      </c>
      <c r="I10816" s="8">
        <v>0</v>
      </c>
      <c r="J10816" s="8">
        <v>1</v>
      </c>
      <c r="K10816" s="9">
        <v>30</v>
      </c>
      <c r="L10816" s="6" t="s">
        <v>51</v>
      </c>
    </row>
    <row r="10817" spans="1:12">
      <c r="A10817" s="6" t="s">
        <v>49</v>
      </c>
      <c r="B10817" s="6"/>
      <c r="C10817" s="6" t="s">
        <v>10841</v>
      </c>
      <c r="D10817" s="6"/>
      <c r="E10817" s="6" t="s">
        <v>9</v>
      </c>
      <c r="F10817" s="7">
        <v>38657</v>
      </c>
      <c r="G10817" s="8">
        <v>1</v>
      </c>
      <c r="H10817" s="8">
        <v>1</v>
      </c>
      <c r="I10817" s="8">
        <v>0</v>
      </c>
      <c r="J10817" s="8">
        <v>1</v>
      </c>
      <c r="K10817" s="9">
        <v>115</v>
      </c>
      <c r="L10817" s="6" t="s">
        <v>51</v>
      </c>
    </row>
    <row r="10818" spans="1:12">
      <c r="A10818" s="6" t="s">
        <v>49</v>
      </c>
      <c r="B10818" s="6"/>
      <c r="C10818" s="6" t="s">
        <v>10842</v>
      </c>
      <c r="D10818" s="6"/>
      <c r="E10818" s="6" t="s">
        <v>9</v>
      </c>
      <c r="F10818" s="7">
        <v>38657</v>
      </c>
      <c r="G10818" s="8">
        <v>1</v>
      </c>
      <c r="H10818" s="8">
        <v>1</v>
      </c>
      <c r="I10818" s="8">
        <v>0</v>
      </c>
      <c r="J10818" s="8">
        <v>1</v>
      </c>
      <c r="K10818" s="9">
        <v>43</v>
      </c>
      <c r="L10818" s="6" t="s">
        <v>51</v>
      </c>
    </row>
    <row r="10819" spans="1:12">
      <c r="A10819" s="6" t="s">
        <v>49</v>
      </c>
      <c r="B10819" s="6"/>
      <c r="C10819" s="6" t="s">
        <v>10843</v>
      </c>
      <c r="D10819" s="6"/>
      <c r="E10819" s="6" t="s">
        <v>9</v>
      </c>
      <c r="F10819" s="7">
        <v>38657</v>
      </c>
      <c r="G10819" s="8">
        <v>1</v>
      </c>
      <c r="H10819" s="8">
        <v>1</v>
      </c>
      <c r="I10819" s="8">
        <v>0</v>
      </c>
      <c r="J10819" s="8">
        <v>1</v>
      </c>
      <c r="K10819" s="9">
        <v>10</v>
      </c>
      <c r="L10819" s="6" t="s">
        <v>51</v>
      </c>
    </row>
    <row r="10820" spans="1:12">
      <c r="A10820" s="6" t="s">
        <v>49</v>
      </c>
      <c r="B10820" s="6"/>
      <c r="C10820" s="6" t="s">
        <v>10844</v>
      </c>
      <c r="D10820" s="6"/>
      <c r="E10820" s="6" t="s">
        <v>9</v>
      </c>
      <c r="F10820" s="7">
        <v>38657</v>
      </c>
      <c r="G10820" s="8">
        <v>1</v>
      </c>
      <c r="H10820" s="8">
        <v>1</v>
      </c>
      <c r="I10820" s="8">
        <v>0</v>
      </c>
      <c r="J10820" s="8">
        <v>1</v>
      </c>
      <c r="K10820" s="9">
        <v>0.91</v>
      </c>
      <c r="L10820" s="6" t="s">
        <v>51</v>
      </c>
    </row>
    <row r="10821" spans="1:12">
      <c r="A10821" s="6" t="s">
        <v>49</v>
      </c>
      <c r="B10821" s="6"/>
      <c r="C10821" s="6" t="s">
        <v>10845</v>
      </c>
      <c r="D10821" s="6"/>
      <c r="E10821" s="6" t="s">
        <v>9</v>
      </c>
      <c r="F10821" s="7">
        <v>38657</v>
      </c>
      <c r="G10821" s="8">
        <v>1</v>
      </c>
      <c r="H10821" s="8">
        <v>1</v>
      </c>
      <c r="I10821" s="8">
        <v>0</v>
      </c>
      <c r="J10821" s="8">
        <v>1</v>
      </c>
      <c r="K10821" s="9">
        <v>32.229999999999897</v>
      </c>
      <c r="L10821" s="6" t="s">
        <v>51</v>
      </c>
    </row>
    <row r="10822" spans="1:12">
      <c r="A10822" s="6" t="s">
        <v>49</v>
      </c>
      <c r="B10822" s="6"/>
      <c r="C10822" s="6" t="s">
        <v>10846</v>
      </c>
      <c r="D10822" s="6"/>
      <c r="E10822" s="6" t="s">
        <v>9</v>
      </c>
      <c r="F10822" s="7">
        <v>38657</v>
      </c>
      <c r="G10822" s="8">
        <v>1</v>
      </c>
      <c r="H10822" s="8">
        <v>1</v>
      </c>
      <c r="I10822" s="8">
        <v>0</v>
      </c>
      <c r="J10822" s="8">
        <v>1</v>
      </c>
      <c r="K10822" s="9">
        <v>1.91</v>
      </c>
      <c r="L10822" s="6" t="s">
        <v>51</v>
      </c>
    </row>
    <row r="10823" spans="1:12">
      <c r="A10823" s="6" t="s">
        <v>49</v>
      </c>
      <c r="B10823" s="6"/>
      <c r="C10823" s="6" t="s">
        <v>10847</v>
      </c>
      <c r="D10823" s="6"/>
      <c r="E10823" s="6" t="s">
        <v>9</v>
      </c>
      <c r="F10823" s="7">
        <v>38657</v>
      </c>
      <c r="G10823" s="8">
        <v>1</v>
      </c>
      <c r="H10823" s="8">
        <v>1</v>
      </c>
      <c r="I10823" s="8">
        <v>0</v>
      </c>
      <c r="J10823" s="8">
        <v>1</v>
      </c>
      <c r="K10823" s="9">
        <v>2</v>
      </c>
      <c r="L10823" s="6" t="s">
        <v>51</v>
      </c>
    </row>
    <row r="10824" spans="1:12">
      <c r="A10824" s="6" t="s">
        <v>49</v>
      </c>
      <c r="B10824" s="6"/>
      <c r="C10824" s="6" t="s">
        <v>10848</v>
      </c>
      <c r="D10824" s="6"/>
      <c r="E10824" s="6" t="s">
        <v>9</v>
      </c>
      <c r="F10824" s="7">
        <v>38657</v>
      </c>
      <c r="G10824" s="8">
        <v>1</v>
      </c>
      <c r="H10824" s="8">
        <v>1</v>
      </c>
      <c r="I10824" s="8">
        <v>0</v>
      </c>
      <c r="J10824" s="8">
        <v>1</v>
      </c>
      <c r="K10824" s="9">
        <v>25</v>
      </c>
      <c r="L10824" s="6" t="s">
        <v>51</v>
      </c>
    </row>
    <row r="10825" spans="1:12">
      <c r="A10825" s="6" t="s">
        <v>49</v>
      </c>
      <c r="B10825" s="6"/>
      <c r="C10825" s="6" t="s">
        <v>10849</v>
      </c>
      <c r="D10825" s="6"/>
      <c r="E10825" s="6" t="s">
        <v>9</v>
      </c>
      <c r="F10825" s="7">
        <v>38657</v>
      </c>
      <c r="G10825" s="8">
        <v>1</v>
      </c>
      <c r="H10825" s="8">
        <v>1</v>
      </c>
      <c r="I10825" s="8">
        <v>0</v>
      </c>
      <c r="J10825" s="8">
        <v>1</v>
      </c>
      <c r="K10825" s="9">
        <v>4.47</v>
      </c>
      <c r="L10825" s="6" t="s">
        <v>51</v>
      </c>
    </row>
    <row r="10826" spans="1:12">
      <c r="A10826" s="6" t="s">
        <v>49</v>
      </c>
      <c r="B10826" s="6"/>
      <c r="C10826" s="6" t="s">
        <v>10850</v>
      </c>
      <c r="D10826" s="6"/>
      <c r="E10826" s="6" t="s">
        <v>9</v>
      </c>
      <c r="F10826" s="7">
        <v>38657</v>
      </c>
      <c r="G10826" s="8">
        <v>1</v>
      </c>
      <c r="H10826" s="8">
        <v>1</v>
      </c>
      <c r="I10826" s="8">
        <v>0</v>
      </c>
      <c r="J10826" s="8">
        <v>1</v>
      </c>
      <c r="K10826" s="9">
        <v>4.45</v>
      </c>
      <c r="L10826" s="6" t="s">
        <v>51</v>
      </c>
    </row>
    <row r="10827" spans="1:12">
      <c r="A10827" s="6" t="s">
        <v>49</v>
      </c>
      <c r="B10827" s="6"/>
      <c r="C10827" s="6" t="s">
        <v>10851</v>
      </c>
      <c r="D10827" s="6"/>
      <c r="E10827" s="6" t="s">
        <v>9</v>
      </c>
      <c r="F10827" s="7">
        <v>38657</v>
      </c>
      <c r="G10827" s="8">
        <v>1</v>
      </c>
      <c r="H10827" s="8">
        <v>1</v>
      </c>
      <c r="I10827" s="8">
        <v>0</v>
      </c>
      <c r="J10827" s="8">
        <v>1</v>
      </c>
      <c r="K10827" s="9">
        <v>4.49</v>
      </c>
      <c r="L10827" s="6" t="s">
        <v>51</v>
      </c>
    </row>
    <row r="10828" spans="1:12">
      <c r="A10828" s="6" t="s">
        <v>49</v>
      </c>
      <c r="B10828" s="6"/>
      <c r="C10828" s="6" t="s">
        <v>10852</v>
      </c>
      <c r="D10828" s="6"/>
      <c r="E10828" s="6" t="s">
        <v>9</v>
      </c>
      <c r="F10828" s="7">
        <v>38657</v>
      </c>
      <c r="G10828" s="8">
        <v>1</v>
      </c>
      <c r="H10828" s="8">
        <v>1</v>
      </c>
      <c r="I10828" s="8">
        <v>0</v>
      </c>
      <c r="J10828" s="8">
        <v>1</v>
      </c>
      <c r="K10828" s="9">
        <v>2</v>
      </c>
      <c r="L10828" s="6" t="s">
        <v>51</v>
      </c>
    </row>
    <row r="10829" spans="1:12">
      <c r="A10829" s="6" t="s">
        <v>49</v>
      </c>
      <c r="B10829" s="6"/>
      <c r="C10829" s="6" t="s">
        <v>10853</v>
      </c>
      <c r="D10829" s="6"/>
      <c r="E10829" s="6" t="s">
        <v>9</v>
      </c>
      <c r="F10829" s="7">
        <v>38657</v>
      </c>
      <c r="G10829" s="8">
        <v>1</v>
      </c>
      <c r="H10829" s="8">
        <v>1</v>
      </c>
      <c r="I10829" s="8">
        <v>0</v>
      </c>
      <c r="J10829" s="8">
        <v>1</v>
      </c>
      <c r="K10829" s="9">
        <v>39</v>
      </c>
      <c r="L10829" s="6" t="s">
        <v>51</v>
      </c>
    </row>
    <row r="10830" spans="1:12">
      <c r="A10830" s="6" t="s">
        <v>49</v>
      </c>
      <c r="B10830" s="6"/>
      <c r="C10830" s="6" t="s">
        <v>10854</v>
      </c>
      <c r="D10830" s="6"/>
      <c r="E10830" s="6" t="s">
        <v>9</v>
      </c>
      <c r="F10830" s="7">
        <v>38657</v>
      </c>
      <c r="G10830" s="8">
        <v>1</v>
      </c>
      <c r="H10830" s="8">
        <v>1</v>
      </c>
      <c r="I10830" s="8">
        <v>0</v>
      </c>
      <c r="J10830" s="8">
        <v>1</v>
      </c>
      <c r="K10830" s="9">
        <v>2.63</v>
      </c>
      <c r="L10830" s="6" t="s">
        <v>51</v>
      </c>
    </row>
    <row r="10831" spans="1:12">
      <c r="A10831" s="6" t="s">
        <v>49</v>
      </c>
      <c r="B10831" s="6"/>
      <c r="C10831" s="6" t="s">
        <v>10855</v>
      </c>
      <c r="D10831" s="6"/>
      <c r="E10831" s="6" t="s">
        <v>9</v>
      </c>
      <c r="F10831" s="7">
        <v>38657</v>
      </c>
      <c r="G10831" s="8">
        <v>1</v>
      </c>
      <c r="H10831" s="8">
        <v>1</v>
      </c>
      <c r="I10831" s="8">
        <v>0</v>
      </c>
      <c r="J10831" s="8">
        <v>1</v>
      </c>
      <c r="K10831" s="9">
        <v>168</v>
      </c>
      <c r="L10831" s="6" t="s">
        <v>51</v>
      </c>
    </row>
    <row r="10832" spans="1:12">
      <c r="A10832" s="6" t="s">
        <v>49</v>
      </c>
      <c r="B10832" s="6"/>
      <c r="C10832" s="6" t="s">
        <v>10856</v>
      </c>
      <c r="D10832" s="6"/>
      <c r="E10832" s="6" t="s">
        <v>9</v>
      </c>
      <c r="F10832" s="7">
        <v>38657</v>
      </c>
      <c r="G10832" s="8">
        <v>1</v>
      </c>
      <c r="H10832" s="8">
        <v>1</v>
      </c>
      <c r="I10832" s="8">
        <v>0</v>
      </c>
      <c r="J10832" s="8">
        <v>1</v>
      </c>
      <c r="K10832" s="9">
        <v>42.65</v>
      </c>
      <c r="L10832" s="6" t="s">
        <v>51</v>
      </c>
    </row>
    <row r="10833" spans="1:12">
      <c r="A10833" s="6" t="s">
        <v>49</v>
      </c>
      <c r="B10833" s="6"/>
      <c r="C10833" s="6" t="s">
        <v>10857</v>
      </c>
      <c r="D10833" s="6"/>
      <c r="E10833" s="6" t="s">
        <v>9</v>
      </c>
      <c r="F10833" s="7">
        <v>38657</v>
      </c>
      <c r="G10833" s="8">
        <v>1</v>
      </c>
      <c r="H10833" s="8">
        <v>1</v>
      </c>
      <c r="I10833" s="8">
        <v>0</v>
      </c>
      <c r="J10833" s="8">
        <v>1</v>
      </c>
      <c r="K10833" s="9">
        <v>12</v>
      </c>
      <c r="L10833" s="6" t="s">
        <v>51</v>
      </c>
    </row>
    <row r="10834" spans="1:12">
      <c r="A10834" s="6" t="s">
        <v>49</v>
      </c>
      <c r="B10834" s="6"/>
      <c r="C10834" s="6" t="s">
        <v>10858</v>
      </c>
      <c r="D10834" s="6"/>
      <c r="E10834" s="6" t="s">
        <v>9</v>
      </c>
      <c r="F10834" s="7">
        <v>38657</v>
      </c>
      <c r="G10834" s="8">
        <v>1</v>
      </c>
      <c r="H10834" s="8">
        <v>1</v>
      </c>
      <c r="I10834" s="8">
        <v>0</v>
      </c>
      <c r="J10834" s="8">
        <v>1</v>
      </c>
      <c r="K10834" s="9">
        <v>6.09</v>
      </c>
      <c r="L10834" s="6" t="s">
        <v>51</v>
      </c>
    </row>
    <row r="10835" spans="1:12">
      <c r="A10835" s="6" t="s">
        <v>49</v>
      </c>
      <c r="B10835" s="6"/>
      <c r="C10835" s="6" t="s">
        <v>10859</v>
      </c>
      <c r="D10835" s="6"/>
      <c r="E10835" s="6" t="s">
        <v>9</v>
      </c>
      <c r="F10835" s="7">
        <v>38657</v>
      </c>
      <c r="G10835" s="8">
        <v>1</v>
      </c>
      <c r="H10835" s="8">
        <v>1</v>
      </c>
      <c r="I10835" s="8">
        <v>0</v>
      </c>
      <c r="J10835" s="8">
        <v>1</v>
      </c>
      <c r="K10835" s="9">
        <v>103.02</v>
      </c>
      <c r="L10835" s="6" t="s">
        <v>51</v>
      </c>
    </row>
    <row r="10836" spans="1:12">
      <c r="A10836" s="6" t="s">
        <v>49</v>
      </c>
      <c r="B10836" s="6"/>
      <c r="C10836" s="6" t="s">
        <v>10860</v>
      </c>
      <c r="D10836" s="6"/>
      <c r="E10836" s="6" t="s">
        <v>9</v>
      </c>
      <c r="F10836" s="7">
        <v>38657</v>
      </c>
      <c r="G10836" s="8">
        <v>1</v>
      </c>
      <c r="H10836" s="8">
        <v>1</v>
      </c>
      <c r="I10836" s="8">
        <v>0</v>
      </c>
      <c r="J10836" s="8">
        <v>1</v>
      </c>
      <c r="K10836" s="9">
        <v>12.78</v>
      </c>
      <c r="L10836" s="6" t="s">
        <v>51</v>
      </c>
    </row>
    <row r="10837" spans="1:12">
      <c r="A10837" s="6" t="s">
        <v>49</v>
      </c>
      <c r="B10837" s="6"/>
      <c r="C10837" s="6" t="s">
        <v>10861</v>
      </c>
      <c r="D10837" s="6"/>
      <c r="E10837" s="6" t="s">
        <v>9</v>
      </c>
      <c r="F10837" s="7">
        <v>38657</v>
      </c>
      <c r="G10837" s="8">
        <v>1</v>
      </c>
      <c r="H10837" s="8">
        <v>1</v>
      </c>
      <c r="I10837" s="8">
        <v>0</v>
      </c>
      <c r="J10837" s="8">
        <v>1</v>
      </c>
      <c r="K10837" s="9">
        <v>14.48</v>
      </c>
      <c r="L10837" s="6" t="s">
        <v>51</v>
      </c>
    </row>
    <row r="10838" spans="1:12">
      <c r="A10838" s="6" t="s">
        <v>49</v>
      </c>
      <c r="B10838" s="6"/>
      <c r="C10838" s="6" t="s">
        <v>10862</v>
      </c>
      <c r="D10838" s="6"/>
      <c r="E10838" s="6" t="s">
        <v>9</v>
      </c>
      <c r="F10838" s="7">
        <v>38657</v>
      </c>
      <c r="G10838" s="8">
        <v>1</v>
      </c>
      <c r="H10838" s="8">
        <v>1</v>
      </c>
      <c r="I10838" s="8">
        <v>0</v>
      </c>
      <c r="J10838" s="8">
        <v>1</v>
      </c>
      <c r="K10838" s="9">
        <v>31</v>
      </c>
      <c r="L10838" s="6" t="s">
        <v>51</v>
      </c>
    </row>
    <row r="10839" spans="1:12">
      <c r="A10839" s="6" t="s">
        <v>49</v>
      </c>
      <c r="B10839" s="6"/>
      <c r="C10839" s="6" t="s">
        <v>10863</v>
      </c>
      <c r="D10839" s="6"/>
      <c r="E10839" s="6" t="s">
        <v>9</v>
      </c>
      <c r="F10839" s="7">
        <v>38657</v>
      </c>
      <c r="G10839" s="8">
        <v>1</v>
      </c>
      <c r="H10839" s="8">
        <v>1</v>
      </c>
      <c r="I10839" s="8">
        <v>0</v>
      </c>
      <c r="J10839" s="8">
        <v>1</v>
      </c>
      <c r="K10839" s="9">
        <v>23</v>
      </c>
      <c r="L10839" s="6" t="s">
        <v>51</v>
      </c>
    </row>
    <row r="10840" spans="1:12">
      <c r="A10840" s="6" t="s">
        <v>49</v>
      </c>
      <c r="B10840" s="6"/>
      <c r="C10840" s="6" t="s">
        <v>10864</v>
      </c>
      <c r="D10840" s="6"/>
      <c r="E10840" s="6" t="s">
        <v>9</v>
      </c>
      <c r="F10840" s="7">
        <v>38657</v>
      </c>
      <c r="G10840" s="8">
        <v>1</v>
      </c>
      <c r="H10840" s="8">
        <v>1</v>
      </c>
      <c r="I10840" s="8">
        <v>0</v>
      </c>
      <c r="J10840" s="8">
        <v>1</v>
      </c>
      <c r="K10840" s="9">
        <v>40</v>
      </c>
      <c r="L10840" s="6" t="s">
        <v>51</v>
      </c>
    </row>
    <row r="10841" spans="1:12">
      <c r="A10841" s="6" t="s">
        <v>49</v>
      </c>
      <c r="B10841" s="6"/>
      <c r="C10841" s="6" t="s">
        <v>10865</v>
      </c>
      <c r="D10841" s="6"/>
      <c r="E10841" s="6" t="s">
        <v>9</v>
      </c>
      <c r="F10841" s="7">
        <v>38657</v>
      </c>
      <c r="G10841" s="8">
        <v>1</v>
      </c>
      <c r="H10841" s="8">
        <v>1</v>
      </c>
      <c r="I10841" s="8">
        <v>0</v>
      </c>
      <c r="J10841" s="8">
        <v>1</v>
      </c>
      <c r="K10841" s="9">
        <v>13</v>
      </c>
      <c r="L10841" s="6" t="s">
        <v>51</v>
      </c>
    </row>
    <row r="10842" spans="1:12">
      <c r="A10842" s="6" t="s">
        <v>49</v>
      </c>
      <c r="B10842" s="6"/>
      <c r="C10842" s="6" t="s">
        <v>10866</v>
      </c>
      <c r="D10842" s="6"/>
      <c r="E10842" s="6" t="s">
        <v>9</v>
      </c>
      <c r="F10842" s="7">
        <v>38657</v>
      </c>
      <c r="G10842" s="8">
        <v>1</v>
      </c>
      <c r="H10842" s="8">
        <v>1</v>
      </c>
      <c r="I10842" s="8">
        <v>0</v>
      </c>
      <c r="J10842" s="8">
        <v>1</v>
      </c>
      <c r="K10842" s="9">
        <v>14</v>
      </c>
      <c r="L10842" s="6" t="s">
        <v>51</v>
      </c>
    </row>
    <row r="10843" spans="1:12">
      <c r="A10843" s="6" t="s">
        <v>49</v>
      </c>
      <c r="B10843" s="6"/>
      <c r="C10843" s="6" t="s">
        <v>10867</v>
      </c>
      <c r="D10843" s="6"/>
      <c r="E10843" s="6" t="s">
        <v>9</v>
      </c>
      <c r="F10843" s="7">
        <v>38657</v>
      </c>
      <c r="G10843" s="8">
        <v>1</v>
      </c>
      <c r="H10843" s="8">
        <v>1</v>
      </c>
      <c r="I10843" s="8">
        <v>0</v>
      </c>
      <c r="J10843" s="8">
        <v>1</v>
      </c>
      <c r="K10843" s="9">
        <v>34.03</v>
      </c>
      <c r="L10843" s="6" t="s">
        <v>51</v>
      </c>
    </row>
    <row r="10844" spans="1:12">
      <c r="A10844" s="6" t="s">
        <v>49</v>
      </c>
      <c r="B10844" s="6"/>
      <c r="C10844" s="6" t="s">
        <v>10868</v>
      </c>
      <c r="D10844" s="6"/>
      <c r="E10844" s="6" t="s">
        <v>9</v>
      </c>
      <c r="F10844" s="7">
        <v>38657</v>
      </c>
      <c r="G10844" s="8">
        <v>1</v>
      </c>
      <c r="H10844" s="8">
        <v>1</v>
      </c>
      <c r="I10844" s="8">
        <v>0</v>
      </c>
      <c r="J10844" s="8">
        <v>1</v>
      </c>
      <c r="K10844" s="9">
        <v>73</v>
      </c>
      <c r="L10844" s="6" t="s">
        <v>51</v>
      </c>
    </row>
    <row r="10845" spans="1:12">
      <c r="A10845" s="6" t="s">
        <v>49</v>
      </c>
      <c r="B10845" s="6"/>
      <c r="C10845" s="6" t="s">
        <v>10869</v>
      </c>
      <c r="D10845" s="6"/>
      <c r="E10845" s="6" t="s">
        <v>9</v>
      </c>
      <c r="F10845" s="7">
        <v>38657</v>
      </c>
      <c r="G10845" s="8">
        <v>1</v>
      </c>
      <c r="H10845" s="8">
        <v>1</v>
      </c>
      <c r="I10845" s="8">
        <v>0</v>
      </c>
      <c r="J10845" s="8">
        <v>1</v>
      </c>
      <c r="K10845" s="9">
        <v>16</v>
      </c>
      <c r="L10845" s="6" t="s">
        <v>51</v>
      </c>
    </row>
    <row r="10846" spans="1:12">
      <c r="A10846" s="6" t="s">
        <v>49</v>
      </c>
      <c r="B10846" s="6"/>
      <c r="C10846" s="6" t="s">
        <v>10870</v>
      </c>
      <c r="D10846" s="6"/>
      <c r="E10846" s="6" t="s">
        <v>9</v>
      </c>
      <c r="F10846" s="7">
        <v>38657</v>
      </c>
      <c r="G10846" s="8">
        <v>1</v>
      </c>
      <c r="H10846" s="8">
        <v>1</v>
      </c>
      <c r="I10846" s="8">
        <v>0</v>
      </c>
      <c r="J10846" s="8">
        <v>1</v>
      </c>
      <c r="K10846" s="9">
        <v>139</v>
      </c>
      <c r="L10846" s="6" t="s">
        <v>51</v>
      </c>
    </row>
    <row r="10847" spans="1:12">
      <c r="A10847" s="6" t="s">
        <v>49</v>
      </c>
      <c r="B10847" s="6"/>
      <c r="C10847" s="6" t="s">
        <v>10871</v>
      </c>
      <c r="D10847" s="6"/>
      <c r="E10847" s="6" t="s">
        <v>9</v>
      </c>
      <c r="F10847" s="7">
        <v>38657</v>
      </c>
      <c r="G10847" s="8">
        <v>1</v>
      </c>
      <c r="H10847" s="8">
        <v>1</v>
      </c>
      <c r="I10847" s="8">
        <v>0</v>
      </c>
      <c r="J10847" s="8">
        <v>1</v>
      </c>
      <c r="K10847" s="9">
        <v>72</v>
      </c>
      <c r="L10847" s="6" t="s">
        <v>51</v>
      </c>
    </row>
    <row r="10848" spans="1:12">
      <c r="A10848" s="6" t="s">
        <v>49</v>
      </c>
      <c r="B10848" s="6"/>
      <c r="C10848" s="6" t="s">
        <v>10872</v>
      </c>
      <c r="D10848" s="6"/>
      <c r="E10848" s="6" t="s">
        <v>9</v>
      </c>
      <c r="F10848" s="7">
        <v>38657</v>
      </c>
      <c r="G10848" s="8">
        <v>1</v>
      </c>
      <c r="H10848" s="8">
        <v>1</v>
      </c>
      <c r="I10848" s="8">
        <v>0</v>
      </c>
      <c r="J10848" s="8">
        <v>1</v>
      </c>
      <c r="K10848" s="9">
        <v>146</v>
      </c>
      <c r="L10848" s="6" t="s">
        <v>51</v>
      </c>
    </row>
    <row r="10849" spans="1:12">
      <c r="A10849" s="6" t="s">
        <v>49</v>
      </c>
      <c r="B10849" s="6"/>
      <c r="C10849" s="6" t="s">
        <v>10873</v>
      </c>
      <c r="D10849" s="6"/>
      <c r="E10849" s="6" t="s">
        <v>9</v>
      </c>
      <c r="F10849" s="7">
        <v>38657</v>
      </c>
      <c r="G10849" s="8">
        <v>1</v>
      </c>
      <c r="H10849" s="8">
        <v>1</v>
      </c>
      <c r="I10849" s="8">
        <v>0</v>
      </c>
      <c r="J10849" s="8">
        <v>1</v>
      </c>
      <c r="K10849" s="9">
        <v>44</v>
      </c>
      <c r="L10849" s="6" t="s">
        <v>51</v>
      </c>
    </row>
    <row r="10850" spans="1:12">
      <c r="A10850" s="6" t="s">
        <v>49</v>
      </c>
      <c r="B10850" s="6"/>
      <c r="C10850" s="6" t="s">
        <v>10874</v>
      </c>
      <c r="D10850" s="6"/>
      <c r="E10850" s="6" t="s">
        <v>9</v>
      </c>
      <c r="F10850" s="7">
        <v>38657</v>
      </c>
      <c r="G10850" s="8">
        <v>1</v>
      </c>
      <c r="H10850" s="8">
        <v>1</v>
      </c>
      <c r="I10850" s="8">
        <v>0</v>
      </c>
      <c r="J10850" s="8">
        <v>1</v>
      </c>
      <c r="K10850" s="9">
        <v>15</v>
      </c>
      <c r="L10850" s="6" t="s">
        <v>51</v>
      </c>
    </row>
    <row r="10851" spans="1:12">
      <c r="A10851" s="6" t="s">
        <v>49</v>
      </c>
      <c r="B10851" s="6"/>
      <c r="C10851" s="6" t="s">
        <v>10875</v>
      </c>
      <c r="D10851" s="6"/>
      <c r="E10851" s="6" t="s">
        <v>9</v>
      </c>
      <c r="F10851" s="7">
        <v>38657</v>
      </c>
      <c r="G10851" s="8">
        <v>1</v>
      </c>
      <c r="H10851" s="8">
        <v>1</v>
      </c>
      <c r="I10851" s="8">
        <v>0</v>
      </c>
      <c r="J10851" s="8">
        <v>1</v>
      </c>
      <c r="K10851" s="9">
        <v>77</v>
      </c>
      <c r="L10851" s="6" t="s">
        <v>51</v>
      </c>
    </row>
    <row r="10852" spans="1:12">
      <c r="A10852" s="6" t="s">
        <v>49</v>
      </c>
      <c r="B10852" s="6"/>
      <c r="C10852" s="6" t="s">
        <v>10876</v>
      </c>
      <c r="D10852" s="6"/>
      <c r="E10852" s="6" t="s">
        <v>9</v>
      </c>
      <c r="F10852" s="7">
        <v>38657</v>
      </c>
      <c r="G10852" s="8">
        <v>1</v>
      </c>
      <c r="H10852" s="8">
        <v>1</v>
      </c>
      <c r="I10852" s="8">
        <v>0</v>
      </c>
      <c r="J10852" s="8">
        <v>1</v>
      </c>
      <c r="K10852" s="9">
        <v>28</v>
      </c>
      <c r="L10852" s="6" t="s">
        <v>51</v>
      </c>
    </row>
    <row r="10853" spans="1:12">
      <c r="A10853" s="6" t="s">
        <v>49</v>
      </c>
      <c r="B10853" s="6"/>
      <c r="C10853" s="6" t="s">
        <v>10877</v>
      </c>
      <c r="D10853" s="6"/>
      <c r="E10853" s="6" t="s">
        <v>9</v>
      </c>
      <c r="F10853" s="7">
        <v>38657</v>
      </c>
      <c r="G10853" s="8">
        <v>1</v>
      </c>
      <c r="H10853" s="8">
        <v>1</v>
      </c>
      <c r="I10853" s="8">
        <v>0</v>
      </c>
      <c r="J10853" s="8">
        <v>1</v>
      </c>
      <c r="K10853" s="9">
        <v>33</v>
      </c>
      <c r="L10853" s="6" t="s">
        <v>51</v>
      </c>
    </row>
    <row r="10854" spans="1:12">
      <c r="A10854" s="6" t="s">
        <v>49</v>
      </c>
      <c r="B10854" s="6"/>
      <c r="C10854" s="6" t="s">
        <v>10878</v>
      </c>
      <c r="D10854" s="6"/>
      <c r="E10854" s="6" t="s">
        <v>9</v>
      </c>
      <c r="F10854" s="7">
        <v>38657</v>
      </c>
      <c r="G10854" s="8">
        <v>1</v>
      </c>
      <c r="H10854" s="8">
        <v>1</v>
      </c>
      <c r="I10854" s="8">
        <v>0</v>
      </c>
      <c r="J10854" s="8">
        <v>1</v>
      </c>
      <c r="K10854" s="9">
        <v>19.27</v>
      </c>
      <c r="L10854" s="6" t="s">
        <v>51</v>
      </c>
    </row>
    <row r="10855" spans="1:12">
      <c r="A10855" s="6" t="s">
        <v>49</v>
      </c>
      <c r="B10855" s="6"/>
      <c r="C10855" s="6" t="s">
        <v>10879</v>
      </c>
      <c r="D10855" s="6"/>
      <c r="E10855" s="6" t="s">
        <v>9</v>
      </c>
      <c r="F10855" s="7">
        <v>38657</v>
      </c>
      <c r="G10855" s="8">
        <v>1</v>
      </c>
      <c r="H10855" s="8">
        <v>1</v>
      </c>
      <c r="I10855" s="8">
        <v>0</v>
      </c>
      <c r="J10855" s="8">
        <v>1</v>
      </c>
      <c r="K10855" s="9">
        <v>46</v>
      </c>
      <c r="L10855" s="6" t="s">
        <v>51</v>
      </c>
    </row>
    <row r="10856" spans="1:12">
      <c r="A10856" s="6" t="s">
        <v>49</v>
      </c>
      <c r="B10856" s="6"/>
      <c r="C10856" s="6" t="s">
        <v>10880</v>
      </c>
      <c r="D10856" s="6"/>
      <c r="E10856" s="6" t="s">
        <v>9</v>
      </c>
      <c r="F10856" s="7">
        <v>38657</v>
      </c>
      <c r="G10856" s="8">
        <v>1</v>
      </c>
      <c r="H10856" s="8">
        <v>1</v>
      </c>
      <c r="I10856" s="8">
        <v>0</v>
      </c>
      <c r="J10856" s="8">
        <v>1</v>
      </c>
      <c r="K10856" s="9">
        <v>160</v>
      </c>
      <c r="L10856" s="6" t="s">
        <v>51</v>
      </c>
    </row>
    <row r="10857" spans="1:12">
      <c r="A10857" s="6" t="s">
        <v>49</v>
      </c>
      <c r="B10857" s="6"/>
      <c r="C10857" s="6" t="s">
        <v>10881</v>
      </c>
      <c r="D10857" s="6"/>
      <c r="E10857" s="6" t="s">
        <v>9</v>
      </c>
      <c r="F10857" s="7">
        <v>38657</v>
      </c>
      <c r="G10857" s="8">
        <v>1</v>
      </c>
      <c r="H10857" s="8">
        <v>1</v>
      </c>
      <c r="I10857" s="8">
        <v>0</v>
      </c>
      <c r="J10857" s="8">
        <v>1</v>
      </c>
      <c r="K10857" s="9">
        <v>67</v>
      </c>
      <c r="L10857" s="6" t="s">
        <v>51</v>
      </c>
    </row>
    <row r="10858" spans="1:12">
      <c r="A10858" s="6" t="s">
        <v>49</v>
      </c>
      <c r="B10858" s="6"/>
      <c r="C10858" s="6" t="s">
        <v>10882</v>
      </c>
      <c r="D10858" s="6"/>
      <c r="E10858" s="6" t="s">
        <v>9</v>
      </c>
      <c r="F10858" s="7">
        <v>38657</v>
      </c>
      <c r="G10858" s="8">
        <v>1</v>
      </c>
      <c r="H10858" s="8">
        <v>1</v>
      </c>
      <c r="I10858" s="8">
        <v>0</v>
      </c>
      <c r="J10858" s="8">
        <v>1</v>
      </c>
      <c r="K10858" s="9">
        <v>8.4</v>
      </c>
      <c r="L10858" s="6" t="s">
        <v>51</v>
      </c>
    </row>
    <row r="10859" spans="1:12">
      <c r="A10859" s="6" t="s">
        <v>49</v>
      </c>
      <c r="B10859" s="6"/>
      <c r="C10859" s="6" t="s">
        <v>10883</v>
      </c>
      <c r="D10859" s="6"/>
      <c r="E10859" s="6" t="s">
        <v>9</v>
      </c>
      <c r="F10859" s="7">
        <v>38657</v>
      </c>
      <c r="G10859" s="8">
        <v>1</v>
      </c>
      <c r="H10859" s="8">
        <v>1</v>
      </c>
      <c r="I10859" s="8">
        <v>0</v>
      </c>
      <c r="J10859" s="8">
        <v>1</v>
      </c>
      <c r="K10859" s="9">
        <v>139</v>
      </c>
      <c r="L10859" s="6" t="s">
        <v>51</v>
      </c>
    </row>
    <row r="10860" spans="1:12">
      <c r="A10860" s="6" t="s">
        <v>49</v>
      </c>
      <c r="B10860" s="6"/>
      <c r="C10860" s="6" t="s">
        <v>10884</v>
      </c>
      <c r="D10860" s="6"/>
      <c r="E10860" s="6" t="s">
        <v>9</v>
      </c>
      <c r="F10860" s="7">
        <v>38657</v>
      </c>
      <c r="G10860" s="8">
        <v>1</v>
      </c>
      <c r="H10860" s="8">
        <v>1</v>
      </c>
      <c r="I10860" s="8">
        <v>0</v>
      </c>
      <c r="J10860" s="8">
        <v>1</v>
      </c>
      <c r="K10860" s="9">
        <v>10</v>
      </c>
      <c r="L10860" s="6" t="s">
        <v>51</v>
      </c>
    </row>
    <row r="10861" spans="1:12">
      <c r="A10861" s="6" t="s">
        <v>49</v>
      </c>
      <c r="B10861" s="6"/>
      <c r="C10861" s="6" t="s">
        <v>10885</v>
      </c>
      <c r="D10861" s="6"/>
      <c r="E10861" s="6" t="s">
        <v>9</v>
      </c>
      <c r="F10861" s="7">
        <v>38657</v>
      </c>
      <c r="G10861" s="8">
        <v>1</v>
      </c>
      <c r="H10861" s="8">
        <v>1</v>
      </c>
      <c r="I10861" s="8">
        <v>0</v>
      </c>
      <c r="J10861" s="8">
        <v>1</v>
      </c>
      <c r="K10861" s="9">
        <v>312</v>
      </c>
      <c r="L10861" s="6" t="s">
        <v>51</v>
      </c>
    </row>
    <row r="10862" spans="1:12">
      <c r="A10862" s="6" t="s">
        <v>49</v>
      </c>
      <c r="B10862" s="6"/>
      <c r="C10862" s="6" t="s">
        <v>10886</v>
      </c>
      <c r="D10862" s="6"/>
      <c r="E10862" s="6" t="s">
        <v>9</v>
      </c>
      <c r="F10862" s="7">
        <v>38657</v>
      </c>
      <c r="G10862" s="8">
        <v>1</v>
      </c>
      <c r="H10862" s="8">
        <v>1</v>
      </c>
      <c r="I10862" s="8">
        <v>0</v>
      </c>
      <c r="J10862" s="8">
        <v>1</v>
      </c>
      <c r="K10862" s="9">
        <v>43</v>
      </c>
      <c r="L10862" s="6" t="s">
        <v>51</v>
      </c>
    </row>
    <row r="10863" spans="1:12">
      <c r="A10863" s="6" t="s">
        <v>49</v>
      </c>
      <c r="B10863" s="6"/>
      <c r="C10863" s="6" t="s">
        <v>10887</v>
      </c>
      <c r="D10863" s="6"/>
      <c r="E10863" s="6" t="s">
        <v>9</v>
      </c>
      <c r="F10863" s="7">
        <v>38657</v>
      </c>
      <c r="G10863" s="8">
        <v>1</v>
      </c>
      <c r="H10863" s="8">
        <v>1</v>
      </c>
      <c r="I10863" s="8">
        <v>0</v>
      </c>
      <c r="J10863" s="8">
        <v>1</v>
      </c>
      <c r="K10863" s="9">
        <v>14</v>
      </c>
      <c r="L10863" s="6" t="s">
        <v>51</v>
      </c>
    </row>
    <row r="10864" spans="1:12">
      <c r="A10864" s="6" t="s">
        <v>49</v>
      </c>
      <c r="B10864" s="6"/>
      <c r="C10864" s="6" t="s">
        <v>10888</v>
      </c>
      <c r="D10864" s="6"/>
      <c r="E10864" s="6" t="s">
        <v>9</v>
      </c>
      <c r="F10864" s="7">
        <v>38657</v>
      </c>
      <c r="G10864" s="8">
        <v>1</v>
      </c>
      <c r="H10864" s="8">
        <v>1</v>
      </c>
      <c r="I10864" s="8">
        <v>0</v>
      </c>
      <c r="J10864" s="8">
        <v>1</v>
      </c>
      <c r="K10864" s="9">
        <v>14</v>
      </c>
      <c r="L10864" s="6" t="s">
        <v>51</v>
      </c>
    </row>
    <row r="10865" spans="1:12">
      <c r="A10865" s="6" t="s">
        <v>49</v>
      </c>
      <c r="B10865" s="6"/>
      <c r="C10865" s="6" t="s">
        <v>10889</v>
      </c>
      <c r="D10865" s="6"/>
      <c r="E10865" s="6" t="s">
        <v>9</v>
      </c>
      <c r="F10865" s="7">
        <v>38657</v>
      </c>
      <c r="G10865" s="8">
        <v>1</v>
      </c>
      <c r="H10865" s="8">
        <v>1</v>
      </c>
      <c r="I10865" s="8">
        <v>0</v>
      </c>
      <c r="J10865" s="8">
        <v>1</v>
      </c>
      <c r="K10865" s="9">
        <v>8.7899999999999903</v>
      </c>
      <c r="L10865" s="6" t="s">
        <v>51</v>
      </c>
    </row>
    <row r="10866" spans="1:12">
      <c r="A10866" s="6" t="s">
        <v>49</v>
      </c>
      <c r="B10866" s="6"/>
      <c r="C10866" s="6" t="s">
        <v>10890</v>
      </c>
      <c r="D10866" s="6"/>
      <c r="E10866" s="6" t="s">
        <v>9</v>
      </c>
      <c r="F10866" s="7">
        <v>38657</v>
      </c>
      <c r="G10866" s="8">
        <v>1</v>
      </c>
      <c r="H10866" s="8">
        <v>1</v>
      </c>
      <c r="I10866" s="8">
        <v>0</v>
      </c>
      <c r="J10866" s="8">
        <v>1</v>
      </c>
      <c r="K10866" s="9">
        <v>15</v>
      </c>
      <c r="L10866" s="6" t="s">
        <v>51</v>
      </c>
    </row>
    <row r="10867" spans="1:12">
      <c r="A10867" s="6" t="s">
        <v>49</v>
      </c>
      <c r="B10867" s="6"/>
      <c r="C10867" s="6" t="s">
        <v>10891</v>
      </c>
      <c r="D10867" s="6"/>
      <c r="E10867" s="6" t="s">
        <v>9</v>
      </c>
      <c r="F10867" s="7">
        <v>38657</v>
      </c>
      <c r="G10867" s="8">
        <v>1</v>
      </c>
      <c r="H10867" s="8">
        <v>1</v>
      </c>
      <c r="I10867" s="8">
        <v>0</v>
      </c>
      <c r="J10867" s="8">
        <v>1</v>
      </c>
      <c r="K10867" s="9">
        <v>29</v>
      </c>
      <c r="L10867" s="6" t="s">
        <v>51</v>
      </c>
    </row>
    <row r="10868" spans="1:12">
      <c r="A10868" s="6" t="s">
        <v>49</v>
      </c>
      <c r="B10868" s="6"/>
      <c r="C10868" s="6" t="s">
        <v>10892</v>
      </c>
      <c r="D10868" s="6"/>
      <c r="E10868" s="6" t="s">
        <v>9</v>
      </c>
      <c r="F10868" s="7">
        <v>38657</v>
      </c>
      <c r="G10868" s="8">
        <v>1</v>
      </c>
      <c r="H10868" s="8">
        <v>1</v>
      </c>
      <c r="I10868" s="8">
        <v>0</v>
      </c>
      <c r="J10868" s="8">
        <v>1</v>
      </c>
      <c r="K10868" s="9">
        <v>62</v>
      </c>
      <c r="L10868" s="6" t="s">
        <v>51</v>
      </c>
    </row>
    <row r="10869" spans="1:12">
      <c r="A10869" s="6" t="s">
        <v>49</v>
      </c>
      <c r="B10869" s="6"/>
      <c r="C10869" s="6" t="s">
        <v>10893</v>
      </c>
      <c r="D10869" s="6"/>
      <c r="E10869" s="6" t="s">
        <v>9</v>
      </c>
      <c r="F10869" s="7">
        <v>38657</v>
      </c>
      <c r="G10869" s="8">
        <v>1</v>
      </c>
      <c r="H10869" s="8">
        <v>1</v>
      </c>
      <c r="I10869" s="8">
        <v>0</v>
      </c>
      <c r="J10869" s="8">
        <v>1</v>
      </c>
      <c r="K10869" s="9">
        <v>106</v>
      </c>
      <c r="L10869" s="6" t="s">
        <v>51</v>
      </c>
    </row>
    <row r="10870" spans="1:12">
      <c r="A10870" s="6" t="s">
        <v>49</v>
      </c>
      <c r="B10870" s="6"/>
      <c r="C10870" s="6" t="s">
        <v>10894</v>
      </c>
      <c r="D10870" s="6"/>
      <c r="E10870" s="6" t="s">
        <v>9</v>
      </c>
      <c r="F10870" s="7">
        <v>38657</v>
      </c>
      <c r="G10870" s="8">
        <v>1</v>
      </c>
      <c r="H10870" s="8">
        <v>1</v>
      </c>
      <c r="I10870" s="8">
        <v>0</v>
      </c>
      <c r="J10870" s="8">
        <v>1</v>
      </c>
      <c r="K10870" s="9">
        <v>19</v>
      </c>
      <c r="L10870" s="6" t="s">
        <v>51</v>
      </c>
    </row>
    <row r="10871" spans="1:12">
      <c r="A10871" s="6" t="s">
        <v>49</v>
      </c>
      <c r="B10871" s="6"/>
      <c r="C10871" s="6" t="s">
        <v>10895</v>
      </c>
      <c r="D10871" s="6"/>
      <c r="E10871" s="6" t="s">
        <v>9</v>
      </c>
      <c r="F10871" s="7">
        <v>38657</v>
      </c>
      <c r="G10871" s="8">
        <v>1</v>
      </c>
      <c r="H10871" s="8">
        <v>1</v>
      </c>
      <c r="I10871" s="8">
        <v>0</v>
      </c>
      <c r="J10871" s="8">
        <v>1</v>
      </c>
      <c r="K10871" s="9">
        <v>54</v>
      </c>
      <c r="L10871" s="6" t="s">
        <v>51</v>
      </c>
    </row>
    <row r="10872" spans="1:12">
      <c r="A10872" s="6" t="s">
        <v>49</v>
      </c>
      <c r="B10872" s="6"/>
      <c r="C10872" s="6" t="s">
        <v>10896</v>
      </c>
      <c r="D10872" s="6"/>
      <c r="E10872" s="6" t="s">
        <v>9</v>
      </c>
      <c r="F10872" s="7">
        <v>38657</v>
      </c>
      <c r="G10872" s="8">
        <v>1</v>
      </c>
      <c r="H10872" s="8">
        <v>1</v>
      </c>
      <c r="I10872" s="8">
        <v>0</v>
      </c>
      <c r="J10872" s="8">
        <v>1</v>
      </c>
      <c r="K10872" s="9">
        <v>9.68</v>
      </c>
      <c r="L10872" s="6" t="s">
        <v>51</v>
      </c>
    </row>
    <row r="10873" spans="1:12">
      <c r="A10873" s="6" t="s">
        <v>49</v>
      </c>
      <c r="B10873" s="6"/>
      <c r="C10873" s="6" t="s">
        <v>10897</v>
      </c>
      <c r="D10873" s="6"/>
      <c r="E10873" s="6" t="s">
        <v>9</v>
      </c>
      <c r="F10873" s="7">
        <v>38657</v>
      </c>
      <c r="G10873" s="8">
        <v>1</v>
      </c>
      <c r="H10873" s="8">
        <v>1</v>
      </c>
      <c r="I10873" s="8">
        <v>0</v>
      </c>
      <c r="J10873" s="8">
        <v>1</v>
      </c>
      <c r="K10873" s="9">
        <v>569</v>
      </c>
      <c r="L10873" s="6" t="s">
        <v>51</v>
      </c>
    </row>
    <row r="10874" spans="1:12">
      <c r="A10874" s="6" t="s">
        <v>49</v>
      </c>
      <c r="B10874" s="6"/>
      <c r="C10874" s="6" t="s">
        <v>10898</v>
      </c>
      <c r="D10874" s="6"/>
      <c r="E10874" s="6" t="s">
        <v>9</v>
      </c>
      <c r="F10874" s="7">
        <v>38657</v>
      </c>
      <c r="G10874" s="8">
        <v>1</v>
      </c>
      <c r="H10874" s="8">
        <v>1</v>
      </c>
      <c r="I10874" s="8">
        <v>0</v>
      </c>
      <c r="J10874" s="8">
        <v>1</v>
      </c>
      <c r="K10874" s="9">
        <v>1.03</v>
      </c>
      <c r="L10874" s="6" t="s">
        <v>51</v>
      </c>
    </row>
    <row r="10875" spans="1:12">
      <c r="A10875" s="6" t="s">
        <v>49</v>
      </c>
      <c r="B10875" s="6"/>
      <c r="C10875" s="6" t="s">
        <v>10899</v>
      </c>
      <c r="D10875" s="6"/>
      <c r="E10875" s="6" t="s">
        <v>9</v>
      </c>
      <c r="F10875" s="7">
        <v>38657</v>
      </c>
      <c r="G10875" s="8">
        <v>1</v>
      </c>
      <c r="H10875" s="8">
        <v>1</v>
      </c>
      <c r="I10875" s="8">
        <v>0</v>
      </c>
      <c r="J10875" s="8">
        <v>1</v>
      </c>
      <c r="K10875" s="9">
        <v>3.64</v>
      </c>
      <c r="L10875" s="6" t="s">
        <v>51</v>
      </c>
    </row>
    <row r="10876" spans="1:12">
      <c r="A10876" s="6" t="s">
        <v>49</v>
      </c>
      <c r="B10876" s="6"/>
      <c r="C10876" s="6" t="s">
        <v>10900</v>
      </c>
      <c r="D10876" s="6"/>
      <c r="E10876" s="6" t="s">
        <v>9</v>
      </c>
      <c r="F10876" s="7">
        <v>38657</v>
      </c>
      <c r="G10876" s="8">
        <v>1</v>
      </c>
      <c r="H10876" s="8">
        <v>1</v>
      </c>
      <c r="I10876" s="8">
        <v>0</v>
      </c>
      <c r="J10876" s="8">
        <v>1</v>
      </c>
      <c r="K10876" s="9">
        <v>66.11</v>
      </c>
      <c r="L10876" s="6" t="s">
        <v>51</v>
      </c>
    </row>
    <row r="10877" spans="1:12">
      <c r="A10877" s="6" t="s">
        <v>49</v>
      </c>
      <c r="B10877" s="6"/>
      <c r="C10877" s="6" t="s">
        <v>10901</v>
      </c>
      <c r="D10877" s="6"/>
      <c r="E10877" s="6" t="s">
        <v>9</v>
      </c>
      <c r="F10877" s="7">
        <v>38657</v>
      </c>
      <c r="G10877" s="8">
        <v>1</v>
      </c>
      <c r="H10877" s="8">
        <v>1</v>
      </c>
      <c r="I10877" s="8">
        <v>0</v>
      </c>
      <c r="J10877" s="8">
        <v>1</v>
      </c>
      <c r="K10877" s="9">
        <v>326</v>
      </c>
      <c r="L10877" s="6" t="s">
        <v>51</v>
      </c>
    </row>
    <row r="10878" spans="1:12">
      <c r="A10878" s="6" t="s">
        <v>49</v>
      </c>
      <c r="B10878" s="6"/>
      <c r="C10878" s="6" t="s">
        <v>10902</v>
      </c>
      <c r="D10878" s="6"/>
      <c r="E10878" s="6" t="s">
        <v>9</v>
      </c>
      <c r="F10878" s="7">
        <v>38657</v>
      </c>
      <c r="G10878" s="8">
        <v>1</v>
      </c>
      <c r="H10878" s="8">
        <v>1</v>
      </c>
      <c r="I10878" s="8">
        <v>0</v>
      </c>
      <c r="J10878" s="8">
        <v>1</v>
      </c>
      <c r="K10878" s="9">
        <v>33</v>
      </c>
      <c r="L10878" s="6" t="s">
        <v>51</v>
      </c>
    </row>
    <row r="10879" spans="1:12">
      <c r="A10879" s="6" t="s">
        <v>49</v>
      </c>
      <c r="B10879" s="6"/>
      <c r="C10879" s="6" t="s">
        <v>10903</v>
      </c>
      <c r="D10879" s="6"/>
      <c r="E10879" s="6" t="s">
        <v>9</v>
      </c>
      <c r="F10879" s="7">
        <v>38657</v>
      </c>
      <c r="G10879" s="8">
        <v>1</v>
      </c>
      <c r="H10879" s="8">
        <v>1</v>
      </c>
      <c r="I10879" s="8">
        <v>0</v>
      </c>
      <c r="J10879" s="8">
        <v>1</v>
      </c>
      <c r="K10879" s="9">
        <v>34</v>
      </c>
      <c r="L10879" s="6" t="s">
        <v>51</v>
      </c>
    </row>
    <row r="10880" spans="1:12">
      <c r="A10880" s="6" t="s">
        <v>49</v>
      </c>
      <c r="B10880" s="6"/>
      <c r="C10880" s="6" t="s">
        <v>10904</v>
      </c>
      <c r="D10880" s="6"/>
      <c r="E10880" s="6" t="s">
        <v>9</v>
      </c>
      <c r="F10880" s="7">
        <v>38657</v>
      </c>
      <c r="G10880" s="8">
        <v>1</v>
      </c>
      <c r="H10880" s="8">
        <v>1</v>
      </c>
      <c r="I10880" s="8">
        <v>0</v>
      </c>
      <c r="J10880" s="8">
        <v>1</v>
      </c>
      <c r="K10880" s="9">
        <v>432</v>
      </c>
      <c r="L10880" s="6" t="s">
        <v>51</v>
      </c>
    </row>
    <row r="10881" spans="1:12">
      <c r="A10881" s="6" t="s">
        <v>49</v>
      </c>
      <c r="B10881" s="6"/>
      <c r="C10881" s="6" t="s">
        <v>10905</v>
      </c>
      <c r="D10881" s="6"/>
      <c r="E10881" s="6" t="s">
        <v>9</v>
      </c>
      <c r="F10881" s="7">
        <v>38657</v>
      </c>
      <c r="G10881" s="8">
        <v>1</v>
      </c>
      <c r="H10881" s="8">
        <v>1</v>
      </c>
      <c r="I10881" s="8">
        <v>0</v>
      </c>
      <c r="J10881" s="8">
        <v>1</v>
      </c>
      <c r="K10881" s="9">
        <v>29</v>
      </c>
      <c r="L10881" s="6" t="s">
        <v>51</v>
      </c>
    </row>
    <row r="10882" spans="1:12">
      <c r="A10882" s="6" t="s">
        <v>49</v>
      </c>
      <c r="B10882" s="6"/>
      <c r="C10882" s="6" t="s">
        <v>10906</v>
      </c>
      <c r="D10882" s="6"/>
      <c r="E10882" s="6" t="s">
        <v>9</v>
      </c>
      <c r="F10882" s="7"/>
      <c r="G10882" s="8">
        <v>19266</v>
      </c>
      <c r="H10882" s="8">
        <v>19266</v>
      </c>
      <c r="I10882" s="8">
        <v>0</v>
      </c>
      <c r="J10882" s="8">
        <v>19266</v>
      </c>
      <c r="K10882" s="9">
        <v>169</v>
      </c>
      <c r="L10882" s="6" t="s">
        <v>4773</v>
      </c>
    </row>
    <row r="10883" spans="1:12">
      <c r="A10883" s="6" t="s">
        <v>49</v>
      </c>
      <c r="B10883" s="6"/>
      <c r="C10883" s="6" t="s">
        <v>10907</v>
      </c>
      <c r="D10883" s="6"/>
      <c r="E10883" s="6" t="s">
        <v>9</v>
      </c>
      <c r="F10883" s="7">
        <v>38657</v>
      </c>
      <c r="G10883" s="8">
        <v>1</v>
      </c>
      <c r="H10883" s="8">
        <v>1</v>
      </c>
      <c r="I10883" s="8">
        <v>0</v>
      </c>
      <c r="J10883" s="8">
        <v>1</v>
      </c>
      <c r="K10883" s="9">
        <v>19</v>
      </c>
      <c r="L10883" s="6" t="s">
        <v>51</v>
      </c>
    </row>
    <row r="10884" spans="1:12">
      <c r="A10884" s="6" t="s">
        <v>49</v>
      </c>
      <c r="B10884" s="6"/>
      <c r="C10884" s="6" t="s">
        <v>10908</v>
      </c>
      <c r="D10884" s="6"/>
      <c r="E10884" s="6" t="s">
        <v>9</v>
      </c>
      <c r="F10884" s="7"/>
      <c r="G10884" s="8">
        <v>2280</v>
      </c>
      <c r="H10884" s="8">
        <v>2280</v>
      </c>
      <c r="I10884" s="8">
        <v>0</v>
      </c>
      <c r="J10884" s="8">
        <v>2280</v>
      </c>
      <c r="K10884" s="9">
        <v>20</v>
      </c>
      <c r="L10884" s="6" t="s">
        <v>4773</v>
      </c>
    </row>
    <row r="10885" spans="1:12">
      <c r="A10885" s="6" t="s">
        <v>49</v>
      </c>
      <c r="B10885" s="6"/>
      <c r="C10885" s="6" t="s">
        <v>10909</v>
      </c>
      <c r="D10885" s="6"/>
      <c r="E10885" s="6" t="s">
        <v>9</v>
      </c>
      <c r="F10885" s="7"/>
      <c r="G10885" s="8">
        <v>2850</v>
      </c>
      <c r="H10885" s="8">
        <v>2850</v>
      </c>
      <c r="I10885" s="8">
        <v>0</v>
      </c>
      <c r="J10885" s="8">
        <v>2850</v>
      </c>
      <c r="K10885" s="9">
        <v>25</v>
      </c>
      <c r="L10885" s="6" t="s">
        <v>4773</v>
      </c>
    </row>
    <row r="10886" spans="1:12">
      <c r="A10886" s="6" t="s">
        <v>49</v>
      </c>
      <c r="B10886" s="6"/>
      <c r="C10886" s="6" t="s">
        <v>10910</v>
      </c>
      <c r="D10886" s="6"/>
      <c r="E10886" s="6" t="s">
        <v>9</v>
      </c>
      <c r="F10886" s="7">
        <v>38657</v>
      </c>
      <c r="G10886" s="8">
        <v>1</v>
      </c>
      <c r="H10886" s="8">
        <v>1</v>
      </c>
      <c r="I10886" s="8">
        <v>0</v>
      </c>
      <c r="J10886" s="8">
        <v>1</v>
      </c>
      <c r="K10886" s="9">
        <v>67</v>
      </c>
      <c r="L10886" s="6" t="s">
        <v>51</v>
      </c>
    </row>
    <row r="10887" spans="1:12">
      <c r="A10887" s="6" t="s">
        <v>49</v>
      </c>
      <c r="B10887" s="6"/>
      <c r="C10887" s="6" t="s">
        <v>10911</v>
      </c>
      <c r="D10887" s="6"/>
      <c r="E10887" s="6" t="s">
        <v>9</v>
      </c>
      <c r="F10887" s="7">
        <v>38657</v>
      </c>
      <c r="G10887" s="8">
        <v>1</v>
      </c>
      <c r="H10887" s="8">
        <v>1</v>
      </c>
      <c r="I10887" s="8">
        <v>0</v>
      </c>
      <c r="J10887" s="8">
        <v>1</v>
      </c>
      <c r="K10887" s="9">
        <v>107.22</v>
      </c>
      <c r="L10887" s="6" t="s">
        <v>51</v>
      </c>
    </row>
    <row r="10888" spans="1:12">
      <c r="A10888" s="6" t="s">
        <v>49</v>
      </c>
      <c r="B10888" s="6"/>
      <c r="C10888" s="6" t="s">
        <v>10912</v>
      </c>
      <c r="D10888" s="6"/>
      <c r="E10888" s="6" t="s">
        <v>9</v>
      </c>
      <c r="F10888" s="7"/>
      <c r="G10888" s="8">
        <v>11742</v>
      </c>
      <c r="H10888" s="8">
        <v>11742</v>
      </c>
      <c r="I10888" s="8">
        <v>0</v>
      </c>
      <c r="J10888" s="8">
        <v>11742</v>
      </c>
      <c r="K10888" s="9">
        <v>103</v>
      </c>
      <c r="L10888" s="6" t="s">
        <v>4773</v>
      </c>
    </row>
    <row r="10889" spans="1:12">
      <c r="A10889" s="6" t="s">
        <v>49</v>
      </c>
      <c r="B10889" s="6"/>
      <c r="C10889" s="6" t="s">
        <v>10913</v>
      </c>
      <c r="D10889" s="6"/>
      <c r="E10889" s="6" t="s">
        <v>9</v>
      </c>
      <c r="F10889" s="7">
        <v>38657</v>
      </c>
      <c r="G10889" s="8">
        <v>1</v>
      </c>
      <c r="H10889" s="8">
        <v>1</v>
      </c>
      <c r="I10889" s="8">
        <v>0</v>
      </c>
      <c r="J10889" s="8">
        <v>1</v>
      </c>
      <c r="K10889" s="9">
        <v>200</v>
      </c>
      <c r="L10889" s="6" t="s">
        <v>51</v>
      </c>
    </row>
    <row r="10890" spans="1:12">
      <c r="A10890" s="6" t="s">
        <v>49</v>
      </c>
      <c r="B10890" s="6"/>
      <c r="C10890" s="6" t="s">
        <v>10914</v>
      </c>
      <c r="D10890" s="6"/>
      <c r="E10890" s="6" t="s">
        <v>9</v>
      </c>
      <c r="F10890" s="7">
        <v>38657</v>
      </c>
      <c r="G10890" s="8">
        <v>1</v>
      </c>
      <c r="H10890" s="8">
        <v>1</v>
      </c>
      <c r="I10890" s="8">
        <v>0</v>
      </c>
      <c r="J10890" s="8">
        <v>1</v>
      </c>
      <c r="K10890" s="9">
        <v>223</v>
      </c>
      <c r="L10890" s="6" t="s">
        <v>51</v>
      </c>
    </row>
    <row r="10891" spans="1:12">
      <c r="A10891" s="6" t="s">
        <v>49</v>
      </c>
      <c r="B10891" s="6"/>
      <c r="C10891" s="6" t="s">
        <v>10915</v>
      </c>
      <c r="D10891" s="6"/>
      <c r="E10891" s="6" t="s">
        <v>9</v>
      </c>
      <c r="F10891" s="7">
        <v>40863</v>
      </c>
      <c r="G10891" s="8">
        <v>1</v>
      </c>
      <c r="H10891" s="8">
        <v>1</v>
      </c>
      <c r="I10891" s="8">
        <v>0</v>
      </c>
      <c r="J10891" s="8">
        <v>1</v>
      </c>
      <c r="K10891" s="9">
        <v>18</v>
      </c>
      <c r="L10891" s="6" t="s">
        <v>51</v>
      </c>
    </row>
    <row r="10892" spans="1:12">
      <c r="A10892" s="6" t="s">
        <v>49</v>
      </c>
      <c r="B10892" s="6"/>
      <c r="C10892" s="6" t="s">
        <v>10916</v>
      </c>
      <c r="D10892" s="6"/>
      <c r="E10892" s="6" t="s">
        <v>9</v>
      </c>
      <c r="F10892" s="7"/>
      <c r="G10892" s="8">
        <v>28386</v>
      </c>
      <c r="H10892" s="8">
        <v>28386</v>
      </c>
      <c r="I10892" s="8">
        <v>0</v>
      </c>
      <c r="J10892" s="8">
        <v>28386</v>
      </c>
      <c r="K10892" s="9">
        <v>249</v>
      </c>
      <c r="L10892" s="6" t="s">
        <v>4773</v>
      </c>
    </row>
    <row r="10893" spans="1:12">
      <c r="A10893" s="6" t="s">
        <v>49</v>
      </c>
      <c r="B10893" s="6"/>
      <c r="C10893" s="6" t="s">
        <v>10917</v>
      </c>
      <c r="D10893" s="6"/>
      <c r="E10893" s="6" t="s">
        <v>9</v>
      </c>
      <c r="F10893" s="7"/>
      <c r="G10893" s="8">
        <v>2280</v>
      </c>
      <c r="H10893" s="8">
        <v>2280</v>
      </c>
      <c r="I10893" s="8">
        <v>0</v>
      </c>
      <c r="J10893" s="8">
        <v>2280</v>
      </c>
      <c r="K10893" s="9">
        <v>20</v>
      </c>
      <c r="L10893" s="6" t="s">
        <v>4773</v>
      </c>
    </row>
    <row r="10894" spans="1:12">
      <c r="A10894" s="6" t="s">
        <v>49</v>
      </c>
      <c r="B10894" s="6"/>
      <c r="C10894" s="6" t="s">
        <v>10918</v>
      </c>
      <c r="D10894" s="6"/>
      <c r="E10894" s="6" t="s">
        <v>9</v>
      </c>
      <c r="F10894" s="7"/>
      <c r="G10894" s="8">
        <v>812</v>
      </c>
      <c r="H10894" s="8">
        <v>812</v>
      </c>
      <c r="I10894" s="8">
        <v>0</v>
      </c>
      <c r="J10894" s="8">
        <v>812</v>
      </c>
      <c r="K10894" s="9">
        <v>7.13</v>
      </c>
      <c r="L10894" s="6" t="s">
        <v>4773</v>
      </c>
    </row>
    <row r="10895" spans="1:12">
      <c r="A10895" s="6" t="s">
        <v>49</v>
      </c>
      <c r="B10895" s="6"/>
      <c r="C10895" s="6" t="s">
        <v>10919</v>
      </c>
      <c r="D10895" s="6"/>
      <c r="E10895" s="6" t="s">
        <v>9</v>
      </c>
      <c r="F10895" s="7">
        <v>42121</v>
      </c>
      <c r="G10895" s="8">
        <v>381420</v>
      </c>
      <c r="H10895" s="8">
        <v>381420</v>
      </c>
      <c r="I10895" s="8">
        <v>0</v>
      </c>
      <c r="J10895" s="8">
        <v>381420</v>
      </c>
      <c r="K10895" s="9">
        <v>21.19</v>
      </c>
      <c r="L10895" s="6" t="s">
        <v>10</v>
      </c>
    </row>
    <row r="10896" spans="1:12">
      <c r="A10896" s="6" t="s">
        <v>49</v>
      </c>
      <c r="B10896" s="6"/>
      <c r="C10896" s="6" t="s">
        <v>10920</v>
      </c>
      <c r="D10896" s="6"/>
      <c r="E10896" s="6" t="s">
        <v>9</v>
      </c>
      <c r="F10896" s="7"/>
      <c r="G10896" s="8">
        <v>1096</v>
      </c>
      <c r="H10896" s="8">
        <v>1096</v>
      </c>
      <c r="I10896" s="8">
        <v>0</v>
      </c>
      <c r="J10896" s="8">
        <v>1096</v>
      </c>
      <c r="K10896" s="9">
        <v>9.6199999999999903</v>
      </c>
      <c r="L10896" s="6" t="s">
        <v>4773</v>
      </c>
    </row>
    <row r="10897" spans="1:12">
      <c r="A10897" s="6" t="s">
        <v>49</v>
      </c>
      <c r="B10897" s="6"/>
      <c r="C10897" s="6" t="s">
        <v>10921</v>
      </c>
      <c r="D10897" s="6"/>
      <c r="E10897" s="6" t="s">
        <v>9</v>
      </c>
      <c r="F10897" s="7">
        <v>42170</v>
      </c>
      <c r="G10897" s="8">
        <v>13206</v>
      </c>
      <c r="H10897" s="8">
        <v>13206</v>
      </c>
      <c r="I10897" s="8">
        <v>0</v>
      </c>
      <c r="J10897" s="8">
        <v>13206</v>
      </c>
      <c r="K10897" s="9">
        <v>0.71</v>
      </c>
      <c r="L10897" s="6" t="s">
        <v>10</v>
      </c>
    </row>
    <row r="10898" spans="1:12">
      <c r="A10898" s="6" t="s">
        <v>49</v>
      </c>
      <c r="B10898" s="6"/>
      <c r="C10898" s="6" t="s">
        <v>10922</v>
      </c>
      <c r="D10898" s="6"/>
      <c r="E10898" s="6" t="s">
        <v>9</v>
      </c>
      <c r="F10898" s="7">
        <v>38657</v>
      </c>
      <c r="G10898" s="8">
        <v>1</v>
      </c>
      <c r="H10898" s="8">
        <v>1</v>
      </c>
      <c r="I10898" s="8">
        <v>0</v>
      </c>
      <c r="J10898" s="8">
        <v>1</v>
      </c>
      <c r="K10898" s="9">
        <v>4.45</v>
      </c>
      <c r="L10898" s="6" t="s">
        <v>51</v>
      </c>
    </row>
    <row r="10899" spans="1:12">
      <c r="A10899" s="6" t="s">
        <v>49</v>
      </c>
      <c r="B10899" s="6"/>
      <c r="C10899" s="6" t="s">
        <v>10923</v>
      </c>
      <c r="D10899" s="6"/>
      <c r="E10899" s="6" t="s">
        <v>9</v>
      </c>
      <c r="F10899" s="7">
        <v>38657</v>
      </c>
      <c r="G10899" s="8">
        <v>1</v>
      </c>
      <c r="H10899" s="8">
        <v>1</v>
      </c>
      <c r="I10899" s="8">
        <v>0</v>
      </c>
      <c r="J10899" s="8">
        <v>1</v>
      </c>
      <c r="K10899" s="9">
        <v>3.3</v>
      </c>
      <c r="L10899" s="6" t="s">
        <v>51</v>
      </c>
    </row>
    <row r="10900" spans="1:12">
      <c r="A10900" s="6" t="s">
        <v>49</v>
      </c>
      <c r="B10900" s="6"/>
      <c r="C10900" s="6" t="s">
        <v>10924</v>
      </c>
      <c r="D10900" s="6"/>
      <c r="E10900" s="6" t="s">
        <v>9</v>
      </c>
      <c r="F10900" s="7">
        <v>42170</v>
      </c>
      <c r="G10900" s="8">
        <v>10602</v>
      </c>
      <c r="H10900" s="8">
        <v>10602</v>
      </c>
      <c r="I10900" s="8">
        <v>0</v>
      </c>
      <c r="J10900" s="8">
        <v>10602</v>
      </c>
      <c r="K10900" s="9">
        <v>0.56999999999999895</v>
      </c>
      <c r="L10900" s="6" t="s">
        <v>10</v>
      </c>
    </row>
    <row r="10901" spans="1:12">
      <c r="A10901" s="6" t="s">
        <v>49</v>
      </c>
      <c r="B10901" s="6"/>
      <c r="C10901" s="6" t="s">
        <v>10925</v>
      </c>
      <c r="D10901" s="6"/>
      <c r="E10901" s="6" t="s">
        <v>9</v>
      </c>
      <c r="F10901" s="7"/>
      <c r="G10901" s="8">
        <v>79</v>
      </c>
      <c r="H10901" s="8">
        <v>79</v>
      </c>
      <c r="I10901" s="8">
        <v>0</v>
      </c>
      <c r="J10901" s="8">
        <v>79</v>
      </c>
      <c r="K10901" s="9">
        <v>0.7</v>
      </c>
      <c r="L10901" s="6" t="s">
        <v>4773</v>
      </c>
    </row>
    <row r="10902" spans="1:12">
      <c r="A10902" s="6" t="s">
        <v>49</v>
      </c>
      <c r="B10902" s="6"/>
      <c r="C10902" s="6" t="s">
        <v>10926</v>
      </c>
      <c r="D10902" s="6"/>
      <c r="E10902" s="6" t="s">
        <v>9</v>
      </c>
      <c r="F10902" s="7">
        <v>42185</v>
      </c>
      <c r="G10902" s="8">
        <v>225900</v>
      </c>
      <c r="H10902" s="8">
        <v>225900</v>
      </c>
      <c r="I10902" s="8">
        <v>0</v>
      </c>
      <c r="J10902" s="8">
        <v>225900</v>
      </c>
      <c r="K10902" s="9">
        <v>12.55</v>
      </c>
      <c r="L10902" s="6" t="s">
        <v>10</v>
      </c>
    </row>
    <row r="10903" spans="1:12">
      <c r="A10903" s="6" t="s">
        <v>49</v>
      </c>
      <c r="B10903" s="6"/>
      <c r="C10903" s="6" t="s">
        <v>10927</v>
      </c>
      <c r="D10903" s="6"/>
      <c r="E10903" s="6" t="s">
        <v>9</v>
      </c>
      <c r="F10903" s="7"/>
      <c r="G10903" s="8">
        <v>2850</v>
      </c>
      <c r="H10903" s="8">
        <v>2850</v>
      </c>
      <c r="I10903" s="8">
        <v>0</v>
      </c>
      <c r="J10903" s="8">
        <v>2850</v>
      </c>
      <c r="K10903" s="9">
        <v>25</v>
      </c>
      <c r="L10903" s="6" t="s">
        <v>4773</v>
      </c>
    </row>
    <row r="10904" spans="1:12">
      <c r="A10904" s="6" t="s">
        <v>49</v>
      </c>
      <c r="B10904" s="6"/>
      <c r="C10904" s="6" t="s">
        <v>10928</v>
      </c>
      <c r="D10904" s="6"/>
      <c r="E10904" s="6" t="s">
        <v>9</v>
      </c>
      <c r="F10904" s="7"/>
      <c r="G10904" s="8">
        <v>3078</v>
      </c>
      <c r="H10904" s="8">
        <v>3078</v>
      </c>
      <c r="I10904" s="8">
        <v>0</v>
      </c>
      <c r="J10904" s="8">
        <v>3078</v>
      </c>
      <c r="K10904" s="9">
        <v>27</v>
      </c>
      <c r="L10904" s="6" t="s">
        <v>4773</v>
      </c>
    </row>
    <row r="10905" spans="1:12">
      <c r="A10905" s="6" t="s">
        <v>49</v>
      </c>
      <c r="B10905" s="6"/>
      <c r="C10905" s="6" t="s">
        <v>10929</v>
      </c>
      <c r="D10905" s="6"/>
      <c r="E10905" s="6" t="s">
        <v>9</v>
      </c>
      <c r="F10905" s="7">
        <v>38657</v>
      </c>
      <c r="G10905" s="8">
        <v>1</v>
      </c>
      <c r="H10905" s="8">
        <v>1</v>
      </c>
      <c r="I10905" s="8">
        <v>0</v>
      </c>
      <c r="J10905" s="8">
        <v>1</v>
      </c>
      <c r="K10905" s="9">
        <v>0.32</v>
      </c>
      <c r="L10905" s="6" t="s">
        <v>51</v>
      </c>
    </row>
    <row r="10906" spans="1:12">
      <c r="A10906" s="6" t="s">
        <v>49</v>
      </c>
      <c r="B10906" s="6"/>
      <c r="C10906" s="6" t="s">
        <v>10930</v>
      </c>
      <c r="D10906" s="6"/>
      <c r="E10906" s="6" t="s">
        <v>9</v>
      </c>
      <c r="F10906" s="7"/>
      <c r="G10906" s="8">
        <v>2736</v>
      </c>
      <c r="H10906" s="8">
        <v>2736</v>
      </c>
      <c r="I10906" s="8">
        <v>0</v>
      </c>
      <c r="J10906" s="8">
        <v>2736</v>
      </c>
      <c r="K10906" s="9">
        <v>24</v>
      </c>
      <c r="L10906" s="6" t="s">
        <v>4773</v>
      </c>
    </row>
    <row r="10907" spans="1:12">
      <c r="A10907" s="6" t="s">
        <v>49</v>
      </c>
      <c r="B10907" s="6"/>
      <c r="C10907" s="6" t="s">
        <v>10931</v>
      </c>
      <c r="D10907" s="6"/>
      <c r="E10907" s="6" t="s">
        <v>9</v>
      </c>
      <c r="F10907" s="7"/>
      <c r="G10907" s="8">
        <v>209</v>
      </c>
      <c r="H10907" s="8">
        <v>209</v>
      </c>
      <c r="I10907" s="8">
        <v>0</v>
      </c>
      <c r="J10907" s="8">
        <v>209</v>
      </c>
      <c r="K10907" s="9">
        <v>1.84</v>
      </c>
      <c r="L10907" s="6" t="s">
        <v>4773</v>
      </c>
    </row>
    <row r="10908" spans="1:12">
      <c r="A10908" s="6" t="s">
        <v>49</v>
      </c>
      <c r="B10908" s="6"/>
      <c r="C10908" s="6" t="s">
        <v>10932</v>
      </c>
      <c r="D10908" s="6"/>
      <c r="E10908" s="6" t="s">
        <v>9</v>
      </c>
      <c r="F10908" s="7"/>
      <c r="G10908" s="8">
        <v>2280</v>
      </c>
      <c r="H10908" s="8">
        <v>2280</v>
      </c>
      <c r="I10908" s="8">
        <v>0</v>
      </c>
      <c r="J10908" s="8">
        <v>2280</v>
      </c>
      <c r="K10908" s="9">
        <v>20</v>
      </c>
      <c r="L10908" s="6" t="s">
        <v>4773</v>
      </c>
    </row>
    <row r="10909" spans="1:12">
      <c r="A10909" s="6" t="s">
        <v>49</v>
      </c>
      <c r="B10909" s="6"/>
      <c r="C10909" s="6" t="s">
        <v>10933</v>
      </c>
      <c r="D10909" s="6"/>
      <c r="E10909" s="6" t="s">
        <v>9</v>
      </c>
      <c r="F10909" s="7">
        <v>38657</v>
      </c>
      <c r="G10909" s="8">
        <v>1</v>
      </c>
      <c r="H10909" s="8">
        <v>1</v>
      </c>
      <c r="I10909" s="8">
        <v>0</v>
      </c>
      <c r="J10909" s="8">
        <v>1</v>
      </c>
      <c r="K10909" s="9">
        <v>20.8</v>
      </c>
      <c r="L10909" s="6" t="s">
        <v>51</v>
      </c>
    </row>
    <row r="10910" spans="1:12">
      <c r="A10910" s="6" t="s">
        <v>49</v>
      </c>
      <c r="B10910" s="6"/>
      <c r="C10910" s="6" t="s">
        <v>10934</v>
      </c>
      <c r="D10910" s="6"/>
      <c r="E10910" s="6" t="s">
        <v>9</v>
      </c>
      <c r="F10910" s="7"/>
      <c r="G10910" s="8">
        <v>304</v>
      </c>
      <c r="H10910" s="8">
        <v>304</v>
      </c>
      <c r="I10910" s="8">
        <v>0</v>
      </c>
      <c r="J10910" s="8">
        <v>304</v>
      </c>
      <c r="K10910" s="9">
        <v>2.67</v>
      </c>
      <c r="L10910" s="6" t="s">
        <v>4773</v>
      </c>
    </row>
    <row r="10911" spans="1:12">
      <c r="A10911" s="6" t="s">
        <v>49</v>
      </c>
      <c r="B10911" s="6"/>
      <c r="C10911" s="6" t="s">
        <v>10935</v>
      </c>
      <c r="D10911" s="6"/>
      <c r="E10911" s="6" t="s">
        <v>9</v>
      </c>
      <c r="F10911" s="7">
        <v>38657</v>
      </c>
      <c r="G10911" s="8">
        <v>1</v>
      </c>
      <c r="H10911" s="8">
        <v>1</v>
      </c>
      <c r="I10911" s="8">
        <v>0</v>
      </c>
      <c r="J10911" s="8">
        <v>1</v>
      </c>
      <c r="K10911" s="9">
        <v>0.72</v>
      </c>
      <c r="L10911" s="6" t="s">
        <v>51</v>
      </c>
    </row>
    <row r="10912" spans="1:12">
      <c r="A10912" s="6" t="s">
        <v>49</v>
      </c>
      <c r="B10912" s="6"/>
      <c r="C10912" s="6" t="s">
        <v>10936</v>
      </c>
      <c r="D10912" s="6"/>
      <c r="E10912" s="6" t="s">
        <v>9</v>
      </c>
      <c r="F10912" s="7">
        <v>38657</v>
      </c>
      <c r="G10912" s="8">
        <v>1</v>
      </c>
      <c r="H10912" s="8">
        <v>1</v>
      </c>
      <c r="I10912" s="8">
        <v>0</v>
      </c>
      <c r="J10912" s="8">
        <v>1</v>
      </c>
      <c r="K10912" s="9">
        <v>95</v>
      </c>
      <c r="L10912" s="6" t="s">
        <v>51</v>
      </c>
    </row>
    <row r="10913" spans="1:12">
      <c r="A10913" s="6" t="s">
        <v>49</v>
      </c>
      <c r="B10913" s="6"/>
      <c r="C10913" s="6" t="s">
        <v>10937</v>
      </c>
      <c r="D10913" s="6"/>
      <c r="E10913" s="6" t="s">
        <v>9</v>
      </c>
      <c r="F10913" s="7">
        <v>38657</v>
      </c>
      <c r="G10913" s="8">
        <v>1</v>
      </c>
      <c r="H10913" s="8">
        <v>1</v>
      </c>
      <c r="I10913" s="8">
        <v>0</v>
      </c>
      <c r="J10913" s="8">
        <v>1</v>
      </c>
      <c r="K10913" s="9">
        <v>128</v>
      </c>
      <c r="L10913" s="6" t="s">
        <v>51</v>
      </c>
    </row>
    <row r="10914" spans="1:12">
      <c r="A10914" s="6" t="s">
        <v>49</v>
      </c>
      <c r="B10914" s="6"/>
      <c r="C10914" s="6" t="s">
        <v>10938</v>
      </c>
      <c r="D10914" s="6"/>
      <c r="E10914" s="6" t="s">
        <v>9</v>
      </c>
      <c r="F10914" s="7">
        <v>38657</v>
      </c>
      <c r="G10914" s="8">
        <v>1</v>
      </c>
      <c r="H10914" s="8">
        <v>1</v>
      </c>
      <c r="I10914" s="8">
        <v>0</v>
      </c>
      <c r="J10914" s="8">
        <v>1</v>
      </c>
      <c r="K10914" s="9">
        <v>3.45</v>
      </c>
      <c r="L10914" s="6" t="s">
        <v>51</v>
      </c>
    </row>
    <row r="10915" spans="1:12">
      <c r="A10915" s="6" t="s">
        <v>49</v>
      </c>
      <c r="B10915" s="6"/>
      <c r="C10915" s="6" t="s">
        <v>10939</v>
      </c>
      <c r="D10915" s="6"/>
      <c r="E10915" s="6" t="s">
        <v>9</v>
      </c>
      <c r="F10915" s="7">
        <v>38657</v>
      </c>
      <c r="G10915" s="8">
        <v>1</v>
      </c>
      <c r="H10915" s="8">
        <v>1</v>
      </c>
      <c r="I10915" s="8">
        <v>0</v>
      </c>
      <c r="J10915" s="8">
        <v>1</v>
      </c>
      <c r="K10915" s="9">
        <v>232</v>
      </c>
      <c r="L10915" s="6" t="s">
        <v>51</v>
      </c>
    </row>
    <row r="10916" spans="1:12">
      <c r="A10916" s="6" t="s">
        <v>49</v>
      </c>
      <c r="B10916" s="6"/>
      <c r="C10916" s="6" t="s">
        <v>10940</v>
      </c>
      <c r="D10916" s="6"/>
      <c r="E10916" s="6" t="s">
        <v>9</v>
      </c>
      <c r="F10916" s="7">
        <v>38657</v>
      </c>
      <c r="G10916" s="8">
        <v>1</v>
      </c>
      <c r="H10916" s="8">
        <v>1</v>
      </c>
      <c r="I10916" s="8">
        <v>0</v>
      </c>
      <c r="J10916" s="8">
        <v>1</v>
      </c>
      <c r="K10916" s="9">
        <v>15</v>
      </c>
      <c r="L10916" s="6" t="s">
        <v>51</v>
      </c>
    </row>
    <row r="10917" spans="1:12">
      <c r="A10917" s="6" t="s">
        <v>49</v>
      </c>
      <c r="B10917" s="6"/>
      <c r="C10917" s="6" t="s">
        <v>10941</v>
      </c>
      <c r="D10917" s="6"/>
      <c r="E10917" s="6" t="s">
        <v>9</v>
      </c>
      <c r="F10917" s="7">
        <v>38657</v>
      </c>
      <c r="G10917" s="8">
        <v>1</v>
      </c>
      <c r="H10917" s="8">
        <v>1</v>
      </c>
      <c r="I10917" s="8">
        <v>0</v>
      </c>
      <c r="J10917" s="8">
        <v>1</v>
      </c>
      <c r="K10917" s="9">
        <v>36</v>
      </c>
      <c r="L10917" s="6" t="s">
        <v>51</v>
      </c>
    </row>
    <row r="10918" spans="1:12">
      <c r="A10918" s="6" t="s">
        <v>49</v>
      </c>
      <c r="B10918" s="6"/>
      <c r="C10918" s="6" t="s">
        <v>10942</v>
      </c>
      <c r="D10918" s="6"/>
      <c r="E10918" s="6" t="s">
        <v>9</v>
      </c>
      <c r="F10918" s="7">
        <v>38657</v>
      </c>
      <c r="G10918" s="8">
        <v>1</v>
      </c>
      <c r="H10918" s="8">
        <v>1</v>
      </c>
      <c r="I10918" s="8">
        <v>0</v>
      </c>
      <c r="J10918" s="8">
        <v>1</v>
      </c>
      <c r="K10918" s="9">
        <v>0.32</v>
      </c>
      <c r="L10918" s="6" t="s">
        <v>51</v>
      </c>
    </row>
    <row r="10919" spans="1:12">
      <c r="A10919" s="6" t="s">
        <v>49</v>
      </c>
      <c r="B10919" s="6"/>
      <c r="C10919" s="6" t="s">
        <v>10943</v>
      </c>
      <c r="D10919" s="6"/>
      <c r="E10919" s="6" t="s">
        <v>9</v>
      </c>
      <c r="F10919" s="7">
        <v>38657</v>
      </c>
      <c r="G10919" s="8">
        <v>1</v>
      </c>
      <c r="H10919" s="8">
        <v>1</v>
      </c>
      <c r="I10919" s="8">
        <v>0</v>
      </c>
      <c r="J10919" s="8">
        <v>1</v>
      </c>
      <c r="K10919" s="9">
        <v>39</v>
      </c>
      <c r="L10919" s="6" t="s">
        <v>51</v>
      </c>
    </row>
    <row r="10920" spans="1:12">
      <c r="A10920" s="6" t="s">
        <v>49</v>
      </c>
      <c r="B10920" s="6"/>
      <c r="C10920" s="6" t="s">
        <v>10944</v>
      </c>
      <c r="D10920" s="6"/>
      <c r="E10920" s="6" t="s">
        <v>9</v>
      </c>
      <c r="F10920" s="7">
        <v>38657</v>
      </c>
      <c r="G10920" s="8">
        <v>1</v>
      </c>
      <c r="H10920" s="8">
        <v>1</v>
      </c>
      <c r="I10920" s="8">
        <v>0</v>
      </c>
      <c r="J10920" s="8">
        <v>1</v>
      </c>
      <c r="K10920" s="9">
        <v>16</v>
      </c>
      <c r="L10920" s="6" t="s">
        <v>51</v>
      </c>
    </row>
    <row r="10921" spans="1:12">
      <c r="A10921" s="6" t="s">
        <v>49</v>
      </c>
      <c r="B10921" s="6"/>
      <c r="C10921" s="6" t="s">
        <v>10945</v>
      </c>
      <c r="D10921" s="6"/>
      <c r="E10921" s="6" t="s">
        <v>9</v>
      </c>
      <c r="F10921" s="7">
        <v>38657</v>
      </c>
      <c r="G10921" s="8">
        <v>1</v>
      </c>
      <c r="H10921" s="8">
        <v>1</v>
      </c>
      <c r="I10921" s="8">
        <v>0</v>
      </c>
      <c r="J10921" s="8">
        <v>1</v>
      </c>
      <c r="K10921" s="9">
        <v>76.03</v>
      </c>
      <c r="L10921" s="6" t="s">
        <v>51</v>
      </c>
    </row>
    <row r="10922" spans="1:12">
      <c r="A10922" s="6" t="s">
        <v>49</v>
      </c>
      <c r="B10922" s="6"/>
      <c r="C10922" s="6" t="s">
        <v>10946</v>
      </c>
      <c r="D10922" s="6"/>
      <c r="E10922" s="6" t="s">
        <v>9</v>
      </c>
      <c r="F10922" s="7">
        <v>38657</v>
      </c>
      <c r="G10922" s="8">
        <v>1</v>
      </c>
      <c r="H10922" s="8">
        <v>1</v>
      </c>
      <c r="I10922" s="8">
        <v>0</v>
      </c>
      <c r="J10922" s="8">
        <v>1</v>
      </c>
      <c r="K10922" s="9">
        <v>1.6</v>
      </c>
      <c r="L10922" s="6" t="s">
        <v>51</v>
      </c>
    </row>
    <row r="10923" spans="1:12">
      <c r="A10923" s="6" t="s">
        <v>49</v>
      </c>
      <c r="B10923" s="6"/>
      <c r="C10923" s="6" t="s">
        <v>10947</v>
      </c>
      <c r="D10923" s="6"/>
      <c r="E10923" s="6" t="s">
        <v>9</v>
      </c>
      <c r="F10923" s="7">
        <v>38657</v>
      </c>
      <c r="G10923" s="8">
        <v>1</v>
      </c>
      <c r="H10923" s="8">
        <v>1</v>
      </c>
      <c r="I10923" s="8">
        <v>0</v>
      </c>
      <c r="J10923" s="8">
        <v>1</v>
      </c>
      <c r="K10923" s="9">
        <v>1.26</v>
      </c>
      <c r="L10923" s="6" t="s">
        <v>51</v>
      </c>
    </row>
    <row r="10924" spans="1:12">
      <c r="A10924" s="6" t="s">
        <v>49</v>
      </c>
      <c r="B10924" s="6"/>
      <c r="C10924" s="6" t="s">
        <v>10948</v>
      </c>
      <c r="D10924" s="6"/>
      <c r="E10924" s="6" t="s">
        <v>9</v>
      </c>
      <c r="F10924" s="7">
        <v>38657</v>
      </c>
      <c r="G10924" s="8">
        <v>1</v>
      </c>
      <c r="H10924" s="8">
        <v>1</v>
      </c>
      <c r="I10924" s="8">
        <v>0</v>
      </c>
      <c r="J10924" s="8">
        <v>1</v>
      </c>
      <c r="K10924" s="9">
        <v>1.44</v>
      </c>
      <c r="L10924" s="6" t="s">
        <v>51</v>
      </c>
    </row>
    <row r="10925" spans="1:12">
      <c r="A10925" s="6" t="s">
        <v>49</v>
      </c>
      <c r="B10925" s="6"/>
      <c r="C10925" s="6" t="s">
        <v>10949</v>
      </c>
      <c r="D10925" s="6"/>
      <c r="E10925" s="6" t="s">
        <v>9</v>
      </c>
      <c r="F10925" s="7">
        <v>38657</v>
      </c>
      <c r="G10925" s="8">
        <v>1</v>
      </c>
      <c r="H10925" s="8">
        <v>1</v>
      </c>
      <c r="I10925" s="8">
        <v>0</v>
      </c>
      <c r="J10925" s="8">
        <v>1</v>
      </c>
      <c r="K10925" s="9">
        <v>274</v>
      </c>
      <c r="L10925" s="6" t="s">
        <v>51</v>
      </c>
    </row>
    <row r="10926" spans="1:12">
      <c r="A10926" s="6" t="s">
        <v>49</v>
      </c>
      <c r="B10926" s="6"/>
      <c r="C10926" s="6" t="s">
        <v>10950</v>
      </c>
      <c r="D10926" s="6"/>
      <c r="E10926" s="6" t="s">
        <v>9</v>
      </c>
      <c r="F10926" s="7">
        <v>38657</v>
      </c>
      <c r="G10926" s="8">
        <v>1</v>
      </c>
      <c r="H10926" s="8">
        <v>1</v>
      </c>
      <c r="I10926" s="8">
        <v>0</v>
      </c>
      <c r="J10926" s="8">
        <v>1</v>
      </c>
      <c r="K10926" s="9">
        <v>13</v>
      </c>
      <c r="L10926" s="6" t="s">
        <v>51</v>
      </c>
    </row>
    <row r="10927" spans="1:12">
      <c r="A10927" s="6" t="s">
        <v>49</v>
      </c>
      <c r="B10927" s="6"/>
      <c r="C10927" s="6" t="s">
        <v>10951</v>
      </c>
      <c r="D10927" s="6"/>
      <c r="E10927" s="6" t="s">
        <v>9</v>
      </c>
      <c r="F10927" s="7">
        <v>38657</v>
      </c>
      <c r="G10927" s="8">
        <v>1</v>
      </c>
      <c r="H10927" s="8">
        <v>1</v>
      </c>
      <c r="I10927" s="8">
        <v>0</v>
      </c>
      <c r="J10927" s="8">
        <v>1</v>
      </c>
      <c r="K10927" s="9">
        <v>36</v>
      </c>
      <c r="L10927" s="6" t="s">
        <v>51</v>
      </c>
    </row>
    <row r="10928" spans="1:12">
      <c r="A10928" s="6" t="s">
        <v>49</v>
      </c>
      <c r="B10928" s="6"/>
      <c r="C10928" s="6" t="s">
        <v>10952</v>
      </c>
      <c r="D10928" s="6"/>
      <c r="E10928" s="6" t="s">
        <v>9</v>
      </c>
      <c r="F10928" s="7">
        <v>38657</v>
      </c>
      <c r="G10928" s="8">
        <v>1</v>
      </c>
      <c r="H10928" s="8">
        <v>1</v>
      </c>
      <c r="I10928" s="8">
        <v>0</v>
      </c>
      <c r="J10928" s="8">
        <v>1</v>
      </c>
      <c r="K10928" s="9">
        <v>12</v>
      </c>
      <c r="L10928" s="6" t="s">
        <v>51</v>
      </c>
    </row>
    <row r="10929" spans="1:12">
      <c r="A10929" s="6" t="s">
        <v>49</v>
      </c>
      <c r="B10929" s="6"/>
      <c r="C10929" s="6" t="s">
        <v>10953</v>
      </c>
      <c r="D10929" s="6"/>
      <c r="E10929" s="6" t="s">
        <v>9</v>
      </c>
      <c r="F10929" s="7">
        <v>38657</v>
      </c>
      <c r="G10929" s="8">
        <v>1</v>
      </c>
      <c r="H10929" s="8">
        <v>1</v>
      </c>
      <c r="I10929" s="8">
        <v>0</v>
      </c>
      <c r="J10929" s="8">
        <v>1</v>
      </c>
      <c r="K10929" s="9">
        <v>29</v>
      </c>
      <c r="L10929" s="6" t="s">
        <v>51</v>
      </c>
    </row>
    <row r="10930" spans="1:12">
      <c r="A10930" s="6" t="s">
        <v>49</v>
      </c>
      <c r="B10930" s="6"/>
      <c r="C10930" s="6" t="s">
        <v>10954</v>
      </c>
      <c r="D10930" s="6"/>
      <c r="E10930" s="6" t="s">
        <v>9</v>
      </c>
      <c r="F10930" s="7">
        <v>38657</v>
      </c>
      <c r="G10930" s="8">
        <v>1</v>
      </c>
      <c r="H10930" s="8">
        <v>1</v>
      </c>
      <c r="I10930" s="8">
        <v>0</v>
      </c>
      <c r="J10930" s="8">
        <v>1</v>
      </c>
      <c r="K10930" s="9">
        <v>30</v>
      </c>
      <c r="L10930" s="6" t="s">
        <v>51</v>
      </c>
    </row>
    <row r="10931" spans="1:12">
      <c r="A10931" s="6" t="s">
        <v>49</v>
      </c>
      <c r="B10931" s="6"/>
      <c r="C10931" s="6" t="s">
        <v>10955</v>
      </c>
      <c r="D10931" s="6"/>
      <c r="E10931" s="6" t="s">
        <v>9</v>
      </c>
      <c r="F10931" s="7">
        <v>38657</v>
      </c>
      <c r="G10931" s="8">
        <v>1</v>
      </c>
      <c r="H10931" s="8">
        <v>1</v>
      </c>
      <c r="I10931" s="8">
        <v>0</v>
      </c>
      <c r="J10931" s="8">
        <v>1</v>
      </c>
      <c r="K10931" s="9">
        <v>30</v>
      </c>
      <c r="L10931" s="6" t="s">
        <v>51</v>
      </c>
    </row>
    <row r="10932" spans="1:12">
      <c r="A10932" s="6" t="s">
        <v>49</v>
      </c>
      <c r="B10932" s="6"/>
      <c r="C10932" s="6" t="s">
        <v>10956</v>
      </c>
      <c r="D10932" s="6"/>
      <c r="E10932" s="6" t="s">
        <v>9</v>
      </c>
      <c r="F10932" s="7">
        <v>38657</v>
      </c>
      <c r="G10932" s="8">
        <v>1</v>
      </c>
      <c r="H10932" s="8">
        <v>1</v>
      </c>
      <c r="I10932" s="8">
        <v>0</v>
      </c>
      <c r="J10932" s="8">
        <v>1</v>
      </c>
      <c r="K10932" s="9">
        <v>12.05</v>
      </c>
      <c r="L10932" s="6" t="s">
        <v>51</v>
      </c>
    </row>
    <row r="10933" spans="1:12">
      <c r="A10933" s="6" t="s">
        <v>49</v>
      </c>
      <c r="B10933" s="6"/>
      <c r="C10933" s="6" t="s">
        <v>10957</v>
      </c>
      <c r="D10933" s="6"/>
      <c r="E10933" s="6" t="s">
        <v>9</v>
      </c>
      <c r="F10933" s="7">
        <v>38657</v>
      </c>
      <c r="G10933" s="8">
        <v>1</v>
      </c>
      <c r="H10933" s="8">
        <v>1</v>
      </c>
      <c r="I10933" s="8">
        <v>0</v>
      </c>
      <c r="J10933" s="8">
        <v>1</v>
      </c>
      <c r="K10933" s="9">
        <v>19</v>
      </c>
      <c r="L10933" s="6" t="s">
        <v>51</v>
      </c>
    </row>
    <row r="10934" spans="1:12">
      <c r="A10934" s="6" t="s">
        <v>49</v>
      </c>
      <c r="B10934" s="6"/>
      <c r="C10934" s="6" t="s">
        <v>10958</v>
      </c>
      <c r="D10934" s="6"/>
      <c r="E10934" s="6" t="s">
        <v>9</v>
      </c>
      <c r="F10934" s="7">
        <v>38657</v>
      </c>
      <c r="G10934" s="8">
        <v>1</v>
      </c>
      <c r="H10934" s="8">
        <v>1</v>
      </c>
      <c r="I10934" s="8">
        <v>0</v>
      </c>
      <c r="J10934" s="8">
        <v>1</v>
      </c>
      <c r="K10934" s="9">
        <v>36</v>
      </c>
      <c r="L10934" s="6" t="s">
        <v>51</v>
      </c>
    </row>
    <row r="10935" spans="1:12">
      <c r="A10935" s="6" t="s">
        <v>49</v>
      </c>
      <c r="B10935" s="6"/>
      <c r="C10935" s="6" t="s">
        <v>10959</v>
      </c>
      <c r="D10935" s="6"/>
      <c r="E10935" s="6" t="s">
        <v>9</v>
      </c>
      <c r="F10935" s="7">
        <v>38657</v>
      </c>
      <c r="G10935" s="8">
        <v>1</v>
      </c>
      <c r="H10935" s="8">
        <v>1</v>
      </c>
      <c r="I10935" s="8">
        <v>0</v>
      </c>
      <c r="J10935" s="8">
        <v>1</v>
      </c>
      <c r="K10935" s="9">
        <v>37</v>
      </c>
      <c r="L10935" s="6" t="s">
        <v>51</v>
      </c>
    </row>
    <row r="10936" spans="1:12">
      <c r="A10936" s="6" t="s">
        <v>49</v>
      </c>
      <c r="B10936" s="6"/>
      <c r="C10936" s="6" t="s">
        <v>10960</v>
      </c>
      <c r="D10936" s="6"/>
      <c r="E10936" s="6" t="s">
        <v>9</v>
      </c>
      <c r="F10936" s="7">
        <v>38657</v>
      </c>
      <c r="G10936" s="8">
        <v>1</v>
      </c>
      <c r="H10936" s="8">
        <v>1</v>
      </c>
      <c r="I10936" s="8">
        <v>0</v>
      </c>
      <c r="J10936" s="8">
        <v>1</v>
      </c>
      <c r="K10936" s="9">
        <v>37</v>
      </c>
      <c r="L10936" s="6" t="s">
        <v>51</v>
      </c>
    </row>
    <row r="10937" spans="1:12">
      <c r="A10937" s="6" t="s">
        <v>49</v>
      </c>
      <c r="B10937" s="6"/>
      <c r="C10937" s="6" t="s">
        <v>10961</v>
      </c>
      <c r="D10937" s="6"/>
      <c r="E10937" s="6" t="s">
        <v>9</v>
      </c>
      <c r="F10937" s="7">
        <v>38657</v>
      </c>
      <c r="G10937" s="8">
        <v>1</v>
      </c>
      <c r="H10937" s="8">
        <v>1</v>
      </c>
      <c r="I10937" s="8">
        <v>0</v>
      </c>
      <c r="J10937" s="8">
        <v>1</v>
      </c>
      <c r="K10937" s="9">
        <v>46</v>
      </c>
      <c r="L10937" s="6" t="s">
        <v>51</v>
      </c>
    </row>
    <row r="10938" spans="1:12">
      <c r="A10938" s="6" t="s">
        <v>49</v>
      </c>
      <c r="B10938" s="6"/>
      <c r="C10938" s="6" t="s">
        <v>10962</v>
      </c>
      <c r="D10938" s="6"/>
      <c r="E10938" s="6" t="s">
        <v>9</v>
      </c>
      <c r="F10938" s="7">
        <v>38657</v>
      </c>
      <c r="G10938" s="8">
        <v>1</v>
      </c>
      <c r="H10938" s="8">
        <v>1</v>
      </c>
      <c r="I10938" s="8">
        <v>0</v>
      </c>
      <c r="J10938" s="8">
        <v>1</v>
      </c>
      <c r="K10938" s="9">
        <v>132</v>
      </c>
      <c r="L10938" s="6" t="s">
        <v>51</v>
      </c>
    </row>
    <row r="10939" spans="1:12">
      <c r="A10939" s="6" t="s">
        <v>49</v>
      </c>
      <c r="B10939" s="6"/>
      <c r="C10939" s="6" t="s">
        <v>10963</v>
      </c>
      <c r="D10939" s="6"/>
      <c r="E10939" s="6" t="s">
        <v>9</v>
      </c>
      <c r="F10939" s="7">
        <v>38657</v>
      </c>
      <c r="G10939" s="8">
        <v>1</v>
      </c>
      <c r="H10939" s="8">
        <v>1</v>
      </c>
      <c r="I10939" s="8">
        <v>0</v>
      </c>
      <c r="J10939" s="8">
        <v>1</v>
      </c>
      <c r="K10939" s="9">
        <v>36</v>
      </c>
      <c r="L10939" s="6" t="s">
        <v>51</v>
      </c>
    </row>
    <row r="10940" spans="1:12">
      <c r="A10940" s="6" t="s">
        <v>49</v>
      </c>
      <c r="B10940" s="6"/>
      <c r="C10940" s="6" t="s">
        <v>10964</v>
      </c>
      <c r="D10940" s="6"/>
      <c r="E10940" s="6" t="s">
        <v>9</v>
      </c>
      <c r="F10940" s="7">
        <v>38657</v>
      </c>
      <c r="G10940" s="8">
        <v>1</v>
      </c>
      <c r="H10940" s="8">
        <v>1</v>
      </c>
      <c r="I10940" s="8">
        <v>0</v>
      </c>
      <c r="J10940" s="8">
        <v>1</v>
      </c>
      <c r="K10940" s="9">
        <v>59</v>
      </c>
      <c r="L10940" s="6" t="s">
        <v>51</v>
      </c>
    </row>
    <row r="10941" spans="1:12">
      <c r="A10941" s="6" t="s">
        <v>49</v>
      </c>
      <c r="B10941" s="6"/>
      <c r="C10941" s="6" t="s">
        <v>10965</v>
      </c>
      <c r="D10941" s="6"/>
      <c r="E10941" s="6" t="s">
        <v>9</v>
      </c>
      <c r="F10941" s="7">
        <v>38657</v>
      </c>
      <c r="G10941" s="8">
        <v>1</v>
      </c>
      <c r="H10941" s="8">
        <v>1</v>
      </c>
      <c r="I10941" s="8">
        <v>0</v>
      </c>
      <c r="J10941" s="8">
        <v>1</v>
      </c>
      <c r="K10941" s="9">
        <v>4.4800000000000004</v>
      </c>
      <c r="L10941" s="6" t="s">
        <v>51</v>
      </c>
    </row>
    <row r="10942" spans="1:12">
      <c r="A10942" s="6" t="s">
        <v>49</v>
      </c>
      <c r="B10942" s="6"/>
      <c r="C10942" s="6" t="s">
        <v>10966</v>
      </c>
      <c r="D10942" s="6"/>
      <c r="E10942" s="6" t="s">
        <v>9</v>
      </c>
      <c r="F10942" s="7">
        <v>38657</v>
      </c>
      <c r="G10942" s="8">
        <v>1</v>
      </c>
      <c r="H10942" s="8">
        <v>1</v>
      </c>
      <c r="I10942" s="8">
        <v>0</v>
      </c>
      <c r="J10942" s="8">
        <v>1</v>
      </c>
      <c r="K10942" s="9">
        <v>0.28000000000000003</v>
      </c>
      <c r="L10942" s="6" t="s">
        <v>51</v>
      </c>
    </row>
    <row r="10943" spans="1:12">
      <c r="A10943" s="6" t="s">
        <v>49</v>
      </c>
      <c r="B10943" s="6"/>
      <c r="C10943" s="6" t="s">
        <v>10967</v>
      </c>
      <c r="D10943" s="6"/>
      <c r="E10943" s="6" t="s">
        <v>9</v>
      </c>
      <c r="F10943" s="7">
        <v>38657</v>
      </c>
      <c r="G10943" s="8">
        <v>1</v>
      </c>
      <c r="H10943" s="8">
        <v>1</v>
      </c>
      <c r="I10943" s="8">
        <v>0</v>
      </c>
      <c r="J10943" s="8">
        <v>1</v>
      </c>
      <c r="K10943" s="9">
        <v>13.05</v>
      </c>
      <c r="L10943" s="6" t="s">
        <v>51</v>
      </c>
    </row>
    <row r="10944" spans="1:12">
      <c r="A10944" s="6" t="s">
        <v>49</v>
      </c>
      <c r="B10944" s="6"/>
      <c r="C10944" s="6" t="s">
        <v>10968</v>
      </c>
      <c r="D10944" s="6"/>
      <c r="E10944" s="6" t="s">
        <v>9</v>
      </c>
      <c r="F10944" s="7">
        <v>38657</v>
      </c>
      <c r="G10944" s="8">
        <v>1</v>
      </c>
      <c r="H10944" s="8">
        <v>1</v>
      </c>
      <c r="I10944" s="8">
        <v>0</v>
      </c>
      <c r="J10944" s="8">
        <v>1</v>
      </c>
      <c r="K10944" s="9">
        <v>36</v>
      </c>
      <c r="L10944" s="6" t="s">
        <v>51</v>
      </c>
    </row>
    <row r="10945" spans="1:12">
      <c r="A10945" s="6" t="s">
        <v>49</v>
      </c>
      <c r="B10945" s="6"/>
      <c r="C10945" s="6" t="s">
        <v>10969</v>
      </c>
      <c r="D10945" s="6"/>
      <c r="E10945" s="6" t="s">
        <v>9</v>
      </c>
      <c r="F10945" s="7">
        <v>38657</v>
      </c>
      <c r="G10945" s="8">
        <v>1</v>
      </c>
      <c r="H10945" s="8">
        <v>1</v>
      </c>
      <c r="I10945" s="8">
        <v>0</v>
      </c>
      <c r="J10945" s="8">
        <v>1</v>
      </c>
      <c r="K10945" s="9">
        <v>44</v>
      </c>
      <c r="L10945" s="6" t="s">
        <v>51</v>
      </c>
    </row>
    <row r="10946" spans="1:12">
      <c r="A10946" s="6" t="s">
        <v>49</v>
      </c>
      <c r="B10946" s="6"/>
      <c r="C10946" s="6" t="s">
        <v>10970</v>
      </c>
      <c r="D10946" s="6"/>
      <c r="E10946" s="6" t="s">
        <v>9</v>
      </c>
      <c r="F10946" s="7">
        <v>38657</v>
      </c>
      <c r="G10946" s="8">
        <v>1</v>
      </c>
      <c r="H10946" s="8">
        <v>1</v>
      </c>
      <c r="I10946" s="8">
        <v>0</v>
      </c>
      <c r="J10946" s="8">
        <v>1</v>
      </c>
      <c r="K10946" s="9">
        <v>24</v>
      </c>
      <c r="L10946" s="6" t="s">
        <v>51</v>
      </c>
    </row>
    <row r="10947" spans="1:12">
      <c r="A10947" s="6" t="s">
        <v>49</v>
      </c>
      <c r="B10947" s="6"/>
      <c r="C10947" s="6" t="s">
        <v>10971</v>
      </c>
      <c r="D10947" s="6"/>
      <c r="E10947" s="6" t="s">
        <v>9</v>
      </c>
      <c r="F10947" s="7">
        <v>38657</v>
      </c>
      <c r="G10947" s="8">
        <v>1</v>
      </c>
      <c r="H10947" s="8">
        <v>1</v>
      </c>
      <c r="I10947" s="8">
        <v>0</v>
      </c>
      <c r="J10947" s="8">
        <v>1</v>
      </c>
      <c r="K10947" s="9">
        <v>18</v>
      </c>
      <c r="L10947" s="6" t="s">
        <v>51</v>
      </c>
    </row>
    <row r="10948" spans="1:12">
      <c r="A10948" s="6" t="s">
        <v>49</v>
      </c>
      <c r="B10948" s="6"/>
      <c r="C10948" s="6" t="s">
        <v>10972</v>
      </c>
      <c r="D10948" s="6"/>
      <c r="E10948" s="6" t="s">
        <v>9</v>
      </c>
      <c r="F10948" s="7">
        <v>38657</v>
      </c>
      <c r="G10948" s="8">
        <v>1</v>
      </c>
      <c r="H10948" s="8">
        <v>1</v>
      </c>
      <c r="I10948" s="8">
        <v>0</v>
      </c>
      <c r="J10948" s="8">
        <v>1</v>
      </c>
      <c r="K10948" s="9">
        <v>38</v>
      </c>
      <c r="L10948" s="6" t="s">
        <v>51</v>
      </c>
    </row>
    <row r="10949" spans="1:12">
      <c r="A10949" s="6" t="s">
        <v>49</v>
      </c>
      <c r="B10949" s="6"/>
      <c r="C10949" s="6" t="s">
        <v>10973</v>
      </c>
      <c r="D10949" s="6"/>
      <c r="E10949" s="6" t="s">
        <v>9</v>
      </c>
      <c r="F10949" s="7">
        <v>38657</v>
      </c>
      <c r="G10949" s="8">
        <v>1</v>
      </c>
      <c r="H10949" s="8">
        <v>1</v>
      </c>
      <c r="I10949" s="8">
        <v>0</v>
      </c>
      <c r="J10949" s="8">
        <v>1</v>
      </c>
      <c r="K10949" s="9">
        <v>42</v>
      </c>
      <c r="L10949" s="6" t="s">
        <v>51</v>
      </c>
    </row>
    <row r="10950" spans="1:12">
      <c r="A10950" s="6" t="s">
        <v>49</v>
      </c>
      <c r="B10950" s="6"/>
      <c r="C10950" s="6" t="s">
        <v>10974</v>
      </c>
      <c r="D10950" s="6"/>
      <c r="E10950" s="6" t="s">
        <v>9</v>
      </c>
      <c r="F10950" s="7">
        <v>38657</v>
      </c>
      <c r="G10950" s="8">
        <v>1</v>
      </c>
      <c r="H10950" s="8">
        <v>1</v>
      </c>
      <c r="I10950" s="8">
        <v>0</v>
      </c>
      <c r="J10950" s="8">
        <v>1</v>
      </c>
      <c r="K10950" s="9">
        <v>92</v>
      </c>
      <c r="L10950" s="6" t="s">
        <v>51</v>
      </c>
    </row>
    <row r="10951" spans="1:12">
      <c r="A10951" s="6" t="s">
        <v>49</v>
      </c>
      <c r="B10951" s="6"/>
      <c r="C10951" s="6" t="s">
        <v>10975</v>
      </c>
      <c r="D10951" s="6"/>
      <c r="E10951" s="6" t="s">
        <v>9</v>
      </c>
      <c r="F10951" s="7">
        <v>38657</v>
      </c>
      <c r="G10951" s="8">
        <v>1</v>
      </c>
      <c r="H10951" s="8">
        <v>1</v>
      </c>
      <c r="I10951" s="8">
        <v>0</v>
      </c>
      <c r="J10951" s="8">
        <v>1</v>
      </c>
      <c r="K10951" s="9">
        <v>38</v>
      </c>
      <c r="L10951" s="6" t="s">
        <v>51</v>
      </c>
    </row>
    <row r="10952" spans="1:12">
      <c r="A10952" s="6" t="s">
        <v>49</v>
      </c>
      <c r="B10952" s="6"/>
      <c r="C10952" s="6" t="s">
        <v>10976</v>
      </c>
      <c r="D10952" s="6"/>
      <c r="E10952" s="6" t="s">
        <v>9</v>
      </c>
      <c r="F10952" s="7">
        <v>40856</v>
      </c>
      <c r="G10952" s="8">
        <v>1</v>
      </c>
      <c r="H10952" s="8">
        <v>1</v>
      </c>
      <c r="I10952" s="8">
        <v>0</v>
      </c>
      <c r="J10952" s="8">
        <v>1</v>
      </c>
      <c r="K10952" s="9">
        <v>6.25</v>
      </c>
      <c r="L10952" s="6" t="s">
        <v>51</v>
      </c>
    </row>
    <row r="10953" spans="1:12">
      <c r="A10953" s="6" t="s">
        <v>49</v>
      </c>
      <c r="B10953" s="6"/>
      <c r="C10953" s="6" t="s">
        <v>10977</v>
      </c>
      <c r="D10953" s="6"/>
      <c r="E10953" s="6" t="s">
        <v>9</v>
      </c>
      <c r="F10953" s="7">
        <v>38657</v>
      </c>
      <c r="G10953" s="8">
        <v>1</v>
      </c>
      <c r="H10953" s="8">
        <v>1</v>
      </c>
      <c r="I10953" s="8">
        <v>0</v>
      </c>
      <c r="J10953" s="8">
        <v>1</v>
      </c>
      <c r="K10953" s="9">
        <v>356</v>
      </c>
      <c r="L10953" s="6" t="s">
        <v>51</v>
      </c>
    </row>
    <row r="10954" spans="1:12">
      <c r="A10954" s="6" t="s">
        <v>49</v>
      </c>
      <c r="B10954" s="6"/>
      <c r="C10954" s="6" t="s">
        <v>10978</v>
      </c>
      <c r="D10954" s="6"/>
      <c r="E10954" s="6" t="s">
        <v>9</v>
      </c>
      <c r="F10954" s="7">
        <v>38657</v>
      </c>
      <c r="G10954" s="8">
        <v>1</v>
      </c>
      <c r="H10954" s="8">
        <v>1</v>
      </c>
      <c r="I10954" s="8">
        <v>0</v>
      </c>
      <c r="J10954" s="8">
        <v>1</v>
      </c>
      <c r="K10954" s="9">
        <v>33.049999999999898</v>
      </c>
      <c r="L10954" s="6" t="s">
        <v>51</v>
      </c>
    </row>
    <row r="10955" spans="1:12">
      <c r="A10955" s="6" t="s">
        <v>49</v>
      </c>
      <c r="B10955" s="6"/>
      <c r="C10955" s="6" t="s">
        <v>10979</v>
      </c>
      <c r="D10955" s="6"/>
      <c r="E10955" s="6" t="s">
        <v>9</v>
      </c>
      <c r="F10955" s="7">
        <v>38657</v>
      </c>
      <c r="G10955" s="8">
        <v>1</v>
      </c>
      <c r="H10955" s="8">
        <v>1</v>
      </c>
      <c r="I10955" s="8">
        <v>0</v>
      </c>
      <c r="J10955" s="8">
        <v>1</v>
      </c>
      <c r="K10955" s="9">
        <v>950</v>
      </c>
      <c r="L10955" s="6" t="s">
        <v>51</v>
      </c>
    </row>
    <row r="10956" spans="1:12">
      <c r="A10956" s="6" t="s">
        <v>49</v>
      </c>
      <c r="B10956" s="6"/>
      <c r="C10956" s="6" t="s">
        <v>10980</v>
      </c>
      <c r="D10956" s="6"/>
      <c r="E10956" s="6" t="s">
        <v>9</v>
      </c>
      <c r="F10956" s="7">
        <v>38657</v>
      </c>
      <c r="G10956" s="8">
        <v>1</v>
      </c>
      <c r="H10956" s="8">
        <v>1</v>
      </c>
      <c r="I10956" s="8">
        <v>0</v>
      </c>
      <c r="J10956" s="8">
        <v>1</v>
      </c>
      <c r="K10956" s="9">
        <v>35</v>
      </c>
      <c r="L10956" s="6" t="s">
        <v>51</v>
      </c>
    </row>
    <row r="10957" spans="1:12">
      <c r="A10957" s="6" t="s">
        <v>49</v>
      </c>
      <c r="B10957" s="6"/>
      <c r="C10957" s="6" t="s">
        <v>10981</v>
      </c>
      <c r="D10957" s="6"/>
      <c r="E10957" s="6" t="s">
        <v>9</v>
      </c>
      <c r="F10957" s="7">
        <v>38657</v>
      </c>
      <c r="G10957" s="8">
        <v>1</v>
      </c>
      <c r="H10957" s="8">
        <v>1</v>
      </c>
      <c r="I10957" s="8">
        <v>0</v>
      </c>
      <c r="J10957" s="8">
        <v>1</v>
      </c>
      <c r="K10957" s="9">
        <v>36</v>
      </c>
      <c r="L10957" s="6" t="s">
        <v>51</v>
      </c>
    </row>
    <row r="10958" spans="1:12">
      <c r="A10958" s="6" t="s">
        <v>49</v>
      </c>
      <c r="B10958" s="6"/>
      <c r="C10958" s="6" t="s">
        <v>10982</v>
      </c>
      <c r="D10958" s="6"/>
      <c r="E10958" s="6" t="s">
        <v>9</v>
      </c>
      <c r="F10958" s="7">
        <v>38657</v>
      </c>
      <c r="G10958" s="8">
        <v>1</v>
      </c>
      <c r="H10958" s="8">
        <v>1</v>
      </c>
      <c r="I10958" s="8">
        <v>0</v>
      </c>
      <c r="J10958" s="8">
        <v>1</v>
      </c>
      <c r="K10958" s="9">
        <v>7.52</v>
      </c>
      <c r="L10958" s="6" t="s">
        <v>51</v>
      </c>
    </row>
    <row r="10959" spans="1:12">
      <c r="A10959" s="6" t="s">
        <v>49</v>
      </c>
      <c r="B10959" s="6"/>
      <c r="C10959" s="6" t="s">
        <v>10983</v>
      </c>
      <c r="D10959" s="6"/>
      <c r="E10959" s="6" t="s">
        <v>9</v>
      </c>
      <c r="F10959" s="7">
        <v>38657</v>
      </c>
      <c r="G10959" s="8">
        <v>1</v>
      </c>
      <c r="H10959" s="8">
        <v>1</v>
      </c>
      <c r="I10959" s="8">
        <v>0</v>
      </c>
      <c r="J10959" s="8">
        <v>1</v>
      </c>
      <c r="K10959" s="9">
        <v>13</v>
      </c>
      <c r="L10959" s="6" t="s">
        <v>51</v>
      </c>
    </row>
    <row r="10960" spans="1:12">
      <c r="A10960" s="6" t="s">
        <v>49</v>
      </c>
      <c r="B10960" s="6"/>
      <c r="C10960" s="6" t="s">
        <v>10984</v>
      </c>
      <c r="D10960" s="6"/>
      <c r="E10960" s="6" t="s">
        <v>9</v>
      </c>
      <c r="F10960" s="7">
        <v>38657</v>
      </c>
      <c r="G10960" s="8">
        <v>1</v>
      </c>
      <c r="H10960" s="8">
        <v>1</v>
      </c>
      <c r="I10960" s="8">
        <v>0</v>
      </c>
      <c r="J10960" s="8">
        <v>1</v>
      </c>
      <c r="K10960" s="9">
        <v>29</v>
      </c>
      <c r="L10960" s="6" t="s">
        <v>51</v>
      </c>
    </row>
    <row r="10961" spans="1:12">
      <c r="A10961" s="6" t="s">
        <v>49</v>
      </c>
      <c r="B10961" s="6"/>
      <c r="C10961" s="6" t="s">
        <v>10985</v>
      </c>
      <c r="D10961" s="6"/>
      <c r="E10961" s="6" t="s">
        <v>9</v>
      </c>
      <c r="F10961" s="7">
        <v>38657</v>
      </c>
      <c r="G10961" s="8">
        <v>1</v>
      </c>
      <c r="H10961" s="8">
        <v>1</v>
      </c>
      <c r="I10961" s="8">
        <v>0</v>
      </c>
      <c r="J10961" s="8">
        <v>1</v>
      </c>
      <c r="K10961" s="9">
        <v>5.24</v>
      </c>
      <c r="L10961" s="6" t="s">
        <v>51</v>
      </c>
    </row>
    <row r="10962" spans="1:12">
      <c r="A10962" s="6" t="s">
        <v>49</v>
      </c>
      <c r="B10962" s="6"/>
      <c r="C10962" s="6" t="s">
        <v>10986</v>
      </c>
      <c r="D10962" s="6"/>
      <c r="E10962" s="6" t="s">
        <v>9</v>
      </c>
      <c r="F10962" s="7">
        <v>38657</v>
      </c>
      <c r="G10962" s="8">
        <v>1</v>
      </c>
      <c r="H10962" s="8">
        <v>1</v>
      </c>
      <c r="I10962" s="8">
        <v>0</v>
      </c>
      <c r="J10962" s="8">
        <v>1</v>
      </c>
      <c r="K10962" s="9">
        <v>11</v>
      </c>
      <c r="L10962" s="6" t="s">
        <v>51</v>
      </c>
    </row>
    <row r="10963" spans="1:12">
      <c r="A10963" s="6" t="s">
        <v>49</v>
      </c>
      <c r="B10963" s="6"/>
      <c r="C10963" s="6" t="s">
        <v>10987</v>
      </c>
      <c r="D10963" s="6"/>
      <c r="E10963" s="6" t="s">
        <v>9</v>
      </c>
      <c r="F10963" s="7">
        <v>38657</v>
      </c>
      <c r="G10963" s="8">
        <v>1</v>
      </c>
      <c r="H10963" s="8">
        <v>1</v>
      </c>
      <c r="I10963" s="8">
        <v>0</v>
      </c>
      <c r="J10963" s="8">
        <v>1</v>
      </c>
      <c r="K10963" s="9">
        <v>6.36</v>
      </c>
      <c r="L10963" s="6" t="s">
        <v>51</v>
      </c>
    </row>
    <row r="10964" spans="1:12">
      <c r="A10964" s="6" t="s">
        <v>49</v>
      </c>
      <c r="B10964" s="6"/>
      <c r="C10964" s="6" t="s">
        <v>10988</v>
      </c>
      <c r="D10964" s="6"/>
      <c r="E10964" s="6" t="s">
        <v>9</v>
      </c>
      <c r="F10964" s="7">
        <v>38657</v>
      </c>
      <c r="G10964" s="8">
        <v>1</v>
      </c>
      <c r="H10964" s="8">
        <v>1</v>
      </c>
      <c r="I10964" s="8">
        <v>0</v>
      </c>
      <c r="J10964" s="8">
        <v>1</v>
      </c>
      <c r="K10964" s="9">
        <v>2.62</v>
      </c>
      <c r="L10964" s="6" t="s">
        <v>51</v>
      </c>
    </row>
    <row r="10965" spans="1:12">
      <c r="A10965" s="6" t="s">
        <v>49</v>
      </c>
      <c r="B10965" s="6"/>
      <c r="C10965" s="6" t="s">
        <v>10989</v>
      </c>
      <c r="D10965" s="6"/>
      <c r="E10965" s="6" t="s">
        <v>9</v>
      </c>
      <c r="F10965" s="7">
        <v>38657</v>
      </c>
      <c r="G10965" s="8">
        <v>1</v>
      </c>
      <c r="H10965" s="8">
        <v>1</v>
      </c>
      <c r="I10965" s="8">
        <v>0</v>
      </c>
      <c r="J10965" s="8">
        <v>1</v>
      </c>
      <c r="K10965" s="9">
        <v>26.2</v>
      </c>
      <c r="L10965" s="6" t="s">
        <v>51</v>
      </c>
    </row>
    <row r="10966" spans="1:12">
      <c r="A10966" s="6" t="s">
        <v>49</v>
      </c>
      <c r="B10966" s="6"/>
      <c r="C10966" s="6" t="s">
        <v>10990</v>
      </c>
      <c r="D10966" s="6"/>
      <c r="E10966" s="6" t="s">
        <v>9</v>
      </c>
      <c r="F10966" s="7">
        <v>38657</v>
      </c>
      <c r="G10966" s="8">
        <v>1</v>
      </c>
      <c r="H10966" s="8">
        <v>1</v>
      </c>
      <c r="I10966" s="8">
        <v>0</v>
      </c>
      <c r="J10966" s="8">
        <v>1</v>
      </c>
      <c r="K10966" s="9">
        <v>12</v>
      </c>
      <c r="L10966" s="6" t="s">
        <v>51</v>
      </c>
    </row>
    <row r="10967" spans="1:12">
      <c r="A10967" s="6" t="s">
        <v>49</v>
      </c>
      <c r="B10967" s="6"/>
      <c r="C10967" s="6" t="s">
        <v>10991</v>
      </c>
      <c r="D10967" s="6"/>
      <c r="E10967" s="6" t="s">
        <v>9</v>
      </c>
      <c r="F10967" s="7">
        <v>38657</v>
      </c>
      <c r="G10967" s="8">
        <v>1</v>
      </c>
      <c r="H10967" s="8">
        <v>1</v>
      </c>
      <c r="I10967" s="8">
        <v>0</v>
      </c>
      <c r="J10967" s="8">
        <v>1</v>
      </c>
      <c r="K10967" s="9">
        <v>59</v>
      </c>
      <c r="L10967" s="6" t="s">
        <v>51</v>
      </c>
    </row>
    <row r="10968" spans="1:12">
      <c r="A10968" s="6" t="s">
        <v>49</v>
      </c>
      <c r="B10968" s="6"/>
      <c r="C10968" s="6" t="s">
        <v>10992</v>
      </c>
      <c r="D10968" s="6"/>
      <c r="E10968" s="6" t="s">
        <v>9</v>
      </c>
      <c r="F10968" s="7">
        <v>38657</v>
      </c>
      <c r="G10968" s="8">
        <v>1</v>
      </c>
      <c r="H10968" s="8">
        <v>1</v>
      </c>
      <c r="I10968" s="8">
        <v>0</v>
      </c>
      <c r="J10968" s="8">
        <v>1</v>
      </c>
      <c r="K10968" s="9">
        <v>95</v>
      </c>
      <c r="L10968" s="6" t="s">
        <v>51</v>
      </c>
    </row>
    <row r="10969" spans="1:12">
      <c r="A10969" s="6" t="s">
        <v>49</v>
      </c>
      <c r="B10969" s="6"/>
      <c r="C10969" s="6" t="s">
        <v>10993</v>
      </c>
      <c r="D10969" s="6"/>
      <c r="E10969" s="6" t="s">
        <v>9</v>
      </c>
      <c r="F10969" s="7">
        <v>38657</v>
      </c>
      <c r="G10969" s="8">
        <v>1</v>
      </c>
      <c r="H10969" s="8">
        <v>1</v>
      </c>
      <c r="I10969" s="8">
        <v>0</v>
      </c>
      <c r="J10969" s="8">
        <v>1</v>
      </c>
      <c r="K10969" s="9">
        <v>28</v>
      </c>
      <c r="L10969" s="6" t="s">
        <v>51</v>
      </c>
    </row>
    <row r="10970" spans="1:12">
      <c r="A10970" s="6" t="s">
        <v>49</v>
      </c>
      <c r="B10970" s="6"/>
      <c r="C10970" s="6" t="s">
        <v>10994</v>
      </c>
      <c r="D10970" s="6"/>
      <c r="E10970" s="6" t="s">
        <v>9</v>
      </c>
      <c r="F10970" s="7">
        <v>38657</v>
      </c>
      <c r="G10970" s="8">
        <v>1</v>
      </c>
      <c r="H10970" s="8">
        <v>1</v>
      </c>
      <c r="I10970" s="8">
        <v>0</v>
      </c>
      <c r="J10970" s="8">
        <v>1</v>
      </c>
      <c r="K10970" s="9">
        <v>2.95</v>
      </c>
      <c r="L10970" s="6" t="s">
        <v>51</v>
      </c>
    </row>
    <row r="10971" spans="1:12">
      <c r="A10971" s="6" t="s">
        <v>49</v>
      </c>
      <c r="B10971" s="6"/>
      <c r="C10971" s="6" t="s">
        <v>10995</v>
      </c>
      <c r="D10971" s="6"/>
      <c r="E10971" s="6" t="s">
        <v>9</v>
      </c>
      <c r="F10971" s="7">
        <v>38657</v>
      </c>
      <c r="G10971" s="8">
        <v>1</v>
      </c>
      <c r="H10971" s="8">
        <v>1</v>
      </c>
      <c r="I10971" s="8">
        <v>0</v>
      </c>
      <c r="J10971" s="8">
        <v>1</v>
      </c>
      <c r="K10971" s="9">
        <v>0.15</v>
      </c>
      <c r="L10971" s="6" t="s">
        <v>51</v>
      </c>
    </row>
    <row r="10972" spans="1:12">
      <c r="A10972" s="6" t="s">
        <v>49</v>
      </c>
      <c r="B10972" s="6"/>
      <c r="C10972" s="6" t="s">
        <v>10996</v>
      </c>
      <c r="D10972" s="6"/>
      <c r="E10972" s="6" t="s">
        <v>9</v>
      </c>
      <c r="F10972" s="7">
        <v>38657</v>
      </c>
      <c r="G10972" s="8">
        <v>1</v>
      </c>
      <c r="H10972" s="8">
        <v>1</v>
      </c>
      <c r="I10972" s="8">
        <v>0</v>
      </c>
      <c r="J10972" s="8">
        <v>1</v>
      </c>
      <c r="K10972" s="9">
        <v>10</v>
      </c>
      <c r="L10972" s="6" t="s">
        <v>51</v>
      </c>
    </row>
    <row r="10973" spans="1:12">
      <c r="A10973" s="6" t="s">
        <v>49</v>
      </c>
      <c r="B10973" s="6"/>
      <c r="C10973" s="6" t="s">
        <v>10997</v>
      </c>
      <c r="D10973" s="6"/>
      <c r="E10973" s="6" t="s">
        <v>9</v>
      </c>
      <c r="F10973" s="7">
        <v>38657</v>
      </c>
      <c r="G10973" s="8">
        <v>1</v>
      </c>
      <c r="H10973" s="8">
        <v>1</v>
      </c>
      <c r="I10973" s="8">
        <v>0</v>
      </c>
      <c r="J10973" s="8">
        <v>1</v>
      </c>
      <c r="K10973" s="9">
        <v>15</v>
      </c>
      <c r="L10973" s="6" t="s">
        <v>51</v>
      </c>
    </row>
    <row r="10974" spans="1:12">
      <c r="A10974" s="6" t="s">
        <v>49</v>
      </c>
      <c r="B10974" s="6"/>
      <c r="C10974" s="6" t="s">
        <v>10998</v>
      </c>
      <c r="D10974" s="6"/>
      <c r="E10974" s="6" t="s">
        <v>9</v>
      </c>
      <c r="F10974" s="7">
        <v>38657</v>
      </c>
      <c r="G10974" s="8">
        <v>1</v>
      </c>
      <c r="H10974" s="8">
        <v>1</v>
      </c>
      <c r="I10974" s="8">
        <v>0</v>
      </c>
      <c r="J10974" s="8">
        <v>1</v>
      </c>
      <c r="K10974" s="9">
        <v>21</v>
      </c>
      <c r="L10974" s="6" t="s">
        <v>51</v>
      </c>
    </row>
    <row r="10975" spans="1:12">
      <c r="A10975" s="6" t="s">
        <v>49</v>
      </c>
      <c r="B10975" s="6"/>
      <c r="C10975" s="6" t="s">
        <v>10999</v>
      </c>
      <c r="D10975" s="6"/>
      <c r="E10975" s="6" t="s">
        <v>9</v>
      </c>
      <c r="F10975" s="7">
        <v>38657</v>
      </c>
      <c r="G10975" s="8">
        <v>1</v>
      </c>
      <c r="H10975" s="8">
        <v>1</v>
      </c>
      <c r="I10975" s="8">
        <v>0</v>
      </c>
      <c r="J10975" s="8">
        <v>1</v>
      </c>
      <c r="K10975" s="9">
        <v>22</v>
      </c>
      <c r="L10975" s="6" t="s">
        <v>51</v>
      </c>
    </row>
    <row r="10976" spans="1:12">
      <c r="A10976" s="6" t="s">
        <v>49</v>
      </c>
      <c r="B10976" s="6"/>
      <c r="C10976" s="6" t="s">
        <v>11000</v>
      </c>
      <c r="D10976" s="6"/>
      <c r="E10976" s="6" t="s">
        <v>9</v>
      </c>
      <c r="F10976" s="7">
        <v>38657</v>
      </c>
      <c r="G10976" s="8">
        <v>1</v>
      </c>
      <c r="H10976" s="8">
        <v>1</v>
      </c>
      <c r="I10976" s="8">
        <v>0</v>
      </c>
      <c r="J10976" s="8">
        <v>1</v>
      </c>
      <c r="K10976" s="9">
        <v>3.3</v>
      </c>
      <c r="L10976" s="6" t="s">
        <v>51</v>
      </c>
    </row>
    <row r="10977" spans="1:12">
      <c r="A10977" s="6" t="s">
        <v>49</v>
      </c>
      <c r="B10977" s="6"/>
      <c r="C10977" s="6" t="s">
        <v>11001</v>
      </c>
      <c r="D10977" s="6"/>
      <c r="E10977" s="6" t="s">
        <v>9</v>
      </c>
      <c r="F10977" s="7">
        <v>38657</v>
      </c>
      <c r="G10977" s="8">
        <v>1</v>
      </c>
      <c r="H10977" s="8">
        <v>1</v>
      </c>
      <c r="I10977" s="8">
        <v>0</v>
      </c>
      <c r="J10977" s="8">
        <v>1</v>
      </c>
      <c r="K10977" s="9">
        <v>0.6</v>
      </c>
      <c r="L10977" s="6" t="s">
        <v>51</v>
      </c>
    </row>
    <row r="10978" spans="1:12">
      <c r="A10978" s="6" t="s">
        <v>49</v>
      </c>
      <c r="B10978" s="6"/>
      <c r="C10978" s="6" t="s">
        <v>11002</v>
      </c>
      <c r="D10978" s="6"/>
      <c r="E10978" s="6" t="s">
        <v>9</v>
      </c>
      <c r="F10978" s="7">
        <v>38657</v>
      </c>
      <c r="G10978" s="8">
        <v>1</v>
      </c>
      <c r="H10978" s="8">
        <v>1</v>
      </c>
      <c r="I10978" s="8">
        <v>0</v>
      </c>
      <c r="J10978" s="8">
        <v>1</v>
      </c>
      <c r="K10978" s="9">
        <v>19</v>
      </c>
      <c r="L10978" s="6" t="s">
        <v>51</v>
      </c>
    </row>
    <row r="10979" spans="1:12">
      <c r="A10979" s="6" t="s">
        <v>49</v>
      </c>
      <c r="B10979" s="6"/>
      <c r="C10979" s="6" t="s">
        <v>11003</v>
      </c>
      <c r="D10979" s="6"/>
      <c r="E10979" s="6" t="s">
        <v>9</v>
      </c>
      <c r="F10979" s="7">
        <v>38657</v>
      </c>
      <c r="G10979" s="8">
        <v>1</v>
      </c>
      <c r="H10979" s="8">
        <v>1</v>
      </c>
      <c r="I10979" s="8">
        <v>0</v>
      </c>
      <c r="J10979" s="8">
        <v>1</v>
      </c>
      <c r="K10979" s="9">
        <v>56</v>
      </c>
      <c r="L10979" s="6" t="s">
        <v>51</v>
      </c>
    </row>
    <row r="10980" spans="1:12">
      <c r="A10980" s="6" t="s">
        <v>49</v>
      </c>
      <c r="B10980" s="6"/>
      <c r="C10980" s="6" t="s">
        <v>11004</v>
      </c>
      <c r="D10980" s="6"/>
      <c r="E10980" s="6" t="s">
        <v>9</v>
      </c>
      <c r="F10980" s="7">
        <v>38657</v>
      </c>
      <c r="G10980" s="8">
        <v>1</v>
      </c>
      <c r="H10980" s="8">
        <v>1</v>
      </c>
      <c r="I10980" s="8">
        <v>0</v>
      </c>
      <c r="J10980" s="8">
        <v>1</v>
      </c>
      <c r="K10980" s="9">
        <v>54</v>
      </c>
      <c r="L10980" s="6" t="s">
        <v>51</v>
      </c>
    </row>
    <row r="10981" spans="1:12">
      <c r="A10981" s="6" t="s">
        <v>49</v>
      </c>
      <c r="B10981" s="6"/>
      <c r="C10981" s="6" t="s">
        <v>11005</v>
      </c>
      <c r="D10981" s="6"/>
      <c r="E10981" s="6" t="s">
        <v>9</v>
      </c>
      <c r="F10981" s="7">
        <v>38657</v>
      </c>
      <c r="G10981" s="8">
        <v>1</v>
      </c>
      <c r="H10981" s="8">
        <v>1</v>
      </c>
      <c r="I10981" s="8">
        <v>0</v>
      </c>
      <c r="J10981" s="8">
        <v>1</v>
      </c>
      <c r="K10981" s="9">
        <v>3.64</v>
      </c>
      <c r="L10981" s="6" t="s">
        <v>51</v>
      </c>
    </row>
    <row r="10982" spans="1:12">
      <c r="A10982" s="6" t="s">
        <v>49</v>
      </c>
      <c r="B10982" s="6"/>
      <c r="C10982" s="6" t="s">
        <v>11006</v>
      </c>
      <c r="D10982" s="6"/>
      <c r="E10982" s="6" t="s">
        <v>9</v>
      </c>
      <c r="F10982" s="7">
        <v>38657</v>
      </c>
      <c r="G10982" s="8">
        <v>1</v>
      </c>
      <c r="H10982" s="8">
        <v>1</v>
      </c>
      <c r="I10982" s="8">
        <v>0</v>
      </c>
      <c r="J10982" s="8">
        <v>1</v>
      </c>
      <c r="K10982" s="9">
        <v>140</v>
      </c>
      <c r="L10982" s="6" t="s">
        <v>51</v>
      </c>
    </row>
    <row r="10983" spans="1:12">
      <c r="A10983" s="6" t="s">
        <v>49</v>
      </c>
      <c r="B10983" s="6"/>
      <c r="C10983" s="6" t="s">
        <v>11007</v>
      </c>
      <c r="D10983" s="6"/>
      <c r="E10983" s="6" t="s">
        <v>9</v>
      </c>
      <c r="F10983" s="7">
        <v>38657</v>
      </c>
      <c r="G10983" s="8">
        <v>1</v>
      </c>
      <c r="H10983" s="8">
        <v>1</v>
      </c>
      <c r="I10983" s="8">
        <v>0</v>
      </c>
      <c r="J10983" s="8">
        <v>1</v>
      </c>
      <c r="K10983" s="9">
        <v>22</v>
      </c>
      <c r="L10983" s="6" t="s">
        <v>51</v>
      </c>
    </row>
    <row r="10984" spans="1:12">
      <c r="A10984" s="6" t="s">
        <v>49</v>
      </c>
      <c r="B10984" s="6"/>
      <c r="C10984" s="6" t="s">
        <v>11008</v>
      </c>
      <c r="D10984" s="6"/>
      <c r="E10984" s="6" t="s">
        <v>9</v>
      </c>
      <c r="F10984" s="7">
        <v>38657</v>
      </c>
      <c r="G10984" s="8">
        <v>1</v>
      </c>
      <c r="H10984" s="8">
        <v>1</v>
      </c>
      <c r="I10984" s="8">
        <v>0</v>
      </c>
      <c r="J10984" s="8">
        <v>1</v>
      </c>
      <c r="K10984" s="9">
        <v>101</v>
      </c>
      <c r="L10984" s="6" t="s">
        <v>51</v>
      </c>
    </row>
    <row r="10985" spans="1:12">
      <c r="A10985" s="6" t="s">
        <v>49</v>
      </c>
      <c r="B10985" s="6"/>
      <c r="C10985" s="6" t="s">
        <v>11009</v>
      </c>
      <c r="D10985" s="6"/>
      <c r="E10985" s="6" t="s">
        <v>9</v>
      </c>
      <c r="F10985" s="7">
        <v>38657</v>
      </c>
      <c r="G10985" s="8">
        <v>1</v>
      </c>
      <c r="H10985" s="8">
        <v>1</v>
      </c>
      <c r="I10985" s="8">
        <v>0</v>
      </c>
      <c r="J10985" s="8">
        <v>1</v>
      </c>
      <c r="K10985" s="9">
        <v>94</v>
      </c>
      <c r="L10985" s="6" t="s">
        <v>51</v>
      </c>
    </row>
    <row r="10986" spans="1:12">
      <c r="A10986" s="6" t="s">
        <v>49</v>
      </c>
      <c r="B10986" s="6"/>
      <c r="C10986" s="6" t="s">
        <v>11010</v>
      </c>
      <c r="D10986" s="6"/>
      <c r="E10986" s="6" t="s">
        <v>9</v>
      </c>
      <c r="F10986" s="7">
        <v>38657</v>
      </c>
      <c r="G10986" s="8">
        <v>1</v>
      </c>
      <c r="H10986" s="8">
        <v>1</v>
      </c>
      <c r="I10986" s="8">
        <v>0</v>
      </c>
      <c r="J10986" s="8">
        <v>1</v>
      </c>
      <c r="K10986" s="9">
        <v>24</v>
      </c>
      <c r="L10986" s="6" t="s">
        <v>51</v>
      </c>
    </row>
    <row r="10987" spans="1:12">
      <c r="A10987" s="6" t="s">
        <v>49</v>
      </c>
      <c r="B10987" s="6"/>
      <c r="C10987" s="6" t="s">
        <v>11011</v>
      </c>
      <c r="D10987" s="6"/>
      <c r="E10987" s="6" t="s">
        <v>9</v>
      </c>
      <c r="F10987" s="7">
        <v>38657</v>
      </c>
      <c r="G10987" s="8">
        <v>1</v>
      </c>
      <c r="H10987" s="8">
        <v>1</v>
      </c>
      <c r="I10987" s="8">
        <v>0</v>
      </c>
      <c r="J10987" s="8">
        <v>1</v>
      </c>
      <c r="K10987" s="9">
        <v>10.15</v>
      </c>
      <c r="L10987" s="6" t="s">
        <v>51</v>
      </c>
    </row>
    <row r="10988" spans="1:12">
      <c r="A10988" s="6" t="s">
        <v>49</v>
      </c>
      <c r="B10988" s="6"/>
      <c r="C10988" s="6" t="s">
        <v>11012</v>
      </c>
      <c r="D10988" s="6"/>
      <c r="E10988" s="6" t="s">
        <v>9</v>
      </c>
      <c r="F10988" s="7">
        <v>38657</v>
      </c>
      <c r="G10988" s="8">
        <v>1</v>
      </c>
      <c r="H10988" s="8">
        <v>1</v>
      </c>
      <c r="I10988" s="8">
        <v>0</v>
      </c>
      <c r="J10988" s="8">
        <v>1</v>
      </c>
      <c r="K10988" s="9">
        <v>12</v>
      </c>
      <c r="L10988" s="6" t="s">
        <v>51</v>
      </c>
    </row>
    <row r="10989" spans="1:12">
      <c r="A10989" s="6" t="s">
        <v>49</v>
      </c>
      <c r="B10989" s="6"/>
      <c r="C10989" s="6" t="s">
        <v>11013</v>
      </c>
      <c r="D10989" s="6"/>
      <c r="E10989" s="6" t="s">
        <v>9</v>
      </c>
      <c r="F10989" s="7">
        <v>38657</v>
      </c>
      <c r="G10989" s="8">
        <v>1</v>
      </c>
      <c r="H10989" s="8">
        <v>1</v>
      </c>
      <c r="I10989" s="8">
        <v>0</v>
      </c>
      <c r="J10989" s="8">
        <v>1</v>
      </c>
      <c r="K10989" s="9">
        <v>36</v>
      </c>
      <c r="L10989" s="6" t="s">
        <v>51</v>
      </c>
    </row>
    <row r="10990" spans="1:12">
      <c r="A10990" s="6" t="s">
        <v>49</v>
      </c>
      <c r="B10990" s="6"/>
      <c r="C10990" s="6" t="s">
        <v>11014</v>
      </c>
      <c r="D10990" s="6"/>
      <c r="E10990" s="6" t="s">
        <v>9</v>
      </c>
      <c r="F10990" s="7">
        <v>38657</v>
      </c>
      <c r="G10990" s="8">
        <v>1</v>
      </c>
      <c r="H10990" s="8">
        <v>1</v>
      </c>
      <c r="I10990" s="8">
        <v>0</v>
      </c>
      <c r="J10990" s="8">
        <v>1</v>
      </c>
      <c r="K10990" s="9">
        <v>167</v>
      </c>
      <c r="L10990" s="6" t="s">
        <v>51</v>
      </c>
    </row>
    <row r="10991" spans="1:12">
      <c r="A10991" s="6" t="s">
        <v>49</v>
      </c>
      <c r="B10991" s="6"/>
      <c r="C10991" s="6" t="s">
        <v>11015</v>
      </c>
      <c r="D10991" s="6"/>
      <c r="E10991" s="6" t="s">
        <v>9</v>
      </c>
      <c r="F10991" s="7">
        <v>38657</v>
      </c>
      <c r="G10991" s="8">
        <v>1</v>
      </c>
      <c r="H10991" s="8">
        <v>1</v>
      </c>
      <c r="I10991" s="8">
        <v>0</v>
      </c>
      <c r="J10991" s="8">
        <v>1</v>
      </c>
      <c r="K10991" s="9">
        <v>55</v>
      </c>
      <c r="L10991" s="6" t="s">
        <v>51</v>
      </c>
    </row>
    <row r="10992" spans="1:12">
      <c r="A10992" s="6" t="s">
        <v>49</v>
      </c>
      <c r="B10992" s="6"/>
      <c r="C10992" s="6" t="s">
        <v>11016</v>
      </c>
      <c r="D10992" s="6"/>
      <c r="E10992" s="6" t="s">
        <v>9</v>
      </c>
      <c r="F10992" s="7">
        <v>38657</v>
      </c>
      <c r="G10992" s="8">
        <v>1</v>
      </c>
      <c r="H10992" s="8">
        <v>1</v>
      </c>
      <c r="I10992" s="8">
        <v>0</v>
      </c>
      <c r="J10992" s="8">
        <v>1</v>
      </c>
      <c r="K10992" s="9">
        <v>129</v>
      </c>
      <c r="L10992" s="6" t="s">
        <v>51</v>
      </c>
    </row>
    <row r="10993" spans="1:12">
      <c r="A10993" s="6" t="s">
        <v>49</v>
      </c>
      <c r="B10993" s="6"/>
      <c r="C10993" s="6" t="s">
        <v>11017</v>
      </c>
      <c r="D10993" s="6"/>
      <c r="E10993" s="6" t="s">
        <v>9</v>
      </c>
      <c r="F10993" s="7">
        <v>38657</v>
      </c>
      <c r="G10993" s="8">
        <v>1</v>
      </c>
      <c r="H10993" s="8">
        <v>1</v>
      </c>
      <c r="I10993" s="8">
        <v>0</v>
      </c>
      <c r="J10993" s="8">
        <v>1</v>
      </c>
      <c r="K10993" s="9">
        <v>13</v>
      </c>
      <c r="L10993" s="6" t="s">
        <v>51</v>
      </c>
    </row>
    <row r="10994" spans="1:12">
      <c r="A10994" s="6" t="s">
        <v>49</v>
      </c>
      <c r="B10994" s="6"/>
      <c r="C10994" s="6" t="s">
        <v>11018</v>
      </c>
      <c r="D10994" s="6"/>
      <c r="E10994" s="6" t="s">
        <v>9</v>
      </c>
      <c r="F10994" s="7">
        <v>38657</v>
      </c>
      <c r="G10994" s="8">
        <v>1</v>
      </c>
      <c r="H10994" s="8">
        <v>1</v>
      </c>
      <c r="I10994" s="8">
        <v>0</v>
      </c>
      <c r="J10994" s="8">
        <v>1</v>
      </c>
      <c r="K10994" s="9">
        <v>130</v>
      </c>
      <c r="L10994" s="6" t="s">
        <v>51</v>
      </c>
    </row>
    <row r="10995" spans="1:12">
      <c r="A10995" s="6" t="s">
        <v>49</v>
      </c>
      <c r="B10995" s="6"/>
      <c r="C10995" s="6" t="s">
        <v>11019</v>
      </c>
      <c r="D10995" s="6"/>
      <c r="E10995" s="6" t="s">
        <v>9</v>
      </c>
      <c r="F10995" s="7">
        <v>38657</v>
      </c>
      <c r="G10995" s="8">
        <v>1</v>
      </c>
      <c r="H10995" s="8">
        <v>1</v>
      </c>
      <c r="I10995" s="8">
        <v>0</v>
      </c>
      <c r="J10995" s="8">
        <v>1</v>
      </c>
      <c r="K10995" s="9">
        <v>55</v>
      </c>
      <c r="L10995" s="6" t="s">
        <v>51</v>
      </c>
    </row>
    <row r="10996" spans="1:12">
      <c r="A10996" s="6" t="s">
        <v>49</v>
      </c>
      <c r="B10996" s="6"/>
      <c r="C10996" s="6" t="s">
        <v>11020</v>
      </c>
      <c r="D10996" s="6"/>
      <c r="E10996" s="6" t="s">
        <v>9</v>
      </c>
      <c r="F10996" s="7">
        <v>38657</v>
      </c>
      <c r="G10996" s="8">
        <v>1</v>
      </c>
      <c r="H10996" s="8">
        <v>1</v>
      </c>
      <c r="I10996" s="8">
        <v>0</v>
      </c>
      <c r="J10996" s="8">
        <v>1</v>
      </c>
      <c r="K10996" s="9">
        <v>9.91</v>
      </c>
      <c r="L10996" s="6" t="s">
        <v>51</v>
      </c>
    </row>
    <row r="10997" spans="1:12">
      <c r="A10997" s="6" t="s">
        <v>49</v>
      </c>
      <c r="B10997" s="6"/>
      <c r="C10997" s="6" t="s">
        <v>11021</v>
      </c>
      <c r="D10997" s="6"/>
      <c r="E10997" s="6" t="s">
        <v>9</v>
      </c>
      <c r="F10997" s="7">
        <v>38657</v>
      </c>
      <c r="G10997" s="8">
        <v>1</v>
      </c>
      <c r="H10997" s="8">
        <v>1</v>
      </c>
      <c r="I10997" s="8">
        <v>0</v>
      </c>
      <c r="J10997" s="8">
        <v>1</v>
      </c>
      <c r="K10997" s="9">
        <v>3.25</v>
      </c>
      <c r="L10997" s="6" t="s">
        <v>51</v>
      </c>
    </row>
    <row r="10998" spans="1:12">
      <c r="A10998" s="6" t="s">
        <v>49</v>
      </c>
      <c r="B10998" s="6"/>
      <c r="C10998" s="6" t="s">
        <v>11022</v>
      </c>
      <c r="D10998" s="6"/>
      <c r="E10998" s="6" t="s">
        <v>9</v>
      </c>
      <c r="F10998" s="7">
        <v>38657</v>
      </c>
      <c r="G10998" s="8">
        <v>1</v>
      </c>
      <c r="H10998" s="8">
        <v>1</v>
      </c>
      <c r="I10998" s="8">
        <v>0</v>
      </c>
      <c r="J10998" s="8">
        <v>1</v>
      </c>
      <c r="K10998" s="9">
        <v>5.45</v>
      </c>
      <c r="L10998" s="6" t="s">
        <v>51</v>
      </c>
    </row>
    <row r="10999" spans="1:12">
      <c r="A10999" s="6" t="s">
        <v>49</v>
      </c>
      <c r="B10999" s="6"/>
      <c r="C10999" s="6" t="s">
        <v>11023</v>
      </c>
      <c r="D10999" s="6"/>
      <c r="E10999" s="6" t="s">
        <v>9</v>
      </c>
      <c r="F10999" s="7">
        <v>38657</v>
      </c>
      <c r="G10999" s="8">
        <v>1</v>
      </c>
      <c r="H10999" s="8">
        <v>1</v>
      </c>
      <c r="I10999" s="8">
        <v>0</v>
      </c>
      <c r="J10999" s="8">
        <v>1</v>
      </c>
      <c r="K10999" s="9">
        <v>0.23</v>
      </c>
      <c r="L10999" s="6" t="s">
        <v>51</v>
      </c>
    </row>
    <row r="11000" spans="1:12">
      <c r="A11000" s="6" t="s">
        <v>49</v>
      </c>
      <c r="B11000" s="6"/>
      <c r="C11000" s="6" t="s">
        <v>11024</v>
      </c>
      <c r="D11000" s="6"/>
      <c r="E11000" s="6" t="s">
        <v>9</v>
      </c>
      <c r="F11000" s="7">
        <v>38657</v>
      </c>
      <c r="G11000" s="8">
        <v>1</v>
      </c>
      <c r="H11000" s="8">
        <v>1</v>
      </c>
      <c r="I11000" s="8">
        <v>0</v>
      </c>
      <c r="J11000" s="8">
        <v>1</v>
      </c>
      <c r="K11000" s="9">
        <v>1.32</v>
      </c>
      <c r="L11000" s="6" t="s">
        <v>51</v>
      </c>
    </row>
    <row r="11001" spans="1:12">
      <c r="A11001" s="6" t="s">
        <v>49</v>
      </c>
      <c r="B11001" s="6"/>
      <c r="C11001" s="6" t="s">
        <v>11025</v>
      </c>
      <c r="D11001" s="6"/>
      <c r="E11001" s="6" t="s">
        <v>9</v>
      </c>
      <c r="F11001" s="7">
        <v>38657</v>
      </c>
      <c r="G11001" s="8">
        <v>1</v>
      </c>
      <c r="H11001" s="8">
        <v>1</v>
      </c>
      <c r="I11001" s="8">
        <v>0</v>
      </c>
      <c r="J11001" s="8">
        <v>1</v>
      </c>
      <c r="K11001" s="9">
        <v>4.0599999999999898</v>
      </c>
      <c r="L11001" s="6" t="s">
        <v>51</v>
      </c>
    </row>
    <row r="11002" spans="1:12">
      <c r="A11002" s="6" t="s">
        <v>49</v>
      </c>
      <c r="B11002" s="6"/>
      <c r="C11002" s="6" t="s">
        <v>11026</v>
      </c>
      <c r="D11002" s="6"/>
      <c r="E11002" s="6" t="s">
        <v>9</v>
      </c>
      <c r="F11002" s="7">
        <v>38657</v>
      </c>
      <c r="G11002" s="8">
        <v>1</v>
      </c>
      <c r="H11002" s="8">
        <v>1</v>
      </c>
      <c r="I11002" s="8">
        <v>0</v>
      </c>
      <c r="J11002" s="8">
        <v>1</v>
      </c>
      <c r="K11002" s="9">
        <v>46</v>
      </c>
      <c r="L11002" s="6" t="s">
        <v>51</v>
      </c>
    </row>
    <row r="11003" spans="1:12">
      <c r="A11003" s="6" t="s">
        <v>49</v>
      </c>
      <c r="B11003" s="6"/>
      <c r="C11003" s="6" t="s">
        <v>11027</v>
      </c>
      <c r="D11003" s="6"/>
      <c r="E11003" s="6" t="s">
        <v>9</v>
      </c>
      <c r="F11003" s="7">
        <v>38657</v>
      </c>
      <c r="G11003" s="8">
        <v>1</v>
      </c>
      <c r="H11003" s="8">
        <v>1</v>
      </c>
      <c r="I11003" s="8">
        <v>0</v>
      </c>
      <c r="J11003" s="8">
        <v>1</v>
      </c>
      <c r="K11003" s="9">
        <v>75</v>
      </c>
      <c r="L11003" s="6" t="s">
        <v>51</v>
      </c>
    </row>
    <row r="11004" spans="1:12">
      <c r="A11004" s="6" t="s">
        <v>49</v>
      </c>
      <c r="B11004" s="6"/>
      <c r="C11004" s="6" t="s">
        <v>11028</v>
      </c>
      <c r="D11004" s="6"/>
      <c r="E11004" s="6" t="s">
        <v>9</v>
      </c>
      <c r="F11004" s="7">
        <v>38657</v>
      </c>
      <c r="G11004" s="8">
        <v>1</v>
      </c>
      <c r="H11004" s="8">
        <v>1</v>
      </c>
      <c r="I11004" s="8">
        <v>0</v>
      </c>
      <c r="J11004" s="8">
        <v>1</v>
      </c>
      <c r="K11004" s="9">
        <v>19</v>
      </c>
      <c r="L11004" s="6" t="s">
        <v>51</v>
      </c>
    </row>
    <row r="11005" spans="1:12">
      <c r="A11005" s="6" t="s">
        <v>49</v>
      </c>
      <c r="B11005" s="6"/>
      <c r="C11005" s="6" t="s">
        <v>11029</v>
      </c>
      <c r="D11005" s="6"/>
      <c r="E11005" s="6" t="s">
        <v>9</v>
      </c>
      <c r="F11005" s="7">
        <v>38657</v>
      </c>
      <c r="G11005" s="8">
        <v>1</v>
      </c>
      <c r="H11005" s="8">
        <v>1</v>
      </c>
      <c r="I11005" s="8">
        <v>0</v>
      </c>
      <c r="J11005" s="8">
        <v>1</v>
      </c>
      <c r="K11005" s="9">
        <v>2.2000000000000002</v>
      </c>
      <c r="L11005" s="6" t="s">
        <v>51</v>
      </c>
    </row>
    <row r="11006" spans="1:12">
      <c r="A11006" s="6" t="s">
        <v>49</v>
      </c>
      <c r="B11006" s="6"/>
      <c r="C11006" s="6" t="s">
        <v>11030</v>
      </c>
      <c r="D11006" s="6"/>
      <c r="E11006" s="6" t="s">
        <v>9</v>
      </c>
      <c r="F11006" s="7">
        <v>38657</v>
      </c>
      <c r="G11006" s="8">
        <v>1</v>
      </c>
      <c r="H11006" s="8">
        <v>1</v>
      </c>
      <c r="I11006" s="8">
        <v>0</v>
      </c>
      <c r="J11006" s="8">
        <v>1</v>
      </c>
      <c r="K11006" s="9">
        <v>26</v>
      </c>
      <c r="L11006" s="6" t="s">
        <v>51</v>
      </c>
    </row>
    <row r="11007" spans="1:12">
      <c r="A11007" s="6" t="s">
        <v>49</v>
      </c>
      <c r="B11007" s="6"/>
      <c r="C11007" s="6" t="s">
        <v>11031</v>
      </c>
      <c r="D11007" s="6"/>
      <c r="E11007" s="6" t="s">
        <v>9</v>
      </c>
      <c r="F11007" s="7">
        <v>38657</v>
      </c>
      <c r="G11007" s="8">
        <v>1</v>
      </c>
      <c r="H11007" s="8">
        <v>1</v>
      </c>
      <c r="I11007" s="8">
        <v>0</v>
      </c>
      <c r="J11007" s="8">
        <v>1</v>
      </c>
      <c r="K11007" s="9">
        <v>42</v>
      </c>
      <c r="L11007" s="6" t="s">
        <v>51</v>
      </c>
    </row>
    <row r="11008" spans="1:12">
      <c r="A11008" s="6" t="s">
        <v>49</v>
      </c>
      <c r="B11008" s="6"/>
      <c r="C11008" s="6" t="s">
        <v>11032</v>
      </c>
      <c r="D11008" s="6"/>
      <c r="E11008" s="6" t="s">
        <v>9</v>
      </c>
      <c r="F11008" s="7">
        <v>38657</v>
      </c>
      <c r="G11008" s="8">
        <v>1</v>
      </c>
      <c r="H11008" s="8">
        <v>1</v>
      </c>
      <c r="I11008" s="8">
        <v>0</v>
      </c>
      <c r="J11008" s="8">
        <v>1</v>
      </c>
      <c r="K11008" s="9">
        <v>15</v>
      </c>
      <c r="L11008" s="6" t="s">
        <v>51</v>
      </c>
    </row>
    <row r="11009" spans="1:12">
      <c r="A11009" s="6" t="s">
        <v>49</v>
      </c>
      <c r="B11009" s="6"/>
      <c r="C11009" s="6" t="s">
        <v>11033</v>
      </c>
      <c r="D11009" s="6"/>
      <c r="E11009" s="6" t="s">
        <v>9</v>
      </c>
      <c r="F11009" s="7">
        <v>38657</v>
      </c>
      <c r="G11009" s="8">
        <v>1</v>
      </c>
      <c r="H11009" s="8">
        <v>1</v>
      </c>
      <c r="I11009" s="8">
        <v>0</v>
      </c>
      <c r="J11009" s="8">
        <v>1</v>
      </c>
      <c r="K11009" s="9">
        <v>17.760000000000002</v>
      </c>
      <c r="L11009" s="6" t="s">
        <v>51</v>
      </c>
    </row>
    <row r="11010" spans="1:12">
      <c r="A11010" s="6" t="s">
        <v>49</v>
      </c>
      <c r="B11010" s="6"/>
      <c r="C11010" s="6" t="s">
        <v>11034</v>
      </c>
      <c r="D11010" s="6"/>
      <c r="E11010" s="6" t="s">
        <v>9</v>
      </c>
      <c r="F11010" s="7">
        <v>38657</v>
      </c>
      <c r="G11010" s="8">
        <v>1</v>
      </c>
      <c r="H11010" s="8">
        <v>1</v>
      </c>
      <c r="I11010" s="8">
        <v>0</v>
      </c>
      <c r="J11010" s="8">
        <v>1</v>
      </c>
      <c r="K11010" s="9">
        <v>2.4700000000000002</v>
      </c>
      <c r="L11010" s="6" t="s">
        <v>51</v>
      </c>
    </row>
    <row r="11011" spans="1:12">
      <c r="A11011" s="6" t="s">
        <v>49</v>
      </c>
      <c r="B11011" s="6"/>
      <c r="C11011" s="6" t="s">
        <v>11035</v>
      </c>
      <c r="D11011" s="6"/>
      <c r="E11011" s="6" t="s">
        <v>9</v>
      </c>
      <c r="F11011" s="7">
        <v>38657</v>
      </c>
      <c r="G11011" s="8">
        <v>1</v>
      </c>
      <c r="H11011" s="8">
        <v>1</v>
      </c>
      <c r="I11011" s="8">
        <v>0</v>
      </c>
      <c r="J11011" s="8">
        <v>1</v>
      </c>
      <c r="K11011" s="9">
        <v>2.68</v>
      </c>
      <c r="L11011" s="6" t="s">
        <v>51</v>
      </c>
    </row>
    <row r="11012" spans="1:12">
      <c r="A11012" s="6" t="s">
        <v>49</v>
      </c>
      <c r="B11012" s="6"/>
      <c r="C11012" s="6" t="s">
        <v>11036</v>
      </c>
      <c r="D11012" s="6"/>
      <c r="E11012" s="6" t="s">
        <v>9</v>
      </c>
      <c r="F11012" s="7">
        <v>38657</v>
      </c>
      <c r="G11012" s="8">
        <v>1</v>
      </c>
      <c r="H11012" s="8">
        <v>1</v>
      </c>
      <c r="I11012" s="8">
        <v>0</v>
      </c>
      <c r="J11012" s="8">
        <v>1</v>
      </c>
      <c r="K11012" s="9">
        <v>29</v>
      </c>
      <c r="L11012" s="6" t="s">
        <v>51</v>
      </c>
    </row>
    <row r="11013" spans="1:12">
      <c r="A11013" s="6" t="s">
        <v>49</v>
      </c>
      <c r="B11013" s="6"/>
      <c r="C11013" s="6" t="s">
        <v>11037</v>
      </c>
      <c r="D11013" s="6"/>
      <c r="E11013" s="6" t="s">
        <v>9</v>
      </c>
      <c r="F11013" s="7">
        <v>38657</v>
      </c>
      <c r="G11013" s="8">
        <v>1</v>
      </c>
      <c r="H11013" s="8">
        <v>1</v>
      </c>
      <c r="I11013" s="8">
        <v>0</v>
      </c>
      <c r="J11013" s="8">
        <v>1</v>
      </c>
      <c r="K11013" s="9">
        <v>84</v>
      </c>
      <c r="L11013" s="6" t="s">
        <v>51</v>
      </c>
    </row>
    <row r="11014" spans="1:12">
      <c r="A11014" s="6" t="s">
        <v>49</v>
      </c>
      <c r="B11014" s="6"/>
      <c r="C11014" s="6" t="s">
        <v>11038</v>
      </c>
      <c r="D11014" s="6"/>
      <c r="E11014" s="6" t="s">
        <v>9</v>
      </c>
      <c r="F11014" s="7">
        <v>38657</v>
      </c>
      <c r="G11014" s="8">
        <v>1</v>
      </c>
      <c r="H11014" s="8">
        <v>1</v>
      </c>
      <c r="I11014" s="8">
        <v>0</v>
      </c>
      <c r="J11014" s="8">
        <v>1</v>
      </c>
      <c r="K11014" s="9">
        <v>0.36</v>
      </c>
      <c r="L11014" s="6" t="s">
        <v>51</v>
      </c>
    </row>
    <row r="11015" spans="1:12">
      <c r="A11015" s="6" t="s">
        <v>49</v>
      </c>
      <c r="B11015" s="6"/>
      <c r="C11015" s="6" t="s">
        <v>11039</v>
      </c>
      <c r="D11015" s="6"/>
      <c r="E11015" s="6" t="s">
        <v>9</v>
      </c>
      <c r="F11015" s="7">
        <v>38657</v>
      </c>
      <c r="G11015" s="8">
        <v>1</v>
      </c>
      <c r="H11015" s="8">
        <v>1</v>
      </c>
      <c r="I11015" s="8">
        <v>0</v>
      </c>
      <c r="J11015" s="8">
        <v>1</v>
      </c>
      <c r="K11015" s="9">
        <v>132</v>
      </c>
      <c r="L11015" s="6" t="s">
        <v>51</v>
      </c>
    </row>
    <row r="11016" spans="1:12">
      <c r="A11016" s="6" t="s">
        <v>49</v>
      </c>
      <c r="B11016" s="6"/>
      <c r="C11016" s="6" t="s">
        <v>11040</v>
      </c>
      <c r="D11016" s="6"/>
      <c r="E11016" s="6" t="s">
        <v>9</v>
      </c>
      <c r="F11016" s="7">
        <v>38657</v>
      </c>
      <c r="G11016" s="8">
        <v>1</v>
      </c>
      <c r="H11016" s="8">
        <v>1</v>
      </c>
      <c r="I11016" s="8">
        <v>0</v>
      </c>
      <c r="J11016" s="8">
        <v>1</v>
      </c>
      <c r="K11016" s="9">
        <v>135</v>
      </c>
      <c r="L11016" s="6" t="s">
        <v>51</v>
      </c>
    </row>
    <row r="11017" spans="1:12">
      <c r="A11017" s="6" t="s">
        <v>49</v>
      </c>
      <c r="B11017" s="6"/>
      <c r="C11017" s="6" t="s">
        <v>11041</v>
      </c>
      <c r="D11017" s="6"/>
      <c r="E11017" s="6" t="s">
        <v>9</v>
      </c>
      <c r="F11017" s="7">
        <v>38657</v>
      </c>
      <c r="G11017" s="8">
        <v>1</v>
      </c>
      <c r="H11017" s="8">
        <v>1</v>
      </c>
      <c r="I11017" s="8">
        <v>0</v>
      </c>
      <c r="J11017" s="8">
        <v>1</v>
      </c>
      <c r="K11017" s="9">
        <v>7.39</v>
      </c>
      <c r="L11017" s="6" t="s">
        <v>51</v>
      </c>
    </row>
    <row r="11018" spans="1:12">
      <c r="A11018" s="6" t="s">
        <v>49</v>
      </c>
      <c r="B11018" s="6"/>
      <c r="C11018" s="6" t="s">
        <v>11042</v>
      </c>
      <c r="D11018" s="6"/>
      <c r="E11018" s="6" t="s">
        <v>9</v>
      </c>
      <c r="F11018" s="7">
        <v>38657</v>
      </c>
      <c r="G11018" s="8">
        <v>1</v>
      </c>
      <c r="H11018" s="8">
        <v>1</v>
      </c>
      <c r="I11018" s="8">
        <v>0</v>
      </c>
      <c r="J11018" s="8">
        <v>1</v>
      </c>
      <c r="K11018" s="9">
        <v>76</v>
      </c>
      <c r="L11018" s="6" t="s">
        <v>51</v>
      </c>
    </row>
    <row r="11019" spans="1:12">
      <c r="A11019" s="6" t="s">
        <v>49</v>
      </c>
      <c r="B11019" s="6"/>
      <c r="C11019" s="6" t="s">
        <v>11043</v>
      </c>
      <c r="D11019" s="6"/>
      <c r="E11019" s="6" t="s">
        <v>9</v>
      </c>
      <c r="F11019" s="7">
        <v>38657</v>
      </c>
      <c r="G11019" s="8">
        <v>1</v>
      </c>
      <c r="H11019" s="8">
        <v>1</v>
      </c>
      <c r="I11019" s="8">
        <v>0</v>
      </c>
      <c r="J11019" s="8">
        <v>1</v>
      </c>
      <c r="K11019" s="9">
        <v>17</v>
      </c>
      <c r="L11019" s="6" t="s">
        <v>51</v>
      </c>
    </row>
    <row r="11020" spans="1:12">
      <c r="A11020" s="6" t="s">
        <v>49</v>
      </c>
      <c r="B11020" s="6"/>
      <c r="C11020" s="6" t="s">
        <v>11044</v>
      </c>
      <c r="D11020" s="6"/>
      <c r="E11020" s="6" t="s">
        <v>9</v>
      </c>
      <c r="F11020" s="7">
        <v>38657</v>
      </c>
      <c r="G11020" s="8">
        <v>1</v>
      </c>
      <c r="H11020" s="8">
        <v>1</v>
      </c>
      <c r="I11020" s="8">
        <v>0</v>
      </c>
      <c r="J11020" s="8">
        <v>1</v>
      </c>
      <c r="K11020" s="9">
        <v>3.67</v>
      </c>
      <c r="L11020" s="6" t="s">
        <v>51</v>
      </c>
    </row>
    <row r="11021" spans="1:12">
      <c r="A11021" s="6" t="s">
        <v>49</v>
      </c>
      <c r="B11021" s="6"/>
      <c r="C11021" s="6" t="s">
        <v>11045</v>
      </c>
      <c r="D11021" s="6"/>
      <c r="E11021" s="6" t="s">
        <v>9</v>
      </c>
      <c r="F11021" s="7">
        <v>38657</v>
      </c>
      <c r="G11021" s="8">
        <v>1</v>
      </c>
      <c r="H11021" s="8">
        <v>1</v>
      </c>
      <c r="I11021" s="8">
        <v>0</v>
      </c>
      <c r="J11021" s="8">
        <v>1</v>
      </c>
      <c r="K11021" s="9">
        <v>1.85</v>
      </c>
      <c r="L11021" s="6" t="s">
        <v>51</v>
      </c>
    </row>
    <row r="11022" spans="1:12">
      <c r="A11022" s="6" t="s">
        <v>49</v>
      </c>
      <c r="B11022" s="6"/>
      <c r="C11022" s="6" t="s">
        <v>11046</v>
      </c>
      <c r="D11022" s="6"/>
      <c r="E11022" s="6" t="s">
        <v>9</v>
      </c>
      <c r="F11022" s="7">
        <v>38657</v>
      </c>
      <c r="G11022" s="8">
        <v>1</v>
      </c>
      <c r="H11022" s="8">
        <v>1</v>
      </c>
      <c r="I11022" s="8">
        <v>0</v>
      </c>
      <c r="J11022" s="8">
        <v>1</v>
      </c>
      <c r="K11022" s="9">
        <v>63</v>
      </c>
      <c r="L11022" s="6" t="s">
        <v>51</v>
      </c>
    </row>
    <row r="11023" spans="1:12">
      <c r="A11023" s="6" t="s">
        <v>49</v>
      </c>
      <c r="B11023" s="6"/>
      <c r="C11023" s="6" t="s">
        <v>11047</v>
      </c>
      <c r="D11023" s="6"/>
      <c r="E11023" s="6" t="s">
        <v>9</v>
      </c>
      <c r="F11023" s="7">
        <v>38657</v>
      </c>
      <c r="G11023" s="8">
        <v>1</v>
      </c>
      <c r="H11023" s="8">
        <v>1</v>
      </c>
      <c r="I11023" s="8">
        <v>0</v>
      </c>
      <c r="J11023" s="8">
        <v>1</v>
      </c>
      <c r="K11023" s="9">
        <v>47</v>
      </c>
      <c r="L11023" s="6" t="s">
        <v>51</v>
      </c>
    </row>
    <row r="11024" spans="1:12">
      <c r="A11024" s="6" t="s">
        <v>49</v>
      </c>
      <c r="B11024" s="6"/>
      <c r="C11024" s="6" t="s">
        <v>11048</v>
      </c>
      <c r="D11024" s="6"/>
      <c r="E11024" s="6" t="s">
        <v>9</v>
      </c>
      <c r="F11024" s="7">
        <v>38657</v>
      </c>
      <c r="G11024" s="8">
        <v>1</v>
      </c>
      <c r="H11024" s="8">
        <v>1</v>
      </c>
      <c r="I11024" s="8">
        <v>0</v>
      </c>
      <c r="J11024" s="8">
        <v>1</v>
      </c>
      <c r="K11024" s="9">
        <v>17</v>
      </c>
      <c r="L11024" s="6" t="s">
        <v>51</v>
      </c>
    </row>
    <row r="11025" spans="1:12">
      <c r="A11025" s="6" t="s">
        <v>49</v>
      </c>
      <c r="B11025" s="6"/>
      <c r="C11025" s="6" t="s">
        <v>11049</v>
      </c>
      <c r="D11025" s="6"/>
      <c r="E11025" s="6" t="s">
        <v>9</v>
      </c>
      <c r="F11025" s="7">
        <v>38657</v>
      </c>
      <c r="G11025" s="8">
        <v>1</v>
      </c>
      <c r="H11025" s="8">
        <v>1</v>
      </c>
      <c r="I11025" s="8">
        <v>0</v>
      </c>
      <c r="J11025" s="8">
        <v>1</v>
      </c>
      <c r="K11025" s="9">
        <v>41</v>
      </c>
      <c r="L11025" s="6" t="s">
        <v>51</v>
      </c>
    </row>
    <row r="11026" spans="1:12">
      <c r="A11026" s="6" t="s">
        <v>49</v>
      </c>
      <c r="B11026" s="6"/>
      <c r="C11026" s="6" t="s">
        <v>11050</v>
      </c>
      <c r="D11026" s="6"/>
      <c r="E11026" s="6" t="s">
        <v>9</v>
      </c>
      <c r="F11026" s="7">
        <v>38657</v>
      </c>
      <c r="G11026" s="8">
        <v>1</v>
      </c>
      <c r="H11026" s="8">
        <v>1</v>
      </c>
      <c r="I11026" s="8">
        <v>0</v>
      </c>
      <c r="J11026" s="8">
        <v>1</v>
      </c>
      <c r="K11026" s="9">
        <v>72</v>
      </c>
      <c r="L11026" s="6" t="s">
        <v>51</v>
      </c>
    </row>
    <row r="11027" spans="1:12">
      <c r="A11027" s="6" t="s">
        <v>49</v>
      </c>
      <c r="B11027" s="6"/>
      <c r="C11027" s="6" t="s">
        <v>11051</v>
      </c>
      <c r="D11027" s="6"/>
      <c r="E11027" s="6" t="s">
        <v>9</v>
      </c>
      <c r="F11027" s="7">
        <v>38657</v>
      </c>
      <c r="G11027" s="8">
        <v>1</v>
      </c>
      <c r="H11027" s="8">
        <v>1</v>
      </c>
      <c r="I11027" s="8">
        <v>0</v>
      </c>
      <c r="J11027" s="8">
        <v>1</v>
      </c>
      <c r="K11027" s="9">
        <v>37</v>
      </c>
      <c r="L11027" s="6" t="s">
        <v>51</v>
      </c>
    </row>
    <row r="11028" spans="1:12">
      <c r="A11028" s="6" t="s">
        <v>49</v>
      </c>
      <c r="B11028" s="6"/>
      <c r="C11028" s="6" t="s">
        <v>11052</v>
      </c>
      <c r="D11028" s="6"/>
      <c r="E11028" s="6" t="s">
        <v>9</v>
      </c>
      <c r="F11028" s="7">
        <v>38657</v>
      </c>
      <c r="G11028" s="8">
        <v>1</v>
      </c>
      <c r="H11028" s="8">
        <v>1</v>
      </c>
      <c r="I11028" s="8">
        <v>0</v>
      </c>
      <c r="J11028" s="8">
        <v>1</v>
      </c>
      <c r="K11028" s="9">
        <v>7.63</v>
      </c>
      <c r="L11028" s="6" t="s">
        <v>51</v>
      </c>
    </row>
    <row r="11029" spans="1:12">
      <c r="A11029" s="6" t="s">
        <v>49</v>
      </c>
      <c r="B11029" s="6"/>
      <c r="C11029" s="6" t="s">
        <v>11053</v>
      </c>
      <c r="D11029" s="6"/>
      <c r="E11029" s="6" t="s">
        <v>9</v>
      </c>
      <c r="F11029" s="7">
        <v>38657</v>
      </c>
      <c r="G11029" s="8">
        <v>1</v>
      </c>
      <c r="H11029" s="8">
        <v>1</v>
      </c>
      <c r="I11029" s="8">
        <v>0</v>
      </c>
      <c r="J11029" s="8">
        <v>1</v>
      </c>
      <c r="K11029" s="9">
        <v>24</v>
      </c>
      <c r="L11029" s="6" t="s">
        <v>51</v>
      </c>
    </row>
    <row r="11030" spans="1:12">
      <c r="A11030" s="6" t="s">
        <v>49</v>
      </c>
      <c r="B11030" s="6"/>
      <c r="C11030" s="6" t="s">
        <v>11054</v>
      </c>
      <c r="D11030" s="6"/>
      <c r="E11030" s="6" t="s">
        <v>9</v>
      </c>
      <c r="F11030" s="7">
        <v>38657</v>
      </c>
      <c r="G11030" s="8">
        <v>1</v>
      </c>
      <c r="H11030" s="8">
        <v>1</v>
      </c>
      <c r="I11030" s="8">
        <v>0</v>
      </c>
      <c r="J11030" s="8">
        <v>1</v>
      </c>
      <c r="K11030" s="9">
        <v>155</v>
      </c>
      <c r="L11030" s="6" t="s">
        <v>51</v>
      </c>
    </row>
    <row r="11031" spans="1:12">
      <c r="A11031" s="6" t="s">
        <v>49</v>
      </c>
      <c r="B11031" s="6"/>
      <c r="C11031" s="6" t="s">
        <v>11055</v>
      </c>
      <c r="D11031" s="6"/>
      <c r="E11031" s="6" t="s">
        <v>9</v>
      </c>
      <c r="F11031" s="7">
        <v>38657</v>
      </c>
      <c r="G11031" s="8">
        <v>1</v>
      </c>
      <c r="H11031" s="8">
        <v>1</v>
      </c>
      <c r="I11031" s="8">
        <v>0</v>
      </c>
      <c r="J11031" s="8">
        <v>1</v>
      </c>
      <c r="K11031" s="9">
        <v>90</v>
      </c>
      <c r="L11031" s="6" t="s">
        <v>51</v>
      </c>
    </row>
    <row r="11032" spans="1:12">
      <c r="A11032" s="6" t="s">
        <v>49</v>
      </c>
      <c r="B11032" s="6"/>
      <c r="C11032" s="6" t="s">
        <v>11056</v>
      </c>
      <c r="D11032" s="6"/>
      <c r="E11032" s="6" t="s">
        <v>9</v>
      </c>
      <c r="F11032" s="7">
        <v>38657</v>
      </c>
      <c r="G11032" s="8">
        <v>1</v>
      </c>
      <c r="H11032" s="8">
        <v>1</v>
      </c>
      <c r="I11032" s="8">
        <v>0</v>
      </c>
      <c r="J11032" s="8">
        <v>1</v>
      </c>
      <c r="K11032" s="9">
        <v>11.91</v>
      </c>
      <c r="L11032" s="6" t="s">
        <v>51</v>
      </c>
    </row>
    <row r="11033" spans="1:12">
      <c r="A11033" s="6" t="s">
        <v>49</v>
      </c>
      <c r="B11033" s="6"/>
      <c r="C11033" s="6" t="s">
        <v>11057</v>
      </c>
      <c r="D11033" s="6"/>
      <c r="E11033" s="6" t="s">
        <v>9</v>
      </c>
      <c r="F11033" s="7">
        <v>38657</v>
      </c>
      <c r="G11033" s="8">
        <v>1</v>
      </c>
      <c r="H11033" s="8">
        <v>1</v>
      </c>
      <c r="I11033" s="8">
        <v>0</v>
      </c>
      <c r="J11033" s="8">
        <v>1</v>
      </c>
      <c r="K11033" s="9">
        <v>157</v>
      </c>
      <c r="L11033" s="6" t="s">
        <v>51</v>
      </c>
    </row>
    <row r="11034" spans="1:12">
      <c r="A11034" s="6" t="s">
        <v>49</v>
      </c>
      <c r="B11034" s="6"/>
      <c r="C11034" s="6" t="s">
        <v>11058</v>
      </c>
      <c r="D11034" s="6"/>
      <c r="E11034" s="6" t="s">
        <v>9</v>
      </c>
      <c r="F11034" s="7">
        <v>38657</v>
      </c>
      <c r="G11034" s="8">
        <v>1</v>
      </c>
      <c r="H11034" s="8">
        <v>1</v>
      </c>
      <c r="I11034" s="8">
        <v>0</v>
      </c>
      <c r="J11034" s="8">
        <v>1</v>
      </c>
      <c r="K11034" s="9">
        <v>33</v>
      </c>
      <c r="L11034" s="6" t="s">
        <v>51</v>
      </c>
    </row>
    <row r="11035" spans="1:12">
      <c r="A11035" s="6" t="s">
        <v>49</v>
      </c>
      <c r="B11035" s="6"/>
      <c r="C11035" s="6" t="s">
        <v>11059</v>
      </c>
      <c r="D11035" s="6"/>
      <c r="E11035" s="6" t="s">
        <v>9</v>
      </c>
      <c r="F11035" s="7">
        <v>38657</v>
      </c>
      <c r="G11035" s="8">
        <v>1</v>
      </c>
      <c r="H11035" s="8">
        <v>1</v>
      </c>
      <c r="I11035" s="8">
        <v>0</v>
      </c>
      <c r="J11035" s="8">
        <v>1</v>
      </c>
      <c r="K11035" s="9">
        <v>48</v>
      </c>
      <c r="L11035" s="6" t="s">
        <v>51</v>
      </c>
    </row>
    <row r="11036" spans="1:12">
      <c r="A11036" s="6" t="s">
        <v>49</v>
      </c>
      <c r="B11036" s="6"/>
      <c r="C11036" s="6" t="s">
        <v>11060</v>
      </c>
      <c r="D11036" s="6"/>
      <c r="E11036" s="6" t="s">
        <v>9</v>
      </c>
      <c r="F11036" s="7">
        <v>38657</v>
      </c>
      <c r="G11036" s="8">
        <v>1</v>
      </c>
      <c r="H11036" s="8">
        <v>1</v>
      </c>
      <c r="I11036" s="8">
        <v>0</v>
      </c>
      <c r="J11036" s="8">
        <v>1</v>
      </c>
      <c r="K11036" s="9">
        <v>17</v>
      </c>
      <c r="L11036" s="6" t="s">
        <v>51</v>
      </c>
    </row>
    <row r="11037" spans="1:12">
      <c r="A11037" s="6" t="s">
        <v>49</v>
      </c>
      <c r="B11037" s="6"/>
      <c r="C11037" s="6" t="s">
        <v>11061</v>
      </c>
      <c r="D11037" s="6"/>
      <c r="E11037" s="6" t="s">
        <v>9</v>
      </c>
      <c r="F11037" s="7">
        <v>38657</v>
      </c>
      <c r="G11037" s="8">
        <v>1</v>
      </c>
      <c r="H11037" s="8">
        <v>1</v>
      </c>
      <c r="I11037" s="8">
        <v>0</v>
      </c>
      <c r="J11037" s="8">
        <v>1</v>
      </c>
      <c r="K11037" s="9">
        <v>61</v>
      </c>
      <c r="L11037" s="6" t="s">
        <v>51</v>
      </c>
    </row>
    <row r="11038" spans="1:12">
      <c r="A11038" s="6" t="s">
        <v>49</v>
      </c>
      <c r="B11038" s="6"/>
      <c r="C11038" s="6" t="s">
        <v>11062</v>
      </c>
      <c r="D11038" s="6"/>
      <c r="E11038" s="6" t="s">
        <v>9</v>
      </c>
      <c r="F11038" s="7">
        <v>38657</v>
      </c>
      <c r="G11038" s="8">
        <v>1</v>
      </c>
      <c r="H11038" s="8">
        <v>1</v>
      </c>
      <c r="I11038" s="8">
        <v>0</v>
      </c>
      <c r="J11038" s="8">
        <v>1</v>
      </c>
      <c r="K11038" s="9">
        <v>39</v>
      </c>
      <c r="L11038" s="6" t="s">
        <v>51</v>
      </c>
    </row>
    <row r="11039" spans="1:12">
      <c r="A11039" s="6" t="s">
        <v>49</v>
      </c>
      <c r="B11039" s="6"/>
      <c r="C11039" s="6" t="s">
        <v>11063</v>
      </c>
      <c r="D11039" s="6"/>
      <c r="E11039" s="6" t="s">
        <v>9</v>
      </c>
      <c r="F11039" s="7">
        <v>38657</v>
      </c>
      <c r="G11039" s="8">
        <v>1</v>
      </c>
      <c r="H11039" s="8">
        <v>1</v>
      </c>
      <c r="I11039" s="8">
        <v>0</v>
      </c>
      <c r="J11039" s="8">
        <v>1</v>
      </c>
      <c r="K11039" s="9">
        <v>16</v>
      </c>
      <c r="L11039" s="6" t="s">
        <v>51</v>
      </c>
    </row>
    <row r="11040" spans="1:12">
      <c r="A11040" s="6" t="s">
        <v>49</v>
      </c>
      <c r="B11040" s="6"/>
      <c r="C11040" s="6" t="s">
        <v>11064</v>
      </c>
      <c r="D11040" s="6"/>
      <c r="E11040" s="6" t="s">
        <v>9</v>
      </c>
      <c r="F11040" s="7">
        <v>38657</v>
      </c>
      <c r="G11040" s="8">
        <v>1</v>
      </c>
      <c r="H11040" s="8">
        <v>1</v>
      </c>
      <c r="I11040" s="8">
        <v>0</v>
      </c>
      <c r="J11040" s="8">
        <v>1</v>
      </c>
      <c r="K11040" s="9">
        <v>5.52</v>
      </c>
      <c r="L11040" s="6" t="s">
        <v>51</v>
      </c>
    </row>
    <row r="11041" spans="1:12">
      <c r="A11041" s="6" t="s">
        <v>49</v>
      </c>
      <c r="B11041" s="6"/>
      <c r="C11041" s="6" t="s">
        <v>11065</v>
      </c>
      <c r="D11041" s="6"/>
      <c r="E11041" s="6" t="s">
        <v>9</v>
      </c>
      <c r="F11041" s="7">
        <v>38657</v>
      </c>
      <c r="G11041" s="8">
        <v>1</v>
      </c>
      <c r="H11041" s="8">
        <v>1</v>
      </c>
      <c r="I11041" s="8">
        <v>0</v>
      </c>
      <c r="J11041" s="8">
        <v>1</v>
      </c>
      <c r="K11041" s="9">
        <v>24</v>
      </c>
      <c r="L11041" s="6" t="s">
        <v>51</v>
      </c>
    </row>
    <row r="11042" spans="1:12">
      <c r="A11042" s="6" t="s">
        <v>49</v>
      </c>
      <c r="B11042" s="6"/>
      <c r="C11042" s="6" t="s">
        <v>11066</v>
      </c>
      <c r="D11042" s="6"/>
      <c r="E11042" s="6" t="s">
        <v>9</v>
      </c>
      <c r="F11042" s="7">
        <v>38657</v>
      </c>
      <c r="G11042" s="8">
        <v>1</v>
      </c>
      <c r="H11042" s="8">
        <v>1</v>
      </c>
      <c r="I11042" s="8">
        <v>0</v>
      </c>
      <c r="J11042" s="8">
        <v>1</v>
      </c>
      <c r="K11042" s="9">
        <v>2.88</v>
      </c>
      <c r="L11042" s="6" t="s">
        <v>51</v>
      </c>
    </row>
    <row r="11043" spans="1:12">
      <c r="A11043" s="6" t="s">
        <v>49</v>
      </c>
      <c r="B11043" s="6"/>
      <c r="C11043" s="6" t="s">
        <v>11067</v>
      </c>
      <c r="D11043" s="6"/>
      <c r="E11043" s="6" t="s">
        <v>9</v>
      </c>
      <c r="F11043" s="7">
        <v>38657</v>
      </c>
      <c r="G11043" s="8">
        <v>1</v>
      </c>
      <c r="H11043" s="8">
        <v>1</v>
      </c>
      <c r="I11043" s="8">
        <v>0</v>
      </c>
      <c r="J11043" s="8">
        <v>1</v>
      </c>
      <c r="K11043" s="9">
        <v>37.07</v>
      </c>
      <c r="L11043" s="6" t="s">
        <v>51</v>
      </c>
    </row>
    <row r="11044" spans="1:12">
      <c r="A11044" s="6" t="s">
        <v>49</v>
      </c>
      <c r="B11044" s="6"/>
      <c r="C11044" s="6" t="s">
        <v>11068</v>
      </c>
      <c r="D11044" s="6"/>
      <c r="E11044" s="6" t="s">
        <v>9</v>
      </c>
      <c r="F11044" s="7">
        <v>38657</v>
      </c>
      <c r="G11044" s="8">
        <v>1</v>
      </c>
      <c r="H11044" s="8">
        <v>1</v>
      </c>
      <c r="I11044" s="8">
        <v>0</v>
      </c>
      <c r="J11044" s="8">
        <v>1</v>
      </c>
      <c r="K11044" s="9">
        <v>5.35</v>
      </c>
      <c r="L11044" s="6" t="s">
        <v>51</v>
      </c>
    </row>
    <row r="11045" spans="1:12">
      <c r="A11045" s="6" t="s">
        <v>49</v>
      </c>
      <c r="B11045" s="6"/>
      <c r="C11045" s="6" t="s">
        <v>11069</v>
      </c>
      <c r="D11045" s="6"/>
      <c r="E11045" s="6" t="s">
        <v>9</v>
      </c>
      <c r="F11045" s="7">
        <v>38657</v>
      </c>
      <c r="G11045" s="8">
        <v>1</v>
      </c>
      <c r="H11045" s="8">
        <v>1</v>
      </c>
      <c r="I11045" s="8">
        <v>0</v>
      </c>
      <c r="J11045" s="8">
        <v>1</v>
      </c>
      <c r="K11045" s="9">
        <v>6.56</v>
      </c>
      <c r="L11045" s="6" t="s">
        <v>51</v>
      </c>
    </row>
    <row r="11046" spans="1:12">
      <c r="A11046" s="6" t="s">
        <v>49</v>
      </c>
      <c r="B11046" s="6"/>
      <c r="C11046" s="6" t="s">
        <v>11070</v>
      </c>
      <c r="D11046" s="6"/>
      <c r="E11046" s="6" t="s">
        <v>9</v>
      </c>
      <c r="F11046" s="7">
        <v>38657</v>
      </c>
      <c r="G11046" s="8">
        <v>1</v>
      </c>
      <c r="H11046" s="8">
        <v>1</v>
      </c>
      <c r="I11046" s="8">
        <v>0</v>
      </c>
      <c r="J11046" s="8">
        <v>1</v>
      </c>
      <c r="K11046" s="9">
        <v>8.27</v>
      </c>
      <c r="L11046" s="6" t="s">
        <v>51</v>
      </c>
    </row>
    <row r="11047" spans="1:12">
      <c r="A11047" s="6" t="s">
        <v>49</v>
      </c>
      <c r="B11047" s="6"/>
      <c r="C11047" s="6" t="s">
        <v>11071</v>
      </c>
      <c r="D11047" s="6"/>
      <c r="E11047" s="6" t="s">
        <v>9</v>
      </c>
      <c r="F11047" s="7">
        <v>38657</v>
      </c>
      <c r="G11047" s="8">
        <v>1</v>
      </c>
      <c r="H11047" s="8">
        <v>1</v>
      </c>
      <c r="I11047" s="8">
        <v>0</v>
      </c>
      <c r="J11047" s="8">
        <v>1</v>
      </c>
      <c r="K11047" s="9">
        <v>5.01</v>
      </c>
      <c r="L11047" s="6" t="s">
        <v>51</v>
      </c>
    </row>
    <row r="11048" spans="1:12">
      <c r="A11048" s="6" t="s">
        <v>49</v>
      </c>
      <c r="B11048" s="6"/>
      <c r="C11048" s="6" t="s">
        <v>11072</v>
      </c>
      <c r="D11048" s="6"/>
      <c r="E11048" s="6" t="s">
        <v>9</v>
      </c>
      <c r="F11048" s="7">
        <v>38657</v>
      </c>
      <c r="G11048" s="8">
        <v>1</v>
      </c>
      <c r="H11048" s="8">
        <v>1</v>
      </c>
      <c r="I11048" s="8">
        <v>0</v>
      </c>
      <c r="J11048" s="8">
        <v>1</v>
      </c>
      <c r="K11048" s="9">
        <v>28</v>
      </c>
      <c r="L11048" s="6" t="s">
        <v>51</v>
      </c>
    </row>
    <row r="11049" spans="1:12">
      <c r="A11049" s="6" t="s">
        <v>49</v>
      </c>
      <c r="B11049" s="6"/>
      <c r="C11049" s="6" t="s">
        <v>11073</v>
      </c>
      <c r="D11049" s="6"/>
      <c r="E11049" s="6" t="s">
        <v>9</v>
      </c>
      <c r="F11049" s="7">
        <v>38657</v>
      </c>
      <c r="G11049" s="8">
        <v>1</v>
      </c>
      <c r="H11049" s="8">
        <v>1</v>
      </c>
      <c r="I11049" s="8">
        <v>0</v>
      </c>
      <c r="J11049" s="8">
        <v>1</v>
      </c>
      <c r="K11049" s="9">
        <v>118</v>
      </c>
      <c r="L11049" s="6" t="s">
        <v>51</v>
      </c>
    </row>
    <row r="11050" spans="1:12">
      <c r="A11050" s="6" t="s">
        <v>49</v>
      </c>
      <c r="B11050" s="6"/>
      <c r="C11050" s="6" t="s">
        <v>11074</v>
      </c>
      <c r="D11050" s="6"/>
      <c r="E11050" s="6" t="s">
        <v>9</v>
      </c>
      <c r="F11050" s="7">
        <v>38657</v>
      </c>
      <c r="G11050" s="8">
        <v>1</v>
      </c>
      <c r="H11050" s="8">
        <v>1</v>
      </c>
      <c r="I11050" s="8">
        <v>0</v>
      </c>
      <c r="J11050" s="8">
        <v>1</v>
      </c>
      <c r="K11050" s="9">
        <v>41</v>
      </c>
      <c r="L11050" s="6" t="s">
        <v>51</v>
      </c>
    </row>
    <row r="11051" spans="1:12">
      <c r="A11051" s="6" t="s">
        <v>49</v>
      </c>
      <c r="B11051" s="6"/>
      <c r="C11051" s="6" t="s">
        <v>11075</v>
      </c>
      <c r="D11051" s="6"/>
      <c r="E11051" s="6" t="s">
        <v>9</v>
      </c>
      <c r="F11051" s="7">
        <v>38657</v>
      </c>
      <c r="G11051" s="8">
        <v>1</v>
      </c>
      <c r="H11051" s="8">
        <v>1</v>
      </c>
      <c r="I11051" s="8">
        <v>0</v>
      </c>
      <c r="J11051" s="8">
        <v>1</v>
      </c>
      <c r="K11051" s="9">
        <v>82</v>
      </c>
      <c r="L11051" s="6" t="s">
        <v>51</v>
      </c>
    </row>
    <row r="11052" spans="1:12">
      <c r="A11052" s="6" t="s">
        <v>49</v>
      </c>
      <c r="B11052" s="6"/>
      <c r="C11052" s="6" t="s">
        <v>11076</v>
      </c>
      <c r="D11052" s="6"/>
      <c r="E11052" s="6" t="s">
        <v>9</v>
      </c>
      <c r="F11052" s="7">
        <v>38657</v>
      </c>
      <c r="G11052" s="8">
        <v>1</v>
      </c>
      <c r="H11052" s="8">
        <v>1</v>
      </c>
      <c r="I11052" s="8">
        <v>0</v>
      </c>
      <c r="J11052" s="8">
        <v>1</v>
      </c>
      <c r="K11052" s="9">
        <v>28</v>
      </c>
      <c r="L11052" s="6" t="s">
        <v>51</v>
      </c>
    </row>
    <row r="11053" spans="1:12">
      <c r="A11053" s="6" t="s">
        <v>49</v>
      </c>
      <c r="B11053" s="6"/>
      <c r="C11053" s="6" t="s">
        <v>11077</v>
      </c>
      <c r="D11053" s="6"/>
      <c r="E11053" s="6" t="s">
        <v>9</v>
      </c>
      <c r="F11053" s="7"/>
      <c r="G11053" s="8">
        <v>1</v>
      </c>
      <c r="H11053" s="8">
        <v>1</v>
      </c>
      <c r="I11053" s="8">
        <v>0</v>
      </c>
      <c r="J11053" s="8">
        <v>1</v>
      </c>
      <c r="K11053" s="9">
        <v>16</v>
      </c>
      <c r="L11053" s="6" t="s">
        <v>51</v>
      </c>
    </row>
    <row r="11054" spans="1:12">
      <c r="A11054" s="6" t="s">
        <v>49</v>
      </c>
      <c r="B11054" s="6"/>
      <c r="C11054" s="6" t="s">
        <v>11078</v>
      </c>
      <c r="D11054" s="6"/>
      <c r="E11054" s="6" t="s">
        <v>9</v>
      </c>
      <c r="F11054" s="7">
        <v>38657</v>
      </c>
      <c r="G11054" s="8">
        <v>1</v>
      </c>
      <c r="H11054" s="8">
        <v>1</v>
      </c>
      <c r="I11054" s="8">
        <v>0</v>
      </c>
      <c r="J11054" s="8">
        <v>1</v>
      </c>
      <c r="K11054" s="9">
        <v>42.81</v>
      </c>
      <c r="L11054" s="6" t="s">
        <v>51</v>
      </c>
    </row>
    <row r="11055" spans="1:12">
      <c r="A11055" s="6" t="s">
        <v>49</v>
      </c>
      <c r="B11055" s="6"/>
      <c r="C11055" s="6" t="s">
        <v>11079</v>
      </c>
      <c r="D11055" s="6"/>
      <c r="E11055" s="6" t="s">
        <v>9</v>
      </c>
      <c r="F11055" s="7"/>
      <c r="G11055" s="8">
        <v>1</v>
      </c>
      <c r="H11055" s="8">
        <v>1</v>
      </c>
      <c r="I11055" s="8">
        <v>0</v>
      </c>
      <c r="J11055" s="8">
        <v>1</v>
      </c>
      <c r="K11055" s="9">
        <v>456</v>
      </c>
      <c r="L11055" s="6" t="s">
        <v>51</v>
      </c>
    </row>
    <row r="11056" spans="1:12">
      <c r="A11056" s="6" t="s">
        <v>49</v>
      </c>
      <c r="B11056" s="6"/>
      <c r="C11056" s="6" t="s">
        <v>11080</v>
      </c>
      <c r="D11056" s="6"/>
      <c r="E11056" s="6" t="s">
        <v>9</v>
      </c>
      <c r="F11056" s="7"/>
      <c r="G11056" s="8">
        <v>1</v>
      </c>
      <c r="H11056" s="8">
        <v>1</v>
      </c>
      <c r="I11056" s="8">
        <v>0</v>
      </c>
      <c r="J11056" s="8">
        <v>1</v>
      </c>
      <c r="K11056" s="9">
        <v>19</v>
      </c>
      <c r="L11056" s="6" t="s">
        <v>51</v>
      </c>
    </row>
    <row r="11057" spans="1:12">
      <c r="A11057" s="6" t="s">
        <v>49</v>
      </c>
      <c r="B11057" s="6"/>
      <c r="C11057" s="6" t="s">
        <v>11081</v>
      </c>
      <c r="D11057" s="6"/>
      <c r="E11057" s="6" t="s">
        <v>9</v>
      </c>
      <c r="F11057" s="7"/>
      <c r="G11057" s="8">
        <v>1</v>
      </c>
      <c r="H11057" s="8">
        <v>1</v>
      </c>
      <c r="I11057" s="8">
        <v>0</v>
      </c>
      <c r="J11057" s="8">
        <v>1</v>
      </c>
      <c r="K11057" s="9">
        <v>79</v>
      </c>
      <c r="L11057" s="6" t="s">
        <v>51</v>
      </c>
    </row>
    <row r="11058" spans="1:12">
      <c r="A11058" s="6" t="s">
        <v>49</v>
      </c>
      <c r="B11058" s="6"/>
      <c r="C11058" s="6" t="s">
        <v>11082</v>
      </c>
      <c r="D11058" s="6"/>
      <c r="E11058" s="6" t="s">
        <v>9</v>
      </c>
      <c r="F11058" s="7"/>
      <c r="G11058" s="8">
        <v>1</v>
      </c>
      <c r="H11058" s="8">
        <v>1</v>
      </c>
      <c r="I11058" s="8">
        <v>0</v>
      </c>
      <c r="J11058" s="8">
        <v>1</v>
      </c>
      <c r="K11058" s="9">
        <v>49</v>
      </c>
      <c r="L11058" s="6" t="s">
        <v>51</v>
      </c>
    </row>
    <row r="11059" spans="1:12">
      <c r="A11059" s="6" t="s">
        <v>49</v>
      </c>
      <c r="B11059" s="6"/>
      <c r="C11059" s="6" t="s">
        <v>11083</v>
      </c>
      <c r="D11059" s="6"/>
      <c r="E11059" s="6" t="s">
        <v>9</v>
      </c>
      <c r="F11059" s="7"/>
      <c r="G11059" s="8">
        <v>1</v>
      </c>
      <c r="H11059" s="8">
        <v>1</v>
      </c>
      <c r="I11059" s="8">
        <v>0</v>
      </c>
      <c r="J11059" s="8">
        <v>1</v>
      </c>
      <c r="K11059" s="9">
        <v>46</v>
      </c>
      <c r="L11059" s="6" t="s">
        <v>51</v>
      </c>
    </row>
    <row r="11060" spans="1:12">
      <c r="A11060" s="6" t="s">
        <v>49</v>
      </c>
      <c r="B11060" s="6"/>
      <c r="C11060" s="6" t="s">
        <v>11084</v>
      </c>
      <c r="D11060" s="6"/>
      <c r="E11060" s="6" t="s">
        <v>9</v>
      </c>
      <c r="F11060" s="7"/>
      <c r="G11060" s="8">
        <v>1</v>
      </c>
      <c r="H11060" s="8">
        <v>1</v>
      </c>
      <c r="I11060" s="8">
        <v>0</v>
      </c>
      <c r="J11060" s="8">
        <v>1</v>
      </c>
      <c r="K11060" s="9">
        <v>33</v>
      </c>
      <c r="L11060" s="6" t="s">
        <v>51</v>
      </c>
    </row>
    <row r="11061" spans="1:12">
      <c r="A11061" s="6" t="s">
        <v>49</v>
      </c>
      <c r="B11061" s="6"/>
      <c r="C11061" s="6" t="s">
        <v>11085</v>
      </c>
      <c r="D11061" s="6"/>
      <c r="E11061" s="6" t="s">
        <v>9</v>
      </c>
      <c r="F11061" s="7"/>
      <c r="G11061" s="8">
        <v>1</v>
      </c>
      <c r="H11061" s="8">
        <v>1</v>
      </c>
      <c r="I11061" s="8">
        <v>0</v>
      </c>
      <c r="J11061" s="8">
        <v>1</v>
      </c>
      <c r="K11061" s="9">
        <v>76</v>
      </c>
      <c r="L11061" s="6" t="s">
        <v>51</v>
      </c>
    </row>
    <row r="11062" spans="1:12">
      <c r="A11062" s="6" t="s">
        <v>49</v>
      </c>
      <c r="B11062" s="6"/>
      <c r="C11062" s="6" t="s">
        <v>11086</v>
      </c>
      <c r="D11062" s="6"/>
      <c r="E11062" s="6" t="s">
        <v>9</v>
      </c>
      <c r="F11062" s="7"/>
      <c r="G11062" s="8">
        <v>1</v>
      </c>
      <c r="H11062" s="8">
        <v>1</v>
      </c>
      <c r="I11062" s="8">
        <v>0</v>
      </c>
      <c r="J11062" s="8">
        <v>1</v>
      </c>
      <c r="K11062" s="9">
        <v>29</v>
      </c>
      <c r="L11062" s="6" t="s">
        <v>51</v>
      </c>
    </row>
    <row r="11063" spans="1:12">
      <c r="A11063" s="6" t="s">
        <v>49</v>
      </c>
      <c r="B11063" s="6"/>
      <c r="C11063" s="6" t="s">
        <v>11087</v>
      </c>
      <c r="D11063" s="6"/>
      <c r="E11063" s="6" t="s">
        <v>9</v>
      </c>
      <c r="F11063" s="7"/>
      <c r="G11063" s="8">
        <v>1</v>
      </c>
      <c r="H11063" s="8">
        <v>1</v>
      </c>
      <c r="I11063" s="8">
        <v>0</v>
      </c>
      <c r="J11063" s="8">
        <v>1</v>
      </c>
      <c r="K11063" s="9">
        <v>52</v>
      </c>
      <c r="L11063" s="6" t="s">
        <v>51</v>
      </c>
    </row>
    <row r="11064" spans="1:12">
      <c r="A11064" s="6" t="s">
        <v>49</v>
      </c>
      <c r="B11064" s="6"/>
      <c r="C11064" s="6" t="s">
        <v>11088</v>
      </c>
      <c r="D11064" s="6"/>
      <c r="E11064" s="6" t="s">
        <v>9</v>
      </c>
      <c r="F11064" s="7"/>
      <c r="G11064" s="8">
        <v>1</v>
      </c>
      <c r="H11064" s="8">
        <v>1</v>
      </c>
      <c r="I11064" s="8">
        <v>0</v>
      </c>
      <c r="J11064" s="8">
        <v>1</v>
      </c>
      <c r="K11064" s="9">
        <v>39</v>
      </c>
      <c r="L11064" s="6" t="s">
        <v>51</v>
      </c>
    </row>
    <row r="11065" spans="1:12">
      <c r="A11065" s="6" t="s">
        <v>49</v>
      </c>
      <c r="B11065" s="6"/>
      <c r="C11065" s="6" t="s">
        <v>11089</v>
      </c>
      <c r="D11065" s="6"/>
      <c r="E11065" s="6" t="s">
        <v>9</v>
      </c>
      <c r="F11065" s="7">
        <v>38657</v>
      </c>
      <c r="G11065" s="8">
        <v>1</v>
      </c>
      <c r="H11065" s="8">
        <v>1</v>
      </c>
      <c r="I11065" s="8">
        <v>0</v>
      </c>
      <c r="J11065" s="8">
        <v>1</v>
      </c>
      <c r="K11065" s="9">
        <v>2.4700000000000002</v>
      </c>
      <c r="L11065" s="6" t="s">
        <v>51</v>
      </c>
    </row>
    <row r="11066" spans="1:12">
      <c r="A11066" s="6" t="s">
        <v>49</v>
      </c>
      <c r="B11066" s="6"/>
      <c r="C11066" s="6" t="s">
        <v>11090</v>
      </c>
      <c r="D11066" s="6"/>
      <c r="E11066" s="6" t="s">
        <v>9</v>
      </c>
      <c r="F11066" s="7"/>
      <c r="G11066" s="8">
        <v>1</v>
      </c>
      <c r="H11066" s="8">
        <v>1</v>
      </c>
      <c r="I11066" s="8">
        <v>0</v>
      </c>
      <c r="J11066" s="8">
        <v>1</v>
      </c>
      <c r="K11066" s="9">
        <v>16</v>
      </c>
      <c r="L11066" s="6" t="s">
        <v>51</v>
      </c>
    </row>
    <row r="11067" spans="1:12">
      <c r="A11067" s="6" t="s">
        <v>49</v>
      </c>
      <c r="B11067" s="6"/>
      <c r="C11067" s="6" t="s">
        <v>11091</v>
      </c>
      <c r="D11067" s="6"/>
      <c r="E11067" s="6" t="s">
        <v>9</v>
      </c>
      <c r="F11067" s="7"/>
      <c r="G11067" s="8">
        <v>1</v>
      </c>
      <c r="H11067" s="8">
        <v>1</v>
      </c>
      <c r="I11067" s="8">
        <v>0</v>
      </c>
      <c r="J11067" s="8">
        <v>1</v>
      </c>
      <c r="K11067" s="9">
        <v>135</v>
      </c>
      <c r="L11067" s="6" t="s">
        <v>51</v>
      </c>
    </row>
    <row r="11068" spans="1:12">
      <c r="A11068" s="6" t="s">
        <v>49</v>
      </c>
      <c r="B11068" s="6"/>
      <c r="C11068" s="6" t="s">
        <v>11092</v>
      </c>
      <c r="D11068" s="6"/>
      <c r="E11068" s="6" t="s">
        <v>9</v>
      </c>
      <c r="F11068" s="7">
        <v>38657</v>
      </c>
      <c r="G11068" s="8">
        <v>1</v>
      </c>
      <c r="H11068" s="8">
        <v>1</v>
      </c>
      <c r="I11068" s="8">
        <v>0</v>
      </c>
      <c r="J11068" s="8">
        <v>1</v>
      </c>
      <c r="K11068" s="9">
        <v>25</v>
      </c>
      <c r="L11068" s="6" t="s">
        <v>51</v>
      </c>
    </row>
    <row r="11069" spans="1:12">
      <c r="A11069" s="6" t="s">
        <v>49</v>
      </c>
      <c r="B11069" s="6"/>
      <c r="C11069" s="6" t="s">
        <v>11093</v>
      </c>
      <c r="D11069" s="6"/>
      <c r="E11069" s="6" t="s">
        <v>9</v>
      </c>
      <c r="F11069" s="7">
        <v>38657</v>
      </c>
      <c r="G11069" s="8">
        <v>1</v>
      </c>
      <c r="H11069" s="8">
        <v>1</v>
      </c>
      <c r="I11069" s="8">
        <v>0</v>
      </c>
      <c r="J11069" s="8">
        <v>1</v>
      </c>
      <c r="K11069" s="9">
        <v>26</v>
      </c>
      <c r="L11069" s="6" t="s">
        <v>51</v>
      </c>
    </row>
    <row r="11070" spans="1:12">
      <c r="A11070" s="6" t="s">
        <v>49</v>
      </c>
      <c r="B11070" s="6"/>
      <c r="C11070" s="6" t="s">
        <v>11094</v>
      </c>
      <c r="D11070" s="6"/>
      <c r="E11070" s="6" t="s">
        <v>9</v>
      </c>
      <c r="F11070" s="7">
        <v>38657</v>
      </c>
      <c r="G11070" s="8">
        <v>1</v>
      </c>
      <c r="H11070" s="8">
        <v>1</v>
      </c>
      <c r="I11070" s="8">
        <v>0</v>
      </c>
      <c r="J11070" s="8">
        <v>1</v>
      </c>
      <c r="K11070" s="9">
        <v>45</v>
      </c>
      <c r="L11070" s="6" t="s">
        <v>51</v>
      </c>
    </row>
    <row r="11071" spans="1:12">
      <c r="A11071" s="6" t="s">
        <v>49</v>
      </c>
      <c r="B11071" s="6"/>
      <c r="C11071" s="6" t="s">
        <v>11095</v>
      </c>
      <c r="D11071" s="6"/>
      <c r="E11071" s="6" t="s">
        <v>9</v>
      </c>
      <c r="F11071" s="7">
        <v>38657</v>
      </c>
      <c r="G11071" s="8">
        <v>1</v>
      </c>
      <c r="H11071" s="8">
        <v>1</v>
      </c>
      <c r="I11071" s="8">
        <v>0</v>
      </c>
      <c r="J11071" s="8">
        <v>1</v>
      </c>
      <c r="K11071" s="9">
        <v>18</v>
      </c>
      <c r="L11071" s="6" t="s">
        <v>51</v>
      </c>
    </row>
    <row r="11072" spans="1:12">
      <c r="A11072" s="6" t="s">
        <v>49</v>
      </c>
      <c r="B11072" s="6"/>
      <c r="C11072" s="6" t="s">
        <v>11096</v>
      </c>
      <c r="D11072" s="6"/>
      <c r="E11072" s="6" t="s">
        <v>9</v>
      </c>
      <c r="F11072" s="7">
        <v>38657</v>
      </c>
      <c r="G11072" s="8">
        <v>1</v>
      </c>
      <c r="H11072" s="8">
        <v>1</v>
      </c>
      <c r="I11072" s="8">
        <v>0</v>
      </c>
      <c r="J11072" s="8">
        <v>1</v>
      </c>
      <c r="K11072" s="9">
        <v>29</v>
      </c>
      <c r="L11072" s="6" t="s">
        <v>51</v>
      </c>
    </row>
    <row r="11073" spans="1:12">
      <c r="A11073" s="6" t="s">
        <v>49</v>
      </c>
      <c r="B11073" s="6"/>
      <c r="C11073" s="6" t="s">
        <v>11097</v>
      </c>
      <c r="D11073" s="6"/>
      <c r="E11073" s="6" t="s">
        <v>9</v>
      </c>
      <c r="F11073" s="7">
        <v>38657</v>
      </c>
      <c r="G11073" s="8">
        <v>1</v>
      </c>
      <c r="H11073" s="8">
        <v>1</v>
      </c>
      <c r="I11073" s="8">
        <v>0</v>
      </c>
      <c r="J11073" s="8">
        <v>1</v>
      </c>
      <c r="K11073" s="9">
        <v>26</v>
      </c>
      <c r="L11073" s="6" t="s">
        <v>51</v>
      </c>
    </row>
    <row r="11074" spans="1:12">
      <c r="A11074" s="6" t="s">
        <v>49</v>
      </c>
      <c r="B11074" s="6"/>
      <c r="C11074" s="6" t="s">
        <v>11098</v>
      </c>
      <c r="D11074" s="6"/>
      <c r="E11074" s="6" t="s">
        <v>9</v>
      </c>
      <c r="F11074" s="7">
        <v>38657</v>
      </c>
      <c r="G11074" s="8">
        <v>1</v>
      </c>
      <c r="H11074" s="8">
        <v>1</v>
      </c>
      <c r="I11074" s="8">
        <v>0</v>
      </c>
      <c r="J11074" s="8">
        <v>1</v>
      </c>
      <c r="K11074" s="9">
        <v>3.01</v>
      </c>
      <c r="L11074" s="6" t="s">
        <v>51</v>
      </c>
    </row>
    <row r="11075" spans="1:12">
      <c r="A11075" s="6" t="s">
        <v>49</v>
      </c>
      <c r="B11075" s="6"/>
      <c r="C11075" s="6" t="s">
        <v>11099</v>
      </c>
      <c r="D11075" s="6"/>
      <c r="E11075" s="6" t="s">
        <v>9</v>
      </c>
      <c r="F11075" s="7">
        <v>38657</v>
      </c>
      <c r="G11075" s="8">
        <v>1</v>
      </c>
      <c r="H11075" s="8">
        <v>1</v>
      </c>
      <c r="I11075" s="8">
        <v>0</v>
      </c>
      <c r="J11075" s="8">
        <v>1</v>
      </c>
      <c r="K11075" s="9">
        <v>12</v>
      </c>
      <c r="L11075" s="6" t="s">
        <v>51</v>
      </c>
    </row>
    <row r="11076" spans="1:12">
      <c r="A11076" s="6" t="s">
        <v>49</v>
      </c>
      <c r="B11076" s="6"/>
      <c r="C11076" s="6" t="s">
        <v>11100</v>
      </c>
      <c r="D11076" s="6"/>
      <c r="E11076" s="6" t="s">
        <v>9</v>
      </c>
      <c r="F11076" s="7">
        <v>38657</v>
      </c>
      <c r="G11076" s="8">
        <v>1</v>
      </c>
      <c r="H11076" s="8">
        <v>1</v>
      </c>
      <c r="I11076" s="8">
        <v>0</v>
      </c>
      <c r="J11076" s="8">
        <v>1</v>
      </c>
      <c r="K11076" s="9">
        <v>9.27</v>
      </c>
      <c r="L11076" s="6" t="s">
        <v>51</v>
      </c>
    </row>
    <row r="11077" spans="1:12">
      <c r="A11077" s="6" t="s">
        <v>49</v>
      </c>
      <c r="B11077" s="6"/>
      <c r="C11077" s="6" t="s">
        <v>11101</v>
      </c>
      <c r="D11077" s="6"/>
      <c r="E11077" s="6" t="s">
        <v>9</v>
      </c>
      <c r="F11077" s="7">
        <v>38657</v>
      </c>
      <c r="G11077" s="8">
        <v>1</v>
      </c>
      <c r="H11077" s="8">
        <v>1</v>
      </c>
      <c r="I11077" s="8">
        <v>0</v>
      </c>
      <c r="J11077" s="8">
        <v>1</v>
      </c>
      <c r="K11077" s="9">
        <v>14</v>
      </c>
      <c r="L11077" s="6" t="s">
        <v>51</v>
      </c>
    </row>
    <row r="11078" spans="1:12">
      <c r="A11078" s="6" t="s">
        <v>49</v>
      </c>
      <c r="B11078" s="6"/>
      <c r="C11078" s="6" t="s">
        <v>11102</v>
      </c>
      <c r="D11078" s="6"/>
      <c r="E11078" s="6" t="s">
        <v>9</v>
      </c>
      <c r="F11078" s="7"/>
      <c r="G11078" s="8">
        <v>1</v>
      </c>
      <c r="H11078" s="8">
        <v>1</v>
      </c>
      <c r="I11078" s="8">
        <v>0</v>
      </c>
      <c r="J11078" s="8">
        <v>1</v>
      </c>
      <c r="K11078" s="9">
        <v>76</v>
      </c>
      <c r="L11078" s="6" t="s">
        <v>4151</v>
      </c>
    </row>
    <row r="11079" spans="1:12">
      <c r="A11079" s="6" t="s">
        <v>49</v>
      </c>
      <c r="B11079" s="6"/>
      <c r="C11079" s="6" t="s">
        <v>11103</v>
      </c>
      <c r="D11079" s="6"/>
      <c r="E11079" s="6" t="s">
        <v>9</v>
      </c>
      <c r="F11079" s="7"/>
      <c r="G11079" s="8">
        <v>1</v>
      </c>
      <c r="H11079" s="8">
        <v>1</v>
      </c>
      <c r="I11079" s="8">
        <v>0</v>
      </c>
      <c r="J11079" s="8">
        <v>1</v>
      </c>
      <c r="K11079" s="9">
        <v>13</v>
      </c>
      <c r="L11079" s="6" t="s">
        <v>51</v>
      </c>
    </row>
    <row r="11080" spans="1:12">
      <c r="A11080" s="6" t="s">
        <v>49</v>
      </c>
      <c r="B11080" s="6"/>
      <c r="C11080" s="6" t="s">
        <v>11104</v>
      </c>
      <c r="D11080" s="6"/>
      <c r="E11080" s="6" t="s">
        <v>9</v>
      </c>
      <c r="F11080" s="7"/>
      <c r="G11080" s="8">
        <v>1</v>
      </c>
      <c r="H11080" s="8">
        <v>1</v>
      </c>
      <c r="I11080" s="8">
        <v>0</v>
      </c>
      <c r="J11080" s="8">
        <v>1</v>
      </c>
      <c r="K11080" s="9">
        <v>82</v>
      </c>
      <c r="L11080" s="6" t="s">
        <v>51</v>
      </c>
    </row>
    <row r="11081" spans="1:12">
      <c r="A11081" s="6" t="s">
        <v>49</v>
      </c>
      <c r="B11081" s="6"/>
      <c r="C11081" s="6" t="s">
        <v>11105</v>
      </c>
      <c r="D11081" s="6"/>
      <c r="E11081" s="6" t="s">
        <v>9</v>
      </c>
      <c r="F11081" s="7"/>
      <c r="G11081" s="8">
        <v>1</v>
      </c>
      <c r="H11081" s="8">
        <v>1</v>
      </c>
      <c r="I11081" s="8">
        <v>0</v>
      </c>
      <c r="J11081" s="8">
        <v>1</v>
      </c>
      <c r="K11081" s="9">
        <v>42</v>
      </c>
      <c r="L11081" s="6" t="s">
        <v>51</v>
      </c>
    </row>
    <row r="11082" spans="1:12">
      <c r="A11082" s="6" t="s">
        <v>49</v>
      </c>
      <c r="B11082" s="6"/>
      <c r="C11082" s="6" t="s">
        <v>11106</v>
      </c>
      <c r="D11082" s="6"/>
      <c r="E11082" s="6" t="s">
        <v>9</v>
      </c>
      <c r="F11082" s="7"/>
      <c r="G11082" s="8">
        <v>1</v>
      </c>
      <c r="H11082" s="8">
        <v>1</v>
      </c>
      <c r="I11082" s="8">
        <v>0</v>
      </c>
      <c r="J11082" s="8">
        <v>1</v>
      </c>
      <c r="K11082" s="9">
        <v>9.91</v>
      </c>
      <c r="L11082" s="6" t="s">
        <v>4151</v>
      </c>
    </row>
    <row r="11083" spans="1:12">
      <c r="A11083" s="6" t="s">
        <v>49</v>
      </c>
      <c r="B11083" s="6"/>
      <c r="C11083" s="6" t="s">
        <v>11107</v>
      </c>
      <c r="D11083" s="6"/>
      <c r="E11083" s="6" t="s">
        <v>9</v>
      </c>
      <c r="F11083" s="7"/>
      <c r="G11083" s="8">
        <v>1</v>
      </c>
      <c r="H11083" s="8">
        <v>1</v>
      </c>
      <c r="I11083" s="8">
        <v>0</v>
      </c>
      <c r="J11083" s="8">
        <v>1</v>
      </c>
      <c r="K11083" s="9">
        <v>79</v>
      </c>
      <c r="L11083" s="6" t="s">
        <v>51</v>
      </c>
    </row>
    <row r="11084" spans="1:12">
      <c r="A11084" s="6" t="s">
        <v>49</v>
      </c>
      <c r="B11084" s="6"/>
      <c r="C11084" s="6" t="s">
        <v>11108</v>
      </c>
      <c r="D11084" s="6"/>
      <c r="E11084" s="6" t="s">
        <v>9</v>
      </c>
      <c r="F11084" s="7"/>
      <c r="G11084" s="8">
        <v>1</v>
      </c>
      <c r="H11084" s="8">
        <v>1</v>
      </c>
      <c r="I11084" s="8">
        <v>0</v>
      </c>
      <c r="J11084" s="8">
        <v>1</v>
      </c>
      <c r="K11084" s="9">
        <v>66</v>
      </c>
      <c r="L11084" s="6" t="s">
        <v>51</v>
      </c>
    </row>
    <row r="11085" spans="1:12">
      <c r="A11085" s="6" t="s">
        <v>49</v>
      </c>
      <c r="B11085" s="6"/>
      <c r="C11085" s="6" t="s">
        <v>11109</v>
      </c>
      <c r="D11085" s="6"/>
      <c r="E11085" s="6" t="s">
        <v>9</v>
      </c>
      <c r="F11085" s="7"/>
      <c r="G11085" s="8">
        <v>1</v>
      </c>
      <c r="H11085" s="8">
        <v>1</v>
      </c>
      <c r="I11085" s="8">
        <v>0</v>
      </c>
      <c r="J11085" s="8">
        <v>1</v>
      </c>
      <c r="K11085" s="9">
        <v>6.61</v>
      </c>
      <c r="L11085" s="6" t="s">
        <v>51</v>
      </c>
    </row>
    <row r="11086" spans="1:12">
      <c r="A11086" s="6" t="s">
        <v>49</v>
      </c>
      <c r="B11086" s="6"/>
      <c r="C11086" s="6" t="s">
        <v>11110</v>
      </c>
      <c r="D11086" s="6"/>
      <c r="E11086" s="6" t="s">
        <v>9</v>
      </c>
      <c r="F11086" s="7"/>
      <c r="G11086" s="8">
        <v>1</v>
      </c>
      <c r="H11086" s="8">
        <v>1</v>
      </c>
      <c r="I11086" s="8">
        <v>0</v>
      </c>
      <c r="J11086" s="8">
        <v>1</v>
      </c>
      <c r="K11086" s="9">
        <v>39</v>
      </c>
      <c r="L11086" s="6" t="s">
        <v>51</v>
      </c>
    </row>
    <row r="11087" spans="1:12">
      <c r="A11087" s="6" t="s">
        <v>49</v>
      </c>
      <c r="B11087" s="6"/>
      <c r="C11087" s="6" t="s">
        <v>11111</v>
      </c>
      <c r="D11087" s="6"/>
      <c r="E11087" s="6" t="s">
        <v>9</v>
      </c>
      <c r="F11087" s="7">
        <v>38657</v>
      </c>
      <c r="G11087" s="8">
        <v>1</v>
      </c>
      <c r="H11087" s="8">
        <v>1</v>
      </c>
      <c r="I11087" s="8">
        <v>0</v>
      </c>
      <c r="J11087" s="8">
        <v>1</v>
      </c>
      <c r="K11087" s="9">
        <v>1.97</v>
      </c>
      <c r="L11087" s="6" t="s">
        <v>51</v>
      </c>
    </row>
    <row r="11088" spans="1:12">
      <c r="A11088" s="6" t="s">
        <v>49</v>
      </c>
      <c r="B11088" s="6"/>
      <c r="C11088" s="6" t="s">
        <v>11112</v>
      </c>
      <c r="D11088" s="6"/>
      <c r="E11088" s="6" t="s">
        <v>9</v>
      </c>
      <c r="F11088" s="7"/>
      <c r="G11088" s="8">
        <v>1</v>
      </c>
      <c r="H11088" s="8">
        <v>1</v>
      </c>
      <c r="I11088" s="8">
        <v>0</v>
      </c>
      <c r="J11088" s="8">
        <v>1</v>
      </c>
      <c r="K11088" s="9">
        <v>16</v>
      </c>
      <c r="L11088" s="6" t="s">
        <v>4151</v>
      </c>
    </row>
    <row r="11089" spans="1:12">
      <c r="A11089" s="6" t="s">
        <v>49</v>
      </c>
      <c r="B11089" s="6"/>
      <c r="C11089" s="6" t="s">
        <v>11113</v>
      </c>
      <c r="D11089" s="6"/>
      <c r="E11089" s="6" t="s">
        <v>9</v>
      </c>
      <c r="F11089" s="7"/>
      <c r="G11089" s="8">
        <v>1</v>
      </c>
      <c r="H11089" s="8">
        <v>1</v>
      </c>
      <c r="I11089" s="8">
        <v>0</v>
      </c>
      <c r="J11089" s="8">
        <v>1</v>
      </c>
      <c r="K11089" s="9">
        <v>9.91</v>
      </c>
      <c r="L11089" s="6" t="s">
        <v>51</v>
      </c>
    </row>
    <row r="11090" spans="1:12">
      <c r="A11090" s="6" t="s">
        <v>49</v>
      </c>
      <c r="B11090" s="6"/>
      <c r="C11090" s="6" t="s">
        <v>11114</v>
      </c>
      <c r="D11090" s="6"/>
      <c r="E11090" s="6" t="s">
        <v>9</v>
      </c>
      <c r="F11090" s="7"/>
      <c r="G11090" s="8">
        <v>1</v>
      </c>
      <c r="H11090" s="8">
        <v>1</v>
      </c>
      <c r="I11090" s="8">
        <v>0</v>
      </c>
      <c r="J11090" s="8">
        <v>1</v>
      </c>
      <c r="K11090" s="9">
        <v>33</v>
      </c>
      <c r="L11090" s="6" t="s">
        <v>51</v>
      </c>
    </row>
    <row r="11091" spans="1:12">
      <c r="A11091" s="6" t="s">
        <v>49</v>
      </c>
      <c r="B11091" s="6"/>
      <c r="C11091" s="6" t="s">
        <v>11115</v>
      </c>
      <c r="D11091" s="6"/>
      <c r="E11091" s="6" t="s">
        <v>9</v>
      </c>
      <c r="F11091" s="7"/>
      <c r="G11091" s="8">
        <v>1</v>
      </c>
      <c r="H11091" s="8">
        <v>1</v>
      </c>
      <c r="I11091" s="8">
        <v>0</v>
      </c>
      <c r="J11091" s="8">
        <v>1</v>
      </c>
      <c r="K11091" s="9">
        <v>16</v>
      </c>
      <c r="L11091" s="6" t="s">
        <v>51</v>
      </c>
    </row>
    <row r="11092" spans="1:12">
      <c r="A11092" s="6" t="s">
        <v>49</v>
      </c>
      <c r="B11092" s="6"/>
      <c r="C11092" s="6" t="s">
        <v>11116</v>
      </c>
      <c r="D11092" s="6"/>
      <c r="E11092" s="6" t="s">
        <v>9</v>
      </c>
      <c r="F11092" s="7"/>
      <c r="G11092" s="8">
        <v>1</v>
      </c>
      <c r="H11092" s="8">
        <v>1</v>
      </c>
      <c r="I11092" s="8">
        <v>0</v>
      </c>
      <c r="J11092" s="8">
        <v>1</v>
      </c>
      <c r="K11092" s="9">
        <v>9.91</v>
      </c>
      <c r="L11092" s="6" t="s">
        <v>51</v>
      </c>
    </row>
    <row r="11093" spans="1:12">
      <c r="A11093" s="6" t="s">
        <v>49</v>
      </c>
      <c r="B11093" s="6"/>
      <c r="C11093" s="6" t="s">
        <v>11117</v>
      </c>
      <c r="D11093" s="6"/>
      <c r="E11093" s="6" t="s">
        <v>9</v>
      </c>
      <c r="F11093" s="7"/>
      <c r="G11093" s="8">
        <v>1</v>
      </c>
      <c r="H11093" s="8">
        <v>1</v>
      </c>
      <c r="I11093" s="8">
        <v>0</v>
      </c>
      <c r="J11093" s="8">
        <v>1</v>
      </c>
      <c r="K11093" s="9">
        <v>89</v>
      </c>
      <c r="L11093" s="6" t="s">
        <v>51</v>
      </c>
    </row>
    <row r="11094" spans="1:12">
      <c r="A11094" s="6" t="s">
        <v>49</v>
      </c>
      <c r="B11094" s="6"/>
      <c r="C11094" s="6" t="s">
        <v>11118</v>
      </c>
      <c r="D11094" s="6"/>
      <c r="E11094" s="6" t="s">
        <v>9</v>
      </c>
      <c r="F11094" s="7"/>
      <c r="G11094" s="8">
        <v>1</v>
      </c>
      <c r="H11094" s="8">
        <v>1</v>
      </c>
      <c r="I11094" s="8">
        <v>0</v>
      </c>
      <c r="J11094" s="8">
        <v>1</v>
      </c>
      <c r="K11094" s="9">
        <v>23</v>
      </c>
      <c r="L11094" s="6" t="s">
        <v>51</v>
      </c>
    </row>
    <row r="11095" spans="1:12">
      <c r="A11095" s="6" t="s">
        <v>49</v>
      </c>
      <c r="B11095" s="6"/>
      <c r="C11095" s="6" t="s">
        <v>11119</v>
      </c>
      <c r="D11095" s="6"/>
      <c r="E11095" s="6" t="s">
        <v>9</v>
      </c>
      <c r="F11095" s="7">
        <v>38657</v>
      </c>
      <c r="G11095" s="8">
        <v>1</v>
      </c>
      <c r="H11095" s="8">
        <v>1</v>
      </c>
      <c r="I11095" s="8">
        <v>0</v>
      </c>
      <c r="J11095" s="8">
        <v>1</v>
      </c>
      <c r="K11095" s="9">
        <v>4.29</v>
      </c>
      <c r="L11095" s="6" t="s">
        <v>51</v>
      </c>
    </row>
    <row r="11096" spans="1:12">
      <c r="A11096" s="6" t="s">
        <v>49</v>
      </c>
      <c r="B11096" s="6"/>
      <c r="C11096" s="6" t="s">
        <v>11120</v>
      </c>
      <c r="D11096" s="6"/>
      <c r="E11096" s="6" t="s">
        <v>9</v>
      </c>
      <c r="F11096" s="7"/>
      <c r="G11096" s="8">
        <v>1</v>
      </c>
      <c r="H11096" s="8">
        <v>1</v>
      </c>
      <c r="I11096" s="8">
        <v>0</v>
      </c>
      <c r="J11096" s="8">
        <v>1</v>
      </c>
      <c r="K11096" s="9">
        <v>6.61</v>
      </c>
      <c r="L11096" s="6" t="s">
        <v>51</v>
      </c>
    </row>
    <row r="11097" spans="1:12">
      <c r="A11097" s="6" t="s">
        <v>49</v>
      </c>
      <c r="B11097" s="6"/>
      <c r="C11097" s="6" t="s">
        <v>11121</v>
      </c>
      <c r="D11097" s="6"/>
      <c r="E11097" s="6" t="s">
        <v>9</v>
      </c>
      <c r="F11097" s="7"/>
      <c r="G11097" s="8">
        <v>1</v>
      </c>
      <c r="H11097" s="8">
        <v>1</v>
      </c>
      <c r="I11097" s="8">
        <v>0</v>
      </c>
      <c r="J11097" s="8">
        <v>1</v>
      </c>
      <c r="K11097" s="9">
        <v>19</v>
      </c>
      <c r="L11097" s="6" t="s">
        <v>51</v>
      </c>
    </row>
    <row r="11098" spans="1:12">
      <c r="A11098" s="6" t="s">
        <v>49</v>
      </c>
      <c r="B11098" s="6"/>
      <c r="C11098" s="6" t="s">
        <v>11122</v>
      </c>
      <c r="D11098" s="6"/>
      <c r="E11098" s="6" t="s">
        <v>9</v>
      </c>
      <c r="F11098" s="7">
        <v>38657</v>
      </c>
      <c r="G11098" s="8">
        <v>1</v>
      </c>
      <c r="H11098" s="8">
        <v>1</v>
      </c>
      <c r="I11098" s="8">
        <v>0</v>
      </c>
      <c r="J11098" s="8">
        <v>1</v>
      </c>
      <c r="K11098" s="9">
        <v>2.25999999999999</v>
      </c>
      <c r="L11098" s="6" t="s">
        <v>51</v>
      </c>
    </row>
    <row r="11099" spans="1:12">
      <c r="A11099" s="6" t="s">
        <v>49</v>
      </c>
      <c r="B11099" s="6"/>
      <c r="C11099" s="6" t="s">
        <v>11123</v>
      </c>
      <c r="D11099" s="6"/>
      <c r="E11099" s="6" t="s">
        <v>9</v>
      </c>
      <c r="F11099" s="7"/>
      <c r="G11099" s="8">
        <v>1</v>
      </c>
      <c r="H11099" s="8">
        <v>1</v>
      </c>
      <c r="I11099" s="8">
        <v>0</v>
      </c>
      <c r="J11099" s="8">
        <v>1</v>
      </c>
      <c r="K11099" s="9">
        <v>23</v>
      </c>
      <c r="L11099" s="6" t="s">
        <v>51</v>
      </c>
    </row>
    <row r="11100" spans="1:12">
      <c r="A11100" s="6" t="s">
        <v>49</v>
      </c>
      <c r="B11100" s="6"/>
      <c r="C11100" s="6" t="s">
        <v>11124</v>
      </c>
      <c r="D11100" s="6"/>
      <c r="E11100" s="6" t="s">
        <v>9</v>
      </c>
      <c r="F11100" s="7"/>
      <c r="G11100" s="8">
        <v>1</v>
      </c>
      <c r="H11100" s="8">
        <v>1</v>
      </c>
      <c r="I11100" s="8">
        <v>0</v>
      </c>
      <c r="J11100" s="8">
        <v>1</v>
      </c>
      <c r="K11100" s="9">
        <v>6.61</v>
      </c>
      <c r="L11100" s="6" t="s">
        <v>51</v>
      </c>
    </row>
    <row r="11101" spans="1:12">
      <c r="A11101" s="6" t="s">
        <v>49</v>
      </c>
      <c r="B11101" s="6"/>
      <c r="C11101" s="6" t="s">
        <v>11125</v>
      </c>
      <c r="D11101" s="6"/>
      <c r="E11101" s="6" t="s">
        <v>9</v>
      </c>
      <c r="F11101" s="7"/>
      <c r="G11101" s="8">
        <v>1</v>
      </c>
      <c r="H11101" s="8">
        <v>1</v>
      </c>
      <c r="I11101" s="8">
        <v>0</v>
      </c>
      <c r="J11101" s="8">
        <v>1</v>
      </c>
      <c r="K11101" s="9">
        <v>92</v>
      </c>
      <c r="L11101" s="6" t="s">
        <v>51</v>
      </c>
    </row>
    <row r="11102" spans="1:12">
      <c r="A11102" s="6" t="s">
        <v>49</v>
      </c>
      <c r="B11102" s="6"/>
      <c r="C11102" s="6" t="s">
        <v>11126</v>
      </c>
      <c r="D11102" s="6"/>
      <c r="E11102" s="6" t="s">
        <v>9</v>
      </c>
      <c r="F11102" s="7"/>
      <c r="G11102" s="8">
        <v>1</v>
      </c>
      <c r="H11102" s="8">
        <v>1</v>
      </c>
      <c r="I11102" s="8">
        <v>0</v>
      </c>
      <c r="J11102" s="8">
        <v>1</v>
      </c>
      <c r="K11102" s="9">
        <v>13</v>
      </c>
      <c r="L11102" s="6" t="s">
        <v>51</v>
      </c>
    </row>
    <row r="11103" spans="1:12">
      <c r="A11103" s="6" t="s">
        <v>49</v>
      </c>
      <c r="B11103" s="6"/>
      <c r="C11103" s="6" t="s">
        <v>11127</v>
      </c>
      <c r="D11103" s="6"/>
      <c r="E11103" s="6" t="s">
        <v>9</v>
      </c>
      <c r="F11103" s="7"/>
      <c r="G11103" s="8">
        <v>1</v>
      </c>
      <c r="H11103" s="8">
        <v>1</v>
      </c>
      <c r="I11103" s="8">
        <v>0</v>
      </c>
      <c r="J11103" s="8">
        <v>1</v>
      </c>
      <c r="K11103" s="9">
        <v>89</v>
      </c>
      <c r="L11103" s="6" t="s">
        <v>51</v>
      </c>
    </row>
    <row r="11104" spans="1:12">
      <c r="A11104" s="6" t="s">
        <v>49</v>
      </c>
      <c r="B11104" s="6"/>
      <c r="C11104" s="6" t="s">
        <v>11128</v>
      </c>
      <c r="D11104" s="6"/>
      <c r="E11104" s="6" t="s">
        <v>9</v>
      </c>
      <c r="F11104" s="7"/>
      <c r="G11104" s="8">
        <v>1</v>
      </c>
      <c r="H11104" s="8">
        <v>1</v>
      </c>
      <c r="I11104" s="8">
        <v>0</v>
      </c>
      <c r="J11104" s="8">
        <v>1</v>
      </c>
      <c r="K11104" s="9">
        <v>6.61</v>
      </c>
      <c r="L11104" s="6" t="s">
        <v>51</v>
      </c>
    </row>
    <row r="11105" spans="1:12">
      <c r="A11105" s="6" t="s">
        <v>49</v>
      </c>
      <c r="B11105" s="6"/>
      <c r="C11105" s="6" t="s">
        <v>11129</v>
      </c>
      <c r="D11105" s="6"/>
      <c r="E11105" s="6" t="s">
        <v>9</v>
      </c>
      <c r="F11105" s="7"/>
      <c r="G11105" s="8">
        <v>1</v>
      </c>
      <c r="H11105" s="8">
        <v>1</v>
      </c>
      <c r="I11105" s="8">
        <v>0</v>
      </c>
      <c r="J11105" s="8">
        <v>1</v>
      </c>
      <c r="K11105" s="9">
        <v>23</v>
      </c>
      <c r="L11105" s="6" t="s">
        <v>51</v>
      </c>
    </row>
    <row r="11106" spans="1:12">
      <c r="A11106" s="6" t="s">
        <v>49</v>
      </c>
      <c r="B11106" s="6"/>
      <c r="C11106" s="6" t="s">
        <v>11130</v>
      </c>
      <c r="D11106" s="6"/>
      <c r="E11106" s="6" t="s">
        <v>9</v>
      </c>
      <c r="F11106" s="7"/>
      <c r="G11106" s="8">
        <v>1</v>
      </c>
      <c r="H11106" s="8">
        <v>1</v>
      </c>
      <c r="I11106" s="8">
        <v>0</v>
      </c>
      <c r="J11106" s="8">
        <v>1</v>
      </c>
      <c r="K11106" s="9">
        <v>23</v>
      </c>
      <c r="L11106" s="6" t="s">
        <v>51</v>
      </c>
    </row>
    <row r="11107" spans="1:12">
      <c r="A11107" s="6" t="s">
        <v>49</v>
      </c>
      <c r="B11107" s="6"/>
      <c r="C11107" s="6" t="s">
        <v>11131</v>
      </c>
      <c r="D11107" s="6"/>
      <c r="E11107" s="6" t="s">
        <v>9</v>
      </c>
      <c r="F11107" s="7"/>
      <c r="G11107" s="8">
        <v>1</v>
      </c>
      <c r="H11107" s="8">
        <v>1</v>
      </c>
      <c r="I11107" s="8">
        <v>0</v>
      </c>
      <c r="J11107" s="8">
        <v>1</v>
      </c>
      <c r="K11107" s="9">
        <v>49</v>
      </c>
      <c r="L11107" s="6" t="s">
        <v>51</v>
      </c>
    </row>
    <row r="11108" spans="1:12">
      <c r="A11108" s="6" t="s">
        <v>49</v>
      </c>
      <c r="B11108" s="6"/>
      <c r="C11108" s="6" t="s">
        <v>11132</v>
      </c>
      <c r="D11108" s="6"/>
      <c r="E11108" s="6" t="s">
        <v>9</v>
      </c>
      <c r="F11108" s="7"/>
      <c r="G11108" s="8">
        <v>1</v>
      </c>
      <c r="H11108" s="8">
        <v>1</v>
      </c>
      <c r="I11108" s="8">
        <v>0</v>
      </c>
      <c r="J11108" s="8">
        <v>1</v>
      </c>
      <c r="K11108" s="9">
        <v>13</v>
      </c>
      <c r="L11108" s="6" t="s">
        <v>51</v>
      </c>
    </row>
    <row r="11109" spans="1:12">
      <c r="A11109" s="6" t="s">
        <v>49</v>
      </c>
      <c r="B11109" s="6"/>
      <c r="C11109" s="6" t="s">
        <v>11133</v>
      </c>
      <c r="D11109" s="6"/>
      <c r="E11109" s="6" t="s">
        <v>9</v>
      </c>
      <c r="F11109" s="7">
        <v>38657</v>
      </c>
      <c r="G11109" s="8">
        <v>1</v>
      </c>
      <c r="H11109" s="8">
        <v>1</v>
      </c>
      <c r="I11109" s="8">
        <v>0</v>
      </c>
      <c r="J11109" s="8">
        <v>1</v>
      </c>
      <c r="K11109" s="9">
        <v>7.25</v>
      </c>
      <c r="L11109" s="6" t="s">
        <v>51</v>
      </c>
    </row>
    <row r="11110" spans="1:12">
      <c r="A11110" s="6" t="s">
        <v>49</v>
      </c>
      <c r="B11110" s="6"/>
      <c r="C11110" s="6" t="s">
        <v>11134</v>
      </c>
      <c r="D11110" s="6"/>
      <c r="E11110" s="6" t="s">
        <v>9</v>
      </c>
      <c r="F11110" s="7"/>
      <c r="G11110" s="8">
        <v>1</v>
      </c>
      <c r="H11110" s="8">
        <v>1</v>
      </c>
      <c r="I11110" s="8">
        <v>0</v>
      </c>
      <c r="J11110" s="8">
        <v>1</v>
      </c>
      <c r="K11110" s="9">
        <v>59</v>
      </c>
      <c r="L11110" s="6" t="s">
        <v>51</v>
      </c>
    </row>
    <row r="11111" spans="1:12">
      <c r="A11111" s="6" t="s">
        <v>49</v>
      </c>
      <c r="B11111" s="6"/>
      <c r="C11111" s="6" t="s">
        <v>11135</v>
      </c>
      <c r="D11111" s="6"/>
      <c r="E11111" s="6" t="s">
        <v>9</v>
      </c>
      <c r="F11111" s="7"/>
      <c r="G11111" s="8">
        <v>1</v>
      </c>
      <c r="H11111" s="8">
        <v>1</v>
      </c>
      <c r="I11111" s="8">
        <v>0</v>
      </c>
      <c r="J11111" s="8">
        <v>1</v>
      </c>
      <c r="K11111" s="9">
        <v>122</v>
      </c>
      <c r="L11111" s="6" t="s">
        <v>51</v>
      </c>
    </row>
    <row r="11112" spans="1:12">
      <c r="A11112" s="6" t="s">
        <v>49</v>
      </c>
      <c r="B11112" s="6"/>
      <c r="C11112" s="6" t="s">
        <v>11136</v>
      </c>
      <c r="D11112" s="6"/>
      <c r="E11112" s="6" t="s">
        <v>9</v>
      </c>
      <c r="F11112" s="7"/>
      <c r="G11112" s="8">
        <v>1</v>
      </c>
      <c r="H11112" s="8">
        <v>1</v>
      </c>
      <c r="I11112" s="8">
        <v>0</v>
      </c>
      <c r="J11112" s="8">
        <v>1</v>
      </c>
      <c r="K11112" s="9">
        <v>109</v>
      </c>
      <c r="L11112" s="6" t="s">
        <v>51</v>
      </c>
    </row>
    <row r="11113" spans="1:12">
      <c r="A11113" s="6" t="s">
        <v>49</v>
      </c>
      <c r="B11113" s="6"/>
      <c r="C11113" s="6" t="s">
        <v>11137</v>
      </c>
      <c r="D11113" s="6"/>
      <c r="E11113" s="6" t="s">
        <v>9</v>
      </c>
      <c r="F11113" s="7"/>
      <c r="G11113" s="8">
        <v>1</v>
      </c>
      <c r="H11113" s="8">
        <v>1</v>
      </c>
      <c r="I11113" s="8">
        <v>0</v>
      </c>
      <c r="J11113" s="8">
        <v>1</v>
      </c>
      <c r="K11113" s="9">
        <v>9.91</v>
      </c>
      <c r="L11113" s="6" t="s">
        <v>51</v>
      </c>
    </row>
    <row r="11114" spans="1:12">
      <c r="A11114" s="6" t="s">
        <v>49</v>
      </c>
      <c r="B11114" s="6"/>
      <c r="C11114" s="6" t="s">
        <v>11138</v>
      </c>
      <c r="D11114" s="6"/>
      <c r="E11114" s="6" t="s">
        <v>9</v>
      </c>
      <c r="F11114" s="7"/>
      <c r="G11114" s="8">
        <v>1</v>
      </c>
      <c r="H11114" s="8">
        <v>1</v>
      </c>
      <c r="I11114" s="8">
        <v>0</v>
      </c>
      <c r="J11114" s="8">
        <v>1</v>
      </c>
      <c r="K11114" s="9">
        <v>66</v>
      </c>
      <c r="L11114" s="6" t="s">
        <v>51</v>
      </c>
    </row>
    <row r="11115" spans="1:12">
      <c r="A11115" s="6" t="s">
        <v>49</v>
      </c>
      <c r="B11115" s="6"/>
      <c r="C11115" s="6" t="s">
        <v>11139</v>
      </c>
      <c r="D11115" s="6"/>
      <c r="E11115" s="6" t="s">
        <v>9</v>
      </c>
      <c r="F11115" s="7"/>
      <c r="G11115" s="8">
        <v>1</v>
      </c>
      <c r="H11115" s="8">
        <v>1</v>
      </c>
      <c r="I11115" s="8">
        <v>0</v>
      </c>
      <c r="J11115" s="8">
        <v>1</v>
      </c>
      <c r="K11115" s="9">
        <v>26</v>
      </c>
      <c r="L11115" s="6" t="s">
        <v>51</v>
      </c>
    </row>
    <row r="11116" spans="1:12">
      <c r="A11116" s="6" t="s">
        <v>49</v>
      </c>
      <c r="B11116" s="6"/>
      <c r="C11116" s="6" t="s">
        <v>11140</v>
      </c>
      <c r="D11116" s="6"/>
      <c r="E11116" s="6" t="s">
        <v>9</v>
      </c>
      <c r="F11116" s="7"/>
      <c r="G11116" s="8">
        <v>1</v>
      </c>
      <c r="H11116" s="8">
        <v>1</v>
      </c>
      <c r="I11116" s="8">
        <v>0</v>
      </c>
      <c r="J11116" s="8">
        <v>1</v>
      </c>
      <c r="K11116" s="9">
        <v>66</v>
      </c>
      <c r="L11116" s="6" t="s">
        <v>51</v>
      </c>
    </row>
    <row r="11117" spans="1:12">
      <c r="A11117" s="6" t="s">
        <v>49</v>
      </c>
      <c r="B11117" s="6"/>
      <c r="C11117" s="6" t="s">
        <v>11141</v>
      </c>
      <c r="D11117" s="6"/>
      <c r="E11117" s="6" t="s">
        <v>9</v>
      </c>
      <c r="F11117" s="7"/>
      <c r="G11117" s="8">
        <v>1</v>
      </c>
      <c r="H11117" s="8">
        <v>1</v>
      </c>
      <c r="I11117" s="8">
        <v>0</v>
      </c>
      <c r="J11117" s="8">
        <v>1</v>
      </c>
      <c r="K11117" s="9">
        <v>13</v>
      </c>
      <c r="L11117" s="6" t="s">
        <v>51</v>
      </c>
    </row>
    <row r="11118" spans="1:12">
      <c r="A11118" s="6" t="s">
        <v>49</v>
      </c>
      <c r="B11118" s="6"/>
      <c r="C11118" s="6" t="s">
        <v>11142</v>
      </c>
      <c r="D11118" s="6"/>
      <c r="E11118" s="6" t="s">
        <v>9</v>
      </c>
      <c r="F11118" s="7">
        <v>38657</v>
      </c>
      <c r="G11118" s="8">
        <v>1</v>
      </c>
      <c r="H11118" s="8">
        <v>1</v>
      </c>
      <c r="I11118" s="8">
        <v>0</v>
      </c>
      <c r="J11118" s="8">
        <v>1</v>
      </c>
      <c r="K11118" s="9">
        <v>6.89</v>
      </c>
      <c r="L11118" s="6" t="s">
        <v>51</v>
      </c>
    </row>
    <row r="11119" spans="1:12">
      <c r="A11119" s="6" t="s">
        <v>49</v>
      </c>
      <c r="B11119" s="6"/>
      <c r="C11119" s="6" t="s">
        <v>11143</v>
      </c>
      <c r="D11119" s="6"/>
      <c r="E11119" s="6" t="s">
        <v>9</v>
      </c>
      <c r="F11119" s="7"/>
      <c r="G11119" s="8">
        <v>1</v>
      </c>
      <c r="H11119" s="8">
        <v>1</v>
      </c>
      <c r="I11119" s="8">
        <v>0</v>
      </c>
      <c r="J11119" s="8">
        <v>1</v>
      </c>
      <c r="K11119" s="9">
        <v>49</v>
      </c>
      <c r="L11119" s="6" t="s">
        <v>51</v>
      </c>
    </row>
    <row r="11120" spans="1:12">
      <c r="A11120" s="6" t="s">
        <v>49</v>
      </c>
      <c r="B11120" s="6"/>
      <c r="C11120" s="6" t="s">
        <v>11144</v>
      </c>
      <c r="D11120" s="6"/>
      <c r="E11120" s="6" t="s">
        <v>9</v>
      </c>
      <c r="F11120" s="7">
        <v>38657</v>
      </c>
      <c r="G11120" s="8">
        <v>1</v>
      </c>
      <c r="H11120" s="8">
        <v>1</v>
      </c>
      <c r="I11120" s="8">
        <v>0</v>
      </c>
      <c r="J11120" s="8">
        <v>1</v>
      </c>
      <c r="K11120" s="9">
        <v>7.88</v>
      </c>
      <c r="L11120" s="6" t="s">
        <v>51</v>
      </c>
    </row>
    <row r="11121" spans="1:12">
      <c r="A11121" s="6" t="s">
        <v>49</v>
      </c>
      <c r="B11121" s="6"/>
      <c r="C11121" s="6" t="s">
        <v>11145</v>
      </c>
      <c r="D11121" s="6"/>
      <c r="E11121" s="6" t="s">
        <v>9</v>
      </c>
      <c r="F11121" s="7"/>
      <c r="G11121" s="8">
        <v>1</v>
      </c>
      <c r="H11121" s="8">
        <v>1</v>
      </c>
      <c r="I11121" s="8">
        <v>0</v>
      </c>
      <c r="J11121" s="8">
        <v>1</v>
      </c>
      <c r="K11121" s="9">
        <v>72</v>
      </c>
      <c r="L11121" s="6" t="s">
        <v>51</v>
      </c>
    </row>
    <row r="11122" spans="1:12">
      <c r="A11122" s="6" t="s">
        <v>49</v>
      </c>
      <c r="B11122" s="6"/>
      <c r="C11122" s="6" t="s">
        <v>11146</v>
      </c>
      <c r="D11122" s="6"/>
      <c r="E11122" s="6" t="s">
        <v>9</v>
      </c>
      <c r="F11122" s="7"/>
      <c r="G11122" s="8">
        <v>1</v>
      </c>
      <c r="H11122" s="8">
        <v>1</v>
      </c>
      <c r="I11122" s="8">
        <v>0</v>
      </c>
      <c r="J11122" s="8">
        <v>1</v>
      </c>
      <c r="K11122" s="9">
        <v>102</v>
      </c>
      <c r="L11122" s="6" t="s">
        <v>51</v>
      </c>
    </row>
    <row r="11123" spans="1:12">
      <c r="A11123" s="6" t="s">
        <v>49</v>
      </c>
      <c r="B11123" s="6"/>
      <c r="C11123" s="6" t="s">
        <v>11147</v>
      </c>
      <c r="D11123" s="6"/>
      <c r="E11123" s="6" t="s">
        <v>9</v>
      </c>
      <c r="F11123" s="7"/>
      <c r="G11123" s="8">
        <v>1</v>
      </c>
      <c r="H11123" s="8">
        <v>1</v>
      </c>
      <c r="I11123" s="8">
        <v>0</v>
      </c>
      <c r="J11123" s="8">
        <v>1</v>
      </c>
      <c r="K11123" s="9">
        <v>26</v>
      </c>
      <c r="L11123" s="6" t="s">
        <v>51</v>
      </c>
    </row>
    <row r="11124" spans="1:12">
      <c r="A11124" s="6" t="s">
        <v>49</v>
      </c>
      <c r="B11124" s="6"/>
      <c r="C11124" s="6" t="s">
        <v>11148</v>
      </c>
      <c r="D11124" s="6"/>
      <c r="E11124" s="6" t="s">
        <v>9</v>
      </c>
      <c r="F11124" s="7"/>
      <c r="G11124" s="8">
        <v>1</v>
      </c>
      <c r="H11124" s="8">
        <v>1</v>
      </c>
      <c r="I11124" s="8">
        <v>0</v>
      </c>
      <c r="J11124" s="8">
        <v>1</v>
      </c>
      <c r="K11124" s="9">
        <v>201</v>
      </c>
      <c r="L11124" s="6" t="s">
        <v>51</v>
      </c>
    </row>
    <row r="11125" spans="1:12">
      <c r="A11125" s="6" t="s">
        <v>49</v>
      </c>
      <c r="B11125" s="6"/>
      <c r="C11125" s="6" t="s">
        <v>11149</v>
      </c>
      <c r="D11125" s="6"/>
      <c r="E11125" s="6" t="s">
        <v>9</v>
      </c>
      <c r="F11125" s="7"/>
      <c r="G11125" s="8">
        <v>1</v>
      </c>
      <c r="H11125" s="8">
        <v>1</v>
      </c>
      <c r="I11125" s="8">
        <v>0</v>
      </c>
      <c r="J11125" s="8">
        <v>1</v>
      </c>
      <c r="K11125" s="9">
        <v>56</v>
      </c>
      <c r="L11125" s="6" t="s">
        <v>51</v>
      </c>
    </row>
    <row r="11126" spans="1:12">
      <c r="A11126" s="6" t="s">
        <v>49</v>
      </c>
      <c r="B11126" s="6"/>
      <c r="C11126" s="6" t="s">
        <v>11150</v>
      </c>
      <c r="D11126" s="6"/>
      <c r="E11126" s="6" t="s">
        <v>9</v>
      </c>
      <c r="F11126" s="7"/>
      <c r="G11126" s="8">
        <v>1</v>
      </c>
      <c r="H11126" s="8">
        <v>1</v>
      </c>
      <c r="I11126" s="8">
        <v>0</v>
      </c>
      <c r="J11126" s="8">
        <v>1</v>
      </c>
      <c r="K11126" s="9">
        <v>3.3</v>
      </c>
      <c r="L11126" s="6" t="s">
        <v>51</v>
      </c>
    </row>
    <row r="11127" spans="1:12">
      <c r="A11127" s="6" t="s">
        <v>49</v>
      </c>
      <c r="B11127" s="6"/>
      <c r="C11127" s="6" t="s">
        <v>11151</v>
      </c>
      <c r="D11127" s="6"/>
      <c r="E11127" s="6" t="s">
        <v>9</v>
      </c>
      <c r="F11127" s="7"/>
      <c r="G11127" s="8">
        <v>1</v>
      </c>
      <c r="H11127" s="8">
        <v>1</v>
      </c>
      <c r="I11127" s="8">
        <v>0</v>
      </c>
      <c r="J11127" s="8">
        <v>1</v>
      </c>
      <c r="K11127" s="9">
        <v>52</v>
      </c>
      <c r="L11127" s="6" t="s">
        <v>51</v>
      </c>
    </row>
    <row r="11128" spans="1:12">
      <c r="A11128" s="6" t="s">
        <v>49</v>
      </c>
      <c r="B11128" s="6"/>
      <c r="C11128" s="6" t="s">
        <v>11152</v>
      </c>
      <c r="D11128" s="6"/>
      <c r="E11128" s="6" t="s">
        <v>9</v>
      </c>
      <c r="F11128" s="7"/>
      <c r="G11128" s="8">
        <v>1</v>
      </c>
      <c r="H11128" s="8">
        <v>1</v>
      </c>
      <c r="I11128" s="8">
        <v>0</v>
      </c>
      <c r="J11128" s="8">
        <v>1</v>
      </c>
      <c r="K11128" s="9">
        <v>79</v>
      </c>
      <c r="L11128" s="6" t="s">
        <v>51</v>
      </c>
    </row>
    <row r="11129" spans="1:12">
      <c r="A11129" s="6" t="s">
        <v>49</v>
      </c>
      <c r="B11129" s="6"/>
      <c r="C11129" s="6" t="s">
        <v>11153</v>
      </c>
      <c r="D11129" s="6"/>
      <c r="E11129" s="6" t="s">
        <v>9</v>
      </c>
      <c r="F11129" s="7"/>
      <c r="G11129" s="8">
        <v>1</v>
      </c>
      <c r="H11129" s="8">
        <v>1</v>
      </c>
      <c r="I11129" s="8">
        <v>0</v>
      </c>
      <c r="J11129" s="8">
        <v>1</v>
      </c>
      <c r="K11129" s="9">
        <v>59</v>
      </c>
      <c r="L11129" s="6" t="s">
        <v>51</v>
      </c>
    </row>
    <row r="11130" spans="1:12">
      <c r="A11130" s="6" t="s">
        <v>49</v>
      </c>
      <c r="B11130" s="6"/>
      <c r="C11130" s="6" t="s">
        <v>11154</v>
      </c>
      <c r="D11130" s="6"/>
      <c r="E11130" s="6" t="s">
        <v>9</v>
      </c>
      <c r="F11130" s="7"/>
      <c r="G11130" s="8">
        <v>1</v>
      </c>
      <c r="H11130" s="8">
        <v>1</v>
      </c>
      <c r="I11130" s="8">
        <v>0</v>
      </c>
      <c r="J11130" s="8">
        <v>1</v>
      </c>
      <c r="K11130" s="9">
        <v>128</v>
      </c>
      <c r="L11130" s="6" t="s">
        <v>51</v>
      </c>
    </row>
    <row r="11131" spans="1:12">
      <c r="A11131" s="6" t="s">
        <v>49</v>
      </c>
      <c r="B11131" s="6"/>
      <c r="C11131" s="6" t="s">
        <v>11155</v>
      </c>
      <c r="D11131" s="6"/>
      <c r="E11131" s="6" t="s">
        <v>9</v>
      </c>
      <c r="F11131" s="7">
        <v>38657</v>
      </c>
      <c r="G11131" s="8">
        <v>1</v>
      </c>
      <c r="H11131" s="8">
        <v>1</v>
      </c>
      <c r="I11131" s="8">
        <v>0</v>
      </c>
      <c r="J11131" s="8">
        <v>1</v>
      </c>
      <c r="K11131" s="9">
        <v>3.57</v>
      </c>
      <c r="L11131" s="6" t="s">
        <v>51</v>
      </c>
    </row>
    <row r="11132" spans="1:12">
      <c r="A11132" s="6" t="s">
        <v>49</v>
      </c>
      <c r="B11132" s="6"/>
      <c r="C11132" s="6" t="s">
        <v>11156</v>
      </c>
      <c r="D11132" s="6"/>
      <c r="E11132" s="6" t="s">
        <v>9</v>
      </c>
      <c r="F11132" s="7"/>
      <c r="G11132" s="8">
        <v>1</v>
      </c>
      <c r="H11132" s="8">
        <v>1</v>
      </c>
      <c r="I11132" s="8">
        <v>0</v>
      </c>
      <c r="J11132" s="8">
        <v>1</v>
      </c>
      <c r="K11132" s="9">
        <v>33</v>
      </c>
      <c r="L11132" s="6" t="s">
        <v>51</v>
      </c>
    </row>
    <row r="11133" spans="1:12">
      <c r="A11133" s="6" t="s">
        <v>49</v>
      </c>
      <c r="B11133" s="6"/>
      <c r="C11133" s="6" t="s">
        <v>11157</v>
      </c>
      <c r="D11133" s="6"/>
      <c r="E11133" s="6" t="s">
        <v>9</v>
      </c>
      <c r="F11133" s="7"/>
      <c r="G11133" s="8">
        <v>1</v>
      </c>
      <c r="H11133" s="8">
        <v>1</v>
      </c>
      <c r="I11133" s="8">
        <v>0</v>
      </c>
      <c r="J11133" s="8">
        <v>1</v>
      </c>
      <c r="K11133" s="9">
        <v>42</v>
      </c>
      <c r="L11133" s="6" t="s">
        <v>51</v>
      </c>
    </row>
    <row r="11134" spans="1:12">
      <c r="A11134" s="6" t="s">
        <v>49</v>
      </c>
      <c r="B11134" s="6"/>
      <c r="C11134" s="6" t="s">
        <v>11158</v>
      </c>
      <c r="D11134" s="6"/>
      <c r="E11134" s="6" t="s">
        <v>9</v>
      </c>
      <c r="F11134" s="7"/>
      <c r="G11134" s="8">
        <v>1</v>
      </c>
      <c r="H11134" s="8">
        <v>1</v>
      </c>
      <c r="I11134" s="8">
        <v>0</v>
      </c>
      <c r="J11134" s="8">
        <v>1</v>
      </c>
      <c r="K11134" s="9">
        <v>42</v>
      </c>
      <c r="L11134" s="6" t="s">
        <v>51</v>
      </c>
    </row>
    <row r="11135" spans="1:12">
      <c r="A11135" s="6" t="s">
        <v>49</v>
      </c>
      <c r="B11135" s="6"/>
      <c r="C11135" s="6" t="s">
        <v>11159</v>
      </c>
      <c r="D11135" s="6"/>
      <c r="E11135" s="6" t="s">
        <v>9</v>
      </c>
      <c r="F11135" s="7"/>
      <c r="G11135" s="8">
        <v>1</v>
      </c>
      <c r="H11135" s="8">
        <v>1</v>
      </c>
      <c r="I11135" s="8">
        <v>0</v>
      </c>
      <c r="J11135" s="8">
        <v>1</v>
      </c>
      <c r="K11135" s="9">
        <v>49</v>
      </c>
      <c r="L11135" s="6" t="s">
        <v>51</v>
      </c>
    </row>
    <row r="11136" spans="1:12">
      <c r="A11136" s="6" t="s">
        <v>49</v>
      </c>
      <c r="B11136" s="6"/>
      <c r="C11136" s="6" t="s">
        <v>11160</v>
      </c>
      <c r="D11136" s="6"/>
      <c r="E11136" s="6" t="s">
        <v>9</v>
      </c>
      <c r="F11136" s="7"/>
      <c r="G11136" s="8">
        <v>1</v>
      </c>
      <c r="H11136" s="8">
        <v>1</v>
      </c>
      <c r="I11136" s="8">
        <v>0</v>
      </c>
      <c r="J11136" s="8">
        <v>1</v>
      </c>
      <c r="K11136" s="9">
        <v>42</v>
      </c>
      <c r="L11136" s="6" t="s">
        <v>51</v>
      </c>
    </row>
    <row r="11137" spans="1:12">
      <c r="A11137" s="6" t="s">
        <v>49</v>
      </c>
      <c r="B11137" s="6"/>
      <c r="C11137" s="6" t="s">
        <v>11161</v>
      </c>
      <c r="D11137" s="6"/>
      <c r="E11137" s="6" t="s">
        <v>9</v>
      </c>
      <c r="F11137" s="7"/>
      <c r="G11137" s="8">
        <v>1</v>
      </c>
      <c r="H11137" s="8">
        <v>1</v>
      </c>
      <c r="I11137" s="8">
        <v>0</v>
      </c>
      <c r="J11137" s="8">
        <v>1</v>
      </c>
      <c r="K11137" s="9">
        <v>36</v>
      </c>
      <c r="L11137" s="6" t="s">
        <v>51</v>
      </c>
    </row>
    <row r="11138" spans="1:12">
      <c r="A11138" s="6" t="s">
        <v>49</v>
      </c>
      <c r="B11138" s="6"/>
      <c r="C11138" s="6" t="s">
        <v>11162</v>
      </c>
      <c r="D11138" s="6"/>
      <c r="E11138" s="6" t="s">
        <v>9</v>
      </c>
      <c r="F11138" s="7"/>
      <c r="G11138" s="8">
        <v>1</v>
      </c>
      <c r="H11138" s="8">
        <v>1</v>
      </c>
      <c r="I11138" s="8">
        <v>0</v>
      </c>
      <c r="J11138" s="8">
        <v>1</v>
      </c>
      <c r="K11138" s="9">
        <v>52</v>
      </c>
      <c r="L11138" s="6" t="s">
        <v>51</v>
      </c>
    </row>
    <row r="11139" spans="1:12">
      <c r="A11139" s="6" t="s">
        <v>49</v>
      </c>
      <c r="B11139" s="6"/>
      <c r="C11139" s="6" t="s">
        <v>11163</v>
      </c>
      <c r="D11139" s="6"/>
      <c r="E11139" s="6" t="s">
        <v>9</v>
      </c>
      <c r="F11139" s="7"/>
      <c r="G11139" s="8">
        <v>1</v>
      </c>
      <c r="H11139" s="8">
        <v>1</v>
      </c>
      <c r="I11139" s="8">
        <v>0</v>
      </c>
      <c r="J11139" s="8">
        <v>1</v>
      </c>
      <c r="K11139" s="9">
        <v>46</v>
      </c>
      <c r="L11139" s="6" t="s">
        <v>51</v>
      </c>
    </row>
    <row r="11140" spans="1:12">
      <c r="A11140" s="6" t="s">
        <v>49</v>
      </c>
      <c r="B11140" s="6"/>
      <c r="C11140" s="6" t="s">
        <v>11164</v>
      </c>
      <c r="D11140" s="6"/>
      <c r="E11140" s="6" t="s">
        <v>9</v>
      </c>
      <c r="F11140" s="7"/>
      <c r="G11140" s="8">
        <v>1</v>
      </c>
      <c r="H11140" s="8">
        <v>1</v>
      </c>
      <c r="I11140" s="8">
        <v>0</v>
      </c>
      <c r="J11140" s="8">
        <v>1</v>
      </c>
      <c r="K11140" s="9">
        <v>89</v>
      </c>
      <c r="L11140" s="6" t="s">
        <v>51</v>
      </c>
    </row>
    <row r="11141" spans="1:12">
      <c r="A11141" s="6" t="s">
        <v>49</v>
      </c>
      <c r="B11141" s="6"/>
      <c r="C11141" s="6" t="s">
        <v>11165</v>
      </c>
      <c r="D11141" s="6"/>
      <c r="E11141" s="6" t="s">
        <v>9</v>
      </c>
      <c r="F11141" s="7"/>
      <c r="G11141" s="8">
        <v>1</v>
      </c>
      <c r="H11141" s="8">
        <v>1</v>
      </c>
      <c r="I11141" s="8">
        <v>0</v>
      </c>
      <c r="J11141" s="8">
        <v>1</v>
      </c>
      <c r="K11141" s="9">
        <v>13</v>
      </c>
      <c r="L11141" s="6" t="s">
        <v>51</v>
      </c>
    </row>
    <row r="11142" spans="1:12">
      <c r="A11142" s="6" t="s">
        <v>49</v>
      </c>
      <c r="B11142" s="6"/>
      <c r="C11142" s="6" t="s">
        <v>11166</v>
      </c>
      <c r="D11142" s="6"/>
      <c r="E11142" s="6" t="s">
        <v>9</v>
      </c>
      <c r="F11142" s="7">
        <v>38657</v>
      </c>
      <c r="G11142" s="8">
        <v>1</v>
      </c>
      <c r="H11142" s="8">
        <v>1</v>
      </c>
      <c r="I11142" s="8">
        <v>0</v>
      </c>
      <c r="J11142" s="8">
        <v>1</v>
      </c>
      <c r="K11142" s="9">
        <v>191</v>
      </c>
      <c r="L11142" s="6" t="s">
        <v>51</v>
      </c>
    </row>
    <row r="11143" spans="1:12">
      <c r="A11143" s="6" t="s">
        <v>49</v>
      </c>
      <c r="B11143" s="6"/>
      <c r="C11143" s="6" t="s">
        <v>11167</v>
      </c>
      <c r="D11143" s="6"/>
      <c r="E11143" s="6" t="s">
        <v>9</v>
      </c>
      <c r="F11143" s="7">
        <v>38657</v>
      </c>
      <c r="G11143" s="8">
        <v>1</v>
      </c>
      <c r="H11143" s="8">
        <v>1</v>
      </c>
      <c r="I11143" s="8">
        <v>0</v>
      </c>
      <c r="J11143" s="8">
        <v>1</v>
      </c>
      <c r="K11143" s="9">
        <v>56</v>
      </c>
      <c r="L11143" s="6" t="s">
        <v>51</v>
      </c>
    </row>
    <row r="11144" spans="1:12">
      <c r="A11144" s="6" t="s">
        <v>49</v>
      </c>
      <c r="B11144" s="6"/>
      <c r="C11144" s="6" t="s">
        <v>11168</v>
      </c>
      <c r="D11144" s="6"/>
      <c r="E11144" s="6" t="s">
        <v>9</v>
      </c>
      <c r="F11144" s="7">
        <v>38657</v>
      </c>
      <c r="G11144" s="8">
        <v>1</v>
      </c>
      <c r="H11144" s="8">
        <v>1</v>
      </c>
      <c r="I11144" s="8">
        <v>0</v>
      </c>
      <c r="J11144" s="8">
        <v>1</v>
      </c>
      <c r="K11144" s="9">
        <v>16.260000000000002</v>
      </c>
      <c r="L11144" s="6" t="s">
        <v>51</v>
      </c>
    </row>
    <row r="11145" spans="1:12">
      <c r="A11145" s="6" t="s">
        <v>49</v>
      </c>
      <c r="B11145" s="6"/>
      <c r="C11145" s="6" t="s">
        <v>11169</v>
      </c>
      <c r="D11145" s="6"/>
      <c r="E11145" s="6" t="s">
        <v>9</v>
      </c>
      <c r="F11145" s="7"/>
      <c r="G11145" s="8">
        <v>1</v>
      </c>
      <c r="H11145" s="8">
        <v>1</v>
      </c>
      <c r="I11145" s="8">
        <v>0</v>
      </c>
      <c r="J11145" s="8">
        <v>1</v>
      </c>
      <c r="K11145" s="9">
        <v>56</v>
      </c>
      <c r="L11145" s="6" t="s">
        <v>51</v>
      </c>
    </row>
    <row r="11146" spans="1:12">
      <c r="A11146" s="6" t="s">
        <v>49</v>
      </c>
      <c r="B11146" s="6"/>
      <c r="C11146" s="6" t="s">
        <v>11170</v>
      </c>
      <c r="D11146" s="6"/>
      <c r="E11146" s="6" t="s">
        <v>9</v>
      </c>
      <c r="F11146" s="7">
        <v>38657</v>
      </c>
      <c r="G11146" s="8">
        <v>1</v>
      </c>
      <c r="H11146" s="8">
        <v>1</v>
      </c>
      <c r="I11146" s="8">
        <v>0</v>
      </c>
      <c r="J11146" s="8">
        <v>1</v>
      </c>
      <c r="K11146" s="9">
        <v>13</v>
      </c>
      <c r="L11146" s="6" t="s">
        <v>51</v>
      </c>
    </row>
    <row r="11147" spans="1:12">
      <c r="A11147" s="6" t="s">
        <v>49</v>
      </c>
      <c r="B11147" s="6"/>
      <c r="C11147" s="6" t="s">
        <v>11171</v>
      </c>
      <c r="D11147" s="6"/>
      <c r="E11147" s="6" t="s">
        <v>9</v>
      </c>
      <c r="F11147" s="7">
        <v>38657</v>
      </c>
      <c r="G11147" s="8">
        <v>1</v>
      </c>
      <c r="H11147" s="8">
        <v>1</v>
      </c>
      <c r="I11147" s="8">
        <v>0</v>
      </c>
      <c r="J11147" s="8">
        <v>1</v>
      </c>
      <c r="K11147" s="9">
        <v>142</v>
      </c>
      <c r="L11147" s="6" t="s">
        <v>51</v>
      </c>
    </row>
    <row r="11148" spans="1:12">
      <c r="A11148" s="6" t="s">
        <v>49</v>
      </c>
      <c r="B11148" s="6"/>
      <c r="C11148" s="6" t="s">
        <v>11172</v>
      </c>
      <c r="D11148" s="6"/>
      <c r="E11148" s="6" t="s">
        <v>9</v>
      </c>
      <c r="F11148" s="7">
        <v>38657</v>
      </c>
      <c r="G11148" s="8">
        <v>1</v>
      </c>
      <c r="H11148" s="8">
        <v>1</v>
      </c>
      <c r="I11148" s="8">
        <v>0</v>
      </c>
      <c r="J11148" s="8">
        <v>1</v>
      </c>
      <c r="K11148" s="9">
        <v>122</v>
      </c>
      <c r="L11148" s="6" t="s">
        <v>51</v>
      </c>
    </row>
    <row r="11149" spans="1:12">
      <c r="A11149" s="6" t="s">
        <v>49</v>
      </c>
      <c r="B11149" s="6"/>
      <c r="C11149" s="6" t="s">
        <v>11173</v>
      </c>
      <c r="D11149" s="6"/>
      <c r="E11149" s="6" t="s">
        <v>9</v>
      </c>
      <c r="F11149" s="7"/>
      <c r="G11149" s="8">
        <v>1</v>
      </c>
      <c r="H11149" s="8">
        <v>1</v>
      </c>
      <c r="I11149" s="8">
        <v>0</v>
      </c>
      <c r="J11149" s="8">
        <v>1</v>
      </c>
      <c r="K11149" s="9">
        <v>3.3</v>
      </c>
      <c r="L11149" s="6" t="s">
        <v>51</v>
      </c>
    </row>
    <row r="11150" spans="1:12">
      <c r="A11150" s="6" t="s">
        <v>49</v>
      </c>
      <c r="B11150" s="6"/>
      <c r="C11150" s="6" t="s">
        <v>11174</v>
      </c>
      <c r="D11150" s="6"/>
      <c r="E11150" s="6" t="s">
        <v>9</v>
      </c>
      <c r="F11150" s="7"/>
      <c r="G11150" s="8">
        <v>1</v>
      </c>
      <c r="H11150" s="8">
        <v>1</v>
      </c>
      <c r="I11150" s="8">
        <v>0</v>
      </c>
      <c r="J11150" s="8">
        <v>1</v>
      </c>
      <c r="K11150" s="9">
        <v>3.3</v>
      </c>
      <c r="L11150" s="6" t="s">
        <v>51</v>
      </c>
    </row>
    <row r="11151" spans="1:12">
      <c r="A11151" s="6" t="s">
        <v>49</v>
      </c>
      <c r="B11151" s="6"/>
      <c r="C11151" s="6" t="s">
        <v>11175</v>
      </c>
      <c r="D11151" s="6"/>
      <c r="E11151" s="6" t="s">
        <v>9</v>
      </c>
      <c r="F11151" s="7"/>
      <c r="G11151" s="8">
        <v>1</v>
      </c>
      <c r="H11151" s="8">
        <v>1</v>
      </c>
      <c r="I11151" s="8">
        <v>0</v>
      </c>
      <c r="J11151" s="8">
        <v>1</v>
      </c>
      <c r="K11151" s="9">
        <v>3.3</v>
      </c>
      <c r="L11151" s="6" t="s">
        <v>51</v>
      </c>
    </row>
    <row r="11152" spans="1:12">
      <c r="A11152" s="6" t="s">
        <v>49</v>
      </c>
      <c r="B11152" s="6"/>
      <c r="C11152" s="6" t="s">
        <v>11176</v>
      </c>
      <c r="D11152" s="6"/>
      <c r="E11152" s="6" t="s">
        <v>9</v>
      </c>
      <c r="F11152" s="7"/>
      <c r="G11152" s="8">
        <v>1</v>
      </c>
      <c r="H11152" s="8">
        <v>1</v>
      </c>
      <c r="I11152" s="8">
        <v>0</v>
      </c>
      <c r="J11152" s="8">
        <v>1</v>
      </c>
      <c r="K11152" s="9">
        <v>13</v>
      </c>
      <c r="L11152" s="6" t="s">
        <v>51</v>
      </c>
    </row>
    <row r="11153" spans="1:12">
      <c r="A11153" s="6" t="s">
        <v>49</v>
      </c>
      <c r="B11153" s="6"/>
      <c r="C11153" s="6" t="s">
        <v>11177</v>
      </c>
      <c r="D11153" s="6"/>
      <c r="E11153" s="6" t="s">
        <v>9</v>
      </c>
      <c r="F11153" s="7"/>
      <c r="G11153" s="8">
        <v>1</v>
      </c>
      <c r="H11153" s="8">
        <v>1</v>
      </c>
      <c r="I11153" s="8">
        <v>0</v>
      </c>
      <c r="J11153" s="8">
        <v>1</v>
      </c>
      <c r="K11153" s="9">
        <v>33</v>
      </c>
      <c r="L11153" s="6" t="s">
        <v>51</v>
      </c>
    </row>
    <row r="11154" spans="1:12">
      <c r="A11154" s="6" t="s">
        <v>49</v>
      </c>
      <c r="B11154" s="6"/>
      <c r="C11154" s="6" t="s">
        <v>11178</v>
      </c>
      <c r="D11154" s="6"/>
      <c r="E11154" s="6" t="s">
        <v>9</v>
      </c>
      <c r="F11154" s="7"/>
      <c r="G11154" s="8">
        <v>1</v>
      </c>
      <c r="H11154" s="8">
        <v>1</v>
      </c>
      <c r="I11154" s="8">
        <v>0</v>
      </c>
      <c r="J11154" s="8">
        <v>1</v>
      </c>
      <c r="K11154" s="9">
        <v>59</v>
      </c>
      <c r="L11154" s="6" t="s">
        <v>51</v>
      </c>
    </row>
    <row r="11155" spans="1:12">
      <c r="A11155" s="6" t="s">
        <v>49</v>
      </c>
      <c r="B11155" s="6"/>
      <c r="C11155" s="6" t="s">
        <v>11179</v>
      </c>
      <c r="D11155" s="6"/>
      <c r="E11155" s="6" t="s">
        <v>9</v>
      </c>
      <c r="F11155" s="7">
        <v>38657</v>
      </c>
      <c r="G11155" s="8">
        <v>1</v>
      </c>
      <c r="H11155" s="8">
        <v>1</v>
      </c>
      <c r="I11155" s="8">
        <v>0</v>
      </c>
      <c r="J11155" s="8">
        <v>1</v>
      </c>
      <c r="K11155" s="9">
        <v>16.38</v>
      </c>
      <c r="L11155" s="6" t="s">
        <v>51</v>
      </c>
    </row>
    <row r="11156" spans="1:12">
      <c r="A11156" s="6" t="s">
        <v>49</v>
      </c>
      <c r="B11156" s="6"/>
      <c r="C11156" s="6" t="s">
        <v>11180</v>
      </c>
      <c r="D11156" s="6"/>
      <c r="E11156" s="6" t="s">
        <v>9</v>
      </c>
      <c r="F11156" s="7"/>
      <c r="G11156" s="8">
        <v>1</v>
      </c>
      <c r="H11156" s="8">
        <v>1</v>
      </c>
      <c r="I11156" s="8">
        <v>0</v>
      </c>
      <c r="J11156" s="8">
        <v>1</v>
      </c>
      <c r="K11156" s="9">
        <v>59</v>
      </c>
      <c r="L11156" s="6" t="s">
        <v>51</v>
      </c>
    </row>
    <row r="11157" spans="1:12">
      <c r="A11157" s="6" t="s">
        <v>49</v>
      </c>
      <c r="B11157" s="6"/>
      <c r="C11157" s="6" t="s">
        <v>11181</v>
      </c>
      <c r="D11157" s="6"/>
      <c r="E11157" s="6" t="s">
        <v>9</v>
      </c>
      <c r="F11157" s="7">
        <v>38657</v>
      </c>
      <c r="G11157" s="8">
        <v>1</v>
      </c>
      <c r="H11157" s="8">
        <v>1</v>
      </c>
      <c r="I11157" s="8">
        <v>0</v>
      </c>
      <c r="J11157" s="8">
        <v>1</v>
      </c>
      <c r="K11157" s="9">
        <v>11</v>
      </c>
      <c r="L11157" s="6" t="s">
        <v>51</v>
      </c>
    </row>
    <row r="11158" spans="1:12">
      <c r="A11158" s="6" t="s">
        <v>49</v>
      </c>
      <c r="B11158" s="6"/>
      <c r="C11158" s="6" t="s">
        <v>11182</v>
      </c>
      <c r="D11158" s="6"/>
      <c r="E11158" s="6" t="s">
        <v>9</v>
      </c>
      <c r="F11158" s="7">
        <v>38657</v>
      </c>
      <c r="G11158" s="8">
        <v>1</v>
      </c>
      <c r="H11158" s="8">
        <v>1</v>
      </c>
      <c r="I11158" s="8">
        <v>0</v>
      </c>
      <c r="J11158" s="8">
        <v>1</v>
      </c>
      <c r="K11158" s="9">
        <v>44</v>
      </c>
      <c r="L11158" s="6" t="s">
        <v>51</v>
      </c>
    </row>
    <row r="11159" spans="1:12">
      <c r="A11159" s="6" t="s">
        <v>49</v>
      </c>
      <c r="B11159" s="6"/>
      <c r="C11159" s="6" t="s">
        <v>11183</v>
      </c>
      <c r="D11159" s="6"/>
      <c r="E11159" s="6" t="s">
        <v>9</v>
      </c>
      <c r="F11159" s="7">
        <v>38657</v>
      </c>
      <c r="G11159" s="8">
        <v>1</v>
      </c>
      <c r="H11159" s="8">
        <v>1</v>
      </c>
      <c r="I11159" s="8">
        <v>0</v>
      </c>
      <c r="J11159" s="8">
        <v>1</v>
      </c>
      <c r="K11159" s="9">
        <v>8.75</v>
      </c>
      <c r="L11159" s="6" t="s">
        <v>51</v>
      </c>
    </row>
    <row r="11160" spans="1:12">
      <c r="A11160" s="6" t="s">
        <v>49</v>
      </c>
      <c r="B11160" s="6"/>
      <c r="C11160" s="6" t="s">
        <v>11184</v>
      </c>
      <c r="D11160" s="6"/>
      <c r="E11160" s="6" t="s">
        <v>9</v>
      </c>
      <c r="F11160" s="7">
        <v>38657</v>
      </c>
      <c r="G11160" s="8">
        <v>1</v>
      </c>
      <c r="H11160" s="8">
        <v>1</v>
      </c>
      <c r="I11160" s="8">
        <v>0</v>
      </c>
      <c r="J11160" s="8">
        <v>1</v>
      </c>
      <c r="K11160" s="9">
        <v>19</v>
      </c>
      <c r="L11160" s="6" t="s">
        <v>51</v>
      </c>
    </row>
    <row r="11161" spans="1:12">
      <c r="A11161" s="6" t="s">
        <v>49</v>
      </c>
      <c r="B11161" s="6"/>
      <c r="C11161" s="6" t="s">
        <v>11185</v>
      </c>
      <c r="D11161" s="6"/>
      <c r="E11161" s="6" t="s">
        <v>9</v>
      </c>
      <c r="F11161" s="7">
        <v>38657</v>
      </c>
      <c r="G11161" s="8">
        <v>1</v>
      </c>
      <c r="H11161" s="8">
        <v>1</v>
      </c>
      <c r="I11161" s="8">
        <v>0</v>
      </c>
      <c r="J11161" s="8">
        <v>1</v>
      </c>
      <c r="K11161" s="9">
        <v>10</v>
      </c>
      <c r="L11161" s="6" t="s">
        <v>51</v>
      </c>
    </row>
    <row r="11162" spans="1:12">
      <c r="A11162" s="6" t="s">
        <v>49</v>
      </c>
      <c r="B11162" s="6"/>
      <c r="C11162" s="6" t="s">
        <v>11186</v>
      </c>
      <c r="D11162" s="6"/>
      <c r="E11162" s="6" t="s">
        <v>9</v>
      </c>
      <c r="F11162" s="7">
        <v>38657</v>
      </c>
      <c r="G11162" s="8">
        <v>1</v>
      </c>
      <c r="H11162" s="8">
        <v>1</v>
      </c>
      <c r="I11162" s="8">
        <v>0</v>
      </c>
      <c r="J11162" s="8">
        <v>1</v>
      </c>
      <c r="K11162" s="9">
        <v>7.37</v>
      </c>
      <c r="L11162" s="6" t="s">
        <v>51</v>
      </c>
    </row>
    <row r="11163" spans="1:12">
      <c r="A11163" s="6" t="s">
        <v>49</v>
      </c>
      <c r="B11163" s="6"/>
      <c r="C11163" s="6" t="s">
        <v>11187</v>
      </c>
      <c r="D11163" s="6"/>
      <c r="E11163" s="6" t="s">
        <v>9</v>
      </c>
      <c r="F11163" s="7">
        <v>38657</v>
      </c>
      <c r="G11163" s="8">
        <v>1</v>
      </c>
      <c r="H11163" s="8">
        <v>1</v>
      </c>
      <c r="I11163" s="8">
        <v>0</v>
      </c>
      <c r="J11163" s="8">
        <v>1</v>
      </c>
      <c r="K11163" s="9">
        <v>7.35</v>
      </c>
      <c r="L11163" s="6" t="s">
        <v>51</v>
      </c>
    </row>
    <row r="11164" spans="1:12">
      <c r="A11164" s="6" t="s">
        <v>49</v>
      </c>
      <c r="B11164" s="6"/>
      <c r="C11164" s="6" t="s">
        <v>11188</v>
      </c>
      <c r="D11164" s="6"/>
      <c r="E11164" s="6" t="s">
        <v>9</v>
      </c>
      <c r="F11164" s="7">
        <v>38657</v>
      </c>
      <c r="G11164" s="8">
        <v>1</v>
      </c>
      <c r="H11164" s="8">
        <v>1</v>
      </c>
      <c r="I11164" s="8">
        <v>0</v>
      </c>
      <c r="J11164" s="8">
        <v>1</v>
      </c>
      <c r="K11164" s="9">
        <v>5.31</v>
      </c>
      <c r="L11164" s="6" t="s">
        <v>51</v>
      </c>
    </row>
    <row r="11165" spans="1:12">
      <c r="A11165" s="6" t="s">
        <v>49</v>
      </c>
      <c r="B11165" s="6"/>
      <c r="C11165" s="6" t="s">
        <v>11189</v>
      </c>
      <c r="D11165" s="6"/>
      <c r="E11165" s="6" t="s">
        <v>9</v>
      </c>
      <c r="F11165" s="7">
        <v>38657</v>
      </c>
      <c r="G11165" s="8">
        <v>1</v>
      </c>
      <c r="H11165" s="8">
        <v>1</v>
      </c>
      <c r="I11165" s="8">
        <v>0</v>
      </c>
      <c r="J11165" s="8">
        <v>1</v>
      </c>
      <c r="K11165" s="9">
        <v>18</v>
      </c>
      <c r="L11165" s="6" t="s">
        <v>51</v>
      </c>
    </row>
    <row r="11166" spans="1:12">
      <c r="A11166" s="6" t="s">
        <v>49</v>
      </c>
      <c r="B11166" s="6"/>
      <c r="C11166" s="6" t="s">
        <v>11190</v>
      </c>
      <c r="D11166" s="6"/>
      <c r="E11166" s="6" t="s">
        <v>9</v>
      </c>
      <c r="F11166" s="7">
        <v>38657</v>
      </c>
      <c r="G11166" s="8">
        <v>1</v>
      </c>
      <c r="H11166" s="8">
        <v>1</v>
      </c>
      <c r="I11166" s="8">
        <v>0</v>
      </c>
      <c r="J11166" s="8">
        <v>1</v>
      </c>
      <c r="K11166" s="9">
        <v>17.38</v>
      </c>
      <c r="L11166" s="6" t="s">
        <v>51</v>
      </c>
    </row>
    <row r="11167" spans="1:12">
      <c r="A11167" s="6" t="s">
        <v>49</v>
      </c>
      <c r="B11167" s="6"/>
      <c r="C11167" s="6" t="s">
        <v>11191</v>
      </c>
      <c r="D11167" s="6"/>
      <c r="E11167" s="6" t="s">
        <v>9</v>
      </c>
      <c r="F11167" s="7">
        <v>38657</v>
      </c>
      <c r="G11167" s="8">
        <v>1</v>
      </c>
      <c r="H11167" s="8">
        <v>1</v>
      </c>
      <c r="I11167" s="8">
        <v>0</v>
      </c>
      <c r="J11167" s="8">
        <v>1</v>
      </c>
      <c r="K11167" s="9">
        <v>11</v>
      </c>
      <c r="L11167" s="6" t="s">
        <v>51</v>
      </c>
    </row>
    <row r="11168" spans="1:12">
      <c r="A11168" s="6" t="s">
        <v>49</v>
      </c>
      <c r="B11168" s="6"/>
      <c r="C11168" s="6" t="s">
        <v>11192</v>
      </c>
      <c r="D11168" s="6"/>
      <c r="E11168" s="6" t="s">
        <v>9</v>
      </c>
      <c r="F11168" s="7">
        <v>38657</v>
      </c>
      <c r="G11168" s="8">
        <v>1</v>
      </c>
      <c r="H11168" s="8">
        <v>1</v>
      </c>
      <c r="I11168" s="8">
        <v>0</v>
      </c>
      <c r="J11168" s="8">
        <v>1</v>
      </c>
      <c r="K11168" s="9">
        <v>18</v>
      </c>
      <c r="L11168" s="6" t="s">
        <v>51</v>
      </c>
    </row>
    <row r="11169" spans="1:12">
      <c r="A11169" s="6" t="s">
        <v>49</v>
      </c>
      <c r="B11169" s="6"/>
      <c r="C11169" s="6" t="s">
        <v>11193</v>
      </c>
      <c r="D11169" s="6"/>
      <c r="E11169" s="6" t="s">
        <v>9</v>
      </c>
      <c r="F11169" s="7">
        <v>38657</v>
      </c>
      <c r="G11169" s="8">
        <v>1</v>
      </c>
      <c r="H11169" s="8">
        <v>1</v>
      </c>
      <c r="I11169" s="8">
        <v>0</v>
      </c>
      <c r="J11169" s="8">
        <v>1</v>
      </c>
      <c r="K11169" s="9">
        <v>10</v>
      </c>
      <c r="L11169" s="6" t="s">
        <v>51</v>
      </c>
    </row>
    <row r="11170" spans="1:12">
      <c r="A11170" s="6" t="s">
        <v>49</v>
      </c>
      <c r="B11170" s="6"/>
      <c r="C11170" s="6" t="s">
        <v>11194</v>
      </c>
      <c r="D11170" s="6"/>
      <c r="E11170" s="6" t="s">
        <v>9</v>
      </c>
      <c r="F11170" s="7">
        <v>38657</v>
      </c>
      <c r="G11170" s="8">
        <v>1</v>
      </c>
      <c r="H11170" s="8">
        <v>1</v>
      </c>
      <c r="I11170" s="8">
        <v>0</v>
      </c>
      <c r="J11170" s="8">
        <v>1</v>
      </c>
      <c r="K11170" s="9">
        <v>17</v>
      </c>
      <c r="L11170" s="6" t="s">
        <v>51</v>
      </c>
    </row>
    <row r="11171" spans="1:12">
      <c r="A11171" s="6" t="s">
        <v>49</v>
      </c>
      <c r="B11171" s="6"/>
      <c r="C11171" s="6" t="s">
        <v>11195</v>
      </c>
      <c r="D11171" s="6"/>
      <c r="E11171" s="6" t="s">
        <v>9</v>
      </c>
      <c r="F11171" s="7">
        <v>38657</v>
      </c>
      <c r="G11171" s="8">
        <v>1</v>
      </c>
      <c r="H11171" s="8">
        <v>1</v>
      </c>
      <c r="I11171" s="8">
        <v>0</v>
      </c>
      <c r="J11171" s="8">
        <v>1</v>
      </c>
      <c r="K11171" s="9">
        <v>7.29</v>
      </c>
      <c r="L11171" s="6" t="s">
        <v>51</v>
      </c>
    </row>
    <row r="11172" spans="1:12">
      <c r="A11172" s="6" t="s">
        <v>49</v>
      </c>
      <c r="B11172" s="6"/>
      <c r="C11172" s="6" t="s">
        <v>11196</v>
      </c>
      <c r="D11172" s="6"/>
      <c r="E11172" s="6" t="s">
        <v>9</v>
      </c>
      <c r="F11172" s="7">
        <v>38657</v>
      </c>
      <c r="G11172" s="8">
        <v>1</v>
      </c>
      <c r="H11172" s="8">
        <v>1</v>
      </c>
      <c r="I11172" s="8">
        <v>0</v>
      </c>
      <c r="J11172" s="8">
        <v>1</v>
      </c>
      <c r="K11172" s="9">
        <v>0.13</v>
      </c>
      <c r="L11172" s="6" t="s">
        <v>51</v>
      </c>
    </row>
    <row r="11173" spans="1:12">
      <c r="A11173" s="6" t="s">
        <v>49</v>
      </c>
      <c r="B11173" s="6"/>
      <c r="C11173" s="6" t="s">
        <v>11197</v>
      </c>
      <c r="D11173" s="6"/>
      <c r="E11173" s="6" t="s">
        <v>9</v>
      </c>
      <c r="F11173" s="7">
        <v>38657</v>
      </c>
      <c r="G11173" s="8">
        <v>1</v>
      </c>
      <c r="H11173" s="8">
        <v>1</v>
      </c>
      <c r="I11173" s="8">
        <v>0</v>
      </c>
      <c r="J11173" s="8">
        <v>1</v>
      </c>
      <c r="K11173" s="9">
        <v>0.27</v>
      </c>
      <c r="L11173" s="6" t="s">
        <v>51</v>
      </c>
    </row>
    <row r="11174" spans="1:12">
      <c r="A11174" s="6" t="s">
        <v>49</v>
      </c>
      <c r="B11174" s="6"/>
      <c r="C11174" s="6" t="s">
        <v>11198</v>
      </c>
      <c r="D11174" s="6"/>
      <c r="E11174" s="6" t="s">
        <v>9</v>
      </c>
      <c r="F11174" s="7">
        <v>38657</v>
      </c>
      <c r="G11174" s="8">
        <v>1</v>
      </c>
      <c r="H11174" s="8">
        <v>1</v>
      </c>
      <c r="I11174" s="8">
        <v>0</v>
      </c>
      <c r="J11174" s="8">
        <v>1</v>
      </c>
      <c r="K11174" s="9">
        <v>29</v>
      </c>
      <c r="L11174" s="6" t="s">
        <v>51</v>
      </c>
    </row>
    <row r="11175" spans="1:12">
      <c r="A11175" s="6" t="s">
        <v>49</v>
      </c>
      <c r="B11175" s="6"/>
      <c r="C11175" s="6" t="s">
        <v>11199</v>
      </c>
      <c r="D11175" s="6"/>
      <c r="E11175" s="6" t="s">
        <v>9</v>
      </c>
      <c r="F11175" s="7">
        <v>38657</v>
      </c>
      <c r="G11175" s="8">
        <v>1</v>
      </c>
      <c r="H11175" s="8">
        <v>1</v>
      </c>
      <c r="I11175" s="8">
        <v>0</v>
      </c>
      <c r="J11175" s="8">
        <v>1</v>
      </c>
      <c r="K11175" s="9">
        <v>2.89</v>
      </c>
      <c r="L11175" s="6" t="s">
        <v>51</v>
      </c>
    </row>
    <row r="11176" spans="1:12">
      <c r="A11176" s="6" t="s">
        <v>49</v>
      </c>
      <c r="B11176" s="6"/>
      <c r="C11176" s="6" t="s">
        <v>11200</v>
      </c>
      <c r="D11176" s="6"/>
      <c r="E11176" s="6" t="s">
        <v>9</v>
      </c>
      <c r="F11176" s="7">
        <v>38657</v>
      </c>
      <c r="G11176" s="8">
        <v>1</v>
      </c>
      <c r="H11176" s="8">
        <v>1</v>
      </c>
      <c r="I11176" s="8">
        <v>0</v>
      </c>
      <c r="J11176" s="8">
        <v>1</v>
      </c>
      <c r="K11176" s="9">
        <v>4.07</v>
      </c>
      <c r="L11176" s="6" t="s">
        <v>51</v>
      </c>
    </row>
    <row r="11177" spans="1:12">
      <c r="A11177" s="6" t="s">
        <v>49</v>
      </c>
      <c r="B11177" s="6"/>
      <c r="C11177" s="6" t="s">
        <v>11201</v>
      </c>
      <c r="D11177" s="6"/>
      <c r="E11177" s="6" t="s">
        <v>9</v>
      </c>
      <c r="F11177" s="7">
        <v>38657</v>
      </c>
      <c r="G11177" s="8">
        <v>1</v>
      </c>
      <c r="H11177" s="8">
        <v>1</v>
      </c>
      <c r="I11177" s="8">
        <v>0</v>
      </c>
      <c r="J11177" s="8">
        <v>1</v>
      </c>
      <c r="K11177" s="9">
        <v>11.74</v>
      </c>
      <c r="L11177" s="6" t="s">
        <v>51</v>
      </c>
    </row>
    <row r="11178" spans="1:12">
      <c r="A11178" s="6" t="s">
        <v>49</v>
      </c>
      <c r="B11178" s="6"/>
      <c r="C11178" s="6" t="s">
        <v>11202</v>
      </c>
      <c r="D11178" s="6"/>
      <c r="E11178" s="6" t="s">
        <v>9</v>
      </c>
      <c r="F11178" s="7">
        <v>38657</v>
      </c>
      <c r="G11178" s="8">
        <v>1</v>
      </c>
      <c r="H11178" s="8">
        <v>1</v>
      </c>
      <c r="I11178" s="8">
        <v>0</v>
      </c>
      <c r="J11178" s="8">
        <v>1</v>
      </c>
      <c r="K11178" s="9">
        <v>6.64</v>
      </c>
      <c r="L11178" s="6" t="s">
        <v>51</v>
      </c>
    </row>
    <row r="11179" spans="1:12">
      <c r="A11179" s="6" t="s">
        <v>49</v>
      </c>
      <c r="B11179" s="6"/>
      <c r="C11179" s="6" t="s">
        <v>11203</v>
      </c>
      <c r="D11179" s="6"/>
      <c r="E11179" s="6" t="s">
        <v>9</v>
      </c>
      <c r="F11179" s="7">
        <v>38657</v>
      </c>
      <c r="G11179" s="8">
        <v>1</v>
      </c>
      <c r="H11179" s="8">
        <v>1</v>
      </c>
      <c r="I11179" s="8">
        <v>0</v>
      </c>
      <c r="J11179" s="8">
        <v>1</v>
      </c>
      <c r="K11179" s="9">
        <v>18</v>
      </c>
      <c r="L11179" s="6" t="s">
        <v>51</v>
      </c>
    </row>
    <row r="11180" spans="1:12">
      <c r="A11180" s="6" t="s">
        <v>49</v>
      </c>
      <c r="B11180" s="6"/>
      <c r="C11180" s="6" t="s">
        <v>11204</v>
      </c>
      <c r="D11180" s="6"/>
      <c r="E11180" s="6" t="s">
        <v>9</v>
      </c>
      <c r="F11180" s="7">
        <v>38657</v>
      </c>
      <c r="G11180" s="8">
        <v>1</v>
      </c>
      <c r="H11180" s="8">
        <v>1</v>
      </c>
      <c r="I11180" s="8">
        <v>0</v>
      </c>
      <c r="J11180" s="8">
        <v>1</v>
      </c>
      <c r="K11180" s="9">
        <v>34</v>
      </c>
      <c r="L11180" s="6" t="s">
        <v>51</v>
      </c>
    </row>
    <row r="11181" spans="1:12">
      <c r="A11181" s="6" t="s">
        <v>49</v>
      </c>
      <c r="B11181" s="6"/>
      <c r="C11181" s="6" t="s">
        <v>11205</v>
      </c>
      <c r="D11181" s="6"/>
      <c r="E11181" s="6" t="s">
        <v>9</v>
      </c>
      <c r="F11181" s="7">
        <v>38657</v>
      </c>
      <c r="G11181" s="8">
        <v>1</v>
      </c>
      <c r="H11181" s="8">
        <v>1</v>
      </c>
      <c r="I11181" s="8">
        <v>0</v>
      </c>
      <c r="J11181" s="8">
        <v>1</v>
      </c>
      <c r="K11181" s="9">
        <v>25</v>
      </c>
      <c r="L11181" s="6" t="s">
        <v>51</v>
      </c>
    </row>
    <row r="11182" spans="1:12">
      <c r="A11182" s="6" t="s">
        <v>49</v>
      </c>
      <c r="B11182" s="6"/>
      <c r="C11182" s="6" t="s">
        <v>11206</v>
      </c>
      <c r="D11182" s="6"/>
      <c r="E11182" s="6" t="s">
        <v>9</v>
      </c>
      <c r="F11182" s="7">
        <v>38657</v>
      </c>
      <c r="G11182" s="8">
        <v>1</v>
      </c>
      <c r="H11182" s="8">
        <v>1</v>
      </c>
      <c r="I11182" s="8">
        <v>0</v>
      </c>
      <c r="J11182" s="8">
        <v>1</v>
      </c>
      <c r="K11182" s="9">
        <v>4.34</v>
      </c>
      <c r="L11182" s="6" t="s">
        <v>51</v>
      </c>
    </row>
    <row r="11183" spans="1:12">
      <c r="A11183" s="6" t="s">
        <v>49</v>
      </c>
      <c r="B11183" s="6"/>
      <c r="C11183" s="6" t="s">
        <v>11207</v>
      </c>
      <c r="D11183" s="6"/>
      <c r="E11183" s="6" t="s">
        <v>9</v>
      </c>
      <c r="F11183" s="7">
        <v>38657</v>
      </c>
      <c r="G11183" s="8">
        <v>1</v>
      </c>
      <c r="H11183" s="8">
        <v>1</v>
      </c>
      <c r="I11183" s="8">
        <v>0</v>
      </c>
      <c r="J11183" s="8">
        <v>1</v>
      </c>
      <c r="K11183" s="9">
        <v>33</v>
      </c>
      <c r="L11183" s="6" t="s">
        <v>51</v>
      </c>
    </row>
    <row r="11184" spans="1:12">
      <c r="A11184" s="6" t="s">
        <v>49</v>
      </c>
      <c r="B11184" s="6"/>
      <c r="C11184" s="6" t="s">
        <v>11208</v>
      </c>
      <c r="D11184" s="6"/>
      <c r="E11184" s="6" t="s">
        <v>9</v>
      </c>
      <c r="F11184" s="7">
        <v>38657</v>
      </c>
      <c r="G11184" s="8">
        <v>1</v>
      </c>
      <c r="H11184" s="8">
        <v>1</v>
      </c>
      <c r="I11184" s="8">
        <v>0</v>
      </c>
      <c r="J11184" s="8">
        <v>1</v>
      </c>
      <c r="K11184" s="9">
        <v>26</v>
      </c>
      <c r="L11184" s="6" t="s">
        <v>51</v>
      </c>
    </row>
    <row r="11185" spans="1:12">
      <c r="A11185" s="6" t="s">
        <v>49</v>
      </c>
      <c r="B11185" s="6"/>
      <c r="C11185" s="6" t="s">
        <v>11209</v>
      </c>
      <c r="D11185" s="6"/>
      <c r="E11185" s="6" t="s">
        <v>9</v>
      </c>
      <c r="F11185" s="7">
        <v>38657</v>
      </c>
      <c r="G11185" s="8">
        <v>1</v>
      </c>
      <c r="H11185" s="8">
        <v>1</v>
      </c>
      <c r="I11185" s="8">
        <v>0</v>
      </c>
      <c r="J11185" s="8">
        <v>1</v>
      </c>
      <c r="K11185" s="9">
        <v>59</v>
      </c>
      <c r="L11185" s="6" t="s">
        <v>51</v>
      </c>
    </row>
    <row r="11186" spans="1:12">
      <c r="A11186" s="6" t="s">
        <v>49</v>
      </c>
      <c r="B11186" s="6"/>
      <c r="C11186" s="6" t="s">
        <v>11210</v>
      </c>
      <c r="D11186" s="6"/>
      <c r="E11186" s="6" t="s">
        <v>9</v>
      </c>
      <c r="F11186" s="7">
        <v>38657</v>
      </c>
      <c r="G11186" s="8">
        <v>1</v>
      </c>
      <c r="H11186" s="8">
        <v>1</v>
      </c>
      <c r="I11186" s="8">
        <v>0</v>
      </c>
      <c r="J11186" s="8">
        <v>1</v>
      </c>
      <c r="K11186" s="9">
        <v>8.77</v>
      </c>
      <c r="L11186" s="6" t="s">
        <v>51</v>
      </c>
    </row>
    <row r="11187" spans="1:12">
      <c r="A11187" s="6" t="s">
        <v>49</v>
      </c>
      <c r="B11187" s="6"/>
      <c r="C11187" s="6" t="s">
        <v>11211</v>
      </c>
      <c r="D11187" s="6"/>
      <c r="E11187" s="6" t="s">
        <v>9</v>
      </c>
      <c r="F11187" s="7">
        <v>38657</v>
      </c>
      <c r="G11187" s="8">
        <v>1</v>
      </c>
      <c r="H11187" s="8">
        <v>1</v>
      </c>
      <c r="I11187" s="8">
        <v>0</v>
      </c>
      <c r="J11187" s="8">
        <v>1</v>
      </c>
      <c r="K11187" s="9">
        <v>0.93</v>
      </c>
      <c r="L11187" s="6" t="s">
        <v>51</v>
      </c>
    </row>
    <row r="11188" spans="1:12">
      <c r="A11188" s="6" t="s">
        <v>49</v>
      </c>
      <c r="B11188" s="6"/>
      <c r="C11188" s="6" t="s">
        <v>11212</v>
      </c>
      <c r="D11188" s="6"/>
      <c r="E11188" s="6" t="s">
        <v>9</v>
      </c>
      <c r="F11188" s="7">
        <v>38657</v>
      </c>
      <c r="G11188" s="8">
        <v>1</v>
      </c>
      <c r="H11188" s="8">
        <v>1</v>
      </c>
      <c r="I11188" s="8">
        <v>0</v>
      </c>
      <c r="J11188" s="8">
        <v>1</v>
      </c>
      <c r="K11188" s="9">
        <v>33.450000000000003</v>
      </c>
      <c r="L11188" s="6" t="s">
        <v>51</v>
      </c>
    </row>
    <row r="11189" spans="1:12">
      <c r="A11189" s="6" t="s">
        <v>49</v>
      </c>
      <c r="B11189" s="6"/>
      <c r="C11189" s="6" t="s">
        <v>11213</v>
      </c>
      <c r="D11189" s="6"/>
      <c r="E11189" s="6" t="s">
        <v>9</v>
      </c>
      <c r="F11189" s="7">
        <v>38657</v>
      </c>
      <c r="G11189" s="8">
        <v>1</v>
      </c>
      <c r="H11189" s="8">
        <v>1</v>
      </c>
      <c r="I11189" s="8">
        <v>0</v>
      </c>
      <c r="J11189" s="8">
        <v>1</v>
      </c>
      <c r="K11189" s="9">
        <v>87</v>
      </c>
      <c r="L11189" s="6" t="s">
        <v>51</v>
      </c>
    </row>
    <row r="11190" spans="1:12">
      <c r="A11190" s="6" t="s">
        <v>49</v>
      </c>
      <c r="B11190" s="6"/>
      <c r="C11190" s="6" t="s">
        <v>11214</v>
      </c>
      <c r="D11190" s="6"/>
      <c r="E11190" s="6" t="s">
        <v>9</v>
      </c>
      <c r="F11190" s="7">
        <v>38657</v>
      </c>
      <c r="G11190" s="8">
        <v>1</v>
      </c>
      <c r="H11190" s="8">
        <v>1</v>
      </c>
      <c r="I11190" s="8">
        <v>0</v>
      </c>
      <c r="J11190" s="8">
        <v>1</v>
      </c>
      <c r="K11190" s="9">
        <v>18</v>
      </c>
      <c r="L11190" s="6" t="s">
        <v>51</v>
      </c>
    </row>
    <row r="11191" spans="1:12">
      <c r="A11191" s="6" t="s">
        <v>49</v>
      </c>
      <c r="B11191" s="6"/>
      <c r="C11191" s="6" t="s">
        <v>11215</v>
      </c>
      <c r="D11191" s="6"/>
      <c r="E11191" s="6" t="s">
        <v>9</v>
      </c>
      <c r="F11191" s="7">
        <v>38657</v>
      </c>
      <c r="G11191" s="8">
        <v>1</v>
      </c>
      <c r="H11191" s="8">
        <v>1</v>
      </c>
      <c r="I11191" s="8">
        <v>0</v>
      </c>
      <c r="J11191" s="8">
        <v>1</v>
      </c>
      <c r="K11191" s="9">
        <v>8.85</v>
      </c>
      <c r="L11191" s="6" t="s">
        <v>51</v>
      </c>
    </row>
    <row r="11192" spans="1:12">
      <c r="A11192" s="6" t="s">
        <v>49</v>
      </c>
      <c r="B11192" s="6"/>
      <c r="C11192" s="6" t="s">
        <v>11216</v>
      </c>
      <c r="D11192" s="6"/>
      <c r="E11192" s="6" t="s">
        <v>9</v>
      </c>
      <c r="F11192" s="7">
        <v>38657</v>
      </c>
      <c r="G11192" s="8">
        <v>1</v>
      </c>
      <c r="H11192" s="8">
        <v>1</v>
      </c>
      <c r="I11192" s="8">
        <v>0</v>
      </c>
      <c r="J11192" s="8">
        <v>1</v>
      </c>
      <c r="K11192" s="9">
        <v>1.76</v>
      </c>
      <c r="L11192" s="6" t="s">
        <v>51</v>
      </c>
    </row>
    <row r="11193" spans="1:12">
      <c r="A11193" s="6" t="s">
        <v>49</v>
      </c>
      <c r="B11193" s="6"/>
      <c r="C11193" s="6" t="s">
        <v>11217</v>
      </c>
      <c r="D11193" s="6"/>
      <c r="E11193" s="6" t="s">
        <v>9</v>
      </c>
      <c r="F11193" s="7">
        <v>38657</v>
      </c>
      <c r="G11193" s="8">
        <v>1</v>
      </c>
      <c r="H11193" s="8">
        <v>1</v>
      </c>
      <c r="I11193" s="8">
        <v>0</v>
      </c>
      <c r="J11193" s="8">
        <v>1</v>
      </c>
      <c r="K11193" s="9">
        <v>1.57</v>
      </c>
      <c r="L11193" s="6" t="s">
        <v>51</v>
      </c>
    </row>
    <row r="11194" spans="1:12">
      <c r="A11194" s="6" t="s">
        <v>49</v>
      </c>
      <c r="B11194" s="6"/>
      <c r="C11194" s="6" t="s">
        <v>11218</v>
      </c>
      <c r="D11194" s="6"/>
      <c r="E11194" s="6" t="s">
        <v>9</v>
      </c>
      <c r="F11194" s="7">
        <v>38657</v>
      </c>
      <c r="G11194" s="8">
        <v>1</v>
      </c>
      <c r="H11194" s="8">
        <v>1</v>
      </c>
      <c r="I11194" s="8">
        <v>0</v>
      </c>
      <c r="J11194" s="8">
        <v>1</v>
      </c>
      <c r="K11194" s="9">
        <v>27</v>
      </c>
      <c r="L11194" s="6" t="s">
        <v>51</v>
      </c>
    </row>
    <row r="11195" spans="1:12">
      <c r="A11195" s="6" t="s">
        <v>49</v>
      </c>
      <c r="B11195" s="6"/>
      <c r="C11195" s="6" t="s">
        <v>11219</v>
      </c>
      <c r="D11195" s="6"/>
      <c r="E11195" s="6" t="s">
        <v>9</v>
      </c>
      <c r="F11195" s="7">
        <v>38657</v>
      </c>
      <c r="G11195" s="8">
        <v>1</v>
      </c>
      <c r="H11195" s="8">
        <v>1</v>
      </c>
      <c r="I11195" s="8">
        <v>0</v>
      </c>
      <c r="J11195" s="8">
        <v>1</v>
      </c>
      <c r="K11195" s="9">
        <v>4.83</v>
      </c>
      <c r="L11195" s="6" t="s">
        <v>51</v>
      </c>
    </row>
    <row r="11196" spans="1:12">
      <c r="A11196" s="6" t="s">
        <v>49</v>
      </c>
      <c r="B11196" s="6"/>
      <c r="C11196" s="6" t="s">
        <v>11220</v>
      </c>
      <c r="D11196" s="6"/>
      <c r="E11196" s="6" t="s">
        <v>9</v>
      </c>
      <c r="F11196" s="7">
        <v>38657</v>
      </c>
      <c r="G11196" s="8">
        <v>1</v>
      </c>
      <c r="H11196" s="8">
        <v>1</v>
      </c>
      <c r="I11196" s="8">
        <v>0</v>
      </c>
      <c r="J11196" s="8">
        <v>1</v>
      </c>
      <c r="K11196" s="9">
        <v>16</v>
      </c>
      <c r="L11196" s="6" t="s">
        <v>51</v>
      </c>
    </row>
    <row r="11197" spans="1:12">
      <c r="A11197" s="6" t="s">
        <v>49</v>
      </c>
      <c r="B11197" s="6"/>
      <c r="C11197" s="6" t="s">
        <v>11221</v>
      </c>
      <c r="D11197" s="6"/>
      <c r="E11197" s="6" t="s">
        <v>9</v>
      </c>
      <c r="F11197" s="7">
        <v>38657</v>
      </c>
      <c r="G11197" s="8">
        <v>1</v>
      </c>
      <c r="H11197" s="8">
        <v>1</v>
      </c>
      <c r="I11197" s="8">
        <v>0</v>
      </c>
      <c r="J11197" s="8">
        <v>1</v>
      </c>
      <c r="K11197" s="9">
        <v>66</v>
      </c>
      <c r="L11197" s="6" t="s">
        <v>51</v>
      </c>
    </row>
    <row r="11198" spans="1:12">
      <c r="A11198" s="6" t="s">
        <v>49</v>
      </c>
      <c r="B11198" s="6"/>
      <c r="C11198" s="6" t="s">
        <v>11222</v>
      </c>
      <c r="D11198" s="6"/>
      <c r="E11198" s="6" t="s">
        <v>9</v>
      </c>
      <c r="F11198" s="7">
        <v>38657</v>
      </c>
      <c r="G11198" s="8">
        <v>1</v>
      </c>
      <c r="H11198" s="8">
        <v>1</v>
      </c>
      <c r="I11198" s="8">
        <v>0</v>
      </c>
      <c r="J11198" s="8">
        <v>1</v>
      </c>
      <c r="K11198" s="9">
        <v>3.73</v>
      </c>
      <c r="L11198" s="6" t="s">
        <v>51</v>
      </c>
    </row>
    <row r="11199" spans="1:12">
      <c r="A11199" s="6" t="s">
        <v>49</v>
      </c>
      <c r="B11199" s="6"/>
      <c r="C11199" s="6" t="s">
        <v>11223</v>
      </c>
      <c r="D11199" s="6"/>
      <c r="E11199" s="6" t="s">
        <v>9</v>
      </c>
      <c r="F11199" s="7">
        <v>38657</v>
      </c>
      <c r="G11199" s="8">
        <v>1</v>
      </c>
      <c r="H11199" s="8">
        <v>1</v>
      </c>
      <c r="I11199" s="8">
        <v>0</v>
      </c>
      <c r="J11199" s="8">
        <v>1</v>
      </c>
      <c r="K11199" s="9">
        <v>37.020000000000003</v>
      </c>
      <c r="L11199" s="6" t="s">
        <v>51</v>
      </c>
    </row>
    <row r="11200" spans="1:12">
      <c r="A11200" s="6" t="s">
        <v>49</v>
      </c>
      <c r="B11200" s="6"/>
      <c r="C11200" s="6" t="s">
        <v>11224</v>
      </c>
      <c r="D11200" s="6"/>
      <c r="E11200" s="6" t="s">
        <v>9</v>
      </c>
      <c r="F11200" s="7">
        <v>38657</v>
      </c>
      <c r="G11200" s="8">
        <v>1</v>
      </c>
      <c r="H11200" s="8">
        <v>1</v>
      </c>
      <c r="I11200" s="8">
        <v>0</v>
      </c>
      <c r="J11200" s="8">
        <v>1</v>
      </c>
      <c r="K11200" s="9">
        <v>10</v>
      </c>
      <c r="L11200" s="6" t="s">
        <v>51</v>
      </c>
    </row>
    <row r="11201" spans="1:12">
      <c r="A11201" s="6" t="s">
        <v>49</v>
      </c>
      <c r="B11201" s="6"/>
      <c r="C11201" s="6" t="s">
        <v>11225</v>
      </c>
      <c r="D11201" s="6"/>
      <c r="E11201" s="6" t="s">
        <v>9</v>
      </c>
      <c r="F11201" s="7">
        <v>38657</v>
      </c>
      <c r="G11201" s="8">
        <v>1</v>
      </c>
      <c r="H11201" s="8">
        <v>1</v>
      </c>
      <c r="I11201" s="8">
        <v>0</v>
      </c>
      <c r="J11201" s="8">
        <v>1</v>
      </c>
      <c r="K11201" s="9">
        <v>0.77</v>
      </c>
      <c r="L11201" s="6" t="s">
        <v>51</v>
      </c>
    </row>
    <row r="11202" spans="1:12">
      <c r="A11202" s="6" t="s">
        <v>49</v>
      </c>
      <c r="B11202" s="6"/>
      <c r="C11202" s="6" t="s">
        <v>11226</v>
      </c>
      <c r="D11202" s="6"/>
      <c r="E11202" s="6" t="s">
        <v>9</v>
      </c>
      <c r="F11202" s="7">
        <v>38657</v>
      </c>
      <c r="G11202" s="8">
        <v>1</v>
      </c>
      <c r="H11202" s="8">
        <v>1</v>
      </c>
      <c r="I11202" s="8">
        <v>0</v>
      </c>
      <c r="J11202" s="8">
        <v>1</v>
      </c>
      <c r="K11202" s="9">
        <v>83</v>
      </c>
      <c r="L11202" s="6" t="s">
        <v>51</v>
      </c>
    </row>
    <row r="11203" spans="1:12">
      <c r="A11203" s="6" t="s">
        <v>49</v>
      </c>
      <c r="B11203" s="6"/>
      <c r="C11203" s="6" t="s">
        <v>11227</v>
      </c>
      <c r="D11203" s="6"/>
      <c r="E11203" s="6" t="s">
        <v>9</v>
      </c>
      <c r="F11203" s="7">
        <v>38657</v>
      </c>
      <c r="G11203" s="8">
        <v>1</v>
      </c>
      <c r="H11203" s="8">
        <v>1</v>
      </c>
      <c r="I11203" s="8">
        <v>0</v>
      </c>
      <c r="J11203" s="8">
        <v>1</v>
      </c>
      <c r="K11203" s="9">
        <v>15</v>
      </c>
      <c r="L11203" s="6" t="s">
        <v>51</v>
      </c>
    </row>
    <row r="11204" spans="1:12">
      <c r="A11204" s="6" t="s">
        <v>49</v>
      </c>
      <c r="B11204" s="6"/>
      <c r="C11204" s="6" t="s">
        <v>11228</v>
      </c>
      <c r="D11204" s="6"/>
      <c r="E11204" s="6" t="s">
        <v>9</v>
      </c>
      <c r="F11204" s="7">
        <v>38657</v>
      </c>
      <c r="G11204" s="8">
        <v>1</v>
      </c>
      <c r="H11204" s="8">
        <v>1</v>
      </c>
      <c r="I11204" s="8">
        <v>0</v>
      </c>
      <c r="J11204" s="8">
        <v>1</v>
      </c>
      <c r="K11204" s="9">
        <v>10</v>
      </c>
      <c r="L11204" s="6" t="s">
        <v>51</v>
      </c>
    </row>
    <row r="11205" spans="1:12">
      <c r="A11205" s="6" t="s">
        <v>49</v>
      </c>
      <c r="B11205" s="6"/>
      <c r="C11205" s="6" t="s">
        <v>11229</v>
      </c>
      <c r="D11205" s="6"/>
      <c r="E11205" s="6" t="s">
        <v>9</v>
      </c>
      <c r="F11205" s="7">
        <v>38657</v>
      </c>
      <c r="G11205" s="8">
        <v>1</v>
      </c>
      <c r="H11205" s="8">
        <v>1</v>
      </c>
      <c r="I11205" s="8">
        <v>0</v>
      </c>
      <c r="J11205" s="8">
        <v>1</v>
      </c>
      <c r="K11205" s="9">
        <v>46</v>
      </c>
      <c r="L11205" s="6" t="s">
        <v>51</v>
      </c>
    </row>
    <row r="11206" spans="1:12">
      <c r="A11206" s="6" t="s">
        <v>49</v>
      </c>
      <c r="B11206" s="6"/>
      <c r="C11206" s="6" t="s">
        <v>11230</v>
      </c>
      <c r="D11206" s="6"/>
      <c r="E11206" s="6" t="s">
        <v>9</v>
      </c>
      <c r="F11206" s="7">
        <v>38657</v>
      </c>
      <c r="G11206" s="8">
        <v>1</v>
      </c>
      <c r="H11206" s="8">
        <v>1</v>
      </c>
      <c r="I11206" s="8">
        <v>0</v>
      </c>
      <c r="J11206" s="8">
        <v>1</v>
      </c>
      <c r="K11206" s="9">
        <v>26</v>
      </c>
      <c r="L11206" s="6" t="s">
        <v>51</v>
      </c>
    </row>
    <row r="11207" spans="1:12">
      <c r="A11207" s="6" t="s">
        <v>49</v>
      </c>
      <c r="B11207" s="6"/>
      <c r="C11207" s="6" t="s">
        <v>11231</v>
      </c>
      <c r="D11207" s="6"/>
      <c r="E11207" s="6" t="s">
        <v>9</v>
      </c>
      <c r="F11207" s="7">
        <v>38657</v>
      </c>
      <c r="G11207" s="8">
        <v>1</v>
      </c>
      <c r="H11207" s="8">
        <v>1</v>
      </c>
      <c r="I11207" s="8">
        <v>0</v>
      </c>
      <c r="J11207" s="8">
        <v>1</v>
      </c>
      <c r="K11207" s="9">
        <v>42</v>
      </c>
      <c r="L11207" s="6" t="s">
        <v>51</v>
      </c>
    </row>
    <row r="11208" spans="1:12">
      <c r="A11208" s="6" t="s">
        <v>49</v>
      </c>
      <c r="B11208" s="6"/>
      <c r="C11208" s="6" t="s">
        <v>11232</v>
      </c>
      <c r="D11208" s="6"/>
      <c r="E11208" s="6" t="s">
        <v>9</v>
      </c>
      <c r="F11208" s="7">
        <v>38657</v>
      </c>
      <c r="G11208" s="8">
        <v>1</v>
      </c>
      <c r="H11208" s="8">
        <v>1</v>
      </c>
      <c r="I11208" s="8">
        <v>0</v>
      </c>
      <c r="J11208" s="8">
        <v>1</v>
      </c>
      <c r="K11208" s="9">
        <v>55</v>
      </c>
      <c r="L11208" s="6" t="s">
        <v>51</v>
      </c>
    </row>
    <row r="11209" spans="1:12">
      <c r="A11209" s="6" t="s">
        <v>49</v>
      </c>
      <c r="B11209" s="6"/>
      <c r="C11209" s="6" t="s">
        <v>11233</v>
      </c>
      <c r="D11209" s="6"/>
      <c r="E11209" s="6" t="s">
        <v>9</v>
      </c>
      <c r="F11209" s="7">
        <v>38657</v>
      </c>
      <c r="G11209" s="8">
        <v>1</v>
      </c>
      <c r="H11209" s="8">
        <v>1</v>
      </c>
      <c r="I11209" s="8">
        <v>0</v>
      </c>
      <c r="J11209" s="8">
        <v>1</v>
      </c>
      <c r="K11209" s="9">
        <v>23</v>
      </c>
      <c r="L11209" s="6" t="s">
        <v>51</v>
      </c>
    </row>
    <row r="11210" spans="1:12">
      <c r="A11210" s="6" t="s">
        <v>49</v>
      </c>
      <c r="B11210" s="6"/>
      <c r="C11210" s="6" t="s">
        <v>11234</v>
      </c>
      <c r="D11210" s="6"/>
      <c r="E11210" s="6" t="s">
        <v>9</v>
      </c>
      <c r="F11210" s="7">
        <v>38657</v>
      </c>
      <c r="G11210" s="8">
        <v>1</v>
      </c>
      <c r="H11210" s="8">
        <v>1</v>
      </c>
      <c r="I11210" s="8">
        <v>0</v>
      </c>
      <c r="J11210" s="8">
        <v>1</v>
      </c>
      <c r="K11210" s="9">
        <v>4.17</v>
      </c>
      <c r="L11210" s="6" t="s">
        <v>51</v>
      </c>
    </row>
    <row r="11211" spans="1:12">
      <c r="A11211" s="6" t="s">
        <v>49</v>
      </c>
      <c r="B11211" s="6"/>
      <c r="C11211" s="6" t="s">
        <v>11235</v>
      </c>
      <c r="D11211" s="6"/>
      <c r="E11211" s="6" t="s">
        <v>9</v>
      </c>
      <c r="F11211" s="7">
        <v>38657</v>
      </c>
      <c r="G11211" s="8">
        <v>1</v>
      </c>
      <c r="H11211" s="8">
        <v>1</v>
      </c>
      <c r="I11211" s="8">
        <v>0</v>
      </c>
      <c r="J11211" s="8">
        <v>1</v>
      </c>
      <c r="K11211" s="9">
        <v>5.95</v>
      </c>
      <c r="L11211" s="6" t="s">
        <v>51</v>
      </c>
    </row>
    <row r="11212" spans="1:12">
      <c r="A11212" s="6" t="s">
        <v>49</v>
      </c>
      <c r="B11212" s="6"/>
      <c r="C11212" s="6" t="s">
        <v>11236</v>
      </c>
      <c r="D11212" s="6"/>
      <c r="E11212" s="6" t="s">
        <v>9</v>
      </c>
      <c r="F11212" s="7">
        <v>38657</v>
      </c>
      <c r="G11212" s="8">
        <v>1</v>
      </c>
      <c r="H11212" s="8">
        <v>1</v>
      </c>
      <c r="I11212" s="8">
        <v>0</v>
      </c>
      <c r="J11212" s="8">
        <v>1</v>
      </c>
      <c r="K11212" s="9">
        <v>14</v>
      </c>
      <c r="L11212" s="6" t="s">
        <v>51</v>
      </c>
    </row>
    <row r="11213" spans="1:12">
      <c r="A11213" s="6" t="s">
        <v>49</v>
      </c>
      <c r="B11213" s="6"/>
      <c r="C11213" s="6" t="s">
        <v>11237</v>
      </c>
      <c r="D11213" s="6"/>
      <c r="E11213" s="6" t="s">
        <v>9</v>
      </c>
      <c r="F11213" s="7">
        <v>38657</v>
      </c>
      <c r="G11213" s="8">
        <v>1</v>
      </c>
      <c r="H11213" s="8">
        <v>1</v>
      </c>
      <c r="I11213" s="8">
        <v>0</v>
      </c>
      <c r="J11213" s="8">
        <v>1</v>
      </c>
      <c r="K11213" s="9">
        <v>2.52</v>
      </c>
      <c r="L11213" s="6" t="s">
        <v>51</v>
      </c>
    </row>
    <row r="11214" spans="1:12">
      <c r="A11214" s="6" t="s">
        <v>49</v>
      </c>
      <c r="B11214" s="6"/>
      <c r="C11214" s="6" t="s">
        <v>11238</v>
      </c>
      <c r="D11214" s="6"/>
      <c r="E11214" s="6" t="s">
        <v>9</v>
      </c>
      <c r="F11214" s="7">
        <v>38657</v>
      </c>
      <c r="G11214" s="8">
        <v>1</v>
      </c>
      <c r="H11214" s="8">
        <v>1</v>
      </c>
      <c r="I11214" s="8">
        <v>0</v>
      </c>
      <c r="J11214" s="8">
        <v>1</v>
      </c>
      <c r="K11214" s="9">
        <v>9.8800000000000008</v>
      </c>
      <c r="L11214" s="6" t="s">
        <v>51</v>
      </c>
    </row>
    <row r="11215" spans="1:12">
      <c r="A11215" s="6" t="s">
        <v>49</v>
      </c>
      <c r="B11215" s="6"/>
      <c r="C11215" s="6" t="s">
        <v>11239</v>
      </c>
      <c r="D11215" s="6"/>
      <c r="E11215" s="6" t="s">
        <v>9</v>
      </c>
      <c r="F11215" s="7">
        <v>38657</v>
      </c>
      <c r="G11215" s="8">
        <v>1</v>
      </c>
      <c r="H11215" s="8">
        <v>1</v>
      </c>
      <c r="I11215" s="8">
        <v>0</v>
      </c>
      <c r="J11215" s="8">
        <v>1</v>
      </c>
      <c r="K11215" s="9">
        <v>13</v>
      </c>
      <c r="L11215" s="6" t="s">
        <v>51</v>
      </c>
    </row>
    <row r="11216" spans="1:12">
      <c r="A11216" s="6" t="s">
        <v>49</v>
      </c>
      <c r="B11216" s="6"/>
      <c r="C11216" s="6" t="s">
        <v>11240</v>
      </c>
      <c r="D11216" s="6"/>
      <c r="E11216" s="6" t="s">
        <v>9</v>
      </c>
      <c r="F11216" s="7">
        <v>38657</v>
      </c>
      <c r="G11216" s="8">
        <v>1</v>
      </c>
      <c r="H11216" s="8">
        <v>1</v>
      </c>
      <c r="I11216" s="8">
        <v>0</v>
      </c>
      <c r="J11216" s="8">
        <v>1</v>
      </c>
      <c r="K11216" s="9">
        <v>57</v>
      </c>
      <c r="L11216" s="6" t="s">
        <v>51</v>
      </c>
    </row>
    <row r="11217" spans="1:12">
      <c r="A11217" s="6" t="s">
        <v>49</v>
      </c>
      <c r="B11217" s="6"/>
      <c r="C11217" s="6" t="s">
        <v>11241</v>
      </c>
      <c r="D11217" s="6"/>
      <c r="E11217" s="6" t="s">
        <v>9</v>
      </c>
      <c r="F11217" s="7">
        <v>38657</v>
      </c>
      <c r="G11217" s="8">
        <v>1</v>
      </c>
      <c r="H11217" s="8">
        <v>1</v>
      </c>
      <c r="I11217" s="8">
        <v>0</v>
      </c>
      <c r="J11217" s="8">
        <v>1</v>
      </c>
      <c r="K11217" s="9">
        <v>57</v>
      </c>
      <c r="L11217" s="6" t="s">
        <v>51</v>
      </c>
    </row>
    <row r="11218" spans="1:12">
      <c r="A11218" s="6" t="s">
        <v>49</v>
      </c>
      <c r="B11218" s="6"/>
      <c r="C11218" s="6" t="s">
        <v>11242</v>
      </c>
      <c r="D11218" s="6"/>
      <c r="E11218" s="6" t="s">
        <v>9</v>
      </c>
      <c r="F11218" s="7">
        <v>38657</v>
      </c>
      <c r="G11218" s="8">
        <v>1</v>
      </c>
      <c r="H11218" s="8">
        <v>1</v>
      </c>
      <c r="I11218" s="8">
        <v>0</v>
      </c>
      <c r="J11218" s="8">
        <v>1</v>
      </c>
      <c r="K11218" s="9">
        <v>44</v>
      </c>
      <c r="L11218" s="6" t="s">
        <v>51</v>
      </c>
    </row>
    <row r="11219" spans="1:12">
      <c r="A11219" s="6" t="s">
        <v>49</v>
      </c>
      <c r="B11219" s="6"/>
      <c r="C11219" s="6" t="s">
        <v>11243</v>
      </c>
      <c r="D11219" s="6"/>
      <c r="E11219" s="6" t="s">
        <v>9</v>
      </c>
      <c r="F11219" s="7"/>
      <c r="G11219" s="8">
        <v>1</v>
      </c>
      <c r="H11219" s="8">
        <v>1</v>
      </c>
      <c r="I11219" s="8">
        <v>0</v>
      </c>
      <c r="J11219" s="8">
        <v>1</v>
      </c>
      <c r="K11219" s="9">
        <v>9.91</v>
      </c>
      <c r="L11219" s="6" t="s">
        <v>51</v>
      </c>
    </row>
    <row r="11220" spans="1:12">
      <c r="A11220" s="6" t="s">
        <v>49</v>
      </c>
      <c r="B11220" s="6"/>
      <c r="C11220" s="6" t="s">
        <v>11244</v>
      </c>
      <c r="D11220" s="6"/>
      <c r="E11220" s="6" t="s">
        <v>9</v>
      </c>
      <c r="F11220" s="7">
        <v>38657</v>
      </c>
      <c r="G11220" s="8">
        <v>1</v>
      </c>
      <c r="H11220" s="8">
        <v>1</v>
      </c>
      <c r="I11220" s="8">
        <v>0</v>
      </c>
      <c r="J11220" s="8">
        <v>1</v>
      </c>
      <c r="K11220" s="9">
        <v>2.09</v>
      </c>
      <c r="L11220" s="6" t="s">
        <v>51</v>
      </c>
    </row>
    <row r="11221" spans="1:12">
      <c r="A11221" s="6" t="s">
        <v>49</v>
      </c>
      <c r="B11221" s="6"/>
      <c r="C11221" s="6" t="s">
        <v>11245</v>
      </c>
      <c r="D11221" s="6"/>
      <c r="E11221" s="6" t="s">
        <v>9</v>
      </c>
      <c r="F11221" s="7">
        <v>38657</v>
      </c>
      <c r="G11221" s="8">
        <v>1</v>
      </c>
      <c r="H11221" s="8">
        <v>1</v>
      </c>
      <c r="I11221" s="8">
        <v>0</v>
      </c>
      <c r="J11221" s="8">
        <v>1</v>
      </c>
      <c r="K11221" s="9">
        <v>12.05</v>
      </c>
      <c r="L11221" s="6" t="s">
        <v>51</v>
      </c>
    </row>
    <row r="11222" spans="1:12">
      <c r="A11222" s="6" t="s">
        <v>49</v>
      </c>
      <c r="B11222" s="6"/>
      <c r="C11222" s="6" t="s">
        <v>11246</v>
      </c>
      <c r="D11222" s="6"/>
      <c r="E11222" s="6" t="s">
        <v>9</v>
      </c>
      <c r="F11222" s="7">
        <v>38657</v>
      </c>
      <c r="G11222" s="8">
        <v>1</v>
      </c>
      <c r="H11222" s="8">
        <v>1</v>
      </c>
      <c r="I11222" s="8">
        <v>0</v>
      </c>
      <c r="J11222" s="8">
        <v>1</v>
      </c>
      <c r="K11222" s="9">
        <v>3.6</v>
      </c>
      <c r="L11222" s="6" t="s">
        <v>51</v>
      </c>
    </row>
    <row r="11223" spans="1:12">
      <c r="A11223" s="6" t="s">
        <v>49</v>
      </c>
      <c r="B11223" s="6"/>
      <c r="C11223" s="6" t="s">
        <v>11247</v>
      </c>
      <c r="D11223" s="6"/>
      <c r="E11223" s="6" t="s">
        <v>9</v>
      </c>
      <c r="F11223" s="7">
        <v>38657</v>
      </c>
      <c r="G11223" s="8">
        <v>1</v>
      </c>
      <c r="H11223" s="8">
        <v>1</v>
      </c>
      <c r="I11223" s="8">
        <v>0</v>
      </c>
      <c r="J11223" s="8">
        <v>1</v>
      </c>
      <c r="K11223" s="9">
        <v>123</v>
      </c>
      <c r="L11223" s="6" t="s">
        <v>51</v>
      </c>
    </row>
    <row r="11224" spans="1:12">
      <c r="A11224" s="6" t="s">
        <v>49</v>
      </c>
      <c r="B11224" s="6"/>
      <c r="C11224" s="6" t="s">
        <v>11248</v>
      </c>
      <c r="D11224" s="6"/>
      <c r="E11224" s="6" t="s">
        <v>9</v>
      </c>
      <c r="F11224" s="7">
        <v>38657</v>
      </c>
      <c r="G11224" s="8">
        <v>1</v>
      </c>
      <c r="H11224" s="8">
        <v>1</v>
      </c>
      <c r="I11224" s="8">
        <v>0</v>
      </c>
      <c r="J11224" s="8">
        <v>1</v>
      </c>
      <c r="K11224" s="9">
        <v>157</v>
      </c>
      <c r="L11224" s="6" t="s">
        <v>51</v>
      </c>
    </row>
    <row r="11225" spans="1:12">
      <c r="A11225" s="6" t="s">
        <v>49</v>
      </c>
      <c r="B11225" s="6"/>
      <c r="C11225" s="6" t="s">
        <v>11249</v>
      </c>
      <c r="D11225" s="6"/>
      <c r="E11225" s="6" t="s">
        <v>9</v>
      </c>
      <c r="F11225" s="7"/>
      <c r="G11225" s="8">
        <v>1</v>
      </c>
      <c r="H11225" s="8">
        <v>1</v>
      </c>
      <c r="I11225" s="8">
        <v>0</v>
      </c>
      <c r="J11225" s="8">
        <v>1</v>
      </c>
      <c r="K11225" s="9">
        <v>2.61</v>
      </c>
      <c r="L11225" s="6" t="s">
        <v>51</v>
      </c>
    </row>
    <row r="11226" spans="1:12">
      <c r="A11226" s="6" t="s">
        <v>49</v>
      </c>
      <c r="B11226" s="6"/>
      <c r="C11226" s="6" t="s">
        <v>11250</v>
      </c>
      <c r="D11226" s="6"/>
      <c r="E11226" s="6" t="s">
        <v>9</v>
      </c>
      <c r="F11226" s="7">
        <v>38657</v>
      </c>
      <c r="G11226" s="8">
        <v>1</v>
      </c>
      <c r="H11226" s="8">
        <v>1</v>
      </c>
      <c r="I11226" s="8">
        <v>0</v>
      </c>
      <c r="J11226" s="8">
        <v>1</v>
      </c>
      <c r="K11226" s="9">
        <v>16</v>
      </c>
      <c r="L11226" s="6" t="s">
        <v>51</v>
      </c>
    </row>
    <row r="11227" spans="1:12">
      <c r="A11227" s="6" t="s">
        <v>49</v>
      </c>
      <c r="B11227" s="6"/>
      <c r="C11227" s="6" t="s">
        <v>11251</v>
      </c>
      <c r="D11227" s="6"/>
      <c r="E11227" s="6" t="s">
        <v>9</v>
      </c>
      <c r="F11227" s="7">
        <v>38657</v>
      </c>
      <c r="G11227" s="8">
        <v>1</v>
      </c>
      <c r="H11227" s="8">
        <v>1</v>
      </c>
      <c r="I11227" s="8">
        <v>0</v>
      </c>
      <c r="J11227" s="8">
        <v>1</v>
      </c>
      <c r="K11227" s="9">
        <v>8.58</v>
      </c>
      <c r="L11227" s="6" t="s">
        <v>51</v>
      </c>
    </row>
    <row r="11228" spans="1:12">
      <c r="A11228" s="6" t="s">
        <v>49</v>
      </c>
      <c r="B11228" s="6"/>
      <c r="C11228" s="6" t="s">
        <v>11252</v>
      </c>
      <c r="D11228" s="6"/>
      <c r="E11228" s="6" t="s">
        <v>9</v>
      </c>
      <c r="F11228" s="7">
        <v>38657</v>
      </c>
      <c r="G11228" s="8">
        <v>1</v>
      </c>
      <c r="H11228" s="8">
        <v>1</v>
      </c>
      <c r="I11228" s="8">
        <v>0</v>
      </c>
      <c r="J11228" s="8">
        <v>1</v>
      </c>
      <c r="K11228" s="9">
        <v>8.3699999999999903</v>
      </c>
      <c r="L11228" s="6" t="s">
        <v>51</v>
      </c>
    </row>
    <row r="11229" spans="1:12">
      <c r="A11229" s="6" t="s">
        <v>49</v>
      </c>
      <c r="B11229" s="6"/>
      <c r="C11229" s="6" t="s">
        <v>11253</v>
      </c>
      <c r="D11229" s="6"/>
      <c r="E11229" s="6" t="s">
        <v>9</v>
      </c>
      <c r="F11229" s="7">
        <v>38657</v>
      </c>
      <c r="G11229" s="8">
        <v>1</v>
      </c>
      <c r="H11229" s="8">
        <v>1</v>
      </c>
      <c r="I11229" s="8">
        <v>0</v>
      </c>
      <c r="J11229" s="8">
        <v>1</v>
      </c>
      <c r="K11229" s="9">
        <v>7.26</v>
      </c>
      <c r="L11229" s="6" t="s">
        <v>51</v>
      </c>
    </row>
    <row r="11230" spans="1:12">
      <c r="A11230" s="6" t="s">
        <v>49</v>
      </c>
      <c r="B11230" s="6"/>
      <c r="C11230" s="6" t="s">
        <v>11254</v>
      </c>
      <c r="D11230" s="6"/>
      <c r="E11230" s="6" t="s">
        <v>9</v>
      </c>
      <c r="F11230" s="7">
        <v>38657</v>
      </c>
      <c r="G11230" s="8">
        <v>1</v>
      </c>
      <c r="H11230" s="8">
        <v>1</v>
      </c>
      <c r="I11230" s="8">
        <v>0</v>
      </c>
      <c r="J11230" s="8">
        <v>1</v>
      </c>
      <c r="K11230" s="9">
        <v>42</v>
      </c>
      <c r="L11230" s="6" t="s">
        <v>51</v>
      </c>
    </row>
    <row r="11231" spans="1:12">
      <c r="A11231" s="6" t="s">
        <v>49</v>
      </c>
      <c r="B11231" s="6"/>
      <c r="C11231" s="6" t="s">
        <v>11255</v>
      </c>
      <c r="D11231" s="6"/>
      <c r="E11231" s="6" t="s">
        <v>9</v>
      </c>
      <c r="F11231" s="7">
        <v>38657</v>
      </c>
      <c r="G11231" s="8">
        <v>1</v>
      </c>
      <c r="H11231" s="8">
        <v>1</v>
      </c>
      <c r="I11231" s="8">
        <v>0</v>
      </c>
      <c r="J11231" s="8">
        <v>1</v>
      </c>
      <c r="K11231" s="9">
        <v>203</v>
      </c>
      <c r="L11231" s="6" t="s">
        <v>51</v>
      </c>
    </row>
    <row r="11232" spans="1:12">
      <c r="A11232" s="6" t="s">
        <v>49</v>
      </c>
      <c r="B11232" s="6"/>
      <c r="C11232" s="6" t="s">
        <v>11256</v>
      </c>
      <c r="D11232" s="6"/>
      <c r="E11232" s="6" t="s">
        <v>9</v>
      </c>
      <c r="F11232" s="7">
        <v>38657</v>
      </c>
      <c r="G11232" s="8">
        <v>1</v>
      </c>
      <c r="H11232" s="8">
        <v>1</v>
      </c>
      <c r="I11232" s="8">
        <v>0</v>
      </c>
      <c r="J11232" s="8">
        <v>1</v>
      </c>
      <c r="K11232" s="9">
        <v>27.6</v>
      </c>
      <c r="L11232" s="6" t="s">
        <v>51</v>
      </c>
    </row>
    <row r="11233" spans="1:12">
      <c r="A11233" s="6" t="s">
        <v>49</v>
      </c>
      <c r="B11233" s="6"/>
      <c r="C11233" s="6" t="s">
        <v>11257</v>
      </c>
      <c r="D11233" s="6"/>
      <c r="E11233" s="6" t="s">
        <v>9</v>
      </c>
      <c r="F11233" s="7"/>
      <c r="G11233" s="8">
        <v>1</v>
      </c>
      <c r="H11233" s="8">
        <v>1</v>
      </c>
      <c r="I11233" s="8">
        <v>0</v>
      </c>
      <c r="J11233" s="8">
        <v>1</v>
      </c>
      <c r="K11233" s="9">
        <v>244</v>
      </c>
      <c r="L11233" s="6" t="s">
        <v>51</v>
      </c>
    </row>
    <row r="11234" spans="1:12">
      <c r="A11234" s="6" t="s">
        <v>49</v>
      </c>
      <c r="B11234" s="6"/>
      <c r="C11234" s="6" t="s">
        <v>11258</v>
      </c>
      <c r="D11234" s="6"/>
      <c r="E11234" s="6" t="s">
        <v>9</v>
      </c>
      <c r="F11234" s="7"/>
      <c r="G11234" s="8">
        <v>1</v>
      </c>
      <c r="H11234" s="8">
        <v>1</v>
      </c>
      <c r="I11234" s="8">
        <v>0</v>
      </c>
      <c r="J11234" s="8">
        <v>1</v>
      </c>
      <c r="K11234" s="9">
        <v>72</v>
      </c>
      <c r="L11234" s="6" t="s">
        <v>51</v>
      </c>
    </row>
    <row r="11235" spans="1:12">
      <c r="A11235" s="6" t="s">
        <v>49</v>
      </c>
      <c r="B11235" s="6"/>
      <c r="C11235" s="6" t="s">
        <v>11259</v>
      </c>
      <c r="D11235" s="6"/>
      <c r="E11235" s="6" t="s">
        <v>9</v>
      </c>
      <c r="F11235" s="7">
        <v>38657</v>
      </c>
      <c r="G11235" s="8">
        <v>1</v>
      </c>
      <c r="H11235" s="8">
        <v>1</v>
      </c>
      <c r="I11235" s="8">
        <v>0</v>
      </c>
      <c r="J11235" s="8">
        <v>1</v>
      </c>
      <c r="K11235" s="9">
        <v>43</v>
      </c>
      <c r="L11235" s="6" t="s">
        <v>51</v>
      </c>
    </row>
    <row r="11236" spans="1:12">
      <c r="A11236" s="6" t="s">
        <v>49</v>
      </c>
      <c r="B11236" s="6"/>
      <c r="C11236" s="6" t="s">
        <v>11260</v>
      </c>
      <c r="D11236" s="6"/>
      <c r="E11236" s="6" t="s">
        <v>9</v>
      </c>
      <c r="F11236" s="7">
        <v>38657</v>
      </c>
      <c r="G11236" s="8">
        <v>1</v>
      </c>
      <c r="H11236" s="8">
        <v>1</v>
      </c>
      <c r="I11236" s="8">
        <v>0</v>
      </c>
      <c r="J11236" s="8">
        <v>1</v>
      </c>
      <c r="K11236" s="9">
        <v>28</v>
      </c>
      <c r="L11236" s="6" t="s">
        <v>51</v>
      </c>
    </row>
    <row r="11237" spans="1:12">
      <c r="A11237" s="6" t="s">
        <v>49</v>
      </c>
      <c r="B11237" s="6"/>
      <c r="C11237" s="6" t="s">
        <v>11261</v>
      </c>
      <c r="D11237" s="6"/>
      <c r="E11237" s="6" t="s">
        <v>9</v>
      </c>
      <c r="F11237" s="7">
        <v>38657</v>
      </c>
      <c r="G11237" s="8">
        <v>1</v>
      </c>
      <c r="H11237" s="8">
        <v>1</v>
      </c>
      <c r="I11237" s="8">
        <v>0</v>
      </c>
      <c r="J11237" s="8">
        <v>1</v>
      </c>
      <c r="K11237" s="9">
        <v>3.76</v>
      </c>
      <c r="L11237" s="6" t="s">
        <v>51</v>
      </c>
    </row>
    <row r="11238" spans="1:12">
      <c r="A11238" s="6" t="s">
        <v>49</v>
      </c>
      <c r="B11238" s="6"/>
      <c r="C11238" s="6" t="s">
        <v>11262</v>
      </c>
      <c r="D11238" s="6"/>
      <c r="E11238" s="6" t="s">
        <v>9</v>
      </c>
      <c r="F11238" s="7">
        <v>38657</v>
      </c>
      <c r="G11238" s="8">
        <v>1</v>
      </c>
      <c r="H11238" s="8">
        <v>1</v>
      </c>
      <c r="I11238" s="8">
        <v>0</v>
      </c>
      <c r="J11238" s="8">
        <v>1</v>
      </c>
      <c r="K11238" s="9">
        <v>20</v>
      </c>
      <c r="L11238" s="6" t="s">
        <v>51</v>
      </c>
    </row>
    <row r="11239" spans="1:12">
      <c r="A11239" s="6" t="s">
        <v>49</v>
      </c>
      <c r="B11239" s="6"/>
      <c r="C11239" s="6" t="s">
        <v>11263</v>
      </c>
      <c r="D11239" s="6"/>
      <c r="E11239" s="6" t="s">
        <v>9</v>
      </c>
      <c r="F11239" s="7">
        <v>38657</v>
      </c>
      <c r="G11239" s="8">
        <v>1</v>
      </c>
      <c r="H11239" s="8">
        <v>1</v>
      </c>
      <c r="I11239" s="8">
        <v>0</v>
      </c>
      <c r="J11239" s="8">
        <v>1</v>
      </c>
      <c r="K11239" s="9">
        <v>23</v>
      </c>
      <c r="L11239" s="6" t="s">
        <v>51</v>
      </c>
    </row>
    <row r="11240" spans="1:12">
      <c r="A11240" s="6" t="s">
        <v>49</v>
      </c>
      <c r="B11240" s="6"/>
      <c r="C11240" s="6" t="s">
        <v>11264</v>
      </c>
      <c r="D11240" s="6"/>
      <c r="E11240" s="6" t="s">
        <v>9</v>
      </c>
      <c r="F11240" s="7">
        <v>38657</v>
      </c>
      <c r="G11240" s="8">
        <v>1</v>
      </c>
      <c r="H11240" s="8">
        <v>1</v>
      </c>
      <c r="I11240" s="8">
        <v>0</v>
      </c>
      <c r="J11240" s="8">
        <v>1</v>
      </c>
      <c r="K11240" s="9">
        <v>7.65</v>
      </c>
      <c r="L11240" s="6" t="s">
        <v>51</v>
      </c>
    </row>
    <row r="11241" spans="1:12">
      <c r="A11241" s="6" t="s">
        <v>49</v>
      </c>
      <c r="B11241" s="6"/>
      <c r="C11241" s="6" t="s">
        <v>11265</v>
      </c>
      <c r="D11241" s="6"/>
      <c r="E11241" s="6" t="s">
        <v>9</v>
      </c>
      <c r="F11241" s="7">
        <v>38657</v>
      </c>
      <c r="G11241" s="8">
        <v>1</v>
      </c>
      <c r="H11241" s="8">
        <v>1</v>
      </c>
      <c r="I11241" s="8">
        <v>0</v>
      </c>
      <c r="J11241" s="8">
        <v>1</v>
      </c>
      <c r="K11241" s="9">
        <v>29</v>
      </c>
      <c r="L11241" s="6" t="s">
        <v>51</v>
      </c>
    </row>
    <row r="11242" spans="1:12">
      <c r="A11242" s="6" t="s">
        <v>49</v>
      </c>
      <c r="B11242" s="6"/>
      <c r="C11242" s="6" t="s">
        <v>11266</v>
      </c>
      <c r="D11242" s="6"/>
      <c r="E11242" s="6" t="s">
        <v>9</v>
      </c>
      <c r="F11242" s="7">
        <v>38657</v>
      </c>
      <c r="G11242" s="8">
        <v>1</v>
      </c>
      <c r="H11242" s="8">
        <v>1</v>
      </c>
      <c r="I11242" s="8">
        <v>0</v>
      </c>
      <c r="J11242" s="8">
        <v>1</v>
      </c>
      <c r="K11242" s="9">
        <v>19</v>
      </c>
      <c r="L11242" s="6" t="s">
        <v>51</v>
      </c>
    </row>
    <row r="11243" spans="1:12">
      <c r="A11243" s="6" t="s">
        <v>49</v>
      </c>
      <c r="B11243" s="6"/>
      <c r="C11243" s="6" t="s">
        <v>11267</v>
      </c>
      <c r="D11243" s="6"/>
      <c r="E11243" s="6" t="s">
        <v>9</v>
      </c>
      <c r="F11243" s="7">
        <v>38657</v>
      </c>
      <c r="G11243" s="8">
        <v>1</v>
      </c>
      <c r="H11243" s="8">
        <v>1</v>
      </c>
      <c r="I11243" s="8">
        <v>0</v>
      </c>
      <c r="J11243" s="8">
        <v>1</v>
      </c>
      <c r="K11243" s="9">
        <v>7.21</v>
      </c>
      <c r="L11243" s="6" t="s">
        <v>51</v>
      </c>
    </row>
    <row r="11244" spans="1:12">
      <c r="A11244" s="6" t="s">
        <v>49</v>
      </c>
      <c r="B11244" s="6"/>
      <c r="C11244" s="6" t="s">
        <v>11268</v>
      </c>
      <c r="D11244" s="6"/>
      <c r="E11244" s="6" t="s">
        <v>9</v>
      </c>
      <c r="F11244" s="7">
        <v>38657</v>
      </c>
      <c r="G11244" s="8">
        <v>1</v>
      </c>
      <c r="H11244" s="8">
        <v>1</v>
      </c>
      <c r="I11244" s="8">
        <v>0</v>
      </c>
      <c r="J11244" s="8">
        <v>1</v>
      </c>
      <c r="K11244" s="9">
        <v>45</v>
      </c>
      <c r="L11244" s="6" t="s">
        <v>51</v>
      </c>
    </row>
    <row r="11245" spans="1:12">
      <c r="A11245" s="6" t="s">
        <v>49</v>
      </c>
      <c r="B11245" s="6"/>
      <c r="C11245" s="6" t="s">
        <v>11269</v>
      </c>
      <c r="D11245" s="6"/>
      <c r="E11245" s="6" t="s">
        <v>9</v>
      </c>
      <c r="F11245" s="7">
        <v>38657</v>
      </c>
      <c r="G11245" s="8">
        <v>1</v>
      </c>
      <c r="H11245" s="8">
        <v>1</v>
      </c>
      <c r="I11245" s="8">
        <v>0</v>
      </c>
      <c r="J11245" s="8">
        <v>1</v>
      </c>
      <c r="K11245" s="9">
        <v>52</v>
      </c>
      <c r="L11245" s="6" t="s">
        <v>51</v>
      </c>
    </row>
    <row r="11246" spans="1:12">
      <c r="A11246" s="6" t="s">
        <v>49</v>
      </c>
      <c r="B11246" s="6"/>
      <c r="C11246" s="6" t="s">
        <v>11270</v>
      </c>
      <c r="D11246" s="6"/>
      <c r="E11246" s="6" t="s">
        <v>9</v>
      </c>
      <c r="F11246" s="7">
        <v>38657</v>
      </c>
      <c r="G11246" s="8">
        <v>1</v>
      </c>
      <c r="H11246" s="8">
        <v>1</v>
      </c>
      <c r="I11246" s="8">
        <v>0</v>
      </c>
      <c r="J11246" s="8">
        <v>1</v>
      </c>
      <c r="K11246" s="9">
        <v>52</v>
      </c>
      <c r="L11246" s="6" t="s">
        <v>51</v>
      </c>
    </row>
    <row r="11247" spans="1:12">
      <c r="A11247" s="6" t="s">
        <v>49</v>
      </c>
      <c r="B11247" s="6"/>
      <c r="C11247" s="6" t="s">
        <v>11271</v>
      </c>
      <c r="D11247" s="6"/>
      <c r="E11247" s="6" t="s">
        <v>9</v>
      </c>
      <c r="F11247" s="7">
        <v>38657</v>
      </c>
      <c r="G11247" s="8">
        <v>1</v>
      </c>
      <c r="H11247" s="8">
        <v>1</v>
      </c>
      <c r="I11247" s="8">
        <v>0</v>
      </c>
      <c r="J11247" s="8">
        <v>1</v>
      </c>
      <c r="K11247" s="9">
        <v>76</v>
      </c>
      <c r="L11247" s="6" t="s">
        <v>51</v>
      </c>
    </row>
    <row r="11248" spans="1:12">
      <c r="A11248" s="6" t="s">
        <v>49</v>
      </c>
      <c r="B11248" s="6"/>
      <c r="C11248" s="6" t="s">
        <v>11272</v>
      </c>
      <c r="D11248" s="6"/>
      <c r="E11248" s="6" t="s">
        <v>9</v>
      </c>
      <c r="F11248" s="7">
        <v>38657</v>
      </c>
      <c r="G11248" s="8">
        <v>1</v>
      </c>
      <c r="H11248" s="8">
        <v>1</v>
      </c>
      <c r="I11248" s="8">
        <v>0</v>
      </c>
      <c r="J11248" s="8">
        <v>1</v>
      </c>
      <c r="K11248" s="9">
        <v>0.5</v>
      </c>
      <c r="L11248" s="6" t="s">
        <v>51</v>
      </c>
    </row>
    <row r="11249" spans="1:12">
      <c r="A11249" s="6" t="s">
        <v>49</v>
      </c>
      <c r="B11249" s="6"/>
      <c r="C11249" s="6" t="s">
        <v>11273</v>
      </c>
      <c r="D11249" s="6"/>
      <c r="E11249" s="6" t="s">
        <v>9</v>
      </c>
      <c r="F11249" s="7"/>
      <c r="G11249" s="8">
        <v>1</v>
      </c>
      <c r="H11249" s="8">
        <v>1</v>
      </c>
      <c r="I11249" s="8">
        <v>0</v>
      </c>
      <c r="J11249" s="8">
        <v>1</v>
      </c>
      <c r="K11249" s="9">
        <v>290</v>
      </c>
      <c r="L11249" s="6" t="s">
        <v>51</v>
      </c>
    </row>
    <row r="11250" spans="1:12">
      <c r="A11250" s="6" t="s">
        <v>49</v>
      </c>
      <c r="B11250" s="6"/>
      <c r="C11250" s="6" t="s">
        <v>11274</v>
      </c>
      <c r="D11250" s="6"/>
      <c r="E11250" s="6" t="s">
        <v>9</v>
      </c>
      <c r="F11250" s="7"/>
      <c r="G11250" s="8">
        <v>1</v>
      </c>
      <c r="H11250" s="8">
        <v>1</v>
      </c>
      <c r="I11250" s="8">
        <v>0</v>
      </c>
      <c r="J11250" s="8">
        <v>1</v>
      </c>
      <c r="K11250" s="9">
        <v>26</v>
      </c>
      <c r="L11250" s="6" t="s">
        <v>51</v>
      </c>
    </row>
    <row r="11251" spans="1:12">
      <c r="A11251" s="6" t="s">
        <v>49</v>
      </c>
      <c r="B11251" s="6"/>
      <c r="C11251" s="6" t="s">
        <v>11275</v>
      </c>
      <c r="D11251" s="6"/>
      <c r="E11251" s="6" t="s">
        <v>9</v>
      </c>
      <c r="F11251" s="7">
        <v>38657</v>
      </c>
      <c r="G11251" s="8">
        <v>1</v>
      </c>
      <c r="H11251" s="8">
        <v>1</v>
      </c>
      <c r="I11251" s="8">
        <v>0</v>
      </c>
      <c r="J11251" s="8">
        <v>1</v>
      </c>
      <c r="K11251" s="9">
        <v>24</v>
      </c>
      <c r="L11251" s="6" t="s">
        <v>51</v>
      </c>
    </row>
    <row r="11252" spans="1:12">
      <c r="A11252" s="6" t="s">
        <v>49</v>
      </c>
      <c r="B11252" s="6"/>
      <c r="C11252" s="6" t="s">
        <v>11276</v>
      </c>
      <c r="D11252" s="6"/>
      <c r="E11252" s="6" t="s">
        <v>9</v>
      </c>
      <c r="F11252" s="7">
        <v>38657</v>
      </c>
      <c r="G11252" s="8">
        <v>1</v>
      </c>
      <c r="H11252" s="8">
        <v>1</v>
      </c>
      <c r="I11252" s="8">
        <v>0</v>
      </c>
      <c r="J11252" s="8">
        <v>1</v>
      </c>
      <c r="K11252" s="9">
        <v>1.92</v>
      </c>
      <c r="L11252" s="6" t="s">
        <v>51</v>
      </c>
    </row>
    <row r="11253" spans="1:12">
      <c r="A11253" s="6" t="s">
        <v>49</v>
      </c>
      <c r="B11253" s="6"/>
      <c r="C11253" s="6" t="s">
        <v>11277</v>
      </c>
      <c r="D11253" s="6"/>
      <c r="E11253" s="6" t="s">
        <v>9</v>
      </c>
      <c r="F11253" s="7">
        <v>38657</v>
      </c>
      <c r="G11253" s="8">
        <v>1</v>
      </c>
      <c r="H11253" s="8">
        <v>1</v>
      </c>
      <c r="I11253" s="8">
        <v>0</v>
      </c>
      <c r="J11253" s="8">
        <v>1</v>
      </c>
      <c r="K11253" s="9">
        <v>29</v>
      </c>
      <c r="L11253" s="6" t="s">
        <v>51</v>
      </c>
    </row>
    <row r="11254" spans="1:12">
      <c r="A11254" s="6" t="s">
        <v>49</v>
      </c>
      <c r="B11254" s="6"/>
      <c r="C11254" s="6" t="s">
        <v>11278</v>
      </c>
      <c r="D11254" s="6"/>
      <c r="E11254" s="6" t="s">
        <v>9</v>
      </c>
      <c r="F11254" s="7">
        <v>38657</v>
      </c>
      <c r="G11254" s="8">
        <v>1</v>
      </c>
      <c r="H11254" s="8">
        <v>1</v>
      </c>
      <c r="I11254" s="8">
        <v>0</v>
      </c>
      <c r="J11254" s="8">
        <v>1</v>
      </c>
      <c r="K11254" s="9">
        <v>49</v>
      </c>
      <c r="L11254" s="6" t="s">
        <v>51</v>
      </c>
    </row>
    <row r="11255" spans="1:12">
      <c r="A11255" s="6" t="s">
        <v>49</v>
      </c>
      <c r="B11255" s="6"/>
      <c r="C11255" s="6" t="s">
        <v>11279</v>
      </c>
      <c r="D11255" s="6"/>
      <c r="E11255" s="6" t="s">
        <v>9</v>
      </c>
      <c r="F11255" s="7">
        <v>38657</v>
      </c>
      <c r="G11255" s="8">
        <v>1</v>
      </c>
      <c r="H11255" s="8">
        <v>1</v>
      </c>
      <c r="I11255" s="8">
        <v>0</v>
      </c>
      <c r="J11255" s="8">
        <v>1</v>
      </c>
      <c r="K11255" s="9">
        <v>10.220000000000001</v>
      </c>
      <c r="L11255" s="6" t="s">
        <v>51</v>
      </c>
    </row>
    <row r="11256" spans="1:12">
      <c r="A11256" s="6" t="s">
        <v>49</v>
      </c>
      <c r="B11256" s="6"/>
      <c r="C11256" s="6" t="s">
        <v>11280</v>
      </c>
      <c r="D11256" s="6"/>
      <c r="E11256" s="6" t="s">
        <v>9</v>
      </c>
      <c r="F11256" s="7">
        <v>38657</v>
      </c>
      <c r="G11256" s="8">
        <v>1</v>
      </c>
      <c r="H11256" s="8">
        <v>1</v>
      </c>
      <c r="I11256" s="8">
        <v>0</v>
      </c>
      <c r="J11256" s="8">
        <v>1</v>
      </c>
      <c r="K11256" s="9">
        <v>3.96</v>
      </c>
      <c r="L11256" s="6" t="s">
        <v>51</v>
      </c>
    </row>
    <row r="11257" spans="1:12">
      <c r="A11257" s="6" t="s">
        <v>49</v>
      </c>
      <c r="B11257" s="6"/>
      <c r="C11257" s="6" t="s">
        <v>11281</v>
      </c>
      <c r="D11257" s="6"/>
      <c r="E11257" s="6" t="s">
        <v>9</v>
      </c>
      <c r="F11257" s="7">
        <v>38657</v>
      </c>
      <c r="G11257" s="8">
        <v>1</v>
      </c>
      <c r="H11257" s="8">
        <v>1</v>
      </c>
      <c r="I11257" s="8">
        <v>0</v>
      </c>
      <c r="J11257" s="8">
        <v>1</v>
      </c>
      <c r="K11257" s="9">
        <v>25</v>
      </c>
      <c r="L11257" s="6" t="s">
        <v>51</v>
      </c>
    </row>
    <row r="11258" spans="1:12">
      <c r="A11258" s="6" t="s">
        <v>49</v>
      </c>
      <c r="B11258" s="6"/>
      <c r="C11258" s="6" t="s">
        <v>11282</v>
      </c>
      <c r="D11258" s="6"/>
      <c r="E11258" s="6" t="s">
        <v>9</v>
      </c>
      <c r="F11258" s="7">
        <v>38657</v>
      </c>
      <c r="G11258" s="8">
        <v>1</v>
      </c>
      <c r="H11258" s="8">
        <v>1</v>
      </c>
      <c r="I11258" s="8">
        <v>0</v>
      </c>
      <c r="J11258" s="8">
        <v>1</v>
      </c>
      <c r="K11258" s="9">
        <v>57</v>
      </c>
      <c r="L11258" s="6" t="s">
        <v>51</v>
      </c>
    </row>
    <row r="11259" spans="1:12">
      <c r="A11259" s="6" t="s">
        <v>49</v>
      </c>
      <c r="B11259" s="6"/>
      <c r="C11259" s="6" t="s">
        <v>11283</v>
      </c>
      <c r="D11259" s="6"/>
      <c r="E11259" s="6" t="s">
        <v>9</v>
      </c>
      <c r="F11259" s="7">
        <v>38657</v>
      </c>
      <c r="G11259" s="8">
        <v>1</v>
      </c>
      <c r="H11259" s="8">
        <v>1</v>
      </c>
      <c r="I11259" s="8">
        <v>0</v>
      </c>
      <c r="J11259" s="8">
        <v>1</v>
      </c>
      <c r="K11259" s="9">
        <v>20</v>
      </c>
      <c r="L11259" s="6" t="s">
        <v>51</v>
      </c>
    </row>
    <row r="11260" spans="1:12">
      <c r="A11260" s="6" t="s">
        <v>49</v>
      </c>
      <c r="B11260" s="6"/>
      <c r="C11260" s="6" t="s">
        <v>11284</v>
      </c>
      <c r="D11260" s="6"/>
      <c r="E11260" s="6" t="s">
        <v>9</v>
      </c>
      <c r="F11260" s="7">
        <v>38657</v>
      </c>
      <c r="G11260" s="8">
        <v>1</v>
      </c>
      <c r="H11260" s="8">
        <v>1</v>
      </c>
      <c r="I11260" s="8">
        <v>0</v>
      </c>
      <c r="J11260" s="8">
        <v>1</v>
      </c>
      <c r="K11260" s="9">
        <v>16</v>
      </c>
      <c r="L11260" s="6" t="s">
        <v>51</v>
      </c>
    </row>
    <row r="11261" spans="1:12">
      <c r="A11261" s="6" t="s">
        <v>49</v>
      </c>
      <c r="B11261" s="6"/>
      <c r="C11261" s="6" t="s">
        <v>11285</v>
      </c>
      <c r="D11261" s="6"/>
      <c r="E11261" s="6" t="s">
        <v>9</v>
      </c>
      <c r="F11261" s="7">
        <v>38657</v>
      </c>
      <c r="G11261" s="8">
        <v>1</v>
      </c>
      <c r="H11261" s="8">
        <v>1</v>
      </c>
      <c r="I11261" s="8">
        <v>0</v>
      </c>
      <c r="J11261" s="8">
        <v>1</v>
      </c>
      <c r="K11261" s="9">
        <v>13</v>
      </c>
      <c r="L11261" s="6" t="s">
        <v>51</v>
      </c>
    </row>
    <row r="11262" spans="1:12">
      <c r="A11262" s="6" t="s">
        <v>49</v>
      </c>
      <c r="B11262" s="6"/>
      <c r="C11262" s="6" t="s">
        <v>11286</v>
      </c>
      <c r="D11262" s="6"/>
      <c r="E11262" s="6" t="s">
        <v>9</v>
      </c>
      <c r="F11262" s="7">
        <v>38657</v>
      </c>
      <c r="G11262" s="8">
        <v>1</v>
      </c>
      <c r="H11262" s="8">
        <v>1</v>
      </c>
      <c r="I11262" s="8">
        <v>0</v>
      </c>
      <c r="J11262" s="8">
        <v>1</v>
      </c>
      <c r="K11262" s="9">
        <v>5.56</v>
      </c>
      <c r="L11262" s="6" t="s">
        <v>51</v>
      </c>
    </row>
    <row r="11263" spans="1:12">
      <c r="A11263" s="6" t="s">
        <v>49</v>
      </c>
      <c r="B11263" s="6"/>
      <c r="C11263" s="6" t="s">
        <v>11287</v>
      </c>
      <c r="D11263" s="6"/>
      <c r="E11263" s="6" t="s">
        <v>9</v>
      </c>
      <c r="F11263" s="7">
        <v>38657</v>
      </c>
      <c r="G11263" s="8">
        <v>1</v>
      </c>
      <c r="H11263" s="8">
        <v>1</v>
      </c>
      <c r="I11263" s="8">
        <v>0</v>
      </c>
      <c r="J11263" s="8">
        <v>1</v>
      </c>
      <c r="K11263" s="9">
        <v>23</v>
      </c>
      <c r="L11263" s="6" t="s">
        <v>51</v>
      </c>
    </row>
    <row r="11264" spans="1:12">
      <c r="A11264" s="6" t="s">
        <v>49</v>
      </c>
      <c r="B11264" s="6"/>
      <c r="C11264" s="6" t="s">
        <v>11288</v>
      </c>
      <c r="D11264" s="6"/>
      <c r="E11264" s="6" t="s">
        <v>9</v>
      </c>
      <c r="F11264" s="7">
        <v>38657</v>
      </c>
      <c r="G11264" s="8">
        <v>1</v>
      </c>
      <c r="H11264" s="8">
        <v>1</v>
      </c>
      <c r="I11264" s="8">
        <v>0</v>
      </c>
      <c r="J11264" s="8">
        <v>1</v>
      </c>
      <c r="K11264" s="9">
        <v>10</v>
      </c>
      <c r="L11264" s="6" t="s">
        <v>51</v>
      </c>
    </row>
    <row r="11265" spans="1:12">
      <c r="A11265" s="6" t="s">
        <v>49</v>
      </c>
      <c r="B11265" s="6"/>
      <c r="C11265" s="6" t="s">
        <v>11289</v>
      </c>
      <c r="D11265" s="6"/>
      <c r="E11265" s="6" t="s">
        <v>9</v>
      </c>
      <c r="F11265" s="7">
        <v>38657</v>
      </c>
      <c r="G11265" s="8">
        <v>1</v>
      </c>
      <c r="H11265" s="8">
        <v>1</v>
      </c>
      <c r="I11265" s="8">
        <v>0</v>
      </c>
      <c r="J11265" s="8">
        <v>1</v>
      </c>
      <c r="K11265" s="9">
        <v>27</v>
      </c>
      <c r="L11265" s="6" t="s">
        <v>51</v>
      </c>
    </row>
    <row r="11266" spans="1:12">
      <c r="A11266" s="6" t="s">
        <v>49</v>
      </c>
      <c r="B11266" s="6"/>
      <c r="C11266" s="6" t="s">
        <v>11290</v>
      </c>
      <c r="D11266" s="6"/>
      <c r="E11266" s="6" t="s">
        <v>9</v>
      </c>
      <c r="F11266" s="7">
        <v>38657</v>
      </c>
      <c r="G11266" s="8">
        <v>1</v>
      </c>
      <c r="H11266" s="8">
        <v>1</v>
      </c>
      <c r="I11266" s="8">
        <v>0</v>
      </c>
      <c r="J11266" s="8">
        <v>1</v>
      </c>
      <c r="K11266" s="9">
        <v>46.35</v>
      </c>
      <c r="L11266" s="6" t="s">
        <v>51</v>
      </c>
    </row>
    <row r="11267" spans="1:12">
      <c r="A11267" s="6" t="s">
        <v>49</v>
      </c>
      <c r="B11267" s="6"/>
      <c r="C11267" s="6" t="s">
        <v>11291</v>
      </c>
      <c r="D11267" s="6"/>
      <c r="E11267" s="6" t="s">
        <v>9</v>
      </c>
      <c r="F11267" s="7">
        <v>38657</v>
      </c>
      <c r="G11267" s="8">
        <v>1</v>
      </c>
      <c r="H11267" s="8">
        <v>1</v>
      </c>
      <c r="I11267" s="8">
        <v>0</v>
      </c>
      <c r="J11267" s="8">
        <v>1</v>
      </c>
      <c r="K11267" s="9">
        <v>17</v>
      </c>
      <c r="L11267" s="6" t="s">
        <v>51</v>
      </c>
    </row>
    <row r="11268" spans="1:12">
      <c r="A11268" s="6" t="s">
        <v>49</v>
      </c>
      <c r="B11268" s="6"/>
      <c r="C11268" s="6" t="s">
        <v>11292</v>
      </c>
      <c r="D11268" s="6"/>
      <c r="E11268" s="6" t="s">
        <v>9</v>
      </c>
      <c r="F11268" s="7">
        <v>38657</v>
      </c>
      <c r="G11268" s="8">
        <v>1</v>
      </c>
      <c r="H11268" s="8">
        <v>1</v>
      </c>
      <c r="I11268" s="8">
        <v>0</v>
      </c>
      <c r="J11268" s="8">
        <v>1</v>
      </c>
      <c r="K11268" s="9">
        <v>8.66</v>
      </c>
      <c r="L11268" s="6" t="s">
        <v>51</v>
      </c>
    </row>
    <row r="11269" spans="1:12">
      <c r="A11269" s="6" t="s">
        <v>49</v>
      </c>
      <c r="B11269" s="6"/>
      <c r="C11269" s="6" t="s">
        <v>11293</v>
      </c>
      <c r="D11269" s="6"/>
      <c r="E11269" s="6" t="s">
        <v>9</v>
      </c>
      <c r="F11269" s="7">
        <v>38657</v>
      </c>
      <c r="G11269" s="8">
        <v>1</v>
      </c>
      <c r="H11269" s="8">
        <v>1</v>
      </c>
      <c r="I11269" s="8">
        <v>0</v>
      </c>
      <c r="J11269" s="8">
        <v>1</v>
      </c>
      <c r="K11269" s="9">
        <v>15</v>
      </c>
      <c r="L11269" s="6" t="s">
        <v>51</v>
      </c>
    </row>
    <row r="11270" spans="1:12">
      <c r="A11270" s="6" t="s">
        <v>49</v>
      </c>
      <c r="B11270" s="6"/>
      <c r="C11270" s="6" t="s">
        <v>11294</v>
      </c>
      <c r="D11270" s="6"/>
      <c r="E11270" s="6" t="s">
        <v>9</v>
      </c>
      <c r="F11270" s="7">
        <v>38657</v>
      </c>
      <c r="G11270" s="8">
        <v>1</v>
      </c>
      <c r="H11270" s="8">
        <v>1</v>
      </c>
      <c r="I11270" s="8">
        <v>0</v>
      </c>
      <c r="J11270" s="8">
        <v>1</v>
      </c>
      <c r="K11270" s="9">
        <v>23</v>
      </c>
      <c r="L11270" s="6" t="s">
        <v>51</v>
      </c>
    </row>
    <row r="11271" spans="1:12">
      <c r="A11271" s="6" t="s">
        <v>49</v>
      </c>
      <c r="B11271" s="6"/>
      <c r="C11271" s="6" t="s">
        <v>11295</v>
      </c>
      <c r="D11271" s="6"/>
      <c r="E11271" s="6" t="s">
        <v>9</v>
      </c>
      <c r="F11271" s="7">
        <v>38657</v>
      </c>
      <c r="G11271" s="8">
        <v>1</v>
      </c>
      <c r="H11271" s="8">
        <v>1</v>
      </c>
      <c r="I11271" s="8">
        <v>0</v>
      </c>
      <c r="J11271" s="8">
        <v>1</v>
      </c>
      <c r="K11271" s="9">
        <v>9.58</v>
      </c>
      <c r="L11271" s="6" t="s">
        <v>51</v>
      </c>
    </row>
    <row r="11272" spans="1:12">
      <c r="A11272" s="6" t="s">
        <v>49</v>
      </c>
      <c r="B11272" s="6"/>
      <c r="C11272" s="6" t="s">
        <v>11296</v>
      </c>
      <c r="D11272" s="6"/>
      <c r="E11272" s="6" t="s">
        <v>9</v>
      </c>
      <c r="F11272" s="7">
        <v>38657</v>
      </c>
      <c r="G11272" s="8">
        <v>1</v>
      </c>
      <c r="H11272" s="8">
        <v>1</v>
      </c>
      <c r="I11272" s="8">
        <v>0</v>
      </c>
      <c r="J11272" s="8">
        <v>1</v>
      </c>
      <c r="K11272" s="9">
        <v>40</v>
      </c>
      <c r="L11272" s="6" t="s">
        <v>51</v>
      </c>
    </row>
    <row r="11273" spans="1:12">
      <c r="A11273" s="6" t="s">
        <v>49</v>
      </c>
      <c r="B11273" s="6"/>
      <c r="C11273" s="6" t="s">
        <v>11297</v>
      </c>
      <c r="D11273" s="6"/>
      <c r="E11273" s="6" t="s">
        <v>9</v>
      </c>
      <c r="F11273" s="7">
        <v>38657</v>
      </c>
      <c r="G11273" s="8">
        <v>1</v>
      </c>
      <c r="H11273" s="8">
        <v>1</v>
      </c>
      <c r="I11273" s="8">
        <v>0</v>
      </c>
      <c r="J11273" s="8">
        <v>1</v>
      </c>
      <c r="K11273" s="9">
        <v>10</v>
      </c>
      <c r="L11273" s="6" t="s">
        <v>51</v>
      </c>
    </row>
    <row r="11274" spans="1:12">
      <c r="A11274" s="6" t="s">
        <v>49</v>
      </c>
      <c r="B11274" s="6"/>
      <c r="C11274" s="6" t="s">
        <v>11298</v>
      </c>
      <c r="D11274" s="6"/>
      <c r="E11274" s="6" t="s">
        <v>9</v>
      </c>
      <c r="F11274" s="7">
        <v>38657</v>
      </c>
      <c r="G11274" s="8">
        <v>1</v>
      </c>
      <c r="H11274" s="8">
        <v>1</v>
      </c>
      <c r="I11274" s="8">
        <v>0</v>
      </c>
      <c r="J11274" s="8">
        <v>1</v>
      </c>
      <c r="K11274" s="9">
        <v>6.95</v>
      </c>
      <c r="L11274" s="6" t="s">
        <v>51</v>
      </c>
    </row>
    <row r="11275" spans="1:12">
      <c r="A11275" s="6" t="s">
        <v>49</v>
      </c>
      <c r="B11275" s="6"/>
      <c r="C11275" s="6" t="s">
        <v>11299</v>
      </c>
      <c r="D11275" s="6"/>
      <c r="E11275" s="6" t="s">
        <v>9</v>
      </c>
      <c r="F11275" s="7">
        <v>38657</v>
      </c>
      <c r="G11275" s="8">
        <v>1</v>
      </c>
      <c r="H11275" s="8">
        <v>1</v>
      </c>
      <c r="I11275" s="8">
        <v>0</v>
      </c>
      <c r="J11275" s="8">
        <v>1</v>
      </c>
      <c r="K11275" s="9">
        <v>15</v>
      </c>
      <c r="L11275" s="6" t="s">
        <v>51</v>
      </c>
    </row>
    <row r="11276" spans="1:12">
      <c r="A11276" s="6" t="s">
        <v>49</v>
      </c>
      <c r="B11276" s="6"/>
      <c r="C11276" s="6" t="s">
        <v>11300</v>
      </c>
      <c r="D11276" s="6"/>
      <c r="E11276" s="6" t="s">
        <v>9</v>
      </c>
      <c r="F11276" s="7">
        <v>38657</v>
      </c>
      <c r="G11276" s="8">
        <v>1</v>
      </c>
      <c r="H11276" s="8">
        <v>1</v>
      </c>
      <c r="I11276" s="8">
        <v>0</v>
      </c>
      <c r="J11276" s="8">
        <v>1</v>
      </c>
      <c r="K11276" s="9">
        <v>30</v>
      </c>
      <c r="L11276" s="6" t="s">
        <v>51</v>
      </c>
    </row>
    <row r="11277" spans="1:12">
      <c r="A11277" s="6" t="s">
        <v>49</v>
      </c>
      <c r="B11277" s="6"/>
      <c r="C11277" s="6" t="s">
        <v>11301</v>
      </c>
      <c r="D11277" s="6"/>
      <c r="E11277" s="6" t="s">
        <v>9</v>
      </c>
      <c r="F11277" s="7">
        <v>38657</v>
      </c>
      <c r="G11277" s="8">
        <v>1</v>
      </c>
      <c r="H11277" s="8">
        <v>1</v>
      </c>
      <c r="I11277" s="8">
        <v>0</v>
      </c>
      <c r="J11277" s="8">
        <v>1</v>
      </c>
      <c r="K11277" s="9">
        <v>15.85</v>
      </c>
      <c r="L11277" s="6" t="s">
        <v>51</v>
      </c>
    </row>
    <row r="11278" spans="1:12">
      <c r="A11278" s="6" t="s">
        <v>49</v>
      </c>
      <c r="B11278" s="6"/>
      <c r="C11278" s="6" t="s">
        <v>11302</v>
      </c>
      <c r="D11278" s="6"/>
      <c r="E11278" s="6" t="s">
        <v>9</v>
      </c>
      <c r="F11278" s="7">
        <v>38657</v>
      </c>
      <c r="G11278" s="8">
        <v>1</v>
      </c>
      <c r="H11278" s="8">
        <v>1</v>
      </c>
      <c r="I11278" s="8">
        <v>0</v>
      </c>
      <c r="J11278" s="8">
        <v>1</v>
      </c>
      <c r="K11278" s="9">
        <v>44</v>
      </c>
      <c r="L11278" s="6" t="s">
        <v>51</v>
      </c>
    </row>
    <row r="11279" spans="1:12">
      <c r="A11279" s="6" t="s">
        <v>49</v>
      </c>
      <c r="B11279" s="6"/>
      <c r="C11279" s="6" t="s">
        <v>11303</v>
      </c>
      <c r="D11279" s="6"/>
      <c r="E11279" s="6" t="s">
        <v>9</v>
      </c>
      <c r="F11279" s="7">
        <v>38657</v>
      </c>
      <c r="G11279" s="8">
        <v>1</v>
      </c>
      <c r="H11279" s="8">
        <v>1</v>
      </c>
      <c r="I11279" s="8">
        <v>0</v>
      </c>
      <c r="J11279" s="8">
        <v>1</v>
      </c>
      <c r="K11279" s="9">
        <v>26</v>
      </c>
      <c r="L11279" s="6" t="s">
        <v>51</v>
      </c>
    </row>
    <row r="11280" spans="1:12">
      <c r="A11280" s="6" t="s">
        <v>49</v>
      </c>
      <c r="B11280" s="6"/>
      <c r="C11280" s="6" t="s">
        <v>11304</v>
      </c>
      <c r="D11280" s="6"/>
      <c r="E11280" s="6" t="s">
        <v>9</v>
      </c>
      <c r="F11280" s="7">
        <v>38657</v>
      </c>
      <c r="G11280" s="8">
        <v>1</v>
      </c>
      <c r="H11280" s="8">
        <v>1</v>
      </c>
      <c r="I11280" s="8">
        <v>0</v>
      </c>
      <c r="J11280" s="8">
        <v>1</v>
      </c>
      <c r="K11280" s="9">
        <v>19</v>
      </c>
      <c r="L11280" s="6" t="s">
        <v>51</v>
      </c>
    </row>
    <row r="11281" spans="1:12">
      <c r="A11281" s="6" t="s">
        <v>49</v>
      </c>
      <c r="B11281" s="6"/>
      <c r="C11281" s="6" t="s">
        <v>11305</v>
      </c>
      <c r="D11281" s="6"/>
      <c r="E11281" s="6" t="s">
        <v>9</v>
      </c>
      <c r="F11281" s="7">
        <v>38657</v>
      </c>
      <c r="G11281" s="8">
        <v>1</v>
      </c>
      <c r="H11281" s="8">
        <v>1</v>
      </c>
      <c r="I11281" s="8">
        <v>0</v>
      </c>
      <c r="J11281" s="8">
        <v>1</v>
      </c>
      <c r="K11281" s="9">
        <v>4.95</v>
      </c>
      <c r="L11281" s="6" t="s">
        <v>51</v>
      </c>
    </row>
    <row r="11282" spans="1:12">
      <c r="A11282" s="6" t="s">
        <v>49</v>
      </c>
      <c r="B11282" s="6"/>
      <c r="C11282" s="6" t="s">
        <v>11306</v>
      </c>
      <c r="D11282" s="6"/>
      <c r="E11282" s="6" t="s">
        <v>9</v>
      </c>
      <c r="F11282" s="7"/>
      <c r="G11282" s="8">
        <v>1</v>
      </c>
      <c r="H11282" s="8">
        <v>1</v>
      </c>
      <c r="I11282" s="8">
        <v>0</v>
      </c>
      <c r="J11282" s="8">
        <v>1</v>
      </c>
      <c r="K11282" s="9">
        <v>23</v>
      </c>
      <c r="L11282" s="6" t="s">
        <v>51</v>
      </c>
    </row>
    <row r="11283" spans="1:12">
      <c r="A11283" s="6" t="s">
        <v>49</v>
      </c>
      <c r="B11283" s="6"/>
      <c r="C11283" s="6" t="s">
        <v>11307</v>
      </c>
      <c r="D11283" s="6"/>
      <c r="E11283" s="6" t="s">
        <v>9</v>
      </c>
      <c r="F11283" s="7">
        <v>38657</v>
      </c>
      <c r="G11283" s="8">
        <v>1</v>
      </c>
      <c r="H11283" s="8">
        <v>1</v>
      </c>
      <c r="I11283" s="8">
        <v>0</v>
      </c>
      <c r="J11283" s="8">
        <v>1</v>
      </c>
      <c r="K11283" s="9">
        <v>27</v>
      </c>
      <c r="L11283" s="6" t="s">
        <v>51</v>
      </c>
    </row>
    <row r="11284" spans="1:12">
      <c r="A11284" s="6" t="s">
        <v>49</v>
      </c>
      <c r="B11284" s="6"/>
      <c r="C11284" s="6" t="s">
        <v>11308</v>
      </c>
      <c r="D11284" s="6"/>
      <c r="E11284" s="6" t="s">
        <v>9</v>
      </c>
      <c r="F11284" s="7"/>
      <c r="G11284" s="8">
        <v>1</v>
      </c>
      <c r="H11284" s="8">
        <v>1</v>
      </c>
      <c r="I11284" s="8">
        <v>0</v>
      </c>
      <c r="J11284" s="8">
        <v>1</v>
      </c>
      <c r="K11284" s="9">
        <v>122</v>
      </c>
      <c r="L11284" s="6" t="s">
        <v>51</v>
      </c>
    </row>
    <row r="11285" spans="1:12">
      <c r="A11285" s="6" t="s">
        <v>49</v>
      </c>
      <c r="B11285" s="6"/>
      <c r="C11285" s="6" t="s">
        <v>11309</v>
      </c>
      <c r="D11285" s="6"/>
      <c r="E11285" s="6" t="s">
        <v>9</v>
      </c>
      <c r="F11285" s="7">
        <v>38657</v>
      </c>
      <c r="G11285" s="8">
        <v>1</v>
      </c>
      <c r="H11285" s="8">
        <v>1</v>
      </c>
      <c r="I11285" s="8">
        <v>0</v>
      </c>
      <c r="J11285" s="8">
        <v>1</v>
      </c>
      <c r="K11285" s="9">
        <v>55</v>
      </c>
      <c r="L11285" s="6" t="s">
        <v>51</v>
      </c>
    </row>
    <row r="11286" spans="1:12">
      <c r="A11286" s="6" t="s">
        <v>49</v>
      </c>
      <c r="B11286" s="6"/>
      <c r="C11286" s="6" t="s">
        <v>11310</v>
      </c>
      <c r="D11286" s="6"/>
      <c r="E11286" s="6" t="s">
        <v>9</v>
      </c>
      <c r="F11286" s="7"/>
      <c r="G11286" s="8">
        <v>1</v>
      </c>
      <c r="H11286" s="8">
        <v>1</v>
      </c>
      <c r="I11286" s="8">
        <v>0</v>
      </c>
      <c r="J11286" s="8">
        <v>1</v>
      </c>
      <c r="K11286" s="9">
        <v>161</v>
      </c>
      <c r="L11286" s="6" t="s">
        <v>51</v>
      </c>
    </row>
    <row r="11287" spans="1:12">
      <c r="A11287" s="6" t="s">
        <v>49</v>
      </c>
      <c r="B11287" s="6"/>
      <c r="C11287" s="6" t="s">
        <v>11311</v>
      </c>
      <c r="D11287" s="6"/>
      <c r="E11287" s="6" t="s">
        <v>9</v>
      </c>
      <c r="F11287" s="7"/>
      <c r="G11287" s="8">
        <v>1</v>
      </c>
      <c r="H11287" s="8">
        <v>1</v>
      </c>
      <c r="I11287" s="8">
        <v>0</v>
      </c>
      <c r="J11287" s="8">
        <v>1</v>
      </c>
      <c r="K11287" s="9">
        <v>23</v>
      </c>
      <c r="L11287" s="6" t="s">
        <v>4151</v>
      </c>
    </row>
    <row r="11288" spans="1:12">
      <c r="A11288" s="6" t="s">
        <v>49</v>
      </c>
      <c r="B11288" s="6"/>
      <c r="C11288" s="6" t="s">
        <v>11312</v>
      </c>
      <c r="D11288" s="6"/>
      <c r="E11288" s="6" t="s">
        <v>9</v>
      </c>
      <c r="F11288" s="7">
        <v>38657</v>
      </c>
      <c r="G11288" s="8">
        <v>1</v>
      </c>
      <c r="H11288" s="8">
        <v>1</v>
      </c>
      <c r="I11288" s="8">
        <v>0</v>
      </c>
      <c r="J11288" s="8">
        <v>1</v>
      </c>
      <c r="K11288" s="9">
        <v>50.01</v>
      </c>
      <c r="L11288" s="6" t="s">
        <v>51</v>
      </c>
    </row>
    <row r="11289" spans="1:12">
      <c r="A11289" s="6" t="s">
        <v>49</v>
      </c>
      <c r="B11289" s="6"/>
      <c r="C11289" s="6" t="s">
        <v>11313</v>
      </c>
      <c r="D11289" s="6"/>
      <c r="E11289" s="6" t="s">
        <v>9</v>
      </c>
      <c r="F11289" s="7"/>
      <c r="G11289" s="8">
        <v>1</v>
      </c>
      <c r="H11289" s="8">
        <v>1</v>
      </c>
      <c r="I11289" s="8">
        <v>0</v>
      </c>
      <c r="J11289" s="8">
        <v>1</v>
      </c>
      <c r="K11289" s="9">
        <v>6.61</v>
      </c>
      <c r="L11289" s="6" t="s">
        <v>51</v>
      </c>
    </row>
    <row r="11290" spans="1:12">
      <c r="A11290" s="6" t="s">
        <v>49</v>
      </c>
      <c r="B11290" s="6"/>
      <c r="C11290" s="6" t="s">
        <v>11314</v>
      </c>
      <c r="D11290" s="6"/>
      <c r="E11290" s="6" t="s">
        <v>9</v>
      </c>
      <c r="F11290" s="7"/>
      <c r="G11290" s="8">
        <v>1</v>
      </c>
      <c r="H11290" s="8">
        <v>1</v>
      </c>
      <c r="I11290" s="8">
        <v>0</v>
      </c>
      <c r="J11290" s="8">
        <v>1</v>
      </c>
      <c r="K11290" s="9">
        <v>9.91</v>
      </c>
      <c r="L11290" s="6" t="s">
        <v>51</v>
      </c>
    </row>
    <row r="11291" spans="1:12">
      <c r="A11291" s="6" t="s">
        <v>49</v>
      </c>
      <c r="B11291" s="6"/>
      <c r="C11291" s="6" t="s">
        <v>11315</v>
      </c>
      <c r="D11291" s="6"/>
      <c r="E11291" s="6" t="s">
        <v>9</v>
      </c>
      <c r="F11291" s="7"/>
      <c r="G11291" s="8">
        <v>1</v>
      </c>
      <c r="H11291" s="8">
        <v>1</v>
      </c>
      <c r="I11291" s="8">
        <v>0</v>
      </c>
      <c r="J11291" s="8">
        <v>1</v>
      </c>
      <c r="K11291" s="9">
        <v>39</v>
      </c>
      <c r="L11291" s="6" t="s">
        <v>51</v>
      </c>
    </row>
    <row r="11292" spans="1:12">
      <c r="A11292" s="6" t="s">
        <v>49</v>
      </c>
      <c r="B11292" s="6"/>
      <c r="C11292" s="6" t="s">
        <v>11316</v>
      </c>
      <c r="D11292" s="6"/>
      <c r="E11292" s="6" t="s">
        <v>9</v>
      </c>
      <c r="F11292" s="7"/>
      <c r="G11292" s="8">
        <v>1</v>
      </c>
      <c r="H11292" s="8">
        <v>1</v>
      </c>
      <c r="I11292" s="8">
        <v>0</v>
      </c>
      <c r="J11292" s="8">
        <v>1</v>
      </c>
      <c r="K11292" s="9">
        <v>6.61</v>
      </c>
      <c r="L11292" s="6" t="s">
        <v>51</v>
      </c>
    </row>
    <row r="11293" spans="1:12">
      <c r="A11293" s="6" t="s">
        <v>49</v>
      </c>
      <c r="B11293" s="6"/>
      <c r="C11293" s="6" t="s">
        <v>11317</v>
      </c>
      <c r="D11293" s="6"/>
      <c r="E11293" s="6" t="s">
        <v>9</v>
      </c>
      <c r="F11293" s="7"/>
      <c r="G11293" s="8">
        <v>1</v>
      </c>
      <c r="H11293" s="8">
        <v>1</v>
      </c>
      <c r="I11293" s="8">
        <v>0</v>
      </c>
      <c r="J11293" s="8">
        <v>1</v>
      </c>
      <c r="K11293" s="9">
        <v>39</v>
      </c>
      <c r="L11293" s="6" t="s">
        <v>51</v>
      </c>
    </row>
    <row r="11294" spans="1:12">
      <c r="A11294" s="6" t="s">
        <v>49</v>
      </c>
      <c r="B11294" s="6"/>
      <c r="C11294" s="6" t="s">
        <v>11318</v>
      </c>
      <c r="D11294" s="6"/>
      <c r="E11294" s="6" t="s">
        <v>9</v>
      </c>
      <c r="F11294" s="7"/>
      <c r="G11294" s="8">
        <v>1</v>
      </c>
      <c r="H11294" s="8">
        <v>1</v>
      </c>
      <c r="I11294" s="8">
        <v>0</v>
      </c>
      <c r="J11294" s="8">
        <v>1</v>
      </c>
      <c r="K11294" s="9">
        <v>42</v>
      </c>
      <c r="L11294" s="6" t="s">
        <v>51</v>
      </c>
    </row>
    <row r="11295" spans="1:12">
      <c r="A11295" s="6" t="s">
        <v>49</v>
      </c>
      <c r="B11295" s="6"/>
      <c r="C11295" s="6" t="s">
        <v>11319</v>
      </c>
      <c r="D11295" s="6"/>
      <c r="E11295" s="6" t="s">
        <v>9</v>
      </c>
      <c r="F11295" s="7"/>
      <c r="G11295" s="8">
        <v>1</v>
      </c>
      <c r="H11295" s="8">
        <v>1</v>
      </c>
      <c r="I11295" s="8">
        <v>0</v>
      </c>
      <c r="J11295" s="8">
        <v>1</v>
      </c>
      <c r="K11295" s="9">
        <v>59</v>
      </c>
      <c r="L11295" s="6" t="s">
        <v>51</v>
      </c>
    </row>
    <row r="11296" spans="1:12">
      <c r="A11296" s="6" t="s">
        <v>49</v>
      </c>
      <c r="B11296" s="6"/>
      <c r="C11296" s="6" t="s">
        <v>11320</v>
      </c>
      <c r="D11296" s="6"/>
      <c r="E11296" s="6" t="s">
        <v>9</v>
      </c>
      <c r="F11296" s="7"/>
      <c r="G11296" s="8">
        <v>1</v>
      </c>
      <c r="H11296" s="8">
        <v>1</v>
      </c>
      <c r="I11296" s="8">
        <v>0</v>
      </c>
      <c r="J11296" s="8">
        <v>1</v>
      </c>
      <c r="K11296" s="9">
        <v>26</v>
      </c>
      <c r="L11296" s="6" t="s">
        <v>51</v>
      </c>
    </row>
    <row r="11297" spans="1:12">
      <c r="A11297" s="6" t="s">
        <v>49</v>
      </c>
      <c r="B11297" s="6"/>
      <c r="C11297" s="6" t="s">
        <v>11321</v>
      </c>
      <c r="D11297" s="6"/>
      <c r="E11297" s="6" t="s">
        <v>9</v>
      </c>
      <c r="F11297" s="7"/>
      <c r="G11297" s="8">
        <v>1</v>
      </c>
      <c r="H11297" s="8">
        <v>1</v>
      </c>
      <c r="I11297" s="8">
        <v>0</v>
      </c>
      <c r="J11297" s="8">
        <v>1</v>
      </c>
      <c r="K11297" s="9">
        <v>72</v>
      </c>
      <c r="L11297" s="6" t="s">
        <v>51</v>
      </c>
    </row>
    <row r="11298" spans="1:12">
      <c r="A11298" s="6" t="s">
        <v>49</v>
      </c>
      <c r="B11298" s="6"/>
      <c r="C11298" s="6" t="s">
        <v>11322</v>
      </c>
      <c r="D11298" s="6"/>
      <c r="E11298" s="6" t="s">
        <v>9</v>
      </c>
      <c r="F11298" s="7"/>
      <c r="G11298" s="8">
        <v>1</v>
      </c>
      <c r="H11298" s="8">
        <v>1</v>
      </c>
      <c r="I11298" s="8">
        <v>0</v>
      </c>
      <c r="J11298" s="8">
        <v>1</v>
      </c>
      <c r="K11298" s="9">
        <v>29</v>
      </c>
      <c r="L11298" s="6" t="s">
        <v>51</v>
      </c>
    </row>
    <row r="11299" spans="1:12">
      <c r="A11299" s="6" t="s">
        <v>49</v>
      </c>
      <c r="B11299" s="6"/>
      <c r="C11299" s="6" t="s">
        <v>11323</v>
      </c>
      <c r="D11299" s="6"/>
      <c r="E11299" s="6" t="s">
        <v>9</v>
      </c>
      <c r="F11299" s="7">
        <v>38657</v>
      </c>
      <c r="G11299" s="8">
        <v>1</v>
      </c>
      <c r="H11299" s="8">
        <v>1</v>
      </c>
      <c r="I11299" s="8">
        <v>0</v>
      </c>
      <c r="J11299" s="8">
        <v>1</v>
      </c>
      <c r="K11299" s="9">
        <v>4.3499999999999899</v>
      </c>
      <c r="L11299" s="6" t="s">
        <v>51</v>
      </c>
    </row>
    <row r="11300" spans="1:12">
      <c r="A11300" s="6" t="s">
        <v>49</v>
      </c>
      <c r="B11300" s="6"/>
      <c r="C11300" s="6" t="s">
        <v>11324</v>
      </c>
      <c r="D11300" s="6"/>
      <c r="E11300" s="6" t="s">
        <v>9</v>
      </c>
      <c r="F11300" s="7"/>
      <c r="G11300" s="8">
        <v>1</v>
      </c>
      <c r="H11300" s="8">
        <v>1</v>
      </c>
      <c r="I11300" s="8">
        <v>0</v>
      </c>
      <c r="J11300" s="8">
        <v>1</v>
      </c>
      <c r="K11300" s="9">
        <v>59</v>
      </c>
      <c r="L11300" s="6" t="s">
        <v>51</v>
      </c>
    </row>
    <row r="11301" spans="1:12">
      <c r="A11301" s="6" t="s">
        <v>49</v>
      </c>
      <c r="B11301" s="6"/>
      <c r="C11301" s="6" t="s">
        <v>11325</v>
      </c>
      <c r="D11301" s="6"/>
      <c r="E11301" s="6" t="s">
        <v>9</v>
      </c>
      <c r="F11301" s="7">
        <v>38657</v>
      </c>
      <c r="G11301" s="8">
        <v>1</v>
      </c>
      <c r="H11301" s="8">
        <v>1</v>
      </c>
      <c r="I11301" s="8">
        <v>0</v>
      </c>
      <c r="J11301" s="8">
        <v>1</v>
      </c>
      <c r="K11301" s="9">
        <v>14</v>
      </c>
      <c r="L11301" s="6" t="s">
        <v>51</v>
      </c>
    </row>
    <row r="11302" spans="1:12">
      <c r="A11302" s="6" t="s">
        <v>49</v>
      </c>
      <c r="B11302" s="6"/>
      <c r="C11302" s="6" t="s">
        <v>11326</v>
      </c>
      <c r="D11302" s="6"/>
      <c r="E11302" s="6" t="s">
        <v>9</v>
      </c>
      <c r="F11302" s="7">
        <v>38657</v>
      </c>
      <c r="G11302" s="8">
        <v>1</v>
      </c>
      <c r="H11302" s="8">
        <v>1</v>
      </c>
      <c r="I11302" s="8">
        <v>0</v>
      </c>
      <c r="J11302" s="8">
        <v>1</v>
      </c>
      <c r="K11302" s="9">
        <v>2.14</v>
      </c>
      <c r="L11302" s="6" t="s">
        <v>51</v>
      </c>
    </row>
    <row r="11303" spans="1:12">
      <c r="A11303" s="6" t="s">
        <v>49</v>
      </c>
      <c r="B11303" s="6"/>
      <c r="C11303" s="6" t="s">
        <v>11327</v>
      </c>
      <c r="D11303" s="6"/>
      <c r="E11303" s="6" t="s">
        <v>9</v>
      </c>
      <c r="F11303" s="7">
        <v>38657</v>
      </c>
      <c r="G11303" s="8">
        <v>1</v>
      </c>
      <c r="H11303" s="8">
        <v>1</v>
      </c>
      <c r="I11303" s="8">
        <v>0</v>
      </c>
      <c r="J11303" s="8">
        <v>1</v>
      </c>
      <c r="K11303" s="9">
        <v>1.23</v>
      </c>
      <c r="L11303" s="6" t="s">
        <v>51</v>
      </c>
    </row>
    <row r="11304" spans="1:12">
      <c r="A11304" s="6" t="s">
        <v>49</v>
      </c>
      <c r="B11304" s="6"/>
      <c r="C11304" s="6" t="s">
        <v>11328</v>
      </c>
      <c r="D11304" s="6"/>
      <c r="E11304" s="6" t="s">
        <v>9</v>
      </c>
      <c r="F11304" s="7">
        <v>38657</v>
      </c>
      <c r="G11304" s="8">
        <v>1</v>
      </c>
      <c r="H11304" s="8">
        <v>1</v>
      </c>
      <c r="I11304" s="8">
        <v>0</v>
      </c>
      <c r="J11304" s="8">
        <v>1</v>
      </c>
      <c r="K11304" s="9">
        <v>7.35</v>
      </c>
      <c r="L11304" s="6" t="s">
        <v>51</v>
      </c>
    </row>
    <row r="11305" spans="1:12">
      <c r="A11305" s="6" t="s">
        <v>49</v>
      </c>
      <c r="B11305" s="6"/>
      <c r="C11305" s="6" t="s">
        <v>11329</v>
      </c>
      <c r="D11305" s="6"/>
      <c r="E11305" s="6" t="s">
        <v>9</v>
      </c>
      <c r="F11305" s="7">
        <v>38657</v>
      </c>
      <c r="G11305" s="8">
        <v>1</v>
      </c>
      <c r="H11305" s="8">
        <v>1</v>
      </c>
      <c r="I11305" s="8">
        <v>0</v>
      </c>
      <c r="J11305" s="8">
        <v>1</v>
      </c>
      <c r="K11305" s="9">
        <v>36</v>
      </c>
      <c r="L11305" s="6" t="s">
        <v>51</v>
      </c>
    </row>
    <row r="11306" spans="1:12">
      <c r="A11306" s="6" t="s">
        <v>49</v>
      </c>
      <c r="B11306" s="6"/>
      <c r="C11306" s="6" t="s">
        <v>11330</v>
      </c>
      <c r="D11306" s="6"/>
      <c r="E11306" s="6" t="s">
        <v>9</v>
      </c>
      <c r="F11306" s="7">
        <v>38657</v>
      </c>
      <c r="G11306" s="8">
        <v>1</v>
      </c>
      <c r="H11306" s="8">
        <v>1</v>
      </c>
      <c r="I11306" s="8">
        <v>0</v>
      </c>
      <c r="J11306" s="8">
        <v>1</v>
      </c>
      <c r="K11306" s="9">
        <v>1.05</v>
      </c>
      <c r="L11306" s="6" t="s">
        <v>51</v>
      </c>
    </row>
    <row r="11307" spans="1:12">
      <c r="A11307" s="6" t="s">
        <v>49</v>
      </c>
      <c r="B11307" s="6"/>
      <c r="C11307" s="6" t="s">
        <v>11331</v>
      </c>
      <c r="D11307" s="6"/>
      <c r="E11307" s="6" t="s">
        <v>9</v>
      </c>
      <c r="F11307" s="7"/>
      <c r="G11307" s="8">
        <v>1</v>
      </c>
      <c r="H11307" s="8">
        <v>1</v>
      </c>
      <c r="I11307" s="8">
        <v>0</v>
      </c>
      <c r="J11307" s="8">
        <v>1</v>
      </c>
      <c r="K11307" s="9">
        <v>23</v>
      </c>
      <c r="L11307" s="6" t="s">
        <v>51</v>
      </c>
    </row>
    <row r="11308" spans="1:12">
      <c r="A11308" s="6" t="s">
        <v>49</v>
      </c>
      <c r="B11308" s="6"/>
      <c r="C11308" s="6" t="s">
        <v>11332</v>
      </c>
      <c r="D11308" s="6"/>
      <c r="E11308" s="6" t="s">
        <v>9</v>
      </c>
      <c r="F11308" s="7"/>
      <c r="G11308" s="8">
        <v>1</v>
      </c>
      <c r="H11308" s="8">
        <v>1</v>
      </c>
      <c r="I11308" s="8">
        <v>0</v>
      </c>
      <c r="J11308" s="8">
        <v>1</v>
      </c>
      <c r="K11308" s="9">
        <v>19</v>
      </c>
      <c r="L11308" s="6" t="s">
        <v>51</v>
      </c>
    </row>
    <row r="11309" spans="1:12">
      <c r="A11309" s="6" t="s">
        <v>49</v>
      </c>
      <c r="B11309" s="6"/>
      <c r="C11309" s="6" t="s">
        <v>11333</v>
      </c>
      <c r="D11309" s="6"/>
      <c r="E11309" s="6" t="s">
        <v>9</v>
      </c>
      <c r="F11309" s="7"/>
      <c r="G11309" s="8">
        <v>1</v>
      </c>
      <c r="H11309" s="8">
        <v>1</v>
      </c>
      <c r="I11309" s="8">
        <v>0</v>
      </c>
      <c r="J11309" s="8">
        <v>1</v>
      </c>
      <c r="K11309" s="9">
        <v>23</v>
      </c>
      <c r="L11309" s="6" t="s">
        <v>51</v>
      </c>
    </row>
    <row r="11310" spans="1:12">
      <c r="A11310" s="6" t="s">
        <v>49</v>
      </c>
      <c r="B11310" s="6"/>
      <c r="C11310" s="6" t="s">
        <v>11334</v>
      </c>
      <c r="D11310" s="6"/>
      <c r="E11310" s="6" t="s">
        <v>9</v>
      </c>
      <c r="F11310" s="7">
        <v>38657</v>
      </c>
      <c r="G11310" s="8">
        <v>1</v>
      </c>
      <c r="H11310" s="8">
        <v>1</v>
      </c>
      <c r="I11310" s="8">
        <v>0</v>
      </c>
      <c r="J11310" s="8">
        <v>1</v>
      </c>
      <c r="K11310" s="9">
        <v>13.37</v>
      </c>
      <c r="L11310" s="6" t="s">
        <v>51</v>
      </c>
    </row>
    <row r="11311" spans="1:12">
      <c r="A11311" s="6" t="s">
        <v>49</v>
      </c>
      <c r="B11311" s="6"/>
      <c r="C11311" s="6" t="s">
        <v>11335</v>
      </c>
      <c r="D11311" s="6"/>
      <c r="E11311" s="6" t="s">
        <v>9</v>
      </c>
      <c r="F11311" s="7"/>
      <c r="G11311" s="8">
        <v>1</v>
      </c>
      <c r="H11311" s="8">
        <v>1</v>
      </c>
      <c r="I11311" s="8">
        <v>0</v>
      </c>
      <c r="J11311" s="8">
        <v>1</v>
      </c>
      <c r="K11311" s="9">
        <v>119</v>
      </c>
      <c r="L11311" s="6" t="s">
        <v>51</v>
      </c>
    </row>
    <row r="11312" spans="1:12">
      <c r="A11312" s="6" t="s">
        <v>49</v>
      </c>
      <c r="B11312" s="6"/>
      <c r="C11312" s="6" t="s">
        <v>11336</v>
      </c>
      <c r="D11312" s="6"/>
      <c r="E11312" s="6" t="s">
        <v>9</v>
      </c>
      <c r="F11312" s="7"/>
      <c r="G11312" s="8">
        <v>1</v>
      </c>
      <c r="H11312" s="8">
        <v>1</v>
      </c>
      <c r="I11312" s="8">
        <v>0</v>
      </c>
      <c r="J11312" s="8">
        <v>1</v>
      </c>
      <c r="K11312" s="9">
        <v>39</v>
      </c>
      <c r="L11312" s="6" t="s">
        <v>51</v>
      </c>
    </row>
    <row r="11313" spans="1:12">
      <c r="A11313" s="6" t="s">
        <v>49</v>
      </c>
      <c r="B11313" s="6"/>
      <c r="C11313" s="6" t="s">
        <v>11337</v>
      </c>
      <c r="D11313" s="6"/>
      <c r="E11313" s="6" t="s">
        <v>9</v>
      </c>
      <c r="F11313" s="7"/>
      <c r="G11313" s="8">
        <v>1</v>
      </c>
      <c r="H11313" s="8">
        <v>1</v>
      </c>
      <c r="I11313" s="8">
        <v>0</v>
      </c>
      <c r="J11313" s="8">
        <v>1</v>
      </c>
      <c r="K11313" s="9">
        <v>26</v>
      </c>
      <c r="L11313" s="6" t="s">
        <v>51</v>
      </c>
    </row>
    <row r="11314" spans="1:12">
      <c r="A11314" s="6" t="s">
        <v>49</v>
      </c>
      <c r="B11314" s="6"/>
      <c r="C11314" s="6" t="s">
        <v>11338</v>
      </c>
      <c r="D11314" s="6"/>
      <c r="E11314" s="6" t="s">
        <v>9</v>
      </c>
      <c r="F11314" s="7"/>
      <c r="G11314" s="8">
        <v>1</v>
      </c>
      <c r="H11314" s="8">
        <v>1</v>
      </c>
      <c r="I11314" s="8">
        <v>0</v>
      </c>
      <c r="J11314" s="8">
        <v>1</v>
      </c>
      <c r="K11314" s="9">
        <v>56</v>
      </c>
      <c r="L11314" s="6" t="s">
        <v>51</v>
      </c>
    </row>
    <row r="11315" spans="1:12">
      <c r="A11315" s="6" t="s">
        <v>49</v>
      </c>
      <c r="B11315" s="6"/>
      <c r="C11315" s="6" t="s">
        <v>11339</v>
      </c>
      <c r="D11315" s="6"/>
      <c r="E11315" s="6" t="s">
        <v>9</v>
      </c>
      <c r="F11315" s="7"/>
      <c r="G11315" s="8">
        <v>1</v>
      </c>
      <c r="H11315" s="8">
        <v>1</v>
      </c>
      <c r="I11315" s="8">
        <v>0</v>
      </c>
      <c r="J11315" s="8">
        <v>1</v>
      </c>
      <c r="K11315" s="9">
        <v>42</v>
      </c>
      <c r="L11315" s="6" t="s">
        <v>51</v>
      </c>
    </row>
    <row r="11316" spans="1:12">
      <c r="A11316" s="6" t="s">
        <v>49</v>
      </c>
      <c r="B11316" s="6"/>
      <c r="C11316" s="6" t="s">
        <v>11340</v>
      </c>
      <c r="D11316" s="6"/>
      <c r="E11316" s="6" t="s">
        <v>9</v>
      </c>
      <c r="F11316" s="7"/>
      <c r="G11316" s="8">
        <v>1</v>
      </c>
      <c r="H11316" s="8">
        <v>1</v>
      </c>
      <c r="I11316" s="8">
        <v>0</v>
      </c>
      <c r="J11316" s="8">
        <v>1</v>
      </c>
      <c r="K11316" s="9">
        <v>89</v>
      </c>
      <c r="L11316" s="6" t="s">
        <v>51</v>
      </c>
    </row>
    <row r="11317" spans="1:12">
      <c r="A11317" s="6" t="s">
        <v>49</v>
      </c>
      <c r="B11317" s="6"/>
      <c r="C11317" s="6" t="s">
        <v>11341</v>
      </c>
      <c r="D11317" s="6"/>
      <c r="E11317" s="6" t="s">
        <v>9</v>
      </c>
      <c r="F11317" s="7"/>
      <c r="G11317" s="8">
        <v>1</v>
      </c>
      <c r="H11317" s="8">
        <v>1</v>
      </c>
      <c r="I11317" s="8">
        <v>0</v>
      </c>
      <c r="J11317" s="8">
        <v>1</v>
      </c>
      <c r="K11317" s="9">
        <v>49</v>
      </c>
      <c r="L11317" s="6" t="s">
        <v>51</v>
      </c>
    </row>
    <row r="11318" spans="1:12">
      <c r="A11318" s="6" t="s">
        <v>49</v>
      </c>
      <c r="B11318" s="6"/>
      <c r="C11318" s="6" t="s">
        <v>11342</v>
      </c>
      <c r="D11318" s="6"/>
      <c r="E11318" s="6" t="s">
        <v>9</v>
      </c>
      <c r="F11318" s="7"/>
      <c r="G11318" s="8">
        <v>1</v>
      </c>
      <c r="H11318" s="8">
        <v>1</v>
      </c>
      <c r="I11318" s="8">
        <v>0</v>
      </c>
      <c r="J11318" s="8">
        <v>1</v>
      </c>
      <c r="K11318" s="9">
        <v>152</v>
      </c>
      <c r="L11318" s="6" t="s">
        <v>51</v>
      </c>
    </row>
    <row r="11319" spans="1:12">
      <c r="A11319" s="6" t="s">
        <v>49</v>
      </c>
      <c r="B11319" s="6"/>
      <c r="C11319" s="6" t="s">
        <v>11343</v>
      </c>
      <c r="D11319" s="6"/>
      <c r="E11319" s="6" t="s">
        <v>9</v>
      </c>
      <c r="F11319" s="7"/>
      <c r="G11319" s="8">
        <v>1</v>
      </c>
      <c r="H11319" s="8">
        <v>1</v>
      </c>
      <c r="I11319" s="8">
        <v>0</v>
      </c>
      <c r="J11319" s="8">
        <v>1</v>
      </c>
      <c r="K11319" s="9">
        <v>42</v>
      </c>
      <c r="L11319" s="6" t="s">
        <v>51</v>
      </c>
    </row>
    <row r="11320" spans="1:12">
      <c r="A11320" s="6" t="s">
        <v>49</v>
      </c>
      <c r="B11320" s="6"/>
      <c r="C11320" s="6" t="s">
        <v>11344</v>
      </c>
      <c r="D11320" s="6"/>
      <c r="E11320" s="6" t="s">
        <v>9</v>
      </c>
      <c r="F11320" s="7"/>
      <c r="G11320" s="8">
        <v>1</v>
      </c>
      <c r="H11320" s="8">
        <v>1</v>
      </c>
      <c r="I11320" s="8">
        <v>0</v>
      </c>
      <c r="J11320" s="8">
        <v>1</v>
      </c>
      <c r="K11320" s="9">
        <v>9.91</v>
      </c>
      <c r="L11320" s="6" t="s">
        <v>51</v>
      </c>
    </row>
    <row r="11321" spans="1:12">
      <c r="A11321" s="6" t="s">
        <v>49</v>
      </c>
      <c r="B11321" s="6"/>
      <c r="C11321" s="6" t="s">
        <v>11345</v>
      </c>
      <c r="D11321" s="6"/>
      <c r="E11321" s="6" t="s">
        <v>9</v>
      </c>
      <c r="F11321" s="7">
        <v>38657</v>
      </c>
      <c r="G11321" s="8">
        <v>1</v>
      </c>
      <c r="H11321" s="8">
        <v>1</v>
      </c>
      <c r="I11321" s="8">
        <v>0</v>
      </c>
      <c r="J11321" s="8">
        <v>1</v>
      </c>
      <c r="K11321" s="9">
        <v>9.16</v>
      </c>
      <c r="L11321" s="6" t="s">
        <v>51</v>
      </c>
    </row>
    <row r="11322" spans="1:12">
      <c r="A11322" s="6" t="s">
        <v>49</v>
      </c>
      <c r="B11322" s="6"/>
      <c r="C11322" s="6" t="s">
        <v>11346</v>
      </c>
      <c r="D11322" s="6"/>
      <c r="E11322" s="6" t="s">
        <v>9</v>
      </c>
      <c r="F11322" s="7">
        <v>38657</v>
      </c>
      <c r="G11322" s="8">
        <v>1</v>
      </c>
      <c r="H11322" s="8">
        <v>1</v>
      </c>
      <c r="I11322" s="8">
        <v>0</v>
      </c>
      <c r="J11322" s="8">
        <v>1</v>
      </c>
      <c r="K11322" s="9">
        <v>250</v>
      </c>
      <c r="L11322" s="6" t="s">
        <v>51</v>
      </c>
    </row>
    <row r="11323" spans="1:12">
      <c r="A11323" s="6" t="s">
        <v>49</v>
      </c>
      <c r="B11323" s="6"/>
      <c r="C11323" s="6" t="s">
        <v>11347</v>
      </c>
      <c r="D11323" s="6"/>
      <c r="E11323" s="6" t="s">
        <v>9</v>
      </c>
      <c r="F11323" s="7">
        <v>38657</v>
      </c>
      <c r="G11323" s="8">
        <v>1</v>
      </c>
      <c r="H11323" s="8">
        <v>1</v>
      </c>
      <c r="I11323" s="8">
        <v>0</v>
      </c>
      <c r="J11323" s="8">
        <v>1</v>
      </c>
      <c r="K11323" s="9">
        <v>48</v>
      </c>
      <c r="L11323" s="6" t="s">
        <v>51</v>
      </c>
    </row>
    <row r="11324" spans="1:12">
      <c r="A11324" s="6" t="s">
        <v>49</v>
      </c>
      <c r="B11324" s="6"/>
      <c r="C11324" s="6" t="s">
        <v>11348</v>
      </c>
      <c r="D11324" s="6"/>
      <c r="E11324" s="6" t="s">
        <v>9</v>
      </c>
      <c r="F11324" s="7">
        <v>38657</v>
      </c>
      <c r="G11324" s="8">
        <v>1</v>
      </c>
      <c r="H11324" s="8">
        <v>1</v>
      </c>
      <c r="I11324" s="8">
        <v>0</v>
      </c>
      <c r="J11324" s="8">
        <v>1</v>
      </c>
      <c r="K11324" s="9">
        <v>140</v>
      </c>
      <c r="L11324" s="6" t="s">
        <v>51</v>
      </c>
    </row>
    <row r="11325" spans="1:12">
      <c r="A11325" s="6" t="s">
        <v>49</v>
      </c>
      <c r="B11325" s="6"/>
      <c r="C11325" s="6" t="s">
        <v>11349</v>
      </c>
      <c r="D11325" s="6"/>
      <c r="E11325" s="6" t="s">
        <v>9</v>
      </c>
      <c r="F11325" s="7">
        <v>38657</v>
      </c>
      <c r="G11325" s="8">
        <v>1</v>
      </c>
      <c r="H11325" s="8">
        <v>1</v>
      </c>
      <c r="I11325" s="8">
        <v>0</v>
      </c>
      <c r="J11325" s="8">
        <v>1</v>
      </c>
      <c r="K11325" s="9">
        <v>119</v>
      </c>
      <c r="L11325" s="6" t="s">
        <v>51</v>
      </c>
    </row>
    <row r="11326" spans="1:12">
      <c r="A11326" s="6" t="s">
        <v>49</v>
      </c>
      <c r="B11326" s="6"/>
      <c r="C11326" s="6" t="s">
        <v>11350</v>
      </c>
      <c r="D11326" s="6"/>
      <c r="E11326" s="6" t="s">
        <v>9</v>
      </c>
      <c r="F11326" s="7">
        <v>38657</v>
      </c>
      <c r="G11326" s="8">
        <v>1</v>
      </c>
      <c r="H11326" s="8">
        <v>1</v>
      </c>
      <c r="I11326" s="8">
        <v>0</v>
      </c>
      <c r="J11326" s="8">
        <v>1</v>
      </c>
      <c r="K11326" s="9">
        <v>195</v>
      </c>
      <c r="L11326" s="6" t="s">
        <v>51</v>
      </c>
    </row>
    <row r="11327" spans="1:12">
      <c r="A11327" s="6" t="s">
        <v>49</v>
      </c>
      <c r="B11327" s="6"/>
      <c r="C11327" s="6" t="s">
        <v>11351</v>
      </c>
      <c r="D11327" s="6"/>
      <c r="E11327" s="6" t="s">
        <v>9</v>
      </c>
      <c r="F11327" s="7">
        <v>38657</v>
      </c>
      <c r="G11327" s="8">
        <v>1</v>
      </c>
      <c r="H11327" s="8">
        <v>1</v>
      </c>
      <c r="I11327" s="8">
        <v>0</v>
      </c>
      <c r="J11327" s="8">
        <v>1</v>
      </c>
      <c r="K11327" s="9">
        <v>172</v>
      </c>
      <c r="L11327" s="6" t="s">
        <v>51</v>
      </c>
    </row>
    <row r="11328" spans="1:12">
      <c r="A11328" s="6" t="s">
        <v>49</v>
      </c>
      <c r="B11328" s="6"/>
      <c r="C11328" s="6" t="s">
        <v>11352</v>
      </c>
      <c r="D11328" s="6"/>
      <c r="E11328" s="6" t="s">
        <v>9</v>
      </c>
      <c r="F11328" s="7">
        <v>38657</v>
      </c>
      <c r="G11328" s="8">
        <v>1</v>
      </c>
      <c r="H11328" s="8">
        <v>1</v>
      </c>
      <c r="I11328" s="8">
        <v>0</v>
      </c>
      <c r="J11328" s="8">
        <v>1</v>
      </c>
      <c r="K11328" s="9">
        <v>197</v>
      </c>
      <c r="L11328" s="6" t="s">
        <v>51</v>
      </c>
    </row>
    <row r="11329" spans="1:12">
      <c r="A11329" s="6" t="s">
        <v>49</v>
      </c>
      <c r="B11329" s="6"/>
      <c r="C11329" s="6" t="s">
        <v>11353</v>
      </c>
      <c r="D11329" s="6"/>
      <c r="E11329" s="6" t="s">
        <v>9</v>
      </c>
      <c r="F11329" s="7">
        <v>38657</v>
      </c>
      <c r="G11329" s="8">
        <v>1</v>
      </c>
      <c r="H11329" s="8">
        <v>1</v>
      </c>
      <c r="I11329" s="8">
        <v>0</v>
      </c>
      <c r="J11329" s="8">
        <v>1</v>
      </c>
      <c r="K11329" s="9">
        <v>82</v>
      </c>
      <c r="L11329" s="6" t="s">
        <v>51</v>
      </c>
    </row>
    <row r="11330" spans="1:12">
      <c r="A11330" s="6" t="s">
        <v>49</v>
      </c>
      <c r="B11330" s="6"/>
      <c r="C11330" s="6" t="s">
        <v>11354</v>
      </c>
      <c r="D11330" s="6"/>
      <c r="E11330" s="6" t="s">
        <v>9</v>
      </c>
      <c r="F11330" s="7">
        <v>38657</v>
      </c>
      <c r="G11330" s="8">
        <v>1</v>
      </c>
      <c r="H11330" s="8">
        <v>1</v>
      </c>
      <c r="I11330" s="8">
        <v>0</v>
      </c>
      <c r="J11330" s="8">
        <v>1</v>
      </c>
      <c r="K11330" s="9">
        <v>135</v>
      </c>
      <c r="L11330" s="6" t="s">
        <v>51</v>
      </c>
    </row>
    <row r="11331" spans="1:12">
      <c r="A11331" s="6" t="s">
        <v>49</v>
      </c>
      <c r="B11331" s="6"/>
      <c r="C11331" s="6" t="s">
        <v>11355</v>
      </c>
      <c r="D11331" s="6"/>
      <c r="E11331" s="6" t="s">
        <v>9</v>
      </c>
      <c r="F11331" s="7">
        <v>38657</v>
      </c>
      <c r="G11331" s="8">
        <v>1</v>
      </c>
      <c r="H11331" s="8">
        <v>1</v>
      </c>
      <c r="I11331" s="8">
        <v>0</v>
      </c>
      <c r="J11331" s="8">
        <v>1</v>
      </c>
      <c r="K11331" s="9">
        <v>64</v>
      </c>
      <c r="L11331" s="6" t="s">
        <v>51</v>
      </c>
    </row>
    <row r="11332" spans="1:12">
      <c r="A11332" s="6" t="s">
        <v>49</v>
      </c>
      <c r="B11332" s="6"/>
      <c r="C11332" s="6" t="s">
        <v>11356</v>
      </c>
      <c r="D11332" s="6"/>
      <c r="E11332" s="6" t="s">
        <v>9</v>
      </c>
      <c r="F11332" s="7">
        <v>38657</v>
      </c>
      <c r="G11332" s="8">
        <v>1</v>
      </c>
      <c r="H11332" s="8">
        <v>1</v>
      </c>
      <c r="I11332" s="8">
        <v>0</v>
      </c>
      <c r="J11332" s="8">
        <v>1</v>
      </c>
      <c r="K11332" s="9">
        <v>28.67</v>
      </c>
      <c r="L11332" s="6" t="s">
        <v>51</v>
      </c>
    </row>
    <row r="11333" spans="1:12">
      <c r="A11333" s="6" t="s">
        <v>49</v>
      </c>
      <c r="B11333" s="6"/>
      <c r="C11333" s="6" t="s">
        <v>11357</v>
      </c>
      <c r="D11333" s="6"/>
      <c r="E11333" s="6" t="s">
        <v>9</v>
      </c>
      <c r="F11333" s="7">
        <v>38657</v>
      </c>
      <c r="G11333" s="8">
        <v>1</v>
      </c>
      <c r="H11333" s="8">
        <v>1</v>
      </c>
      <c r="I11333" s="8">
        <v>0</v>
      </c>
      <c r="J11333" s="8">
        <v>1</v>
      </c>
      <c r="K11333" s="9">
        <v>3.48</v>
      </c>
      <c r="L11333" s="6" t="s">
        <v>51</v>
      </c>
    </row>
    <row r="11334" spans="1:12">
      <c r="A11334" s="6" t="s">
        <v>49</v>
      </c>
      <c r="B11334" s="6"/>
      <c r="C11334" s="6" t="s">
        <v>11358</v>
      </c>
      <c r="D11334" s="6"/>
      <c r="E11334" s="6" t="s">
        <v>9</v>
      </c>
      <c r="F11334" s="7">
        <v>38657</v>
      </c>
      <c r="G11334" s="8">
        <v>1</v>
      </c>
      <c r="H11334" s="8">
        <v>1</v>
      </c>
      <c r="I11334" s="8">
        <v>0</v>
      </c>
      <c r="J11334" s="8">
        <v>1</v>
      </c>
      <c r="K11334" s="9">
        <v>3.03</v>
      </c>
      <c r="L11334" s="6" t="s">
        <v>51</v>
      </c>
    </row>
    <row r="11335" spans="1:12">
      <c r="A11335" s="6" t="s">
        <v>49</v>
      </c>
      <c r="B11335" s="6"/>
      <c r="C11335" s="6" t="s">
        <v>11359</v>
      </c>
      <c r="D11335" s="6"/>
      <c r="E11335" s="6" t="s">
        <v>9</v>
      </c>
      <c r="F11335" s="7">
        <v>38657</v>
      </c>
      <c r="G11335" s="8">
        <v>1</v>
      </c>
      <c r="H11335" s="8">
        <v>1</v>
      </c>
      <c r="I11335" s="8">
        <v>0</v>
      </c>
      <c r="J11335" s="8">
        <v>1</v>
      </c>
      <c r="K11335" s="9">
        <v>12</v>
      </c>
      <c r="L11335" s="6" t="s">
        <v>51</v>
      </c>
    </row>
    <row r="11336" spans="1:12">
      <c r="A11336" s="6" t="s">
        <v>49</v>
      </c>
      <c r="B11336" s="6"/>
      <c r="C11336" s="6" t="s">
        <v>11360</v>
      </c>
      <c r="D11336" s="6"/>
      <c r="E11336" s="6" t="s">
        <v>9</v>
      </c>
      <c r="F11336" s="7">
        <v>38657</v>
      </c>
      <c r="G11336" s="8">
        <v>1</v>
      </c>
      <c r="H11336" s="8">
        <v>1</v>
      </c>
      <c r="I11336" s="8">
        <v>0</v>
      </c>
      <c r="J11336" s="8">
        <v>1</v>
      </c>
      <c r="K11336" s="9">
        <v>8.02</v>
      </c>
      <c r="L11336" s="6" t="s">
        <v>51</v>
      </c>
    </row>
    <row r="11337" spans="1:12">
      <c r="A11337" s="6" t="s">
        <v>49</v>
      </c>
      <c r="B11337" s="6"/>
      <c r="C11337" s="6" t="s">
        <v>11361</v>
      </c>
      <c r="D11337" s="6"/>
      <c r="E11337" s="6" t="s">
        <v>9</v>
      </c>
      <c r="F11337" s="7">
        <v>38657</v>
      </c>
      <c r="G11337" s="8">
        <v>1</v>
      </c>
      <c r="H11337" s="8">
        <v>1</v>
      </c>
      <c r="I11337" s="8">
        <v>0</v>
      </c>
      <c r="J11337" s="8">
        <v>1</v>
      </c>
      <c r="K11337" s="9">
        <v>10</v>
      </c>
      <c r="L11337" s="6" t="s">
        <v>51</v>
      </c>
    </row>
    <row r="11338" spans="1:12">
      <c r="A11338" s="6" t="s">
        <v>49</v>
      </c>
      <c r="B11338" s="6"/>
      <c r="C11338" s="6" t="s">
        <v>11362</v>
      </c>
      <c r="D11338" s="6"/>
      <c r="E11338" s="6" t="s">
        <v>9</v>
      </c>
      <c r="F11338" s="7">
        <v>38657</v>
      </c>
      <c r="G11338" s="8">
        <v>1</v>
      </c>
      <c r="H11338" s="8">
        <v>1</v>
      </c>
      <c r="I11338" s="8">
        <v>0</v>
      </c>
      <c r="J11338" s="8">
        <v>1</v>
      </c>
      <c r="K11338" s="9">
        <v>72</v>
      </c>
      <c r="L11338" s="6" t="s">
        <v>51</v>
      </c>
    </row>
    <row r="11339" spans="1:12">
      <c r="A11339" s="6" t="s">
        <v>49</v>
      </c>
      <c r="B11339" s="6"/>
      <c r="C11339" s="6" t="s">
        <v>11363</v>
      </c>
      <c r="D11339" s="6"/>
      <c r="E11339" s="6" t="s">
        <v>9</v>
      </c>
      <c r="F11339" s="7">
        <v>38657</v>
      </c>
      <c r="G11339" s="8">
        <v>1</v>
      </c>
      <c r="H11339" s="8">
        <v>1</v>
      </c>
      <c r="I11339" s="8">
        <v>0</v>
      </c>
      <c r="J11339" s="8">
        <v>1</v>
      </c>
      <c r="K11339" s="9">
        <v>36</v>
      </c>
      <c r="L11339" s="6" t="s">
        <v>51</v>
      </c>
    </row>
    <row r="11340" spans="1:12">
      <c r="A11340" s="6" t="s">
        <v>49</v>
      </c>
      <c r="B11340" s="6"/>
      <c r="C11340" s="6" t="s">
        <v>11364</v>
      </c>
      <c r="D11340" s="6"/>
      <c r="E11340" s="6" t="s">
        <v>9</v>
      </c>
      <c r="F11340" s="7">
        <v>38657</v>
      </c>
      <c r="G11340" s="8">
        <v>1</v>
      </c>
      <c r="H11340" s="8">
        <v>1</v>
      </c>
      <c r="I11340" s="8">
        <v>0</v>
      </c>
      <c r="J11340" s="8">
        <v>1</v>
      </c>
      <c r="K11340" s="9">
        <v>7.36</v>
      </c>
      <c r="L11340" s="6" t="s">
        <v>51</v>
      </c>
    </row>
    <row r="11341" spans="1:12">
      <c r="A11341" s="6" t="s">
        <v>49</v>
      </c>
      <c r="B11341" s="6"/>
      <c r="C11341" s="6" t="s">
        <v>11365</v>
      </c>
      <c r="D11341" s="6"/>
      <c r="E11341" s="6" t="s">
        <v>9</v>
      </c>
      <c r="F11341" s="7">
        <v>38657</v>
      </c>
      <c r="G11341" s="8">
        <v>1</v>
      </c>
      <c r="H11341" s="8">
        <v>1</v>
      </c>
      <c r="I11341" s="8">
        <v>0</v>
      </c>
      <c r="J11341" s="8">
        <v>1</v>
      </c>
      <c r="K11341" s="9">
        <v>119</v>
      </c>
      <c r="L11341" s="6" t="s">
        <v>51</v>
      </c>
    </row>
    <row r="11342" spans="1:12">
      <c r="A11342" s="6" t="s">
        <v>49</v>
      </c>
      <c r="B11342" s="6"/>
      <c r="C11342" s="6" t="s">
        <v>11366</v>
      </c>
      <c r="D11342" s="6"/>
      <c r="E11342" s="6" t="s">
        <v>9</v>
      </c>
      <c r="F11342" s="7">
        <v>38657</v>
      </c>
      <c r="G11342" s="8">
        <v>1</v>
      </c>
      <c r="H11342" s="8">
        <v>1</v>
      </c>
      <c r="I11342" s="8">
        <v>0</v>
      </c>
      <c r="J11342" s="8">
        <v>1</v>
      </c>
      <c r="K11342" s="9">
        <v>33</v>
      </c>
      <c r="L11342" s="6" t="s">
        <v>51</v>
      </c>
    </row>
    <row r="11343" spans="1:12">
      <c r="A11343" s="6" t="s">
        <v>49</v>
      </c>
      <c r="B11343" s="6"/>
      <c r="C11343" s="6" t="s">
        <v>11367</v>
      </c>
      <c r="D11343" s="6"/>
      <c r="E11343" s="6" t="s">
        <v>9</v>
      </c>
      <c r="F11343" s="7">
        <v>38657</v>
      </c>
      <c r="G11343" s="8">
        <v>1</v>
      </c>
      <c r="H11343" s="8">
        <v>1</v>
      </c>
      <c r="I11343" s="8">
        <v>0</v>
      </c>
      <c r="J11343" s="8">
        <v>1</v>
      </c>
      <c r="K11343" s="9">
        <v>10.85</v>
      </c>
      <c r="L11343" s="6" t="s">
        <v>51</v>
      </c>
    </row>
    <row r="11344" spans="1:12">
      <c r="A11344" s="6" t="s">
        <v>49</v>
      </c>
      <c r="B11344" s="6"/>
      <c r="C11344" s="6" t="s">
        <v>11368</v>
      </c>
      <c r="D11344" s="6"/>
      <c r="E11344" s="6" t="s">
        <v>9</v>
      </c>
      <c r="F11344" s="7">
        <v>38657</v>
      </c>
      <c r="G11344" s="8">
        <v>1</v>
      </c>
      <c r="H11344" s="8">
        <v>1</v>
      </c>
      <c r="I11344" s="8">
        <v>0</v>
      </c>
      <c r="J11344" s="8">
        <v>1</v>
      </c>
      <c r="K11344" s="9">
        <v>24</v>
      </c>
      <c r="L11344" s="6" t="s">
        <v>51</v>
      </c>
    </row>
    <row r="11345" spans="1:12">
      <c r="A11345" s="6" t="s">
        <v>49</v>
      </c>
      <c r="B11345" s="6"/>
      <c r="C11345" s="6" t="s">
        <v>11369</v>
      </c>
      <c r="D11345" s="6"/>
      <c r="E11345" s="6" t="s">
        <v>9</v>
      </c>
      <c r="F11345" s="7">
        <v>38657</v>
      </c>
      <c r="G11345" s="8">
        <v>1</v>
      </c>
      <c r="H11345" s="8">
        <v>1</v>
      </c>
      <c r="I11345" s="8">
        <v>0</v>
      </c>
      <c r="J11345" s="8">
        <v>1</v>
      </c>
      <c r="K11345" s="9">
        <v>71</v>
      </c>
      <c r="L11345" s="6" t="s">
        <v>51</v>
      </c>
    </row>
    <row r="11346" spans="1:12">
      <c r="A11346" s="6" t="s">
        <v>49</v>
      </c>
      <c r="B11346" s="6"/>
      <c r="C11346" s="6" t="s">
        <v>11370</v>
      </c>
      <c r="D11346" s="6"/>
      <c r="E11346" s="6" t="s">
        <v>9</v>
      </c>
      <c r="F11346" s="7">
        <v>38657</v>
      </c>
      <c r="G11346" s="8">
        <v>1</v>
      </c>
      <c r="H11346" s="8">
        <v>1</v>
      </c>
      <c r="I11346" s="8">
        <v>0</v>
      </c>
      <c r="J11346" s="8">
        <v>1</v>
      </c>
      <c r="K11346" s="9">
        <v>71</v>
      </c>
      <c r="L11346" s="6" t="s">
        <v>51</v>
      </c>
    </row>
    <row r="11347" spans="1:12">
      <c r="A11347" s="6" t="s">
        <v>49</v>
      </c>
      <c r="B11347" s="6"/>
      <c r="C11347" s="6" t="s">
        <v>11371</v>
      </c>
      <c r="D11347" s="6"/>
      <c r="E11347" s="6" t="s">
        <v>9</v>
      </c>
      <c r="F11347" s="7">
        <v>38657</v>
      </c>
      <c r="G11347" s="8">
        <v>1</v>
      </c>
      <c r="H11347" s="8">
        <v>1</v>
      </c>
      <c r="I11347" s="8">
        <v>0</v>
      </c>
      <c r="J11347" s="8">
        <v>1</v>
      </c>
      <c r="K11347" s="9">
        <v>70</v>
      </c>
      <c r="L11347" s="6" t="s">
        <v>51</v>
      </c>
    </row>
    <row r="11348" spans="1:12">
      <c r="A11348" s="6" t="s">
        <v>49</v>
      </c>
      <c r="B11348" s="6"/>
      <c r="C11348" s="6" t="s">
        <v>11372</v>
      </c>
      <c r="D11348" s="6"/>
      <c r="E11348" s="6" t="s">
        <v>9</v>
      </c>
      <c r="F11348" s="7">
        <v>41401</v>
      </c>
      <c r="G11348" s="8">
        <v>480200</v>
      </c>
      <c r="H11348" s="8">
        <v>480200</v>
      </c>
      <c r="I11348" s="8">
        <v>0</v>
      </c>
      <c r="J11348" s="8">
        <v>480200</v>
      </c>
      <c r="K11348" s="9">
        <v>25</v>
      </c>
      <c r="L11348" s="6" t="s">
        <v>51</v>
      </c>
    </row>
    <row r="11349" spans="1:12">
      <c r="A11349" s="6" t="s">
        <v>49</v>
      </c>
      <c r="B11349" s="6"/>
      <c r="C11349" s="6" t="s">
        <v>11373</v>
      </c>
      <c r="D11349" s="6"/>
      <c r="E11349" s="6" t="s">
        <v>9</v>
      </c>
      <c r="F11349" s="7">
        <v>41401</v>
      </c>
      <c r="G11349" s="8">
        <v>1</v>
      </c>
      <c r="H11349" s="8">
        <v>1</v>
      </c>
      <c r="I11349" s="8">
        <v>0</v>
      </c>
      <c r="J11349" s="8">
        <v>1</v>
      </c>
      <c r="K11349" s="9">
        <v>48</v>
      </c>
      <c r="L11349" s="6" t="s">
        <v>51</v>
      </c>
    </row>
    <row r="11350" spans="1:12">
      <c r="A11350" s="6" t="s">
        <v>49</v>
      </c>
      <c r="B11350" s="6"/>
      <c r="C11350" s="6" t="s">
        <v>11374</v>
      </c>
      <c r="D11350" s="6"/>
      <c r="E11350" s="6" t="s">
        <v>9</v>
      </c>
      <c r="F11350" s="7">
        <v>41401</v>
      </c>
      <c r="G11350" s="8">
        <v>1</v>
      </c>
      <c r="H11350" s="8">
        <v>1</v>
      </c>
      <c r="I11350" s="8">
        <v>0</v>
      </c>
      <c r="J11350" s="8">
        <v>1</v>
      </c>
      <c r="K11350" s="9">
        <v>31</v>
      </c>
      <c r="L11350" s="6" t="s">
        <v>51</v>
      </c>
    </row>
    <row r="11351" spans="1:12">
      <c r="A11351" s="6" t="s">
        <v>49</v>
      </c>
      <c r="B11351" s="6"/>
      <c r="C11351" s="6" t="s">
        <v>11375</v>
      </c>
      <c r="D11351" s="6"/>
      <c r="E11351" s="6" t="s">
        <v>9</v>
      </c>
      <c r="F11351" s="7">
        <v>38657</v>
      </c>
      <c r="G11351" s="8">
        <v>1</v>
      </c>
      <c r="H11351" s="8">
        <v>1</v>
      </c>
      <c r="I11351" s="8">
        <v>0</v>
      </c>
      <c r="J11351" s="8">
        <v>1</v>
      </c>
      <c r="K11351" s="9">
        <v>7.95</v>
      </c>
      <c r="L11351" s="6" t="s">
        <v>51</v>
      </c>
    </row>
    <row r="11352" spans="1:12">
      <c r="A11352" s="6" t="s">
        <v>49</v>
      </c>
      <c r="B11352" s="6"/>
      <c r="C11352" s="6" t="s">
        <v>11376</v>
      </c>
      <c r="D11352" s="6"/>
      <c r="E11352" s="6" t="s">
        <v>9</v>
      </c>
      <c r="F11352" s="7">
        <v>38657</v>
      </c>
      <c r="G11352" s="8">
        <v>1</v>
      </c>
      <c r="H11352" s="8">
        <v>1</v>
      </c>
      <c r="I11352" s="8">
        <v>0</v>
      </c>
      <c r="J11352" s="8">
        <v>1</v>
      </c>
      <c r="K11352" s="9">
        <v>175</v>
      </c>
      <c r="L11352" s="6" t="s">
        <v>51</v>
      </c>
    </row>
    <row r="11353" spans="1:12">
      <c r="A11353" s="6" t="s">
        <v>49</v>
      </c>
      <c r="B11353" s="6"/>
      <c r="C11353" s="6" t="s">
        <v>11377</v>
      </c>
      <c r="D11353" s="6"/>
      <c r="E11353" s="6" t="s">
        <v>9</v>
      </c>
      <c r="F11353" s="7">
        <v>38657</v>
      </c>
      <c r="G11353" s="8">
        <v>1</v>
      </c>
      <c r="H11353" s="8">
        <v>1</v>
      </c>
      <c r="I11353" s="8">
        <v>0</v>
      </c>
      <c r="J11353" s="8">
        <v>1</v>
      </c>
      <c r="K11353" s="9">
        <v>72</v>
      </c>
      <c r="L11353" s="6" t="s">
        <v>51</v>
      </c>
    </row>
    <row r="11354" spans="1:12">
      <c r="A11354" s="6" t="s">
        <v>49</v>
      </c>
      <c r="B11354" s="6"/>
      <c r="C11354" s="6" t="s">
        <v>11378</v>
      </c>
      <c r="D11354" s="6"/>
      <c r="E11354" s="6" t="s">
        <v>9</v>
      </c>
      <c r="F11354" s="7">
        <v>38657</v>
      </c>
      <c r="G11354" s="8">
        <v>1</v>
      </c>
      <c r="H11354" s="8">
        <v>1</v>
      </c>
      <c r="I11354" s="8">
        <v>0</v>
      </c>
      <c r="J11354" s="8">
        <v>1</v>
      </c>
      <c r="K11354" s="9">
        <v>33.81</v>
      </c>
      <c r="L11354" s="6" t="s">
        <v>51</v>
      </c>
    </row>
    <row r="11355" spans="1:12">
      <c r="A11355" s="6" t="s">
        <v>49</v>
      </c>
      <c r="B11355" s="6"/>
      <c r="C11355" s="6" t="s">
        <v>11379</v>
      </c>
      <c r="D11355" s="6"/>
      <c r="E11355" s="6" t="s">
        <v>9</v>
      </c>
      <c r="F11355" s="7">
        <v>38657</v>
      </c>
      <c r="G11355" s="8">
        <v>1</v>
      </c>
      <c r="H11355" s="8">
        <v>1</v>
      </c>
      <c r="I11355" s="8">
        <v>0</v>
      </c>
      <c r="J11355" s="8">
        <v>1</v>
      </c>
      <c r="K11355" s="9">
        <v>14</v>
      </c>
      <c r="L11355" s="6" t="s">
        <v>51</v>
      </c>
    </row>
    <row r="11356" spans="1:12">
      <c r="A11356" s="6" t="s">
        <v>49</v>
      </c>
      <c r="B11356" s="6"/>
      <c r="C11356" s="6" t="s">
        <v>11380</v>
      </c>
      <c r="D11356" s="6"/>
      <c r="E11356" s="6" t="s">
        <v>9</v>
      </c>
      <c r="F11356" s="7">
        <v>38657</v>
      </c>
      <c r="G11356" s="8">
        <v>1</v>
      </c>
      <c r="H11356" s="8">
        <v>1</v>
      </c>
      <c r="I11356" s="8">
        <v>0</v>
      </c>
      <c r="J11356" s="8">
        <v>1</v>
      </c>
      <c r="K11356" s="9">
        <v>47.45</v>
      </c>
      <c r="L11356" s="6" t="s">
        <v>51</v>
      </c>
    </row>
    <row r="11357" spans="1:12">
      <c r="A11357" s="6" t="s">
        <v>49</v>
      </c>
      <c r="B11357" s="6"/>
      <c r="C11357" s="6" t="s">
        <v>11381</v>
      </c>
      <c r="D11357" s="6"/>
      <c r="E11357" s="6" t="s">
        <v>9</v>
      </c>
      <c r="F11357" s="7">
        <v>38657</v>
      </c>
      <c r="G11357" s="8">
        <v>1</v>
      </c>
      <c r="H11357" s="8">
        <v>1</v>
      </c>
      <c r="I11357" s="8">
        <v>0</v>
      </c>
      <c r="J11357" s="8">
        <v>1</v>
      </c>
      <c r="K11357" s="9">
        <v>32</v>
      </c>
      <c r="L11357" s="6" t="s">
        <v>51</v>
      </c>
    </row>
    <row r="11358" spans="1:12">
      <c r="A11358" s="6" t="s">
        <v>49</v>
      </c>
      <c r="B11358" s="6"/>
      <c r="C11358" s="6" t="s">
        <v>11382</v>
      </c>
      <c r="D11358" s="6"/>
      <c r="E11358" s="6" t="s">
        <v>9</v>
      </c>
      <c r="F11358" s="7">
        <v>38657</v>
      </c>
      <c r="G11358" s="8">
        <v>1</v>
      </c>
      <c r="H11358" s="8">
        <v>1</v>
      </c>
      <c r="I11358" s="8">
        <v>0</v>
      </c>
      <c r="J11358" s="8">
        <v>1</v>
      </c>
      <c r="K11358" s="9">
        <v>27</v>
      </c>
      <c r="L11358" s="6" t="s">
        <v>51</v>
      </c>
    </row>
    <row r="11359" spans="1:12">
      <c r="A11359" s="6" t="s">
        <v>49</v>
      </c>
      <c r="B11359" s="6"/>
      <c r="C11359" s="6" t="s">
        <v>11383</v>
      </c>
      <c r="D11359" s="6"/>
      <c r="E11359" s="6" t="s">
        <v>9</v>
      </c>
      <c r="F11359" s="7">
        <v>38657</v>
      </c>
      <c r="G11359" s="8">
        <v>1</v>
      </c>
      <c r="H11359" s="8">
        <v>1</v>
      </c>
      <c r="I11359" s="8">
        <v>0</v>
      </c>
      <c r="J11359" s="8">
        <v>1</v>
      </c>
      <c r="K11359" s="9">
        <v>2.87</v>
      </c>
      <c r="L11359" s="6" t="s">
        <v>51</v>
      </c>
    </row>
    <row r="11360" spans="1:12">
      <c r="A11360" s="6" t="s">
        <v>49</v>
      </c>
      <c r="B11360" s="6"/>
      <c r="C11360" s="6" t="s">
        <v>11384</v>
      </c>
      <c r="D11360" s="6"/>
      <c r="E11360" s="6" t="s">
        <v>9</v>
      </c>
      <c r="F11360" s="7">
        <v>38657</v>
      </c>
      <c r="G11360" s="8">
        <v>1</v>
      </c>
      <c r="H11360" s="8">
        <v>1</v>
      </c>
      <c r="I11360" s="8">
        <v>0</v>
      </c>
      <c r="J11360" s="8">
        <v>1</v>
      </c>
      <c r="K11360" s="9">
        <v>2.37</v>
      </c>
      <c r="L11360" s="6" t="s">
        <v>51</v>
      </c>
    </row>
    <row r="11361" spans="1:12">
      <c r="A11361" s="6" t="s">
        <v>49</v>
      </c>
      <c r="B11361" s="6"/>
      <c r="C11361" s="6" t="s">
        <v>11385</v>
      </c>
      <c r="D11361" s="6"/>
      <c r="E11361" s="6" t="s">
        <v>9</v>
      </c>
      <c r="F11361" s="7">
        <v>38657</v>
      </c>
      <c r="G11361" s="8">
        <v>1</v>
      </c>
      <c r="H11361" s="8">
        <v>1</v>
      </c>
      <c r="I11361" s="8">
        <v>0</v>
      </c>
      <c r="J11361" s="8">
        <v>1</v>
      </c>
      <c r="K11361" s="9">
        <v>6.05</v>
      </c>
      <c r="L11361" s="6" t="s">
        <v>51</v>
      </c>
    </row>
    <row r="11362" spans="1:12">
      <c r="A11362" s="6" t="s">
        <v>49</v>
      </c>
      <c r="B11362" s="6"/>
      <c r="C11362" s="6" t="s">
        <v>11386</v>
      </c>
      <c r="D11362" s="6"/>
      <c r="E11362" s="6" t="s">
        <v>9</v>
      </c>
      <c r="F11362" s="7">
        <v>38657</v>
      </c>
      <c r="G11362" s="8">
        <v>1</v>
      </c>
      <c r="H11362" s="8">
        <v>1</v>
      </c>
      <c r="I11362" s="8">
        <v>0</v>
      </c>
      <c r="J11362" s="8">
        <v>1</v>
      </c>
      <c r="K11362" s="9">
        <v>38</v>
      </c>
      <c r="L11362" s="6" t="s">
        <v>51</v>
      </c>
    </row>
    <row r="11363" spans="1:12">
      <c r="A11363" s="6" t="s">
        <v>49</v>
      </c>
      <c r="B11363" s="6"/>
      <c r="C11363" s="6" t="s">
        <v>11387</v>
      </c>
      <c r="D11363" s="6"/>
      <c r="E11363" s="6" t="s">
        <v>9</v>
      </c>
      <c r="F11363" s="7">
        <v>38657</v>
      </c>
      <c r="G11363" s="8">
        <v>1</v>
      </c>
      <c r="H11363" s="8">
        <v>1</v>
      </c>
      <c r="I11363" s="8">
        <v>0</v>
      </c>
      <c r="J11363" s="8">
        <v>1</v>
      </c>
      <c r="K11363" s="9">
        <v>3.52</v>
      </c>
      <c r="L11363" s="6" t="s">
        <v>51</v>
      </c>
    </row>
    <row r="11364" spans="1:12">
      <c r="A11364" s="6" t="s">
        <v>49</v>
      </c>
      <c r="B11364" s="6"/>
      <c r="C11364" s="6" t="s">
        <v>11388</v>
      </c>
      <c r="D11364" s="6"/>
      <c r="E11364" s="6" t="s">
        <v>9</v>
      </c>
      <c r="F11364" s="7">
        <v>38657</v>
      </c>
      <c r="G11364" s="8">
        <v>1</v>
      </c>
      <c r="H11364" s="8">
        <v>1</v>
      </c>
      <c r="I11364" s="8">
        <v>0</v>
      </c>
      <c r="J11364" s="8">
        <v>1</v>
      </c>
      <c r="K11364" s="9">
        <v>15</v>
      </c>
      <c r="L11364" s="6" t="s">
        <v>51</v>
      </c>
    </row>
    <row r="11365" spans="1:12">
      <c r="A11365" s="6" t="s">
        <v>49</v>
      </c>
      <c r="B11365" s="6"/>
      <c r="C11365" s="6" t="s">
        <v>11389</v>
      </c>
      <c r="D11365" s="6"/>
      <c r="E11365" s="6" t="s">
        <v>9</v>
      </c>
      <c r="F11365" s="7">
        <v>38657</v>
      </c>
      <c r="G11365" s="8">
        <v>1</v>
      </c>
      <c r="H11365" s="8">
        <v>1</v>
      </c>
      <c r="I11365" s="8">
        <v>0</v>
      </c>
      <c r="J11365" s="8">
        <v>1</v>
      </c>
      <c r="K11365" s="9">
        <v>45</v>
      </c>
      <c r="L11365" s="6" t="s">
        <v>51</v>
      </c>
    </row>
    <row r="11366" spans="1:12">
      <c r="A11366" s="6" t="s">
        <v>49</v>
      </c>
      <c r="B11366" s="6"/>
      <c r="C11366" s="6" t="s">
        <v>11390</v>
      </c>
      <c r="D11366" s="6"/>
      <c r="E11366" s="6" t="s">
        <v>9</v>
      </c>
      <c r="F11366" s="7">
        <v>38657</v>
      </c>
      <c r="G11366" s="8">
        <v>1</v>
      </c>
      <c r="H11366" s="8">
        <v>1</v>
      </c>
      <c r="I11366" s="8">
        <v>0</v>
      </c>
      <c r="J11366" s="8">
        <v>1</v>
      </c>
      <c r="K11366" s="9">
        <v>6.74</v>
      </c>
      <c r="L11366" s="6" t="s">
        <v>51</v>
      </c>
    </row>
    <row r="11367" spans="1:12">
      <c r="A11367" s="6" t="s">
        <v>49</v>
      </c>
      <c r="B11367" s="6"/>
      <c r="C11367" s="6" t="s">
        <v>11391</v>
      </c>
      <c r="D11367" s="6"/>
      <c r="E11367" s="6" t="s">
        <v>9</v>
      </c>
      <c r="F11367" s="7">
        <v>38657</v>
      </c>
      <c r="G11367" s="8">
        <v>1</v>
      </c>
      <c r="H11367" s="8">
        <v>1</v>
      </c>
      <c r="I11367" s="8">
        <v>0</v>
      </c>
      <c r="J11367" s="8">
        <v>1</v>
      </c>
      <c r="K11367" s="9">
        <v>0.62</v>
      </c>
      <c r="L11367" s="6" t="s">
        <v>51</v>
      </c>
    </row>
    <row r="11368" spans="1:12">
      <c r="A11368" s="6" t="s">
        <v>49</v>
      </c>
      <c r="B11368" s="6"/>
      <c r="C11368" s="6" t="s">
        <v>11392</v>
      </c>
      <c r="D11368" s="6"/>
      <c r="E11368" s="6" t="s">
        <v>9</v>
      </c>
      <c r="F11368" s="7">
        <v>38657</v>
      </c>
      <c r="G11368" s="8">
        <v>1</v>
      </c>
      <c r="H11368" s="8">
        <v>1</v>
      </c>
      <c r="I11368" s="8">
        <v>0</v>
      </c>
      <c r="J11368" s="8">
        <v>1</v>
      </c>
      <c r="K11368" s="9">
        <v>27</v>
      </c>
      <c r="L11368" s="6" t="s">
        <v>51</v>
      </c>
    </row>
    <row r="11369" spans="1:12">
      <c r="A11369" s="6" t="s">
        <v>49</v>
      </c>
      <c r="B11369" s="6"/>
      <c r="C11369" s="6" t="s">
        <v>11393</v>
      </c>
      <c r="D11369" s="6"/>
      <c r="E11369" s="6" t="s">
        <v>9</v>
      </c>
      <c r="F11369" s="7">
        <v>38657</v>
      </c>
      <c r="G11369" s="8">
        <v>1</v>
      </c>
      <c r="H11369" s="8">
        <v>1</v>
      </c>
      <c r="I11369" s="8">
        <v>0</v>
      </c>
      <c r="J11369" s="8">
        <v>1</v>
      </c>
      <c r="K11369" s="9">
        <v>4.12</v>
      </c>
      <c r="L11369" s="6" t="s">
        <v>51</v>
      </c>
    </row>
    <row r="11370" spans="1:12">
      <c r="A11370" s="6" t="s">
        <v>49</v>
      </c>
      <c r="B11370" s="6"/>
      <c r="C11370" s="6" t="s">
        <v>11394</v>
      </c>
      <c r="D11370" s="6"/>
      <c r="E11370" s="6" t="s">
        <v>9</v>
      </c>
      <c r="F11370" s="7">
        <v>38657</v>
      </c>
      <c r="G11370" s="8">
        <v>1</v>
      </c>
      <c r="H11370" s="8">
        <v>1</v>
      </c>
      <c r="I11370" s="8">
        <v>0</v>
      </c>
      <c r="J11370" s="8">
        <v>1</v>
      </c>
      <c r="K11370" s="9">
        <v>24</v>
      </c>
      <c r="L11370" s="6" t="s">
        <v>51</v>
      </c>
    </row>
    <row r="11371" spans="1:12">
      <c r="A11371" s="6" t="s">
        <v>49</v>
      </c>
      <c r="B11371" s="6"/>
      <c r="C11371" s="6" t="s">
        <v>11395</v>
      </c>
      <c r="D11371" s="6"/>
      <c r="E11371" s="6" t="s">
        <v>9</v>
      </c>
      <c r="F11371" s="7">
        <v>38657</v>
      </c>
      <c r="G11371" s="8">
        <v>1</v>
      </c>
      <c r="H11371" s="8">
        <v>1</v>
      </c>
      <c r="I11371" s="8">
        <v>0</v>
      </c>
      <c r="J11371" s="8">
        <v>1</v>
      </c>
      <c r="K11371" s="9">
        <v>0.95</v>
      </c>
      <c r="L11371" s="6" t="s">
        <v>51</v>
      </c>
    </row>
    <row r="11372" spans="1:12">
      <c r="A11372" s="6" t="s">
        <v>49</v>
      </c>
      <c r="B11372" s="6"/>
      <c r="C11372" s="6" t="s">
        <v>11396</v>
      </c>
      <c r="D11372" s="6"/>
      <c r="E11372" s="6" t="s">
        <v>9</v>
      </c>
      <c r="F11372" s="7">
        <v>38657</v>
      </c>
      <c r="G11372" s="8">
        <v>1</v>
      </c>
      <c r="H11372" s="8">
        <v>1</v>
      </c>
      <c r="I11372" s="8">
        <v>0</v>
      </c>
      <c r="J11372" s="8">
        <v>1</v>
      </c>
      <c r="K11372" s="9">
        <v>4.51</v>
      </c>
      <c r="L11372" s="6" t="s">
        <v>51</v>
      </c>
    </row>
    <row r="11373" spans="1:12">
      <c r="A11373" s="6" t="s">
        <v>49</v>
      </c>
      <c r="B11373" s="6"/>
      <c r="C11373" s="6" t="s">
        <v>11397</v>
      </c>
      <c r="D11373" s="6"/>
      <c r="E11373" s="6" t="s">
        <v>9</v>
      </c>
      <c r="F11373" s="7">
        <v>38657</v>
      </c>
      <c r="G11373" s="8">
        <v>1</v>
      </c>
      <c r="H11373" s="8">
        <v>1</v>
      </c>
      <c r="I11373" s="8">
        <v>0</v>
      </c>
      <c r="J11373" s="8">
        <v>1</v>
      </c>
      <c r="K11373" s="9">
        <v>63</v>
      </c>
      <c r="L11373" s="6" t="s">
        <v>51</v>
      </c>
    </row>
    <row r="11374" spans="1:12">
      <c r="A11374" s="6" t="s">
        <v>49</v>
      </c>
      <c r="B11374" s="6"/>
      <c r="C11374" s="6" t="s">
        <v>11398</v>
      </c>
      <c r="D11374" s="6"/>
      <c r="E11374" s="6" t="s">
        <v>9</v>
      </c>
      <c r="F11374" s="7">
        <v>38657</v>
      </c>
      <c r="G11374" s="8">
        <v>1</v>
      </c>
      <c r="H11374" s="8">
        <v>1</v>
      </c>
      <c r="I11374" s="8">
        <v>0</v>
      </c>
      <c r="J11374" s="8">
        <v>1</v>
      </c>
      <c r="K11374" s="9">
        <v>6.93</v>
      </c>
      <c r="L11374" s="6" t="s">
        <v>51</v>
      </c>
    </row>
    <row r="11375" spans="1:12">
      <c r="A11375" s="6" t="s">
        <v>49</v>
      </c>
      <c r="B11375" s="6"/>
      <c r="C11375" s="6" t="s">
        <v>11399</v>
      </c>
      <c r="D11375" s="6"/>
      <c r="E11375" s="6" t="s">
        <v>9</v>
      </c>
      <c r="F11375" s="7">
        <v>38657</v>
      </c>
      <c r="G11375" s="8">
        <v>1</v>
      </c>
      <c r="H11375" s="8">
        <v>1</v>
      </c>
      <c r="I11375" s="8">
        <v>0</v>
      </c>
      <c r="J11375" s="8">
        <v>1</v>
      </c>
      <c r="K11375" s="9">
        <v>122</v>
      </c>
      <c r="L11375" s="6" t="s">
        <v>51</v>
      </c>
    </row>
    <row r="11376" spans="1:12">
      <c r="A11376" s="6" t="s">
        <v>49</v>
      </c>
      <c r="B11376" s="6"/>
      <c r="C11376" s="6" t="s">
        <v>11400</v>
      </c>
      <c r="D11376" s="6"/>
      <c r="E11376" s="6" t="s">
        <v>9</v>
      </c>
      <c r="F11376" s="7">
        <v>38657</v>
      </c>
      <c r="G11376" s="8">
        <v>1</v>
      </c>
      <c r="H11376" s="8">
        <v>1</v>
      </c>
      <c r="I11376" s="8">
        <v>0</v>
      </c>
      <c r="J11376" s="8">
        <v>1</v>
      </c>
      <c r="K11376" s="9">
        <v>38.380000000000003</v>
      </c>
      <c r="L11376" s="6" t="s">
        <v>51</v>
      </c>
    </row>
    <row r="11377" spans="1:12">
      <c r="A11377" s="6" t="s">
        <v>49</v>
      </c>
      <c r="B11377" s="6"/>
      <c r="C11377" s="6" t="s">
        <v>11401</v>
      </c>
      <c r="D11377" s="6"/>
      <c r="E11377" s="6" t="s">
        <v>9</v>
      </c>
      <c r="F11377" s="7">
        <v>38657</v>
      </c>
      <c r="G11377" s="8">
        <v>1</v>
      </c>
      <c r="H11377" s="8">
        <v>1</v>
      </c>
      <c r="I11377" s="8">
        <v>0</v>
      </c>
      <c r="J11377" s="8">
        <v>1</v>
      </c>
      <c r="K11377" s="9">
        <v>21.31</v>
      </c>
      <c r="L11377" s="6" t="s">
        <v>51</v>
      </c>
    </row>
    <row r="11378" spans="1:12">
      <c r="A11378" s="6" t="s">
        <v>49</v>
      </c>
      <c r="B11378" s="6"/>
      <c r="C11378" s="6" t="s">
        <v>11402</v>
      </c>
      <c r="D11378" s="6"/>
      <c r="E11378" s="6" t="s">
        <v>9</v>
      </c>
      <c r="F11378" s="7">
        <v>38657</v>
      </c>
      <c r="G11378" s="8">
        <v>1</v>
      </c>
      <c r="H11378" s="8">
        <v>1</v>
      </c>
      <c r="I11378" s="8">
        <v>0</v>
      </c>
      <c r="J11378" s="8">
        <v>1</v>
      </c>
      <c r="K11378" s="9">
        <v>148</v>
      </c>
      <c r="L11378" s="6" t="s">
        <v>51</v>
      </c>
    </row>
    <row r="11379" spans="1:12">
      <c r="A11379" s="6" t="s">
        <v>49</v>
      </c>
      <c r="B11379" s="6"/>
      <c r="C11379" s="6" t="s">
        <v>11403</v>
      </c>
      <c r="D11379" s="6"/>
      <c r="E11379" s="6" t="s">
        <v>9</v>
      </c>
      <c r="F11379" s="7">
        <v>38657</v>
      </c>
      <c r="G11379" s="8">
        <v>1</v>
      </c>
      <c r="H11379" s="8">
        <v>1</v>
      </c>
      <c r="I11379" s="8">
        <v>0</v>
      </c>
      <c r="J11379" s="8">
        <v>1</v>
      </c>
      <c r="K11379" s="9">
        <v>52</v>
      </c>
      <c r="L11379" s="6" t="s">
        <v>51</v>
      </c>
    </row>
    <row r="11380" spans="1:12">
      <c r="A11380" s="6" t="s">
        <v>49</v>
      </c>
      <c r="B11380" s="6"/>
      <c r="C11380" s="6" t="s">
        <v>11404</v>
      </c>
      <c r="D11380" s="6"/>
      <c r="E11380" s="6" t="s">
        <v>9</v>
      </c>
      <c r="F11380" s="7">
        <v>38657</v>
      </c>
      <c r="G11380" s="8">
        <v>1</v>
      </c>
      <c r="H11380" s="8">
        <v>1</v>
      </c>
      <c r="I11380" s="8">
        <v>0</v>
      </c>
      <c r="J11380" s="8">
        <v>1</v>
      </c>
      <c r="K11380" s="9">
        <v>55</v>
      </c>
      <c r="L11380" s="6" t="s">
        <v>51</v>
      </c>
    </row>
    <row r="11381" spans="1:12">
      <c r="A11381" s="6" t="s">
        <v>49</v>
      </c>
      <c r="B11381" s="6"/>
      <c r="C11381" s="6" t="s">
        <v>11405</v>
      </c>
      <c r="D11381" s="6"/>
      <c r="E11381" s="6" t="s">
        <v>9</v>
      </c>
      <c r="F11381" s="7">
        <v>38657</v>
      </c>
      <c r="G11381" s="8">
        <v>1</v>
      </c>
      <c r="H11381" s="8">
        <v>1</v>
      </c>
      <c r="I11381" s="8">
        <v>0</v>
      </c>
      <c r="J11381" s="8">
        <v>1</v>
      </c>
      <c r="K11381" s="9">
        <v>99</v>
      </c>
      <c r="L11381" s="6" t="s">
        <v>51</v>
      </c>
    </row>
    <row r="11382" spans="1:12">
      <c r="A11382" s="6" t="s">
        <v>49</v>
      </c>
      <c r="B11382" s="6"/>
      <c r="C11382" s="6" t="s">
        <v>11406</v>
      </c>
      <c r="D11382" s="6"/>
      <c r="E11382" s="6" t="s">
        <v>9</v>
      </c>
      <c r="F11382" s="7">
        <v>38657</v>
      </c>
      <c r="G11382" s="8">
        <v>1</v>
      </c>
      <c r="H11382" s="8">
        <v>1</v>
      </c>
      <c r="I11382" s="8">
        <v>0</v>
      </c>
      <c r="J11382" s="8">
        <v>1</v>
      </c>
      <c r="K11382" s="9">
        <v>43</v>
      </c>
      <c r="L11382" s="6" t="s">
        <v>51</v>
      </c>
    </row>
    <row r="11383" spans="1:12">
      <c r="A11383" s="6" t="s">
        <v>49</v>
      </c>
      <c r="B11383" s="6"/>
      <c r="C11383" s="6" t="s">
        <v>11407</v>
      </c>
      <c r="D11383" s="6"/>
      <c r="E11383" s="6" t="s">
        <v>9</v>
      </c>
      <c r="F11383" s="7">
        <v>38657</v>
      </c>
      <c r="G11383" s="8">
        <v>1</v>
      </c>
      <c r="H11383" s="8">
        <v>1</v>
      </c>
      <c r="I11383" s="8">
        <v>0</v>
      </c>
      <c r="J11383" s="8">
        <v>1</v>
      </c>
      <c r="K11383" s="9">
        <v>46.21</v>
      </c>
      <c r="L11383" s="6" t="s">
        <v>51</v>
      </c>
    </row>
    <row r="11384" spans="1:12">
      <c r="A11384" s="6" t="s">
        <v>49</v>
      </c>
      <c r="B11384" s="6"/>
      <c r="C11384" s="6" t="s">
        <v>11408</v>
      </c>
      <c r="D11384" s="6"/>
      <c r="E11384" s="6" t="s">
        <v>9</v>
      </c>
      <c r="F11384" s="7">
        <v>38657</v>
      </c>
      <c r="G11384" s="8">
        <v>1</v>
      </c>
      <c r="H11384" s="8">
        <v>1</v>
      </c>
      <c r="I11384" s="8">
        <v>0</v>
      </c>
      <c r="J11384" s="8">
        <v>1</v>
      </c>
      <c r="K11384" s="9">
        <v>38.18</v>
      </c>
      <c r="L11384" s="6" t="s">
        <v>51</v>
      </c>
    </row>
    <row r="11385" spans="1:12">
      <c r="A11385" s="6" t="s">
        <v>49</v>
      </c>
      <c r="B11385" s="6"/>
      <c r="C11385" s="6" t="s">
        <v>11409</v>
      </c>
      <c r="D11385" s="6"/>
      <c r="E11385" s="6" t="s">
        <v>9</v>
      </c>
      <c r="F11385" s="7">
        <v>38657</v>
      </c>
      <c r="G11385" s="8">
        <v>1</v>
      </c>
      <c r="H11385" s="8">
        <v>1</v>
      </c>
      <c r="I11385" s="8">
        <v>0</v>
      </c>
      <c r="J11385" s="8">
        <v>1</v>
      </c>
      <c r="K11385" s="9">
        <v>329</v>
      </c>
      <c r="L11385" s="6" t="s">
        <v>51</v>
      </c>
    </row>
    <row r="11386" spans="1:12">
      <c r="A11386" s="6" t="s">
        <v>49</v>
      </c>
      <c r="B11386" s="6"/>
      <c r="C11386" s="6" t="s">
        <v>11410</v>
      </c>
      <c r="D11386" s="6"/>
      <c r="E11386" s="6" t="s">
        <v>9</v>
      </c>
      <c r="F11386" s="7">
        <v>38657</v>
      </c>
      <c r="G11386" s="8">
        <v>1</v>
      </c>
      <c r="H11386" s="8">
        <v>1</v>
      </c>
      <c r="I11386" s="8">
        <v>0</v>
      </c>
      <c r="J11386" s="8">
        <v>1</v>
      </c>
      <c r="K11386" s="9">
        <v>144</v>
      </c>
      <c r="L11386" s="6" t="s">
        <v>51</v>
      </c>
    </row>
    <row r="11387" spans="1:12">
      <c r="A11387" s="6" t="s">
        <v>49</v>
      </c>
      <c r="B11387" s="6"/>
      <c r="C11387" s="6" t="s">
        <v>11411</v>
      </c>
      <c r="D11387" s="6"/>
      <c r="E11387" s="6" t="s">
        <v>9</v>
      </c>
      <c r="F11387" s="7">
        <v>38657</v>
      </c>
      <c r="G11387" s="8">
        <v>1</v>
      </c>
      <c r="H11387" s="8">
        <v>1</v>
      </c>
      <c r="I11387" s="8">
        <v>0</v>
      </c>
      <c r="J11387" s="8">
        <v>1</v>
      </c>
      <c r="K11387" s="9">
        <v>32</v>
      </c>
      <c r="L11387" s="6" t="s">
        <v>51</v>
      </c>
    </row>
    <row r="11388" spans="1:12">
      <c r="A11388" s="6" t="s">
        <v>49</v>
      </c>
      <c r="B11388" s="6"/>
      <c r="C11388" s="6" t="s">
        <v>11412</v>
      </c>
      <c r="D11388" s="6"/>
      <c r="E11388" s="6" t="s">
        <v>9</v>
      </c>
      <c r="F11388" s="7">
        <v>38657</v>
      </c>
      <c r="G11388" s="8">
        <v>1</v>
      </c>
      <c r="H11388" s="8">
        <v>1</v>
      </c>
      <c r="I11388" s="8">
        <v>0</v>
      </c>
      <c r="J11388" s="8">
        <v>1</v>
      </c>
      <c r="K11388" s="9">
        <v>6.11</v>
      </c>
      <c r="L11388" s="6" t="s">
        <v>51</v>
      </c>
    </row>
    <row r="11389" spans="1:12">
      <c r="A11389" s="6" t="s">
        <v>49</v>
      </c>
      <c r="B11389" s="6"/>
      <c r="C11389" s="6" t="s">
        <v>11413</v>
      </c>
      <c r="D11389" s="6"/>
      <c r="E11389" s="6" t="s">
        <v>9</v>
      </c>
      <c r="F11389" s="7">
        <v>38657</v>
      </c>
      <c r="G11389" s="8">
        <v>1</v>
      </c>
      <c r="H11389" s="8">
        <v>1</v>
      </c>
      <c r="I11389" s="8">
        <v>0</v>
      </c>
      <c r="J11389" s="8">
        <v>1</v>
      </c>
      <c r="K11389" s="9">
        <v>71</v>
      </c>
      <c r="L11389" s="6" t="s">
        <v>51</v>
      </c>
    </row>
    <row r="11390" spans="1:12">
      <c r="A11390" s="6" t="s">
        <v>49</v>
      </c>
      <c r="B11390" s="6"/>
      <c r="C11390" s="6" t="s">
        <v>11414</v>
      </c>
      <c r="D11390" s="6"/>
      <c r="E11390" s="6" t="s">
        <v>9</v>
      </c>
      <c r="F11390" s="7">
        <v>38657</v>
      </c>
      <c r="G11390" s="8">
        <v>1</v>
      </c>
      <c r="H11390" s="8">
        <v>1</v>
      </c>
      <c r="I11390" s="8">
        <v>0</v>
      </c>
      <c r="J11390" s="8">
        <v>1</v>
      </c>
      <c r="K11390" s="9">
        <v>12</v>
      </c>
      <c r="L11390" s="6" t="s">
        <v>51</v>
      </c>
    </row>
    <row r="11391" spans="1:12">
      <c r="A11391" s="6" t="s">
        <v>49</v>
      </c>
      <c r="B11391" s="6"/>
      <c r="C11391" s="6" t="s">
        <v>11415</v>
      </c>
      <c r="D11391" s="6"/>
      <c r="E11391" s="6" t="s">
        <v>9</v>
      </c>
      <c r="F11391" s="7">
        <v>38657</v>
      </c>
      <c r="G11391" s="8">
        <v>1</v>
      </c>
      <c r="H11391" s="8">
        <v>1</v>
      </c>
      <c r="I11391" s="8">
        <v>0</v>
      </c>
      <c r="J11391" s="8">
        <v>1</v>
      </c>
      <c r="K11391" s="9">
        <v>149</v>
      </c>
      <c r="L11391" s="6" t="s">
        <v>51</v>
      </c>
    </row>
    <row r="11392" spans="1:12">
      <c r="A11392" s="6" t="s">
        <v>49</v>
      </c>
      <c r="B11392" s="6"/>
      <c r="C11392" s="6" t="s">
        <v>11416</v>
      </c>
      <c r="D11392" s="6"/>
      <c r="E11392" s="6" t="s">
        <v>9</v>
      </c>
      <c r="F11392" s="7">
        <v>38657</v>
      </c>
      <c r="G11392" s="8">
        <v>1</v>
      </c>
      <c r="H11392" s="8">
        <v>1</v>
      </c>
      <c r="I11392" s="8">
        <v>0</v>
      </c>
      <c r="J11392" s="8">
        <v>1</v>
      </c>
      <c r="K11392" s="9">
        <v>60</v>
      </c>
      <c r="L11392" s="6" t="s">
        <v>51</v>
      </c>
    </row>
    <row r="11393" spans="1:12">
      <c r="A11393" s="6" t="s">
        <v>49</v>
      </c>
      <c r="B11393" s="6"/>
      <c r="C11393" s="6" t="s">
        <v>11417</v>
      </c>
      <c r="D11393" s="6"/>
      <c r="E11393" s="6" t="s">
        <v>9</v>
      </c>
      <c r="F11393" s="7">
        <v>38657</v>
      </c>
      <c r="G11393" s="8">
        <v>1</v>
      </c>
      <c r="H11393" s="8">
        <v>1</v>
      </c>
      <c r="I11393" s="8">
        <v>0</v>
      </c>
      <c r="J11393" s="8">
        <v>1</v>
      </c>
      <c r="K11393" s="9">
        <v>76</v>
      </c>
      <c r="L11393" s="6" t="s">
        <v>51</v>
      </c>
    </row>
    <row r="11394" spans="1:12">
      <c r="A11394" s="6" t="s">
        <v>49</v>
      </c>
      <c r="B11394" s="6"/>
      <c r="C11394" s="6" t="s">
        <v>11418</v>
      </c>
      <c r="D11394" s="6"/>
      <c r="E11394" s="6" t="s">
        <v>9</v>
      </c>
      <c r="F11394" s="7">
        <v>38657</v>
      </c>
      <c r="G11394" s="8">
        <v>1</v>
      </c>
      <c r="H11394" s="8">
        <v>1</v>
      </c>
      <c r="I11394" s="8">
        <v>0</v>
      </c>
      <c r="J11394" s="8">
        <v>1</v>
      </c>
      <c r="K11394" s="9">
        <v>13</v>
      </c>
      <c r="L11394" s="6" t="s">
        <v>51</v>
      </c>
    </row>
    <row r="11395" spans="1:12">
      <c r="A11395" s="6" t="s">
        <v>49</v>
      </c>
      <c r="B11395" s="6"/>
      <c r="C11395" s="6" t="s">
        <v>11419</v>
      </c>
      <c r="D11395" s="6"/>
      <c r="E11395" s="6" t="s">
        <v>9</v>
      </c>
      <c r="F11395" s="7">
        <v>38657</v>
      </c>
      <c r="G11395" s="8">
        <v>1</v>
      </c>
      <c r="H11395" s="8">
        <v>1</v>
      </c>
      <c r="I11395" s="8">
        <v>0</v>
      </c>
      <c r="J11395" s="8">
        <v>1</v>
      </c>
      <c r="K11395" s="9">
        <v>59</v>
      </c>
      <c r="L11395" s="6" t="s">
        <v>51</v>
      </c>
    </row>
    <row r="11396" spans="1:12">
      <c r="A11396" s="6" t="s">
        <v>49</v>
      </c>
      <c r="B11396" s="6"/>
      <c r="C11396" s="6" t="s">
        <v>11420</v>
      </c>
      <c r="D11396" s="6"/>
      <c r="E11396" s="6" t="s">
        <v>9</v>
      </c>
      <c r="F11396" s="7">
        <v>38657</v>
      </c>
      <c r="G11396" s="8">
        <v>1</v>
      </c>
      <c r="H11396" s="8">
        <v>1</v>
      </c>
      <c r="I11396" s="8">
        <v>0</v>
      </c>
      <c r="J11396" s="8">
        <v>1</v>
      </c>
      <c r="K11396" s="9">
        <v>10</v>
      </c>
      <c r="L11396" s="6" t="s">
        <v>51</v>
      </c>
    </row>
    <row r="11397" spans="1:12">
      <c r="A11397" s="6" t="s">
        <v>49</v>
      </c>
      <c r="B11397" s="6"/>
      <c r="C11397" s="6" t="s">
        <v>11421</v>
      </c>
      <c r="D11397" s="6"/>
      <c r="E11397" s="6" t="s">
        <v>9</v>
      </c>
      <c r="F11397" s="7">
        <v>38657</v>
      </c>
      <c r="G11397" s="8">
        <v>1</v>
      </c>
      <c r="H11397" s="8">
        <v>1</v>
      </c>
      <c r="I11397" s="8">
        <v>0</v>
      </c>
      <c r="J11397" s="8">
        <v>1</v>
      </c>
      <c r="K11397" s="9">
        <v>234</v>
      </c>
      <c r="L11397" s="6" t="s">
        <v>51</v>
      </c>
    </row>
    <row r="11398" spans="1:12">
      <c r="A11398" s="6" t="s">
        <v>49</v>
      </c>
      <c r="B11398" s="6"/>
      <c r="C11398" s="6" t="s">
        <v>11422</v>
      </c>
      <c r="D11398" s="6"/>
      <c r="E11398" s="6" t="s">
        <v>9</v>
      </c>
      <c r="F11398" s="7">
        <v>38657</v>
      </c>
      <c r="G11398" s="8">
        <v>1</v>
      </c>
      <c r="H11398" s="8">
        <v>1</v>
      </c>
      <c r="I11398" s="8">
        <v>0</v>
      </c>
      <c r="J11398" s="8">
        <v>1</v>
      </c>
      <c r="K11398" s="9">
        <v>44</v>
      </c>
      <c r="L11398" s="6" t="s">
        <v>51</v>
      </c>
    </row>
    <row r="11399" spans="1:12">
      <c r="A11399" s="6" t="s">
        <v>49</v>
      </c>
      <c r="B11399" s="6"/>
      <c r="C11399" s="6" t="s">
        <v>11423</v>
      </c>
      <c r="D11399" s="6"/>
      <c r="E11399" s="6" t="s">
        <v>9</v>
      </c>
      <c r="F11399" s="7">
        <v>38657</v>
      </c>
      <c r="G11399" s="8">
        <v>1</v>
      </c>
      <c r="H11399" s="8">
        <v>1</v>
      </c>
      <c r="I11399" s="8">
        <v>0</v>
      </c>
      <c r="J11399" s="8">
        <v>1</v>
      </c>
      <c r="K11399" s="9">
        <v>21.2</v>
      </c>
      <c r="L11399" s="6" t="s">
        <v>51</v>
      </c>
    </row>
    <row r="11400" spans="1:12">
      <c r="A11400" s="6" t="s">
        <v>49</v>
      </c>
      <c r="B11400" s="6"/>
      <c r="C11400" s="6" t="s">
        <v>11424</v>
      </c>
      <c r="D11400" s="6"/>
      <c r="E11400" s="6" t="s">
        <v>9</v>
      </c>
      <c r="F11400" s="7">
        <v>38657</v>
      </c>
      <c r="G11400" s="8">
        <v>1</v>
      </c>
      <c r="H11400" s="8">
        <v>1</v>
      </c>
      <c r="I11400" s="8">
        <v>0</v>
      </c>
      <c r="J11400" s="8">
        <v>1</v>
      </c>
      <c r="K11400" s="9">
        <v>74</v>
      </c>
      <c r="L11400" s="6" t="s">
        <v>51</v>
      </c>
    </row>
    <row r="11401" spans="1:12">
      <c r="A11401" s="6" t="s">
        <v>49</v>
      </c>
      <c r="B11401" s="6"/>
      <c r="C11401" s="6" t="s">
        <v>11425</v>
      </c>
      <c r="D11401" s="6"/>
      <c r="E11401" s="6" t="s">
        <v>9</v>
      </c>
      <c r="F11401" s="7">
        <v>38657</v>
      </c>
      <c r="G11401" s="8">
        <v>1</v>
      </c>
      <c r="H11401" s="8">
        <v>1</v>
      </c>
      <c r="I11401" s="8">
        <v>0</v>
      </c>
      <c r="J11401" s="8">
        <v>1</v>
      </c>
      <c r="K11401" s="9">
        <v>4.4800000000000004</v>
      </c>
      <c r="L11401" s="6" t="s">
        <v>51</v>
      </c>
    </row>
    <row r="11402" spans="1:12">
      <c r="A11402" s="6" t="s">
        <v>49</v>
      </c>
      <c r="B11402" s="6"/>
      <c r="C11402" s="6" t="s">
        <v>11426</v>
      </c>
      <c r="D11402" s="6"/>
      <c r="E11402" s="6" t="s">
        <v>9</v>
      </c>
      <c r="F11402" s="7">
        <v>38657</v>
      </c>
      <c r="G11402" s="8">
        <v>1</v>
      </c>
      <c r="H11402" s="8">
        <v>1</v>
      </c>
      <c r="I11402" s="8">
        <v>0</v>
      </c>
      <c r="J11402" s="8">
        <v>1</v>
      </c>
      <c r="K11402" s="9">
        <v>63</v>
      </c>
      <c r="L11402" s="6" t="s">
        <v>51</v>
      </c>
    </row>
    <row r="11403" spans="1:12">
      <c r="A11403" s="6" t="s">
        <v>49</v>
      </c>
      <c r="B11403" s="6"/>
      <c r="C11403" s="6" t="s">
        <v>11427</v>
      </c>
      <c r="D11403" s="6"/>
      <c r="E11403" s="6" t="s">
        <v>9</v>
      </c>
      <c r="F11403" s="7">
        <v>38657</v>
      </c>
      <c r="G11403" s="8">
        <v>1</v>
      </c>
      <c r="H11403" s="8">
        <v>1</v>
      </c>
      <c r="I11403" s="8">
        <v>0</v>
      </c>
      <c r="J11403" s="8">
        <v>1</v>
      </c>
      <c r="K11403" s="9">
        <v>28</v>
      </c>
      <c r="L11403" s="6" t="s">
        <v>51</v>
      </c>
    </row>
    <row r="11404" spans="1:12">
      <c r="A11404" s="6" t="s">
        <v>49</v>
      </c>
      <c r="B11404" s="6"/>
      <c r="C11404" s="6" t="s">
        <v>11428</v>
      </c>
      <c r="D11404" s="6"/>
      <c r="E11404" s="6" t="s">
        <v>9</v>
      </c>
      <c r="F11404" s="7">
        <v>38657</v>
      </c>
      <c r="G11404" s="8">
        <v>1</v>
      </c>
      <c r="H11404" s="8">
        <v>1</v>
      </c>
      <c r="I11404" s="8">
        <v>0</v>
      </c>
      <c r="J11404" s="8">
        <v>1</v>
      </c>
      <c r="K11404" s="9">
        <v>29</v>
      </c>
      <c r="L11404" s="6" t="s">
        <v>51</v>
      </c>
    </row>
    <row r="11405" spans="1:12">
      <c r="A11405" s="6" t="s">
        <v>49</v>
      </c>
      <c r="B11405" s="6"/>
      <c r="C11405" s="6" t="s">
        <v>11429</v>
      </c>
      <c r="D11405" s="6"/>
      <c r="E11405" s="6" t="s">
        <v>9</v>
      </c>
      <c r="F11405" s="7">
        <v>38657</v>
      </c>
      <c r="G11405" s="8">
        <v>1</v>
      </c>
      <c r="H11405" s="8">
        <v>1</v>
      </c>
      <c r="I11405" s="8">
        <v>0</v>
      </c>
      <c r="J11405" s="8">
        <v>1</v>
      </c>
      <c r="K11405" s="9">
        <v>24</v>
      </c>
      <c r="L11405" s="6" t="s">
        <v>51</v>
      </c>
    </row>
    <row r="11406" spans="1:12">
      <c r="A11406" s="6" t="s">
        <v>49</v>
      </c>
      <c r="B11406" s="6"/>
      <c r="C11406" s="6" t="s">
        <v>11430</v>
      </c>
      <c r="D11406" s="6"/>
      <c r="E11406" s="6" t="s">
        <v>9</v>
      </c>
      <c r="F11406" s="7">
        <v>38657</v>
      </c>
      <c r="G11406" s="8">
        <v>1</v>
      </c>
      <c r="H11406" s="8">
        <v>1</v>
      </c>
      <c r="I11406" s="8">
        <v>0</v>
      </c>
      <c r="J11406" s="8">
        <v>1</v>
      </c>
      <c r="K11406" s="9">
        <v>149</v>
      </c>
      <c r="L11406" s="6" t="s">
        <v>51</v>
      </c>
    </row>
    <row r="11407" spans="1:12">
      <c r="A11407" s="6" t="s">
        <v>49</v>
      </c>
      <c r="B11407" s="6"/>
      <c r="C11407" s="6" t="s">
        <v>11431</v>
      </c>
      <c r="D11407" s="6"/>
      <c r="E11407" s="6" t="s">
        <v>9</v>
      </c>
      <c r="F11407" s="7">
        <v>38657</v>
      </c>
      <c r="G11407" s="8">
        <v>1</v>
      </c>
      <c r="H11407" s="8">
        <v>1</v>
      </c>
      <c r="I11407" s="8">
        <v>0</v>
      </c>
      <c r="J11407" s="8">
        <v>1</v>
      </c>
      <c r="K11407" s="9">
        <v>74</v>
      </c>
      <c r="L11407" s="6" t="s">
        <v>51</v>
      </c>
    </row>
    <row r="11408" spans="1:12">
      <c r="A11408" s="6" t="s">
        <v>49</v>
      </c>
      <c r="B11408" s="6"/>
      <c r="C11408" s="6" t="s">
        <v>11432</v>
      </c>
      <c r="D11408" s="6"/>
      <c r="E11408" s="6" t="s">
        <v>9</v>
      </c>
      <c r="F11408" s="7">
        <v>38657</v>
      </c>
      <c r="G11408" s="8">
        <v>1</v>
      </c>
      <c r="H11408" s="8">
        <v>1</v>
      </c>
      <c r="I11408" s="8">
        <v>0</v>
      </c>
      <c r="J11408" s="8">
        <v>1</v>
      </c>
      <c r="K11408" s="9">
        <v>29</v>
      </c>
      <c r="L11408" s="6" t="s">
        <v>51</v>
      </c>
    </row>
    <row r="11409" spans="1:12">
      <c r="A11409" s="6" t="s">
        <v>49</v>
      </c>
      <c r="B11409" s="6"/>
      <c r="C11409" s="6" t="s">
        <v>11433</v>
      </c>
      <c r="D11409" s="6"/>
      <c r="E11409" s="6" t="s">
        <v>9</v>
      </c>
      <c r="F11409" s="7">
        <v>38657</v>
      </c>
      <c r="G11409" s="8">
        <v>1</v>
      </c>
      <c r="H11409" s="8">
        <v>1</v>
      </c>
      <c r="I11409" s="8">
        <v>0</v>
      </c>
      <c r="J11409" s="8">
        <v>1</v>
      </c>
      <c r="K11409" s="9">
        <v>19</v>
      </c>
      <c r="L11409" s="6" t="s">
        <v>51</v>
      </c>
    </row>
    <row r="11410" spans="1:12">
      <c r="A11410" s="6" t="s">
        <v>49</v>
      </c>
      <c r="B11410" s="6"/>
      <c r="C11410" s="6" t="s">
        <v>11434</v>
      </c>
      <c r="D11410" s="6"/>
      <c r="E11410" s="6" t="s">
        <v>9</v>
      </c>
      <c r="F11410" s="7">
        <v>38657</v>
      </c>
      <c r="G11410" s="8">
        <v>1</v>
      </c>
      <c r="H11410" s="8">
        <v>1</v>
      </c>
      <c r="I11410" s="8">
        <v>0</v>
      </c>
      <c r="J11410" s="8">
        <v>1</v>
      </c>
      <c r="K11410" s="9">
        <v>39.369999999999898</v>
      </c>
      <c r="L11410" s="6" t="s">
        <v>51</v>
      </c>
    </row>
    <row r="11411" spans="1:12">
      <c r="A11411" s="6" t="s">
        <v>49</v>
      </c>
      <c r="B11411" s="6"/>
      <c r="C11411" s="6" t="s">
        <v>11435</v>
      </c>
      <c r="D11411" s="6"/>
      <c r="E11411" s="6" t="s">
        <v>9</v>
      </c>
      <c r="F11411" s="7">
        <v>38657</v>
      </c>
      <c r="G11411" s="8">
        <v>1</v>
      </c>
      <c r="H11411" s="8">
        <v>1</v>
      </c>
      <c r="I11411" s="8">
        <v>0</v>
      </c>
      <c r="J11411" s="8">
        <v>1</v>
      </c>
      <c r="K11411" s="9">
        <v>171</v>
      </c>
      <c r="L11411" s="6" t="s">
        <v>51</v>
      </c>
    </row>
    <row r="11412" spans="1:12">
      <c r="A11412" s="6" t="s">
        <v>49</v>
      </c>
      <c r="B11412" s="6"/>
      <c r="C11412" s="6" t="s">
        <v>11436</v>
      </c>
      <c r="D11412" s="6"/>
      <c r="E11412" s="6" t="s">
        <v>9</v>
      </c>
      <c r="F11412" s="7">
        <v>38657</v>
      </c>
      <c r="G11412" s="8">
        <v>1</v>
      </c>
      <c r="H11412" s="8">
        <v>1</v>
      </c>
      <c r="I11412" s="8">
        <v>0</v>
      </c>
      <c r="J11412" s="8">
        <v>1</v>
      </c>
      <c r="K11412" s="9">
        <v>47</v>
      </c>
      <c r="L11412" s="6" t="s">
        <v>51</v>
      </c>
    </row>
    <row r="11413" spans="1:12">
      <c r="A11413" s="6" t="s">
        <v>49</v>
      </c>
      <c r="B11413" s="6"/>
      <c r="C11413" s="6" t="s">
        <v>11437</v>
      </c>
      <c r="D11413" s="6"/>
      <c r="E11413" s="6" t="s">
        <v>9</v>
      </c>
      <c r="F11413" s="7">
        <v>38657</v>
      </c>
      <c r="G11413" s="8">
        <v>1</v>
      </c>
      <c r="H11413" s="8">
        <v>1</v>
      </c>
      <c r="I11413" s="8">
        <v>0</v>
      </c>
      <c r="J11413" s="8">
        <v>1</v>
      </c>
      <c r="K11413" s="9">
        <v>11</v>
      </c>
      <c r="L11413" s="6" t="s">
        <v>51</v>
      </c>
    </row>
    <row r="11414" spans="1:12">
      <c r="A11414" s="6" t="s">
        <v>49</v>
      </c>
      <c r="B11414" s="6"/>
      <c r="C11414" s="6" t="s">
        <v>11438</v>
      </c>
      <c r="D11414" s="6"/>
      <c r="E11414" s="6" t="s">
        <v>9</v>
      </c>
      <c r="F11414" s="7">
        <v>38657</v>
      </c>
      <c r="G11414" s="8">
        <v>1</v>
      </c>
      <c r="H11414" s="8">
        <v>1</v>
      </c>
      <c r="I11414" s="8">
        <v>0</v>
      </c>
      <c r="J11414" s="8">
        <v>1</v>
      </c>
      <c r="K11414" s="9">
        <v>0.24</v>
      </c>
      <c r="L11414" s="6" t="s">
        <v>51</v>
      </c>
    </row>
    <row r="11415" spans="1:12">
      <c r="A11415" s="6" t="s">
        <v>49</v>
      </c>
      <c r="B11415" s="6"/>
      <c r="C11415" s="6" t="s">
        <v>11439</v>
      </c>
      <c r="D11415" s="6"/>
      <c r="E11415" s="6" t="s">
        <v>9</v>
      </c>
      <c r="F11415" s="7">
        <v>38657</v>
      </c>
      <c r="G11415" s="8">
        <v>1</v>
      </c>
      <c r="H11415" s="8">
        <v>1</v>
      </c>
      <c r="I11415" s="8">
        <v>0</v>
      </c>
      <c r="J11415" s="8">
        <v>1</v>
      </c>
      <c r="K11415" s="9">
        <v>320</v>
      </c>
      <c r="L11415" s="6" t="s">
        <v>51</v>
      </c>
    </row>
    <row r="11416" spans="1:12">
      <c r="A11416" s="6" t="s">
        <v>49</v>
      </c>
      <c r="B11416" s="6"/>
      <c r="C11416" s="6" t="s">
        <v>11440</v>
      </c>
      <c r="D11416" s="6"/>
      <c r="E11416" s="6" t="s">
        <v>9</v>
      </c>
      <c r="F11416" s="7">
        <v>38657</v>
      </c>
      <c r="G11416" s="8">
        <v>1</v>
      </c>
      <c r="H11416" s="8">
        <v>1</v>
      </c>
      <c r="I11416" s="8">
        <v>0</v>
      </c>
      <c r="J11416" s="8">
        <v>1</v>
      </c>
      <c r="K11416" s="9">
        <v>82</v>
      </c>
      <c r="L11416" s="6" t="s">
        <v>51</v>
      </c>
    </row>
    <row r="11417" spans="1:12">
      <c r="A11417" s="6" t="s">
        <v>49</v>
      </c>
      <c r="B11417" s="6"/>
      <c r="C11417" s="6" t="s">
        <v>11441</v>
      </c>
      <c r="D11417" s="6"/>
      <c r="E11417" s="6" t="s">
        <v>9</v>
      </c>
      <c r="F11417" s="7">
        <v>38657</v>
      </c>
      <c r="G11417" s="8">
        <v>1</v>
      </c>
      <c r="H11417" s="8">
        <v>1</v>
      </c>
      <c r="I11417" s="8">
        <v>0</v>
      </c>
      <c r="J11417" s="8">
        <v>1</v>
      </c>
      <c r="K11417" s="9">
        <v>27</v>
      </c>
      <c r="L11417" s="6" t="s">
        <v>51</v>
      </c>
    </row>
    <row r="11418" spans="1:12">
      <c r="A11418" s="6" t="s">
        <v>49</v>
      </c>
      <c r="B11418" s="6"/>
      <c r="C11418" s="6" t="s">
        <v>11442</v>
      </c>
      <c r="D11418" s="6"/>
      <c r="E11418" s="6" t="s">
        <v>9</v>
      </c>
      <c r="F11418" s="7"/>
      <c r="G11418" s="8">
        <v>1</v>
      </c>
      <c r="H11418" s="8">
        <v>1</v>
      </c>
      <c r="I11418" s="8">
        <v>0</v>
      </c>
      <c r="J11418" s="8">
        <v>1</v>
      </c>
      <c r="K11418" s="9">
        <v>23</v>
      </c>
      <c r="L11418" s="6" t="s">
        <v>51</v>
      </c>
    </row>
    <row r="11419" spans="1:12">
      <c r="A11419" s="6" t="s">
        <v>49</v>
      </c>
      <c r="B11419" s="6"/>
      <c r="C11419" s="6" t="s">
        <v>11443</v>
      </c>
      <c r="D11419" s="6"/>
      <c r="E11419" s="6" t="s">
        <v>9</v>
      </c>
      <c r="F11419" s="7"/>
      <c r="G11419" s="8">
        <v>1</v>
      </c>
      <c r="H11419" s="8">
        <v>1</v>
      </c>
      <c r="I11419" s="8">
        <v>0</v>
      </c>
      <c r="J11419" s="8">
        <v>1</v>
      </c>
      <c r="K11419" s="9">
        <v>16</v>
      </c>
      <c r="L11419" s="6" t="s">
        <v>51</v>
      </c>
    </row>
    <row r="11420" spans="1:12">
      <c r="A11420" s="6" t="s">
        <v>49</v>
      </c>
      <c r="B11420" s="6"/>
      <c r="C11420" s="6" t="s">
        <v>11444</v>
      </c>
      <c r="D11420" s="6"/>
      <c r="E11420" s="6" t="s">
        <v>9</v>
      </c>
      <c r="F11420" s="7"/>
      <c r="G11420" s="8">
        <v>1</v>
      </c>
      <c r="H11420" s="8">
        <v>1</v>
      </c>
      <c r="I11420" s="8">
        <v>0</v>
      </c>
      <c r="J11420" s="8">
        <v>1</v>
      </c>
      <c r="K11420" s="9">
        <v>26</v>
      </c>
      <c r="L11420" s="6" t="s">
        <v>51</v>
      </c>
    </row>
    <row r="11421" spans="1:12">
      <c r="A11421" s="6" t="s">
        <v>49</v>
      </c>
      <c r="B11421" s="6"/>
      <c r="C11421" s="6" t="s">
        <v>11445</v>
      </c>
      <c r="D11421" s="6"/>
      <c r="E11421" s="6" t="s">
        <v>9</v>
      </c>
      <c r="F11421" s="7">
        <v>38657</v>
      </c>
      <c r="G11421" s="8">
        <v>1</v>
      </c>
      <c r="H11421" s="8">
        <v>1</v>
      </c>
      <c r="I11421" s="8">
        <v>0</v>
      </c>
      <c r="J11421" s="8">
        <v>1</v>
      </c>
      <c r="K11421" s="9">
        <v>11.19</v>
      </c>
      <c r="L11421" s="6" t="s">
        <v>51</v>
      </c>
    </row>
    <row r="11422" spans="1:12">
      <c r="A11422" s="6" t="s">
        <v>49</v>
      </c>
      <c r="B11422" s="6"/>
      <c r="C11422" s="6" t="s">
        <v>11446</v>
      </c>
      <c r="D11422" s="6"/>
      <c r="E11422" s="6" t="s">
        <v>9</v>
      </c>
      <c r="F11422" s="7"/>
      <c r="G11422" s="8">
        <v>1</v>
      </c>
      <c r="H11422" s="8">
        <v>1</v>
      </c>
      <c r="I11422" s="8">
        <v>0</v>
      </c>
      <c r="J11422" s="8">
        <v>1</v>
      </c>
      <c r="K11422" s="9">
        <v>16</v>
      </c>
      <c r="L11422" s="6" t="s">
        <v>51</v>
      </c>
    </row>
    <row r="11423" spans="1:12">
      <c r="A11423" s="6" t="s">
        <v>49</v>
      </c>
      <c r="B11423" s="6"/>
      <c r="C11423" s="6" t="s">
        <v>11447</v>
      </c>
      <c r="D11423" s="6"/>
      <c r="E11423" s="6" t="s">
        <v>9</v>
      </c>
      <c r="F11423" s="7"/>
      <c r="G11423" s="8">
        <v>1</v>
      </c>
      <c r="H11423" s="8">
        <v>1</v>
      </c>
      <c r="I11423" s="8">
        <v>0</v>
      </c>
      <c r="J11423" s="8">
        <v>1</v>
      </c>
      <c r="K11423" s="9">
        <v>16</v>
      </c>
      <c r="L11423" s="6" t="s">
        <v>51</v>
      </c>
    </row>
    <row r="11424" spans="1:12">
      <c r="A11424" s="6" t="s">
        <v>49</v>
      </c>
      <c r="B11424" s="6"/>
      <c r="C11424" s="6" t="s">
        <v>11448</v>
      </c>
      <c r="D11424" s="6"/>
      <c r="E11424" s="6" t="s">
        <v>9</v>
      </c>
      <c r="F11424" s="7"/>
      <c r="G11424" s="8">
        <v>1</v>
      </c>
      <c r="H11424" s="8">
        <v>1</v>
      </c>
      <c r="I11424" s="8">
        <v>0</v>
      </c>
      <c r="J11424" s="8">
        <v>1</v>
      </c>
      <c r="K11424" s="9">
        <v>6.61</v>
      </c>
      <c r="L11424" s="6" t="s">
        <v>51</v>
      </c>
    </row>
    <row r="11425" spans="1:12">
      <c r="A11425" s="6" t="s">
        <v>49</v>
      </c>
      <c r="B11425" s="6"/>
      <c r="C11425" s="6" t="s">
        <v>11449</v>
      </c>
      <c r="D11425" s="6"/>
      <c r="E11425" s="6" t="s">
        <v>9</v>
      </c>
      <c r="F11425" s="7"/>
      <c r="G11425" s="8">
        <v>1</v>
      </c>
      <c r="H11425" s="8">
        <v>1</v>
      </c>
      <c r="I11425" s="8">
        <v>0</v>
      </c>
      <c r="J11425" s="8">
        <v>1</v>
      </c>
      <c r="K11425" s="9">
        <v>72</v>
      </c>
      <c r="L11425" s="6" t="s">
        <v>51</v>
      </c>
    </row>
    <row r="11426" spans="1:12">
      <c r="A11426" s="6" t="s">
        <v>49</v>
      </c>
      <c r="B11426" s="6"/>
      <c r="C11426" s="6" t="s">
        <v>11450</v>
      </c>
      <c r="D11426" s="6"/>
      <c r="E11426" s="6" t="s">
        <v>9</v>
      </c>
      <c r="F11426" s="7"/>
      <c r="G11426" s="8">
        <v>1</v>
      </c>
      <c r="H11426" s="8">
        <v>1</v>
      </c>
      <c r="I11426" s="8">
        <v>0</v>
      </c>
      <c r="J11426" s="8">
        <v>1</v>
      </c>
      <c r="K11426" s="9">
        <v>3.3</v>
      </c>
      <c r="L11426" s="6" t="s">
        <v>51</v>
      </c>
    </row>
    <row r="11427" spans="1:12">
      <c r="A11427" s="6" t="s">
        <v>49</v>
      </c>
      <c r="B11427" s="6"/>
      <c r="C11427" s="6" t="s">
        <v>11451</v>
      </c>
      <c r="D11427" s="6"/>
      <c r="E11427" s="6" t="s">
        <v>9</v>
      </c>
      <c r="F11427" s="7"/>
      <c r="G11427" s="8">
        <v>1</v>
      </c>
      <c r="H11427" s="8">
        <v>1</v>
      </c>
      <c r="I11427" s="8">
        <v>0</v>
      </c>
      <c r="J11427" s="8">
        <v>1</v>
      </c>
      <c r="K11427" s="9">
        <v>19</v>
      </c>
      <c r="L11427" s="6" t="s">
        <v>51</v>
      </c>
    </row>
    <row r="11428" spans="1:12">
      <c r="A11428" s="6" t="s">
        <v>49</v>
      </c>
      <c r="B11428" s="6"/>
      <c r="C11428" s="6" t="s">
        <v>11452</v>
      </c>
      <c r="D11428" s="6"/>
      <c r="E11428" s="6" t="s">
        <v>9</v>
      </c>
      <c r="F11428" s="7"/>
      <c r="G11428" s="8">
        <v>1</v>
      </c>
      <c r="H11428" s="8">
        <v>1</v>
      </c>
      <c r="I11428" s="8">
        <v>0</v>
      </c>
      <c r="J11428" s="8">
        <v>1</v>
      </c>
      <c r="K11428" s="9">
        <v>19</v>
      </c>
      <c r="L11428" s="6" t="s">
        <v>51</v>
      </c>
    </row>
    <row r="11429" spans="1:12">
      <c r="A11429" s="6" t="s">
        <v>49</v>
      </c>
      <c r="B11429" s="6"/>
      <c r="C11429" s="6" t="s">
        <v>11453</v>
      </c>
      <c r="D11429" s="6"/>
      <c r="E11429" s="6" t="s">
        <v>9</v>
      </c>
      <c r="F11429" s="7"/>
      <c r="G11429" s="8">
        <v>1</v>
      </c>
      <c r="H11429" s="8">
        <v>1</v>
      </c>
      <c r="I11429" s="8">
        <v>0</v>
      </c>
      <c r="J11429" s="8">
        <v>1</v>
      </c>
      <c r="K11429" s="9">
        <v>16</v>
      </c>
      <c r="L11429" s="6" t="s">
        <v>51</v>
      </c>
    </row>
    <row r="11430" spans="1:12">
      <c r="A11430" s="6" t="s">
        <v>49</v>
      </c>
      <c r="B11430" s="6"/>
      <c r="C11430" s="6" t="s">
        <v>11454</v>
      </c>
      <c r="D11430" s="6"/>
      <c r="E11430" s="6" t="s">
        <v>9</v>
      </c>
      <c r="F11430" s="7"/>
      <c r="G11430" s="8">
        <v>1</v>
      </c>
      <c r="H11430" s="8">
        <v>1</v>
      </c>
      <c r="I11430" s="8">
        <v>0</v>
      </c>
      <c r="J11430" s="8">
        <v>1</v>
      </c>
      <c r="K11430" s="9">
        <v>39</v>
      </c>
      <c r="L11430" s="6" t="s">
        <v>51</v>
      </c>
    </row>
    <row r="11431" spans="1:12">
      <c r="A11431" s="6" t="s">
        <v>49</v>
      </c>
      <c r="B11431" s="6"/>
      <c r="C11431" s="6" t="s">
        <v>11455</v>
      </c>
      <c r="D11431" s="6"/>
      <c r="E11431" s="6" t="s">
        <v>9</v>
      </c>
      <c r="F11431" s="7"/>
      <c r="G11431" s="8">
        <v>1</v>
      </c>
      <c r="H11431" s="8">
        <v>1</v>
      </c>
      <c r="I11431" s="8">
        <v>0</v>
      </c>
      <c r="J11431" s="8">
        <v>1</v>
      </c>
      <c r="K11431" s="9">
        <v>52</v>
      </c>
      <c r="L11431" s="6" t="s">
        <v>51</v>
      </c>
    </row>
    <row r="11432" spans="1:12">
      <c r="A11432" s="6" t="s">
        <v>49</v>
      </c>
      <c r="B11432" s="6"/>
      <c r="C11432" s="6" t="s">
        <v>11456</v>
      </c>
      <c r="D11432" s="6"/>
      <c r="E11432" s="6" t="s">
        <v>9</v>
      </c>
      <c r="F11432" s="7">
        <v>38657</v>
      </c>
      <c r="G11432" s="8">
        <v>1</v>
      </c>
      <c r="H11432" s="8">
        <v>1</v>
      </c>
      <c r="I11432" s="8">
        <v>0</v>
      </c>
      <c r="J11432" s="8">
        <v>1</v>
      </c>
      <c r="K11432" s="9">
        <v>75.91</v>
      </c>
      <c r="L11432" s="6" t="s">
        <v>51</v>
      </c>
    </row>
    <row r="11433" spans="1:12">
      <c r="A11433" s="6" t="s">
        <v>49</v>
      </c>
      <c r="B11433" s="6"/>
      <c r="C11433" s="6" t="s">
        <v>11457</v>
      </c>
      <c r="D11433" s="6"/>
      <c r="E11433" s="6" t="s">
        <v>9</v>
      </c>
      <c r="F11433" s="7">
        <v>38657</v>
      </c>
      <c r="G11433" s="8">
        <v>1</v>
      </c>
      <c r="H11433" s="8">
        <v>1</v>
      </c>
      <c r="I11433" s="8">
        <v>0</v>
      </c>
      <c r="J11433" s="8">
        <v>1</v>
      </c>
      <c r="K11433" s="9">
        <v>66</v>
      </c>
      <c r="L11433" s="6" t="s">
        <v>51</v>
      </c>
    </row>
    <row r="11434" spans="1:12">
      <c r="A11434" s="6" t="s">
        <v>49</v>
      </c>
      <c r="B11434" s="6"/>
      <c r="C11434" s="6" t="s">
        <v>11458</v>
      </c>
      <c r="D11434" s="6"/>
      <c r="E11434" s="6" t="s">
        <v>9</v>
      </c>
      <c r="F11434" s="7">
        <v>38657</v>
      </c>
      <c r="G11434" s="8">
        <v>1</v>
      </c>
      <c r="H11434" s="8">
        <v>1</v>
      </c>
      <c r="I11434" s="8">
        <v>0</v>
      </c>
      <c r="J11434" s="8">
        <v>1</v>
      </c>
      <c r="K11434" s="9">
        <v>56</v>
      </c>
      <c r="L11434" s="6" t="s">
        <v>51</v>
      </c>
    </row>
    <row r="11435" spans="1:12">
      <c r="A11435" s="6" t="s">
        <v>49</v>
      </c>
      <c r="B11435" s="6"/>
      <c r="C11435" s="6" t="s">
        <v>11459</v>
      </c>
      <c r="D11435" s="6"/>
      <c r="E11435" s="6" t="s">
        <v>9</v>
      </c>
      <c r="F11435" s="7">
        <v>38657</v>
      </c>
      <c r="G11435" s="8">
        <v>1</v>
      </c>
      <c r="H11435" s="8">
        <v>1</v>
      </c>
      <c r="I11435" s="8">
        <v>0</v>
      </c>
      <c r="J11435" s="8">
        <v>1</v>
      </c>
      <c r="K11435" s="9">
        <v>71</v>
      </c>
      <c r="L11435" s="6" t="s">
        <v>51</v>
      </c>
    </row>
    <row r="11436" spans="1:12">
      <c r="A11436" s="6" t="s">
        <v>49</v>
      </c>
      <c r="B11436" s="6"/>
      <c r="C11436" s="6" t="s">
        <v>11460</v>
      </c>
      <c r="D11436" s="6"/>
      <c r="E11436" s="6" t="s">
        <v>9</v>
      </c>
      <c r="F11436" s="7">
        <v>38657</v>
      </c>
      <c r="G11436" s="8">
        <v>1</v>
      </c>
      <c r="H11436" s="8">
        <v>1</v>
      </c>
      <c r="I11436" s="8">
        <v>0</v>
      </c>
      <c r="J11436" s="8">
        <v>1</v>
      </c>
      <c r="K11436" s="9">
        <v>117</v>
      </c>
      <c r="L11436" s="6" t="s">
        <v>51</v>
      </c>
    </row>
    <row r="11437" spans="1:12">
      <c r="A11437" s="6" t="s">
        <v>49</v>
      </c>
      <c r="B11437" s="6"/>
      <c r="C11437" s="6" t="s">
        <v>11461</v>
      </c>
      <c r="D11437" s="6"/>
      <c r="E11437" s="6" t="s">
        <v>9</v>
      </c>
      <c r="F11437" s="7"/>
      <c r="G11437" s="8">
        <v>1</v>
      </c>
      <c r="H11437" s="8">
        <v>1</v>
      </c>
      <c r="I11437" s="8">
        <v>0</v>
      </c>
      <c r="J11437" s="8">
        <v>1</v>
      </c>
      <c r="K11437" s="9">
        <v>23</v>
      </c>
      <c r="L11437" s="6" t="s">
        <v>51</v>
      </c>
    </row>
    <row r="11438" spans="1:12">
      <c r="A11438" s="6" t="s">
        <v>49</v>
      </c>
      <c r="B11438" s="6"/>
      <c r="C11438" s="6" t="s">
        <v>11462</v>
      </c>
      <c r="D11438" s="6"/>
      <c r="E11438" s="6" t="s">
        <v>9</v>
      </c>
      <c r="F11438" s="7"/>
      <c r="G11438" s="8">
        <v>1</v>
      </c>
      <c r="H11438" s="8">
        <v>1</v>
      </c>
      <c r="I11438" s="8">
        <v>0</v>
      </c>
      <c r="J11438" s="8">
        <v>1</v>
      </c>
      <c r="K11438" s="9">
        <v>13</v>
      </c>
      <c r="L11438" s="6" t="s">
        <v>51</v>
      </c>
    </row>
    <row r="11439" spans="1:12">
      <c r="A11439" s="6" t="s">
        <v>49</v>
      </c>
      <c r="B11439" s="6"/>
      <c r="C11439" s="6" t="s">
        <v>11463</v>
      </c>
      <c r="D11439" s="6"/>
      <c r="E11439" s="6" t="s">
        <v>9</v>
      </c>
      <c r="F11439" s="7"/>
      <c r="G11439" s="8">
        <v>1</v>
      </c>
      <c r="H11439" s="8">
        <v>1</v>
      </c>
      <c r="I11439" s="8">
        <v>0</v>
      </c>
      <c r="J11439" s="8">
        <v>1</v>
      </c>
      <c r="K11439" s="9">
        <v>19</v>
      </c>
      <c r="L11439" s="6" t="s">
        <v>51</v>
      </c>
    </row>
    <row r="11440" spans="1:12">
      <c r="A11440" s="6" t="s">
        <v>49</v>
      </c>
      <c r="B11440" s="6"/>
      <c r="C11440" s="6" t="s">
        <v>11464</v>
      </c>
      <c r="D11440" s="6"/>
      <c r="E11440" s="6" t="s">
        <v>9</v>
      </c>
      <c r="F11440" s="7"/>
      <c r="G11440" s="8">
        <v>1</v>
      </c>
      <c r="H11440" s="8">
        <v>1</v>
      </c>
      <c r="I11440" s="8">
        <v>0</v>
      </c>
      <c r="J11440" s="8">
        <v>1</v>
      </c>
      <c r="K11440" s="9">
        <v>145</v>
      </c>
      <c r="L11440" s="6" t="s">
        <v>51</v>
      </c>
    </row>
    <row r="11441" spans="1:12">
      <c r="A11441" s="6" t="s">
        <v>49</v>
      </c>
      <c r="B11441" s="6"/>
      <c r="C11441" s="6" t="s">
        <v>11465</v>
      </c>
      <c r="D11441" s="6"/>
      <c r="E11441" s="6" t="s">
        <v>9</v>
      </c>
      <c r="F11441" s="7"/>
      <c r="G11441" s="8">
        <v>1</v>
      </c>
      <c r="H11441" s="8">
        <v>1</v>
      </c>
      <c r="I11441" s="8">
        <v>0</v>
      </c>
      <c r="J11441" s="8">
        <v>1</v>
      </c>
      <c r="K11441" s="9">
        <v>23</v>
      </c>
      <c r="L11441" s="6" t="s">
        <v>51</v>
      </c>
    </row>
    <row r="11442" spans="1:12">
      <c r="A11442" s="6" t="s">
        <v>49</v>
      </c>
      <c r="B11442" s="6"/>
      <c r="C11442" s="6" t="s">
        <v>11466</v>
      </c>
      <c r="D11442" s="6"/>
      <c r="E11442" s="6" t="s">
        <v>9</v>
      </c>
      <c r="F11442" s="7"/>
      <c r="G11442" s="8">
        <v>1</v>
      </c>
      <c r="H11442" s="8">
        <v>1</v>
      </c>
      <c r="I11442" s="8">
        <v>0</v>
      </c>
      <c r="J11442" s="8">
        <v>1</v>
      </c>
      <c r="K11442" s="9">
        <v>33</v>
      </c>
      <c r="L11442" s="6" t="s">
        <v>51</v>
      </c>
    </row>
    <row r="11443" spans="1:12">
      <c r="A11443" s="6" t="s">
        <v>49</v>
      </c>
      <c r="B11443" s="6"/>
      <c r="C11443" s="6" t="s">
        <v>11467</v>
      </c>
      <c r="D11443" s="6"/>
      <c r="E11443" s="6" t="s">
        <v>9</v>
      </c>
      <c r="F11443" s="7">
        <v>38657</v>
      </c>
      <c r="G11443" s="8">
        <v>1</v>
      </c>
      <c r="H11443" s="8">
        <v>1</v>
      </c>
      <c r="I11443" s="8">
        <v>0</v>
      </c>
      <c r="J11443" s="8">
        <v>1</v>
      </c>
      <c r="K11443" s="9">
        <v>6.07</v>
      </c>
      <c r="L11443" s="6" t="s">
        <v>51</v>
      </c>
    </row>
    <row r="11444" spans="1:12">
      <c r="A11444" s="6" t="s">
        <v>49</v>
      </c>
      <c r="B11444" s="6"/>
      <c r="C11444" s="6" t="s">
        <v>11468</v>
      </c>
      <c r="D11444" s="6"/>
      <c r="E11444" s="6" t="s">
        <v>9</v>
      </c>
      <c r="F11444" s="7"/>
      <c r="G11444" s="8">
        <v>1</v>
      </c>
      <c r="H11444" s="8">
        <v>1</v>
      </c>
      <c r="I11444" s="8">
        <v>0</v>
      </c>
      <c r="J11444" s="8">
        <v>1</v>
      </c>
      <c r="K11444" s="9">
        <v>9.91</v>
      </c>
      <c r="L11444" s="6" t="s">
        <v>51</v>
      </c>
    </row>
    <row r="11445" spans="1:12">
      <c r="A11445" s="6" t="s">
        <v>49</v>
      </c>
      <c r="B11445" s="6"/>
      <c r="C11445" s="6" t="s">
        <v>11469</v>
      </c>
      <c r="D11445" s="6"/>
      <c r="E11445" s="6" t="s">
        <v>9</v>
      </c>
      <c r="F11445" s="7"/>
      <c r="G11445" s="8">
        <v>1</v>
      </c>
      <c r="H11445" s="8">
        <v>1</v>
      </c>
      <c r="I11445" s="8">
        <v>0</v>
      </c>
      <c r="J11445" s="8">
        <v>1</v>
      </c>
      <c r="K11445" s="9">
        <v>195</v>
      </c>
      <c r="L11445" s="6" t="s">
        <v>51</v>
      </c>
    </row>
    <row r="11446" spans="1:12">
      <c r="A11446" s="6" t="s">
        <v>49</v>
      </c>
      <c r="B11446" s="6"/>
      <c r="C11446" s="6" t="s">
        <v>11470</v>
      </c>
      <c r="D11446" s="6"/>
      <c r="E11446" s="6" t="s">
        <v>9</v>
      </c>
      <c r="F11446" s="7"/>
      <c r="G11446" s="8">
        <v>1</v>
      </c>
      <c r="H11446" s="8">
        <v>1</v>
      </c>
      <c r="I11446" s="8">
        <v>0</v>
      </c>
      <c r="J11446" s="8">
        <v>1</v>
      </c>
      <c r="K11446" s="9">
        <v>9.91</v>
      </c>
      <c r="L11446" s="6" t="s">
        <v>51</v>
      </c>
    </row>
    <row r="11447" spans="1:12">
      <c r="A11447" s="6" t="s">
        <v>49</v>
      </c>
      <c r="B11447" s="6"/>
      <c r="C11447" s="6" t="s">
        <v>11471</v>
      </c>
      <c r="D11447" s="6"/>
      <c r="E11447" s="6" t="s">
        <v>9</v>
      </c>
      <c r="F11447" s="7"/>
      <c r="G11447" s="8">
        <v>1</v>
      </c>
      <c r="H11447" s="8">
        <v>1</v>
      </c>
      <c r="I11447" s="8">
        <v>0</v>
      </c>
      <c r="J11447" s="8">
        <v>1</v>
      </c>
      <c r="K11447" s="9">
        <v>49</v>
      </c>
      <c r="L11447" s="6" t="s">
        <v>51</v>
      </c>
    </row>
    <row r="11448" spans="1:12">
      <c r="A11448" s="6" t="s">
        <v>49</v>
      </c>
      <c r="B11448" s="6"/>
      <c r="C11448" s="6" t="s">
        <v>11472</v>
      </c>
      <c r="D11448" s="6"/>
      <c r="E11448" s="6" t="s">
        <v>9</v>
      </c>
      <c r="F11448" s="7"/>
      <c r="G11448" s="8">
        <v>1</v>
      </c>
      <c r="H11448" s="8">
        <v>1</v>
      </c>
      <c r="I11448" s="8">
        <v>0</v>
      </c>
      <c r="J11448" s="8">
        <v>1</v>
      </c>
      <c r="K11448" s="9">
        <v>23</v>
      </c>
      <c r="L11448" s="6" t="s">
        <v>51</v>
      </c>
    </row>
    <row r="11449" spans="1:12">
      <c r="A11449" s="6" t="s">
        <v>49</v>
      </c>
      <c r="B11449" s="6"/>
      <c r="C11449" s="6" t="s">
        <v>11473</v>
      </c>
      <c r="D11449" s="6"/>
      <c r="E11449" s="6" t="s">
        <v>9</v>
      </c>
      <c r="F11449" s="7"/>
      <c r="G11449" s="8">
        <v>1</v>
      </c>
      <c r="H11449" s="8">
        <v>1</v>
      </c>
      <c r="I11449" s="8">
        <v>0</v>
      </c>
      <c r="J11449" s="8">
        <v>1</v>
      </c>
      <c r="K11449" s="9">
        <v>76</v>
      </c>
      <c r="L11449" s="6" t="s">
        <v>51</v>
      </c>
    </row>
    <row r="11450" spans="1:12">
      <c r="A11450" s="6" t="s">
        <v>49</v>
      </c>
      <c r="B11450" s="6"/>
      <c r="C11450" s="6" t="s">
        <v>11474</v>
      </c>
      <c r="D11450" s="6"/>
      <c r="E11450" s="6" t="s">
        <v>9</v>
      </c>
      <c r="F11450" s="7"/>
      <c r="G11450" s="8">
        <v>1</v>
      </c>
      <c r="H11450" s="8">
        <v>1</v>
      </c>
      <c r="I11450" s="8">
        <v>0</v>
      </c>
      <c r="J11450" s="8">
        <v>1</v>
      </c>
      <c r="K11450" s="9">
        <v>9.91</v>
      </c>
      <c r="L11450" s="6" t="s">
        <v>51</v>
      </c>
    </row>
    <row r="11451" spans="1:12">
      <c r="A11451" s="6" t="s">
        <v>49</v>
      </c>
      <c r="B11451" s="6"/>
      <c r="C11451" s="6" t="s">
        <v>11475</v>
      </c>
      <c r="D11451" s="6"/>
      <c r="E11451" s="6" t="s">
        <v>9</v>
      </c>
      <c r="F11451" s="7"/>
      <c r="G11451" s="8">
        <v>1</v>
      </c>
      <c r="H11451" s="8">
        <v>1</v>
      </c>
      <c r="I11451" s="8">
        <v>0</v>
      </c>
      <c r="J11451" s="8">
        <v>1</v>
      </c>
      <c r="K11451" s="9">
        <v>26</v>
      </c>
      <c r="L11451" s="6" t="s">
        <v>51</v>
      </c>
    </row>
    <row r="11452" spans="1:12">
      <c r="A11452" s="6" t="s">
        <v>49</v>
      </c>
      <c r="B11452" s="6"/>
      <c r="C11452" s="6" t="s">
        <v>11476</v>
      </c>
      <c r="D11452" s="6"/>
      <c r="E11452" s="6" t="s">
        <v>9</v>
      </c>
      <c r="F11452" s="7"/>
      <c r="G11452" s="8">
        <v>1</v>
      </c>
      <c r="H11452" s="8">
        <v>1</v>
      </c>
      <c r="I11452" s="8">
        <v>0</v>
      </c>
      <c r="J11452" s="8">
        <v>1</v>
      </c>
      <c r="K11452" s="9">
        <v>36</v>
      </c>
      <c r="L11452" s="6" t="s">
        <v>51</v>
      </c>
    </row>
    <row r="11453" spans="1:12">
      <c r="A11453" s="6" t="s">
        <v>49</v>
      </c>
      <c r="B11453" s="6"/>
      <c r="C11453" s="6" t="s">
        <v>11477</v>
      </c>
      <c r="D11453" s="6"/>
      <c r="E11453" s="6" t="s">
        <v>9</v>
      </c>
      <c r="F11453" s="7"/>
      <c r="G11453" s="8">
        <v>1</v>
      </c>
      <c r="H11453" s="8">
        <v>1</v>
      </c>
      <c r="I11453" s="8">
        <v>0</v>
      </c>
      <c r="J11453" s="8">
        <v>1</v>
      </c>
      <c r="K11453" s="9">
        <v>3.3</v>
      </c>
      <c r="L11453" s="6" t="s">
        <v>51</v>
      </c>
    </row>
    <row r="11454" spans="1:12">
      <c r="A11454" s="6" t="s">
        <v>49</v>
      </c>
      <c r="B11454" s="6"/>
      <c r="C11454" s="6" t="s">
        <v>11478</v>
      </c>
      <c r="D11454" s="6"/>
      <c r="E11454" s="6" t="s">
        <v>9</v>
      </c>
      <c r="F11454" s="7">
        <v>38657</v>
      </c>
      <c r="G11454" s="8">
        <v>1</v>
      </c>
      <c r="H11454" s="8">
        <v>1</v>
      </c>
      <c r="I11454" s="8">
        <v>0</v>
      </c>
      <c r="J11454" s="8">
        <v>1</v>
      </c>
      <c r="K11454" s="9">
        <v>18.920000000000002</v>
      </c>
      <c r="L11454" s="6" t="s">
        <v>51</v>
      </c>
    </row>
    <row r="11455" spans="1:12">
      <c r="A11455" s="6" t="s">
        <v>49</v>
      </c>
      <c r="B11455" s="6"/>
      <c r="C11455" s="6" t="s">
        <v>11479</v>
      </c>
      <c r="D11455" s="6"/>
      <c r="E11455" s="6" t="s">
        <v>9</v>
      </c>
      <c r="F11455" s="7"/>
      <c r="G11455" s="8">
        <v>1</v>
      </c>
      <c r="H11455" s="8">
        <v>1</v>
      </c>
      <c r="I11455" s="8">
        <v>0</v>
      </c>
      <c r="J11455" s="8">
        <v>1</v>
      </c>
      <c r="K11455" s="9">
        <v>56</v>
      </c>
      <c r="L11455" s="6" t="s">
        <v>51</v>
      </c>
    </row>
    <row r="11456" spans="1:12">
      <c r="A11456" s="6" t="s">
        <v>49</v>
      </c>
      <c r="B11456" s="6"/>
      <c r="C11456" s="6" t="s">
        <v>11480</v>
      </c>
      <c r="D11456" s="6"/>
      <c r="E11456" s="6" t="s">
        <v>9</v>
      </c>
      <c r="F11456" s="7"/>
      <c r="G11456" s="8">
        <v>1</v>
      </c>
      <c r="H11456" s="8">
        <v>1</v>
      </c>
      <c r="I11456" s="8">
        <v>0</v>
      </c>
      <c r="J11456" s="8">
        <v>1</v>
      </c>
      <c r="K11456" s="9">
        <v>16</v>
      </c>
      <c r="L11456" s="6" t="s">
        <v>51</v>
      </c>
    </row>
    <row r="11457" spans="1:12">
      <c r="A11457" s="6" t="s">
        <v>49</v>
      </c>
      <c r="B11457" s="6"/>
      <c r="C11457" s="6" t="s">
        <v>11481</v>
      </c>
      <c r="D11457" s="6"/>
      <c r="E11457" s="6" t="s">
        <v>9</v>
      </c>
      <c r="F11457" s="7"/>
      <c r="G11457" s="8">
        <v>1</v>
      </c>
      <c r="H11457" s="8">
        <v>1</v>
      </c>
      <c r="I11457" s="8">
        <v>0</v>
      </c>
      <c r="J11457" s="8">
        <v>1</v>
      </c>
      <c r="K11457" s="9">
        <v>26</v>
      </c>
      <c r="L11457" s="6" t="s">
        <v>51</v>
      </c>
    </row>
    <row r="11458" spans="1:12">
      <c r="A11458" s="6" t="s">
        <v>49</v>
      </c>
      <c r="B11458" s="6"/>
      <c r="C11458" s="6" t="s">
        <v>11482</v>
      </c>
      <c r="D11458" s="6"/>
      <c r="E11458" s="6" t="s">
        <v>9</v>
      </c>
      <c r="F11458" s="7"/>
      <c r="G11458" s="8">
        <v>1</v>
      </c>
      <c r="H11458" s="8">
        <v>1</v>
      </c>
      <c r="I11458" s="8">
        <v>0</v>
      </c>
      <c r="J11458" s="8">
        <v>1</v>
      </c>
      <c r="K11458" s="9">
        <v>13</v>
      </c>
      <c r="L11458" s="6" t="s">
        <v>51</v>
      </c>
    </row>
    <row r="11459" spans="1:12">
      <c r="A11459" s="6" t="s">
        <v>49</v>
      </c>
      <c r="B11459" s="6"/>
      <c r="C11459" s="6" t="s">
        <v>11483</v>
      </c>
      <c r="D11459" s="6"/>
      <c r="E11459" s="6" t="s">
        <v>9</v>
      </c>
      <c r="F11459" s="7"/>
      <c r="G11459" s="8">
        <v>1</v>
      </c>
      <c r="H11459" s="8">
        <v>1</v>
      </c>
      <c r="I11459" s="8">
        <v>0</v>
      </c>
      <c r="J11459" s="8">
        <v>1</v>
      </c>
      <c r="K11459" s="9">
        <v>6.61</v>
      </c>
      <c r="L11459" s="6" t="s">
        <v>51</v>
      </c>
    </row>
    <row r="11460" spans="1:12">
      <c r="A11460" s="6" t="s">
        <v>49</v>
      </c>
      <c r="B11460" s="6"/>
      <c r="C11460" s="6" t="s">
        <v>11484</v>
      </c>
      <c r="D11460" s="6"/>
      <c r="E11460" s="6" t="s">
        <v>9</v>
      </c>
      <c r="F11460" s="7"/>
      <c r="G11460" s="8">
        <v>1</v>
      </c>
      <c r="H11460" s="8">
        <v>1</v>
      </c>
      <c r="I11460" s="8">
        <v>0</v>
      </c>
      <c r="J11460" s="8">
        <v>1</v>
      </c>
      <c r="K11460" s="9">
        <v>13</v>
      </c>
      <c r="L11460" s="6" t="s">
        <v>51</v>
      </c>
    </row>
    <row r="11461" spans="1:12">
      <c r="A11461" s="6" t="s">
        <v>49</v>
      </c>
      <c r="B11461" s="6"/>
      <c r="C11461" s="6" t="s">
        <v>11485</v>
      </c>
      <c r="D11461" s="6"/>
      <c r="E11461" s="6" t="s">
        <v>9</v>
      </c>
      <c r="F11461" s="7"/>
      <c r="G11461" s="8">
        <v>1</v>
      </c>
      <c r="H11461" s="8">
        <v>1</v>
      </c>
      <c r="I11461" s="8">
        <v>0</v>
      </c>
      <c r="J11461" s="8">
        <v>1</v>
      </c>
      <c r="K11461" s="9">
        <v>16</v>
      </c>
      <c r="L11461" s="6" t="s">
        <v>51</v>
      </c>
    </row>
    <row r="11462" spans="1:12">
      <c r="A11462" s="6" t="s">
        <v>49</v>
      </c>
      <c r="B11462" s="6"/>
      <c r="C11462" s="6" t="s">
        <v>11486</v>
      </c>
      <c r="D11462" s="6"/>
      <c r="E11462" s="6" t="s">
        <v>9</v>
      </c>
      <c r="F11462" s="7"/>
      <c r="G11462" s="8">
        <v>1</v>
      </c>
      <c r="H11462" s="8">
        <v>1</v>
      </c>
      <c r="I11462" s="8">
        <v>0</v>
      </c>
      <c r="J11462" s="8">
        <v>1</v>
      </c>
      <c r="K11462" s="9">
        <v>52</v>
      </c>
      <c r="L11462" s="6" t="s">
        <v>51</v>
      </c>
    </row>
    <row r="11463" spans="1:12">
      <c r="A11463" s="6" t="s">
        <v>49</v>
      </c>
      <c r="B11463" s="6"/>
      <c r="C11463" s="6" t="s">
        <v>11487</v>
      </c>
      <c r="D11463" s="6"/>
      <c r="E11463" s="6" t="s">
        <v>9</v>
      </c>
      <c r="F11463" s="7"/>
      <c r="G11463" s="8">
        <v>1</v>
      </c>
      <c r="H11463" s="8">
        <v>1</v>
      </c>
      <c r="I11463" s="8">
        <v>0</v>
      </c>
      <c r="J11463" s="8">
        <v>1</v>
      </c>
      <c r="K11463" s="9">
        <v>16</v>
      </c>
      <c r="L11463" s="6" t="s">
        <v>51</v>
      </c>
    </row>
    <row r="11464" spans="1:12">
      <c r="A11464" s="6" t="s">
        <v>49</v>
      </c>
      <c r="B11464" s="6"/>
      <c r="C11464" s="6" t="s">
        <v>11488</v>
      </c>
      <c r="D11464" s="6"/>
      <c r="E11464" s="6" t="s">
        <v>9</v>
      </c>
      <c r="F11464" s="7"/>
      <c r="G11464" s="8">
        <v>1</v>
      </c>
      <c r="H11464" s="8">
        <v>1</v>
      </c>
      <c r="I11464" s="8">
        <v>0</v>
      </c>
      <c r="J11464" s="8">
        <v>1</v>
      </c>
      <c r="K11464" s="9">
        <v>66</v>
      </c>
      <c r="L11464" s="6" t="s">
        <v>51</v>
      </c>
    </row>
    <row r="11465" spans="1:12">
      <c r="A11465" s="6" t="s">
        <v>49</v>
      </c>
      <c r="B11465" s="6"/>
      <c r="C11465" s="6" t="s">
        <v>11489</v>
      </c>
      <c r="D11465" s="6"/>
      <c r="E11465" s="6" t="s">
        <v>9</v>
      </c>
      <c r="F11465" s="7">
        <v>38657</v>
      </c>
      <c r="G11465" s="8">
        <v>1</v>
      </c>
      <c r="H11465" s="8">
        <v>1</v>
      </c>
      <c r="I11465" s="8">
        <v>0</v>
      </c>
      <c r="J11465" s="8">
        <v>1</v>
      </c>
      <c r="K11465" s="9">
        <v>4.6100000000000003</v>
      </c>
      <c r="L11465" s="6" t="s">
        <v>51</v>
      </c>
    </row>
    <row r="11466" spans="1:12">
      <c r="A11466" s="6" t="s">
        <v>49</v>
      </c>
      <c r="B11466" s="6"/>
      <c r="C11466" s="6" t="s">
        <v>11490</v>
      </c>
      <c r="D11466" s="6"/>
      <c r="E11466" s="6" t="s">
        <v>9</v>
      </c>
      <c r="F11466" s="7">
        <v>38657</v>
      </c>
      <c r="G11466" s="8">
        <v>1</v>
      </c>
      <c r="H11466" s="8">
        <v>1</v>
      </c>
      <c r="I11466" s="8">
        <v>0</v>
      </c>
      <c r="J11466" s="8">
        <v>1</v>
      </c>
      <c r="K11466" s="9">
        <v>15</v>
      </c>
      <c r="L11466" s="6" t="s">
        <v>51</v>
      </c>
    </row>
    <row r="11467" spans="1:12">
      <c r="A11467" s="6" t="s">
        <v>49</v>
      </c>
      <c r="B11467" s="6"/>
      <c r="C11467" s="6" t="s">
        <v>11491</v>
      </c>
      <c r="D11467" s="6"/>
      <c r="E11467" s="6" t="s">
        <v>9</v>
      </c>
      <c r="F11467" s="7">
        <v>38657</v>
      </c>
      <c r="G11467" s="8">
        <v>1</v>
      </c>
      <c r="H11467" s="8">
        <v>1</v>
      </c>
      <c r="I11467" s="8">
        <v>0</v>
      </c>
      <c r="J11467" s="8">
        <v>1</v>
      </c>
      <c r="K11467" s="9">
        <v>224</v>
      </c>
      <c r="L11467" s="6" t="s">
        <v>51</v>
      </c>
    </row>
    <row r="11468" spans="1:12">
      <c r="A11468" s="6" t="s">
        <v>49</v>
      </c>
      <c r="B11468" s="6"/>
      <c r="C11468" s="6" t="s">
        <v>11492</v>
      </c>
      <c r="D11468" s="6"/>
      <c r="E11468" s="6" t="s">
        <v>9</v>
      </c>
      <c r="F11468" s="7">
        <v>38657</v>
      </c>
      <c r="G11468" s="8">
        <v>1</v>
      </c>
      <c r="H11468" s="8">
        <v>1</v>
      </c>
      <c r="I11468" s="8">
        <v>0</v>
      </c>
      <c r="J11468" s="8">
        <v>1</v>
      </c>
      <c r="K11468" s="9">
        <v>310</v>
      </c>
      <c r="L11468" s="6" t="s">
        <v>51</v>
      </c>
    </row>
    <row r="11469" spans="1:12">
      <c r="A11469" s="6" t="s">
        <v>49</v>
      </c>
      <c r="B11469" s="6"/>
      <c r="C11469" s="6" t="s">
        <v>11493</v>
      </c>
      <c r="D11469" s="6"/>
      <c r="E11469" s="6" t="s">
        <v>9</v>
      </c>
      <c r="F11469" s="7">
        <v>38657</v>
      </c>
      <c r="G11469" s="8">
        <v>1</v>
      </c>
      <c r="H11469" s="8">
        <v>1</v>
      </c>
      <c r="I11469" s="8">
        <v>0</v>
      </c>
      <c r="J11469" s="8">
        <v>1</v>
      </c>
      <c r="K11469" s="9">
        <v>24</v>
      </c>
      <c r="L11469" s="6" t="s">
        <v>51</v>
      </c>
    </row>
    <row r="11470" spans="1:12">
      <c r="A11470" s="6" t="s">
        <v>49</v>
      </c>
      <c r="B11470" s="6"/>
      <c r="C11470" s="6" t="s">
        <v>11494</v>
      </c>
      <c r="D11470" s="6"/>
      <c r="E11470" s="6" t="s">
        <v>9</v>
      </c>
      <c r="F11470" s="7">
        <v>38657</v>
      </c>
      <c r="G11470" s="8">
        <v>1</v>
      </c>
      <c r="H11470" s="8">
        <v>1</v>
      </c>
      <c r="I11470" s="8">
        <v>0</v>
      </c>
      <c r="J11470" s="8">
        <v>1</v>
      </c>
      <c r="K11470" s="9">
        <v>29</v>
      </c>
      <c r="L11470" s="6" t="s">
        <v>51</v>
      </c>
    </row>
    <row r="11471" spans="1:12">
      <c r="A11471" s="6" t="s">
        <v>49</v>
      </c>
      <c r="B11471" s="6"/>
      <c r="C11471" s="6" t="s">
        <v>11495</v>
      </c>
      <c r="D11471" s="6"/>
      <c r="E11471" s="6" t="s">
        <v>9</v>
      </c>
      <c r="F11471" s="7">
        <v>38657</v>
      </c>
      <c r="G11471" s="8">
        <v>1</v>
      </c>
      <c r="H11471" s="8">
        <v>1</v>
      </c>
      <c r="I11471" s="8">
        <v>0</v>
      </c>
      <c r="J11471" s="8">
        <v>1</v>
      </c>
      <c r="K11471" s="9">
        <v>17</v>
      </c>
      <c r="L11471" s="6" t="s">
        <v>51</v>
      </c>
    </row>
    <row r="11472" spans="1:12">
      <c r="A11472" s="6" t="s">
        <v>49</v>
      </c>
      <c r="B11472" s="6"/>
      <c r="C11472" s="6" t="s">
        <v>11496</v>
      </c>
      <c r="D11472" s="6"/>
      <c r="E11472" s="6" t="s">
        <v>9</v>
      </c>
      <c r="F11472" s="7">
        <v>38657</v>
      </c>
      <c r="G11472" s="8">
        <v>1</v>
      </c>
      <c r="H11472" s="8">
        <v>1</v>
      </c>
      <c r="I11472" s="8">
        <v>0</v>
      </c>
      <c r="J11472" s="8">
        <v>1</v>
      </c>
      <c r="K11472" s="9">
        <v>37</v>
      </c>
      <c r="L11472" s="6" t="s">
        <v>51</v>
      </c>
    </row>
    <row r="11473" spans="1:12">
      <c r="A11473" s="6" t="s">
        <v>49</v>
      </c>
      <c r="B11473" s="6"/>
      <c r="C11473" s="6" t="s">
        <v>11497</v>
      </c>
      <c r="D11473" s="6"/>
      <c r="E11473" s="6" t="s">
        <v>9</v>
      </c>
      <c r="F11473" s="7">
        <v>38657</v>
      </c>
      <c r="G11473" s="8">
        <v>1</v>
      </c>
      <c r="H11473" s="8">
        <v>1</v>
      </c>
      <c r="I11473" s="8">
        <v>0</v>
      </c>
      <c r="J11473" s="8">
        <v>1</v>
      </c>
      <c r="K11473" s="9">
        <v>151</v>
      </c>
      <c r="L11473" s="6" t="s">
        <v>51</v>
      </c>
    </row>
    <row r="11474" spans="1:12">
      <c r="A11474" s="6" t="s">
        <v>49</v>
      </c>
      <c r="B11474" s="6"/>
      <c r="C11474" s="6" t="s">
        <v>11498</v>
      </c>
      <c r="D11474" s="6"/>
      <c r="E11474" s="6" t="s">
        <v>9</v>
      </c>
      <c r="F11474" s="7">
        <v>38657</v>
      </c>
      <c r="G11474" s="8">
        <v>1</v>
      </c>
      <c r="H11474" s="8">
        <v>1</v>
      </c>
      <c r="I11474" s="8">
        <v>0</v>
      </c>
      <c r="J11474" s="8">
        <v>1</v>
      </c>
      <c r="K11474" s="9">
        <v>159</v>
      </c>
      <c r="L11474" s="6" t="s">
        <v>51</v>
      </c>
    </row>
    <row r="11475" spans="1:12">
      <c r="A11475" s="6" t="s">
        <v>49</v>
      </c>
      <c r="B11475" s="6"/>
      <c r="C11475" s="6" t="s">
        <v>11499</v>
      </c>
      <c r="D11475" s="6"/>
      <c r="E11475" s="6" t="s">
        <v>9</v>
      </c>
      <c r="F11475" s="7">
        <v>38657</v>
      </c>
      <c r="G11475" s="8">
        <v>1</v>
      </c>
      <c r="H11475" s="8">
        <v>1</v>
      </c>
      <c r="I11475" s="8">
        <v>0</v>
      </c>
      <c r="J11475" s="8">
        <v>1</v>
      </c>
      <c r="K11475" s="9">
        <v>94</v>
      </c>
      <c r="L11475" s="6" t="s">
        <v>51</v>
      </c>
    </row>
    <row r="11476" spans="1:12">
      <c r="A11476" s="6" t="s">
        <v>49</v>
      </c>
      <c r="B11476" s="6"/>
      <c r="C11476" s="6" t="s">
        <v>11500</v>
      </c>
      <c r="D11476" s="6"/>
      <c r="E11476" s="6" t="s">
        <v>9</v>
      </c>
      <c r="F11476" s="7">
        <v>38657</v>
      </c>
      <c r="G11476" s="8">
        <v>1</v>
      </c>
      <c r="H11476" s="8">
        <v>1</v>
      </c>
      <c r="I11476" s="8">
        <v>0</v>
      </c>
      <c r="J11476" s="8">
        <v>1</v>
      </c>
      <c r="K11476" s="9">
        <v>46</v>
      </c>
      <c r="L11476" s="6" t="s">
        <v>51</v>
      </c>
    </row>
    <row r="11477" spans="1:12">
      <c r="A11477" s="6" t="s">
        <v>49</v>
      </c>
      <c r="B11477" s="6"/>
      <c r="C11477" s="6" t="s">
        <v>11501</v>
      </c>
      <c r="D11477" s="6"/>
      <c r="E11477" s="6" t="s">
        <v>9</v>
      </c>
      <c r="F11477" s="7">
        <v>38657</v>
      </c>
      <c r="G11477" s="8">
        <v>1</v>
      </c>
      <c r="H11477" s="8">
        <v>1</v>
      </c>
      <c r="I11477" s="8">
        <v>0</v>
      </c>
      <c r="J11477" s="8">
        <v>1</v>
      </c>
      <c r="K11477" s="9">
        <v>7.63</v>
      </c>
      <c r="L11477" s="6" t="s">
        <v>51</v>
      </c>
    </row>
    <row r="11478" spans="1:12">
      <c r="A11478" s="6" t="s">
        <v>49</v>
      </c>
      <c r="B11478" s="6"/>
      <c r="C11478" s="6" t="s">
        <v>11502</v>
      </c>
      <c r="D11478" s="6"/>
      <c r="E11478" s="6" t="s">
        <v>9</v>
      </c>
      <c r="F11478" s="7">
        <v>38657</v>
      </c>
      <c r="G11478" s="8">
        <v>1</v>
      </c>
      <c r="H11478" s="8">
        <v>1</v>
      </c>
      <c r="I11478" s="8">
        <v>0</v>
      </c>
      <c r="J11478" s="8">
        <v>1</v>
      </c>
      <c r="K11478" s="9">
        <v>94</v>
      </c>
      <c r="L11478" s="6" t="s">
        <v>51</v>
      </c>
    </row>
    <row r="11479" spans="1:12">
      <c r="A11479" s="6" t="s">
        <v>49</v>
      </c>
      <c r="B11479" s="6"/>
      <c r="C11479" s="6" t="s">
        <v>11503</v>
      </c>
      <c r="D11479" s="6"/>
      <c r="E11479" s="6" t="s">
        <v>9</v>
      </c>
      <c r="F11479" s="7">
        <v>38657</v>
      </c>
      <c r="G11479" s="8">
        <v>1</v>
      </c>
      <c r="H11479" s="8">
        <v>1</v>
      </c>
      <c r="I11479" s="8">
        <v>0</v>
      </c>
      <c r="J11479" s="8">
        <v>1</v>
      </c>
      <c r="K11479" s="9">
        <v>9.3000000000000007</v>
      </c>
      <c r="L11479" s="6" t="s">
        <v>51</v>
      </c>
    </row>
    <row r="11480" spans="1:12">
      <c r="A11480" s="6" t="s">
        <v>49</v>
      </c>
      <c r="B11480" s="6"/>
      <c r="C11480" s="6" t="s">
        <v>11504</v>
      </c>
      <c r="D11480" s="6"/>
      <c r="E11480" s="6" t="s">
        <v>9</v>
      </c>
      <c r="F11480" s="7">
        <v>38657</v>
      </c>
      <c r="G11480" s="8">
        <v>1</v>
      </c>
      <c r="H11480" s="8">
        <v>1</v>
      </c>
      <c r="I11480" s="8">
        <v>0</v>
      </c>
      <c r="J11480" s="8">
        <v>1</v>
      </c>
      <c r="K11480" s="9">
        <v>5.03</v>
      </c>
      <c r="L11480" s="6" t="s">
        <v>51</v>
      </c>
    </row>
    <row r="11481" spans="1:12">
      <c r="A11481" s="6" t="s">
        <v>49</v>
      </c>
      <c r="B11481" s="6"/>
      <c r="C11481" s="6" t="s">
        <v>11505</v>
      </c>
      <c r="D11481" s="6"/>
      <c r="E11481" s="6" t="s">
        <v>9</v>
      </c>
      <c r="F11481" s="7">
        <v>38657</v>
      </c>
      <c r="G11481" s="8">
        <v>1</v>
      </c>
      <c r="H11481" s="8">
        <v>1</v>
      </c>
      <c r="I11481" s="8">
        <v>0</v>
      </c>
      <c r="J11481" s="8">
        <v>1</v>
      </c>
      <c r="K11481" s="9">
        <v>2.75</v>
      </c>
      <c r="L11481" s="6" t="s">
        <v>51</v>
      </c>
    </row>
    <row r="11482" spans="1:12">
      <c r="A11482" s="6" t="s">
        <v>49</v>
      </c>
      <c r="B11482" s="6"/>
      <c r="C11482" s="6" t="s">
        <v>11506</v>
      </c>
      <c r="D11482" s="6"/>
      <c r="E11482" s="6" t="s">
        <v>9</v>
      </c>
      <c r="F11482" s="7">
        <v>38657</v>
      </c>
      <c r="G11482" s="8">
        <v>1</v>
      </c>
      <c r="H11482" s="8">
        <v>1</v>
      </c>
      <c r="I11482" s="8">
        <v>0</v>
      </c>
      <c r="J11482" s="8">
        <v>1</v>
      </c>
      <c r="K11482" s="9">
        <v>12</v>
      </c>
      <c r="L11482" s="6" t="s">
        <v>51</v>
      </c>
    </row>
    <row r="11483" spans="1:12">
      <c r="A11483" s="6" t="s">
        <v>49</v>
      </c>
      <c r="B11483" s="6"/>
      <c r="C11483" s="6" t="s">
        <v>11507</v>
      </c>
      <c r="D11483" s="6"/>
      <c r="E11483" s="6" t="s">
        <v>9</v>
      </c>
      <c r="F11483" s="7">
        <v>38657</v>
      </c>
      <c r="G11483" s="8">
        <v>1</v>
      </c>
      <c r="H11483" s="8">
        <v>1</v>
      </c>
      <c r="I11483" s="8">
        <v>0</v>
      </c>
      <c r="J11483" s="8">
        <v>1</v>
      </c>
      <c r="K11483" s="9">
        <v>10</v>
      </c>
      <c r="L11483" s="6" t="s">
        <v>51</v>
      </c>
    </row>
    <row r="11484" spans="1:12">
      <c r="A11484" s="6" t="s">
        <v>49</v>
      </c>
      <c r="B11484" s="6"/>
      <c r="C11484" s="6" t="s">
        <v>11508</v>
      </c>
      <c r="D11484" s="6"/>
      <c r="E11484" s="6" t="s">
        <v>9</v>
      </c>
      <c r="F11484" s="7">
        <v>38657</v>
      </c>
      <c r="G11484" s="8">
        <v>1</v>
      </c>
      <c r="H11484" s="8">
        <v>1</v>
      </c>
      <c r="I11484" s="8">
        <v>0</v>
      </c>
      <c r="J11484" s="8">
        <v>1</v>
      </c>
      <c r="K11484" s="9">
        <v>7.74</v>
      </c>
      <c r="L11484" s="6" t="s">
        <v>51</v>
      </c>
    </row>
    <row r="11485" spans="1:12">
      <c r="A11485" s="6" t="s">
        <v>49</v>
      </c>
      <c r="B11485" s="6"/>
      <c r="C11485" s="6" t="s">
        <v>11509</v>
      </c>
      <c r="D11485" s="6"/>
      <c r="E11485" s="6" t="s">
        <v>9</v>
      </c>
      <c r="F11485" s="7">
        <v>38657</v>
      </c>
      <c r="G11485" s="8">
        <v>1</v>
      </c>
      <c r="H11485" s="8">
        <v>1</v>
      </c>
      <c r="I11485" s="8">
        <v>0</v>
      </c>
      <c r="J11485" s="8">
        <v>1</v>
      </c>
      <c r="K11485" s="9">
        <v>18</v>
      </c>
      <c r="L11485" s="6" t="s">
        <v>51</v>
      </c>
    </row>
    <row r="11486" spans="1:12">
      <c r="A11486" s="6" t="s">
        <v>49</v>
      </c>
      <c r="B11486" s="6"/>
      <c r="C11486" s="6" t="s">
        <v>11510</v>
      </c>
      <c r="D11486" s="6"/>
      <c r="E11486" s="6" t="s">
        <v>9</v>
      </c>
      <c r="F11486" s="7">
        <v>38657</v>
      </c>
      <c r="G11486" s="8">
        <v>1</v>
      </c>
      <c r="H11486" s="8">
        <v>1</v>
      </c>
      <c r="I11486" s="8">
        <v>0</v>
      </c>
      <c r="J11486" s="8">
        <v>1</v>
      </c>
      <c r="K11486" s="9">
        <v>8.48</v>
      </c>
      <c r="L11486" s="6" t="s">
        <v>51</v>
      </c>
    </row>
    <row r="11487" spans="1:12">
      <c r="A11487" s="6" t="s">
        <v>49</v>
      </c>
      <c r="B11487" s="6"/>
      <c r="C11487" s="6" t="s">
        <v>11511</v>
      </c>
      <c r="D11487" s="6"/>
      <c r="E11487" s="6" t="s">
        <v>9</v>
      </c>
      <c r="F11487" s="7">
        <v>38657</v>
      </c>
      <c r="G11487" s="8">
        <v>1</v>
      </c>
      <c r="H11487" s="8">
        <v>1</v>
      </c>
      <c r="I11487" s="8">
        <v>0</v>
      </c>
      <c r="J11487" s="8">
        <v>1</v>
      </c>
      <c r="K11487" s="9">
        <v>17</v>
      </c>
      <c r="L11487" s="6" t="s">
        <v>51</v>
      </c>
    </row>
    <row r="11488" spans="1:12">
      <c r="A11488" s="6" t="s">
        <v>49</v>
      </c>
      <c r="B11488" s="6"/>
      <c r="C11488" s="6" t="s">
        <v>11512</v>
      </c>
      <c r="D11488" s="6"/>
      <c r="E11488" s="6" t="s">
        <v>9</v>
      </c>
      <c r="F11488" s="7">
        <v>38657</v>
      </c>
      <c r="G11488" s="8">
        <v>1</v>
      </c>
      <c r="H11488" s="8">
        <v>1</v>
      </c>
      <c r="I11488" s="8">
        <v>0</v>
      </c>
      <c r="J11488" s="8">
        <v>1</v>
      </c>
      <c r="K11488" s="9">
        <v>32.81</v>
      </c>
      <c r="L11488" s="6" t="s">
        <v>51</v>
      </c>
    </row>
    <row r="11489" spans="1:12">
      <c r="A11489" s="6" t="s">
        <v>49</v>
      </c>
      <c r="B11489" s="6"/>
      <c r="C11489" s="6" t="s">
        <v>11513</v>
      </c>
      <c r="D11489" s="6"/>
      <c r="E11489" s="6" t="s">
        <v>9</v>
      </c>
      <c r="F11489" s="7">
        <v>38657</v>
      </c>
      <c r="G11489" s="8">
        <v>1</v>
      </c>
      <c r="H11489" s="8">
        <v>1</v>
      </c>
      <c r="I11489" s="8">
        <v>0</v>
      </c>
      <c r="J11489" s="8">
        <v>1</v>
      </c>
      <c r="K11489" s="9">
        <v>18</v>
      </c>
      <c r="L11489" s="6" t="s">
        <v>51</v>
      </c>
    </row>
    <row r="11490" spans="1:12">
      <c r="A11490" s="6" t="s">
        <v>49</v>
      </c>
      <c r="B11490" s="6"/>
      <c r="C11490" s="6" t="s">
        <v>11514</v>
      </c>
      <c r="D11490" s="6"/>
      <c r="E11490" s="6" t="s">
        <v>9</v>
      </c>
      <c r="F11490" s="7">
        <v>38657</v>
      </c>
      <c r="G11490" s="8">
        <v>1</v>
      </c>
      <c r="H11490" s="8">
        <v>1</v>
      </c>
      <c r="I11490" s="8">
        <v>0</v>
      </c>
      <c r="J11490" s="8">
        <v>1</v>
      </c>
      <c r="K11490" s="9">
        <v>9</v>
      </c>
      <c r="L11490" s="6" t="s">
        <v>51</v>
      </c>
    </row>
    <row r="11491" spans="1:12">
      <c r="A11491" s="6" t="s">
        <v>49</v>
      </c>
      <c r="B11491" s="6"/>
      <c r="C11491" s="6" t="s">
        <v>11515</v>
      </c>
      <c r="D11491" s="6"/>
      <c r="E11491" s="6" t="s">
        <v>9</v>
      </c>
      <c r="F11491" s="7">
        <v>38657</v>
      </c>
      <c r="G11491" s="8">
        <v>1</v>
      </c>
      <c r="H11491" s="8">
        <v>1</v>
      </c>
      <c r="I11491" s="8">
        <v>0</v>
      </c>
      <c r="J11491" s="8">
        <v>1</v>
      </c>
      <c r="K11491" s="9">
        <v>11</v>
      </c>
      <c r="L11491" s="6" t="s">
        <v>51</v>
      </c>
    </row>
    <row r="11492" spans="1:12">
      <c r="A11492" s="6" t="s">
        <v>49</v>
      </c>
      <c r="B11492" s="6"/>
      <c r="C11492" s="6" t="s">
        <v>11516</v>
      </c>
      <c r="D11492" s="6"/>
      <c r="E11492" s="6" t="s">
        <v>9</v>
      </c>
      <c r="F11492" s="7">
        <v>38657</v>
      </c>
      <c r="G11492" s="8">
        <v>1</v>
      </c>
      <c r="H11492" s="8">
        <v>1</v>
      </c>
      <c r="I11492" s="8">
        <v>0</v>
      </c>
      <c r="J11492" s="8">
        <v>1</v>
      </c>
      <c r="K11492" s="9">
        <v>4.2</v>
      </c>
      <c r="L11492" s="6" t="s">
        <v>51</v>
      </c>
    </row>
    <row r="11493" spans="1:12">
      <c r="A11493" s="6" t="s">
        <v>49</v>
      </c>
      <c r="B11493" s="6"/>
      <c r="C11493" s="6" t="s">
        <v>11517</v>
      </c>
      <c r="D11493" s="6"/>
      <c r="E11493" s="6" t="s">
        <v>9</v>
      </c>
      <c r="F11493" s="7">
        <v>38657</v>
      </c>
      <c r="G11493" s="8">
        <v>1</v>
      </c>
      <c r="H11493" s="8">
        <v>1</v>
      </c>
      <c r="I11493" s="8">
        <v>0</v>
      </c>
      <c r="J11493" s="8">
        <v>1</v>
      </c>
      <c r="K11493" s="9">
        <v>33</v>
      </c>
      <c r="L11493" s="6" t="s">
        <v>51</v>
      </c>
    </row>
    <row r="11494" spans="1:12">
      <c r="A11494" s="6" t="s">
        <v>49</v>
      </c>
      <c r="B11494" s="6"/>
      <c r="C11494" s="6" t="s">
        <v>11518</v>
      </c>
      <c r="D11494" s="6"/>
      <c r="E11494" s="6" t="s">
        <v>9</v>
      </c>
      <c r="F11494" s="7">
        <v>38657</v>
      </c>
      <c r="G11494" s="8">
        <v>1</v>
      </c>
      <c r="H11494" s="8">
        <v>1</v>
      </c>
      <c r="I11494" s="8">
        <v>0</v>
      </c>
      <c r="J11494" s="8">
        <v>1</v>
      </c>
      <c r="K11494" s="9">
        <v>109</v>
      </c>
      <c r="L11494" s="6" t="s">
        <v>51</v>
      </c>
    </row>
    <row r="11495" spans="1:12">
      <c r="A11495" s="6" t="s">
        <v>49</v>
      </c>
      <c r="B11495" s="6"/>
      <c r="C11495" s="6" t="s">
        <v>11519</v>
      </c>
      <c r="D11495" s="6"/>
      <c r="E11495" s="6" t="s">
        <v>9</v>
      </c>
      <c r="F11495" s="7">
        <v>38657</v>
      </c>
      <c r="G11495" s="8">
        <v>1</v>
      </c>
      <c r="H11495" s="8">
        <v>1</v>
      </c>
      <c r="I11495" s="8">
        <v>0</v>
      </c>
      <c r="J11495" s="8">
        <v>1</v>
      </c>
      <c r="K11495" s="9">
        <v>10</v>
      </c>
      <c r="L11495" s="6" t="s">
        <v>51</v>
      </c>
    </row>
    <row r="11496" spans="1:12">
      <c r="A11496" s="6" t="s">
        <v>49</v>
      </c>
      <c r="B11496" s="6"/>
      <c r="C11496" s="6" t="s">
        <v>11520</v>
      </c>
      <c r="D11496" s="6"/>
      <c r="E11496" s="6" t="s">
        <v>9</v>
      </c>
      <c r="F11496" s="7">
        <v>38657</v>
      </c>
      <c r="G11496" s="8">
        <v>1</v>
      </c>
      <c r="H11496" s="8">
        <v>1</v>
      </c>
      <c r="I11496" s="8">
        <v>0</v>
      </c>
      <c r="J11496" s="8">
        <v>1</v>
      </c>
      <c r="K11496" s="9">
        <v>298</v>
      </c>
      <c r="L11496" s="6" t="s">
        <v>51</v>
      </c>
    </row>
    <row r="11497" spans="1:12">
      <c r="A11497" s="6" t="s">
        <v>49</v>
      </c>
      <c r="B11497" s="6"/>
      <c r="C11497" s="6" t="s">
        <v>11521</v>
      </c>
      <c r="D11497" s="6"/>
      <c r="E11497" s="6" t="s">
        <v>9</v>
      </c>
      <c r="F11497" s="7">
        <v>38657</v>
      </c>
      <c r="G11497" s="8">
        <v>1</v>
      </c>
      <c r="H11497" s="8">
        <v>1</v>
      </c>
      <c r="I11497" s="8">
        <v>0</v>
      </c>
      <c r="J11497" s="8">
        <v>1</v>
      </c>
      <c r="K11497" s="9">
        <v>1174</v>
      </c>
      <c r="L11497" s="6" t="s">
        <v>51</v>
      </c>
    </row>
    <row r="11498" spans="1:12">
      <c r="A11498" s="6" t="s">
        <v>49</v>
      </c>
      <c r="B11498" s="6"/>
      <c r="C11498" s="6" t="s">
        <v>11522</v>
      </c>
      <c r="D11498" s="6"/>
      <c r="E11498" s="6" t="s">
        <v>9</v>
      </c>
      <c r="F11498" s="7">
        <v>38657</v>
      </c>
      <c r="G11498" s="8">
        <v>1</v>
      </c>
      <c r="H11498" s="8">
        <v>1</v>
      </c>
      <c r="I11498" s="8">
        <v>0</v>
      </c>
      <c r="J11498" s="8">
        <v>1</v>
      </c>
      <c r="K11498" s="9">
        <v>1076</v>
      </c>
      <c r="L11498" s="6" t="s">
        <v>51</v>
      </c>
    </row>
    <row r="11499" spans="1:12">
      <c r="A11499" s="6" t="s">
        <v>49</v>
      </c>
      <c r="B11499" s="6"/>
      <c r="C11499" s="6" t="s">
        <v>11523</v>
      </c>
      <c r="D11499" s="6"/>
      <c r="E11499" s="6" t="s">
        <v>9</v>
      </c>
      <c r="F11499" s="7">
        <v>38657</v>
      </c>
      <c r="G11499" s="8">
        <v>1</v>
      </c>
      <c r="H11499" s="8">
        <v>1</v>
      </c>
      <c r="I11499" s="8">
        <v>0</v>
      </c>
      <c r="J11499" s="8">
        <v>1</v>
      </c>
      <c r="K11499" s="9">
        <v>3.3</v>
      </c>
      <c r="L11499" s="6" t="s">
        <v>51</v>
      </c>
    </row>
    <row r="11500" spans="1:12">
      <c r="A11500" s="6" t="s">
        <v>49</v>
      </c>
      <c r="B11500" s="6"/>
      <c r="C11500" s="6" t="s">
        <v>11524</v>
      </c>
      <c r="D11500" s="6"/>
      <c r="E11500" s="6" t="s">
        <v>9</v>
      </c>
      <c r="F11500" s="7">
        <v>38657</v>
      </c>
      <c r="G11500" s="8">
        <v>1</v>
      </c>
      <c r="H11500" s="8">
        <v>1</v>
      </c>
      <c r="I11500" s="8">
        <v>0</v>
      </c>
      <c r="J11500" s="8">
        <v>1</v>
      </c>
      <c r="K11500" s="9">
        <v>30</v>
      </c>
      <c r="L11500" s="6" t="s">
        <v>51</v>
      </c>
    </row>
    <row r="11501" spans="1:12">
      <c r="A11501" s="6" t="s">
        <v>49</v>
      </c>
      <c r="B11501" s="6"/>
      <c r="C11501" s="6" t="s">
        <v>11525</v>
      </c>
      <c r="D11501" s="6"/>
      <c r="E11501" s="6" t="s">
        <v>9</v>
      </c>
      <c r="F11501" s="7">
        <v>38657</v>
      </c>
      <c r="G11501" s="8">
        <v>1</v>
      </c>
      <c r="H11501" s="8">
        <v>1</v>
      </c>
      <c r="I11501" s="8">
        <v>0</v>
      </c>
      <c r="J11501" s="8">
        <v>1</v>
      </c>
      <c r="K11501" s="9">
        <v>26</v>
      </c>
      <c r="L11501" s="6" t="s">
        <v>51</v>
      </c>
    </row>
    <row r="11502" spans="1:12">
      <c r="A11502" s="6" t="s">
        <v>49</v>
      </c>
      <c r="B11502" s="6"/>
      <c r="C11502" s="6" t="s">
        <v>11526</v>
      </c>
      <c r="D11502" s="6"/>
      <c r="E11502" s="6" t="s">
        <v>9</v>
      </c>
      <c r="F11502" s="7">
        <v>38657</v>
      </c>
      <c r="G11502" s="8">
        <v>1</v>
      </c>
      <c r="H11502" s="8">
        <v>1</v>
      </c>
      <c r="I11502" s="8">
        <v>0</v>
      </c>
      <c r="J11502" s="8">
        <v>1</v>
      </c>
      <c r="K11502" s="9">
        <v>0.89</v>
      </c>
      <c r="L11502" s="6" t="s">
        <v>51</v>
      </c>
    </row>
    <row r="11503" spans="1:12">
      <c r="A11503" s="6" t="s">
        <v>49</v>
      </c>
      <c r="B11503" s="6"/>
      <c r="C11503" s="6" t="s">
        <v>11527</v>
      </c>
      <c r="D11503" s="6"/>
      <c r="E11503" s="6" t="s">
        <v>9</v>
      </c>
      <c r="F11503" s="7">
        <v>38657</v>
      </c>
      <c r="G11503" s="8">
        <v>1</v>
      </c>
      <c r="H11503" s="8">
        <v>1</v>
      </c>
      <c r="I11503" s="8">
        <v>0</v>
      </c>
      <c r="J11503" s="8">
        <v>1</v>
      </c>
      <c r="K11503" s="9">
        <v>16</v>
      </c>
      <c r="L11503" s="6" t="s">
        <v>51</v>
      </c>
    </row>
    <row r="11504" spans="1:12">
      <c r="A11504" s="6" t="s">
        <v>49</v>
      </c>
      <c r="B11504" s="6"/>
      <c r="C11504" s="6" t="s">
        <v>11528</v>
      </c>
      <c r="D11504" s="6"/>
      <c r="E11504" s="6" t="s">
        <v>9</v>
      </c>
      <c r="F11504" s="7">
        <v>38657</v>
      </c>
      <c r="G11504" s="8">
        <v>1</v>
      </c>
      <c r="H11504" s="8">
        <v>1</v>
      </c>
      <c r="I11504" s="8">
        <v>0</v>
      </c>
      <c r="J11504" s="8">
        <v>1</v>
      </c>
      <c r="K11504" s="9">
        <v>1.75</v>
      </c>
      <c r="L11504" s="6" t="s">
        <v>51</v>
      </c>
    </row>
    <row r="11505" spans="1:12">
      <c r="A11505" s="6" t="s">
        <v>49</v>
      </c>
      <c r="B11505" s="6"/>
      <c r="C11505" s="6" t="s">
        <v>11529</v>
      </c>
      <c r="D11505" s="6"/>
      <c r="E11505" s="6" t="s">
        <v>9</v>
      </c>
      <c r="F11505" s="7">
        <v>38657</v>
      </c>
      <c r="G11505" s="8">
        <v>1</v>
      </c>
      <c r="H11505" s="8">
        <v>1</v>
      </c>
      <c r="I11505" s="8">
        <v>0</v>
      </c>
      <c r="J11505" s="8">
        <v>1</v>
      </c>
      <c r="K11505" s="9">
        <v>57</v>
      </c>
      <c r="L11505" s="6" t="s">
        <v>51</v>
      </c>
    </row>
    <row r="11506" spans="1:12">
      <c r="A11506" s="6" t="s">
        <v>49</v>
      </c>
      <c r="B11506" s="6"/>
      <c r="C11506" s="6" t="s">
        <v>11530</v>
      </c>
      <c r="D11506" s="6"/>
      <c r="E11506" s="6" t="s">
        <v>9</v>
      </c>
      <c r="F11506" s="7">
        <v>38657</v>
      </c>
      <c r="G11506" s="8">
        <v>1</v>
      </c>
      <c r="H11506" s="8">
        <v>1</v>
      </c>
      <c r="I11506" s="8">
        <v>0</v>
      </c>
      <c r="J11506" s="8">
        <v>1</v>
      </c>
      <c r="K11506" s="9">
        <v>3.68</v>
      </c>
      <c r="L11506" s="6" t="s">
        <v>51</v>
      </c>
    </row>
    <row r="11507" spans="1:12">
      <c r="A11507" s="6" t="s">
        <v>49</v>
      </c>
      <c r="B11507" s="6"/>
      <c r="C11507" s="6" t="s">
        <v>11531</v>
      </c>
      <c r="D11507" s="6"/>
      <c r="E11507" s="6" t="s">
        <v>9</v>
      </c>
      <c r="F11507" s="7">
        <v>38657</v>
      </c>
      <c r="G11507" s="8">
        <v>1</v>
      </c>
      <c r="H11507" s="8">
        <v>1</v>
      </c>
      <c r="I11507" s="8">
        <v>0</v>
      </c>
      <c r="J11507" s="8">
        <v>1</v>
      </c>
      <c r="K11507" s="9">
        <v>17</v>
      </c>
      <c r="L11507" s="6" t="s">
        <v>51</v>
      </c>
    </row>
    <row r="11508" spans="1:12">
      <c r="A11508" s="6" t="s">
        <v>49</v>
      </c>
      <c r="B11508" s="6"/>
      <c r="C11508" s="6" t="s">
        <v>11532</v>
      </c>
      <c r="D11508" s="6"/>
      <c r="E11508" s="6" t="s">
        <v>9</v>
      </c>
      <c r="F11508" s="7">
        <v>38657</v>
      </c>
      <c r="G11508" s="8">
        <v>1</v>
      </c>
      <c r="H11508" s="8">
        <v>1</v>
      </c>
      <c r="I11508" s="8">
        <v>0</v>
      </c>
      <c r="J11508" s="8">
        <v>1</v>
      </c>
      <c r="K11508" s="9">
        <v>3.75</v>
      </c>
      <c r="L11508" s="6" t="s">
        <v>51</v>
      </c>
    </row>
    <row r="11509" spans="1:12">
      <c r="A11509" s="6" t="s">
        <v>49</v>
      </c>
      <c r="B11509" s="6"/>
      <c r="C11509" s="6" t="s">
        <v>11533</v>
      </c>
      <c r="D11509" s="6"/>
      <c r="E11509" s="6" t="s">
        <v>9</v>
      </c>
      <c r="F11509" s="7">
        <v>38657</v>
      </c>
      <c r="G11509" s="8">
        <v>1</v>
      </c>
      <c r="H11509" s="8">
        <v>1</v>
      </c>
      <c r="I11509" s="8">
        <v>0</v>
      </c>
      <c r="J11509" s="8">
        <v>1</v>
      </c>
      <c r="K11509" s="9">
        <v>967</v>
      </c>
      <c r="L11509" s="6" t="s">
        <v>51</v>
      </c>
    </row>
    <row r="11510" spans="1:12">
      <c r="A11510" s="6" t="s">
        <v>49</v>
      </c>
      <c r="B11510" s="6"/>
      <c r="C11510" s="6" t="s">
        <v>11534</v>
      </c>
      <c r="D11510" s="6"/>
      <c r="E11510" s="6" t="s">
        <v>9</v>
      </c>
      <c r="F11510" s="7">
        <v>38657</v>
      </c>
      <c r="G11510" s="8">
        <v>1</v>
      </c>
      <c r="H11510" s="8">
        <v>1</v>
      </c>
      <c r="I11510" s="8">
        <v>0</v>
      </c>
      <c r="J11510" s="8">
        <v>1</v>
      </c>
      <c r="K11510" s="9">
        <v>20.100000000000001</v>
      </c>
      <c r="L11510" s="6" t="s">
        <v>51</v>
      </c>
    </row>
    <row r="11511" spans="1:12">
      <c r="A11511" s="6" t="s">
        <v>49</v>
      </c>
      <c r="B11511" s="6"/>
      <c r="C11511" s="6" t="s">
        <v>11535</v>
      </c>
      <c r="D11511" s="6"/>
      <c r="E11511" s="6" t="s">
        <v>9</v>
      </c>
      <c r="F11511" s="7">
        <v>38657</v>
      </c>
      <c r="G11511" s="8">
        <v>1</v>
      </c>
      <c r="H11511" s="8">
        <v>1</v>
      </c>
      <c r="I11511" s="8">
        <v>0</v>
      </c>
      <c r="J11511" s="8">
        <v>1</v>
      </c>
      <c r="K11511" s="9">
        <v>1009</v>
      </c>
      <c r="L11511" s="6" t="s">
        <v>51</v>
      </c>
    </row>
    <row r="11512" spans="1:12">
      <c r="A11512" s="6" t="s">
        <v>49</v>
      </c>
      <c r="B11512" s="6"/>
      <c r="C11512" s="6" t="s">
        <v>11536</v>
      </c>
      <c r="D11512" s="6"/>
      <c r="E11512" s="6" t="s">
        <v>9</v>
      </c>
      <c r="F11512" s="7">
        <v>38657</v>
      </c>
      <c r="G11512" s="8">
        <v>1</v>
      </c>
      <c r="H11512" s="8">
        <v>1</v>
      </c>
      <c r="I11512" s="8">
        <v>0</v>
      </c>
      <c r="J11512" s="8">
        <v>1</v>
      </c>
      <c r="K11512" s="9">
        <v>14</v>
      </c>
      <c r="L11512" s="6" t="s">
        <v>51</v>
      </c>
    </row>
    <row r="11513" spans="1:12">
      <c r="A11513" s="6" t="s">
        <v>49</v>
      </c>
      <c r="B11513" s="6"/>
      <c r="C11513" s="6" t="s">
        <v>11537</v>
      </c>
      <c r="D11513" s="6"/>
      <c r="E11513" s="6" t="s">
        <v>9</v>
      </c>
      <c r="F11513" s="7">
        <v>38657</v>
      </c>
      <c r="G11513" s="8">
        <v>1</v>
      </c>
      <c r="H11513" s="8">
        <v>1</v>
      </c>
      <c r="I11513" s="8">
        <v>0</v>
      </c>
      <c r="J11513" s="8">
        <v>1</v>
      </c>
      <c r="K11513" s="9">
        <v>15</v>
      </c>
      <c r="L11513" s="6" t="s">
        <v>51</v>
      </c>
    </row>
    <row r="11514" spans="1:12">
      <c r="A11514" s="6" t="s">
        <v>49</v>
      </c>
      <c r="B11514" s="6"/>
      <c r="C11514" s="6" t="s">
        <v>11538</v>
      </c>
      <c r="D11514" s="6"/>
      <c r="E11514" s="6" t="s">
        <v>9</v>
      </c>
      <c r="F11514" s="7">
        <v>38657</v>
      </c>
      <c r="G11514" s="8">
        <v>1</v>
      </c>
      <c r="H11514" s="8">
        <v>1</v>
      </c>
      <c r="I11514" s="8">
        <v>0</v>
      </c>
      <c r="J11514" s="8">
        <v>1</v>
      </c>
      <c r="K11514" s="9">
        <v>47</v>
      </c>
      <c r="L11514" s="6" t="s">
        <v>51</v>
      </c>
    </row>
    <row r="11515" spans="1:12">
      <c r="A11515" s="6" t="s">
        <v>49</v>
      </c>
      <c r="B11515" s="6"/>
      <c r="C11515" s="6" t="s">
        <v>11539</v>
      </c>
      <c r="D11515" s="6"/>
      <c r="E11515" s="6" t="s">
        <v>9</v>
      </c>
      <c r="F11515" s="7">
        <v>38657</v>
      </c>
      <c r="G11515" s="8">
        <v>1</v>
      </c>
      <c r="H11515" s="8">
        <v>1</v>
      </c>
      <c r="I11515" s="8">
        <v>0</v>
      </c>
      <c r="J11515" s="8">
        <v>1</v>
      </c>
      <c r="K11515" s="9">
        <v>1.78</v>
      </c>
      <c r="L11515" s="6" t="s">
        <v>51</v>
      </c>
    </row>
    <row r="11516" spans="1:12">
      <c r="A11516" s="6" t="s">
        <v>49</v>
      </c>
      <c r="B11516" s="6"/>
      <c r="C11516" s="6" t="s">
        <v>11540</v>
      </c>
      <c r="D11516" s="6"/>
      <c r="E11516" s="6" t="s">
        <v>9</v>
      </c>
      <c r="F11516" s="7">
        <v>38657</v>
      </c>
      <c r="G11516" s="8">
        <v>1</v>
      </c>
      <c r="H11516" s="8">
        <v>1</v>
      </c>
      <c r="I11516" s="8">
        <v>0</v>
      </c>
      <c r="J11516" s="8">
        <v>1</v>
      </c>
      <c r="K11516" s="9">
        <v>1.29</v>
      </c>
      <c r="L11516" s="6" t="s">
        <v>51</v>
      </c>
    </row>
    <row r="11517" spans="1:12">
      <c r="A11517" s="6" t="s">
        <v>49</v>
      </c>
      <c r="B11517" s="6"/>
      <c r="C11517" s="6" t="s">
        <v>11541</v>
      </c>
      <c r="D11517" s="6"/>
      <c r="E11517" s="6" t="s">
        <v>9</v>
      </c>
      <c r="F11517" s="7">
        <v>38657</v>
      </c>
      <c r="G11517" s="8">
        <v>1</v>
      </c>
      <c r="H11517" s="8">
        <v>1</v>
      </c>
      <c r="I11517" s="8">
        <v>0</v>
      </c>
      <c r="J11517" s="8">
        <v>1</v>
      </c>
      <c r="K11517" s="9">
        <v>32</v>
      </c>
      <c r="L11517" s="6" t="s">
        <v>51</v>
      </c>
    </row>
    <row r="11518" spans="1:12">
      <c r="A11518" s="6" t="s">
        <v>49</v>
      </c>
      <c r="B11518" s="6"/>
      <c r="C11518" s="6" t="s">
        <v>11542</v>
      </c>
      <c r="D11518" s="6"/>
      <c r="E11518" s="6" t="s">
        <v>9</v>
      </c>
      <c r="F11518" s="7">
        <v>38657</v>
      </c>
      <c r="G11518" s="8">
        <v>1</v>
      </c>
      <c r="H11518" s="8">
        <v>1</v>
      </c>
      <c r="I11518" s="8">
        <v>0</v>
      </c>
      <c r="J11518" s="8">
        <v>1</v>
      </c>
      <c r="K11518" s="9">
        <v>47</v>
      </c>
      <c r="L11518" s="6" t="s">
        <v>51</v>
      </c>
    </row>
    <row r="11519" spans="1:12">
      <c r="A11519" s="6" t="s">
        <v>49</v>
      </c>
      <c r="B11519" s="6"/>
      <c r="C11519" s="6" t="s">
        <v>11543</v>
      </c>
      <c r="D11519" s="6"/>
      <c r="E11519" s="6" t="s">
        <v>9</v>
      </c>
      <c r="F11519" s="7">
        <v>38657</v>
      </c>
      <c r="G11519" s="8">
        <v>1</v>
      </c>
      <c r="H11519" s="8">
        <v>1</v>
      </c>
      <c r="I11519" s="8">
        <v>0</v>
      </c>
      <c r="J11519" s="8">
        <v>1</v>
      </c>
      <c r="K11519" s="9">
        <v>61</v>
      </c>
      <c r="L11519" s="6" t="s">
        <v>51</v>
      </c>
    </row>
    <row r="11520" spans="1:12">
      <c r="A11520" s="6" t="s">
        <v>49</v>
      </c>
      <c r="B11520" s="6"/>
      <c r="C11520" s="6" t="s">
        <v>11544</v>
      </c>
      <c r="D11520" s="6"/>
      <c r="E11520" s="6" t="s">
        <v>9</v>
      </c>
      <c r="F11520" s="7">
        <v>38657</v>
      </c>
      <c r="G11520" s="8">
        <v>1</v>
      </c>
      <c r="H11520" s="8">
        <v>1</v>
      </c>
      <c r="I11520" s="8">
        <v>0</v>
      </c>
      <c r="J11520" s="8">
        <v>1</v>
      </c>
      <c r="K11520" s="9">
        <v>1.98</v>
      </c>
      <c r="L11520" s="6" t="s">
        <v>51</v>
      </c>
    </row>
    <row r="11521" spans="1:12">
      <c r="A11521" s="6" t="s">
        <v>49</v>
      </c>
      <c r="B11521" s="6"/>
      <c r="C11521" s="6" t="s">
        <v>11545</v>
      </c>
      <c r="D11521" s="6"/>
      <c r="E11521" s="6" t="s">
        <v>9</v>
      </c>
      <c r="F11521" s="7">
        <v>38657</v>
      </c>
      <c r="G11521" s="8">
        <v>1</v>
      </c>
      <c r="H11521" s="8">
        <v>1</v>
      </c>
      <c r="I11521" s="8">
        <v>0</v>
      </c>
      <c r="J11521" s="8">
        <v>1</v>
      </c>
      <c r="K11521" s="9">
        <v>3.94</v>
      </c>
      <c r="L11521" s="6" t="s">
        <v>51</v>
      </c>
    </row>
    <row r="11522" spans="1:12">
      <c r="A11522" s="6" t="s">
        <v>49</v>
      </c>
      <c r="B11522" s="6"/>
      <c r="C11522" s="6" t="s">
        <v>11546</v>
      </c>
      <c r="D11522" s="6"/>
      <c r="E11522" s="6" t="s">
        <v>9</v>
      </c>
      <c r="F11522" s="7">
        <v>38657</v>
      </c>
      <c r="G11522" s="8">
        <v>1</v>
      </c>
      <c r="H11522" s="8">
        <v>1</v>
      </c>
      <c r="I11522" s="8">
        <v>0</v>
      </c>
      <c r="J11522" s="8">
        <v>1</v>
      </c>
      <c r="K11522" s="9">
        <v>32</v>
      </c>
      <c r="L11522" s="6" t="s">
        <v>51</v>
      </c>
    </row>
    <row r="11523" spans="1:12">
      <c r="A11523" s="6" t="s">
        <v>49</v>
      </c>
      <c r="B11523" s="6"/>
      <c r="C11523" s="6" t="s">
        <v>11547</v>
      </c>
      <c r="D11523" s="6"/>
      <c r="E11523" s="6" t="s">
        <v>9</v>
      </c>
      <c r="F11523" s="7">
        <v>38657</v>
      </c>
      <c r="G11523" s="8">
        <v>1</v>
      </c>
      <c r="H11523" s="8">
        <v>1</v>
      </c>
      <c r="I11523" s="8">
        <v>0</v>
      </c>
      <c r="J11523" s="8">
        <v>1</v>
      </c>
      <c r="K11523" s="9">
        <v>29</v>
      </c>
      <c r="L11523" s="6" t="s">
        <v>51</v>
      </c>
    </row>
    <row r="11524" spans="1:12">
      <c r="A11524" s="6" t="s">
        <v>49</v>
      </c>
      <c r="B11524" s="6"/>
      <c r="C11524" s="6" t="s">
        <v>11548</v>
      </c>
      <c r="D11524" s="6"/>
      <c r="E11524" s="6" t="s">
        <v>9</v>
      </c>
      <c r="F11524" s="7">
        <v>38657</v>
      </c>
      <c r="G11524" s="8">
        <v>1</v>
      </c>
      <c r="H11524" s="8">
        <v>1</v>
      </c>
      <c r="I11524" s="8">
        <v>0</v>
      </c>
      <c r="J11524" s="8">
        <v>1</v>
      </c>
      <c r="K11524" s="9">
        <v>0.96</v>
      </c>
      <c r="L11524" s="6" t="s">
        <v>51</v>
      </c>
    </row>
    <row r="11525" spans="1:12">
      <c r="A11525" s="6" t="s">
        <v>49</v>
      </c>
      <c r="B11525" s="6"/>
      <c r="C11525" s="6" t="s">
        <v>11549</v>
      </c>
      <c r="D11525" s="6"/>
      <c r="E11525" s="6" t="s">
        <v>9</v>
      </c>
      <c r="F11525" s="7">
        <v>38657</v>
      </c>
      <c r="G11525" s="8">
        <v>1</v>
      </c>
      <c r="H11525" s="8">
        <v>1</v>
      </c>
      <c r="I11525" s="8">
        <v>0</v>
      </c>
      <c r="J11525" s="8">
        <v>1</v>
      </c>
      <c r="K11525" s="9">
        <v>6.92</v>
      </c>
      <c r="L11525" s="6" t="s">
        <v>51</v>
      </c>
    </row>
    <row r="11526" spans="1:12">
      <c r="A11526" s="6" t="s">
        <v>49</v>
      </c>
      <c r="B11526" s="6"/>
      <c r="C11526" s="6" t="s">
        <v>11550</v>
      </c>
      <c r="D11526" s="6"/>
      <c r="E11526" s="6" t="s">
        <v>9</v>
      </c>
      <c r="F11526" s="7">
        <v>38657</v>
      </c>
      <c r="G11526" s="8">
        <v>1</v>
      </c>
      <c r="H11526" s="8">
        <v>1</v>
      </c>
      <c r="I11526" s="8">
        <v>0</v>
      </c>
      <c r="J11526" s="8">
        <v>1</v>
      </c>
      <c r="K11526" s="9">
        <v>14</v>
      </c>
      <c r="L11526" s="6" t="s">
        <v>51</v>
      </c>
    </row>
    <row r="11527" spans="1:12">
      <c r="A11527" s="6" t="s">
        <v>49</v>
      </c>
      <c r="B11527" s="6"/>
      <c r="C11527" s="6" t="s">
        <v>11551</v>
      </c>
      <c r="D11527" s="6"/>
      <c r="E11527" s="6" t="s">
        <v>9</v>
      </c>
      <c r="F11527" s="7">
        <v>38657</v>
      </c>
      <c r="G11527" s="8">
        <v>1</v>
      </c>
      <c r="H11527" s="8">
        <v>1</v>
      </c>
      <c r="I11527" s="8">
        <v>0</v>
      </c>
      <c r="J11527" s="8">
        <v>1</v>
      </c>
      <c r="K11527" s="9">
        <v>12</v>
      </c>
      <c r="L11527" s="6" t="s">
        <v>51</v>
      </c>
    </row>
    <row r="11528" spans="1:12">
      <c r="A11528" s="6" t="s">
        <v>49</v>
      </c>
      <c r="B11528" s="6"/>
      <c r="C11528" s="6" t="s">
        <v>11552</v>
      </c>
      <c r="D11528" s="6"/>
      <c r="E11528" s="6" t="s">
        <v>9</v>
      </c>
      <c r="F11528" s="7">
        <v>38657</v>
      </c>
      <c r="G11528" s="8">
        <v>1</v>
      </c>
      <c r="H11528" s="8">
        <v>1</v>
      </c>
      <c r="I11528" s="8">
        <v>0</v>
      </c>
      <c r="J11528" s="8">
        <v>1</v>
      </c>
      <c r="K11528" s="9">
        <v>7.99</v>
      </c>
      <c r="L11528" s="6" t="s">
        <v>51</v>
      </c>
    </row>
    <row r="11529" spans="1:12">
      <c r="A11529" s="6" t="s">
        <v>49</v>
      </c>
      <c r="B11529" s="6"/>
      <c r="C11529" s="6" t="s">
        <v>11553</v>
      </c>
      <c r="D11529" s="6"/>
      <c r="E11529" s="6" t="s">
        <v>9</v>
      </c>
      <c r="F11529" s="7">
        <v>38657</v>
      </c>
      <c r="G11529" s="8">
        <v>1</v>
      </c>
      <c r="H11529" s="8">
        <v>1</v>
      </c>
      <c r="I11529" s="8">
        <v>0</v>
      </c>
      <c r="J11529" s="8">
        <v>1</v>
      </c>
      <c r="K11529" s="9">
        <v>21</v>
      </c>
      <c r="L11529" s="6" t="s">
        <v>51</v>
      </c>
    </row>
    <row r="11530" spans="1:12">
      <c r="A11530" s="6" t="s">
        <v>49</v>
      </c>
      <c r="B11530" s="6"/>
      <c r="C11530" s="6" t="s">
        <v>11554</v>
      </c>
      <c r="D11530" s="6"/>
      <c r="E11530" s="6" t="s">
        <v>9</v>
      </c>
      <c r="F11530" s="7">
        <v>38657</v>
      </c>
      <c r="G11530" s="8">
        <v>1</v>
      </c>
      <c r="H11530" s="8">
        <v>1</v>
      </c>
      <c r="I11530" s="8">
        <v>0</v>
      </c>
      <c r="J11530" s="8">
        <v>1</v>
      </c>
      <c r="K11530" s="9">
        <v>7.7</v>
      </c>
      <c r="L11530" s="6" t="s">
        <v>51</v>
      </c>
    </row>
    <row r="11531" spans="1:12">
      <c r="A11531" s="6" t="s">
        <v>49</v>
      </c>
      <c r="B11531" s="6"/>
      <c r="C11531" s="6" t="s">
        <v>11555</v>
      </c>
      <c r="D11531" s="6"/>
      <c r="E11531" s="6" t="s">
        <v>9</v>
      </c>
      <c r="F11531" s="7">
        <v>38657</v>
      </c>
      <c r="G11531" s="8">
        <v>1</v>
      </c>
      <c r="H11531" s="8">
        <v>1</v>
      </c>
      <c r="I11531" s="8">
        <v>0</v>
      </c>
      <c r="J11531" s="8">
        <v>1</v>
      </c>
      <c r="K11531" s="9">
        <v>5.28</v>
      </c>
      <c r="L11531" s="6" t="s">
        <v>51</v>
      </c>
    </row>
    <row r="11532" spans="1:12">
      <c r="A11532" s="6" t="s">
        <v>49</v>
      </c>
      <c r="B11532" s="6"/>
      <c r="C11532" s="6" t="s">
        <v>11556</v>
      </c>
      <c r="D11532" s="6"/>
      <c r="E11532" s="6" t="s">
        <v>9</v>
      </c>
      <c r="F11532" s="7">
        <v>38657</v>
      </c>
      <c r="G11532" s="8">
        <v>1</v>
      </c>
      <c r="H11532" s="8">
        <v>1</v>
      </c>
      <c r="I11532" s="8">
        <v>0</v>
      </c>
      <c r="J11532" s="8">
        <v>1</v>
      </c>
      <c r="K11532" s="9">
        <v>2.52</v>
      </c>
      <c r="L11532" s="6" t="s">
        <v>51</v>
      </c>
    </row>
    <row r="11533" spans="1:12">
      <c r="A11533" s="6" t="s">
        <v>49</v>
      </c>
      <c r="B11533" s="6"/>
      <c r="C11533" s="6" t="s">
        <v>11557</v>
      </c>
      <c r="D11533" s="6"/>
      <c r="E11533" s="6" t="s">
        <v>9</v>
      </c>
      <c r="F11533" s="7">
        <v>38657</v>
      </c>
      <c r="G11533" s="8">
        <v>1</v>
      </c>
      <c r="H11533" s="8">
        <v>1</v>
      </c>
      <c r="I11533" s="8">
        <v>0</v>
      </c>
      <c r="J11533" s="8">
        <v>1</v>
      </c>
      <c r="K11533" s="9">
        <v>41</v>
      </c>
      <c r="L11533" s="6" t="s">
        <v>51</v>
      </c>
    </row>
    <row r="11534" spans="1:12">
      <c r="A11534" s="6" t="s">
        <v>49</v>
      </c>
      <c r="B11534" s="6"/>
      <c r="C11534" s="6" t="s">
        <v>11558</v>
      </c>
      <c r="D11534" s="6"/>
      <c r="E11534" s="6" t="s">
        <v>9</v>
      </c>
      <c r="F11534" s="7">
        <v>38657</v>
      </c>
      <c r="G11534" s="8">
        <v>1</v>
      </c>
      <c r="H11534" s="8">
        <v>1</v>
      </c>
      <c r="I11534" s="8">
        <v>0</v>
      </c>
      <c r="J11534" s="8">
        <v>1</v>
      </c>
      <c r="K11534" s="9">
        <v>13</v>
      </c>
      <c r="L11534" s="6" t="s">
        <v>51</v>
      </c>
    </row>
    <row r="11535" spans="1:12">
      <c r="A11535" s="6" t="s">
        <v>49</v>
      </c>
      <c r="B11535" s="6"/>
      <c r="C11535" s="6" t="s">
        <v>11559</v>
      </c>
      <c r="D11535" s="6"/>
      <c r="E11535" s="6" t="s">
        <v>9</v>
      </c>
      <c r="F11535" s="7">
        <v>38657</v>
      </c>
      <c r="G11535" s="8">
        <v>1</v>
      </c>
      <c r="H11535" s="8">
        <v>1</v>
      </c>
      <c r="I11535" s="8">
        <v>0</v>
      </c>
      <c r="J11535" s="8">
        <v>1</v>
      </c>
      <c r="K11535" s="9">
        <v>19</v>
      </c>
      <c r="L11535" s="6" t="s">
        <v>51</v>
      </c>
    </row>
    <row r="11536" spans="1:12">
      <c r="A11536" s="6" t="s">
        <v>49</v>
      </c>
      <c r="B11536" s="6"/>
      <c r="C11536" s="6" t="s">
        <v>11560</v>
      </c>
      <c r="D11536" s="6"/>
      <c r="E11536" s="6" t="s">
        <v>9</v>
      </c>
      <c r="F11536" s="7">
        <v>38657</v>
      </c>
      <c r="G11536" s="8">
        <v>1</v>
      </c>
      <c r="H11536" s="8">
        <v>1</v>
      </c>
      <c r="I11536" s="8">
        <v>0</v>
      </c>
      <c r="J11536" s="8">
        <v>1</v>
      </c>
      <c r="K11536" s="9">
        <v>80</v>
      </c>
      <c r="L11536" s="6" t="s">
        <v>51</v>
      </c>
    </row>
    <row r="11537" spans="1:12">
      <c r="A11537" s="6" t="s">
        <v>49</v>
      </c>
      <c r="B11537" s="6"/>
      <c r="C11537" s="6" t="s">
        <v>11561</v>
      </c>
      <c r="D11537" s="6"/>
      <c r="E11537" s="6" t="s">
        <v>9</v>
      </c>
      <c r="F11537" s="7">
        <v>38657</v>
      </c>
      <c r="G11537" s="8">
        <v>1</v>
      </c>
      <c r="H11537" s="8">
        <v>1</v>
      </c>
      <c r="I11537" s="8">
        <v>0</v>
      </c>
      <c r="J11537" s="8">
        <v>1</v>
      </c>
      <c r="K11537" s="9">
        <v>4.25</v>
      </c>
      <c r="L11537" s="6" t="s">
        <v>51</v>
      </c>
    </row>
    <row r="11538" spans="1:12">
      <c r="A11538" s="6" t="s">
        <v>49</v>
      </c>
      <c r="B11538" s="6"/>
      <c r="C11538" s="6" t="s">
        <v>11562</v>
      </c>
      <c r="D11538" s="6"/>
      <c r="E11538" s="6" t="s">
        <v>9</v>
      </c>
      <c r="F11538" s="7">
        <v>38657</v>
      </c>
      <c r="G11538" s="8">
        <v>1</v>
      </c>
      <c r="H11538" s="8">
        <v>1</v>
      </c>
      <c r="I11538" s="8">
        <v>0</v>
      </c>
      <c r="J11538" s="8">
        <v>1</v>
      </c>
      <c r="K11538" s="9">
        <v>3.57</v>
      </c>
      <c r="L11538" s="6" t="s">
        <v>51</v>
      </c>
    </row>
    <row r="11539" spans="1:12">
      <c r="A11539" s="6" t="s">
        <v>49</v>
      </c>
      <c r="B11539" s="6"/>
      <c r="C11539" s="6" t="s">
        <v>11563</v>
      </c>
      <c r="D11539" s="6"/>
      <c r="E11539" s="6" t="s">
        <v>9</v>
      </c>
      <c r="F11539" s="7">
        <v>38657</v>
      </c>
      <c r="G11539" s="8">
        <v>1</v>
      </c>
      <c r="H11539" s="8">
        <v>1</v>
      </c>
      <c r="I11539" s="8">
        <v>0</v>
      </c>
      <c r="J11539" s="8">
        <v>1</v>
      </c>
      <c r="K11539" s="9">
        <v>6.79</v>
      </c>
      <c r="L11539" s="6" t="s">
        <v>51</v>
      </c>
    </row>
    <row r="11540" spans="1:12">
      <c r="A11540" s="6" t="s">
        <v>49</v>
      </c>
      <c r="B11540" s="6"/>
      <c r="C11540" s="6" t="s">
        <v>11564</v>
      </c>
      <c r="D11540" s="6"/>
      <c r="E11540" s="6" t="s">
        <v>9</v>
      </c>
      <c r="F11540" s="7">
        <v>38657</v>
      </c>
      <c r="G11540" s="8">
        <v>1</v>
      </c>
      <c r="H11540" s="8">
        <v>1</v>
      </c>
      <c r="I11540" s="8">
        <v>0</v>
      </c>
      <c r="J11540" s="8">
        <v>1</v>
      </c>
      <c r="K11540" s="9">
        <v>2.72</v>
      </c>
      <c r="L11540" s="6" t="s">
        <v>51</v>
      </c>
    </row>
    <row r="11541" spans="1:12">
      <c r="A11541" s="6" t="s">
        <v>49</v>
      </c>
      <c r="B11541" s="6"/>
      <c r="C11541" s="6" t="s">
        <v>11565</v>
      </c>
      <c r="D11541" s="6"/>
      <c r="E11541" s="6" t="s">
        <v>9</v>
      </c>
      <c r="F11541" s="7">
        <v>38657</v>
      </c>
      <c r="G11541" s="8">
        <v>1</v>
      </c>
      <c r="H11541" s="8">
        <v>1</v>
      </c>
      <c r="I11541" s="8">
        <v>0</v>
      </c>
      <c r="J11541" s="8">
        <v>1</v>
      </c>
      <c r="K11541" s="9">
        <v>13</v>
      </c>
      <c r="L11541" s="6" t="s">
        <v>51</v>
      </c>
    </row>
    <row r="11542" spans="1:12">
      <c r="A11542" s="6" t="s">
        <v>49</v>
      </c>
      <c r="B11542" s="6"/>
      <c r="C11542" s="6" t="s">
        <v>11566</v>
      </c>
      <c r="D11542" s="6"/>
      <c r="E11542" s="6" t="s">
        <v>9</v>
      </c>
      <c r="F11542" s="7">
        <v>38657</v>
      </c>
      <c r="G11542" s="8">
        <v>1</v>
      </c>
      <c r="H11542" s="8">
        <v>1</v>
      </c>
      <c r="I11542" s="8">
        <v>0</v>
      </c>
      <c r="J11542" s="8">
        <v>1</v>
      </c>
      <c r="K11542" s="9">
        <v>9.7799999999999905</v>
      </c>
      <c r="L11542" s="6" t="s">
        <v>51</v>
      </c>
    </row>
    <row r="11543" spans="1:12">
      <c r="A11543" s="6" t="s">
        <v>49</v>
      </c>
      <c r="B11543" s="6"/>
      <c r="C11543" s="6" t="s">
        <v>11567</v>
      </c>
      <c r="D11543" s="6"/>
      <c r="E11543" s="6" t="s">
        <v>9</v>
      </c>
      <c r="F11543" s="7">
        <v>38657</v>
      </c>
      <c r="G11543" s="8">
        <v>1</v>
      </c>
      <c r="H11543" s="8">
        <v>1</v>
      </c>
      <c r="I11543" s="8">
        <v>0</v>
      </c>
      <c r="J11543" s="8">
        <v>1</v>
      </c>
      <c r="K11543" s="9">
        <v>2.41</v>
      </c>
      <c r="L11543" s="6" t="s">
        <v>51</v>
      </c>
    </row>
    <row r="11544" spans="1:12">
      <c r="A11544" s="6" t="s">
        <v>49</v>
      </c>
      <c r="B11544" s="6"/>
      <c r="C11544" s="6" t="s">
        <v>11568</v>
      </c>
      <c r="D11544" s="6"/>
      <c r="E11544" s="6" t="s">
        <v>9</v>
      </c>
      <c r="F11544" s="7">
        <v>38657</v>
      </c>
      <c r="G11544" s="8">
        <v>1</v>
      </c>
      <c r="H11544" s="8">
        <v>1</v>
      </c>
      <c r="I11544" s="8">
        <v>0</v>
      </c>
      <c r="J11544" s="8">
        <v>1</v>
      </c>
      <c r="K11544" s="9">
        <v>2.62</v>
      </c>
      <c r="L11544" s="6" t="s">
        <v>51</v>
      </c>
    </row>
    <row r="11545" spans="1:12">
      <c r="A11545" s="6" t="s">
        <v>49</v>
      </c>
      <c r="B11545" s="6"/>
      <c r="C11545" s="6" t="s">
        <v>11569</v>
      </c>
      <c r="D11545" s="6"/>
      <c r="E11545" s="6" t="s">
        <v>9</v>
      </c>
      <c r="F11545" s="7">
        <v>38657</v>
      </c>
      <c r="G11545" s="8">
        <v>1</v>
      </c>
      <c r="H11545" s="8">
        <v>1</v>
      </c>
      <c r="I11545" s="8">
        <v>0</v>
      </c>
      <c r="J11545" s="8">
        <v>1</v>
      </c>
      <c r="K11545" s="9">
        <v>8.2200000000000006</v>
      </c>
      <c r="L11545" s="6" t="s">
        <v>51</v>
      </c>
    </row>
    <row r="11546" spans="1:12">
      <c r="A11546" s="6" t="s">
        <v>49</v>
      </c>
      <c r="B11546" s="6"/>
      <c r="C11546" s="6" t="s">
        <v>11570</v>
      </c>
      <c r="D11546" s="6"/>
      <c r="E11546" s="6" t="s">
        <v>9</v>
      </c>
      <c r="F11546" s="7">
        <v>38657</v>
      </c>
      <c r="G11546" s="8">
        <v>1</v>
      </c>
      <c r="H11546" s="8">
        <v>1</v>
      </c>
      <c r="I11546" s="8">
        <v>0</v>
      </c>
      <c r="J11546" s="8">
        <v>1</v>
      </c>
      <c r="K11546" s="9">
        <v>5.76</v>
      </c>
      <c r="L11546" s="6" t="s">
        <v>51</v>
      </c>
    </row>
    <row r="11547" spans="1:12">
      <c r="A11547" s="6" t="s">
        <v>49</v>
      </c>
      <c r="B11547" s="6"/>
      <c r="C11547" s="6" t="s">
        <v>11571</v>
      </c>
      <c r="D11547" s="6"/>
      <c r="E11547" s="6" t="s">
        <v>9</v>
      </c>
      <c r="F11547" s="7">
        <v>38657</v>
      </c>
      <c r="G11547" s="8">
        <v>1</v>
      </c>
      <c r="H11547" s="8">
        <v>1</v>
      </c>
      <c r="I11547" s="8">
        <v>0</v>
      </c>
      <c r="J11547" s="8">
        <v>1</v>
      </c>
      <c r="K11547" s="9">
        <v>13</v>
      </c>
      <c r="L11547" s="6" t="s">
        <v>51</v>
      </c>
    </row>
    <row r="11548" spans="1:12">
      <c r="A11548" s="6" t="s">
        <v>49</v>
      </c>
      <c r="B11548" s="6"/>
      <c r="C11548" s="6" t="s">
        <v>11572</v>
      </c>
      <c r="D11548" s="6"/>
      <c r="E11548" s="6" t="s">
        <v>9</v>
      </c>
      <c r="F11548" s="7">
        <v>38657</v>
      </c>
      <c r="G11548" s="8">
        <v>1</v>
      </c>
      <c r="H11548" s="8">
        <v>1</v>
      </c>
      <c r="I11548" s="8">
        <v>0</v>
      </c>
      <c r="J11548" s="8">
        <v>1</v>
      </c>
      <c r="K11548" s="9">
        <v>8.74</v>
      </c>
      <c r="L11548" s="6" t="s">
        <v>51</v>
      </c>
    </row>
    <row r="11549" spans="1:12">
      <c r="A11549" s="6" t="s">
        <v>49</v>
      </c>
      <c r="B11549" s="6"/>
      <c r="C11549" s="6" t="s">
        <v>11573</v>
      </c>
      <c r="D11549" s="6"/>
      <c r="E11549" s="6" t="s">
        <v>9</v>
      </c>
      <c r="F11549" s="7">
        <v>38657</v>
      </c>
      <c r="G11549" s="8">
        <v>1</v>
      </c>
      <c r="H11549" s="8">
        <v>1</v>
      </c>
      <c r="I11549" s="8">
        <v>0</v>
      </c>
      <c r="J11549" s="8">
        <v>1</v>
      </c>
      <c r="K11549" s="9">
        <v>1.99</v>
      </c>
      <c r="L11549" s="6" t="s">
        <v>51</v>
      </c>
    </row>
    <row r="11550" spans="1:12">
      <c r="A11550" s="6" t="s">
        <v>49</v>
      </c>
      <c r="B11550" s="6"/>
      <c r="C11550" s="6" t="s">
        <v>11574</v>
      </c>
      <c r="D11550" s="6"/>
      <c r="E11550" s="6" t="s">
        <v>9</v>
      </c>
      <c r="F11550" s="7">
        <v>38657</v>
      </c>
      <c r="G11550" s="8">
        <v>1</v>
      </c>
      <c r="H11550" s="8">
        <v>1</v>
      </c>
      <c r="I11550" s="8">
        <v>0</v>
      </c>
      <c r="J11550" s="8">
        <v>1</v>
      </c>
      <c r="K11550" s="9">
        <v>4.42</v>
      </c>
      <c r="L11550" s="6" t="s">
        <v>51</v>
      </c>
    </row>
    <row r="11551" spans="1:12">
      <c r="A11551" s="6" t="s">
        <v>49</v>
      </c>
      <c r="B11551" s="6"/>
      <c r="C11551" s="6" t="s">
        <v>11575</v>
      </c>
      <c r="D11551" s="6"/>
      <c r="E11551" s="6" t="s">
        <v>9</v>
      </c>
      <c r="F11551" s="7">
        <v>38657</v>
      </c>
      <c r="G11551" s="8">
        <v>1</v>
      </c>
      <c r="H11551" s="8">
        <v>1</v>
      </c>
      <c r="I11551" s="8">
        <v>0</v>
      </c>
      <c r="J11551" s="8">
        <v>1</v>
      </c>
      <c r="K11551" s="9">
        <v>7.89</v>
      </c>
      <c r="L11551" s="6" t="s">
        <v>51</v>
      </c>
    </row>
    <row r="11552" spans="1:12">
      <c r="A11552" s="6" t="s">
        <v>49</v>
      </c>
      <c r="B11552" s="6"/>
      <c r="C11552" s="6" t="s">
        <v>11576</v>
      </c>
      <c r="D11552" s="6"/>
      <c r="E11552" s="6" t="s">
        <v>9</v>
      </c>
      <c r="F11552" s="7">
        <v>38657</v>
      </c>
      <c r="G11552" s="8">
        <v>1</v>
      </c>
      <c r="H11552" s="8">
        <v>1</v>
      </c>
      <c r="I11552" s="8">
        <v>0</v>
      </c>
      <c r="J11552" s="8">
        <v>1</v>
      </c>
      <c r="K11552" s="9">
        <v>36</v>
      </c>
      <c r="L11552" s="6" t="s">
        <v>51</v>
      </c>
    </row>
    <row r="11553" spans="1:12">
      <c r="A11553" s="6" t="s">
        <v>49</v>
      </c>
      <c r="B11553" s="6"/>
      <c r="C11553" s="6" t="s">
        <v>11577</v>
      </c>
      <c r="D11553" s="6"/>
      <c r="E11553" s="6" t="s">
        <v>9</v>
      </c>
      <c r="F11553" s="7">
        <v>38657</v>
      </c>
      <c r="G11553" s="8">
        <v>1</v>
      </c>
      <c r="H11553" s="8">
        <v>1</v>
      </c>
      <c r="I11553" s="8">
        <v>0</v>
      </c>
      <c r="J11553" s="8">
        <v>1</v>
      </c>
      <c r="K11553" s="9">
        <v>27</v>
      </c>
      <c r="L11553" s="6" t="s">
        <v>51</v>
      </c>
    </row>
    <row r="11554" spans="1:12">
      <c r="A11554" s="6" t="s">
        <v>49</v>
      </c>
      <c r="B11554" s="6"/>
      <c r="C11554" s="6" t="s">
        <v>11578</v>
      </c>
      <c r="D11554" s="6"/>
      <c r="E11554" s="6" t="s">
        <v>9</v>
      </c>
      <c r="F11554" s="7">
        <v>38657</v>
      </c>
      <c r="G11554" s="8">
        <v>1</v>
      </c>
      <c r="H11554" s="8">
        <v>1</v>
      </c>
      <c r="I11554" s="8">
        <v>0</v>
      </c>
      <c r="J11554" s="8">
        <v>1</v>
      </c>
      <c r="K11554" s="9">
        <v>2.71</v>
      </c>
      <c r="L11554" s="6" t="s">
        <v>51</v>
      </c>
    </row>
    <row r="11555" spans="1:12">
      <c r="A11555" s="6" t="s">
        <v>49</v>
      </c>
      <c r="B11555" s="6"/>
      <c r="C11555" s="6" t="s">
        <v>11579</v>
      </c>
      <c r="D11555" s="6"/>
      <c r="E11555" s="6" t="s">
        <v>9</v>
      </c>
      <c r="F11555" s="7">
        <v>38657</v>
      </c>
      <c r="G11555" s="8">
        <v>1</v>
      </c>
      <c r="H11555" s="8">
        <v>1</v>
      </c>
      <c r="I11555" s="8">
        <v>0</v>
      </c>
      <c r="J11555" s="8">
        <v>1</v>
      </c>
      <c r="K11555" s="9">
        <v>11</v>
      </c>
      <c r="L11555" s="6" t="s">
        <v>51</v>
      </c>
    </row>
    <row r="11556" spans="1:12">
      <c r="A11556" s="6" t="s">
        <v>49</v>
      </c>
      <c r="B11556" s="6"/>
      <c r="C11556" s="6" t="s">
        <v>11580</v>
      </c>
      <c r="D11556" s="6"/>
      <c r="E11556" s="6" t="s">
        <v>9</v>
      </c>
      <c r="F11556" s="7">
        <v>38657</v>
      </c>
      <c r="G11556" s="8">
        <v>1</v>
      </c>
      <c r="H11556" s="8">
        <v>1</v>
      </c>
      <c r="I11556" s="8">
        <v>0</v>
      </c>
      <c r="J11556" s="8">
        <v>1</v>
      </c>
      <c r="K11556" s="9">
        <v>23</v>
      </c>
      <c r="L11556" s="6" t="s">
        <v>51</v>
      </c>
    </row>
    <row r="11557" spans="1:12">
      <c r="A11557" s="6" t="s">
        <v>49</v>
      </c>
      <c r="B11557" s="6"/>
      <c r="C11557" s="6" t="s">
        <v>11581</v>
      </c>
      <c r="D11557" s="6"/>
      <c r="E11557" s="6" t="s">
        <v>9</v>
      </c>
      <c r="F11557" s="7">
        <v>38657</v>
      </c>
      <c r="G11557" s="8">
        <v>1</v>
      </c>
      <c r="H11557" s="8">
        <v>1</v>
      </c>
      <c r="I11557" s="8">
        <v>0</v>
      </c>
      <c r="J11557" s="8">
        <v>1</v>
      </c>
      <c r="K11557" s="9">
        <v>15</v>
      </c>
      <c r="L11557" s="6" t="s">
        <v>51</v>
      </c>
    </row>
    <row r="11558" spans="1:12">
      <c r="A11558" s="6" t="s">
        <v>49</v>
      </c>
      <c r="B11558" s="6"/>
      <c r="C11558" s="6" t="s">
        <v>11582</v>
      </c>
      <c r="D11558" s="6"/>
      <c r="E11558" s="6" t="s">
        <v>9</v>
      </c>
      <c r="F11558" s="7">
        <v>38657</v>
      </c>
      <c r="G11558" s="8">
        <v>1</v>
      </c>
      <c r="H11558" s="8">
        <v>1</v>
      </c>
      <c r="I11558" s="8">
        <v>0</v>
      </c>
      <c r="J11558" s="8">
        <v>1</v>
      </c>
      <c r="K11558" s="9">
        <v>35</v>
      </c>
      <c r="L11558" s="6" t="s">
        <v>51</v>
      </c>
    </row>
    <row r="11559" spans="1:12">
      <c r="A11559" s="6" t="s">
        <v>49</v>
      </c>
      <c r="B11559" s="6"/>
      <c r="C11559" s="6" t="s">
        <v>11583</v>
      </c>
      <c r="D11559" s="6"/>
      <c r="E11559" s="6" t="s">
        <v>9</v>
      </c>
      <c r="F11559" s="7">
        <v>38657</v>
      </c>
      <c r="G11559" s="8">
        <v>1</v>
      </c>
      <c r="H11559" s="8">
        <v>1</v>
      </c>
      <c r="I11559" s="8">
        <v>0</v>
      </c>
      <c r="J11559" s="8">
        <v>1</v>
      </c>
      <c r="K11559" s="9">
        <v>42</v>
      </c>
      <c r="L11559" s="6" t="s">
        <v>51</v>
      </c>
    </row>
    <row r="11560" spans="1:12">
      <c r="A11560" s="6" t="s">
        <v>49</v>
      </c>
      <c r="B11560" s="6"/>
      <c r="C11560" s="6" t="s">
        <v>11584</v>
      </c>
      <c r="D11560" s="6"/>
      <c r="E11560" s="6" t="s">
        <v>9</v>
      </c>
      <c r="F11560" s="7">
        <v>38657</v>
      </c>
      <c r="G11560" s="8">
        <v>1</v>
      </c>
      <c r="H11560" s="8">
        <v>1</v>
      </c>
      <c r="I11560" s="8">
        <v>0</v>
      </c>
      <c r="J11560" s="8">
        <v>1</v>
      </c>
      <c r="K11560" s="9">
        <v>39</v>
      </c>
      <c r="L11560" s="6" t="s">
        <v>51</v>
      </c>
    </row>
    <row r="11561" spans="1:12">
      <c r="A11561" s="6" t="s">
        <v>49</v>
      </c>
      <c r="B11561" s="6"/>
      <c r="C11561" s="6" t="s">
        <v>11585</v>
      </c>
      <c r="D11561" s="6"/>
      <c r="E11561" s="6" t="s">
        <v>9</v>
      </c>
      <c r="F11561" s="7">
        <v>38657</v>
      </c>
      <c r="G11561" s="8">
        <v>1</v>
      </c>
      <c r="H11561" s="8">
        <v>1</v>
      </c>
      <c r="I11561" s="8">
        <v>0</v>
      </c>
      <c r="J11561" s="8">
        <v>1</v>
      </c>
      <c r="K11561" s="9">
        <v>39</v>
      </c>
      <c r="L11561" s="6" t="s">
        <v>51</v>
      </c>
    </row>
    <row r="11562" spans="1:12">
      <c r="A11562" s="6" t="s">
        <v>49</v>
      </c>
      <c r="B11562" s="6"/>
      <c r="C11562" s="6" t="s">
        <v>11586</v>
      </c>
      <c r="D11562" s="6"/>
      <c r="E11562" s="6" t="s">
        <v>9</v>
      </c>
      <c r="F11562" s="7">
        <v>38657</v>
      </c>
      <c r="G11562" s="8">
        <v>1</v>
      </c>
      <c r="H11562" s="8">
        <v>1</v>
      </c>
      <c r="I11562" s="8">
        <v>0</v>
      </c>
      <c r="J11562" s="8">
        <v>1</v>
      </c>
      <c r="K11562" s="9">
        <v>39</v>
      </c>
      <c r="L11562" s="6" t="s">
        <v>51</v>
      </c>
    </row>
    <row r="11563" spans="1:12">
      <c r="A11563" s="6" t="s">
        <v>49</v>
      </c>
      <c r="B11563" s="6"/>
      <c r="C11563" s="6" t="s">
        <v>11587</v>
      </c>
      <c r="D11563" s="6"/>
      <c r="E11563" s="6" t="s">
        <v>9</v>
      </c>
      <c r="F11563" s="7">
        <v>38657</v>
      </c>
      <c r="G11563" s="8">
        <v>1</v>
      </c>
      <c r="H11563" s="8">
        <v>1</v>
      </c>
      <c r="I11563" s="8">
        <v>0</v>
      </c>
      <c r="J11563" s="8">
        <v>1</v>
      </c>
      <c r="K11563" s="9">
        <v>39</v>
      </c>
      <c r="L11563" s="6" t="s">
        <v>51</v>
      </c>
    </row>
    <row r="11564" spans="1:12">
      <c r="A11564" s="6" t="s">
        <v>49</v>
      </c>
      <c r="B11564" s="6"/>
      <c r="C11564" s="6" t="s">
        <v>11588</v>
      </c>
      <c r="D11564" s="6"/>
      <c r="E11564" s="6" t="s">
        <v>9</v>
      </c>
      <c r="F11564" s="7">
        <v>38657</v>
      </c>
      <c r="G11564" s="8">
        <v>1</v>
      </c>
      <c r="H11564" s="8">
        <v>1</v>
      </c>
      <c r="I11564" s="8">
        <v>0</v>
      </c>
      <c r="J11564" s="8">
        <v>1</v>
      </c>
      <c r="K11564" s="9">
        <v>39</v>
      </c>
      <c r="L11564" s="6" t="s">
        <v>51</v>
      </c>
    </row>
    <row r="11565" spans="1:12">
      <c r="A11565" s="6" t="s">
        <v>49</v>
      </c>
      <c r="B11565" s="6"/>
      <c r="C11565" s="6" t="s">
        <v>11589</v>
      </c>
      <c r="D11565" s="6"/>
      <c r="E11565" s="6" t="s">
        <v>9</v>
      </c>
      <c r="F11565" s="7">
        <v>38657</v>
      </c>
      <c r="G11565" s="8">
        <v>1</v>
      </c>
      <c r="H11565" s="8">
        <v>1</v>
      </c>
      <c r="I11565" s="8">
        <v>0</v>
      </c>
      <c r="J11565" s="8">
        <v>1</v>
      </c>
      <c r="K11565" s="9">
        <v>2.27</v>
      </c>
      <c r="L11565" s="6" t="s">
        <v>51</v>
      </c>
    </row>
    <row r="11566" spans="1:12">
      <c r="A11566" s="6" t="s">
        <v>49</v>
      </c>
      <c r="B11566" s="6"/>
      <c r="C11566" s="6" t="s">
        <v>11590</v>
      </c>
      <c r="D11566" s="6"/>
      <c r="E11566" s="6" t="s">
        <v>9</v>
      </c>
      <c r="F11566" s="7">
        <v>38657</v>
      </c>
      <c r="G11566" s="8">
        <v>1</v>
      </c>
      <c r="H11566" s="8">
        <v>1</v>
      </c>
      <c r="I11566" s="8">
        <v>0</v>
      </c>
      <c r="J11566" s="8">
        <v>1</v>
      </c>
      <c r="K11566" s="9">
        <v>69</v>
      </c>
      <c r="L11566" s="6" t="s">
        <v>51</v>
      </c>
    </row>
    <row r="11567" spans="1:12">
      <c r="A11567" s="6" t="s">
        <v>49</v>
      </c>
      <c r="B11567" s="6"/>
      <c r="C11567" s="6" t="s">
        <v>11591</v>
      </c>
      <c r="D11567" s="6"/>
      <c r="E11567" s="6" t="s">
        <v>9</v>
      </c>
      <c r="F11567" s="7">
        <v>38657</v>
      </c>
      <c r="G11567" s="8">
        <v>1</v>
      </c>
      <c r="H11567" s="8">
        <v>1</v>
      </c>
      <c r="I11567" s="8">
        <v>0</v>
      </c>
      <c r="J11567" s="8">
        <v>1</v>
      </c>
      <c r="K11567" s="9">
        <v>33</v>
      </c>
      <c r="L11567" s="6" t="s">
        <v>51</v>
      </c>
    </row>
    <row r="11568" spans="1:12">
      <c r="A11568" s="6" t="s">
        <v>49</v>
      </c>
      <c r="B11568" s="6"/>
      <c r="C11568" s="6" t="s">
        <v>11592</v>
      </c>
      <c r="D11568" s="6"/>
      <c r="E11568" s="6" t="s">
        <v>9</v>
      </c>
      <c r="F11568" s="7">
        <v>38657</v>
      </c>
      <c r="G11568" s="8">
        <v>1</v>
      </c>
      <c r="H11568" s="8">
        <v>1</v>
      </c>
      <c r="I11568" s="8">
        <v>0</v>
      </c>
      <c r="J11568" s="8">
        <v>1</v>
      </c>
      <c r="K11568" s="9">
        <v>40</v>
      </c>
      <c r="L11568" s="6" t="s">
        <v>51</v>
      </c>
    </row>
    <row r="11569" spans="1:12">
      <c r="A11569" s="6" t="s">
        <v>49</v>
      </c>
      <c r="B11569" s="6"/>
      <c r="C11569" s="6" t="s">
        <v>11593</v>
      </c>
      <c r="D11569" s="6"/>
      <c r="E11569" s="6" t="s">
        <v>9</v>
      </c>
      <c r="F11569" s="7">
        <v>38657</v>
      </c>
      <c r="G11569" s="8">
        <v>1</v>
      </c>
      <c r="H11569" s="8">
        <v>1</v>
      </c>
      <c r="I11569" s="8">
        <v>0</v>
      </c>
      <c r="J11569" s="8">
        <v>1</v>
      </c>
      <c r="K11569" s="9">
        <v>25</v>
      </c>
      <c r="L11569" s="6" t="s">
        <v>51</v>
      </c>
    </row>
    <row r="11570" spans="1:12">
      <c r="A11570" s="6" t="s">
        <v>49</v>
      </c>
      <c r="B11570" s="6"/>
      <c r="C11570" s="6" t="s">
        <v>11594</v>
      </c>
      <c r="D11570" s="6"/>
      <c r="E11570" s="6" t="s">
        <v>9</v>
      </c>
      <c r="F11570" s="7">
        <v>38657</v>
      </c>
      <c r="G11570" s="8">
        <v>1</v>
      </c>
      <c r="H11570" s="8">
        <v>1</v>
      </c>
      <c r="I11570" s="8">
        <v>0</v>
      </c>
      <c r="J11570" s="8">
        <v>1</v>
      </c>
      <c r="K11570" s="9">
        <v>14</v>
      </c>
      <c r="L11570" s="6" t="s">
        <v>51</v>
      </c>
    </row>
    <row r="11571" spans="1:12">
      <c r="A11571" s="6" t="s">
        <v>49</v>
      </c>
      <c r="B11571" s="6"/>
      <c r="C11571" s="6" t="s">
        <v>11595</v>
      </c>
      <c r="D11571" s="6"/>
      <c r="E11571" s="6" t="s">
        <v>9</v>
      </c>
      <c r="F11571" s="7">
        <v>38657</v>
      </c>
      <c r="G11571" s="8">
        <v>1</v>
      </c>
      <c r="H11571" s="8">
        <v>1</v>
      </c>
      <c r="I11571" s="8">
        <v>0</v>
      </c>
      <c r="J11571" s="8">
        <v>1</v>
      </c>
      <c r="K11571" s="9">
        <v>40</v>
      </c>
      <c r="L11571" s="6" t="s">
        <v>51</v>
      </c>
    </row>
    <row r="11572" spans="1:12">
      <c r="A11572" s="6" t="s">
        <v>49</v>
      </c>
      <c r="B11572" s="6"/>
      <c r="C11572" s="6" t="s">
        <v>11596</v>
      </c>
      <c r="D11572" s="6"/>
      <c r="E11572" s="6" t="s">
        <v>9</v>
      </c>
      <c r="F11572" s="7">
        <v>38657</v>
      </c>
      <c r="G11572" s="8">
        <v>1</v>
      </c>
      <c r="H11572" s="8">
        <v>1</v>
      </c>
      <c r="I11572" s="8">
        <v>0</v>
      </c>
      <c r="J11572" s="8">
        <v>1</v>
      </c>
      <c r="K11572" s="9">
        <v>40</v>
      </c>
      <c r="L11572" s="6" t="s">
        <v>51</v>
      </c>
    </row>
    <row r="11573" spans="1:12">
      <c r="A11573" s="6" t="s">
        <v>49</v>
      </c>
      <c r="B11573" s="6"/>
      <c r="C11573" s="6" t="s">
        <v>11597</v>
      </c>
      <c r="D11573" s="6"/>
      <c r="E11573" s="6" t="s">
        <v>9</v>
      </c>
      <c r="F11573" s="7">
        <v>38657</v>
      </c>
      <c r="G11573" s="8">
        <v>1</v>
      </c>
      <c r="H11573" s="8">
        <v>1</v>
      </c>
      <c r="I11573" s="8">
        <v>0</v>
      </c>
      <c r="J11573" s="8">
        <v>1</v>
      </c>
      <c r="K11573" s="9">
        <v>40</v>
      </c>
      <c r="L11573" s="6" t="s">
        <v>51</v>
      </c>
    </row>
    <row r="11574" spans="1:12">
      <c r="A11574" s="6" t="s">
        <v>49</v>
      </c>
      <c r="B11574" s="6"/>
      <c r="C11574" s="6" t="s">
        <v>11598</v>
      </c>
      <c r="D11574" s="6"/>
      <c r="E11574" s="6" t="s">
        <v>9</v>
      </c>
      <c r="F11574" s="7">
        <v>38657</v>
      </c>
      <c r="G11574" s="8">
        <v>1</v>
      </c>
      <c r="H11574" s="8">
        <v>1</v>
      </c>
      <c r="I11574" s="8">
        <v>0</v>
      </c>
      <c r="J11574" s="8">
        <v>1</v>
      </c>
      <c r="K11574" s="9">
        <v>40</v>
      </c>
      <c r="L11574" s="6" t="s">
        <v>51</v>
      </c>
    </row>
    <row r="11575" spans="1:12">
      <c r="A11575" s="6" t="s">
        <v>49</v>
      </c>
      <c r="B11575" s="6"/>
      <c r="C11575" s="6" t="s">
        <v>11599</v>
      </c>
      <c r="D11575" s="6"/>
      <c r="E11575" s="6" t="s">
        <v>9</v>
      </c>
      <c r="F11575" s="7">
        <v>38657</v>
      </c>
      <c r="G11575" s="8">
        <v>1</v>
      </c>
      <c r="H11575" s="8">
        <v>1</v>
      </c>
      <c r="I11575" s="8">
        <v>0</v>
      </c>
      <c r="J11575" s="8">
        <v>1</v>
      </c>
      <c r="K11575" s="9">
        <v>38</v>
      </c>
      <c r="L11575" s="6" t="s">
        <v>51</v>
      </c>
    </row>
    <row r="11576" spans="1:12">
      <c r="A11576" s="6" t="s">
        <v>49</v>
      </c>
      <c r="B11576" s="6"/>
      <c r="C11576" s="6" t="s">
        <v>11600</v>
      </c>
      <c r="D11576" s="6"/>
      <c r="E11576" s="6" t="s">
        <v>9</v>
      </c>
      <c r="F11576" s="7">
        <v>38657</v>
      </c>
      <c r="G11576" s="8">
        <v>1</v>
      </c>
      <c r="H11576" s="8">
        <v>1</v>
      </c>
      <c r="I11576" s="8">
        <v>0</v>
      </c>
      <c r="J11576" s="8">
        <v>1</v>
      </c>
      <c r="K11576" s="9">
        <v>4.0199999999999898</v>
      </c>
      <c r="L11576" s="6" t="s">
        <v>51</v>
      </c>
    </row>
    <row r="11577" spans="1:12">
      <c r="A11577" s="6" t="s">
        <v>49</v>
      </c>
      <c r="B11577" s="6"/>
      <c r="C11577" s="6" t="s">
        <v>11601</v>
      </c>
      <c r="D11577" s="6"/>
      <c r="E11577" s="6" t="s">
        <v>9</v>
      </c>
      <c r="F11577" s="7">
        <v>38657</v>
      </c>
      <c r="G11577" s="8">
        <v>1</v>
      </c>
      <c r="H11577" s="8">
        <v>1</v>
      </c>
      <c r="I11577" s="8">
        <v>0</v>
      </c>
      <c r="J11577" s="8">
        <v>1</v>
      </c>
      <c r="K11577" s="9">
        <v>40</v>
      </c>
      <c r="L11577" s="6" t="s">
        <v>51</v>
      </c>
    </row>
    <row r="11578" spans="1:12">
      <c r="A11578" s="6" t="s">
        <v>49</v>
      </c>
      <c r="B11578" s="6"/>
      <c r="C11578" s="6" t="s">
        <v>11602</v>
      </c>
      <c r="D11578" s="6"/>
      <c r="E11578" s="6" t="s">
        <v>9</v>
      </c>
      <c r="F11578" s="7">
        <v>38657</v>
      </c>
      <c r="G11578" s="8">
        <v>1</v>
      </c>
      <c r="H11578" s="8">
        <v>1</v>
      </c>
      <c r="I11578" s="8">
        <v>0</v>
      </c>
      <c r="J11578" s="8">
        <v>1</v>
      </c>
      <c r="K11578" s="9">
        <v>39</v>
      </c>
      <c r="L11578" s="6" t="s">
        <v>51</v>
      </c>
    </row>
    <row r="11579" spans="1:12">
      <c r="A11579" s="6" t="s">
        <v>49</v>
      </c>
      <c r="B11579" s="6"/>
      <c r="C11579" s="6" t="s">
        <v>11603</v>
      </c>
      <c r="D11579" s="6"/>
      <c r="E11579" s="6" t="s">
        <v>9</v>
      </c>
      <c r="F11579" s="7">
        <v>38657</v>
      </c>
      <c r="G11579" s="8">
        <v>1</v>
      </c>
      <c r="H11579" s="8">
        <v>1</v>
      </c>
      <c r="I11579" s="8">
        <v>0</v>
      </c>
      <c r="J11579" s="8">
        <v>1</v>
      </c>
      <c r="K11579" s="9">
        <v>16</v>
      </c>
      <c r="L11579" s="6" t="s">
        <v>51</v>
      </c>
    </row>
    <row r="11580" spans="1:12">
      <c r="A11580" s="6" t="s">
        <v>49</v>
      </c>
      <c r="B11580" s="6"/>
      <c r="C11580" s="6" t="s">
        <v>11604</v>
      </c>
      <c r="D11580" s="6"/>
      <c r="E11580" s="6" t="s">
        <v>9</v>
      </c>
      <c r="F11580" s="7">
        <v>38657</v>
      </c>
      <c r="G11580" s="8">
        <v>1</v>
      </c>
      <c r="H11580" s="8">
        <v>1</v>
      </c>
      <c r="I11580" s="8">
        <v>0</v>
      </c>
      <c r="J11580" s="8">
        <v>1</v>
      </c>
      <c r="K11580" s="9">
        <v>17</v>
      </c>
      <c r="L11580" s="6" t="s">
        <v>51</v>
      </c>
    </row>
    <row r="11581" spans="1:12">
      <c r="A11581" s="6" t="s">
        <v>49</v>
      </c>
      <c r="B11581" s="6"/>
      <c r="C11581" s="6" t="s">
        <v>11605</v>
      </c>
      <c r="D11581" s="6"/>
      <c r="E11581" s="6" t="s">
        <v>9</v>
      </c>
      <c r="F11581" s="7">
        <v>38657</v>
      </c>
      <c r="G11581" s="8">
        <v>1</v>
      </c>
      <c r="H11581" s="8">
        <v>1</v>
      </c>
      <c r="I11581" s="8">
        <v>0</v>
      </c>
      <c r="J11581" s="8">
        <v>1</v>
      </c>
      <c r="K11581" s="9">
        <v>34</v>
      </c>
      <c r="L11581" s="6" t="s">
        <v>51</v>
      </c>
    </row>
    <row r="11582" spans="1:12">
      <c r="A11582" s="6" t="s">
        <v>49</v>
      </c>
      <c r="B11582" s="6"/>
      <c r="C11582" s="6" t="s">
        <v>11606</v>
      </c>
      <c r="D11582" s="6"/>
      <c r="E11582" s="6" t="s">
        <v>9</v>
      </c>
      <c r="F11582" s="7">
        <v>38657</v>
      </c>
      <c r="G11582" s="8">
        <v>1</v>
      </c>
      <c r="H11582" s="8">
        <v>1</v>
      </c>
      <c r="I11582" s="8">
        <v>0</v>
      </c>
      <c r="J11582" s="8">
        <v>1</v>
      </c>
      <c r="K11582" s="9">
        <v>34</v>
      </c>
      <c r="L11582" s="6" t="s">
        <v>51</v>
      </c>
    </row>
    <row r="11583" spans="1:12">
      <c r="A11583" s="6" t="s">
        <v>49</v>
      </c>
      <c r="B11583" s="6"/>
      <c r="C11583" s="6" t="s">
        <v>11607</v>
      </c>
      <c r="D11583" s="6"/>
      <c r="E11583" s="6" t="s">
        <v>9</v>
      </c>
      <c r="F11583" s="7">
        <v>38657</v>
      </c>
      <c r="G11583" s="8">
        <v>1</v>
      </c>
      <c r="H11583" s="8">
        <v>1</v>
      </c>
      <c r="I11583" s="8">
        <v>0</v>
      </c>
      <c r="J11583" s="8">
        <v>1</v>
      </c>
      <c r="K11583" s="9">
        <v>39</v>
      </c>
      <c r="L11583" s="6" t="s">
        <v>51</v>
      </c>
    </row>
    <row r="11584" spans="1:12">
      <c r="A11584" s="6" t="s">
        <v>49</v>
      </c>
      <c r="B11584" s="6"/>
      <c r="C11584" s="6" t="s">
        <v>11608</v>
      </c>
      <c r="D11584" s="6"/>
      <c r="E11584" s="6" t="s">
        <v>9</v>
      </c>
      <c r="F11584" s="7">
        <v>38657</v>
      </c>
      <c r="G11584" s="8">
        <v>1</v>
      </c>
      <c r="H11584" s="8">
        <v>1</v>
      </c>
      <c r="I11584" s="8">
        <v>0</v>
      </c>
      <c r="J11584" s="8">
        <v>1</v>
      </c>
      <c r="K11584" s="9">
        <v>33</v>
      </c>
      <c r="L11584" s="6" t="s">
        <v>51</v>
      </c>
    </row>
    <row r="11585" spans="1:12">
      <c r="A11585" s="6" t="s">
        <v>49</v>
      </c>
      <c r="B11585" s="6"/>
      <c r="C11585" s="6" t="s">
        <v>11609</v>
      </c>
      <c r="D11585" s="6"/>
      <c r="E11585" s="6" t="s">
        <v>9</v>
      </c>
      <c r="F11585" s="7">
        <v>38657</v>
      </c>
      <c r="G11585" s="8">
        <v>1</v>
      </c>
      <c r="H11585" s="8">
        <v>1</v>
      </c>
      <c r="I11585" s="8">
        <v>0</v>
      </c>
      <c r="J11585" s="8">
        <v>1</v>
      </c>
      <c r="K11585" s="9">
        <v>6.01</v>
      </c>
      <c r="L11585" s="6" t="s">
        <v>51</v>
      </c>
    </row>
    <row r="11586" spans="1:12">
      <c r="A11586" s="6" t="s">
        <v>49</v>
      </c>
      <c r="B11586" s="6"/>
      <c r="C11586" s="6" t="s">
        <v>11610</v>
      </c>
      <c r="D11586" s="6"/>
      <c r="E11586" s="6" t="s">
        <v>9</v>
      </c>
      <c r="F11586" s="7">
        <v>38657</v>
      </c>
      <c r="G11586" s="8">
        <v>1</v>
      </c>
      <c r="H11586" s="8">
        <v>1</v>
      </c>
      <c r="I11586" s="8">
        <v>0</v>
      </c>
      <c r="J11586" s="8">
        <v>1</v>
      </c>
      <c r="K11586" s="9">
        <v>39</v>
      </c>
      <c r="L11586" s="6" t="s">
        <v>51</v>
      </c>
    </row>
    <row r="11587" spans="1:12">
      <c r="A11587" s="6" t="s">
        <v>49</v>
      </c>
      <c r="B11587" s="6"/>
      <c r="C11587" s="6" t="s">
        <v>11611</v>
      </c>
      <c r="D11587" s="6"/>
      <c r="E11587" s="6" t="s">
        <v>9</v>
      </c>
      <c r="F11587" s="7">
        <v>38657</v>
      </c>
      <c r="G11587" s="8">
        <v>1</v>
      </c>
      <c r="H11587" s="8">
        <v>1</v>
      </c>
      <c r="I11587" s="8">
        <v>0</v>
      </c>
      <c r="J11587" s="8">
        <v>1</v>
      </c>
      <c r="K11587" s="9">
        <v>3.3</v>
      </c>
      <c r="L11587" s="6" t="s">
        <v>51</v>
      </c>
    </row>
    <row r="11588" spans="1:12">
      <c r="A11588" s="6" t="s">
        <v>49</v>
      </c>
      <c r="B11588" s="6"/>
      <c r="C11588" s="6" t="s">
        <v>11612</v>
      </c>
      <c r="D11588" s="6"/>
      <c r="E11588" s="6" t="s">
        <v>9</v>
      </c>
      <c r="F11588" s="7">
        <v>38657</v>
      </c>
      <c r="G11588" s="8">
        <v>1</v>
      </c>
      <c r="H11588" s="8">
        <v>1</v>
      </c>
      <c r="I11588" s="8">
        <v>0</v>
      </c>
      <c r="J11588" s="8">
        <v>1</v>
      </c>
      <c r="K11588" s="9">
        <v>3.4</v>
      </c>
      <c r="L11588" s="6" t="s">
        <v>51</v>
      </c>
    </row>
    <row r="11589" spans="1:12">
      <c r="A11589" s="6" t="s">
        <v>49</v>
      </c>
      <c r="B11589" s="6"/>
      <c r="C11589" s="6" t="s">
        <v>11613</v>
      </c>
      <c r="D11589" s="6"/>
      <c r="E11589" s="6" t="s">
        <v>9</v>
      </c>
      <c r="F11589" s="7">
        <v>38657</v>
      </c>
      <c r="G11589" s="8">
        <v>1</v>
      </c>
      <c r="H11589" s="8">
        <v>1</v>
      </c>
      <c r="I11589" s="8">
        <v>0</v>
      </c>
      <c r="J11589" s="8">
        <v>1</v>
      </c>
      <c r="K11589" s="9">
        <v>39</v>
      </c>
      <c r="L11589" s="6" t="s">
        <v>51</v>
      </c>
    </row>
    <row r="11590" spans="1:12">
      <c r="A11590" s="6" t="s">
        <v>49</v>
      </c>
      <c r="B11590" s="6"/>
      <c r="C11590" s="6" t="s">
        <v>11614</v>
      </c>
      <c r="D11590" s="6"/>
      <c r="E11590" s="6" t="s">
        <v>9</v>
      </c>
      <c r="F11590" s="7">
        <v>38657</v>
      </c>
      <c r="G11590" s="8">
        <v>1</v>
      </c>
      <c r="H11590" s="8">
        <v>1</v>
      </c>
      <c r="I11590" s="8">
        <v>0</v>
      </c>
      <c r="J11590" s="8">
        <v>1</v>
      </c>
      <c r="K11590" s="9">
        <v>31</v>
      </c>
      <c r="L11590" s="6" t="s">
        <v>51</v>
      </c>
    </row>
    <row r="11591" spans="1:12">
      <c r="A11591" s="6" t="s">
        <v>49</v>
      </c>
      <c r="B11591" s="6"/>
      <c r="C11591" s="6" t="s">
        <v>11615</v>
      </c>
      <c r="D11591" s="6"/>
      <c r="E11591" s="6" t="s">
        <v>9</v>
      </c>
      <c r="F11591" s="7">
        <v>38657</v>
      </c>
      <c r="G11591" s="8">
        <v>1</v>
      </c>
      <c r="H11591" s="8">
        <v>1</v>
      </c>
      <c r="I11591" s="8">
        <v>0</v>
      </c>
      <c r="J11591" s="8">
        <v>1</v>
      </c>
      <c r="K11591" s="9">
        <v>7.81</v>
      </c>
      <c r="L11591" s="6" t="s">
        <v>51</v>
      </c>
    </row>
    <row r="11592" spans="1:12">
      <c r="A11592" s="6" t="s">
        <v>49</v>
      </c>
      <c r="B11592" s="6"/>
      <c r="C11592" s="6" t="s">
        <v>11616</v>
      </c>
      <c r="D11592" s="6"/>
      <c r="E11592" s="6" t="s">
        <v>9</v>
      </c>
      <c r="F11592" s="7">
        <v>38657</v>
      </c>
      <c r="G11592" s="8">
        <v>1</v>
      </c>
      <c r="H11592" s="8">
        <v>1</v>
      </c>
      <c r="I11592" s="8">
        <v>0</v>
      </c>
      <c r="J11592" s="8">
        <v>1</v>
      </c>
      <c r="K11592" s="9">
        <v>162</v>
      </c>
      <c r="L11592" s="6" t="s">
        <v>51</v>
      </c>
    </row>
    <row r="11593" spans="1:12">
      <c r="A11593" s="6" t="s">
        <v>49</v>
      </c>
      <c r="B11593" s="6"/>
      <c r="C11593" s="6" t="s">
        <v>11617</v>
      </c>
      <c r="D11593" s="6"/>
      <c r="E11593" s="6" t="s">
        <v>9</v>
      </c>
      <c r="F11593" s="7">
        <v>38657</v>
      </c>
      <c r="G11593" s="8">
        <v>1</v>
      </c>
      <c r="H11593" s="8">
        <v>1</v>
      </c>
      <c r="I11593" s="8">
        <v>0</v>
      </c>
      <c r="J11593" s="8">
        <v>1</v>
      </c>
      <c r="K11593" s="9">
        <v>75</v>
      </c>
      <c r="L11593" s="6" t="s">
        <v>51</v>
      </c>
    </row>
    <row r="11594" spans="1:12">
      <c r="A11594" s="6" t="s">
        <v>49</v>
      </c>
      <c r="B11594" s="6"/>
      <c r="C11594" s="6" t="s">
        <v>11618</v>
      </c>
      <c r="D11594" s="6"/>
      <c r="E11594" s="6" t="s">
        <v>9</v>
      </c>
      <c r="F11594" s="7">
        <v>38657</v>
      </c>
      <c r="G11594" s="8">
        <v>1</v>
      </c>
      <c r="H11594" s="8">
        <v>1</v>
      </c>
      <c r="I11594" s="8">
        <v>0</v>
      </c>
      <c r="J11594" s="8">
        <v>1</v>
      </c>
      <c r="K11594" s="9">
        <v>44</v>
      </c>
      <c r="L11594" s="6" t="s">
        <v>51</v>
      </c>
    </row>
    <row r="11595" spans="1:12">
      <c r="A11595" s="6" t="s">
        <v>49</v>
      </c>
      <c r="B11595" s="6"/>
      <c r="C11595" s="6" t="s">
        <v>11619</v>
      </c>
      <c r="D11595" s="6"/>
      <c r="E11595" s="6" t="s">
        <v>9</v>
      </c>
      <c r="F11595" s="7">
        <v>38657</v>
      </c>
      <c r="G11595" s="8">
        <v>1</v>
      </c>
      <c r="H11595" s="8">
        <v>1</v>
      </c>
      <c r="I11595" s="8">
        <v>0</v>
      </c>
      <c r="J11595" s="8">
        <v>1</v>
      </c>
      <c r="K11595" s="9">
        <v>39</v>
      </c>
      <c r="L11595" s="6" t="s">
        <v>51</v>
      </c>
    </row>
    <row r="11596" spans="1:12">
      <c r="A11596" s="6" t="s">
        <v>49</v>
      </c>
      <c r="B11596" s="6"/>
      <c r="C11596" s="6" t="s">
        <v>11620</v>
      </c>
      <c r="D11596" s="6"/>
      <c r="E11596" s="6" t="s">
        <v>9</v>
      </c>
      <c r="F11596" s="7">
        <v>38657</v>
      </c>
      <c r="G11596" s="8">
        <v>1</v>
      </c>
      <c r="H11596" s="8">
        <v>1</v>
      </c>
      <c r="I11596" s="8">
        <v>0</v>
      </c>
      <c r="J11596" s="8">
        <v>1</v>
      </c>
      <c r="K11596" s="9">
        <v>39</v>
      </c>
      <c r="L11596" s="6" t="s">
        <v>51</v>
      </c>
    </row>
    <row r="11597" spans="1:12">
      <c r="A11597" s="6" t="s">
        <v>49</v>
      </c>
      <c r="B11597" s="6"/>
      <c r="C11597" s="6" t="s">
        <v>11621</v>
      </c>
      <c r="D11597" s="6"/>
      <c r="E11597" s="6" t="s">
        <v>9</v>
      </c>
      <c r="F11597" s="7">
        <v>38657</v>
      </c>
      <c r="G11597" s="8">
        <v>1</v>
      </c>
      <c r="H11597" s="8">
        <v>1</v>
      </c>
      <c r="I11597" s="8">
        <v>0</v>
      </c>
      <c r="J11597" s="8">
        <v>1</v>
      </c>
      <c r="K11597" s="9">
        <v>37</v>
      </c>
      <c r="L11597" s="6" t="s">
        <v>51</v>
      </c>
    </row>
    <row r="11598" spans="1:12">
      <c r="A11598" s="6" t="s">
        <v>49</v>
      </c>
      <c r="B11598" s="6"/>
      <c r="C11598" s="6" t="s">
        <v>11622</v>
      </c>
      <c r="D11598" s="6"/>
      <c r="E11598" s="6" t="s">
        <v>9</v>
      </c>
      <c r="F11598" s="7">
        <v>38657</v>
      </c>
      <c r="G11598" s="8">
        <v>1</v>
      </c>
      <c r="H11598" s="8">
        <v>1</v>
      </c>
      <c r="I11598" s="8">
        <v>0</v>
      </c>
      <c r="J11598" s="8">
        <v>1</v>
      </c>
      <c r="K11598" s="9">
        <v>40</v>
      </c>
      <c r="L11598" s="6" t="s">
        <v>51</v>
      </c>
    </row>
    <row r="11599" spans="1:12">
      <c r="A11599" s="6" t="s">
        <v>49</v>
      </c>
      <c r="B11599" s="6"/>
      <c r="C11599" s="6" t="s">
        <v>11623</v>
      </c>
      <c r="D11599" s="6"/>
      <c r="E11599" s="6" t="s">
        <v>9</v>
      </c>
      <c r="F11599" s="7">
        <v>38657</v>
      </c>
      <c r="G11599" s="8">
        <v>1</v>
      </c>
      <c r="H11599" s="8">
        <v>1</v>
      </c>
      <c r="I11599" s="8">
        <v>0</v>
      </c>
      <c r="J11599" s="8">
        <v>1</v>
      </c>
      <c r="K11599" s="9">
        <v>6.23</v>
      </c>
      <c r="L11599" s="6" t="s">
        <v>51</v>
      </c>
    </row>
    <row r="11600" spans="1:12">
      <c r="A11600" s="6" t="s">
        <v>49</v>
      </c>
      <c r="B11600" s="6"/>
      <c r="C11600" s="6" t="s">
        <v>11624</v>
      </c>
      <c r="D11600" s="6"/>
      <c r="E11600" s="6" t="s">
        <v>9</v>
      </c>
      <c r="F11600" s="7">
        <v>38657</v>
      </c>
      <c r="G11600" s="8">
        <v>1</v>
      </c>
      <c r="H11600" s="8">
        <v>1</v>
      </c>
      <c r="I11600" s="8">
        <v>0</v>
      </c>
      <c r="J11600" s="8">
        <v>1</v>
      </c>
      <c r="K11600" s="9">
        <v>39</v>
      </c>
      <c r="L11600" s="6" t="s">
        <v>51</v>
      </c>
    </row>
    <row r="11601" spans="1:12">
      <c r="A11601" s="6" t="s">
        <v>49</v>
      </c>
      <c r="B11601" s="6"/>
      <c r="C11601" s="6" t="s">
        <v>11625</v>
      </c>
      <c r="D11601" s="6"/>
      <c r="E11601" s="6" t="s">
        <v>9</v>
      </c>
      <c r="F11601" s="7">
        <v>38657</v>
      </c>
      <c r="G11601" s="8">
        <v>1</v>
      </c>
      <c r="H11601" s="8">
        <v>1</v>
      </c>
      <c r="I11601" s="8">
        <v>0</v>
      </c>
      <c r="J11601" s="8">
        <v>1</v>
      </c>
      <c r="K11601" s="9">
        <v>99</v>
      </c>
      <c r="L11601" s="6" t="s">
        <v>51</v>
      </c>
    </row>
    <row r="11602" spans="1:12">
      <c r="A11602" s="6" t="s">
        <v>49</v>
      </c>
      <c r="B11602" s="6"/>
      <c r="C11602" s="6" t="s">
        <v>11626</v>
      </c>
      <c r="D11602" s="6"/>
      <c r="E11602" s="6" t="s">
        <v>9</v>
      </c>
      <c r="F11602" s="7">
        <v>38657</v>
      </c>
      <c r="G11602" s="8">
        <v>1</v>
      </c>
      <c r="H11602" s="8">
        <v>1</v>
      </c>
      <c r="I11602" s="8">
        <v>0</v>
      </c>
      <c r="J11602" s="8">
        <v>1</v>
      </c>
      <c r="K11602" s="9">
        <v>98</v>
      </c>
      <c r="L11602" s="6" t="s">
        <v>51</v>
      </c>
    </row>
    <row r="11603" spans="1:12">
      <c r="A11603" s="6" t="s">
        <v>49</v>
      </c>
      <c r="B11603" s="6"/>
      <c r="C11603" s="6" t="s">
        <v>11627</v>
      </c>
      <c r="D11603" s="6"/>
      <c r="E11603" s="6" t="s">
        <v>9</v>
      </c>
      <c r="F11603" s="7">
        <v>38657</v>
      </c>
      <c r="G11603" s="8">
        <v>1</v>
      </c>
      <c r="H11603" s="8">
        <v>1</v>
      </c>
      <c r="I11603" s="8">
        <v>0</v>
      </c>
      <c r="J11603" s="8">
        <v>1</v>
      </c>
      <c r="K11603" s="9">
        <v>33</v>
      </c>
      <c r="L11603" s="6" t="s">
        <v>51</v>
      </c>
    </row>
    <row r="11604" spans="1:12">
      <c r="A11604" s="6" t="s">
        <v>49</v>
      </c>
      <c r="B11604" s="6"/>
      <c r="C11604" s="6" t="s">
        <v>11628</v>
      </c>
      <c r="D11604" s="6"/>
      <c r="E11604" s="6" t="s">
        <v>9</v>
      </c>
      <c r="F11604" s="7">
        <v>38657</v>
      </c>
      <c r="G11604" s="8">
        <v>1</v>
      </c>
      <c r="H11604" s="8">
        <v>1</v>
      </c>
      <c r="I11604" s="8">
        <v>0</v>
      </c>
      <c r="J11604" s="8">
        <v>1</v>
      </c>
      <c r="K11604" s="9">
        <v>148</v>
      </c>
      <c r="L11604" s="6" t="s">
        <v>51</v>
      </c>
    </row>
    <row r="11605" spans="1:12">
      <c r="A11605" s="6" t="s">
        <v>49</v>
      </c>
      <c r="B11605" s="6"/>
      <c r="C11605" s="6" t="s">
        <v>11629</v>
      </c>
      <c r="D11605" s="6"/>
      <c r="E11605" s="6" t="s">
        <v>9</v>
      </c>
      <c r="F11605" s="7">
        <v>38657</v>
      </c>
      <c r="G11605" s="8">
        <v>1</v>
      </c>
      <c r="H11605" s="8">
        <v>1</v>
      </c>
      <c r="I11605" s="8">
        <v>0</v>
      </c>
      <c r="J11605" s="8">
        <v>1</v>
      </c>
      <c r="K11605" s="9">
        <v>5.63</v>
      </c>
      <c r="L11605" s="6" t="s">
        <v>51</v>
      </c>
    </row>
    <row r="11606" spans="1:12">
      <c r="A11606" s="6" t="s">
        <v>49</v>
      </c>
      <c r="B11606" s="6"/>
      <c r="C11606" s="6" t="s">
        <v>11630</v>
      </c>
      <c r="D11606" s="6"/>
      <c r="E11606" s="6" t="s">
        <v>9</v>
      </c>
      <c r="F11606" s="7"/>
      <c r="G11606" s="8">
        <v>1</v>
      </c>
      <c r="H11606" s="8">
        <v>1</v>
      </c>
      <c r="I11606" s="8">
        <v>0</v>
      </c>
      <c r="J11606" s="8">
        <v>1</v>
      </c>
      <c r="K11606" s="9">
        <v>323</v>
      </c>
      <c r="L11606" s="6" t="s">
        <v>51</v>
      </c>
    </row>
    <row r="11607" spans="1:12">
      <c r="A11607" s="6" t="s">
        <v>49</v>
      </c>
      <c r="B11607" s="6"/>
      <c r="C11607" s="6" t="s">
        <v>11631</v>
      </c>
      <c r="D11607" s="6"/>
      <c r="E11607" s="6" t="s">
        <v>9</v>
      </c>
      <c r="F11607" s="7"/>
      <c r="G11607" s="8">
        <v>1</v>
      </c>
      <c r="H11607" s="8">
        <v>1</v>
      </c>
      <c r="I11607" s="8">
        <v>0</v>
      </c>
      <c r="J11607" s="8">
        <v>1</v>
      </c>
      <c r="K11607" s="9">
        <v>42</v>
      </c>
      <c r="L11607" s="6" t="s">
        <v>51</v>
      </c>
    </row>
    <row r="11608" spans="1:12">
      <c r="A11608" s="6" t="s">
        <v>49</v>
      </c>
      <c r="B11608" s="6"/>
      <c r="C11608" s="6" t="s">
        <v>11632</v>
      </c>
      <c r="D11608" s="6"/>
      <c r="E11608" s="6" t="s">
        <v>9</v>
      </c>
      <c r="F11608" s="7"/>
      <c r="G11608" s="8">
        <v>1</v>
      </c>
      <c r="H11608" s="8">
        <v>1</v>
      </c>
      <c r="I11608" s="8">
        <v>0</v>
      </c>
      <c r="J11608" s="8">
        <v>1</v>
      </c>
      <c r="K11608" s="9">
        <v>3.3</v>
      </c>
      <c r="L11608" s="6" t="s">
        <v>51</v>
      </c>
    </row>
    <row r="11609" spans="1:12">
      <c r="A11609" s="6" t="s">
        <v>49</v>
      </c>
      <c r="B11609" s="6"/>
      <c r="C11609" s="6" t="s">
        <v>11633</v>
      </c>
      <c r="D11609" s="6"/>
      <c r="E11609" s="6" t="s">
        <v>9</v>
      </c>
      <c r="F11609" s="7"/>
      <c r="G11609" s="8">
        <v>1</v>
      </c>
      <c r="H11609" s="8">
        <v>1</v>
      </c>
      <c r="I11609" s="8">
        <v>0</v>
      </c>
      <c r="J11609" s="8">
        <v>1</v>
      </c>
      <c r="K11609" s="9">
        <v>3.3</v>
      </c>
      <c r="L11609" s="6" t="s">
        <v>51</v>
      </c>
    </row>
    <row r="11610" spans="1:12">
      <c r="A11610" s="6" t="s">
        <v>49</v>
      </c>
      <c r="B11610" s="6"/>
      <c r="C11610" s="6" t="s">
        <v>11634</v>
      </c>
      <c r="D11610" s="6"/>
      <c r="E11610" s="6" t="s">
        <v>9</v>
      </c>
      <c r="F11610" s="7">
        <v>38657</v>
      </c>
      <c r="G11610" s="8">
        <v>1</v>
      </c>
      <c r="H11610" s="8">
        <v>1</v>
      </c>
      <c r="I11610" s="8">
        <v>0</v>
      </c>
      <c r="J11610" s="8">
        <v>1</v>
      </c>
      <c r="K11610" s="9">
        <v>5.18</v>
      </c>
      <c r="L11610" s="6" t="s">
        <v>51</v>
      </c>
    </row>
    <row r="11611" spans="1:12">
      <c r="A11611" s="6" t="s">
        <v>49</v>
      </c>
      <c r="B11611" s="6"/>
      <c r="C11611" s="6" t="s">
        <v>11635</v>
      </c>
      <c r="D11611" s="6"/>
      <c r="E11611" s="6" t="s">
        <v>9</v>
      </c>
      <c r="F11611" s="7"/>
      <c r="G11611" s="8">
        <v>1</v>
      </c>
      <c r="H11611" s="8">
        <v>1</v>
      </c>
      <c r="I11611" s="8">
        <v>0</v>
      </c>
      <c r="J11611" s="8">
        <v>1</v>
      </c>
      <c r="K11611" s="9">
        <v>13</v>
      </c>
      <c r="L11611" s="6" t="s">
        <v>51</v>
      </c>
    </row>
    <row r="11612" spans="1:12">
      <c r="A11612" s="6" t="s">
        <v>49</v>
      </c>
      <c r="B11612" s="6"/>
      <c r="C11612" s="6" t="s">
        <v>11636</v>
      </c>
      <c r="D11612" s="6"/>
      <c r="E11612" s="6" t="s">
        <v>9</v>
      </c>
      <c r="F11612" s="7"/>
      <c r="G11612" s="8">
        <v>1</v>
      </c>
      <c r="H11612" s="8">
        <v>1</v>
      </c>
      <c r="I11612" s="8">
        <v>0</v>
      </c>
      <c r="J11612" s="8">
        <v>1</v>
      </c>
      <c r="K11612" s="9">
        <v>29</v>
      </c>
      <c r="L11612" s="6" t="s">
        <v>51</v>
      </c>
    </row>
    <row r="11613" spans="1:12">
      <c r="A11613" s="6" t="s">
        <v>49</v>
      </c>
      <c r="B11613" s="6"/>
      <c r="C11613" s="6" t="s">
        <v>11637</v>
      </c>
      <c r="D11613" s="6"/>
      <c r="E11613" s="6" t="s">
        <v>9</v>
      </c>
      <c r="F11613" s="7"/>
      <c r="G11613" s="8">
        <v>63386</v>
      </c>
      <c r="H11613" s="8">
        <v>63386</v>
      </c>
      <c r="I11613" s="8">
        <v>0</v>
      </c>
      <c r="J11613" s="8">
        <v>63386</v>
      </c>
      <c r="K11613" s="9">
        <v>3.3</v>
      </c>
      <c r="L11613" s="6" t="s">
        <v>10</v>
      </c>
    </row>
    <row r="11614" spans="1:12">
      <c r="A11614" s="6" t="s">
        <v>49</v>
      </c>
      <c r="B11614" s="6"/>
      <c r="C11614" s="6" t="s">
        <v>11638</v>
      </c>
      <c r="D11614" s="6"/>
      <c r="E11614" s="6" t="s">
        <v>9</v>
      </c>
      <c r="F11614" s="7">
        <v>38657</v>
      </c>
      <c r="G11614" s="8">
        <v>1</v>
      </c>
      <c r="H11614" s="8">
        <v>1</v>
      </c>
      <c r="I11614" s="8">
        <v>0</v>
      </c>
      <c r="J11614" s="8">
        <v>1</v>
      </c>
      <c r="K11614" s="9">
        <v>8.34</v>
      </c>
      <c r="L11614" s="6" t="s">
        <v>51</v>
      </c>
    </row>
    <row r="11615" spans="1:12">
      <c r="A11615" s="6" t="s">
        <v>49</v>
      </c>
      <c r="B11615" s="6"/>
      <c r="C11615" s="6" t="s">
        <v>11639</v>
      </c>
      <c r="D11615" s="6"/>
      <c r="E11615" s="6" t="s">
        <v>9</v>
      </c>
      <c r="F11615" s="7">
        <v>38657</v>
      </c>
      <c r="G11615" s="8">
        <v>1</v>
      </c>
      <c r="H11615" s="8">
        <v>1</v>
      </c>
      <c r="I11615" s="8">
        <v>0</v>
      </c>
      <c r="J11615" s="8">
        <v>1</v>
      </c>
      <c r="K11615" s="9">
        <v>133</v>
      </c>
      <c r="L11615" s="6" t="s">
        <v>51</v>
      </c>
    </row>
    <row r="11616" spans="1:12">
      <c r="A11616" s="6" t="s">
        <v>49</v>
      </c>
      <c r="B11616" s="6"/>
      <c r="C11616" s="6" t="s">
        <v>11640</v>
      </c>
      <c r="D11616" s="6"/>
      <c r="E11616" s="6" t="s">
        <v>9</v>
      </c>
      <c r="F11616" s="7">
        <v>38657</v>
      </c>
      <c r="G11616" s="8">
        <v>1</v>
      </c>
      <c r="H11616" s="8">
        <v>1</v>
      </c>
      <c r="I11616" s="8">
        <v>0</v>
      </c>
      <c r="J11616" s="8">
        <v>1</v>
      </c>
      <c r="K11616" s="9">
        <v>5.74</v>
      </c>
      <c r="L11616" s="6" t="s">
        <v>51</v>
      </c>
    </row>
    <row r="11617" spans="1:12">
      <c r="A11617" s="6" t="s">
        <v>49</v>
      </c>
      <c r="B11617" s="6"/>
      <c r="C11617" s="6" t="s">
        <v>11641</v>
      </c>
      <c r="D11617" s="6"/>
      <c r="E11617" s="6" t="s">
        <v>9</v>
      </c>
      <c r="F11617" s="7"/>
      <c r="G11617" s="8">
        <v>1</v>
      </c>
      <c r="H11617" s="8">
        <v>1</v>
      </c>
      <c r="I11617" s="8">
        <v>0</v>
      </c>
      <c r="J11617" s="8">
        <v>1</v>
      </c>
      <c r="K11617" s="9">
        <v>13</v>
      </c>
      <c r="L11617" s="6" t="s">
        <v>51</v>
      </c>
    </row>
    <row r="11618" spans="1:12">
      <c r="A11618" s="6" t="s">
        <v>49</v>
      </c>
      <c r="B11618" s="6"/>
      <c r="C11618" s="6" t="s">
        <v>11642</v>
      </c>
      <c r="D11618" s="6"/>
      <c r="E11618" s="6" t="s">
        <v>9</v>
      </c>
      <c r="F11618" s="7"/>
      <c r="G11618" s="8">
        <v>1</v>
      </c>
      <c r="H11618" s="8">
        <v>1</v>
      </c>
      <c r="I11618" s="8">
        <v>0</v>
      </c>
      <c r="J11618" s="8">
        <v>1</v>
      </c>
      <c r="K11618" s="9">
        <v>19</v>
      </c>
      <c r="L11618" s="6" t="s">
        <v>51</v>
      </c>
    </row>
    <row r="11619" spans="1:12">
      <c r="A11619" s="6" t="s">
        <v>49</v>
      </c>
      <c r="B11619" s="6"/>
      <c r="C11619" s="6" t="s">
        <v>11643</v>
      </c>
      <c r="D11619" s="6"/>
      <c r="E11619" s="6" t="s">
        <v>9</v>
      </c>
      <c r="F11619" s="7"/>
      <c r="G11619" s="8">
        <v>1</v>
      </c>
      <c r="H11619" s="8">
        <v>1</v>
      </c>
      <c r="I11619" s="8">
        <v>0</v>
      </c>
      <c r="J11619" s="8">
        <v>1</v>
      </c>
      <c r="K11619" s="9">
        <v>16</v>
      </c>
      <c r="L11619" s="6" t="s">
        <v>51</v>
      </c>
    </row>
    <row r="11620" spans="1:12">
      <c r="A11620" s="6" t="s">
        <v>49</v>
      </c>
      <c r="B11620" s="6"/>
      <c r="C11620" s="6" t="s">
        <v>11644</v>
      </c>
      <c r="D11620" s="6"/>
      <c r="E11620" s="6" t="s">
        <v>9</v>
      </c>
      <c r="F11620" s="7"/>
      <c r="G11620" s="8">
        <v>1</v>
      </c>
      <c r="H11620" s="8">
        <v>1</v>
      </c>
      <c r="I11620" s="8">
        <v>0</v>
      </c>
      <c r="J11620" s="8">
        <v>1</v>
      </c>
      <c r="K11620" s="9">
        <v>59</v>
      </c>
      <c r="L11620" s="6" t="s">
        <v>51</v>
      </c>
    </row>
    <row r="11621" spans="1:12">
      <c r="A11621" s="6" t="s">
        <v>49</v>
      </c>
      <c r="B11621" s="6"/>
      <c r="C11621" s="6" t="s">
        <v>11645</v>
      </c>
      <c r="D11621" s="6"/>
      <c r="E11621" s="6" t="s">
        <v>9</v>
      </c>
      <c r="F11621" s="7">
        <v>38657</v>
      </c>
      <c r="G11621" s="8">
        <v>1</v>
      </c>
      <c r="H11621" s="8">
        <v>1</v>
      </c>
      <c r="I11621" s="8">
        <v>0</v>
      </c>
      <c r="J11621" s="8">
        <v>1</v>
      </c>
      <c r="K11621" s="9">
        <v>5.01</v>
      </c>
      <c r="L11621" s="6" t="s">
        <v>51</v>
      </c>
    </row>
    <row r="11622" spans="1:12">
      <c r="A11622" s="6" t="s">
        <v>49</v>
      </c>
      <c r="B11622" s="6"/>
      <c r="C11622" s="6" t="s">
        <v>11646</v>
      </c>
      <c r="D11622" s="6"/>
      <c r="E11622" s="6" t="s">
        <v>9</v>
      </c>
      <c r="F11622" s="7"/>
      <c r="G11622" s="8">
        <v>1</v>
      </c>
      <c r="H11622" s="8">
        <v>1</v>
      </c>
      <c r="I11622" s="8">
        <v>0</v>
      </c>
      <c r="J11622" s="8">
        <v>1</v>
      </c>
      <c r="K11622" s="9">
        <v>105</v>
      </c>
      <c r="L11622" s="6" t="s">
        <v>51</v>
      </c>
    </row>
    <row r="11623" spans="1:12">
      <c r="A11623" s="6" t="s">
        <v>49</v>
      </c>
      <c r="B11623" s="6"/>
      <c r="C11623" s="6" t="s">
        <v>11647</v>
      </c>
      <c r="D11623" s="6"/>
      <c r="E11623" s="6" t="s">
        <v>9</v>
      </c>
      <c r="F11623" s="7">
        <v>38657</v>
      </c>
      <c r="G11623" s="8">
        <v>1</v>
      </c>
      <c r="H11623" s="8">
        <v>1</v>
      </c>
      <c r="I11623" s="8">
        <v>0</v>
      </c>
      <c r="J11623" s="8">
        <v>1</v>
      </c>
      <c r="K11623" s="9">
        <v>15</v>
      </c>
      <c r="L11623" s="6" t="s">
        <v>51</v>
      </c>
    </row>
    <row r="11624" spans="1:12">
      <c r="A11624" s="6" t="s">
        <v>49</v>
      </c>
      <c r="B11624" s="6"/>
      <c r="C11624" s="6" t="s">
        <v>11648</v>
      </c>
      <c r="D11624" s="6"/>
      <c r="E11624" s="6" t="s">
        <v>9</v>
      </c>
      <c r="F11624" s="7"/>
      <c r="G11624" s="8">
        <v>1</v>
      </c>
      <c r="H11624" s="8">
        <v>1</v>
      </c>
      <c r="I11624" s="8">
        <v>0</v>
      </c>
      <c r="J11624" s="8">
        <v>1</v>
      </c>
      <c r="K11624" s="9">
        <v>6.61</v>
      </c>
      <c r="L11624" s="6" t="s">
        <v>51</v>
      </c>
    </row>
    <row r="11625" spans="1:12">
      <c r="A11625" s="6" t="s">
        <v>49</v>
      </c>
      <c r="B11625" s="6"/>
      <c r="C11625" s="6" t="s">
        <v>11649</v>
      </c>
      <c r="D11625" s="6"/>
      <c r="E11625" s="6" t="s">
        <v>9</v>
      </c>
      <c r="F11625" s="7">
        <v>38657</v>
      </c>
      <c r="G11625" s="8">
        <v>1</v>
      </c>
      <c r="H11625" s="8">
        <v>1</v>
      </c>
      <c r="I11625" s="8">
        <v>0</v>
      </c>
      <c r="J11625" s="8">
        <v>1</v>
      </c>
      <c r="K11625" s="9">
        <v>14</v>
      </c>
      <c r="L11625" s="6" t="s">
        <v>51</v>
      </c>
    </row>
    <row r="11626" spans="1:12">
      <c r="A11626" s="6" t="s">
        <v>49</v>
      </c>
      <c r="B11626" s="6"/>
      <c r="C11626" s="6" t="s">
        <v>11650</v>
      </c>
      <c r="D11626" s="6"/>
      <c r="E11626" s="6" t="s">
        <v>9</v>
      </c>
      <c r="F11626" s="7"/>
      <c r="G11626" s="8">
        <v>1</v>
      </c>
      <c r="H11626" s="8">
        <v>1</v>
      </c>
      <c r="I11626" s="8">
        <v>0</v>
      </c>
      <c r="J11626" s="8">
        <v>1</v>
      </c>
      <c r="K11626" s="9">
        <v>6.61</v>
      </c>
      <c r="L11626" s="6" t="s">
        <v>51</v>
      </c>
    </row>
    <row r="11627" spans="1:12">
      <c r="A11627" s="6" t="s">
        <v>49</v>
      </c>
      <c r="B11627" s="6"/>
      <c r="C11627" s="6" t="s">
        <v>11651</v>
      </c>
      <c r="D11627" s="6"/>
      <c r="E11627" s="6" t="s">
        <v>9</v>
      </c>
      <c r="F11627" s="7">
        <v>38657</v>
      </c>
      <c r="G11627" s="8">
        <v>1</v>
      </c>
      <c r="H11627" s="8">
        <v>1</v>
      </c>
      <c r="I11627" s="8">
        <v>0</v>
      </c>
      <c r="J11627" s="8">
        <v>1</v>
      </c>
      <c r="K11627" s="9">
        <v>6.61</v>
      </c>
      <c r="L11627" s="6" t="s">
        <v>51</v>
      </c>
    </row>
    <row r="11628" spans="1:12">
      <c r="A11628" s="6" t="s">
        <v>49</v>
      </c>
      <c r="B11628" s="6"/>
      <c r="C11628" s="6" t="s">
        <v>11652</v>
      </c>
      <c r="D11628" s="6"/>
      <c r="E11628" s="6" t="s">
        <v>9</v>
      </c>
      <c r="F11628" s="7">
        <v>38657</v>
      </c>
      <c r="G11628" s="8">
        <v>1</v>
      </c>
      <c r="H11628" s="8">
        <v>1</v>
      </c>
      <c r="I11628" s="8">
        <v>0</v>
      </c>
      <c r="J11628" s="8">
        <v>1</v>
      </c>
      <c r="K11628" s="9">
        <v>5.63</v>
      </c>
      <c r="L11628" s="6" t="s">
        <v>51</v>
      </c>
    </row>
    <row r="11629" spans="1:12">
      <c r="A11629" s="6" t="s">
        <v>49</v>
      </c>
      <c r="B11629" s="6"/>
      <c r="C11629" s="6" t="s">
        <v>11653</v>
      </c>
      <c r="D11629" s="6"/>
      <c r="E11629" s="6" t="s">
        <v>9</v>
      </c>
      <c r="F11629" s="7"/>
      <c r="G11629" s="8">
        <v>1</v>
      </c>
      <c r="H11629" s="8">
        <v>1</v>
      </c>
      <c r="I11629" s="8">
        <v>0</v>
      </c>
      <c r="J11629" s="8">
        <v>1</v>
      </c>
      <c r="K11629" s="9">
        <v>6.61</v>
      </c>
      <c r="L11629" s="6" t="s">
        <v>51</v>
      </c>
    </row>
    <row r="11630" spans="1:12">
      <c r="A11630" s="6" t="s">
        <v>49</v>
      </c>
      <c r="B11630" s="6"/>
      <c r="C11630" s="6" t="s">
        <v>11654</v>
      </c>
      <c r="D11630" s="6"/>
      <c r="E11630" s="6" t="s">
        <v>9</v>
      </c>
      <c r="F11630" s="7"/>
      <c r="G11630" s="8">
        <v>1</v>
      </c>
      <c r="H11630" s="8">
        <v>1</v>
      </c>
      <c r="I11630" s="8">
        <v>0</v>
      </c>
      <c r="J11630" s="8">
        <v>1</v>
      </c>
      <c r="K11630" s="9">
        <v>3.3</v>
      </c>
      <c r="L11630" s="6" t="s">
        <v>51</v>
      </c>
    </row>
    <row r="11631" spans="1:12">
      <c r="A11631" s="6" t="s">
        <v>49</v>
      </c>
      <c r="B11631" s="6"/>
      <c r="C11631" s="6" t="s">
        <v>11655</v>
      </c>
      <c r="D11631" s="6"/>
      <c r="E11631" s="6" t="s">
        <v>9</v>
      </c>
      <c r="F11631" s="7"/>
      <c r="G11631" s="8">
        <v>1</v>
      </c>
      <c r="H11631" s="8">
        <v>1</v>
      </c>
      <c r="I11631" s="8">
        <v>0</v>
      </c>
      <c r="J11631" s="8">
        <v>1</v>
      </c>
      <c r="K11631" s="9">
        <v>13</v>
      </c>
      <c r="L11631" s="6" t="s">
        <v>51</v>
      </c>
    </row>
    <row r="11632" spans="1:12">
      <c r="A11632" s="6" t="s">
        <v>49</v>
      </c>
      <c r="B11632" s="6"/>
      <c r="C11632" s="6" t="s">
        <v>11656</v>
      </c>
      <c r="D11632" s="6"/>
      <c r="E11632" s="6" t="s">
        <v>9</v>
      </c>
      <c r="F11632" s="7">
        <v>38657</v>
      </c>
      <c r="G11632" s="8">
        <v>1</v>
      </c>
      <c r="H11632" s="8">
        <v>1</v>
      </c>
      <c r="I11632" s="8">
        <v>0</v>
      </c>
      <c r="J11632" s="8">
        <v>1</v>
      </c>
      <c r="K11632" s="9">
        <v>0.35</v>
      </c>
      <c r="L11632" s="6" t="s">
        <v>51</v>
      </c>
    </row>
    <row r="11633" spans="1:12">
      <c r="A11633" s="6" t="s">
        <v>49</v>
      </c>
      <c r="B11633" s="6"/>
      <c r="C11633" s="6" t="s">
        <v>11657</v>
      </c>
      <c r="D11633" s="6"/>
      <c r="E11633" s="6" t="s">
        <v>9</v>
      </c>
      <c r="F11633" s="7"/>
      <c r="G11633" s="8">
        <v>1</v>
      </c>
      <c r="H11633" s="8">
        <v>1</v>
      </c>
      <c r="I11633" s="8">
        <v>0</v>
      </c>
      <c r="J11633" s="8">
        <v>1</v>
      </c>
      <c r="K11633" s="9">
        <v>3.3</v>
      </c>
      <c r="L11633" s="6" t="s">
        <v>51</v>
      </c>
    </row>
    <row r="11634" spans="1:12">
      <c r="A11634" s="6" t="s">
        <v>49</v>
      </c>
      <c r="B11634" s="6"/>
      <c r="C11634" s="6" t="s">
        <v>11658</v>
      </c>
      <c r="D11634" s="6"/>
      <c r="E11634" s="6" t="s">
        <v>9</v>
      </c>
      <c r="F11634" s="7"/>
      <c r="G11634" s="8">
        <v>1</v>
      </c>
      <c r="H11634" s="8">
        <v>1</v>
      </c>
      <c r="I11634" s="8">
        <v>0</v>
      </c>
      <c r="J11634" s="8">
        <v>1</v>
      </c>
      <c r="K11634" s="9">
        <v>6.61</v>
      </c>
      <c r="L11634" s="6" t="s">
        <v>51</v>
      </c>
    </row>
    <row r="11635" spans="1:12">
      <c r="A11635" s="6" t="s">
        <v>49</v>
      </c>
      <c r="B11635" s="6"/>
      <c r="C11635" s="6" t="s">
        <v>11659</v>
      </c>
      <c r="D11635" s="6"/>
      <c r="E11635" s="6" t="s">
        <v>9</v>
      </c>
      <c r="F11635" s="7"/>
      <c r="G11635" s="8">
        <v>1</v>
      </c>
      <c r="H11635" s="8">
        <v>1</v>
      </c>
      <c r="I11635" s="8">
        <v>0</v>
      </c>
      <c r="J11635" s="8">
        <v>1</v>
      </c>
      <c r="K11635" s="9">
        <v>16</v>
      </c>
      <c r="L11635" s="6" t="s">
        <v>51</v>
      </c>
    </row>
    <row r="11636" spans="1:12">
      <c r="A11636" s="6" t="s">
        <v>49</v>
      </c>
      <c r="B11636" s="6"/>
      <c r="C11636" s="6" t="s">
        <v>11660</v>
      </c>
      <c r="D11636" s="6"/>
      <c r="E11636" s="6" t="s">
        <v>9</v>
      </c>
      <c r="F11636" s="7"/>
      <c r="G11636" s="8">
        <v>1</v>
      </c>
      <c r="H11636" s="8">
        <v>1</v>
      </c>
      <c r="I11636" s="8">
        <v>0</v>
      </c>
      <c r="J11636" s="8">
        <v>1</v>
      </c>
      <c r="K11636" s="9">
        <v>3.3</v>
      </c>
      <c r="L11636" s="6" t="s">
        <v>51</v>
      </c>
    </row>
    <row r="11637" spans="1:12">
      <c r="A11637" s="6" t="s">
        <v>49</v>
      </c>
      <c r="B11637" s="6"/>
      <c r="C11637" s="6" t="s">
        <v>11661</v>
      </c>
      <c r="D11637" s="6"/>
      <c r="E11637" s="6" t="s">
        <v>9</v>
      </c>
      <c r="F11637" s="7"/>
      <c r="G11637" s="8">
        <v>1</v>
      </c>
      <c r="H11637" s="8">
        <v>1</v>
      </c>
      <c r="I11637" s="8">
        <v>0</v>
      </c>
      <c r="J11637" s="8">
        <v>1</v>
      </c>
      <c r="K11637" s="9">
        <v>29</v>
      </c>
      <c r="L11637" s="6" t="s">
        <v>51</v>
      </c>
    </row>
    <row r="11638" spans="1:12">
      <c r="A11638" s="6" t="s">
        <v>49</v>
      </c>
      <c r="B11638" s="6"/>
      <c r="C11638" s="6" t="s">
        <v>11662</v>
      </c>
      <c r="D11638" s="6"/>
      <c r="E11638" s="6" t="s">
        <v>9</v>
      </c>
      <c r="F11638" s="7"/>
      <c r="G11638" s="8">
        <v>1</v>
      </c>
      <c r="H11638" s="8">
        <v>1</v>
      </c>
      <c r="I11638" s="8">
        <v>0</v>
      </c>
      <c r="J11638" s="8">
        <v>1</v>
      </c>
      <c r="K11638" s="9">
        <v>99</v>
      </c>
      <c r="L11638" s="6" t="s">
        <v>51</v>
      </c>
    </row>
    <row r="11639" spans="1:12">
      <c r="A11639" s="6" t="s">
        <v>49</v>
      </c>
      <c r="B11639" s="6"/>
      <c r="C11639" s="6" t="s">
        <v>11663</v>
      </c>
      <c r="D11639" s="6"/>
      <c r="E11639" s="6" t="s">
        <v>9</v>
      </c>
      <c r="F11639" s="7"/>
      <c r="G11639" s="8">
        <v>1</v>
      </c>
      <c r="H11639" s="8">
        <v>1</v>
      </c>
      <c r="I11639" s="8">
        <v>0</v>
      </c>
      <c r="J11639" s="8">
        <v>1</v>
      </c>
      <c r="K11639" s="9">
        <v>46</v>
      </c>
      <c r="L11639" s="6" t="s">
        <v>51</v>
      </c>
    </row>
    <row r="11640" spans="1:12">
      <c r="A11640" s="6" t="s">
        <v>49</v>
      </c>
      <c r="B11640" s="6"/>
      <c r="C11640" s="6" t="s">
        <v>11664</v>
      </c>
      <c r="D11640" s="6"/>
      <c r="E11640" s="6" t="s">
        <v>9</v>
      </c>
      <c r="F11640" s="7"/>
      <c r="G11640" s="8">
        <v>1</v>
      </c>
      <c r="H11640" s="8">
        <v>1</v>
      </c>
      <c r="I11640" s="8">
        <v>0</v>
      </c>
      <c r="J11640" s="8">
        <v>1</v>
      </c>
      <c r="K11640" s="9">
        <v>19</v>
      </c>
      <c r="L11640" s="6" t="s">
        <v>51</v>
      </c>
    </row>
    <row r="11641" spans="1:12">
      <c r="A11641" s="6" t="s">
        <v>49</v>
      </c>
      <c r="B11641" s="6"/>
      <c r="C11641" s="6" t="s">
        <v>11665</v>
      </c>
      <c r="D11641" s="6"/>
      <c r="E11641" s="6" t="s">
        <v>9</v>
      </c>
      <c r="F11641" s="7">
        <v>38657</v>
      </c>
      <c r="G11641" s="8">
        <v>1</v>
      </c>
      <c r="H11641" s="8">
        <v>1</v>
      </c>
      <c r="I11641" s="8">
        <v>0</v>
      </c>
      <c r="J11641" s="8">
        <v>1</v>
      </c>
      <c r="K11641" s="9">
        <v>11</v>
      </c>
      <c r="L11641" s="6" t="s">
        <v>51</v>
      </c>
    </row>
    <row r="11642" spans="1:12">
      <c r="A11642" s="6" t="s">
        <v>49</v>
      </c>
      <c r="B11642" s="6"/>
      <c r="C11642" s="6" t="s">
        <v>11666</v>
      </c>
      <c r="D11642" s="6"/>
      <c r="E11642" s="6" t="s">
        <v>9</v>
      </c>
      <c r="F11642" s="7">
        <v>38657</v>
      </c>
      <c r="G11642" s="8">
        <v>1</v>
      </c>
      <c r="H11642" s="8">
        <v>1</v>
      </c>
      <c r="I11642" s="8">
        <v>0</v>
      </c>
      <c r="J11642" s="8">
        <v>1</v>
      </c>
      <c r="K11642" s="9">
        <v>23</v>
      </c>
      <c r="L11642" s="6" t="s">
        <v>51</v>
      </c>
    </row>
    <row r="11643" spans="1:12">
      <c r="A11643" s="6" t="s">
        <v>49</v>
      </c>
      <c r="B11643" s="6"/>
      <c r="C11643" s="6" t="s">
        <v>11667</v>
      </c>
      <c r="D11643" s="6"/>
      <c r="E11643" s="6" t="s">
        <v>9</v>
      </c>
      <c r="F11643" s="7">
        <v>38657</v>
      </c>
      <c r="G11643" s="8">
        <v>1</v>
      </c>
      <c r="H11643" s="8">
        <v>1</v>
      </c>
      <c r="I11643" s="8">
        <v>0</v>
      </c>
      <c r="J11643" s="8">
        <v>1</v>
      </c>
      <c r="K11643" s="9">
        <v>6.3</v>
      </c>
      <c r="L11643" s="6" t="s">
        <v>51</v>
      </c>
    </row>
    <row r="11644" spans="1:12">
      <c r="A11644" s="6" t="s">
        <v>49</v>
      </c>
      <c r="B11644" s="6"/>
      <c r="C11644" s="6" t="s">
        <v>11668</v>
      </c>
      <c r="D11644" s="6"/>
      <c r="E11644" s="6" t="s">
        <v>9</v>
      </c>
      <c r="F11644" s="7">
        <v>38657</v>
      </c>
      <c r="G11644" s="8">
        <v>1</v>
      </c>
      <c r="H11644" s="8">
        <v>1</v>
      </c>
      <c r="I11644" s="8">
        <v>0</v>
      </c>
      <c r="J11644" s="8">
        <v>1</v>
      </c>
      <c r="K11644" s="9">
        <v>42</v>
      </c>
      <c r="L11644" s="6" t="s">
        <v>51</v>
      </c>
    </row>
    <row r="11645" spans="1:12">
      <c r="A11645" s="6" t="s">
        <v>49</v>
      </c>
      <c r="B11645" s="6"/>
      <c r="C11645" s="6" t="s">
        <v>11669</v>
      </c>
      <c r="D11645" s="6"/>
      <c r="E11645" s="6" t="s">
        <v>9</v>
      </c>
      <c r="F11645" s="7">
        <v>38657</v>
      </c>
      <c r="G11645" s="8">
        <v>1</v>
      </c>
      <c r="H11645" s="8">
        <v>1</v>
      </c>
      <c r="I11645" s="8">
        <v>0</v>
      </c>
      <c r="J11645" s="8">
        <v>1</v>
      </c>
      <c r="K11645" s="9">
        <v>175</v>
      </c>
      <c r="L11645" s="6" t="s">
        <v>51</v>
      </c>
    </row>
    <row r="11646" spans="1:12">
      <c r="A11646" s="6" t="s">
        <v>49</v>
      </c>
      <c r="B11646" s="6"/>
      <c r="C11646" s="6" t="s">
        <v>11670</v>
      </c>
      <c r="D11646" s="6"/>
      <c r="E11646" s="6" t="s">
        <v>9</v>
      </c>
      <c r="F11646" s="7">
        <v>38657</v>
      </c>
      <c r="G11646" s="8">
        <v>1</v>
      </c>
      <c r="H11646" s="8">
        <v>1</v>
      </c>
      <c r="I11646" s="8">
        <v>0</v>
      </c>
      <c r="J11646" s="8">
        <v>1</v>
      </c>
      <c r="K11646" s="9">
        <v>129</v>
      </c>
      <c r="L11646" s="6" t="s">
        <v>51</v>
      </c>
    </row>
    <row r="11647" spans="1:12">
      <c r="A11647" s="6" t="s">
        <v>49</v>
      </c>
      <c r="B11647" s="6"/>
      <c r="C11647" s="6" t="s">
        <v>11671</v>
      </c>
      <c r="D11647" s="6"/>
      <c r="E11647" s="6" t="s">
        <v>9</v>
      </c>
      <c r="F11647" s="7">
        <v>38657</v>
      </c>
      <c r="G11647" s="8">
        <v>1</v>
      </c>
      <c r="H11647" s="8">
        <v>1</v>
      </c>
      <c r="I11647" s="8">
        <v>0</v>
      </c>
      <c r="J11647" s="8">
        <v>1</v>
      </c>
      <c r="K11647" s="9">
        <v>92</v>
      </c>
      <c r="L11647" s="6" t="s">
        <v>51</v>
      </c>
    </row>
    <row r="11648" spans="1:12">
      <c r="A11648" s="6" t="s">
        <v>49</v>
      </c>
      <c r="B11648" s="6"/>
      <c r="C11648" s="6" t="s">
        <v>11672</v>
      </c>
      <c r="D11648" s="6"/>
      <c r="E11648" s="6" t="s">
        <v>9</v>
      </c>
      <c r="F11648" s="7">
        <v>38657</v>
      </c>
      <c r="G11648" s="8">
        <v>1</v>
      </c>
      <c r="H11648" s="8">
        <v>1</v>
      </c>
      <c r="I11648" s="8">
        <v>0</v>
      </c>
      <c r="J11648" s="8">
        <v>1</v>
      </c>
      <c r="K11648" s="9">
        <v>45</v>
      </c>
      <c r="L11648" s="6" t="s">
        <v>51</v>
      </c>
    </row>
    <row r="11649" spans="1:12">
      <c r="A11649" s="6" t="s">
        <v>49</v>
      </c>
      <c r="B11649" s="6"/>
      <c r="C11649" s="6" t="s">
        <v>11673</v>
      </c>
      <c r="D11649" s="6"/>
      <c r="E11649" s="6" t="s">
        <v>9</v>
      </c>
      <c r="F11649" s="7">
        <v>38657</v>
      </c>
      <c r="G11649" s="8">
        <v>1</v>
      </c>
      <c r="H11649" s="8">
        <v>1</v>
      </c>
      <c r="I11649" s="8">
        <v>0</v>
      </c>
      <c r="J11649" s="8">
        <v>1</v>
      </c>
      <c r="K11649" s="9">
        <v>24</v>
      </c>
      <c r="L11649" s="6" t="s">
        <v>51</v>
      </c>
    </row>
    <row r="11650" spans="1:12">
      <c r="A11650" s="6" t="s">
        <v>49</v>
      </c>
      <c r="B11650" s="6"/>
      <c r="C11650" s="6" t="s">
        <v>11674</v>
      </c>
      <c r="D11650" s="6"/>
      <c r="E11650" s="6" t="s">
        <v>9</v>
      </c>
      <c r="F11650" s="7">
        <v>38657</v>
      </c>
      <c r="G11650" s="8">
        <v>1</v>
      </c>
      <c r="H11650" s="8">
        <v>1</v>
      </c>
      <c r="I11650" s="8">
        <v>0</v>
      </c>
      <c r="J11650" s="8">
        <v>1</v>
      </c>
      <c r="K11650" s="9">
        <v>12</v>
      </c>
      <c r="L11650" s="6" t="s">
        <v>51</v>
      </c>
    </row>
    <row r="11651" spans="1:12">
      <c r="A11651" s="6" t="s">
        <v>49</v>
      </c>
      <c r="B11651" s="6"/>
      <c r="C11651" s="6" t="s">
        <v>11675</v>
      </c>
      <c r="D11651" s="6"/>
      <c r="E11651" s="6" t="s">
        <v>9</v>
      </c>
      <c r="F11651" s="7">
        <v>38657</v>
      </c>
      <c r="G11651" s="8">
        <v>1</v>
      </c>
      <c r="H11651" s="8">
        <v>1</v>
      </c>
      <c r="I11651" s="8">
        <v>0</v>
      </c>
      <c r="J11651" s="8">
        <v>1</v>
      </c>
      <c r="K11651" s="9">
        <v>11</v>
      </c>
      <c r="L11651" s="6" t="s">
        <v>51</v>
      </c>
    </row>
    <row r="11652" spans="1:12">
      <c r="A11652" s="6" t="s">
        <v>49</v>
      </c>
      <c r="B11652" s="6"/>
      <c r="C11652" s="6" t="s">
        <v>11676</v>
      </c>
      <c r="D11652" s="6"/>
      <c r="E11652" s="6" t="s">
        <v>9</v>
      </c>
      <c r="F11652" s="7">
        <v>38657</v>
      </c>
      <c r="G11652" s="8">
        <v>1</v>
      </c>
      <c r="H11652" s="8">
        <v>1</v>
      </c>
      <c r="I11652" s="8">
        <v>0</v>
      </c>
      <c r="J11652" s="8">
        <v>1</v>
      </c>
      <c r="K11652" s="9">
        <v>11</v>
      </c>
      <c r="L11652" s="6" t="s">
        <v>51</v>
      </c>
    </row>
    <row r="11653" spans="1:12">
      <c r="A11653" s="6" t="s">
        <v>49</v>
      </c>
      <c r="B11653" s="6"/>
      <c r="C11653" s="6" t="s">
        <v>11677</v>
      </c>
      <c r="D11653" s="6"/>
      <c r="E11653" s="6" t="s">
        <v>9</v>
      </c>
      <c r="F11653" s="7">
        <v>38657</v>
      </c>
      <c r="G11653" s="8">
        <v>1</v>
      </c>
      <c r="H11653" s="8">
        <v>1</v>
      </c>
      <c r="I11653" s="8">
        <v>0</v>
      </c>
      <c r="J11653" s="8">
        <v>1</v>
      </c>
      <c r="K11653" s="9">
        <v>23</v>
      </c>
      <c r="L11653" s="6" t="s">
        <v>51</v>
      </c>
    </row>
    <row r="11654" spans="1:12">
      <c r="A11654" s="6" t="s">
        <v>49</v>
      </c>
      <c r="B11654" s="6"/>
      <c r="C11654" s="6" t="s">
        <v>11678</v>
      </c>
      <c r="D11654" s="6"/>
      <c r="E11654" s="6" t="s">
        <v>9</v>
      </c>
      <c r="F11654" s="7">
        <v>38657</v>
      </c>
      <c r="G11654" s="8">
        <v>1</v>
      </c>
      <c r="H11654" s="8">
        <v>1</v>
      </c>
      <c r="I11654" s="8">
        <v>0</v>
      </c>
      <c r="J11654" s="8">
        <v>1</v>
      </c>
      <c r="K11654" s="9">
        <v>8.32</v>
      </c>
      <c r="L11654" s="6" t="s">
        <v>51</v>
      </c>
    </row>
    <row r="11655" spans="1:12">
      <c r="A11655" s="6" t="s">
        <v>49</v>
      </c>
      <c r="B11655" s="6"/>
      <c r="C11655" s="6" t="s">
        <v>11679</v>
      </c>
      <c r="D11655" s="6"/>
      <c r="E11655" s="6" t="s">
        <v>9</v>
      </c>
      <c r="F11655" s="7">
        <v>38657</v>
      </c>
      <c r="G11655" s="8">
        <v>1</v>
      </c>
      <c r="H11655" s="8">
        <v>1</v>
      </c>
      <c r="I11655" s="8">
        <v>0</v>
      </c>
      <c r="J11655" s="8">
        <v>1</v>
      </c>
      <c r="K11655" s="9">
        <v>8.93</v>
      </c>
      <c r="L11655" s="6" t="s">
        <v>51</v>
      </c>
    </row>
    <row r="11656" spans="1:12">
      <c r="A11656" s="6" t="s">
        <v>49</v>
      </c>
      <c r="B11656" s="6"/>
      <c r="C11656" s="6" t="s">
        <v>11680</v>
      </c>
      <c r="D11656" s="6"/>
      <c r="E11656" s="6" t="s">
        <v>9</v>
      </c>
      <c r="F11656" s="7">
        <v>38657</v>
      </c>
      <c r="G11656" s="8">
        <v>1</v>
      </c>
      <c r="H11656" s="8">
        <v>1</v>
      </c>
      <c r="I11656" s="8">
        <v>0</v>
      </c>
      <c r="J11656" s="8">
        <v>1</v>
      </c>
      <c r="K11656" s="9">
        <v>36</v>
      </c>
      <c r="L11656" s="6" t="s">
        <v>51</v>
      </c>
    </row>
    <row r="11657" spans="1:12">
      <c r="A11657" s="6" t="s">
        <v>49</v>
      </c>
      <c r="B11657" s="6"/>
      <c r="C11657" s="6" t="s">
        <v>11681</v>
      </c>
      <c r="D11657" s="6"/>
      <c r="E11657" s="6" t="s">
        <v>9</v>
      </c>
      <c r="F11657" s="7">
        <v>38657</v>
      </c>
      <c r="G11657" s="8">
        <v>1</v>
      </c>
      <c r="H11657" s="8">
        <v>1</v>
      </c>
      <c r="I11657" s="8">
        <v>0</v>
      </c>
      <c r="J11657" s="8">
        <v>1</v>
      </c>
      <c r="K11657" s="9">
        <v>10</v>
      </c>
      <c r="L11657" s="6" t="s">
        <v>51</v>
      </c>
    </row>
    <row r="11658" spans="1:12">
      <c r="A11658" s="6" t="s">
        <v>49</v>
      </c>
      <c r="B11658" s="6"/>
      <c r="C11658" s="6" t="s">
        <v>11682</v>
      </c>
      <c r="D11658" s="6"/>
      <c r="E11658" s="6" t="s">
        <v>9</v>
      </c>
      <c r="F11658" s="7">
        <v>38657</v>
      </c>
      <c r="G11658" s="8">
        <v>1</v>
      </c>
      <c r="H11658" s="8">
        <v>1</v>
      </c>
      <c r="I11658" s="8">
        <v>0</v>
      </c>
      <c r="J11658" s="8">
        <v>1</v>
      </c>
      <c r="K11658" s="9">
        <v>3.82</v>
      </c>
      <c r="L11658" s="6" t="s">
        <v>51</v>
      </c>
    </row>
    <row r="11659" spans="1:12">
      <c r="A11659" s="6" t="s">
        <v>49</v>
      </c>
      <c r="B11659" s="6"/>
      <c r="C11659" s="6" t="s">
        <v>11683</v>
      </c>
      <c r="D11659" s="6"/>
      <c r="E11659" s="6" t="s">
        <v>9</v>
      </c>
      <c r="F11659" s="7">
        <v>38657</v>
      </c>
      <c r="G11659" s="8">
        <v>1</v>
      </c>
      <c r="H11659" s="8">
        <v>1</v>
      </c>
      <c r="I11659" s="8">
        <v>0</v>
      </c>
      <c r="J11659" s="8">
        <v>1</v>
      </c>
      <c r="K11659" s="9">
        <v>19</v>
      </c>
      <c r="L11659" s="6" t="s">
        <v>51</v>
      </c>
    </row>
    <row r="11660" spans="1:12">
      <c r="A11660" s="6" t="s">
        <v>49</v>
      </c>
      <c r="B11660" s="6"/>
      <c r="C11660" s="6" t="s">
        <v>11684</v>
      </c>
      <c r="D11660" s="6"/>
      <c r="E11660" s="6" t="s">
        <v>9</v>
      </c>
      <c r="F11660" s="7">
        <v>38657</v>
      </c>
      <c r="G11660" s="8">
        <v>1</v>
      </c>
      <c r="H11660" s="8">
        <v>1</v>
      </c>
      <c r="I11660" s="8">
        <v>0</v>
      </c>
      <c r="J11660" s="8">
        <v>1</v>
      </c>
      <c r="K11660" s="9">
        <v>36</v>
      </c>
      <c r="L11660" s="6" t="s">
        <v>51</v>
      </c>
    </row>
    <row r="11661" spans="1:12">
      <c r="A11661" s="6" t="s">
        <v>49</v>
      </c>
      <c r="B11661" s="6"/>
      <c r="C11661" s="6" t="s">
        <v>11685</v>
      </c>
      <c r="D11661" s="6"/>
      <c r="E11661" s="6" t="s">
        <v>9</v>
      </c>
      <c r="F11661" s="7">
        <v>38657</v>
      </c>
      <c r="G11661" s="8">
        <v>1</v>
      </c>
      <c r="H11661" s="8">
        <v>1</v>
      </c>
      <c r="I11661" s="8">
        <v>0</v>
      </c>
      <c r="J11661" s="8">
        <v>1</v>
      </c>
      <c r="K11661" s="9">
        <v>5.53</v>
      </c>
      <c r="L11661" s="6" t="s">
        <v>51</v>
      </c>
    </row>
    <row r="11662" spans="1:12">
      <c r="A11662" s="6" t="s">
        <v>49</v>
      </c>
      <c r="B11662" s="6"/>
      <c r="C11662" s="6" t="s">
        <v>11686</v>
      </c>
      <c r="D11662" s="6"/>
      <c r="E11662" s="6" t="s">
        <v>9</v>
      </c>
      <c r="F11662" s="7">
        <v>38657</v>
      </c>
      <c r="G11662" s="8">
        <v>1</v>
      </c>
      <c r="H11662" s="8">
        <v>1</v>
      </c>
      <c r="I11662" s="8">
        <v>0</v>
      </c>
      <c r="J11662" s="8">
        <v>1</v>
      </c>
      <c r="K11662" s="9">
        <v>5.4</v>
      </c>
      <c r="L11662" s="6" t="s">
        <v>51</v>
      </c>
    </row>
    <row r="11663" spans="1:12">
      <c r="A11663" s="6" t="s">
        <v>49</v>
      </c>
      <c r="B11663" s="6"/>
      <c r="C11663" s="6" t="s">
        <v>11687</v>
      </c>
      <c r="D11663" s="6"/>
      <c r="E11663" s="6" t="s">
        <v>9</v>
      </c>
      <c r="F11663" s="7">
        <v>38657</v>
      </c>
      <c r="G11663" s="8">
        <v>1</v>
      </c>
      <c r="H11663" s="8">
        <v>1</v>
      </c>
      <c r="I11663" s="8">
        <v>0</v>
      </c>
      <c r="J11663" s="8">
        <v>1</v>
      </c>
      <c r="K11663" s="9">
        <v>0.72</v>
      </c>
      <c r="L11663" s="6" t="s">
        <v>51</v>
      </c>
    </row>
    <row r="11664" spans="1:12">
      <c r="A11664" s="6" t="s">
        <v>49</v>
      </c>
      <c r="B11664" s="6"/>
      <c r="C11664" s="6" t="s">
        <v>11688</v>
      </c>
      <c r="D11664" s="6"/>
      <c r="E11664" s="6" t="s">
        <v>9</v>
      </c>
      <c r="F11664" s="7">
        <v>38657</v>
      </c>
      <c r="G11664" s="8">
        <v>1</v>
      </c>
      <c r="H11664" s="8">
        <v>1</v>
      </c>
      <c r="I11664" s="8">
        <v>0</v>
      </c>
      <c r="J11664" s="8">
        <v>1</v>
      </c>
      <c r="K11664" s="9">
        <v>19</v>
      </c>
      <c r="L11664" s="6" t="s">
        <v>51</v>
      </c>
    </row>
    <row r="11665" spans="1:12">
      <c r="A11665" s="6" t="s">
        <v>49</v>
      </c>
      <c r="B11665" s="6"/>
      <c r="C11665" s="6" t="s">
        <v>11689</v>
      </c>
      <c r="D11665" s="6"/>
      <c r="E11665" s="6" t="s">
        <v>9</v>
      </c>
      <c r="F11665" s="7">
        <v>38657</v>
      </c>
      <c r="G11665" s="8">
        <v>1</v>
      </c>
      <c r="H11665" s="8">
        <v>1</v>
      </c>
      <c r="I11665" s="8">
        <v>0</v>
      </c>
      <c r="J11665" s="8">
        <v>1</v>
      </c>
      <c r="K11665" s="9">
        <v>9.8800000000000008</v>
      </c>
      <c r="L11665" s="6" t="s">
        <v>51</v>
      </c>
    </row>
    <row r="11666" spans="1:12">
      <c r="A11666" s="6" t="s">
        <v>49</v>
      </c>
      <c r="B11666" s="6"/>
      <c r="C11666" s="6" t="s">
        <v>11690</v>
      </c>
      <c r="D11666" s="6"/>
      <c r="E11666" s="6" t="s">
        <v>9</v>
      </c>
      <c r="F11666" s="7">
        <v>38657</v>
      </c>
      <c r="G11666" s="8">
        <v>1</v>
      </c>
      <c r="H11666" s="8">
        <v>1</v>
      </c>
      <c r="I11666" s="8">
        <v>0</v>
      </c>
      <c r="J11666" s="8">
        <v>1</v>
      </c>
      <c r="K11666" s="9">
        <v>46</v>
      </c>
      <c r="L11666" s="6" t="s">
        <v>51</v>
      </c>
    </row>
    <row r="11667" spans="1:12">
      <c r="A11667" s="6" t="s">
        <v>49</v>
      </c>
      <c r="B11667" s="6"/>
      <c r="C11667" s="6" t="s">
        <v>11691</v>
      </c>
      <c r="D11667" s="6"/>
      <c r="E11667" s="6" t="s">
        <v>9</v>
      </c>
      <c r="F11667" s="7">
        <v>38657</v>
      </c>
      <c r="G11667" s="8">
        <v>1</v>
      </c>
      <c r="H11667" s="8">
        <v>1</v>
      </c>
      <c r="I11667" s="8">
        <v>0</v>
      </c>
      <c r="J11667" s="8">
        <v>1</v>
      </c>
      <c r="K11667" s="9">
        <v>1.83</v>
      </c>
      <c r="L11667" s="6" t="s">
        <v>51</v>
      </c>
    </row>
    <row r="11668" spans="1:12">
      <c r="A11668" s="6" t="s">
        <v>49</v>
      </c>
      <c r="B11668" s="6"/>
      <c r="C11668" s="6" t="s">
        <v>11692</v>
      </c>
      <c r="D11668" s="6"/>
      <c r="E11668" s="6" t="s">
        <v>9</v>
      </c>
      <c r="F11668" s="7">
        <v>38657</v>
      </c>
      <c r="G11668" s="8">
        <v>1</v>
      </c>
      <c r="H11668" s="8">
        <v>1</v>
      </c>
      <c r="I11668" s="8">
        <v>0</v>
      </c>
      <c r="J11668" s="8">
        <v>1</v>
      </c>
      <c r="K11668" s="9">
        <v>13</v>
      </c>
      <c r="L11668" s="6" t="s">
        <v>51</v>
      </c>
    </row>
    <row r="11669" spans="1:12">
      <c r="A11669" s="6" t="s">
        <v>49</v>
      </c>
      <c r="B11669" s="6"/>
      <c r="C11669" s="6" t="s">
        <v>11693</v>
      </c>
      <c r="D11669" s="6"/>
      <c r="E11669" s="6" t="s">
        <v>9</v>
      </c>
      <c r="F11669" s="7">
        <v>38657</v>
      </c>
      <c r="G11669" s="8">
        <v>1</v>
      </c>
      <c r="H11669" s="8">
        <v>1</v>
      </c>
      <c r="I11669" s="8">
        <v>0</v>
      </c>
      <c r="J11669" s="8">
        <v>1</v>
      </c>
      <c r="K11669" s="9">
        <v>6.61</v>
      </c>
      <c r="L11669" s="6" t="s">
        <v>51</v>
      </c>
    </row>
    <row r="11670" spans="1:12">
      <c r="A11670" s="6" t="s">
        <v>49</v>
      </c>
      <c r="B11670" s="6"/>
      <c r="C11670" s="6" t="s">
        <v>11694</v>
      </c>
      <c r="D11670" s="6"/>
      <c r="E11670" s="6" t="s">
        <v>9</v>
      </c>
      <c r="F11670" s="7">
        <v>38657</v>
      </c>
      <c r="G11670" s="8">
        <v>1</v>
      </c>
      <c r="H11670" s="8">
        <v>1</v>
      </c>
      <c r="I11670" s="8">
        <v>0</v>
      </c>
      <c r="J11670" s="8">
        <v>1</v>
      </c>
      <c r="K11670" s="9">
        <v>2.14</v>
      </c>
      <c r="L11670" s="6" t="s">
        <v>51</v>
      </c>
    </row>
    <row r="11671" spans="1:12">
      <c r="A11671" s="6" t="s">
        <v>49</v>
      </c>
      <c r="B11671" s="6"/>
      <c r="C11671" s="6" t="s">
        <v>11695</v>
      </c>
      <c r="D11671" s="6"/>
      <c r="E11671" s="6" t="s">
        <v>9</v>
      </c>
      <c r="F11671" s="7">
        <v>38657</v>
      </c>
      <c r="G11671" s="8">
        <v>1</v>
      </c>
      <c r="H11671" s="8">
        <v>1</v>
      </c>
      <c r="I11671" s="8">
        <v>0</v>
      </c>
      <c r="J11671" s="8">
        <v>1</v>
      </c>
      <c r="K11671" s="9">
        <v>8.26</v>
      </c>
      <c r="L11671" s="6" t="s">
        <v>51</v>
      </c>
    </row>
    <row r="11672" spans="1:12">
      <c r="A11672" s="6" t="s">
        <v>49</v>
      </c>
      <c r="B11672" s="6"/>
      <c r="C11672" s="6" t="s">
        <v>11696</v>
      </c>
      <c r="D11672" s="6"/>
      <c r="E11672" s="6" t="s">
        <v>9</v>
      </c>
      <c r="F11672" s="7">
        <v>42324</v>
      </c>
      <c r="G11672" s="8">
        <v>30688</v>
      </c>
      <c r="H11672" s="8">
        <v>30688</v>
      </c>
      <c r="I11672" s="8">
        <v>0</v>
      </c>
      <c r="J11672" s="8">
        <v>30688</v>
      </c>
      <c r="K11672" s="9">
        <v>3.44</v>
      </c>
      <c r="L11672" s="6" t="s">
        <v>4773</v>
      </c>
    </row>
    <row r="11673" spans="1:12">
      <c r="A11673" s="6" t="s">
        <v>49</v>
      </c>
      <c r="B11673" s="6"/>
      <c r="C11673" s="6" t="s">
        <v>11697</v>
      </c>
      <c r="D11673" s="6"/>
      <c r="E11673" s="6" t="s">
        <v>9</v>
      </c>
      <c r="F11673" s="7">
        <v>42324</v>
      </c>
      <c r="G11673" s="8">
        <v>70288</v>
      </c>
      <c r="H11673" s="8">
        <v>70288</v>
      </c>
      <c r="I11673" s="8">
        <v>0</v>
      </c>
      <c r="J11673" s="8">
        <v>70288</v>
      </c>
      <c r="K11673" s="9">
        <v>7.65</v>
      </c>
      <c r="L11673" s="6" t="s">
        <v>4773</v>
      </c>
    </row>
    <row r="11674" spans="1:12">
      <c r="A11674" s="6" t="s">
        <v>49</v>
      </c>
      <c r="B11674" s="6"/>
      <c r="C11674" s="6" t="s">
        <v>11698</v>
      </c>
      <c r="D11674" s="6"/>
      <c r="E11674" s="6" t="s">
        <v>9</v>
      </c>
      <c r="F11674" s="7">
        <v>42324</v>
      </c>
      <c r="G11674" s="8">
        <v>11117</v>
      </c>
      <c r="H11674" s="8">
        <v>11117</v>
      </c>
      <c r="I11674" s="8">
        <v>0</v>
      </c>
      <c r="J11674" s="8">
        <v>11117</v>
      </c>
      <c r="K11674" s="9">
        <v>1.21</v>
      </c>
      <c r="L11674" s="6" t="s">
        <v>4773</v>
      </c>
    </row>
    <row r="11675" spans="1:12">
      <c r="A11675" s="6" t="s">
        <v>49</v>
      </c>
      <c r="B11675" s="6"/>
      <c r="C11675" s="6" t="s">
        <v>11699</v>
      </c>
      <c r="D11675" s="6"/>
      <c r="E11675" s="6" t="s">
        <v>9</v>
      </c>
      <c r="F11675" s="7">
        <v>42324</v>
      </c>
      <c r="G11675" s="8">
        <v>181461</v>
      </c>
      <c r="H11675" s="8">
        <v>181461</v>
      </c>
      <c r="I11675" s="8">
        <v>0</v>
      </c>
      <c r="J11675" s="8">
        <v>181461</v>
      </c>
      <c r="K11675" s="9">
        <v>19</v>
      </c>
      <c r="L11675" s="6" t="s">
        <v>4773</v>
      </c>
    </row>
    <row r="11676" spans="1:12">
      <c r="A11676" s="6" t="s">
        <v>49</v>
      </c>
      <c r="B11676" s="6"/>
      <c r="C11676" s="6" t="s">
        <v>11700</v>
      </c>
      <c r="D11676" s="6"/>
      <c r="E11676" s="6" t="s">
        <v>9</v>
      </c>
      <c r="F11676" s="7">
        <v>38657</v>
      </c>
      <c r="G11676" s="8">
        <v>1</v>
      </c>
      <c r="H11676" s="8">
        <v>1</v>
      </c>
      <c r="I11676" s="8">
        <v>0</v>
      </c>
      <c r="J11676" s="8">
        <v>1</v>
      </c>
      <c r="K11676" s="9">
        <v>6.85</v>
      </c>
      <c r="L11676" s="6" t="s">
        <v>51</v>
      </c>
    </row>
    <row r="11677" spans="1:12">
      <c r="A11677" s="6" t="s">
        <v>49</v>
      </c>
      <c r="B11677" s="6"/>
      <c r="C11677" s="6" t="s">
        <v>11701</v>
      </c>
      <c r="D11677" s="6"/>
      <c r="E11677" s="6" t="s">
        <v>9</v>
      </c>
      <c r="F11677" s="7">
        <v>42324</v>
      </c>
      <c r="G11677" s="8">
        <v>311473</v>
      </c>
      <c r="H11677" s="8">
        <v>311473</v>
      </c>
      <c r="I11677" s="8">
        <v>0</v>
      </c>
      <c r="J11677" s="8">
        <v>311473</v>
      </c>
      <c r="K11677" s="9">
        <v>33</v>
      </c>
      <c r="L11677" s="6" t="s">
        <v>4773</v>
      </c>
    </row>
    <row r="11678" spans="1:12">
      <c r="A11678" s="6" t="s">
        <v>49</v>
      </c>
      <c r="B11678" s="6"/>
      <c r="C11678" s="6" t="s">
        <v>11702</v>
      </c>
      <c r="D11678" s="6"/>
      <c r="E11678" s="6" t="s">
        <v>9</v>
      </c>
      <c r="F11678" s="7">
        <v>42324</v>
      </c>
      <c r="G11678" s="8">
        <v>338302</v>
      </c>
      <c r="H11678" s="8">
        <v>338302</v>
      </c>
      <c r="I11678" s="8">
        <v>0</v>
      </c>
      <c r="J11678" s="8">
        <v>338302</v>
      </c>
      <c r="K11678" s="9">
        <v>36</v>
      </c>
      <c r="L11678" s="6" t="s">
        <v>4773</v>
      </c>
    </row>
    <row r="11679" spans="1:12">
      <c r="A11679" s="6" t="s">
        <v>49</v>
      </c>
      <c r="B11679" s="6"/>
      <c r="C11679" s="6" t="s">
        <v>11703</v>
      </c>
      <c r="D11679" s="6"/>
      <c r="E11679" s="6" t="s">
        <v>9</v>
      </c>
      <c r="F11679" s="7">
        <v>42324</v>
      </c>
      <c r="G11679" s="8">
        <v>159137</v>
      </c>
      <c r="H11679" s="8">
        <v>159137</v>
      </c>
      <c r="I11679" s="8">
        <v>0</v>
      </c>
      <c r="J11679" s="8">
        <v>159137</v>
      </c>
      <c r="K11679" s="9">
        <v>16</v>
      </c>
      <c r="L11679" s="6" t="s">
        <v>4773</v>
      </c>
    </row>
    <row r="11680" spans="1:12">
      <c r="A11680" s="6" t="s">
        <v>49</v>
      </c>
      <c r="B11680" s="6"/>
      <c r="C11680" s="6" t="s">
        <v>11704</v>
      </c>
      <c r="D11680" s="6"/>
      <c r="E11680" s="6" t="s">
        <v>9</v>
      </c>
      <c r="F11680" s="7">
        <v>42324</v>
      </c>
      <c r="G11680" s="8">
        <v>132646</v>
      </c>
      <c r="H11680" s="8">
        <v>132646</v>
      </c>
      <c r="I11680" s="8">
        <v>0</v>
      </c>
      <c r="J11680" s="8">
        <v>132646</v>
      </c>
      <c r="K11680" s="9">
        <v>13</v>
      </c>
      <c r="L11680" s="6" t="s">
        <v>4773</v>
      </c>
    </row>
    <row r="11681" spans="1:12">
      <c r="A11681" s="6" t="s">
        <v>49</v>
      </c>
      <c r="B11681" s="6"/>
      <c r="C11681" s="6" t="s">
        <v>11705</v>
      </c>
      <c r="D11681" s="6"/>
      <c r="E11681" s="6" t="s">
        <v>9</v>
      </c>
      <c r="F11681" s="7">
        <v>38657</v>
      </c>
      <c r="G11681" s="8">
        <v>1</v>
      </c>
      <c r="H11681" s="8">
        <v>1</v>
      </c>
      <c r="I11681" s="8">
        <v>0</v>
      </c>
      <c r="J11681" s="8">
        <v>1</v>
      </c>
      <c r="K11681" s="9">
        <v>61</v>
      </c>
      <c r="L11681" s="6" t="s">
        <v>51</v>
      </c>
    </row>
    <row r="11682" spans="1:12">
      <c r="A11682" s="6" t="s">
        <v>49</v>
      </c>
      <c r="B11682" s="6"/>
      <c r="C11682" s="6" t="s">
        <v>11706</v>
      </c>
      <c r="D11682" s="6"/>
      <c r="E11682" s="6" t="s">
        <v>9</v>
      </c>
      <c r="F11682" s="7">
        <v>42359</v>
      </c>
      <c r="G11682" s="8">
        <v>429150</v>
      </c>
      <c r="H11682" s="8">
        <v>429150</v>
      </c>
      <c r="I11682" s="8">
        <v>0</v>
      </c>
      <c r="J11682" s="8">
        <v>429150</v>
      </c>
      <c r="K11682" s="9">
        <v>44</v>
      </c>
      <c r="L11682" s="6" t="s">
        <v>4773</v>
      </c>
    </row>
    <row r="11683" spans="1:12">
      <c r="A11683" s="6" t="s">
        <v>49</v>
      </c>
      <c r="B11683" s="6"/>
      <c r="C11683" s="6" t="s">
        <v>11707</v>
      </c>
      <c r="D11683" s="6"/>
      <c r="E11683" s="6" t="s">
        <v>9</v>
      </c>
      <c r="F11683" s="7">
        <v>38657</v>
      </c>
      <c r="G11683" s="8">
        <v>1</v>
      </c>
      <c r="H11683" s="8">
        <v>1</v>
      </c>
      <c r="I11683" s="8">
        <v>0</v>
      </c>
      <c r="J11683" s="8">
        <v>1</v>
      </c>
      <c r="K11683" s="9">
        <v>41</v>
      </c>
      <c r="L11683" s="6" t="s">
        <v>51</v>
      </c>
    </row>
    <row r="11684" spans="1:12">
      <c r="A11684" s="6" t="s">
        <v>49</v>
      </c>
      <c r="B11684" s="6"/>
      <c r="C11684" s="6" t="s">
        <v>11708</v>
      </c>
      <c r="D11684" s="6"/>
      <c r="E11684" s="6" t="s">
        <v>9</v>
      </c>
      <c r="F11684" s="7">
        <v>42324</v>
      </c>
      <c r="G11684" s="8">
        <v>381792</v>
      </c>
      <c r="H11684" s="8">
        <v>381792</v>
      </c>
      <c r="I11684" s="8">
        <v>0</v>
      </c>
      <c r="J11684" s="8">
        <v>381792</v>
      </c>
      <c r="K11684" s="9">
        <v>40</v>
      </c>
      <c r="L11684" s="6" t="s">
        <v>4773</v>
      </c>
    </row>
    <row r="11685" spans="1:12">
      <c r="A11685" s="6" t="s">
        <v>49</v>
      </c>
      <c r="B11685" s="6"/>
      <c r="C11685" s="6" t="s">
        <v>11709</v>
      </c>
      <c r="D11685" s="6"/>
      <c r="E11685" s="6" t="s">
        <v>9</v>
      </c>
      <c r="F11685" s="7">
        <v>38657</v>
      </c>
      <c r="G11685" s="8">
        <v>1</v>
      </c>
      <c r="H11685" s="8">
        <v>1</v>
      </c>
      <c r="I11685" s="8">
        <v>0</v>
      </c>
      <c r="J11685" s="8">
        <v>1</v>
      </c>
      <c r="K11685" s="9">
        <v>12</v>
      </c>
      <c r="L11685" s="6" t="s">
        <v>51</v>
      </c>
    </row>
    <row r="11686" spans="1:12">
      <c r="A11686" s="6" t="s">
        <v>49</v>
      </c>
      <c r="B11686" s="6"/>
      <c r="C11686" s="6" t="s">
        <v>11710</v>
      </c>
      <c r="D11686" s="6"/>
      <c r="E11686" s="6" t="s">
        <v>9</v>
      </c>
      <c r="F11686" s="7">
        <v>42324</v>
      </c>
      <c r="G11686" s="8">
        <v>114216</v>
      </c>
      <c r="H11686" s="8">
        <v>114216</v>
      </c>
      <c r="I11686" s="8">
        <v>0</v>
      </c>
      <c r="J11686" s="8">
        <v>114216</v>
      </c>
      <c r="K11686" s="9">
        <v>12</v>
      </c>
      <c r="L11686" s="6" t="s">
        <v>4773</v>
      </c>
    </row>
    <row r="11687" spans="1:12">
      <c r="A11687" s="6" t="s">
        <v>49</v>
      </c>
      <c r="B11687" s="6"/>
      <c r="C11687" s="6" t="s">
        <v>11711</v>
      </c>
      <c r="D11687" s="6"/>
      <c r="E11687" s="6" t="s">
        <v>9</v>
      </c>
      <c r="F11687" s="7">
        <v>38657</v>
      </c>
      <c r="G11687" s="8">
        <v>1</v>
      </c>
      <c r="H11687" s="8">
        <v>1</v>
      </c>
      <c r="I11687" s="8">
        <v>0</v>
      </c>
      <c r="J11687" s="8">
        <v>1</v>
      </c>
      <c r="K11687" s="9">
        <v>10.62</v>
      </c>
      <c r="L11687" s="6" t="s">
        <v>51</v>
      </c>
    </row>
    <row r="11688" spans="1:12">
      <c r="A11688" s="6" t="s">
        <v>49</v>
      </c>
      <c r="B11688" s="6"/>
      <c r="C11688" s="6" t="s">
        <v>11712</v>
      </c>
      <c r="D11688" s="6"/>
      <c r="E11688" s="6" t="s">
        <v>9</v>
      </c>
      <c r="F11688" s="7">
        <v>38657</v>
      </c>
      <c r="G11688" s="8">
        <v>1</v>
      </c>
      <c r="H11688" s="8">
        <v>1</v>
      </c>
      <c r="I11688" s="8">
        <v>0</v>
      </c>
      <c r="J11688" s="8">
        <v>1</v>
      </c>
      <c r="K11688" s="9">
        <v>51</v>
      </c>
      <c r="L11688" s="6" t="s">
        <v>51</v>
      </c>
    </row>
    <row r="11689" spans="1:12">
      <c r="A11689" s="6" t="s">
        <v>49</v>
      </c>
      <c r="B11689" s="6"/>
      <c r="C11689" s="6" t="s">
        <v>11713</v>
      </c>
      <c r="D11689" s="6"/>
      <c r="E11689" s="6" t="s">
        <v>9</v>
      </c>
      <c r="F11689" s="7">
        <v>42324</v>
      </c>
      <c r="G11689" s="8">
        <v>505464</v>
      </c>
      <c r="H11689" s="8">
        <v>505464</v>
      </c>
      <c r="I11689" s="8">
        <v>0</v>
      </c>
      <c r="J11689" s="8">
        <v>505464</v>
      </c>
      <c r="K11689" s="9">
        <v>53</v>
      </c>
      <c r="L11689" s="6" t="s">
        <v>4773</v>
      </c>
    </row>
    <row r="11690" spans="1:12">
      <c r="A11690" s="6" t="s">
        <v>49</v>
      </c>
      <c r="B11690" s="6"/>
      <c r="C11690" s="6" t="s">
        <v>11714</v>
      </c>
      <c r="D11690" s="6"/>
      <c r="E11690" s="6" t="s">
        <v>9</v>
      </c>
      <c r="F11690" s="7">
        <v>38657</v>
      </c>
      <c r="G11690" s="8">
        <v>1</v>
      </c>
      <c r="H11690" s="8">
        <v>1</v>
      </c>
      <c r="I11690" s="8">
        <v>0</v>
      </c>
      <c r="J11690" s="8">
        <v>1</v>
      </c>
      <c r="K11690" s="9">
        <v>50</v>
      </c>
      <c r="L11690" s="6" t="s">
        <v>51</v>
      </c>
    </row>
    <row r="11691" spans="1:12">
      <c r="A11691" s="6" t="s">
        <v>49</v>
      </c>
      <c r="B11691" s="6"/>
      <c r="C11691" s="6" t="s">
        <v>11715</v>
      </c>
      <c r="D11691" s="6"/>
      <c r="E11691" s="6" t="s">
        <v>9</v>
      </c>
      <c r="F11691" s="7">
        <v>42324</v>
      </c>
      <c r="G11691" s="8">
        <v>498183</v>
      </c>
      <c r="H11691" s="8">
        <v>498183</v>
      </c>
      <c r="I11691" s="8">
        <v>0</v>
      </c>
      <c r="J11691" s="8">
        <v>498183</v>
      </c>
      <c r="K11691" s="9">
        <v>52</v>
      </c>
      <c r="L11691" s="6" t="s">
        <v>4773</v>
      </c>
    </row>
    <row r="11692" spans="1:12">
      <c r="A11692" s="6" t="s">
        <v>49</v>
      </c>
      <c r="B11692" s="6"/>
      <c r="C11692" s="6" t="s">
        <v>11716</v>
      </c>
      <c r="D11692" s="6"/>
      <c r="E11692" s="6" t="s">
        <v>9</v>
      </c>
      <c r="F11692" s="7">
        <v>38657</v>
      </c>
      <c r="G11692" s="8">
        <v>1</v>
      </c>
      <c r="H11692" s="8">
        <v>1</v>
      </c>
      <c r="I11692" s="8">
        <v>0</v>
      </c>
      <c r="J11692" s="8">
        <v>1</v>
      </c>
      <c r="K11692" s="9">
        <v>66</v>
      </c>
      <c r="L11692" s="6" t="s">
        <v>51</v>
      </c>
    </row>
    <row r="11693" spans="1:12">
      <c r="A11693" s="6" t="s">
        <v>49</v>
      </c>
      <c r="B11693" s="6"/>
      <c r="C11693" s="6" t="s">
        <v>11717</v>
      </c>
      <c r="D11693" s="6"/>
      <c r="E11693" s="6" t="s">
        <v>9</v>
      </c>
      <c r="F11693" s="7">
        <v>42324</v>
      </c>
      <c r="G11693" s="8">
        <v>569288</v>
      </c>
      <c r="H11693" s="8">
        <v>569288</v>
      </c>
      <c r="I11693" s="8">
        <v>0</v>
      </c>
      <c r="J11693" s="8">
        <v>569288</v>
      </c>
      <c r="K11693" s="9">
        <v>74</v>
      </c>
      <c r="L11693" s="6" t="s">
        <v>4773</v>
      </c>
    </row>
    <row r="11694" spans="1:12">
      <c r="A11694" s="6" t="s">
        <v>49</v>
      </c>
      <c r="B11694" s="6"/>
      <c r="C11694" s="6" t="s">
        <v>11718</v>
      </c>
      <c r="D11694" s="6"/>
      <c r="E11694" s="6" t="s">
        <v>9</v>
      </c>
      <c r="F11694" s="7">
        <v>38657</v>
      </c>
      <c r="G11694" s="8">
        <v>1</v>
      </c>
      <c r="H11694" s="8">
        <v>1</v>
      </c>
      <c r="I11694" s="8">
        <v>0</v>
      </c>
      <c r="J11694" s="8">
        <v>1</v>
      </c>
      <c r="K11694" s="9">
        <v>135</v>
      </c>
      <c r="L11694" s="6" t="s">
        <v>51</v>
      </c>
    </row>
    <row r="11695" spans="1:12">
      <c r="A11695" s="6" t="s">
        <v>49</v>
      </c>
      <c r="B11695" s="6"/>
      <c r="C11695" s="6" t="s">
        <v>11719</v>
      </c>
      <c r="D11695" s="6"/>
      <c r="E11695" s="6" t="s">
        <v>9</v>
      </c>
      <c r="F11695" s="7">
        <v>42324</v>
      </c>
      <c r="G11695" s="8">
        <v>703059</v>
      </c>
      <c r="H11695" s="8">
        <v>703059</v>
      </c>
      <c r="I11695" s="8">
        <v>0</v>
      </c>
      <c r="J11695" s="8">
        <v>703059</v>
      </c>
      <c r="K11695" s="9">
        <v>78</v>
      </c>
      <c r="L11695" s="6" t="s">
        <v>4773</v>
      </c>
    </row>
    <row r="11696" spans="1:12">
      <c r="A11696" s="6" t="s">
        <v>49</v>
      </c>
      <c r="B11696" s="6"/>
      <c r="C11696" s="6" t="s">
        <v>11720</v>
      </c>
      <c r="D11696" s="6"/>
      <c r="E11696" s="6" t="s">
        <v>9</v>
      </c>
      <c r="F11696" s="7">
        <v>38657</v>
      </c>
      <c r="G11696" s="8">
        <v>1</v>
      </c>
      <c r="H11696" s="8">
        <v>1</v>
      </c>
      <c r="I11696" s="8">
        <v>0</v>
      </c>
      <c r="J11696" s="8">
        <v>1</v>
      </c>
      <c r="K11696" s="9">
        <v>44</v>
      </c>
      <c r="L11696" s="6" t="s">
        <v>51</v>
      </c>
    </row>
    <row r="11697" spans="1:12">
      <c r="A11697" s="6" t="s">
        <v>49</v>
      </c>
      <c r="B11697" s="6"/>
      <c r="C11697" s="6" t="s">
        <v>11721</v>
      </c>
      <c r="D11697" s="6"/>
      <c r="E11697" s="6" t="s">
        <v>9</v>
      </c>
      <c r="F11697" s="7">
        <v>38657</v>
      </c>
      <c r="G11697" s="8">
        <v>1</v>
      </c>
      <c r="H11697" s="8">
        <v>1</v>
      </c>
      <c r="I11697" s="8">
        <v>0</v>
      </c>
      <c r="J11697" s="8">
        <v>1</v>
      </c>
      <c r="K11697" s="9">
        <v>56</v>
      </c>
      <c r="L11697" s="6" t="s">
        <v>51</v>
      </c>
    </row>
    <row r="11698" spans="1:12">
      <c r="A11698" s="6" t="s">
        <v>49</v>
      </c>
      <c r="B11698" s="6"/>
      <c r="C11698" s="6" t="s">
        <v>11722</v>
      </c>
      <c r="D11698" s="6"/>
      <c r="E11698" s="6" t="s">
        <v>9</v>
      </c>
      <c r="F11698" s="7">
        <v>38657</v>
      </c>
      <c r="G11698" s="8">
        <v>1</v>
      </c>
      <c r="H11698" s="8">
        <v>1</v>
      </c>
      <c r="I11698" s="8">
        <v>0</v>
      </c>
      <c r="J11698" s="8">
        <v>1</v>
      </c>
      <c r="K11698" s="9">
        <v>42</v>
      </c>
      <c r="L11698" s="6" t="s">
        <v>51</v>
      </c>
    </row>
    <row r="11699" spans="1:12">
      <c r="A11699" s="6" t="s">
        <v>49</v>
      </c>
      <c r="B11699" s="6"/>
      <c r="C11699" s="6" t="s">
        <v>11723</v>
      </c>
      <c r="D11699" s="6"/>
      <c r="E11699" s="6" t="s">
        <v>9</v>
      </c>
      <c r="F11699" s="7">
        <v>38657</v>
      </c>
      <c r="G11699" s="8">
        <v>1</v>
      </c>
      <c r="H11699" s="8">
        <v>1</v>
      </c>
      <c r="I11699" s="8">
        <v>0</v>
      </c>
      <c r="J11699" s="8">
        <v>1</v>
      </c>
      <c r="K11699" s="9">
        <v>10.47</v>
      </c>
      <c r="L11699" s="6" t="s">
        <v>51</v>
      </c>
    </row>
    <row r="11700" spans="1:12">
      <c r="A11700" s="6" t="s">
        <v>49</v>
      </c>
      <c r="B11700" s="6"/>
      <c r="C11700" s="6" t="s">
        <v>11724</v>
      </c>
      <c r="D11700" s="6"/>
      <c r="E11700" s="6" t="s">
        <v>9</v>
      </c>
      <c r="F11700" s="7">
        <v>38657</v>
      </c>
      <c r="G11700" s="8">
        <v>1</v>
      </c>
      <c r="H11700" s="8">
        <v>1</v>
      </c>
      <c r="I11700" s="8">
        <v>0</v>
      </c>
      <c r="J11700" s="8">
        <v>1</v>
      </c>
      <c r="K11700" s="9">
        <v>52</v>
      </c>
      <c r="L11700" s="6" t="s">
        <v>51</v>
      </c>
    </row>
    <row r="11701" spans="1:12">
      <c r="A11701" s="6" t="s">
        <v>49</v>
      </c>
      <c r="B11701" s="6"/>
      <c r="C11701" s="6" t="s">
        <v>11725</v>
      </c>
      <c r="D11701" s="6"/>
      <c r="E11701" s="6" t="s">
        <v>9</v>
      </c>
      <c r="F11701" s="7">
        <v>38657</v>
      </c>
      <c r="G11701" s="8">
        <v>1</v>
      </c>
      <c r="H11701" s="8">
        <v>1</v>
      </c>
      <c r="I11701" s="8">
        <v>0</v>
      </c>
      <c r="J11701" s="8">
        <v>1</v>
      </c>
      <c r="K11701" s="9">
        <v>46</v>
      </c>
      <c r="L11701" s="6" t="s">
        <v>51</v>
      </c>
    </row>
    <row r="11702" spans="1:12">
      <c r="A11702" s="6" t="s">
        <v>49</v>
      </c>
      <c r="B11702" s="6"/>
      <c r="C11702" s="6" t="s">
        <v>11726</v>
      </c>
      <c r="D11702" s="6"/>
      <c r="E11702" s="6" t="s">
        <v>9</v>
      </c>
      <c r="F11702" s="7">
        <v>38657</v>
      </c>
      <c r="G11702" s="8">
        <v>1</v>
      </c>
      <c r="H11702" s="8">
        <v>1</v>
      </c>
      <c r="I11702" s="8">
        <v>0</v>
      </c>
      <c r="J11702" s="8">
        <v>1</v>
      </c>
      <c r="K11702" s="9">
        <v>48</v>
      </c>
      <c r="L11702" s="6" t="s">
        <v>51</v>
      </c>
    </row>
    <row r="11703" spans="1:12">
      <c r="A11703" s="6" t="s">
        <v>49</v>
      </c>
      <c r="B11703" s="6"/>
      <c r="C11703" s="6" t="s">
        <v>11727</v>
      </c>
      <c r="D11703" s="6"/>
      <c r="E11703" s="6" t="s">
        <v>9</v>
      </c>
      <c r="F11703" s="7">
        <v>39798</v>
      </c>
      <c r="G11703" s="8">
        <v>22155</v>
      </c>
      <c r="H11703" s="8">
        <v>22155</v>
      </c>
      <c r="I11703" s="8">
        <v>0</v>
      </c>
      <c r="J11703" s="8">
        <v>22155</v>
      </c>
      <c r="K11703" s="9">
        <v>2.11</v>
      </c>
      <c r="L11703" s="6" t="s">
        <v>51</v>
      </c>
    </row>
    <row r="11704" spans="1:12">
      <c r="A11704" s="6" t="s">
        <v>49</v>
      </c>
      <c r="B11704" s="6"/>
      <c r="C11704" s="6" t="s">
        <v>11728</v>
      </c>
      <c r="D11704" s="6"/>
      <c r="E11704" s="6" t="s">
        <v>9</v>
      </c>
      <c r="F11704" s="7">
        <v>38657</v>
      </c>
      <c r="G11704" s="8">
        <v>1</v>
      </c>
      <c r="H11704" s="8">
        <v>1</v>
      </c>
      <c r="I11704" s="8">
        <v>0</v>
      </c>
      <c r="J11704" s="8">
        <v>1</v>
      </c>
      <c r="K11704" s="9">
        <v>54</v>
      </c>
      <c r="L11704" s="6" t="s">
        <v>51</v>
      </c>
    </row>
    <row r="11705" spans="1:12">
      <c r="A11705" s="6" t="s">
        <v>49</v>
      </c>
      <c r="B11705" s="6"/>
      <c r="C11705" s="6" t="s">
        <v>11729</v>
      </c>
      <c r="D11705" s="6"/>
      <c r="E11705" s="6" t="s">
        <v>9</v>
      </c>
      <c r="F11705" s="7">
        <v>38657</v>
      </c>
      <c r="G11705" s="8">
        <v>1</v>
      </c>
      <c r="H11705" s="8">
        <v>1</v>
      </c>
      <c r="I11705" s="8">
        <v>0</v>
      </c>
      <c r="J11705" s="8">
        <v>1</v>
      </c>
      <c r="K11705" s="9">
        <v>2.92</v>
      </c>
      <c r="L11705" s="6" t="s">
        <v>51</v>
      </c>
    </row>
    <row r="11706" spans="1:12">
      <c r="A11706" s="6" t="s">
        <v>49</v>
      </c>
      <c r="B11706" s="6"/>
      <c r="C11706" s="6" t="s">
        <v>11730</v>
      </c>
      <c r="D11706" s="6"/>
      <c r="E11706" s="6" t="s">
        <v>9</v>
      </c>
      <c r="F11706" s="7">
        <v>38657</v>
      </c>
      <c r="G11706" s="8">
        <v>1</v>
      </c>
      <c r="H11706" s="8">
        <v>1</v>
      </c>
      <c r="I11706" s="8">
        <v>0</v>
      </c>
      <c r="J11706" s="8">
        <v>1</v>
      </c>
      <c r="K11706" s="9">
        <v>4.28</v>
      </c>
      <c r="L11706" s="6" t="s">
        <v>51</v>
      </c>
    </row>
    <row r="11707" spans="1:12">
      <c r="A11707" s="6" t="s">
        <v>49</v>
      </c>
      <c r="B11707" s="6"/>
      <c r="C11707" s="6" t="s">
        <v>11731</v>
      </c>
      <c r="D11707" s="6"/>
      <c r="E11707" s="6" t="s">
        <v>9</v>
      </c>
      <c r="F11707" s="7">
        <v>38657</v>
      </c>
      <c r="G11707" s="8">
        <v>1</v>
      </c>
      <c r="H11707" s="8">
        <v>1</v>
      </c>
      <c r="I11707" s="8">
        <v>0</v>
      </c>
      <c r="J11707" s="8">
        <v>1</v>
      </c>
      <c r="K11707" s="9">
        <v>0.49</v>
      </c>
      <c r="L11707" s="6" t="s">
        <v>51</v>
      </c>
    </row>
    <row r="11708" spans="1:12">
      <c r="A11708" s="6" t="s">
        <v>49</v>
      </c>
      <c r="B11708" s="6"/>
      <c r="C11708" s="6" t="s">
        <v>11732</v>
      </c>
      <c r="D11708" s="6"/>
      <c r="E11708" s="6" t="s">
        <v>9</v>
      </c>
      <c r="F11708" s="7">
        <v>38657</v>
      </c>
      <c r="G11708" s="8">
        <v>1</v>
      </c>
      <c r="H11708" s="8">
        <v>1</v>
      </c>
      <c r="I11708" s="8">
        <v>0</v>
      </c>
      <c r="J11708" s="8">
        <v>1</v>
      </c>
      <c r="K11708" s="9">
        <v>0.62</v>
      </c>
      <c r="L11708" s="6" t="s">
        <v>51</v>
      </c>
    </row>
    <row r="11709" spans="1:12">
      <c r="A11709" s="6" t="s">
        <v>49</v>
      </c>
      <c r="B11709" s="6"/>
      <c r="C11709" s="6" t="s">
        <v>11733</v>
      </c>
      <c r="D11709" s="6"/>
      <c r="E11709" s="6" t="s">
        <v>9</v>
      </c>
      <c r="F11709" s="7">
        <v>38657</v>
      </c>
      <c r="G11709" s="8">
        <v>1</v>
      </c>
      <c r="H11709" s="8">
        <v>1</v>
      </c>
      <c r="I11709" s="8">
        <v>0</v>
      </c>
      <c r="J11709" s="8">
        <v>1</v>
      </c>
      <c r="K11709" s="9">
        <v>1.2</v>
      </c>
      <c r="L11709" s="6" t="s">
        <v>51</v>
      </c>
    </row>
    <row r="11710" spans="1:12">
      <c r="A11710" s="6" t="s">
        <v>49</v>
      </c>
      <c r="B11710" s="6"/>
      <c r="C11710" s="6" t="s">
        <v>11734</v>
      </c>
      <c r="D11710" s="6"/>
      <c r="E11710" s="6" t="s">
        <v>9</v>
      </c>
      <c r="F11710" s="7">
        <v>38657</v>
      </c>
      <c r="G11710" s="8">
        <v>1</v>
      </c>
      <c r="H11710" s="8">
        <v>1</v>
      </c>
      <c r="I11710" s="8">
        <v>0</v>
      </c>
      <c r="J11710" s="8">
        <v>1</v>
      </c>
      <c r="K11710" s="9">
        <v>7.25</v>
      </c>
      <c r="L11710" s="6" t="s">
        <v>51</v>
      </c>
    </row>
    <row r="11711" spans="1:12">
      <c r="A11711" s="6" t="s">
        <v>49</v>
      </c>
      <c r="B11711" s="6"/>
      <c r="C11711" s="6" t="s">
        <v>11735</v>
      </c>
      <c r="D11711" s="6"/>
      <c r="E11711" s="6" t="s">
        <v>9</v>
      </c>
      <c r="F11711" s="7">
        <v>38657</v>
      </c>
      <c r="G11711" s="8">
        <v>1</v>
      </c>
      <c r="H11711" s="8">
        <v>1</v>
      </c>
      <c r="I11711" s="8">
        <v>0</v>
      </c>
      <c r="J11711" s="8">
        <v>1</v>
      </c>
      <c r="K11711" s="9">
        <v>490</v>
      </c>
      <c r="L11711" s="6" t="s">
        <v>51</v>
      </c>
    </row>
    <row r="11712" spans="1:12">
      <c r="A11712" s="6" t="s">
        <v>49</v>
      </c>
      <c r="B11712" s="6"/>
      <c r="C11712" s="6" t="s">
        <v>11736</v>
      </c>
      <c r="D11712" s="6"/>
      <c r="E11712" s="6" t="s">
        <v>9</v>
      </c>
      <c r="F11712" s="7">
        <v>38657</v>
      </c>
      <c r="G11712" s="8">
        <v>1</v>
      </c>
      <c r="H11712" s="8">
        <v>1</v>
      </c>
      <c r="I11712" s="8">
        <v>0</v>
      </c>
      <c r="J11712" s="8">
        <v>1</v>
      </c>
      <c r="K11712" s="9">
        <v>887</v>
      </c>
      <c r="L11712" s="6" t="s">
        <v>51</v>
      </c>
    </row>
    <row r="11713" spans="1:12">
      <c r="A11713" s="6" t="s">
        <v>49</v>
      </c>
      <c r="B11713" s="6"/>
      <c r="C11713" s="6" t="s">
        <v>11737</v>
      </c>
      <c r="D11713" s="6"/>
      <c r="E11713" s="6" t="s">
        <v>9</v>
      </c>
      <c r="F11713" s="7">
        <v>38657</v>
      </c>
      <c r="G11713" s="8">
        <v>1</v>
      </c>
      <c r="H11713" s="8">
        <v>1</v>
      </c>
      <c r="I11713" s="8">
        <v>0</v>
      </c>
      <c r="J11713" s="8">
        <v>1</v>
      </c>
      <c r="K11713" s="9">
        <v>109</v>
      </c>
      <c r="L11713" s="6" t="s">
        <v>51</v>
      </c>
    </row>
    <row r="11714" spans="1:12">
      <c r="A11714" s="6" t="s">
        <v>49</v>
      </c>
      <c r="B11714" s="6"/>
      <c r="C11714" s="6" t="s">
        <v>11738</v>
      </c>
      <c r="D11714" s="6"/>
      <c r="E11714" s="6" t="s">
        <v>9</v>
      </c>
      <c r="F11714" s="7">
        <v>38657</v>
      </c>
      <c r="G11714" s="8">
        <v>1</v>
      </c>
      <c r="H11714" s="8">
        <v>1</v>
      </c>
      <c r="I11714" s="8">
        <v>0</v>
      </c>
      <c r="J11714" s="8">
        <v>1</v>
      </c>
      <c r="K11714" s="9">
        <v>5.19</v>
      </c>
      <c r="L11714" s="6" t="s">
        <v>51</v>
      </c>
    </row>
    <row r="11715" spans="1:12">
      <c r="A11715" s="6" t="s">
        <v>49</v>
      </c>
      <c r="B11715" s="6"/>
      <c r="C11715" s="6" t="s">
        <v>11739</v>
      </c>
      <c r="D11715" s="6"/>
      <c r="E11715" s="6" t="s">
        <v>9</v>
      </c>
      <c r="F11715" s="7">
        <v>38657</v>
      </c>
      <c r="G11715" s="8">
        <v>1</v>
      </c>
      <c r="H11715" s="8">
        <v>1</v>
      </c>
      <c r="I11715" s="8">
        <v>0</v>
      </c>
      <c r="J11715" s="8">
        <v>1</v>
      </c>
      <c r="K11715" s="9">
        <v>1.28</v>
      </c>
      <c r="L11715" s="6" t="s">
        <v>51</v>
      </c>
    </row>
    <row r="11716" spans="1:12">
      <c r="A11716" s="6" t="s">
        <v>49</v>
      </c>
      <c r="B11716" s="6"/>
      <c r="C11716" s="6" t="s">
        <v>11740</v>
      </c>
      <c r="D11716" s="6"/>
      <c r="E11716" s="6" t="s">
        <v>9</v>
      </c>
      <c r="F11716" s="7">
        <v>38657</v>
      </c>
      <c r="G11716" s="8">
        <v>1</v>
      </c>
      <c r="H11716" s="8">
        <v>1</v>
      </c>
      <c r="I11716" s="8">
        <v>0</v>
      </c>
      <c r="J11716" s="8">
        <v>1</v>
      </c>
      <c r="K11716" s="9">
        <v>6.7</v>
      </c>
      <c r="L11716" s="6" t="s">
        <v>51</v>
      </c>
    </row>
    <row r="11717" spans="1:12">
      <c r="A11717" s="6" t="s">
        <v>49</v>
      </c>
      <c r="B11717" s="6"/>
      <c r="C11717" s="6" t="s">
        <v>11741</v>
      </c>
      <c r="D11717" s="6"/>
      <c r="E11717" s="6" t="s">
        <v>9</v>
      </c>
      <c r="F11717" s="7">
        <v>38657</v>
      </c>
      <c r="G11717" s="8">
        <v>1</v>
      </c>
      <c r="H11717" s="8">
        <v>1</v>
      </c>
      <c r="I11717" s="8">
        <v>0</v>
      </c>
      <c r="J11717" s="8">
        <v>1</v>
      </c>
      <c r="K11717" s="9">
        <v>4.46</v>
      </c>
      <c r="L11717" s="6" t="s">
        <v>51</v>
      </c>
    </row>
    <row r="11718" spans="1:12">
      <c r="A11718" s="6" t="s">
        <v>49</v>
      </c>
      <c r="B11718" s="6"/>
      <c r="C11718" s="6" t="s">
        <v>11742</v>
      </c>
      <c r="D11718" s="6"/>
      <c r="E11718" s="6" t="s">
        <v>9</v>
      </c>
      <c r="F11718" s="7">
        <v>38657</v>
      </c>
      <c r="G11718" s="8">
        <v>1</v>
      </c>
      <c r="H11718" s="8">
        <v>1</v>
      </c>
      <c r="I11718" s="8">
        <v>0</v>
      </c>
      <c r="J11718" s="8">
        <v>1</v>
      </c>
      <c r="K11718" s="9">
        <v>7.0000000000000007E-2</v>
      </c>
      <c r="L11718" s="6" t="s">
        <v>51</v>
      </c>
    </row>
    <row r="11719" spans="1:12">
      <c r="A11719" s="6" t="s">
        <v>49</v>
      </c>
      <c r="B11719" s="6"/>
      <c r="C11719" s="6" t="s">
        <v>11743</v>
      </c>
      <c r="D11719" s="6"/>
      <c r="E11719" s="6" t="s">
        <v>9</v>
      </c>
      <c r="F11719" s="7">
        <v>38657</v>
      </c>
      <c r="G11719" s="8">
        <v>1</v>
      </c>
      <c r="H11719" s="8">
        <v>1</v>
      </c>
      <c r="I11719" s="8">
        <v>0</v>
      </c>
      <c r="J11719" s="8">
        <v>1</v>
      </c>
      <c r="K11719" s="9">
        <v>0.48</v>
      </c>
      <c r="L11719" s="6" t="s">
        <v>51</v>
      </c>
    </row>
    <row r="11720" spans="1:12">
      <c r="A11720" s="6" t="s">
        <v>49</v>
      </c>
      <c r="B11720" s="6"/>
      <c r="C11720" s="6" t="s">
        <v>11744</v>
      </c>
      <c r="D11720" s="6"/>
      <c r="E11720" s="6" t="s">
        <v>9</v>
      </c>
      <c r="F11720" s="7">
        <v>38657</v>
      </c>
      <c r="G11720" s="8">
        <v>1</v>
      </c>
      <c r="H11720" s="8">
        <v>1</v>
      </c>
      <c r="I11720" s="8">
        <v>0</v>
      </c>
      <c r="J11720" s="8">
        <v>1</v>
      </c>
      <c r="K11720" s="9">
        <v>4.99</v>
      </c>
      <c r="L11720" s="6" t="s">
        <v>51</v>
      </c>
    </row>
    <row r="11721" spans="1:12">
      <c r="A11721" s="6" t="s">
        <v>49</v>
      </c>
      <c r="B11721" s="6"/>
      <c r="C11721" s="6" t="s">
        <v>11745</v>
      </c>
      <c r="D11721" s="6"/>
      <c r="E11721" s="6" t="s">
        <v>9</v>
      </c>
      <c r="F11721" s="7">
        <v>38657</v>
      </c>
      <c r="G11721" s="8">
        <v>1</v>
      </c>
      <c r="H11721" s="8">
        <v>1</v>
      </c>
      <c r="I11721" s="8">
        <v>0</v>
      </c>
      <c r="J11721" s="8">
        <v>1</v>
      </c>
      <c r="K11721" s="9">
        <v>9.4700000000000006</v>
      </c>
      <c r="L11721" s="6" t="s">
        <v>51</v>
      </c>
    </row>
    <row r="11722" spans="1:12">
      <c r="A11722" s="6" t="s">
        <v>49</v>
      </c>
      <c r="B11722" s="6"/>
      <c r="C11722" s="6" t="s">
        <v>11746</v>
      </c>
      <c r="D11722" s="6"/>
      <c r="E11722" s="6" t="s">
        <v>9</v>
      </c>
      <c r="F11722" s="7">
        <v>38657</v>
      </c>
      <c r="G11722" s="8">
        <v>1</v>
      </c>
      <c r="H11722" s="8">
        <v>1</v>
      </c>
      <c r="I11722" s="8">
        <v>0</v>
      </c>
      <c r="J11722" s="8">
        <v>1</v>
      </c>
      <c r="K11722" s="9">
        <v>5.16</v>
      </c>
      <c r="L11722" s="6" t="s">
        <v>51</v>
      </c>
    </row>
    <row r="11723" spans="1:12">
      <c r="A11723" s="6" t="s">
        <v>49</v>
      </c>
      <c r="B11723" s="6"/>
      <c r="C11723" s="6" t="s">
        <v>11747</v>
      </c>
      <c r="D11723" s="6"/>
      <c r="E11723" s="6" t="s">
        <v>9</v>
      </c>
      <c r="F11723" s="7"/>
      <c r="G11723" s="8">
        <v>1</v>
      </c>
      <c r="H11723" s="8">
        <v>1</v>
      </c>
      <c r="I11723" s="8">
        <v>0</v>
      </c>
      <c r="J11723" s="8">
        <v>1</v>
      </c>
      <c r="K11723" s="9">
        <v>4.88</v>
      </c>
      <c r="L11723" s="6" t="s">
        <v>51</v>
      </c>
    </row>
    <row r="11724" spans="1:12">
      <c r="A11724" s="6" t="s">
        <v>49</v>
      </c>
      <c r="B11724" s="6"/>
      <c r="C11724" s="6" t="s">
        <v>11748</v>
      </c>
      <c r="D11724" s="6"/>
      <c r="E11724" s="6" t="s">
        <v>9</v>
      </c>
      <c r="F11724" s="7">
        <v>38657</v>
      </c>
      <c r="G11724" s="8">
        <v>1</v>
      </c>
      <c r="H11724" s="8">
        <v>1</v>
      </c>
      <c r="I11724" s="8">
        <v>0</v>
      </c>
      <c r="J11724" s="8">
        <v>1</v>
      </c>
      <c r="K11724" s="9">
        <v>27</v>
      </c>
      <c r="L11724" s="6" t="s">
        <v>51</v>
      </c>
    </row>
    <row r="11725" spans="1:12">
      <c r="A11725" s="6" t="s">
        <v>49</v>
      </c>
      <c r="B11725" s="6"/>
      <c r="C11725" s="6" t="s">
        <v>11749</v>
      </c>
      <c r="D11725" s="6"/>
      <c r="E11725" s="6" t="s">
        <v>9</v>
      </c>
      <c r="F11725" s="7">
        <v>42233</v>
      </c>
      <c r="G11725" s="8">
        <v>504573</v>
      </c>
      <c r="H11725" s="8">
        <v>504573</v>
      </c>
      <c r="I11725" s="8">
        <v>0</v>
      </c>
      <c r="J11725" s="8">
        <v>504573</v>
      </c>
      <c r="K11725" s="9">
        <v>60</v>
      </c>
      <c r="L11725" s="6" t="s">
        <v>4773</v>
      </c>
    </row>
    <row r="11726" spans="1:12">
      <c r="A11726" s="6" t="s">
        <v>49</v>
      </c>
      <c r="B11726" s="6"/>
      <c r="C11726" s="6" t="s">
        <v>11750</v>
      </c>
      <c r="D11726" s="6"/>
      <c r="E11726" s="6" t="s">
        <v>9</v>
      </c>
      <c r="F11726" s="7">
        <v>42233</v>
      </c>
      <c r="G11726" s="8">
        <v>321823</v>
      </c>
      <c r="H11726" s="8">
        <v>321823</v>
      </c>
      <c r="I11726" s="8">
        <v>0</v>
      </c>
      <c r="J11726" s="8">
        <v>321823</v>
      </c>
      <c r="K11726" s="9">
        <v>38</v>
      </c>
      <c r="L11726" s="6" t="s">
        <v>4773</v>
      </c>
    </row>
    <row r="11727" spans="1:12">
      <c r="A11727" s="6" t="s">
        <v>49</v>
      </c>
      <c r="B11727" s="6"/>
      <c r="C11727" s="6" t="s">
        <v>11751</v>
      </c>
      <c r="D11727" s="6"/>
      <c r="E11727" s="6" t="s">
        <v>9</v>
      </c>
      <c r="F11727" s="7">
        <v>42233</v>
      </c>
      <c r="G11727" s="8">
        <v>781558</v>
      </c>
      <c r="H11727" s="8">
        <v>781558</v>
      </c>
      <c r="I11727" s="8">
        <v>0</v>
      </c>
      <c r="J11727" s="8">
        <v>781558</v>
      </c>
      <c r="K11727" s="9">
        <v>94</v>
      </c>
      <c r="L11727" s="6" t="s">
        <v>4773</v>
      </c>
    </row>
    <row r="11728" spans="1:12">
      <c r="A11728" s="6" t="s">
        <v>49</v>
      </c>
      <c r="B11728" s="6"/>
      <c r="C11728" s="6" t="s">
        <v>11752</v>
      </c>
      <c r="D11728" s="6"/>
      <c r="E11728" s="6" t="s">
        <v>9</v>
      </c>
      <c r="F11728" s="7">
        <v>42233</v>
      </c>
      <c r="G11728" s="8">
        <v>133685</v>
      </c>
      <c r="H11728" s="8">
        <v>133685</v>
      </c>
      <c r="I11728" s="8">
        <v>0</v>
      </c>
      <c r="J11728" s="8">
        <v>133685</v>
      </c>
      <c r="K11728" s="9">
        <v>16</v>
      </c>
      <c r="L11728" s="6" t="s">
        <v>4773</v>
      </c>
    </row>
    <row r="11729" spans="1:12">
      <c r="A11729" s="6" t="s">
        <v>49</v>
      </c>
      <c r="B11729" s="6"/>
      <c r="C11729" s="6" t="s">
        <v>11753</v>
      </c>
      <c r="D11729" s="6"/>
      <c r="E11729" s="6" t="s">
        <v>9</v>
      </c>
      <c r="F11729" s="7">
        <v>38657</v>
      </c>
      <c r="G11729" s="8">
        <v>1</v>
      </c>
      <c r="H11729" s="8">
        <v>1</v>
      </c>
      <c r="I11729" s="8">
        <v>0</v>
      </c>
      <c r="J11729" s="8">
        <v>1</v>
      </c>
      <c r="K11729" s="9">
        <v>165</v>
      </c>
      <c r="L11729" s="6" t="s">
        <v>51</v>
      </c>
    </row>
    <row r="11730" spans="1:12">
      <c r="A11730" s="6" t="s">
        <v>49</v>
      </c>
      <c r="B11730" s="6"/>
      <c r="C11730" s="6" t="s">
        <v>11754</v>
      </c>
      <c r="D11730" s="6"/>
      <c r="E11730" s="6" t="s">
        <v>9</v>
      </c>
      <c r="F11730" s="7">
        <v>38657</v>
      </c>
      <c r="G11730" s="8">
        <v>1</v>
      </c>
      <c r="H11730" s="8">
        <v>1</v>
      </c>
      <c r="I11730" s="8">
        <v>0</v>
      </c>
      <c r="J11730" s="8">
        <v>1</v>
      </c>
      <c r="K11730" s="9">
        <v>130</v>
      </c>
      <c r="L11730" s="6" t="s">
        <v>51</v>
      </c>
    </row>
    <row r="11731" spans="1:12">
      <c r="A11731" s="6" t="s">
        <v>49</v>
      </c>
      <c r="B11731" s="6"/>
      <c r="C11731" s="6" t="s">
        <v>11755</v>
      </c>
      <c r="D11731" s="6"/>
      <c r="E11731" s="6" t="s">
        <v>9</v>
      </c>
      <c r="F11731" s="7">
        <v>38657</v>
      </c>
      <c r="G11731" s="8">
        <v>1</v>
      </c>
      <c r="H11731" s="8">
        <v>1</v>
      </c>
      <c r="I11731" s="8">
        <v>0</v>
      </c>
      <c r="J11731" s="8">
        <v>1</v>
      </c>
      <c r="K11731" s="9">
        <v>30</v>
      </c>
      <c r="L11731" s="6" t="s">
        <v>51</v>
      </c>
    </row>
    <row r="11732" spans="1:12">
      <c r="A11732" s="6" t="s">
        <v>49</v>
      </c>
      <c r="B11732" s="6"/>
      <c r="C11732" s="6" t="s">
        <v>11756</v>
      </c>
      <c r="D11732" s="6"/>
      <c r="E11732" s="6" t="s">
        <v>9</v>
      </c>
      <c r="F11732" s="7">
        <v>38657</v>
      </c>
      <c r="G11732" s="8">
        <v>1</v>
      </c>
      <c r="H11732" s="8">
        <v>1</v>
      </c>
      <c r="I11732" s="8">
        <v>0</v>
      </c>
      <c r="J11732" s="8">
        <v>1</v>
      </c>
      <c r="K11732" s="9">
        <v>7.83</v>
      </c>
      <c r="L11732" s="6" t="s">
        <v>51</v>
      </c>
    </row>
    <row r="11733" spans="1:12">
      <c r="A11733" s="6" t="s">
        <v>49</v>
      </c>
      <c r="B11733" s="6"/>
      <c r="C11733" s="6" t="s">
        <v>11757</v>
      </c>
      <c r="D11733" s="6"/>
      <c r="E11733" s="6" t="s">
        <v>9</v>
      </c>
      <c r="F11733" s="7">
        <v>38657</v>
      </c>
      <c r="G11733" s="8">
        <v>1</v>
      </c>
      <c r="H11733" s="8">
        <v>1</v>
      </c>
      <c r="I11733" s="8">
        <v>0</v>
      </c>
      <c r="J11733" s="8">
        <v>1</v>
      </c>
      <c r="K11733" s="9">
        <v>38</v>
      </c>
      <c r="L11733" s="6" t="s">
        <v>51</v>
      </c>
    </row>
    <row r="11734" spans="1:12">
      <c r="A11734" s="6" t="s">
        <v>49</v>
      </c>
      <c r="B11734" s="6"/>
      <c r="C11734" s="6" t="s">
        <v>11758</v>
      </c>
      <c r="D11734" s="6"/>
      <c r="E11734" s="6" t="s">
        <v>9</v>
      </c>
      <c r="F11734" s="7">
        <v>38657</v>
      </c>
      <c r="G11734" s="8">
        <v>1</v>
      </c>
      <c r="H11734" s="8">
        <v>1</v>
      </c>
      <c r="I11734" s="8">
        <v>0</v>
      </c>
      <c r="J11734" s="8">
        <v>1</v>
      </c>
      <c r="K11734" s="9">
        <v>57</v>
      </c>
      <c r="L11734" s="6" t="s">
        <v>51</v>
      </c>
    </row>
    <row r="11735" spans="1:12">
      <c r="A11735" s="6" t="s">
        <v>49</v>
      </c>
      <c r="B11735" s="6"/>
      <c r="C11735" s="6" t="s">
        <v>11759</v>
      </c>
      <c r="D11735" s="6"/>
      <c r="E11735" s="6" t="s">
        <v>9</v>
      </c>
      <c r="F11735" s="7">
        <v>38657</v>
      </c>
      <c r="G11735" s="8">
        <v>1</v>
      </c>
      <c r="H11735" s="8">
        <v>1</v>
      </c>
      <c r="I11735" s="8">
        <v>0</v>
      </c>
      <c r="J11735" s="8">
        <v>1</v>
      </c>
      <c r="K11735" s="9">
        <v>37</v>
      </c>
      <c r="L11735" s="6" t="s">
        <v>51</v>
      </c>
    </row>
    <row r="11736" spans="1:12">
      <c r="A11736" s="6" t="s">
        <v>49</v>
      </c>
      <c r="B11736" s="6"/>
      <c r="C11736" s="6" t="s">
        <v>11760</v>
      </c>
      <c r="D11736" s="6"/>
      <c r="E11736" s="6" t="s">
        <v>9</v>
      </c>
      <c r="F11736" s="7">
        <v>38657</v>
      </c>
      <c r="G11736" s="8">
        <v>1</v>
      </c>
      <c r="H11736" s="8">
        <v>1</v>
      </c>
      <c r="I11736" s="8">
        <v>0</v>
      </c>
      <c r="J11736" s="8">
        <v>1</v>
      </c>
      <c r="K11736" s="9">
        <v>27</v>
      </c>
      <c r="L11736" s="6" t="s">
        <v>51</v>
      </c>
    </row>
    <row r="11737" spans="1:12">
      <c r="A11737" s="6" t="s">
        <v>49</v>
      </c>
      <c r="B11737" s="6"/>
      <c r="C11737" s="6" t="s">
        <v>11761</v>
      </c>
      <c r="D11737" s="6"/>
      <c r="E11737" s="6" t="s">
        <v>9</v>
      </c>
      <c r="F11737" s="7">
        <v>38657</v>
      </c>
      <c r="G11737" s="8">
        <v>1</v>
      </c>
      <c r="H11737" s="8">
        <v>1</v>
      </c>
      <c r="I11737" s="8">
        <v>0</v>
      </c>
      <c r="J11737" s="8">
        <v>1</v>
      </c>
      <c r="K11737" s="9">
        <v>8.5399999999999903</v>
      </c>
      <c r="L11737" s="6" t="s">
        <v>51</v>
      </c>
    </row>
    <row r="11738" spans="1:12">
      <c r="A11738" s="6" t="s">
        <v>49</v>
      </c>
      <c r="B11738" s="6"/>
      <c r="C11738" s="6" t="s">
        <v>11762</v>
      </c>
      <c r="D11738" s="6"/>
      <c r="E11738" s="6" t="s">
        <v>9</v>
      </c>
      <c r="F11738" s="7">
        <v>38657</v>
      </c>
      <c r="G11738" s="8">
        <v>1</v>
      </c>
      <c r="H11738" s="8">
        <v>1</v>
      </c>
      <c r="I11738" s="8">
        <v>0</v>
      </c>
      <c r="J11738" s="8">
        <v>1</v>
      </c>
      <c r="K11738" s="9">
        <v>0.92</v>
      </c>
      <c r="L11738" s="6" t="s">
        <v>51</v>
      </c>
    </row>
    <row r="11739" spans="1:12">
      <c r="A11739" s="6" t="s">
        <v>49</v>
      </c>
      <c r="B11739" s="6"/>
      <c r="C11739" s="6" t="s">
        <v>11763</v>
      </c>
      <c r="D11739" s="6"/>
      <c r="E11739" s="6" t="s">
        <v>9</v>
      </c>
      <c r="F11739" s="7">
        <v>38657</v>
      </c>
      <c r="G11739" s="8">
        <v>1</v>
      </c>
      <c r="H11739" s="8">
        <v>1</v>
      </c>
      <c r="I11739" s="8">
        <v>0</v>
      </c>
      <c r="J11739" s="8">
        <v>1</v>
      </c>
      <c r="K11739" s="9">
        <v>0.35</v>
      </c>
      <c r="L11739" s="6" t="s">
        <v>51</v>
      </c>
    </row>
    <row r="11740" spans="1:12">
      <c r="A11740" s="6" t="s">
        <v>49</v>
      </c>
      <c r="B11740" s="6"/>
      <c r="C11740" s="6" t="s">
        <v>11764</v>
      </c>
      <c r="D11740" s="6"/>
      <c r="E11740" s="6" t="s">
        <v>9</v>
      </c>
      <c r="F11740" s="7">
        <v>38657</v>
      </c>
      <c r="G11740" s="8">
        <v>1</v>
      </c>
      <c r="H11740" s="8">
        <v>1</v>
      </c>
      <c r="I11740" s="8">
        <v>0</v>
      </c>
      <c r="J11740" s="8">
        <v>1</v>
      </c>
      <c r="K11740" s="9">
        <v>52</v>
      </c>
      <c r="L11740" s="6" t="s">
        <v>51</v>
      </c>
    </row>
    <row r="11741" spans="1:12">
      <c r="A11741" s="6" t="s">
        <v>49</v>
      </c>
      <c r="B11741" s="6"/>
      <c r="C11741" s="6" t="s">
        <v>11765</v>
      </c>
      <c r="D11741" s="6"/>
      <c r="E11741" s="6" t="s">
        <v>9</v>
      </c>
      <c r="F11741" s="7">
        <v>42233</v>
      </c>
      <c r="G11741" s="8">
        <v>2199220</v>
      </c>
      <c r="H11741" s="8">
        <v>2199220</v>
      </c>
      <c r="I11741" s="8">
        <v>0</v>
      </c>
      <c r="J11741" s="8">
        <v>2199220</v>
      </c>
      <c r="K11741" s="9">
        <v>265</v>
      </c>
      <c r="L11741" s="6" t="s">
        <v>4773</v>
      </c>
    </row>
    <row r="11742" spans="1:12">
      <c r="A11742" s="6" t="s">
        <v>49</v>
      </c>
      <c r="B11742" s="6"/>
      <c r="C11742" s="6" t="s">
        <v>11766</v>
      </c>
      <c r="D11742" s="6"/>
      <c r="E11742" s="6" t="s">
        <v>9</v>
      </c>
      <c r="F11742" s="7">
        <v>38657</v>
      </c>
      <c r="G11742" s="8">
        <v>1</v>
      </c>
      <c r="H11742" s="8">
        <v>1</v>
      </c>
      <c r="I11742" s="8">
        <v>0</v>
      </c>
      <c r="J11742" s="8">
        <v>1</v>
      </c>
      <c r="K11742" s="9">
        <v>24</v>
      </c>
      <c r="L11742" s="6" t="s">
        <v>51</v>
      </c>
    </row>
    <row r="11743" spans="1:12">
      <c r="A11743" s="6" t="s">
        <v>49</v>
      </c>
      <c r="B11743" s="6"/>
      <c r="C11743" s="6" t="s">
        <v>11767</v>
      </c>
      <c r="D11743" s="6"/>
      <c r="E11743" s="6" t="s">
        <v>9</v>
      </c>
      <c r="F11743" s="7">
        <v>38657</v>
      </c>
      <c r="G11743" s="8">
        <v>1</v>
      </c>
      <c r="H11743" s="8">
        <v>1</v>
      </c>
      <c r="I11743" s="8">
        <v>0</v>
      </c>
      <c r="J11743" s="8">
        <v>1</v>
      </c>
      <c r="K11743" s="9">
        <v>5.66</v>
      </c>
      <c r="L11743" s="6" t="s">
        <v>51</v>
      </c>
    </row>
    <row r="11744" spans="1:12">
      <c r="A11744" s="6" t="s">
        <v>49</v>
      </c>
      <c r="B11744" s="6"/>
      <c r="C11744" s="6" t="s">
        <v>11768</v>
      </c>
      <c r="D11744" s="6"/>
      <c r="E11744" s="6" t="s">
        <v>9</v>
      </c>
      <c r="F11744" s="7">
        <v>38657</v>
      </c>
      <c r="G11744" s="8">
        <v>1</v>
      </c>
      <c r="H11744" s="8">
        <v>1</v>
      </c>
      <c r="I11744" s="8">
        <v>0</v>
      </c>
      <c r="J11744" s="8">
        <v>1</v>
      </c>
      <c r="K11744" s="9">
        <v>60</v>
      </c>
      <c r="L11744" s="6" t="s">
        <v>51</v>
      </c>
    </row>
    <row r="11745" spans="1:12">
      <c r="A11745" s="6" t="s">
        <v>49</v>
      </c>
      <c r="B11745" s="6"/>
      <c r="C11745" s="6" t="s">
        <v>11769</v>
      </c>
      <c r="D11745" s="6"/>
      <c r="E11745" s="6" t="s">
        <v>9</v>
      </c>
      <c r="F11745" s="7">
        <v>38657</v>
      </c>
      <c r="G11745" s="8">
        <v>1</v>
      </c>
      <c r="H11745" s="8">
        <v>1</v>
      </c>
      <c r="I11745" s="8">
        <v>0</v>
      </c>
      <c r="J11745" s="8">
        <v>1</v>
      </c>
      <c r="K11745" s="9">
        <v>141</v>
      </c>
      <c r="L11745" s="6" t="s">
        <v>51</v>
      </c>
    </row>
    <row r="11746" spans="1:12">
      <c r="A11746" s="6" t="s">
        <v>49</v>
      </c>
      <c r="B11746" s="6"/>
      <c r="C11746" s="6" t="s">
        <v>11770</v>
      </c>
      <c r="D11746" s="6"/>
      <c r="E11746" s="6" t="s">
        <v>9</v>
      </c>
      <c r="F11746" s="7">
        <v>38657</v>
      </c>
      <c r="G11746" s="8">
        <v>1</v>
      </c>
      <c r="H11746" s="8">
        <v>1</v>
      </c>
      <c r="I11746" s="8">
        <v>0</v>
      </c>
      <c r="J11746" s="8">
        <v>1</v>
      </c>
      <c r="K11746" s="9">
        <v>52</v>
      </c>
      <c r="L11746" s="6" t="s">
        <v>51</v>
      </c>
    </row>
    <row r="11747" spans="1:12">
      <c r="A11747" s="6" t="s">
        <v>49</v>
      </c>
      <c r="B11747" s="6"/>
      <c r="C11747" s="6" t="s">
        <v>11771</v>
      </c>
      <c r="D11747" s="6"/>
      <c r="E11747" s="6" t="s">
        <v>9</v>
      </c>
      <c r="F11747" s="7">
        <v>38657</v>
      </c>
      <c r="G11747" s="8">
        <v>1</v>
      </c>
      <c r="H11747" s="8">
        <v>1</v>
      </c>
      <c r="I11747" s="8">
        <v>0</v>
      </c>
      <c r="J11747" s="8">
        <v>1</v>
      </c>
      <c r="K11747" s="9">
        <v>199</v>
      </c>
      <c r="L11747" s="6" t="s">
        <v>51</v>
      </c>
    </row>
    <row r="11748" spans="1:12">
      <c r="A11748" s="6" t="s">
        <v>49</v>
      </c>
      <c r="B11748" s="6"/>
      <c r="C11748" s="6" t="s">
        <v>11772</v>
      </c>
      <c r="D11748" s="6"/>
      <c r="E11748" s="6" t="s">
        <v>9</v>
      </c>
      <c r="F11748" s="7">
        <v>38657</v>
      </c>
      <c r="G11748" s="8">
        <v>1</v>
      </c>
      <c r="H11748" s="8">
        <v>1</v>
      </c>
      <c r="I11748" s="8">
        <v>0</v>
      </c>
      <c r="J11748" s="8">
        <v>1</v>
      </c>
      <c r="K11748" s="9">
        <v>105</v>
      </c>
      <c r="L11748" s="6" t="s">
        <v>51</v>
      </c>
    </row>
    <row r="11749" spans="1:12">
      <c r="A11749" s="6" t="s">
        <v>49</v>
      </c>
      <c r="B11749" s="6"/>
      <c r="C11749" s="6" t="s">
        <v>11773</v>
      </c>
      <c r="D11749" s="6"/>
      <c r="E11749" s="6" t="s">
        <v>9</v>
      </c>
      <c r="F11749" s="7">
        <v>38657</v>
      </c>
      <c r="G11749" s="8">
        <v>1</v>
      </c>
      <c r="H11749" s="8">
        <v>1</v>
      </c>
      <c r="I11749" s="8">
        <v>0</v>
      </c>
      <c r="J11749" s="8">
        <v>1</v>
      </c>
      <c r="K11749" s="9">
        <v>133</v>
      </c>
      <c r="L11749" s="6" t="s">
        <v>51</v>
      </c>
    </row>
    <row r="11750" spans="1:12">
      <c r="A11750" s="6" t="s">
        <v>49</v>
      </c>
      <c r="B11750" s="6"/>
      <c r="C11750" s="6" t="s">
        <v>11774</v>
      </c>
      <c r="D11750" s="6"/>
      <c r="E11750" s="6" t="s">
        <v>9</v>
      </c>
      <c r="F11750" s="7">
        <v>38657</v>
      </c>
      <c r="G11750" s="8">
        <v>1</v>
      </c>
      <c r="H11750" s="8">
        <v>1</v>
      </c>
      <c r="I11750" s="8">
        <v>0</v>
      </c>
      <c r="J11750" s="8">
        <v>1</v>
      </c>
      <c r="K11750" s="9">
        <v>160</v>
      </c>
      <c r="L11750" s="6" t="s">
        <v>51</v>
      </c>
    </row>
    <row r="11751" spans="1:12">
      <c r="A11751" s="6" t="s">
        <v>49</v>
      </c>
      <c r="B11751" s="6"/>
      <c r="C11751" s="6" t="s">
        <v>11775</v>
      </c>
      <c r="D11751" s="6"/>
      <c r="E11751" s="6" t="s">
        <v>9</v>
      </c>
      <c r="F11751" s="7">
        <v>38657</v>
      </c>
      <c r="G11751" s="8">
        <v>1</v>
      </c>
      <c r="H11751" s="8">
        <v>1</v>
      </c>
      <c r="I11751" s="8">
        <v>0</v>
      </c>
      <c r="J11751" s="8">
        <v>1</v>
      </c>
      <c r="K11751" s="9">
        <v>40</v>
      </c>
      <c r="L11751" s="6" t="s">
        <v>51</v>
      </c>
    </row>
    <row r="11752" spans="1:12">
      <c r="A11752" s="6" t="s">
        <v>49</v>
      </c>
      <c r="B11752" s="6"/>
      <c r="C11752" s="6" t="s">
        <v>11776</v>
      </c>
      <c r="D11752" s="6"/>
      <c r="E11752" s="6" t="s">
        <v>9</v>
      </c>
      <c r="F11752" s="7">
        <v>38657</v>
      </c>
      <c r="G11752" s="8">
        <v>1</v>
      </c>
      <c r="H11752" s="8">
        <v>1</v>
      </c>
      <c r="I11752" s="8">
        <v>0</v>
      </c>
      <c r="J11752" s="8">
        <v>1</v>
      </c>
      <c r="K11752" s="9">
        <v>145</v>
      </c>
      <c r="L11752" s="6" t="s">
        <v>51</v>
      </c>
    </row>
    <row r="11753" spans="1:12">
      <c r="A11753" s="6" t="s">
        <v>49</v>
      </c>
      <c r="B11753" s="6"/>
      <c r="C11753" s="6" t="s">
        <v>11777</v>
      </c>
      <c r="D11753" s="6"/>
      <c r="E11753" s="6" t="s">
        <v>9</v>
      </c>
      <c r="F11753" s="7">
        <v>38657</v>
      </c>
      <c r="G11753" s="8">
        <v>1</v>
      </c>
      <c r="H11753" s="8">
        <v>1</v>
      </c>
      <c r="I11753" s="8">
        <v>0</v>
      </c>
      <c r="J11753" s="8">
        <v>1</v>
      </c>
      <c r="K11753" s="9">
        <v>58</v>
      </c>
      <c r="L11753" s="6" t="s">
        <v>51</v>
      </c>
    </row>
    <row r="11754" spans="1:12">
      <c r="A11754" s="6" t="s">
        <v>49</v>
      </c>
      <c r="B11754" s="6"/>
      <c r="C11754" s="6" t="s">
        <v>11778</v>
      </c>
      <c r="D11754" s="6"/>
      <c r="E11754" s="6" t="s">
        <v>9</v>
      </c>
      <c r="F11754" s="7">
        <v>38657</v>
      </c>
      <c r="G11754" s="8">
        <v>1</v>
      </c>
      <c r="H11754" s="8">
        <v>1</v>
      </c>
      <c r="I11754" s="8">
        <v>0</v>
      </c>
      <c r="J11754" s="8">
        <v>1</v>
      </c>
      <c r="K11754" s="9">
        <v>3.87</v>
      </c>
      <c r="L11754" s="6" t="s">
        <v>51</v>
      </c>
    </row>
    <row r="11755" spans="1:12">
      <c r="A11755" s="6" t="s">
        <v>49</v>
      </c>
      <c r="B11755" s="6"/>
      <c r="C11755" s="6" t="s">
        <v>11779</v>
      </c>
      <c r="D11755" s="6"/>
      <c r="E11755" s="6" t="s">
        <v>9</v>
      </c>
      <c r="F11755" s="7">
        <v>38657</v>
      </c>
      <c r="G11755" s="8">
        <v>1</v>
      </c>
      <c r="H11755" s="8">
        <v>1</v>
      </c>
      <c r="I11755" s="8">
        <v>0</v>
      </c>
      <c r="J11755" s="8">
        <v>1</v>
      </c>
      <c r="K11755" s="9">
        <v>22</v>
      </c>
      <c r="L11755" s="6" t="s">
        <v>51</v>
      </c>
    </row>
    <row r="11756" spans="1:12">
      <c r="A11756" s="6" t="s">
        <v>49</v>
      </c>
      <c r="B11756" s="6"/>
      <c r="C11756" s="6" t="s">
        <v>11780</v>
      </c>
      <c r="D11756" s="6"/>
      <c r="E11756" s="6" t="s">
        <v>9</v>
      </c>
      <c r="F11756" s="7">
        <v>38657</v>
      </c>
      <c r="G11756" s="8">
        <v>1</v>
      </c>
      <c r="H11756" s="8">
        <v>1</v>
      </c>
      <c r="I11756" s="8">
        <v>0</v>
      </c>
      <c r="J11756" s="8">
        <v>1</v>
      </c>
      <c r="K11756" s="9">
        <v>91</v>
      </c>
      <c r="L11756" s="6" t="s">
        <v>51</v>
      </c>
    </row>
    <row r="11757" spans="1:12">
      <c r="A11757" s="6" t="s">
        <v>49</v>
      </c>
      <c r="B11757" s="6"/>
      <c r="C11757" s="6" t="s">
        <v>11781</v>
      </c>
      <c r="D11757" s="6"/>
      <c r="E11757" s="6" t="s">
        <v>9</v>
      </c>
      <c r="F11757" s="7">
        <v>38657</v>
      </c>
      <c r="G11757" s="8">
        <v>1</v>
      </c>
      <c r="H11757" s="8">
        <v>1</v>
      </c>
      <c r="I11757" s="8">
        <v>0</v>
      </c>
      <c r="J11757" s="8">
        <v>1</v>
      </c>
      <c r="K11757" s="9">
        <v>423</v>
      </c>
      <c r="L11757" s="6" t="s">
        <v>51</v>
      </c>
    </row>
    <row r="11758" spans="1:12">
      <c r="A11758" s="6" t="s">
        <v>49</v>
      </c>
      <c r="B11758" s="6"/>
      <c r="C11758" s="6" t="s">
        <v>11782</v>
      </c>
      <c r="D11758" s="6"/>
      <c r="E11758" s="6" t="s">
        <v>9</v>
      </c>
      <c r="F11758" s="7">
        <v>38657</v>
      </c>
      <c r="G11758" s="8">
        <v>1</v>
      </c>
      <c r="H11758" s="8">
        <v>1</v>
      </c>
      <c r="I11758" s="8">
        <v>0</v>
      </c>
      <c r="J11758" s="8">
        <v>1</v>
      </c>
      <c r="K11758" s="9">
        <v>122</v>
      </c>
      <c r="L11758" s="6" t="s">
        <v>51</v>
      </c>
    </row>
    <row r="11759" spans="1:12">
      <c r="A11759" s="6" t="s">
        <v>49</v>
      </c>
      <c r="B11759" s="6"/>
      <c r="C11759" s="6" t="s">
        <v>11783</v>
      </c>
      <c r="D11759" s="6"/>
      <c r="E11759" s="6" t="s">
        <v>9</v>
      </c>
      <c r="F11759" s="7">
        <v>38657</v>
      </c>
      <c r="G11759" s="8">
        <v>1</v>
      </c>
      <c r="H11759" s="8">
        <v>1</v>
      </c>
      <c r="I11759" s="8">
        <v>0</v>
      </c>
      <c r="J11759" s="8">
        <v>1</v>
      </c>
      <c r="K11759" s="9">
        <v>530</v>
      </c>
      <c r="L11759" s="6" t="s">
        <v>51</v>
      </c>
    </row>
    <row r="11760" spans="1:12">
      <c r="A11760" s="6" t="s">
        <v>49</v>
      </c>
      <c r="B11760" s="6"/>
      <c r="C11760" s="6" t="s">
        <v>11784</v>
      </c>
      <c r="D11760" s="6"/>
      <c r="E11760" s="6" t="s">
        <v>9</v>
      </c>
      <c r="F11760" s="7">
        <v>38657</v>
      </c>
      <c r="G11760" s="8">
        <v>1</v>
      </c>
      <c r="H11760" s="8">
        <v>1</v>
      </c>
      <c r="I11760" s="8">
        <v>0</v>
      </c>
      <c r="J11760" s="8">
        <v>1</v>
      </c>
      <c r="K11760" s="9">
        <v>890</v>
      </c>
      <c r="L11760" s="6" t="s">
        <v>51</v>
      </c>
    </row>
    <row r="11761" spans="1:12">
      <c r="A11761" s="6" t="s">
        <v>49</v>
      </c>
      <c r="B11761" s="6"/>
      <c r="C11761" s="6" t="s">
        <v>11785</v>
      </c>
      <c r="D11761" s="6"/>
      <c r="E11761" s="6" t="s">
        <v>9</v>
      </c>
      <c r="F11761" s="7">
        <v>38657</v>
      </c>
      <c r="G11761" s="8">
        <v>1</v>
      </c>
      <c r="H11761" s="8">
        <v>1</v>
      </c>
      <c r="I11761" s="8">
        <v>0</v>
      </c>
      <c r="J11761" s="8">
        <v>1</v>
      </c>
      <c r="K11761" s="9">
        <v>675</v>
      </c>
      <c r="L11761" s="6" t="s">
        <v>51</v>
      </c>
    </row>
    <row r="11762" spans="1:12">
      <c r="A11762" s="6" t="s">
        <v>49</v>
      </c>
      <c r="B11762" s="6"/>
      <c r="C11762" s="6" t="s">
        <v>11786</v>
      </c>
      <c r="D11762" s="6"/>
      <c r="E11762" s="6" t="s">
        <v>9</v>
      </c>
      <c r="F11762" s="7">
        <v>38657</v>
      </c>
      <c r="G11762" s="8">
        <v>1</v>
      </c>
      <c r="H11762" s="8">
        <v>1</v>
      </c>
      <c r="I11762" s="8">
        <v>0</v>
      </c>
      <c r="J11762" s="8">
        <v>1</v>
      </c>
      <c r="K11762" s="9">
        <v>1100</v>
      </c>
      <c r="L11762" s="6" t="s">
        <v>51</v>
      </c>
    </row>
    <row r="11763" spans="1:12">
      <c r="A11763" s="6" t="s">
        <v>49</v>
      </c>
      <c r="B11763" s="6"/>
      <c r="C11763" s="6" t="s">
        <v>11787</v>
      </c>
      <c r="D11763" s="6"/>
      <c r="E11763" s="6" t="s">
        <v>9</v>
      </c>
      <c r="F11763" s="7">
        <v>38657</v>
      </c>
      <c r="G11763" s="8">
        <v>1</v>
      </c>
      <c r="H11763" s="8">
        <v>1</v>
      </c>
      <c r="I11763" s="8">
        <v>0</v>
      </c>
      <c r="J11763" s="8">
        <v>1</v>
      </c>
      <c r="K11763" s="9">
        <v>1122</v>
      </c>
      <c r="L11763" s="6" t="s">
        <v>51</v>
      </c>
    </row>
    <row r="11764" spans="1:12">
      <c r="A11764" s="6" t="s">
        <v>49</v>
      </c>
      <c r="B11764" s="6"/>
      <c r="C11764" s="6" t="s">
        <v>11788</v>
      </c>
      <c r="D11764" s="6"/>
      <c r="E11764" s="6" t="s">
        <v>9</v>
      </c>
      <c r="F11764" s="7">
        <v>38657</v>
      </c>
      <c r="G11764" s="8">
        <v>1</v>
      </c>
      <c r="H11764" s="8">
        <v>1</v>
      </c>
      <c r="I11764" s="8">
        <v>0</v>
      </c>
      <c r="J11764" s="8">
        <v>1</v>
      </c>
      <c r="K11764" s="9">
        <v>1553</v>
      </c>
      <c r="L11764" s="6" t="s">
        <v>51</v>
      </c>
    </row>
    <row r="11765" spans="1:12">
      <c r="A11765" s="6" t="s">
        <v>49</v>
      </c>
      <c r="B11765" s="6"/>
      <c r="C11765" s="6" t="s">
        <v>11789</v>
      </c>
      <c r="D11765" s="6"/>
      <c r="E11765" s="6" t="s">
        <v>9</v>
      </c>
      <c r="F11765" s="7">
        <v>38657</v>
      </c>
      <c r="G11765" s="8">
        <v>1</v>
      </c>
      <c r="H11765" s="8">
        <v>1</v>
      </c>
      <c r="I11765" s="8">
        <v>0</v>
      </c>
      <c r="J11765" s="8">
        <v>1</v>
      </c>
      <c r="K11765" s="9">
        <v>7.27</v>
      </c>
      <c r="L11765" s="6" t="s">
        <v>51</v>
      </c>
    </row>
    <row r="11766" spans="1:12">
      <c r="A11766" s="6" t="s">
        <v>49</v>
      </c>
      <c r="B11766" s="6"/>
      <c r="C11766" s="6" t="s">
        <v>11790</v>
      </c>
      <c r="D11766" s="6"/>
      <c r="E11766" s="6" t="s">
        <v>9</v>
      </c>
      <c r="F11766" s="7">
        <v>38657</v>
      </c>
      <c r="G11766" s="8">
        <v>1</v>
      </c>
      <c r="H11766" s="8">
        <v>1</v>
      </c>
      <c r="I11766" s="8">
        <v>0</v>
      </c>
      <c r="J11766" s="8">
        <v>1</v>
      </c>
      <c r="K11766" s="9">
        <v>1974</v>
      </c>
      <c r="L11766" s="6" t="s">
        <v>51</v>
      </c>
    </row>
    <row r="11767" spans="1:12">
      <c r="A11767" s="6" t="s">
        <v>49</v>
      </c>
      <c r="B11767" s="6"/>
      <c r="C11767" s="6" t="s">
        <v>11791</v>
      </c>
      <c r="D11767" s="6"/>
      <c r="E11767" s="6" t="s">
        <v>9</v>
      </c>
      <c r="F11767" s="7">
        <v>38657</v>
      </c>
      <c r="G11767" s="8">
        <v>1</v>
      </c>
      <c r="H11767" s="8">
        <v>1</v>
      </c>
      <c r="I11767" s="8">
        <v>0</v>
      </c>
      <c r="J11767" s="8">
        <v>1</v>
      </c>
      <c r="K11767" s="9">
        <v>50</v>
      </c>
      <c r="L11767" s="6" t="s">
        <v>51</v>
      </c>
    </row>
    <row r="11768" spans="1:12">
      <c r="A11768" s="6" t="s">
        <v>49</v>
      </c>
      <c r="B11768" s="6"/>
      <c r="C11768" s="6" t="s">
        <v>11792</v>
      </c>
      <c r="D11768" s="6"/>
      <c r="E11768" s="6" t="s">
        <v>9</v>
      </c>
      <c r="F11768" s="7">
        <v>42262</v>
      </c>
      <c r="G11768" s="8">
        <v>1435323</v>
      </c>
      <c r="H11768" s="8">
        <v>1435323</v>
      </c>
      <c r="I11768" s="8">
        <v>0</v>
      </c>
      <c r="J11768" s="8">
        <v>1435323</v>
      </c>
      <c r="K11768" s="9">
        <v>539</v>
      </c>
      <c r="L11768" s="6" t="s">
        <v>23</v>
      </c>
    </row>
    <row r="11769" spans="1:12">
      <c r="A11769" s="6" t="s">
        <v>49</v>
      </c>
      <c r="B11769" s="6"/>
      <c r="C11769" s="6" t="s">
        <v>11793</v>
      </c>
      <c r="D11769" s="6"/>
      <c r="E11769" s="6" t="s">
        <v>9</v>
      </c>
      <c r="F11769" s="7">
        <v>38657</v>
      </c>
      <c r="G11769" s="8">
        <v>1</v>
      </c>
      <c r="H11769" s="8">
        <v>1</v>
      </c>
      <c r="I11769" s="8">
        <v>0</v>
      </c>
      <c r="J11769" s="8">
        <v>1</v>
      </c>
      <c r="K11769" s="9">
        <v>11</v>
      </c>
      <c r="L11769" s="6" t="s">
        <v>51</v>
      </c>
    </row>
    <row r="11770" spans="1:12">
      <c r="A11770" s="6" t="s">
        <v>49</v>
      </c>
      <c r="B11770" s="6"/>
      <c r="C11770" s="6" t="s">
        <v>11794</v>
      </c>
      <c r="D11770" s="6"/>
      <c r="E11770" s="6" t="s">
        <v>9</v>
      </c>
      <c r="F11770" s="7">
        <v>38657</v>
      </c>
      <c r="G11770" s="8">
        <v>1</v>
      </c>
      <c r="H11770" s="8">
        <v>1</v>
      </c>
      <c r="I11770" s="8">
        <v>0</v>
      </c>
      <c r="J11770" s="8">
        <v>1</v>
      </c>
      <c r="K11770" s="9">
        <v>4.58</v>
      </c>
      <c r="L11770" s="6" t="s">
        <v>51</v>
      </c>
    </row>
    <row r="11771" spans="1:12">
      <c r="A11771" s="6" t="s">
        <v>49</v>
      </c>
      <c r="B11771" s="6"/>
      <c r="C11771" s="6" t="s">
        <v>11795</v>
      </c>
      <c r="D11771" s="6"/>
      <c r="E11771" s="6" t="s">
        <v>9</v>
      </c>
      <c r="F11771" s="7">
        <v>38657</v>
      </c>
      <c r="G11771" s="8">
        <v>1</v>
      </c>
      <c r="H11771" s="8">
        <v>1</v>
      </c>
      <c r="I11771" s="8">
        <v>0</v>
      </c>
      <c r="J11771" s="8">
        <v>1</v>
      </c>
      <c r="K11771" s="9">
        <v>66</v>
      </c>
      <c r="L11771" s="6" t="s">
        <v>51</v>
      </c>
    </row>
    <row r="11772" spans="1:12">
      <c r="A11772" s="6" t="s">
        <v>49</v>
      </c>
      <c r="B11772" s="6"/>
      <c r="C11772" s="6" t="s">
        <v>11796</v>
      </c>
      <c r="D11772" s="6"/>
      <c r="E11772" s="6" t="s">
        <v>9</v>
      </c>
      <c r="F11772" s="7">
        <v>38657</v>
      </c>
      <c r="G11772" s="8">
        <v>1</v>
      </c>
      <c r="H11772" s="8">
        <v>1</v>
      </c>
      <c r="I11772" s="8">
        <v>0</v>
      </c>
      <c r="J11772" s="8">
        <v>1</v>
      </c>
      <c r="K11772" s="9">
        <v>14</v>
      </c>
      <c r="L11772" s="6" t="s">
        <v>51</v>
      </c>
    </row>
    <row r="11773" spans="1:12">
      <c r="A11773" s="6" t="s">
        <v>49</v>
      </c>
      <c r="B11773" s="6"/>
      <c r="C11773" s="6" t="s">
        <v>11797</v>
      </c>
      <c r="D11773" s="6"/>
      <c r="E11773" s="6" t="s">
        <v>9</v>
      </c>
      <c r="F11773" s="7">
        <v>38657</v>
      </c>
      <c r="G11773" s="8">
        <v>1</v>
      </c>
      <c r="H11773" s="8">
        <v>1</v>
      </c>
      <c r="I11773" s="8">
        <v>0</v>
      </c>
      <c r="J11773" s="8">
        <v>1</v>
      </c>
      <c r="K11773" s="9">
        <v>92</v>
      </c>
      <c r="L11773" s="6" t="s">
        <v>51</v>
      </c>
    </row>
    <row r="11774" spans="1:12">
      <c r="A11774" s="6" t="s">
        <v>49</v>
      </c>
      <c r="B11774" s="6"/>
      <c r="C11774" s="6" t="s">
        <v>11798</v>
      </c>
      <c r="D11774" s="6"/>
      <c r="E11774" s="6" t="s">
        <v>9</v>
      </c>
      <c r="F11774" s="7">
        <v>38657</v>
      </c>
      <c r="G11774" s="8">
        <v>1</v>
      </c>
      <c r="H11774" s="8">
        <v>1</v>
      </c>
      <c r="I11774" s="8">
        <v>0</v>
      </c>
      <c r="J11774" s="8">
        <v>1</v>
      </c>
      <c r="K11774" s="9">
        <v>199</v>
      </c>
      <c r="L11774" s="6" t="s">
        <v>51</v>
      </c>
    </row>
    <row r="11775" spans="1:12">
      <c r="A11775" s="6" t="s">
        <v>49</v>
      </c>
      <c r="B11775" s="6"/>
      <c r="C11775" s="6" t="s">
        <v>11799</v>
      </c>
      <c r="D11775" s="6"/>
      <c r="E11775" s="6" t="s">
        <v>9</v>
      </c>
      <c r="F11775" s="7">
        <v>38657</v>
      </c>
      <c r="G11775" s="8">
        <v>1</v>
      </c>
      <c r="H11775" s="8">
        <v>1</v>
      </c>
      <c r="I11775" s="8">
        <v>0</v>
      </c>
      <c r="J11775" s="8">
        <v>1</v>
      </c>
      <c r="K11775" s="9">
        <v>145</v>
      </c>
      <c r="L11775" s="6" t="s">
        <v>51</v>
      </c>
    </row>
    <row r="11776" spans="1:12">
      <c r="A11776" s="6" t="s">
        <v>49</v>
      </c>
      <c r="B11776" s="6"/>
      <c r="C11776" s="6" t="s">
        <v>11800</v>
      </c>
      <c r="D11776" s="6"/>
      <c r="E11776" s="6" t="s">
        <v>9</v>
      </c>
      <c r="F11776" s="7">
        <v>38657</v>
      </c>
      <c r="G11776" s="8">
        <v>1</v>
      </c>
      <c r="H11776" s="8">
        <v>1</v>
      </c>
      <c r="I11776" s="8">
        <v>0</v>
      </c>
      <c r="J11776" s="8">
        <v>1</v>
      </c>
      <c r="K11776" s="9">
        <v>22.83</v>
      </c>
      <c r="L11776" s="6" t="s">
        <v>51</v>
      </c>
    </row>
    <row r="11777" spans="1:12">
      <c r="A11777" s="6" t="s">
        <v>49</v>
      </c>
      <c r="B11777" s="6"/>
      <c r="C11777" s="6" t="s">
        <v>11801</v>
      </c>
      <c r="D11777" s="6"/>
      <c r="E11777" s="6" t="s">
        <v>9</v>
      </c>
      <c r="F11777" s="7">
        <v>38657</v>
      </c>
      <c r="G11777" s="8">
        <v>1</v>
      </c>
      <c r="H11777" s="8">
        <v>1</v>
      </c>
      <c r="I11777" s="8">
        <v>0</v>
      </c>
      <c r="J11777" s="8">
        <v>1</v>
      </c>
      <c r="K11777" s="9">
        <v>35</v>
      </c>
      <c r="L11777" s="6" t="s">
        <v>51</v>
      </c>
    </row>
    <row r="11778" spans="1:12">
      <c r="A11778" s="6" t="s">
        <v>49</v>
      </c>
      <c r="B11778" s="6"/>
      <c r="C11778" s="6" t="s">
        <v>11802</v>
      </c>
      <c r="D11778" s="6"/>
      <c r="E11778" s="6" t="s">
        <v>9</v>
      </c>
      <c r="F11778" s="7">
        <v>38657</v>
      </c>
      <c r="G11778" s="8">
        <v>1</v>
      </c>
      <c r="H11778" s="8">
        <v>1</v>
      </c>
      <c r="I11778" s="8">
        <v>0</v>
      </c>
      <c r="J11778" s="8">
        <v>1</v>
      </c>
      <c r="K11778" s="9">
        <v>102</v>
      </c>
      <c r="L11778" s="6" t="s">
        <v>51</v>
      </c>
    </row>
    <row r="11779" spans="1:12">
      <c r="A11779" s="6" t="s">
        <v>49</v>
      </c>
      <c r="B11779" s="6"/>
      <c r="C11779" s="6" t="s">
        <v>11803</v>
      </c>
      <c r="D11779" s="6"/>
      <c r="E11779" s="6" t="s">
        <v>9</v>
      </c>
      <c r="F11779" s="7">
        <v>38657</v>
      </c>
      <c r="G11779" s="8">
        <v>1</v>
      </c>
      <c r="H11779" s="8">
        <v>1</v>
      </c>
      <c r="I11779" s="8">
        <v>0</v>
      </c>
      <c r="J11779" s="8">
        <v>1</v>
      </c>
      <c r="K11779" s="9">
        <v>76</v>
      </c>
      <c r="L11779" s="6" t="s">
        <v>51</v>
      </c>
    </row>
    <row r="11780" spans="1:12">
      <c r="A11780" s="6" t="s">
        <v>49</v>
      </c>
      <c r="B11780" s="6"/>
      <c r="C11780" s="6" t="s">
        <v>11804</v>
      </c>
      <c r="D11780" s="6"/>
      <c r="E11780" s="6" t="s">
        <v>9</v>
      </c>
      <c r="F11780" s="7">
        <v>38657</v>
      </c>
      <c r="G11780" s="8">
        <v>1</v>
      </c>
      <c r="H11780" s="8">
        <v>1</v>
      </c>
      <c r="I11780" s="8">
        <v>0</v>
      </c>
      <c r="J11780" s="8">
        <v>1</v>
      </c>
      <c r="K11780" s="9">
        <v>103</v>
      </c>
      <c r="L11780" s="6" t="s">
        <v>51</v>
      </c>
    </row>
    <row r="11781" spans="1:12">
      <c r="A11781" s="6" t="s">
        <v>49</v>
      </c>
      <c r="B11781" s="6"/>
      <c r="C11781" s="6" t="s">
        <v>11805</v>
      </c>
      <c r="D11781" s="6"/>
      <c r="E11781" s="6" t="s">
        <v>9</v>
      </c>
      <c r="F11781" s="7">
        <v>38657</v>
      </c>
      <c r="G11781" s="8">
        <v>1</v>
      </c>
      <c r="H11781" s="8">
        <v>1</v>
      </c>
      <c r="I11781" s="8">
        <v>0</v>
      </c>
      <c r="J11781" s="8">
        <v>1</v>
      </c>
      <c r="K11781" s="9">
        <v>256</v>
      </c>
      <c r="L11781" s="6" t="s">
        <v>51</v>
      </c>
    </row>
    <row r="11782" spans="1:12">
      <c r="A11782" s="6" t="s">
        <v>49</v>
      </c>
      <c r="B11782" s="6"/>
      <c r="C11782" s="6" t="s">
        <v>11806</v>
      </c>
      <c r="D11782" s="6"/>
      <c r="E11782" s="6" t="s">
        <v>9</v>
      </c>
      <c r="F11782" s="7">
        <v>38657</v>
      </c>
      <c r="G11782" s="8">
        <v>1</v>
      </c>
      <c r="H11782" s="8">
        <v>1</v>
      </c>
      <c r="I11782" s="8">
        <v>0</v>
      </c>
      <c r="J11782" s="8">
        <v>1</v>
      </c>
      <c r="K11782" s="9">
        <v>2.33</v>
      </c>
      <c r="L11782" s="6" t="s">
        <v>51</v>
      </c>
    </row>
    <row r="11783" spans="1:12">
      <c r="A11783" s="6" t="s">
        <v>49</v>
      </c>
      <c r="B11783" s="6"/>
      <c r="C11783" s="6" t="s">
        <v>11807</v>
      </c>
      <c r="D11783" s="6"/>
      <c r="E11783" s="6" t="s">
        <v>9</v>
      </c>
      <c r="F11783" s="7">
        <v>38657</v>
      </c>
      <c r="G11783" s="8">
        <v>1</v>
      </c>
      <c r="H11783" s="8">
        <v>1</v>
      </c>
      <c r="I11783" s="8">
        <v>0</v>
      </c>
      <c r="J11783" s="8">
        <v>1</v>
      </c>
      <c r="K11783" s="9">
        <v>59</v>
      </c>
      <c r="L11783" s="6" t="s">
        <v>51</v>
      </c>
    </row>
    <row r="11784" spans="1:12">
      <c r="A11784" s="6" t="s">
        <v>49</v>
      </c>
      <c r="B11784" s="6"/>
      <c r="C11784" s="6" t="s">
        <v>11808</v>
      </c>
      <c r="D11784" s="6"/>
      <c r="E11784" s="6" t="s">
        <v>9</v>
      </c>
      <c r="F11784" s="7">
        <v>38657</v>
      </c>
      <c r="G11784" s="8">
        <v>1</v>
      </c>
      <c r="H11784" s="8">
        <v>1</v>
      </c>
      <c r="I11784" s="8">
        <v>0</v>
      </c>
      <c r="J11784" s="8">
        <v>1</v>
      </c>
      <c r="K11784" s="9">
        <v>6.19</v>
      </c>
      <c r="L11784" s="6" t="s">
        <v>51</v>
      </c>
    </row>
    <row r="11785" spans="1:12">
      <c r="A11785" s="6" t="s">
        <v>49</v>
      </c>
      <c r="B11785" s="6"/>
      <c r="C11785" s="6" t="s">
        <v>11809</v>
      </c>
      <c r="D11785" s="6"/>
      <c r="E11785" s="6" t="s">
        <v>9</v>
      </c>
      <c r="F11785" s="7">
        <v>38657</v>
      </c>
      <c r="G11785" s="8">
        <v>1</v>
      </c>
      <c r="H11785" s="8">
        <v>1</v>
      </c>
      <c r="I11785" s="8">
        <v>0</v>
      </c>
      <c r="J11785" s="8">
        <v>1</v>
      </c>
      <c r="K11785" s="9">
        <v>2.4300000000000002</v>
      </c>
      <c r="L11785" s="6" t="s">
        <v>51</v>
      </c>
    </row>
    <row r="11786" spans="1:12">
      <c r="A11786" s="6" t="s">
        <v>49</v>
      </c>
      <c r="B11786" s="6"/>
      <c r="C11786" s="6" t="s">
        <v>11810</v>
      </c>
      <c r="D11786" s="6"/>
      <c r="E11786" s="6" t="s">
        <v>9</v>
      </c>
      <c r="F11786" s="7">
        <v>38657</v>
      </c>
      <c r="G11786" s="8">
        <v>1</v>
      </c>
      <c r="H11786" s="8">
        <v>1</v>
      </c>
      <c r="I11786" s="8">
        <v>0</v>
      </c>
      <c r="J11786" s="8">
        <v>1</v>
      </c>
      <c r="K11786" s="9">
        <v>12</v>
      </c>
      <c r="L11786" s="6" t="s">
        <v>51</v>
      </c>
    </row>
    <row r="11787" spans="1:12">
      <c r="A11787" s="6" t="s">
        <v>49</v>
      </c>
      <c r="B11787" s="6"/>
      <c r="C11787" s="6" t="s">
        <v>11811</v>
      </c>
      <c r="D11787" s="6"/>
      <c r="E11787" s="6" t="s">
        <v>9</v>
      </c>
      <c r="F11787" s="7">
        <v>38657</v>
      </c>
      <c r="G11787" s="8">
        <v>1</v>
      </c>
      <c r="H11787" s="8">
        <v>1</v>
      </c>
      <c r="I11787" s="8">
        <v>0</v>
      </c>
      <c r="J11787" s="8">
        <v>1</v>
      </c>
      <c r="K11787" s="9">
        <v>165.4</v>
      </c>
      <c r="L11787" s="6" t="s">
        <v>51</v>
      </c>
    </row>
    <row r="11788" spans="1:12">
      <c r="A11788" s="6" t="s">
        <v>49</v>
      </c>
      <c r="B11788" s="6"/>
      <c r="C11788" s="6" t="s">
        <v>11812</v>
      </c>
      <c r="D11788" s="6"/>
      <c r="E11788" s="6" t="s">
        <v>9</v>
      </c>
      <c r="F11788" s="7">
        <v>38657</v>
      </c>
      <c r="G11788" s="8">
        <v>1</v>
      </c>
      <c r="H11788" s="8">
        <v>1</v>
      </c>
      <c r="I11788" s="8">
        <v>0</v>
      </c>
      <c r="J11788" s="8">
        <v>1</v>
      </c>
      <c r="K11788" s="9">
        <v>2.52</v>
      </c>
      <c r="L11788" s="6" t="s">
        <v>51</v>
      </c>
    </row>
    <row r="11789" spans="1:12">
      <c r="A11789" s="6" t="s">
        <v>49</v>
      </c>
      <c r="B11789" s="6"/>
      <c r="C11789" s="6" t="s">
        <v>11813</v>
      </c>
      <c r="D11789" s="6"/>
      <c r="E11789" s="6" t="s">
        <v>9</v>
      </c>
      <c r="F11789" s="7">
        <v>38657</v>
      </c>
      <c r="G11789" s="8">
        <v>1</v>
      </c>
      <c r="H11789" s="8">
        <v>1</v>
      </c>
      <c r="I11789" s="8">
        <v>0</v>
      </c>
      <c r="J11789" s="8">
        <v>1</v>
      </c>
      <c r="K11789" s="9">
        <v>19</v>
      </c>
      <c r="L11789" s="6" t="s">
        <v>51</v>
      </c>
    </row>
    <row r="11790" spans="1:12">
      <c r="A11790" s="6" t="s">
        <v>49</v>
      </c>
      <c r="B11790" s="6"/>
      <c r="C11790" s="6" t="s">
        <v>11814</v>
      </c>
      <c r="D11790" s="6"/>
      <c r="E11790" s="6" t="s">
        <v>9</v>
      </c>
      <c r="F11790" s="7">
        <v>38657</v>
      </c>
      <c r="G11790" s="8">
        <v>1</v>
      </c>
      <c r="H11790" s="8">
        <v>1</v>
      </c>
      <c r="I11790" s="8">
        <v>0</v>
      </c>
      <c r="J11790" s="8">
        <v>1</v>
      </c>
      <c r="K11790" s="9">
        <v>8.9499999999999904</v>
      </c>
      <c r="L11790" s="6" t="s">
        <v>51</v>
      </c>
    </row>
    <row r="11791" spans="1:12">
      <c r="A11791" s="6" t="s">
        <v>49</v>
      </c>
      <c r="B11791" s="6"/>
      <c r="C11791" s="6" t="s">
        <v>11815</v>
      </c>
      <c r="D11791" s="6"/>
      <c r="E11791" s="6" t="s">
        <v>9</v>
      </c>
      <c r="F11791" s="7">
        <v>38657</v>
      </c>
      <c r="G11791" s="8">
        <v>1</v>
      </c>
      <c r="H11791" s="8">
        <v>1</v>
      </c>
      <c r="I11791" s="8">
        <v>0</v>
      </c>
      <c r="J11791" s="8">
        <v>1</v>
      </c>
      <c r="K11791" s="9">
        <v>14</v>
      </c>
      <c r="L11791" s="6" t="s">
        <v>51</v>
      </c>
    </row>
    <row r="11792" spans="1:12">
      <c r="A11792" s="6" t="s">
        <v>49</v>
      </c>
      <c r="B11792" s="6"/>
      <c r="C11792" s="6" t="s">
        <v>11816</v>
      </c>
      <c r="D11792" s="6"/>
      <c r="E11792" s="6" t="s">
        <v>9</v>
      </c>
      <c r="F11792" s="7">
        <v>38657</v>
      </c>
      <c r="G11792" s="8">
        <v>1</v>
      </c>
      <c r="H11792" s="8">
        <v>1</v>
      </c>
      <c r="I11792" s="8">
        <v>0</v>
      </c>
      <c r="J11792" s="8">
        <v>1</v>
      </c>
      <c r="K11792" s="9">
        <v>20</v>
      </c>
      <c r="L11792" s="6" t="s">
        <v>51</v>
      </c>
    </row>
    <row r="11793" spans="1:12">
      <c r="A11793" s="6" t="s">
        <v>49</v>
      </c>
      <c r="B11793" s="6"/>
      <c r="C11793" s="6" t="s">
        <v>11817</v>
      </c>
      <c r="D11793" s="6"/>
      <c r="E11793" s="6" t="s">
        <v>9</v>
      </c>
      <c r="F11793" s="7">
        <v>38657</v>
      </c>
      <c r="G11793" s="8">
        <v>1</v>
      </c>
      <c r="H11793" s="8">
        <v>1</v>
      </c>
      <c r="I11793" s="8">
        <v>0</v>
      </c>
      <c r="J11793" s="8">
        <v>1</v>
      </c>
      <c r="K11793" s="9">
        <v>47</v>
      </c>
      <c r="L11793" s="6" t="s">
        <v>51</v>
      </c>
    </row>
    <row r="11794" spans="1:12">
      <c r="A11794" s="6" t="s">
        <v>49</v>
      </c>
      <c r="B11794" s="6"/>
      <c r="C11794" s="6" t="s">
        <v>11818</v>
      </c>
      <c r="D11794" s="6"/>
      <c r="E11794" s="6" t="s">
        <v>9</v>
      </c>
      <c r="F11794" s="7">
        <v>38657</v>
      </c>
      <c r="G11794" s="8">
        <v>1</v>
      </c>
      <c r="H11794" s="8">
        <v>1</v>
      </c>
      <c r="I11794" s="8">
        <v>0</v>
      </c>
      <c r="J11794" s="8">
        <v>1</v>
      </c>
      <c r="K11794" s="9">
        <v>24</v>
      </c>
      <c r="L11794" s="6" t="s">
        <v>51</v>
      </c>
    </row>
    <row r="11795" spans="1:12">
      <c r="A11795" s="6" t="s">
        <v>49</v>
      </c>
      <c r="B11795" s="6"/>
      <c r="C11795" s="6" t="s">
        <v>11819</v>
      </c>
      <c r="D11795" s="6"/>
      <c r="E11795" s="6" t="s">
        <v>9</v>
      </c>
      <c r="F11795" s="7">
        <v>38657</v>
      </c>
      <c r="G11795" s="8">
        <v>1</v>
      </c>
      <c r="H11795" s="8">
        <v>1</v>
      </c>
      <c r="I11795" s="8">
        <v>0</v>
      </c>
      <c r="J11795" s="8">
        <v>1</v>
      </c>
      <c r="K11795" s="9">
        <v>57</v>
      </c>
      <c r="L11795" s="6" t="s">
        <v>51</v>
      </c>
    </row>
    <row r="11796" spans="1:12">
      <c r="A11796" s="6" t="s">
        <v>49</v>
      </c>
      <c r="B11796" s="6"/>
      <c r="C11796" s="6" t="s">
        <v>11820</v>
      </c>
      <c r="D11796" s="6"/>
      <c r="E11796" s="6" t="s">
        <v>9</v>
      </c>
      <c r="F11796" s="7">
        <v>38657</v>
      </c>
      <c r="G11796" s="8">
        <v>1</v>
      </c>
      <c r="H11796" s="8">
        <v>1</v>
      </c>
      <c r="I11796" s="8">
        <v>0</v>
      </c>
      <c r="J11796" s="8">
        <v>1</v>
      </c>
      <c r="K11796" s="9">
        <v>1.6</v>
      </c>
      <c r="L11796" s="6" t="s">
        <v>51</v>
      </c>
    </row>
    <row r="11797" spans="1:12">
      <c r="A11797" s="6" t="s">
        <v>49</v>
      </c>
      <c r="B11797" s="6"/>
      <c r="C11797" s="6" t="s">
        <v>11821</v>
      </c>
      <c r="D11797" s="6"/>
      <c r="E11797" s="6" t="s">
        <v>9</v>
      </c>
      <c r="F11797" s="7">
        <v>38657</v>
      </c>
      <c r="G11797" s="8">
        <v>1</v>
      </c>
      <c r="H11797" s="8">
        <v>1</v>
      </c>
      <c r="I11797" s="8">
        <v>0</v>
      </c>
      <c r="J11797" s="8">
        <v>1</v>
      </c>
      <c r="K11797" s="9">
        <v>157</v>
      </c>
      <c r="L11797" s="6" t="s">
        <v>51</v>
      </c>
    </row>
    <row r="11798" spans="1:12">
      <c r="A11798" s="6" t="s">
        <v>49</v>
      </c>
      <c r="B11798" s="6"/>
      <c r="C11798" s="6" t="s">
        <v>11822</v>
      </c>
      <c r="D11798" s="6"/>
      <c r="E11798" s="6" t="s">
        <v>9</v>
      </c>
      <c r="F11798" s="7">
        <v>38657</v>
      </c>
      <c r="G11798" s="8">
        <v>1</v>
      </c>
      <c r="H11798" s="8">
        <v>1</v>
      </c>
      <c r="I11798" s="8">
        <v>0</v>
      </c>
      <c r="J11798" s="8">
        <v>1</v>
      </c>
      <c r="K11798" s="9">
        <v>9.27</v>
      </c>
      <c r="L11798" s="6" t="s">
        <v>51</v>
      </c>
    </row>
    <row r="11799" spans="1:12">
      <c r="A11799" s="6" t="s">
        <v>49</v>
      </c>
      <c r="B11799" s="6"/>
      <c r="C11799" s="6" t="s">
        <v>11823</v>
      </c>
      <c r="D11799" s="6"/>
      <c r="E11799" s="6" t="s">
        <v>9</v>
      </c>
      <c r="F11799" s="7">
        <v>38657</v>
      </c>
      <c r="G11799" s="8">
        <v>1</v>
      </c>
      <c r="H11799" s="8">
        <v>1</v>
      </c>
      <c r="I11799" s="8">
        <v>0</v>
      </c>
      <c r="J11799" s="8">
        <v>1</v>
      </c>
      <c r="K11799" s="9">
        <v>1071</v>
      </c>
      <c r="L11799" s="6" t="s">
        <v>51</v>
      </c>
    </row>
    <row r="11800" spans="1:12">
      <c r="A11800" s="6" t="s">
        <v>49</v>
      </c>
      <c r="B11800" s="6"/>
      <c r="C11800" s="6" t="s">
        <v>11824</v>
      </c>
      <c r="D11800" s="6"/>
      <c r="E11800" s="6" t="s">
        <v>9</v>
      </c>
      <c r="F11800" s="7">
        <v>38657</v>
      </c>
      <c r="G11800" s="8">
        <v>1</v>
      </c>
      <c r="H11800" s="8">
        <v>1</v>
      </c>
      <c r="I11800" s="8">
        <v>0</v>
      </c>
      <c r="J11800" s="8">
        <v>1</v>
      </c>
      <c r="K11800" s="9">
        <v>14</v>
      </c>
      <c r="L11800" s="6" t="s">
        <v>51</v>
      </c>
    </row>
    <row r="11801" spans="1:12">
      <c r="A11801" s="6" t="s">
        <v>49</v>
      </c>
      <c r="B11801" s="6"/>
      <c r="C11801" s="6" t="s">
        <v>11825</v>
      </c>
      <c r="D11801" s="6"/>
      <c r="E11801" s="6" t="s">
        <v>9</v>
      </c>
      <c r="F11801" s="7">
        <v>38657</v>
      </c>
      <c r="G11801" s="8">
        <v>1</v>
      </c>
      <c r="H11801" s="8">
        <v>1</v>
      </c>
      <c r="I11801" s="8">
        <v>0</v>
      </c>
      <c r="J11801" s="8">
        <v>1</v>
      </c>
      <c r="K11801" s="9">
        <v>61</v>
      </c>
      <c r="L11801" s="6" t="s">
        <v>51</v>
      </c>
    </row>
    <row r="11802" spans="1:12">
      <c r="A11802" s="6" t="s">
        <v>49</v>
      </c>
      <c r="B11802" s="6"/>
      <c r="C11802" s="6" t="s">
        <v>11826</v>
      </c>
      <c r="D11802" s="6"/>
      <c r="E11802" s="6" t="s">
        <v>9</v>
      </c>
      <c r="F11802" s="7">
        <v>38657</v>
      </c>
      <c r="G11802" s="8">
        <v>1</v>
      </c>
      <c r="H11802" s="8">
        <v>1</v>
      </c>
      <c r="I11802" s="8">
        <v>0</v>
      </c>
      <c r="J11802" s="8">
        <v>1</v>
      </c>
      <c r="K11802" s="9">
        <v>50</v>
      </c>
      <c r="L11802" s="6" t="s">
        <v>51</v>
      </c>
    </row>
    <row r="11803" spans="1:12">
      <c r="A11803" s="6" t="s">
        <v>49</v>
      </c>
      <c r="B11803" s="6"/>
      <c r="C11803" s="6" t="s">
        <v>11827</v>
      </c>
      <c r="D11803" s="6"/>
      <c r="E11803" s="6" t="s">
        <v>9</v>
      </c>
      <c r="F11803" s="7">
        <v>38657</v>
      </c>
      <c r="G11803" s="8">
        <v>1</v>
      </c>
      <c r="H11803" s="8">
        <v>1</v>
      </c>
      <c r="I11803" s="8">
        <v>0</v>
      </c>
      <c r="J11803" s="8">
        <v>1</v>
      </c>
      <c r="K11803" s="9">
        <v>48</v>
      </c>
      <c r="L11803" s="6" t="s">
        <v>51</v>
      </c>
    </row>
    <row r="11804" spans="1:12">
      <c r="A11804" s="6" t="s">
        <v>49</v>
      </c>
      <c r="B11804" s="6"/>
      <c r="C11804" s="6" t="s">
        <v>11828</v>
      </c>
      <c r="D11804" s="6"/>
      <c r="E11804" s="6" t="s">
        <v>9</v>
      </c>
      <c r="F11804" s="7">
        <v>38657</v>
      </c>
      <c r="G11804" s="8">
        <v>1</v>
      </c>
      <c r="H11804" s="8">
        <v>1</v>
      </c>
      <c r="I11804" s="8">
        <v>0</v>
      </c>
      <c r="J11804" s="8">
        <v>1</v>
      </c>
      <c r="K11804" s="9">
        <v>19</v>
      </c>
      <c r="L11804" s="6" t="s">
        <v>51</v>
      </c>
    </row>
    <row r="11805" spans="1:12">
      <c r="A11805" s="6" t="s">
        <v>49</v>
      </c>
      <c r="B11805" s="6"/>
      <c r="C11805" s="6" t="s">
        <v>11829</v>
      </c>
      <c r="D11805" s="6"/>
      <c r="E11805" s="6" t="s">
        <v>9</v>
      </c>
      <c r="F11805" s="7">
        <v>38657</v>
      </c>
      <c r="G11805" s="8">
        <v>1</v>
      </c>
      <c r="H11805" s="8">
        <v>1</v>
      </c>
      <c r="I11805" s="8">
        <v>0</v>
      </c>
      <c r="J11805" s="8">
        <v>1</v>
      </c>
      <c r="K11805" s="9">
        <v>22</v>
      </c>
      <c r="L11805" s="6" t="s">
        <v>51</v>
      </c>
    </row>
    <row r="11806" spans="1:12">
      <c r="A11806" s="6" t="s">
        <v>49</v>
      </c>
      <c r="B11806" s="6"/>
      <c r="C11806" s="6" t="s">
        <v>11830</v>
      </c>
      <c r="D11806" s="6"/>
      <c r="E11806" s="6" t="s">
        <v>9</v>
      </c>
      <c r="F11806" s="7">
        <v>38657</v>
      </c>
      <c r="G11806" s="8">
        <v>1</v>
      </c>
      <c r="H11806" s="8">
        <v>1</v>
      </c>
      <c r="I11806" s="8">
        <v>0</v>
      </c>
      <c r="J11806" s="8">
        <v>1</v>
      </c>
      <c r="K11806" s="9">
        <v>499</v>
      </c>
      <c r="L11806" s="6" t="s">
        <v>51</v>
      </c>
    </row>
    <row r="11807" spans="1:12">
      <c r="A11807" s="6" t="s">
        <v>49</v>
      </c>
      <c r="B11807" s="6"/>
      <c r="C11807" s="6" t="s">
        <v>11831</v>
      </c>
      <c r="D11807" s="6"/>
      <c r="E11807" s="6" t="s">
        <v>9</v>
      </c>
      <c r="F11807" s="7">
        <v>38657</v>
      </c>
      <c r="G11807" s="8">
        <v>1</v>
      </c>
      <c r="H11807" s="8">
        <v>1</v>
      </c>
      <c r="I11807" s="8">
        <v>0</v>
      </c>
      <c r="J11807" s="8">
        <v>1</v>
      </c>
      <c r="K11807" s="9">
        <v>217</v>
      </c>
      <c r="L11807" s="6" t="s">
        <v>51</v>
      </c>
    </row>
    <row r="11808" spans="1:12">
      <c r="A11808" s="6" t="s">
        <v>49</v>
      </c>
      <c r="B11808" s="6"/>
      <c r="C11808" s="6" t="s">
        <v>11832</v>
      </c>
      <c r="D11808" s="6"/>
      <c r="E11808" s="6" t="s">
        <v>9</v>
      </c>
      <c r="F11808" s="7">
        <v>38657</v>
      </c>
      <c r="G11808" s="8">
        <v>1</v>
      </c>
      <c r="H11808" s="8">
        <v>1</v>
      </c>
      <c r="I11808" s="8">
        <v>0</v>
      </c>
      <c r="J11808" s="8">
        <v>1</v>
      </c>
      <c r="K11808" s="9">
        <v>634</v>
      </c>
      <c r="L11808" s="6" t="s">
        <v>51</v>
      </c>
    </row>
    <row r="11809" spans="1:12">
      <c r="A11809" s="6" t="s">
        <v>49</v>
      </c>
      <c r="B11809" s="6"/>
      <c r="C11809" s="6" t="s">
        <v>11833</v>
      </c>
      <c r="D11809" s="6"/>
      <c r="E11809" s="6" t="s">
        <v>9</v>
      </c>
      <c r="F11809" s="7">
        <v>38657</v>
      </c>
      <c r="G11809" s="8">
        <v>1</v>
      </c>
      <c r="H11809" s="8">
        <v>1</v>
      </c>
      <c r="I11809" s="8">
        <v>0</v>
      </c>
      <c r="J11809" s="8">
        <v>1</v>
      </c>
      <c r="K11809" s="9">
        <v>39</v>
      </c>
      <c r="L11809" s="6" t="s">
        <v>51</v>
      </c>
    </row>
    <row r="11810" spans="1:12">
      <c r="A11810" s="6" t="s">
        <v>49</v>
      </c>
      <c r="B11810" s="6"/>
      <c r="C11810" s="6" t="s">
        <v>11834</v>
      </c>
      <c r="D11810" s="6"/>
      <c r="E11810" s="6" t="s">
        <v>9</v>
      </c>
      <c r="F11810" s="7">
        <v>38657</v>
      </c>
      <c r="G11810" s="8">
        <v>1</v>
      </c>
      <c r="H11810" s="8">
        <v>1</v>
      </c>
      <c r="I11810" s="8">
        <v>0</v>
      </c>
      <c r="J11810" s="8">
        <v>1</v>
      </c>
      <c r="K11810" s="9">
        <v>8.93</v>
      </c>
      <c r="L11810" s="6" t="s">
        <v>51</v>
      </c>
    </row>
    <row r="11811" spans="1:12">
      <c r="A11811" s="6" t="s">
        <v>49</v>
      </c>
      <c r="B11811" s="6"/>
      <c r="C11811" s="6" t="s">
        <v>11835</v>
      </c>
      <c r="D11811" s="6"/>
      <c r="E11811" s="6" t="s">
        <v>9</v>
      </c>
      <c r="F11811" s="7">
        <v>38657</v>
      </c>
      <c r="G11811" s="8">
        <v>1</v>
      </c>
      <c r="H11811" s="8">
        <v>1</v>
      </c>
      <c r="I11811" s="8">
        <v>0</v>
      </c>
      <c r="J11811" s="8">
        <v>1</v>
      </c>
      <c r="K11811" s="9">
        <v>131</v>
      </c>
      <c r="L11811" s="6" t="s">
        <v>51</v>
      </c>
    </row>
    <row r="11812" spans="1:12">
      <c r="A11812" s="6" t="s">
        <v>49</v>
      </c>
      <c r="B11812" s="6"/>
      <c r="C11812" s="6" t="s">
        <v>11836</v>
      </c>
      <c r="D11812" s="6"/>
      <c r="E11812" s="6" t="s">
        <v>9</v>
      </c>
      <c r="F11812" s="7">
        <v>38657</v>
      </c>
      <c r="G11812" s="8">
        <v>1</v>
      </c>
      <c r="H11812" s="8">
        <v>1</v>
      </c>
      <c r="I11812" s="8">
        <v>0</v>
      </c>
      <c r="J11812" s="8">
        <v>1</v>
      </c>
      <c r="K11812" s="9">
        <v>108</v>
      </c>
      <c r="L11812" s="6" t="s">
        <v>51</v>
      </c>
    </row>
    <row r="11813" spans="1:12">
      <c r="A11813" s="6" t="s">
        <v>49</v>
      </c>
      <c r="B11813" s="6"/>
      <c r="C11813" s="6" t="s">
        <v>11837</v>
      </c>
      <c r="D11813" s="6"/>
      <c r="E11813" s="6" t="s">
        <v>9</v>
      </c>
      <c r="F11813" s="7">
        <v>38657</v>
      </c>
      <c r="G11813" s="8">
        <v>1</v>
      </c>
      <c r="H11813" s="8">
        <v>1</v>
      </c>
      <c r="I11813" s="8">
        <v>0</v>
      </c>
      <c r="J11813" s="8">
        <v>1</v>
      </c>
      <c r="K11813" s="9">
        <v>66</v>
      </c>
      <c r="L11813" s="6" t="s">
        <v>51</v>
      </c>
    </row>
    <row r="11814" spans="1:12">
      <c r="A11814" s="6" t="s">
        <v>49</v>
      </c>
      <c r="B11814" s="6"/>
      <c r="C11814" s="6" t="s">
        <v>11838</v>
      </c>
      <c r="D11814" s="6"/>
      <c r="E11814" s="6" t="s">
        <v>9</v>
      </c>
      <c r="F11814" s="7">
        <v>38657</v>
      </c>
      <c r="G11814" s="8">
        <v>1</v>
      </c>
      <c r="H11814" s="8">
        <v>1</v>
      </c>
      <c r="I11814" s="8">
        <v>0</v>
      </c>
      <c r="J11814" s="8">
        <v>1</v>
      </c>
      <c r="K11814" s="9">
        <v>15</v>
      </c>
      <c r="L11814" s="6" t="s">
        <v>51</v>
      </c>
    </row>
    <row r="11815" spans="1:12">
      <c r="A11815" s="6" t="s">
        <v>49</v>
      </c>
      <c r="B11815" s="6"/>
      <c r="C11815" s="6" t="s">
        <v>11839</v>
      </c>
      <c r="D11815" s="6"/>
      <c r="E11815" s="6" t="s">
        <v>9</v>
      </c>
      <c r="F11815" s="7">
        <v>38657</v>
      </c>
      <c r="G11815" s="8">
        <v>1</v>
      </c>
      <c r="H11815" s="8">
        <v>1</v>
      </c>
      <c r="I11815" s="8">
        <v>0</v>
      </c>
      <c r="J11815" s="8">
        <v>1</v>
      </c>
      <c r="K11815" s="9">
        <v>8.1300000000000008</v>
      </c>
      <c r="L11815" s="6" t="s">
        <v>51</v>
      </c>
    </row>
    <row r="11816" spans="1:12">
      <c r="A11816" s="6" t="s">
        <v>49</v>
      </c>
      <c r="B11816" s="6"/>
      <c r="C11816" s="6" t="s">
        <v>11840</v>
      </c>
      <c r="D11816" s="6"/>
      <c r="E11816" s="6" t="s">
        <v>9</v>
      </c>
      <c r="F11816" s="7">
        <v>38657</v>
      </c>
      <c r="G11816" s="8">
        <v>1</v>
      </c>
      <c r="H11816" s="8">
        <v>1</v>
      </c>
      <c r="I11816" s="8">
        <v>0</v>
      </c>
      <c r="J11816" s="8">
        <v>1</v>
      </c>
      <c r="K11816" s="9">
        <v>107</v>
      </c>
      <c r="L11816" s="6" t="s">
        <v>51</v>
      </c>
    </row>
    <row r="11817" spans="1:12">
      <c r="A11817" s="6" t="s">
        <v>49</v>
      </c>
      <c r="B11817" s="6"/>
      <c r="C11817" s="6" t="s">
        <v>11841</v>
      </c>
      <c r="D11817" s="6"/>
      <c r="E11817" s="6" t="s">
        <v>9</v>
      </c>
      <c r="F11817" s="7">
        <v>38657</v>
      </c>
      <c r="G11817" s="8">
        <v>1</v>
      </c>
      <c r="H11817" s="8">
        <v>1</v>
      </c>
      <c r="I11817" s="8">
        <v>0</v>
      </c>
      <c r="J11817" s="8">
        <v>1</v>
      </c>
      <c r="K11817" s="9">
        <v>133</v>
      </c>
      <c r="L11817" s="6" t="s">
        <v>51</v>
      </c>
    </row>
    <row r="11818" spans="1:12">
      <c r="A11818" s="6" t="s">
        <v>49</v>
      </c>
      <c r="B11818" s="6"/>
      <c r="C11818" s="6" t="s">
        <v>11842</v>
      </c>
      <c r="D11818" s="6"/>
      <c r="E11818" s="6" t="s">
        <v>9</v>
      </c>
      <c r="F11818" s="7">
        <v>38657</v>
      </c>
      <c r="G11818" s="8">
        <v>1</v>
      </c>
      <c r="H11818" s="8">
        <v>1</v>
      </c>
      <c r="I11818" s="8">
        <v>0</v>
      </c>
      <c r="J11818" s="8">
        <v>1</v>
      </c>
      <c r="K11818" s="9">
        <v>0.45</v>
      </c>
      <c r="L11818" s="6" t="s">
        <v>51</v>
      </c>
    </row>
    <row r="11819" spans="1:12">
      <c r="A11819" s="6" t="s">
        <v>49</v>
      </c>
      <c r="B11819" s="6"/>
      <c r="C11819" s="6" t="s">
        <v>11843</v>
      </c>
      <c r="D11819" s="6"/>
      <c r="E11819" s="6" t="s">
        <v>9</v>
      </c>
      <c r="F11819" s="7">
        <v>38657</v>
      </c>
      <c r="G11819" s="8">
        <v>1</v>
      </c>
      <c r="H11819" s="8">
        <v>1</v>
      </c>
      <c r="I11819" s="8">
        <v>0</v>
      </c>
      <c r="J11819" s="8">
        <v>1</v>
      </c>
      <c r="K11819" s="9">
        <v>32</v>
      </c>
      <c r="L11819" s="6" t="s">
        <v>51</v>
      </c>
    </row>
    <row r="11820" spans="1:12">
      <c r="A11820" s="6" t="s">
        <v>49</v>
      </c>
      <c r="B11820" s="6"/>
      <c r="C11820" s="6" t="s">
        <v>11844</v>
      </c>
      <c r="D11820" s="6"/>
      <c r="E11820" s="6" t="s">
        <v>9</v>
      </c>
      <c r="F11820" s="7">
        <v>38657</v>
      </c>
      <c r="G11820" s="8">
        <v>1</v>
      </c>
      <c r="H11820" s="8">
        <v>1</v>
      </c>
      <c r="I11820" s="8">
        <v>0</v>
      </c>
      <c r="J11820" s="8">
        <v>1</v>
      </c>
      <c r="K11820" s="9">
        <v>36</v>
      </c>
      <c r="L11820" s="6" t="s">
        <v>51</v>
      </c>
    </row>
    <row r="11821" spans="1:12">
      <c r="A11821" s="6" t="s">
        <v>49</v>
      </c>
      <c r="B11821" s="6"/>
      <c r="C11821" s="6" t="s">
        <v>11845</v>
      </c>
      <c r="D11821" s="6"/>
      <c r="E11821" s="6" t="s">
        <v>9</v>
      </c>
      <c r="F11821" s="7">
        <v>38657</v>
      </c>
      <c r="G11821" s="8">
        <v>1</v>
      </c>
      <c r="H11821" s="8">
        <v>1</v>
      </c>
      <c r="I11821" s="8">
        <v>0</v>
      </c>
      <c r="J11821" s="8">
        <v>1</v>
      </c>
      <c r="K11821" s="9">
        <v>2.91</v>
      </c>
      <c r="L11821" s="6" t="s">
        <v>51</v>
      </c>
    </row>
    <row r="11822" spans="1:12">
      <c r="A11822" s="6" t="s">
        <v>49</v>
      </c>
      <c r="B11822" s="6"/>
      <c r="C11822" s="6" t="s">
        <v>11846</v>
      </c>
      <c r="D11822" s="6"/>
      <c r="E11822" s="6" t="s">
        <v>9</v>
      </c>
      <c r="F11822" s="7">
        <v>38657</v>
      </c>
      <c r="G11822" s="8">
        <v>1</v>
      </c>
      <c r="H11822" s="8">
        <v>1</v>
      </c>
      <c r="I11822" s="8">
        <v>0</v>
      </c>
      <c r="J11822" s="8">
        <v>1</v>
      </c>
      <c r="K11822" s="9">
        <v>129</v>
      </c>
      <c r="L11822" s="6" t="s">
        <v>51</v>
      </c>
    </row>
    <row r="11823" spans="1:12">
      <c r="A11823" s="6" t="s">
        <v>49</v>
      </c>
      <c r="B11823" s="6"/>
      <c r="C11823" s="6" t="s">
        <v>11847</v>
      </c>
      <c r="D11823" s="6"/>
      <c r="E11823" s="6" t="s">
        <v>9</v>
      </c>
      <c r="F11823" s="7">
        <v>38657</v>
      </c>
      <c r="G11823" s="8">
        <v>1</v>
      </c>
      <c r="H11823" s="8">
        <v>1</v>
      </c>
      <c r="I11823" s="8">
        <v>0</v>
      </c>
      <c r="J11823" s="8">
        <v>1</v>
      </c>
      <c r="K11823" s="9">
        <v>34</v>
      </c>
      <c r="L11823" s="6" t="s">
        <v>51</v>
      </c>
    </row>
    <row r="11824" spans="1:12">
      <c r="A11824" s="6" t="s">
        <v>49</v>
      </c>
      <c r="B11824" s="6"/>
      <c r="C11824" s="6" t="s">
        <v>11848</v>
      </c>
      <c r="D11824" s="6"/>
      <c r="E11824" s="6" t="s">
        <v>9</v>
      </c>
      <c r="F11824" s="7">
        <v>38657</v>
      </c>
      <c r="G11824" s="8">
        <v>1</v>
      </c>
      <c r="H11824" s="8">
        <v>1</v>
      </c>
      <c r="I11824" s="8">
        <v>0</v>
      </c>
      <c r="J11824" s="8">
        <v>1</v>
      </c>
      <c r="K11824" s="9">
        <v>213</v>
      </c>
      <c r="L11824" s="6" t="s">
        <v>51</v>
      </c>
    </row>
    <row r="11825" spans="1:12">
      <c r="A11825" s="6" t="s">
        <v>49</v>
      </c>
      <c r="B11825" s="6"/>
      <c r="C11825" s="6" t="s">
        <v>11849</v>
      </c>
      <c r="D11825" s="6"/>
      <c r="E11825" s="6" t="s">
        <v>9</v>
      </c>
      <c r="F11825" s="7">
        <v>38657</v>
      </c>
      <c r="G11825" s="8">
        <v>1</v>
      </c>
      <c r="H11825" s="8">
        <v>1</v>
      </c>
      <c r="I11825" s="8">
        <v>0</v>
      </c>
      <c r="J11825" s="8">
        <v>1</v>
      </c>
      <c r="K11825" s="9">
        <v>207</v>
      </c>
      <c r="L11825" s="6" t="s">
        <v>51</v>
      </c>
    </row>
    <row r="11826" spans="1:12">
      <c r="A11826" s="6" t="s">
        <v>49</v>
      </c>
      <c r="B11826" s="6"/>
      <c r="C11826" s="6" t="s">
        <v>11850</v>
      </c>
      <c r="D11826" s="6"/>
      <c r="E11826" s="6" t="s">
        <v>9</v>
      </c>
      <c r="F11826" s="7">
        <v>38657</v>
      </c>
      <c r="G11826" s="8">
        <v>1</v>
      </c>
      <c r="H11826" s="8">
        <v>1</v>
      </c>
      <c r="I11826" s="8">
        <v>0</v>
      </c>
      <c r="J11826" s="8">
        <v>1</v>
      </c>
      <c r="K11826" s="9">
        <v>145</v>
      </c>
      <c r="L11826" s="6" t="s">
        <v>51</v>
      </c>
    </row>
    <row r="11827" spans="1:12">
      <c r="A11827" s="6" t="s">
        <v>49</v>
      </c>
      <c r="B11827" s="6"/>
      <c r="C11827" s="6" t="s">
        <v>11851</v>
      </c>
      <c r="D11827" s="6"/>
      <c r="E11827" s="6" t="s">
        <v>9</v>
      </c>
      <c r="F11827" s="7">
        <v>38657</v>
      </c>
      <c r="G11827" s="8">
        <v>1</v>
      </c>
      <c r="H11827" s="8">
        <v>1</v>
      </c>
      <c r="I11827" s="8">
        <v>0</v>
      </c>
      <c r="J11827" s="8">
        <v>1</v>
      </c>
      <c r="K11827" s="9">
        <v>0.8</v>
      </c>
      <c r="L11827" s="6" t="s">
        <v>51</v>
      </c>
    </row>
    <row r="11828" spans="1:12">
      <c r="A11828" s="6" t="s">
        <v>49</v>
      </c>
      <c r="B11828" s="6"/>
      <c r="C11828" s="6" t="s">
        <v>11852</v>
      </c>
      <c r="D11828" s="6"/>
      <c r="E11828" s="6" t="s">
        <v>9</v>
      </c>
      <c r="F11828" s="7">
        <v>38657</v>
      </c>
      <c r="G11828" s="8">
        <v>1</v>
      </c>
      <c r="H11828" s="8">
        <v>1</v>
      </c>
      <c r="I11828" s="8">
        <v>0</v>
      </c>
      <c r="J11828" s="8">
        <v>1</v>
      </c>
      <c r="K11828" s="9">
        <v>91</v>
      </c>
      <c r="L11828" s="6" t="s">
        <v>51</v>
      </c>
    </row>
    <row r="11829" spans="1:12">
      <c r="A11829" s="6" t="s">
        <v>49</v>
      </c>
      <c r="B11829" s="6"/>
      <c r="C11829" s="6" t="s">
        <v>11853</v>
      </c>
      <c r="D11829" s="6"/>
      <c r="E11829" s="6" t="s">
        <v>9</v>
      </c>
      <c r="F11829" s="7">
        <v>38657</v>
      </c>
      <c r="G11829" s="8">
        <v>1</v>
      </c>
      <c r="H11829" s="8">
        <v>1</v>
      </c>
      <c r="I11829" s="8">
        <v>0</v>
      </c>
      <c r="J11829" s="8">
        <v>1</v>
      </c>
      <c r="K11829" s="9">
        <v>18</v>
      </c>
      <c r="L11829" s="6" t="s">
        <v>51</v>
      </c>
    </row>
    <row r="11830" spans="1:12">
      <c r="A11830" s="6" t="s">
        <v>49</v>
      </c>
      <c r="B11830" s="6"/>
      <c r="C11830" s="6" t="s">
        <v>11854</v>
      </c>
      <c r="D11830" s="6"/>
      <c r="E11830" s="6" t="s">
        <v>9</v>
      </c>
      <c r="F11830" s="7">
        <v>38657</v>
      </c>
      <c r="G11830" s="8">
        <v>1</v>
      </c>
      <c r="H11830" s="8">
        <v>1</v>
      </c>
      <c r="I11830" s="8">
        <v>0</v>
      </c>
      <c r="J11830" s="8">
        <v>1</v>
      </c>
      <c r="K11830" s="9">
        <v>45</v>
      </c>
      <c r="L11830" s="6" t="s">
        <v>51</v>
      </c>
    </row>
    <row r="11831" spans="1:12">
      <c r="A11831" s="6" t="s">
        <v>49</v>
      </c>
      <c r="B11831" s="6"/>
      <c r="C11831" s="6" t="s">
        <v>11855</v>
      </c>
      <c r="D11831" s="6"/>
      <c r="E11831" s="6" t="s">
        <v>9</v>
      </c>
      <c r="F11831" s="7">
        <v>38657</v>
      </c>
      <c r="G11831" s="8">
        <v>1</v>
      </c>
      <c r="H11831" s="8">
        <v>1</v>
      </c>
      <c r="I11831" s="8">
        <v>0</v>
      </c>
      <c r="J11831" s="8">
        <v>1</v>
      </c>
      <c r="K11831" s="9">
        <v>85</v>
      </c>
      <c r="L11831" s="6" t="s">
        <v>51</v>
      </c>
    </row>
    <row r="11832" spans="1:12">
      <c r="A11832" s="6" t="s">
        <v>49</v>
      </c>
      <c r="B11832" s="6"/>
      <c r="C11832" s="6" t="s">
        <v>11856</v>
      </c>
      <c r="D11832" s="6"/>
      <c r="E11832" s="6" t="s">
        <v>9</v>
      </c>
      <c r="F11832" s="7">
        <v>38657</v>
      </c>
      <c r="G11832" s="8">
        <v>1</v>
      </c>
      <c r="H11832" s="8">
        <v>1</v>
      </c>
      <c r="I11832" s="8">
        <v>0</v>
      </c>
      <c r="J11832" s="8">
        <v>1</v>
      </c>
      <c r="K11832" s="9">
        <v>15.89</v>
      </c>
      <c r="L11832" s="6" t="s">
        <v>51</v>
      </c>
    </row>
    <row r="11833" spans="1:12">
      <c r="A11833" s="6" t="s">
        <v>49</v>
      </c>
      <c r="B11833" s="6"/>
      <c r="C11833" s="6" t="s">
        <v>11857</v>
      </c>
      <c r="D11833" s="6"/>
      <c r="E11833" s="6" t="s">
        <v>9</v>
      </c>
      <c r="F11833" s="7">
        <v>38657</v>
      </c>
      <c r="G11833" s="8">
        <v>1</v>
      </c>
      <c r="H11833" s="8">
        <v>1</v>
      </c>
      <c r="I11833" s="8">
        <v>0</v>
      </c>
      <c r="J11833" s="8">
        <v>1</v>
      </c>
      <c r="K11833" s="9">
        <v>269</v>
      </c>
      <c r="L11833" s="6" t="s">
        <v>51</v>
      </c>
    </row>
    <row r="11834" spans="1:12">
      <c r="A11834" s="6" t="s">
        <v>49</v>
      </c>
      <c r="B11834" s="6"/>
      <c r="C11834" s="6" t="s">
        <v>11858</v>
      </c>
      <c r="D11834" s="6"/>
      <c r="E11834" s="6" t="s">
        <v>9</v>
      </c>
      <c r="F11834" s="7">
        <v>38657</v>
      </c>
      <c r="G11834" s="8">
        <v>1</v>
      </c>
      <c r="H11834" s="8">
        <v>1</v>
      </c>
      <c r="I11834" s="8">
        <v>0</v>
      </c>
      <c r="J11834" s="8">
        <v>1</v>
      </c>
      <c r="K11834" s="9">
        <v>7.55</v>
      </c>
      <c r="L11834" s="6" t="s">
        <v>51</v>
      </c>
    </row>
    <row r="11835" spans="1:12">
      <c r="A11835" s="6" t="s">
        <v>49</v>
      </c>
      <c r="B11835" s="6"/>
      <c r="C11835" s="6" t="s">
        <v>11859</v>
      </c>
      <c r="D11835" s="6"/>
      <c r="E11835" s="6" t="s">
        <v>9</v>
      </c>
      <c r="F11835" s="7">
        <v>38657</v>
      </c>
      <c r="G11835" s="8">
        <v>1</v>
      </c>
      <c r="H11835" s="8">
        <v>1</v>
      </c>
      <c r="I11835" s="8">
        <v>0</v>
      </c>
      <c r="J11835" s="8">
        <v>1</v>
      </c>
      <c r="K11835" s="9">
        <v>76</v>
      </c>
      <c r="L11835" s="6" t="s">
        <v>51</v>
      </c>
    </row>
    <row r="11836" spans="1:12">
      <c r="A11836" s="6" t="s">
        <v>49</v>
      </c>
      <c r="B11836" s="6"/>
      <c r="C11836" s="6" t="s">
        <v>11860</v>
      </c>
      <c r="D11836" s="6"/>
      <c r="E11836" s="6" t="s">
        <v>9</v>
      </c>
      <c r="F11836" s="7">
        <v>38657</v>
      </c>
      <c r="G11836" s="8">
        <v>1</v>
      </c>
      <c r="H11836" s="8">
        <v>1</v>
      </c>
      <c r="I11836" s="8">
        <v>0</v>
      </c>
      <c r="J11836" s="8">
        <v>1</v>
      </c>
      <c r="K11836" s="9">
        <v>35</v>
      </c>
      <c r="L11836" s="6" t="s">
        <v>51</v>
      </c>
    </row>
    <row r="11837" spans="1:12">
      <c r="A11837" s="6" t="s">
        <v>49</v>
      </c>
      <c r="B11837" s="6"/>
      <c r="C11837" s="6" t="s">
        <v>11861</v>
      </c>
      <c r="D11837" s="6"/>
      <c r="E11837" s="6" t="s">
        <v>9</v>
      </c>
      <c r="F11837" s="7">
        <v>38657</v>
      </c>
      <c r="G11837" s="8">
        <v>1</v>
      </c>
      <c r="H11837" s="8">
        <v>1</v>
      </c>
      <c r="I11837" s="8">
        <v>0</v>
      </c>
      <c r="J11837" s="8">
        <v>1</v>
      </c>
      <c r="K11837" s="9">
        <v>1.78</v>
      </c>
      <c r="L11837" s="6" t="s">
        <v>51</v>
      </c>
    </row>
    <row r="11838" spans="1:12">
      <c r="A11838" s="6" t="s">
        <v>49</v>
      </c>
      <c r="B11838" s="6"/>
      <c r="C11838" s="6" t="s">
        <v>11862</v>
      </c>
      <c r="D11838" s="6"/>
      <c r="E11838" s="6" t="s">
        <v>9</v>
      </c>
      <c r="F11838" s="7">
        <v>38657</v>
      </c>
      <c r="G11838" s="8">
        <v>1</v>
      </c>
      <c r="H11838" s="8">
        <v>1</v>
      </c>
      <c r="I11838" s="8">
        <v>0</v>
      </c>
      <c r="J11838" s="8">
        <v>1</v>
      </c>
      <c r="K11838" s="9">
        <v>33</v>
      </c>
      <c r="L11838" s="6" t="s">
        <v>51</v>
      </c>
    </row>
    <row r="11839" spans="1:12">
      <c r="A11839" s="6" t="s">
        <v>49</v>
      </c>
      <c r="B11839" s="6"/>
      <c r="C11839" s="6" t="s">
        <v>11863</v>
      </c>
      <c r="D11839" s="6"/>
      <c r="E11839" s="6" t="s">
        <v>9</v>
      </c>
      <c r="F11839" s="7">
        <v>38657</v>
      </c>
      <c r="G11839" s="8">
        <v>1</v>
      </c>
      <c r="H11839" s="8">
        <v>1</v>
      </c>
      <c r="I11839" s="8">
        <v>0</v>
      </c>
      <c r="J11839" s="8">
        <v>1</v>
      </c>
      <c r="K11839" s="9">
        <v>0.6</v>
      </c>
      <c r="L11839" s="6" t="s">
        <v>51</v>
      </c>
    </row>
    <row r="11840" spans="1:12">
      <c r="A11840" s="6" t="s">
        <v>49</v>
      </c>
      <c r="B11840" s="6"/>
      <c r="C11840" s="6" t="s">
        <v>11864</v>
      </c>
      <c r="D11840" s="6"/>
      <c r="E11840" s="6" t="s">
        <v>9</v>
      </c>
      <c r="F11840" s="7">
        <v>38657</v>
      </c>
      <c r="G11840" s="8">
        <v>1</v>
      </c>
      <c r="H11840" s="8">
        <v>1</v>
      </c>
      <c r="I11840" s="8">
        <v>0</v>
      </c>
      <c r="J11840" s="8">
        <v>1</v>
      </c>
      <c r="K11840" s="9">
        <v>14</v>
      </c>
      <c r="L11840" s="6" t="s">
        <v>51</v>
      </c>
    </row>
    <row r="11841" spans="1:12">
      <c r="A11841" s="6" t="s">
        <v>49</v>
      </c>
      <c r="B11841" s="6"/>
      <c r="C11841" s="6" t="s">
        <v>11865</v>
      </c>
      <c r="D11841" s="6"/>
      <c r="E11841" s="6" t="s">
        <v>9</v>
      </c>
      <c r="F11841" s="7">
        <v>38657</v>
      </c>
      <c r="G11841" s="8">
        <v>1</v>
      </c>
      <c r="H11841" s="8">
        <v>1</v>
      </c>
      <c r="I11841" s="8">
        <v>0</v>
      </c>
      <c r="J11841" s="8">
        <v>1</v>
      </c>
      <c r="K11841" s="9">
        <v>110</v>
      </c>
      <c r="L11841" s="6" t="s">
        <v>51</v>
      </c>
    </row>
    <row r="11842" spans="1:12">
      <c r="A11842" s="6" t="s">
        <v>49</v>
      </c>
      <c r="B11842" s="6"/>
      <c r="C11842" s="6" t="s">
        <v>11866</v>
      </c>
      <c r="D11842" s="6"/>
      <c r="E11842" s="6" t="s">
        <v>9</v>
      </c>
      <c r="F11842" s="7">
        <v>38657</v>
      </c>
      <c r="G11842" s="8">
        <v>1</v>
      </c>
      <c r="H11842" s="8">
        <v>1</v>
      </c>
      <c r="I11842" s="8">
        <v>0</v>
      </c>
      <c r="J11842" s="8">
        <v>1</v>
      </c>
      <c r="K11842" s="9">
        <v>9.8800000000000008</v>
      </c>
      <c r="L11842" s="6" t="s">
        <v>51</v>
      </c>
    </row>
    <row r="11843" spans="1:12">
      <c r="A11843" s="6" t="s">
        <v>49</v>
      </c>
      <c r="B11843" s="6"/>
      <c r="C11843" s="6" t="s">
        <v>11867</v>
      </c>
      <c r="D11843" s="6"/>
      <c r="E11843" s="6" t="s">
        <v>9</v>
      </c>
      <c r="F11843" s="7">
        <v>38657</v>
      </c>
      <c r="G11843" s="8">
        <v>1</v>
      </c>
      <c r="H11843" s="8">
        <v>1</v>
      </c>
      <c r="I11843" s="8">
        <v>0</v>
      </c>
      <c r="J11843" s="8">
        <v>1</v>
      </c>
      <c r="K11843" s="9">
        <v>4.67</v>
      </c>
      <c r="L11843" s="6" t="s">
        <v>51</v>
      </c>
    </row>
    <row r="11844" spans="1:12">
      <c r="A11844" s="6" t="s">
        <v>49</v>
      </c>
      <c r="B11844" s="6"/>
      <c r="C11844" s="6" t="s">
        <v>11868</v>
      </c>
      <c r="D11844" s="6"/>
      <c r="E11844" s="6" t="s">
        <v>9</v>
      </c>
      <c r="F11844" s="7">
        <v>38657</v>
      </c>
      <c r="G11844" s="8">
        <v>1</v>
      </c>
      <c r="H11844" s="8">
        <v>1</v>
      </c>
      <c r="I11844" s="8">
        <v>0</v>
      </c>
      <c r="J11844" s="8">
        <v>1</v>
      </c>
      <c r="K11844" s="9">
        <v>28</v>
      </c>
      <c r="L11844" s="6" t="s">
        <v>51</v>
      </c>
    </row>
    <row r="11845" spans="1:12">
      <c r="A11845" s="6" t="s">
        <v>49</v>
      </c>
      <c r="B11845" s="6"/>
      <c r="C11845" s="6" t="s">
        <v>11869</v>
      </c>
      <c r="D11845" s="6"/>
      <c r="E11845" s="6" t="s">
        <v>9</v>
      </c>
      <c r="F11845" s="7">
        <v>38657</v>
      </c>
      <c r="G11845" s="8">
        <v>1</v>
      </c>
      <c r="H11845" s="8">
        <v>1</v>
      </c>
      <c r="I11845" s="8">
        <v>0</v>
      </c>
      <c r="J11845" s="8">
        <v>1</v>
      </c>
      <c r="K11845" s="9">
        <v>50</v>
      </c>
      <c r="L11845" s="6" t="s">
        <v>51</v>
      </c>
    </row>
    <row r="11846" spans="1:12">
      <c r="A11846" s="6" t="s">
        <v>49</v>
      </c>
      <c r="B11846" s="6"/>
      <c r="C11846" s="6" t="s">
        <v>11870</v>
      </c>
      <c r="D11846" s="6"/>
      <c r="E11846" s="6" t="s">
        <v>9</v>
      </c>
      <c r="F11846" s="7">
        <v>38657</v>
      </c>
      <c r="G11846" s="8">
        <v>1</v>
      </c>
      <c r="H11846" s="8">
        <v>1</v>
      </c>
      <c r="I11846" s="8">
        <v>0</v>
      </c>
      <c r="J11846" s="8">
        <v>1</v>
      </c>
      <c r="K11846" s="9">
        <v>30</v>
      </c>
      <c r="L11846" s="6" t="s">
        <v>51</v>
      </c>
    </row>
    <row r="11847" spans="1:12">
      <c r="A11847" s="6" t="s">
        <v>49</v>
      </c>
      <c r="B11847" s="6"/>
      <c r="C11847" s="6" t="s">
        <v>11871</v>
      </c>
      <c r="D11847" s="6"/>
      <c r="E11847" s="6" t="s">
        <v>9</v>
      </c>
      <c r="F11847" s="7">
        <v>38657</v>
      </c>
      <c r="G11847" s="8">
        <v>1</v>
      </c>
      <c r="H11847" s="8">
        <v>1</v>
      </c>
      <c r="I11847" s="8">
        <v>0</v>
      </c>
      <c r="J11847" s="8">
        <v>1</v>
      </c>
      <c r="K11847" s="9">
        <v>105</v>
      </c>
      <c r="L11847" s="6" t="s">
        <v>51</v>
      </c>
    </row>
    <row r="11848" spans="1:12">
      <c r="A11848" s="6" t="s">
        <v>49</v>
      </c>
      <c r="B11848" s="6"/>
      <c r="C11848" s="6" t="s">
        <v>11872</v>
      </c>
      <c r="D11848" s="6"/>
      <c r="E11848" s="6" t="s">
        <v>9</v>
      </c>
      <c r="F11848" s="7"/>
      <c r="G11848" s="8">
        <v>1</v>
      </c>
      <c r="H11848" s="8">
        <v>1</v>
      </c>
      <c r="I11848" s="8">
        <v>0</v>
      </c>
      <c r="J11848" s="8">
        <v>1</v>
      </c>
      <c r="K11848" s="9">
        <v>49</v>
      </c>
      <c r="L11848" s="6" t="s">
        <v>51</v>
      </c>
    </row>
    <row r="11849" spans="1:12">
      <c r="A11849" s="6" t="s">
        <v>49</v>
      </c>
      <c r="B11849" s="6"/>
      <c r="C11849" s="6" t="s">
        <v>11873</v>
      </c>
      <c r="D11849" s="6"/>
      <c r="E11849" s="6" t="s">
        <v>9</v>
      </c>
      <c r="F11849" s="7"/>
      <c r="G11849" s="8">
        <v>1</v>
      </c>
      <c r="H11849" s="8">
        <v>1</v>
      </c>
      <c r="I11849" s="8">
        <v>0</v>
      </c>
      <c r="J11849" s="8">
        <v>1</v>
      </c>
      <c r="K11849" s="9">
        <v>42</v>
      </c>
      <c r="L11849" s="6" t="s">
        <v>51</v>
      </c>
    </row>
    <row r="11850" spans="1:12">
      <c r="A11850" s="6" t="s">
        <v>49</v>
      </c>
      <c r="B11850" s="6"/>
      <c r="C11850" s="6" t="s">
        <v>11874</v>
      </c>
      <c r="D11850" s="6"/>
      <c r="E11850" s="6" t="s">
        <v>9</v>
      </c>
      <c r="F11850" s="7"/>
      <c r="G11850" s="8">
        <v>1</v>
      </c>
      <c r="H11850" s="8">
        <v>1</v>
      </c>
      <c r="I11850" s="8">
        <v>0</v>
      </c>
      <c r="J11850" s="8">
        <v>1</v>
      </c>
      <c r="K11850" s="9">
        <v>19</v>
      </c>
      <c r="L11850" s="6" t="s">
        <v>51</v>
      </c>
    </row>
    <row r="11851" spans="1:12">
      <c r="A11851" s="6" t="s">
        <v>49</v>
      </c>
      <c r="B11851" s="6"/>
      <c r="C11851" s="6" t="s">
        <v>11875</v>
      </c>
      <c r="D11851" s="6"/>
      <c r="E11851" s="6" t="s">
        <v>9</v>
      </c>
      <c r="F11851" s="7"/>
      <c r="G11851" s="8">
        <v>1</v>
      </c>
      <c r="H11851" s="8">
        <v>1</v>
      </c>
      <c r="I11851" s="8">
        <v>0</v>
      </c>
      <c r="J11851" s="8">
        <v>1</v>
      </c>
      <c r="K11851" s="9">
        <v>9.91</v>
      </c>
      <c r="L11851" s="6" t="s">
        <v>51</v>
      </c>
    </row>
    <row r="11852" spans="1:12">
      <c r="A11852" s="6" t="s">
        <v>49</v>
      </c>
      <c r="B11852" s="6"/>
      <c r="C11852" s="6" t="s">
        <v>11876</v>
      </c>
      <c r="D11852" s="6"/>
      <c r="E11852" s="6" t="s">
        <v>9</v>
      </c>
      <c r="F11852" s="7">
        <v>38657</v>
      </c>
      <c r="G11852" s="8">
        <v>1</v>
      </c>
      <c r="H11852" s="8">
        <v>1</v>
      </c>
      <c r="I11852" s="8">
        <v>0</v>
      </c>
      <c r="J11852" s="8">
        <v>1</v>
      </c>
      <c r="K11852" s="9">
        <v>42</v>
      </c>
      <c r="L11852" s="6" t="s">
        <v>51</v>
      </c>
    </row>
    <row r="11853" spans="1:12">
      <c r="A11853" s="6" t="s">
        <v>49</v>
      </c>
      <c r="B11853" s="6"/>
      <c r="C11853" s="6" t="s">
        <v>11877</v>
      </c>
      <c r="D11853" s="6"/>
      <c r="E11853" s="6" t="s">
        <v>9</v>
      </c>
      <c r="F11853" s="7"/>
      <c r="G11853" s="8">
        <v>1</v>
      </c>
      <c r="H11853" s="8">
        <v>1</v>
      </c>
      <c r="I11853" s="8">
        <v>0</v>
      </c>
      <c r="J11853" s="8">
        <v>1</v>
      </c>
      <c r="K11853" s="9">
        <v>439</v>
      </c>
      <c r="L11853" s="6" t="s">
        <v>51</v>
      </c>
    </row>
    <row r="11854" spans="1:12">
      <c r="A11854" s="6" t="s">
        <v>49</v>
      </c>
      <c r="B11854" s="6"/>
      <c r="C11854" s="6" t="s">
        <v>11878</v>
      </c>
      <c r="D11854" s="6"/>
      <c r="E11854" s="6" t="s">
        <v>9</v>
      </c>
      <c r="F11854" s="7">
        <v>38657</v>
      </c>
      <c r="G11854" s="8">
        <v>1</v>
      </c>
      <c r="H11854" s="8">
        <v>1</v>
      </c>
      <c r="I11854" s="8">
        <v>0</v>
      </c>
      <c r="J11854" s="8">
        <v>1</v>
      </c>
      <c r="K11854" s="9">
        <v>29.8</v>
      </c>
      <c r="L11854" s="6" t="s">
        <v>51</v>
      </c>
    </row>
    <row r="11855" spans="1:12">
      <c r="A11855" s="6" t="s">
        <v>49</v>
      </c>
      <c r="B11855" s="6"/>
      <c r="C11855" s="6" t="s">
        <v>11879</v>
      </c>
      <c r="D11855" s="6"/>
      <c r="E11855" s="6" t="s">
        <v>9</v>
      </c>
      <c r="F11855" s="7"/>
      <c r="G11855" s="8">
        <v>1</v>
      </c>
      <c r="H11855" s="8">
        <v>1</v>
      </c>
      <c r="I11855" s="8">
        <v>0</v>
      </c>
      <c r="J11855" s="8">
        <v>1</v>
      </c>
      <c r="K11855" s="9">
        <v>99</v>
      </c>
      <c r="L11855" s="6" t="s">
        <v>51</v>
      </c>
    </row>
    <row r="11856" spans="1:12">
      <c r="A11856" s="6" t="s">
        <v>49</v>
      </c>
      <c r="B11856" s="6"/>
      <c r="C11856" s="6" t="s">
        <v>11880</v>
      </c>
      <c r="D11856" s="6"/>
      <c r="E11856" s="6" t="s">
        <v>9</v>
      </c>
      <c r="F11856" s="7">
        <v>38657</v>
      </c>
      <c r="G11856" s="8">
        <v>1</v>
      </c>
      <c r="H11856" s="8">
        <v>1</v>
      </c>
      <c r="I11856" s="8">
        <v>0</v>
      </c>
      <c r="J11856" s="8">
        <v>1</v>
      </c>
      <c r="K11856" s="9">
        <v>6.39</v>
      </c>
      <c r="L11856" s="6" t="s">
        <v>51</v>
      </c>
    </row>
    <row r="11857" spans="1:12">
      <c r="A11857" s="6" t="s">
        <v>49</v>
      </c>
      <c r="B11857" s="6"/>
      <c r="C11857" s="6" t="s">
        <v>11881</v>
      </c>
      <c r="D11857" s="6"/>
      <c r="E11857" s="6" t="s">
        <v>9</v>
      </c>
      <c r="F11857" s="7">
        <v>38657</v>
      </c>
      <c r="G11857" s="8">
        <v>1</v>
      </c>
      <c r="H11857" s="8">
        <v>1</v>
      </c>
      <c r="I11857" s="8">
        <v>0</v>
      </c>
      <c r="J11857" s="8">
        <v>1</v>
      </c>
      <c r="K11857" s="9">
        <v>29</v>
      </c>
      <c r="L11857" s="6" t="s">
        <v>51</v>
      </c>
    </row>
    <row r="11858" spans="1:12">
      <c r="A11858" s="6" t="s">
        <v>49</v>
      </c>
      <c r="B11858" s="6"/>
      <c r="C11858" s="6" t="s">
        <v>11882</v>
      </c>
      <c r="D11858" s="6"/>
      <c r="E11858" s="6" t="s">
        <v>9</v>
      </c>
      <c r="F11858" s="7"/>
      <c r="G11858" s="8">
        <v>1</v>
      </c>
      <c r="H11858" s="8">
        <v>1</v>
      </c>
      <c r="I11858" s="8">
        <v>0</v>
      </c>
      <c r="J11858" s="8">
        <v>1</v>
      </c>
      <c r="K11858" s="9">
        <v>89</v>
      </c>
      <c r="L11858" s="6" t="s">
        <v>51</v>
      </c>
    </row>
    <row r="11859" spans="1:12">
      <c r="A11859" s="6" t="s">
        <v>49</v>
      </c>
      <c r="B11859" s="6"/>
      <c r="C11859" s="6" t="s">
        <v>11883</v>
      </c>
      <c r="D11859" s="6"/>
      <c r="E11859" s="6" t="s">
        <v>9</v>
      </c>
      <c r="F11859" s="7"/>
      <c r="G11859" s="8">
        <v>1</v>
      </c>
      <c r="H11859" s="8">
        <v>1</v>
      </c>
      <c r="I11859" s="8">
        <v>0</v>
      </c>
      <c r="J11859" s="8">
        <v>1</v>
      </c>
      <c r="K11859" s="9">
        <v>72</v>
      </c>
      <c r="L11859" s="6" t="s">
        <v>51</v>
      </c>
    </row>
    <row r="11860" spans="1:12">
      <c r="A11860" s="6" t="s">
        <v>49</v>
      </c>
      <c r="B11860" s="6"/>
      <c r="C11860" s="6" t="s">
        <v>11884</v>
      </c>
      <c r="D11860" s="6"/>
      <c r="E11860" s="6" t="s">
        <v>9</v>
      </c>
      <c r="F11860" s="7"/>
      <c r="G11860" s="8">
        <v>1</v>
      </c>
      <c r="H11860" s="8">
        <v>1</v>
      </c>
      <c r="I11860" s="8">
        <v>0</v>
      </c>
      <c r="J11860" s="8">
        <v>1</v>
      </c>
      <c r="K11860" s="9">
        <v>59</v>
      </c>
      <c r="L11860" s="6" t="s">
        <v>51</v>
      </c>
    </row>
    <row r="11861" spans="1:12">
      <c r="A11861" s="6" t="s">
        <v>49</v>
      </c>
      <c r="B11861" s="6"/>
      <c r="C11861" s="6" t="s">
        <v>11885</v>
      </c>
      <c r="D11861" s="6"/>
      <c r="E11861" s="6" t="s">
        <v>9</v>
      </c>
      <c r="F11861" s="7"/>
      <c r="G11861" s="8">
        <v>1</v>
      </c>
      <c r="H11861" s="8">
        <v>1</v>
      </c>
      <c r="I11861" s="8">
        <v>0</v>
      </c>
      <c r="J11861" s="8">
        <v>1</v>
      </c>
      <c r="K11861" s="9">
        <v>16</v>
      </c>
      <c r="L11861" s="6" t="s">
        <v>51</v>
      </c>
    </row>
    <row r="11862" spans="1:12">
      <c r="A11862" s="6" t="s">
        <v>49</v>
      </c>
      <c r="B11862" s="6"/>
      <c r="C11862" s="6" t="s">
        <v>11886</v>
      </c>
      <c r="D11862" s="6"/>
      <c r="E11862" s="6" t="s">
        <v>9</v>
      </c>
      <c r="F11862" s="7">
        <v>38657</v>
      </c>
      <c r="G11862" s="8">
        <v>1</v>
      </c>
      <c r="H11862" s="8">
        <v>1</v>
      </c>
      <c r="I11862" s="8">
        <v>0</v>
      </c>
      <c r="J11862" s="8">
        <v>1</v>
      </c>
      <c r="K11862" s="9">
        <v>107</v>
      </c>
      <c r="L11862" s="6" t="s">
        <v>51</v>
      </c>
    </row>
    <row r="11863" spans="1:12">
      <c r="A11863" s="6" t="s">
        <v>49</v>
      </c>
      <c r="B11863" s="6"/>
      <c r="C11863" s="6" t="s">
        <v>11887</v>
      </c>
      <c r="D11863" s="6"/>
      <c r="E11863" s="6" t="s">
        <v>9</v>
      </c>
      <c r="F11863" s="7">
        <v>38657</v>
      </c>
      <c r="G11863" s="8">
        <v>1</v>
      </c>
      <c r="H11863" s="8">
        <v>1</v>
      </c>
      <c r="I11863" s="8">
        <v>0</v>
      </c>
      <c r="J11863" s="8">
        <v>1</v>
      </c>
      <c r="K11863" s="9">
        <v>1046</v>
      </c>
      <c r="L11863" s="6" t="s">
        <v>51</v>
      </c>
    </row>
    <row r="11864" spans="1:12">
      <c r="A11864" s="6" t="s">
        <v>49</v>
      </c>
      <c r="B11864" s="6"/>
      <c r="C11864" s="6" t="s">
        <v>11888</v>
      </c>
      <c r="D11864" s="6"/>
      <c r="E11864" s="6" t="s">
        <v>9</v>
      </c>
      <c r="F11864" s="7">
        <v>39479</v>
      </c>
      <c r="G11864" s="8">
        <v>1</v>
      </c>
      <c r="H11864" s="8">
        <v>1</v>
      </c>
      <c r="I11864" s="8">
        <v>0</v>
      </c>
      <c r="J11864" s="8">
        <v>1</v>
      </c>
      <c r="K11864" s="9">
        <v>0.39</v>
      </c>
      <c r="L11864" s="6" t="s">
        <v>51</v>
      </c>
    </row>
    <row r="11865" spans="1:12">
      <c r="A11865" s="6" t="s">
        <v>49</v>
      </c>
      <c r="B11865" s="6"/>
      <c r="C11865" s="6" t="s">
        <v>11889</v>
      </c>
      <c r="D11865" s="6"/>
      <c r="E11865" s="6" t="s">
        <v>9</v>
      </c>
      <c r="F11865" s="7">
        <v>38657</v>
      </c>
      <c r="G11865" s="8">
        <v>1</v>
      </c>
      <c r="H11865" s="8">
        <v>1</v>
      </c>
      <c r="I11865" s="8">
        <v>0</v>
      </c>
      <c r="J11865" s="8">
        <v>1</v>
      </c>
      <c r="K11865" s="9">
        <v>16.8</v>
      </c>
      <c r="L11865" s="6" t="s">
        <v>51</v>
      </c>
    </row>
    <row r="11866" spans="1:12">
      <c r="A11866" s="6" t="s">
        <v>49</v>
      </c>
      <c r="B11866" s="6"/>
      <c r="C11866" s="6" t="s">
        <v>11890</v>
      </c>
      <c r="D11866" s="6"/>
      <c r="E11866" s="6" t="s">
        <v>9</v>
      </c>
      <c r="F11866" s="7">
        <v>39479</v>
      </c>
      <c r="G11866" s="8">
        <v>1</v>
      </c>
      <c r="H11866" s="8">
        <v>1</v>
      </c>
      <c r="I11866" s="8">
        <v>0</v>
      </c>
      <c r="J11866" s="8">
        <v>1</v>
      </c>
      <c r="K11866" s="9">
        <v>0.88</v>
      </c>
      <c r="L11866" s="6" t="s">
        <v>51</v>
      </c>
    </row>
    <row r="11867" spans="1:12">
      <c r="A11867" s="6" t="s">
        <v>49</v>
      </c>
      <c r="B11867" s="6"/>
      <c r="C11867" s="6" t="s">
        <v>11891</v>
      </c>
      <c r="D11867" s="6"/>
      <c r="E11867" s="6" t="s">
        <v>9</v>
      </c>
      <c r="F11867" s="7">
        <v>39479</v>
      </c>
      <c r="G11867" s="8">
        <v>1</v>
      </c>
      <c r="H11867" s="8">
        <v>1</v>
      </c>
      <c r="I11867" s="8">
        <v>0</v>
      </c>
      <c r="J11867" s="8">
        <v>1</v>
      </c>
      <c r="K11867" s="9">
        <v>2.2200000000000002</v>
      </c>
      <c r="L11867" s="6" t="s">
        <v>51</v>
      </c>
    </row>
    <row r="11868" spans="1:12">
      <c r="A11868" s="6" t="s">
        <v>49</v>
      </c>
      <c r="B11868" s="6"/>
      <c r="C11868" s="6" t="s">
        <v>11892</v>
      </c>
      <c r="D11868" s="6"/>
      <c r="E11868" s="6" t="s">
        <v>9</v>
      </c>
      <c r="F11868" s="7">
        <v>39479</v>
      </c>
      <c r="G11868" s="8">
        <v>1</v>
      </c>
      <c r="H11868" s="8">
        <v>1</v>
      </c>
      <c r="I11868" s="8">
        <v>0</v>
      </c>
      <c r="J11868" s="8">
        <v>1</v>
      </c>
      <c r="K11868" s="9">
        <v>0.39</v>
      </c>
      <c r="L11868" s="6" t="s">
        <v>51</v>
      </c>
    </row>
    <row r="11869" spans="1:12">
      <c r="A11869" s="6" t="s">
        <v>49</v>
      </c>
      <c r="B11869" s="6"/>
      <c r="C11869" s="6" t="s">
        <v>11893</v>
      </c>
      <c r="D11869" s="6"/>
      <c r="E11869" s="6" t="s">
        <v>9</v>
      </c>
      <c r="F11869" s="7">
        <v>39479</v>
      </c>
      <c r="G11869" s="8">
        <v>1</v>
      </c>
      <c r="H11869" s="8">
        <v>1</v>
      </c>
      <c r="I11869" s="8">
        <v>0</v>
      </c>
      <c r="J11869" s="8">
        <v>1</v>
      </c>
      <c r="K11869" s="9">
        <v>0.77</v>
      </c>
      <c r="L11869" s="6" t="s">
        <v>51</v>
      </c>
    </row>
    <row r="11870" spans="1:12">
      <c r="A11870" s="6" t="s">
        <v>49</v>
      </c>
      <c r="B11870" s="6"/>
      <c r="C11870" s="6" t="s">
        <v>11894</v>
      </c>
      <c r="D11870" s="6"/>
      <c r="E11870" s="6" t="s">
        <v>9</v>
      </c>
      <c r="F11870" s="7">
        <v>38657</v>
      </c>
      <c r="G11870" s="8">
        <v>1</v>
      </c>
      <c r="H11870" s="8">
        <v>1</v>
      </c>
      <c r="I11870" s="8">
        <v>0</v>
      </c>
      <c r="J11870" s="8">
        <v>1</v>
      </c>
      <c r="K11870" s="9">
        <v>603</v>
      </c>
      <c r="L11870" s="6" t="s">
        <v>51</v>
      </c>
    </row>
    <row r="11871" spans="1:12">
      <c r="A11871" s="6" t="s">
        <v>49</v>
      </c>
      <c r="B11871" s="6"/>
      <c r="C11871" s="6" t="s">
        <v>11895</v>
      </c>
      <c r="D11871" s="6"/>
      <c r="E11871" s="6" t="s">
        <v>9</v>
      </c>
      <c r="F11871" s="7">
        <v>38657</v>
      </c>
      <c r="G11871" s="8">
        <v>1</v>
      </c>
      <c r="H11871" s="8">
        <v>1</v>
      </c>
      <c r="I11871" s="8">
        <v>0</v>
      </c>
      <c r="J11871" s="8">
        <v>1</v>
      </c>
      <c r="K11871" s="9">
        <v>1644</v>
      </c>
      <c r="L11871" s="6" t="s">
        <v>51</v>
      </c>
    </row>
    <row r="11872" spans="1:12">
      <c r="A11872" s="6" t="s">
        <v>49</v>
      </c>
      <c r="B11872" s="6"/>
      <c r="C11872" s="6" t="s">
        <v>11896</v>
      </c>
      <c r="D11872" s="6"/>
      <c r="E11872" s="6" t="s">
        <v>9</v>
      </c>
      <c r="F11872" s="7">
        <v>39479</v>
      </c>
      <c r="G11872" s="8">
        <v>1</v>
      </c>
      <c r="H11872" s="8">
        <v>1</v>
      </c>
      <c r="I11872" s="8">
        <v>0</v>
      </c>
      <c r="J11872" s="8">
        <v>1</v>
      </c>
      <c r="K11872" s="9">
        <v>33</v>
      </c>
      <c r="L11872" s="6" t="s">
        <v>51</v>
      </c>
    </row>
    <row r="11873" spans="1:12">
      <c r="A11873" s="6" t="s">
        <v>49</v>
      </c>
      <c r="B11873" s="6"/>
      <c r="C11873" s="6" t="s">
        <v>11897</v>
      </c>
      <c r="D11873" s="6"/>
      <c r="E11873" s="6" t="s">
        <v>9</v>
      </c>
      <c r="F11873" s="7">
        <v>38657</v>
      </c>
      <c r="G11873" s="8">
        <v>1</v>
      </c>
      <c r="H11873" s="8">
        <v>1</v>
      </c>
      <c r="I11873" s="8">
        <v>0</v>
      </c>
      <c r="J11873" s="8">
        <v>1</v>
      </c>
      <c r="K11873" s="9">
        <v>30</v>
      </c>
      <c r="L11873" s="6" t="s">
        <v>51</v>
      </c>
    </row>
    <row r="11874" spans="1:12">
      <c r="A11874" s="6" t="s">
        <v>49</v>
      </c>
      <c r="B11874" s="6"/>
      <c r="C11874" s="6" t="s">
        <v>11898</v>
      </c>
      <c r="D11874" s="6"/>
      <c r="E11874" s="6" t="s">
        <v>9</v>
      </c>
      <c r="F11874" s="7">
        <v>38657</v>
      </c>
      <c r="G11874" s="8">
        <v>1</v>
      </c>
      <c r="H11874" s="8">
        <v>1</v>
      </c>
      <c r="I11874" s="8">
        <v>0</v>
      </c>
      <c r="J11874" s="8">
        <v>1</v>
      </c>
      <c r="K11874" s="9">
        <v>151</v>
      </c>
      <c r="L11874" s="6" t="s">
        <v>51</v>
      </c>
    </row>
    <row r="11875" spans="1:12">
      <c r="A11875" s="6" t="s">
        <v>49</v>
      </c>
      <c r="B11875" s="6"/>
      <c r="C11875" s="6" t="s">
        <v>11899</v>
      </c>
      <c r="D11875" s="6"/>
      <c r="E11875" s="6" t="s">
        <v>9</v>
      </c>
      <c r="F11875" s="7">
        <v>38657</v>
      </c>
      <c r="G11875" s="8">
        <v>1</v>
      </c>
      <c r="H11875" s="8">
        <v>1</v>
      </c>
      <c r="I11875" s="8">
        <v>0</v>
      </c>
      <c r="J11875" s="8">
        <v>1</v>
      </c>
      <c r="K11875" s="9">
        <v>192</v>
      </c>
      <c r="L11875" s="6" t="s">
        <v>51</v>
      </c>
    </row>
    <row r="11876" spans="1:12">
      <c r="A11876" s="6" t="s">
        <v>49</v>
      </c>
      <c r="B11876" s="6"/>
      <c r="C11876" s="6" t="s">
        <v>11900</v>
      </c>
      <c r="D11876" s="6"/>
      <c r="E11876" s="6" t="s">
        <v>9</v>
      </c>
      <c r="F11876" s="7">
        <v>38657</v>
      </c>
      <c r="G11876" s="8">
        <v>1</v>
      </c>
      <c r="H11876" s="8">
        <v>1</v>
      </c>
      <c r="I11876" s="8">
        <v>0</v>
      </c>
      <c r="J11876" s="8">
        <v>1</v>
      </c>
      <c r="K11876" s="9">
        <v>22.27</v>
      </c>
      <c r="L11876" s="6" t="s">
        <v>51</v>
      </c>
    </row>
    <row r="11877" spans="1:12">
      <c r="A11877" s="6" t="s">
        <v>49</v>
      </c>
      <c r="B11877" s="6"/>
      <c r="C11877" s="6" t="s">
        <v>11901</v>
      </c>
      <c r="D11877" s="6"/>
      <c r="E11877" s="6" t="s">
        <v>9</v>
      </c>
      <c r="F11877" s="7">
        <v>38657</v>
      </c>
      <c r="G11877" s="8">
        <v>1</v>
      </c>
      <c r="H11877" s="8">
        <v>1</v>
      </c>
      <c r="I11877" s="8">
        <v>0</v>
      </c>
      <c r="J11877" s="8">
        <v>1</v>
      </c>
      <c r="K11877" s="9">
        <v>99</v>
      </c>
      <c r="L11877" s="6" t="s">
        <v>51</v>
      </c>
    </row>
    <row r="11878" spans="1:12">
      <c r="A11878" s="6" t="s">
        <v>49</v>
      </c>
      <c r="B11878" s="6"/>
      <c r="C11878" s="6" t="s">
        <v>11902</v>
      </c>
      <c r="D11878" s="6"/>
      <c r="E11878" s="6" t="s">
        <v>9</v>
      </c>
      <c r="F11878" s="7">
        <v>38657</v>
      </c>
      <c r="G11878" s="8">
        <v>1</v>
      </c>
      <c r="H11878" s="8">
        <v>1</v>
      </c>
      <c r="I11878" s="8">
        <v>0</v>
      </c>
      <c r="J11878" s="8">
        <v>1</v>
      </c>
      <c r="K11878" s="9">
        <v>97</v>
      </c>
      <c r="L11878" s="6" t="s">
        <v>51</v>
      </c>
    </row>
    <row r="11879" spans="1:12">
      <c r="A11879" s="6" t="s">
        <v>49</v>
      </c>
      <c r="B11879" s="6"/>
      <c r="C11879" s="6" t="s">
        <v>11903</v>
      </c>
      <c r="D11879" s="6"/>
      <c r="E11879" s="6" t="s">
        <v>9</v>
      </c>
      <c r="F11879" s="7">
        <v>38657</v>
      </c>
      <c r="G11879" s="8">
        <v>1</v>
      </c>
      <c r="H11879" s="8">
        <v>1</v>
      </c>
      <c r="I11879" s="8">
        <v>0</v>
      </c>
      <c r="J11879" s="8">
        <v>1</v>
      </c>
      <c r="K11879" s="9">
        <v>147</v>
      </c>
      <c r="L11879" s="6" t="s">
        <v>51</v>
      </c>
    </row>
    <row r="11880" spans="1:12">
      <c r="A11880" s="6" t="s">
        <v>49</v>
      </c>
      <c r="B11880" s="6"/>
      <c r="C11880" s="6" t="s">
        <v>11904</v>
      </c>
      <c r="D11880" s="6"/>
      <c r="E11880" s="6" t="s">
        <v>9</v>
      </c>
      <c r="F11880" s="7">
        <v>38657</v>
      </c>
      <c r="G11880" s="8">
        <v>1</v>
      </c>
      <c r="H11880" s="8">
        <v>1</v>
      </c>
      <c r="I11880" s="8">
        <v>0</v>
      </c>
      <c r="J11880" s="8">
        <v>1</v>
      </c>
      <c r="K11880" s="9">
        <v>15</v>
      </c>
      <c r="L11880" s="6" t="s">
        <v>51</v>
      </c>
    </row>
    <row r="11881" spans="1:12">
      <c r="A11881" s="6" t="s">
        <v>49</v>
      </c>
      <c r="B11881" s="6"/>
      <c r="C11881" s="6" t="s">
        <v>11905</v>
      </c>
      <c r="D11881" s="6"/>
      <c r="E11881" s="6" t="s">
        <v>9</v>
      </c>
      <c r="F11881" s="7">
        <v>38657</v>
      </c>
      <c r="G11881" s="8">
        <v>1</v>
      </c>
      <c r="H11881" s="8">
        <v>1</v>
      </c>
      <c r="I11881" s="8">
        <v>0</v>
      </c>
      <c r="J11881" s="8">
        <v>1</v>
      </c>
      <c r="K11881" s="9">
        <v>128</v>
      </c>
      <c r="L11881" s="6" t="s">
        <v>51</v>
      </c>
    </row>
    <row r="11882" spans="1:12">
      <c r="A11882" s="6" t="s">
        <v>49</v>
      </c>
      <c r="B11882" s="6"/>
      <c r="C11882" s="6" t="s">
        <v>11906</v>
      </c>
      <c r="D11882" s="6"/>
      <c r="E11882" s="6" t="s">
        <v>9</v>
      </c>
      <c r="F11882" s="7">
        <v>38657</v>
      </c>
      <c r="G11882" s="8">
        <v>1</v>
      </c>
      <c r="H11882" s="8">
        <v>1</v>
      </c>
      <c r="I11882" s="8">
        <v>0</v>
      </c>
      <c r="J11882" s="8">
        <v>1</v>
      </c>
      <c r="K11882" s="9">
        <v>2.2999999999999901</v>
      </c>
      <c r="L11882" s="6" t="s">
        <v>51</v>
      </c>
    </row>
    <row r="11883" spans="1:12">
      <c r="A11883" s="6" t="s">
        <v>49</v>
      </c>
      <c r="B11883" s="6"/>
      <c r="C11883" s="6" t="s">
        <v>11907</v>
      </c>
      <c r="D11883" s="6"/>
      <c r="E11883" s="6" t="s">
        <v>9</v>
      </c>
      <c r="F11883" s="7">
        <v>38657</v>
      </c>
      <c r="G11883" s="8">
        <v>1</v>
      </c>
      <c r="H11883" s="8">
        <v>1</v>
      </c>
      <c r="I11883" s="8">
        <v>0</v>
      </c>
      <c r="J11883" s="8">
        <v>1</v>
      </c>
      <c r="K11883" s="9">
        <v>3.84</v>
      </c>
      <c r="L11883" s="6" t="s">
        <v>51</v>
      </c>
    </row>
    <row r="11884" spans="1:12">
      <c r="A11884" s="6" t="s">
        <v>49</v>
      </c>
      <c r="B11884" s="6"/>
      <c r="C11884" s="6" t="s">
        <v>11908</v>
      </c>
      <c r="D11884" s="6"/>
      <c r="E11884" s="6" t="s">
        <v>9</v>
      </c>
      <c r="F11884" s="7">
        <v>38657</v>
      </c>
      <c r="G11884" s="8">
        <v>1</v>
      </c>
      <c r="H11884" s="8">
        <v>1</v>
      </c>
      <c r="I11884" s="8">
        <v>0</v>
      </c>
      <c r="J11884" s="8">
        <v>1</v>
      </c>
      <c r="K11884" s="9">
        <v>53</v>
      </c>
      <c r="L11884" s="6" t="s">
        <v>51</v>
      </c>
    </row>
    <row r="11885" spans="1:12">
      <c r="A11885" s="6" t="s">
        <v>49</v>
      </c>
      <c r="B11885" s="6"/>
      <c r="C11885" s="6" t="s">
        <v>11909</v>
      </c>
      <c r="D11885" s="6"/>
      <c r="E11885" s="6" t="s">
        <v>9</v>
      </c>
      <c r="F11885" s="7">
        <v>38657</v>
      </c>
      <c r="G11885" s="8">
        <v>1</v>
      </c>
      <c r="H11885" s="8">
        <v>1</v>
      </c>
      <c r="I11885" s="8">
        <v>0</v>
      </c>
      <c r="J11885" s="8">
        <v>1</v>
      </c>
      <c r="K11885" s="9">
        <v>42</v>
      </c>
      <c r="L11885" s="6" t="s">
        <v>51</v>
      </c>
    </row>
    <row r="11886" spans="1:12">
      <c r="A11886" s="6" t="s">
        <v>49</v>
      </c>
      <c r="B11886" s="6"/>
      <c r="C11886" s="6" t="s">
        <v>11910</v>
      </c>
      <c r="D11886" s="6"/>
      <c r="E11886" s="6" t="s">
        <v>9</v>
      </c>
      <c r="F11886" s="7">
        <v>38657</v>
      </c>
      <c r="G11886" s="8">
        <v>1</v>
      </c>
      <c r="H11886" s="8">
        <v>1</v>
      </c>
      <c r="I11886" s="8">
        <v>0</v>
      </c>
      <c r="J11886" s="8">
        <v>1</v>
      </c>
      <c r="K11886" s="9">
        <v>316</v>
      </c>
      <c r="L11886" s="6" t="s">
        <v>51</v>
      </c>
    </row>
    <row r="11887" spans="1:12">
      <c r="A11887" s="6" t="s">
        <v>49</v>
      </c>
      <c r="B11887" s="6"/>
      <c r="C11887" s="6" t="s">
        <v>11911</v>
      </c>
      <c r="D11887" s="6"/>
      <c r="E11887" s="6" t="s">
        <v>9</v>
      </c>
      <c r="F11887" s="7">
        <v>38657</v>
      </c>
      <c r="G11887" s="8">
        <v>1</v>
      </c>
      <c r="H11887" s="8">
        <v>1</v>
      </c>
      <c r="I11887" s="8">
        <v>0</v>
      </c>
      <c r="J11887" s="8">
        <v>1</v>
      </c>
      <c r="K11887" s="9">
        <v>11.66</v>
      </c>
      <c r="L11887" s="6" t="s">
        <v>51</v>
      </c>
    </row>
    <row r="11888" spans="1:12">
      <c r="A11888" s="6" t="s">
        <v>49</v>
      </c>
      <c r="B11888" s="6"/>
      <c r="C11888" s="6" t="s">
        <v>11912</v>
      </c>
      <c r="D11888" s="6"/>
      <c r="E11888" s="6" t="s">
        <v>9</v>
      </c>
      <c r="F11888" s="7">
        <v>38657</v>
      </c>
      <c r="G11888" s="8">
        <v>1</v>
      </c>
      <c r="H11888" s="8">
        <v>1</v>
      </c>
      <c r="I11888" s="8">
        <v>0</v>
      </c>
      <c r="J11888" s="8">
        <v>1</v>
      </c>
      <c r="K11888" s="9">
        <v>3.68</v>
      </c>
      <c r="L11888" s="6" t="s">
        <v>51</v>
      </c>
    </row>
    <row r="11889" spans="1:12">
      <c r="A11889" s="6" t="s">
        <v>49</v>
      </c>
      <c r="B11889" s="6"/>
      <c r="C11889" s="6" t="s">
        <v>11913</v>
      </c>
      <c r="D11889" s="6"/>
      <c r="E11889" s="6" t="s">
        <v>9</v>
      </c>
      <c r="F11889" s="7">
        <v>38657</v>
      </c>
      <c r="G11889" s="8">
        <v>1</v>
      </c>
      <c r="H11889" s="8">
        <v>1</v>
      </c>
      <c r="I11889" s="8">
        <v>0</v>
      </c>
      <c r="J11889" s="8">
        <v>1</v>
      </c>
      <c r="K11889" s="9">
        <v>256</v>
      </c>
      <c r="L11889" s="6" t="s">
        <v>51</v>
      </c>
    </row>
    <row r="11890" spans="1:12">
      <c r="A11890" s="6" t="s">
        <v>49</v>
      </c>
      <c r="B11890" s="6"/>
      <c r="C11890" s="6" t="s">
        <v>11914</v>
      </c>
      <c r="D11890" s="6"/>
      <c r="E11890" s="6" t="s">
        <v>9</v>
      </c>
      <c r="F11890" s="7">
        <v>38657</v>
      </c>
      <c r="G11890" s="8">
        <v>1</v>
      </c>
      <c r="H11890" s="8">
        <v>1</v>
      </c>
      <c r="I11890" s="8">
        <v>0</v>
      </c>
      <c r="J11890" s="8">
        <v>1</v>
      </c>
      <c r="K11890" s="9">
        <v>152</v>
      </c>
      <c r="L11890" s="6" t="s">
        <v>51</v>
      </c>
    </row>
    <row r="11891" spans="1:12">
      <c r="A11891" s="6" t="s">
        <v>49</v>
      </c>
      <c r="B11891" s="6"/>
      <c r="C11891" s="6" t="s">
        <v>11915</v>
      </c>
      <c r="D11891" s="6"/>
      <c r="E11891" s="6" t="s">
        <v>9</v>
      </c>
      <c r="F11891" s="7">
        <v>38657</v>
      </c>
      <c r="G11891" s="8">
        <v>1</v>
      </c>
      <c r="H11891" s="8">
        <v>1</v>
      </c>
      <c r="I11891" s="8">
        <v>0</v>
      </c>
      <c r="J11891" s="8">
        <v>1</v>
      </c>
      <c r="K11891" s="9">
        <v>58</v>
      </c>
      <c r="L11891" s="6" t="s">
        <v>51</v>
      </c>
    </row>
    <row r="11892" spans="1:12">
      <c r="A11892" s="6" t="s">
        <v>49</v>
      </c>
      <c r="B11892" s="6"/>
      <c r="C11892" s="6" t="s">
        <v>11916</v>
      </c>
      <c r="D11892" s="6"/>
      <c r="E11892" s="6" t="s">
        <v>9</v>
      </c>
      <c r="F11892" s="7">
        <v>38657</v>
      </c>
      <c r="G11892" s="8">
        <v>1</v>
      </c>
      <c r="H11892" s="8">
        <v>1</v>
      </c>
      <c r="I11892" s="8">
        <v>0</v>
      </c>
      <c r="J11892" s="8">
        <v>1</v>
      </c>
      <c r="K11892" s="9">
        <v>3.91</v>
      </c>
      <c r="L11892" s="6" t="s">
        <v>51</v>
      </c>
    </row>
    <row r="11893" spans="1:12">
      <c r="A11893" s="6" t="s">
        <v>49</v>
      </c>
      <c r="B11893" s="6"/>
      <c r="C11893" s="6" t="s">
        <v>11917</v>
      </c>
      <c r="D11893" s="6"/>
      <c r="E11893" s="6" t="s">
        <v>9</v>
      </c>
      <c r="F11893" s="7">
        <v>38657</v>
      </c>
      <c r="G11893" s="8">
        <v>1</v>
      </c>
      <c r="H11893" s="8">
        <v>1</v>
      </c>
      <c r="I11893" s="8">
        <v>0</v>
      </c>
      <c r="J11893" s="8">
        <v>1</v>
      </c>
      <c r="K11893" s="9">
        <v>50</v>
      </c>
      <c r="L11893" s="6" t="s">
        <v>51</v>
      </c>
    </row>
    <row r="11894" spans="1:12">
      <c r="A11894" s="6" t="s">
        <v>49</v>
      </c>
      <c r="B11894" s="6"/>
      <c r="C11894" s="6" t="s">
        <v>11918</v>
      </c>
      <c r="D11894" s="6"/>
      <c r="E11894" s="6" t="s">
        <v>9</v>
      </c>
      <c r="F11894" s="7">
        <v>38657</v>
      </c>
      <c r="G11894" s="8">
        <v>1</v>
      </c>
      <c r="H11894" s="8">
        <v>1</v>
      </c>
      <c r="I11894" s="8">
        <v>0</v>
      </c>
      <c r="J11894" s="8">
        <v>1</v>
      </c>
      <c r="K11894" s="9">
        <v>52</v>
      </c>
      <c r="L11894" s="6" t="s">
        <v>51</v>
      </c>
    </row>
    <row r="11895" spans="1:12">
      <c r="A11895" s="6" t="s">
        <v>49</v>
      </c>
      <c r="B11895" s="6"/>
      <c r="C11895" s="6" t="s">
        <v>11919</v>
      </c>
      <c r="D11895" s="6"/>
      <c r="E11895" s="6" t="s">
        <v>9</v>
      </c>
      <c r="F11895" s="7">
        <v>38657</v>
      </c>
      <c r="G11895" s="8">
        <v>1</v>
      </c>
      <c r="H11895" s="8">
        <v>1</v>
      </c>
      <c r="I11895" s="8">
        <v>0</v>
      </c>
      <c r="J11895" s="8">
        <v>1</v>
      </c>
      <c r="K11895" s="9">
        <v>1.87</v>
      </c>
      <c r="L11895" s="6" t="s">
        <v>51</v>
      </c>
    </row>
    <row r="11896" spans="1:12">
      <c r="A11896" s="6" t="s">
        <v>49</v>
      </c>
      <c r="B11896" s="6"/>
      <c r="C11896" s="6" t="s">
        <v>11920</v>
      </c>
      <c r="D11896" s="6"/>
      <c r="E11896" s="6" t="s">
        <v>9</v>
      </c>
      <c r="F11896" s="7">
        <v>38657</v>
      </c>
      <c r="G11896" s="8">
        <v>1</v>
      </c>
      <c r="H11896" s="8">
        <v>1</v>
      </c>
      <c r="I11896" s="8">
        <v>0</v>
      </c>
      <c r="J11896" s="8">
        <v>1</v>
      </c>
      <c r="K11896" s="9">
        <v>17</v>
      </c>
      <c r="L11896" s="6" t="s">
        <v>51</v>
      </c>
    </row>
    <row r="11897" spans="1:12">
      <c r="A11897" s="6" t="s">
        <v>49</v>
      </c>
      <c r="B11897" s="6"/>
      <c r="C11897" s="6" t="s">
        <v>11921</v>
      </c>
      <c r="D11897" s="6"/>
      <c r="E11897" s="6" t="s">
        <v>9</v>
      </c>
      <c r="F11897" s="7">
        <v>38657</v>
      </c>
      <c r="G11897" s="8">
        <v>1</v>
      </c>
      <c r="H11897" s="8">
        <v>1</v>
      </c>
      <c r="I11897" s="8">
        <v>0</v>
      </c>
      <c r="J11897" s="8">
        <v>1</v>
      </c>
      <c r="K11897" s="9">
        <v>18</v>
      </c>
      <c r="L11897" s="6" t="s">
        <v>51</v>
      </c>
    </row>
    <row r="11898" spans="1:12">
      <c r="A11898" s="6" t="s">
        <v>49</v>
      </c>
      <c r="B11898" s="6"/>
      <c r="C11898" s="6" t="s">
        <v>11922</v>
      </c>
      <c r="D11898" s="6"/>
      <c r="E11898" s="6" t="s">
        <v>9</v>
      </c>
      <c r="F11898" s="7">
        <v>38657</v>
      </c>
      <c r="G11898" s="8">
        <v>1</v>
      </c>
      <c r="H11898" s="8">
        <v>1</v>
      </c>
      <c r="I11898" s="8">
        <v>0</v>
      </c>
      <c r="J11898" s="8">
        <v>1</v>
      </c>
      <c r="K11898" s="9">
        <v>19.84</v>
      </c>
      <c r="L11898" s="6" t="s">
        <v>51</v>
      </c>
    </row>
    <row r="11899" spans="1:12">
      <c r="A11899" s="6" t="s">
        <v>49</v>
      </c>
      <c r="B11899" s="6"/>
      <c r="C11899" s="6" t="s">
        <v>11923</v>
      </c>
      <c r="D11899" s="6"/>
      <c r="E11899" s="6" t="s">
        <v>9</v>
      </c>
      <c r="F11899" s="7">
        <v>38657</v>
      </c>
      <c r="G11899" s="8">
        <v>1</v>
      </c>
      <c r="H11899" s="8">
        <v>1</v>
      </c>
      <c r="I11899" s="8">
        <v>0</v>
      </c>
      <c r="J11899" s="8">
        <v>1</v>
      </c>
      <c r="K11899" s="9">
        <v>36</v>
      </c>
      <c r="L11899" s="6" t="s">
        <v>51</v>
      </c>
    </row>
    <row r="11900" spans="1:12">
      <c r="A11900" s="6" t="s">
        <v>49</v>
      </c>
      <c r="B11900" s="6"/>
      <c r="C11900" s="6" t="s">
        <v>11924</v>
      </c>
      <c r="D11900" s="6"/>
      <c r="E11900" s="6" t="s">
        <v>9</v>
      </c>
      <c r="F11900" s="7">
        <v>38657</v>
      </c>
      <c r="G11900" s="8">
        <v>1</v>
      </c>
      <c r="H11900" s="8">
        <v>1</v>
      </c>
      <c r="I11900" s="8">
        <v>0</v>
      </c>
      <c r="J11900" s="8">
        <v>1</v>
      </c>
      <c r="K11900" s="9">
        <v>47</v>
      </c>
      <c r="L11900" s="6" t="s">
        <v>51</v>
      </c>
    </row>
    <row r="11901" spans="1:12">
      <c r="A11901" s="6" t="s">
        <v>49</v>
      </c>
      <c r="B11901" s="6"/>
      <c r="C11901" s="6" t="s">
        <v>11925</v>
      </c>
      <c r="D11901" s="6"/>
      <c r="E11901" s="6" t="s">
        <v>9</v>
      </c>
      <c r="F11901" s="7">
        <v>38657</v>
      </c>
      <c r="G11901" s="8">
        <v>1</v>
      </c>
      <c r="H11901" s="8">
        <v>1</v>
      </c>
      <c r="I11901" s="8">
        <v>0</v>
      </c>
      <c r="J11901" s="8">
        <v>1</v>
      </c>
      <c r="K11901" s="9">
        <v>59</v>
      </c>
      <c r="L11901" s="6" t="s">
        <v>51</v>
      </c>
    </row>
    <row r="11902" spans="1:12">
      <c r="A11902" s="6" t="s">
        <v>49</v>
      </c>
      <c r="B11902" s="6"/>
      <c r="C11902" s="6" t="s">
        <v>11926</v>
      </c>
      <c r="D11902" s="6"/>
      <c r="E11902" s="6" t="s">
        <v>9</v>
      </c>
      <c r="F11902" s="7">
        <v>38657</v>
      </c>
      <c r="G11902" s="8">
        <v>1</v>
      </c>
      <c r="H11902" s="8">
        <v>1</v>
      </c>
      <c r="I11902" s="8">
        <v>0</v>
      </c>
      <c r="J11902" s="8">
        <v>1</v>
      </c>
      <c r="K11902" s="9">
        <v>18</v>
      </c>
      <c r="L11902" s="6" t="s">
        <v>51</v>
      </c>
    </row>
    <row r="11903" spans="1:12">
      <c r="A11903" s="6" t="s">
        <v>49</v>
      </c>
      <c r="B11903" s="6"/>
      <c r="C11903" s="6" t="s">
        <v>11927</v>
      </c>
      <c r="D11903" s="6"/>
      <c r="E11903" s="6" t="s">
        <v>9</v>
      </c>
      <c r="F11903" s="7">
        <v>38657</v>
      </c>
      <c r="G11903" s="8">
        <v>1</v>
      </c>
      <c r="H11903" s="8">
        <v>1</v>
      </c>
      <c r="I11903" s="8">
        <v>0</v>
      </c>
      <c r="J11903" s="8">
        <v>1</v>
      </c>
      <c r="K11903" s="9">
        <v>38</v>
      </c>
      <c r="L11903" s="6" t="s">
        <v>51</v>
      </c>
    </row>
    <row r="11904" spans="1:12">
      <c r="A11904" s="6" t="s">
        <v>49</v>
      </c>
      <c r="B11904" s="6"/>
      <c r="C11904" s="6" t="s">
        <v>11928</v>
      </c>
      <c r="D11904" s="6"/>
      <c r="E11904" s="6" t="s">
        <v>9</v>
      </c>
      <c r="F11904" s="7">
        <v>38657</v>
      </c>
      <c r="G11904" s="8">
        <v>1</v>
      </c>
      <c r="H11904" s="8">
        <v>1</v>
      </c>
      <c r="I11904" s="8">
        <v>0</v>
      </c>
      <c r="J11904" s="8">
        <v>1</v>
      </c>
      <c r="K11904" s="9">
        <v>27</v>
      </c>
      <c r="L11904" s="6" t="s">
        <v>51</v>
      </c>
    </row>
    <row r="11905" spans="1:12">
      <c r="A11905" s="6" t="s">
        <v>49</v>
      </c>
      <c r="B11905" s="6"/>
      <c r="C11905" s="6" t="s">
        <v>11929</v>
      </c>
      <c r="D11905" s="6"/>
      <c r="E11905" s="6" t="s">
        <v>9</v>
      </c>
      <c r="F11905" s="7">
        <v>38657</v>
      </c>
      <c r="G11905" s="8">
        <v>1</v>
      </c>
      <c r="H11905" s="8">
        <v>1</v>
      </c>
      <c r="I11905" s="8">
        <v>0</v>
      </c>
      <c r="J11905" s="8">
        <v>1</v>
      </c>
      <c r="K11905" s="9">
        <v>41</v>
      </c>
      <c r="L11905" s="6" t="s">
        <v>51</v>
      </c>
    </row>
    <row r="11906" spans="1:12">
      <c r="A11906" s="6" t="s">
        <v>49</v>
      </c>
      <c r="B11906" s="6"/>
      <c r="C11906" s="6" t="s">
        <v>11930</v>
      </c>
      <c r="D11906" s="6"/>
      <c r="E11906" s="6" t="s">
        <v>9</v>
      </c>
      <c r="F11906" s="7">
        <v>38657</v>
      </c>
      <c r="G11906" s="8">
        <v>1</v>
      </c>
      <c r="H11906" s="8">
        <v>1</v>
      </c>
      <c r="I11906" s="8">
        <v>0</v>
      </c>
      <c r="J11906" s="8">
        <v>1</v>
      </c>
      <c r="K11906" s="9">
        <v>38</v>
      </c>
      <c r="L11906" s="6" t="s">
        <v>51</v>
      </c>
    </row>
    <row r="11907" spans="1:12">
      <c r="A11907" s="6" t="s">
        <v>49</v>
      </c>
      <c r="B11907" s="6"/>
      <c r="C11907" s="6" t="s">
        <v>11931</v>
      </c>
      <c r="D11907" s="6"/>
      <c r="E11907" s="6" t="s">
        <v>9</v>
      </c>
      <c r="F11907" s="7">
        <v>38657</v>
      </c>
      <c r="G11907" s="8">
        <v>1</v>
      </c>
      <c r="H11907" s="8">
        <v>1</v>
      </c>
      <c r="I11907" s="8">
        <v>0</v>
      </c>
      <c r="J11907" s="8">
        <v>1</v>
      </c>
      <c r="K11907" s="9">
        <v>33</v>
      </c>
      <c r="L11907" s="6" t="s">
        <v>51</v>
      </c>
    </row>
    <row r="11908" spans="1:12">
      <c r="A11908" s="6" t="s">
        <v>49</v>
      </c>
      <c r="B11908" s="6"/>
      <c r="C11908" s="6" t="s">
        <v>11932</v>
      </c>
      <c r="D11908" s="6"/>
      <c r="E11908" s="6" t="s">
        <v>9</v>
      </c>
      <c r="F11908" s="7">
        <v>38657</v>
      </c>
      <c r="G11908" s="8">
        <v>1</v>
      </c>
      <c r="H11908" s="8">
        <v>1</v>
      </c>
      <c r="I11908" s="8">
        <v>0</v>
      </c>
      <c r="J11908" s="8">
        <v>1</v>
      </c>
      <c r="K11908" s="9">
        <v>16</v>
      </c>
      <c r="L11908" s="6" t="s">
        <v>51</v>
      </c>
    </row>
    <row r="11909" spans="1:12">
      <c r="A11909" s="6" t="s">
        <v>49</v>
      </c>
      <c r="B11909" s="6"/>
      <c r="C11909" s="6" t="s">
        <v>11933</v>
      </c>
      <c r="D11909" s="6"/>
      <c r="E11909" s="6" t="s">
        <v>9</v>
      </c>
      <c r="F11909" s="7">
        <v>38657</v>
      </c>
      <c r="G11909" s="8">
        <v>1</v>
      </c>
      <c r="H11909" s="8">
        <v>1</v>
      </c>
      <c r="I11909" s="8">
        <v>0</v>
      </c>
      <c r="J11909" s="8">
        <v>1</v>
      </c>
      <c r="K11909" s="9">
        <v>10.08</v>
      </c>
      <c r="L11909" s="6" t="s">
        <v>51</v>
      </c>
    </row>
    <row r="11910" spans="1:12">
      <c r="A11910" s="6" t="s">
        <v>49</v>
      </c>
      <c r="B11910" s="6"/>
      <c r="C11910" s="6" t="s">
        <v>11934</v>
      </c>
      <c r="D11910" s="6"/>
      <c r="E11910" s="6" t="s">
        <v>9</v>
      </c>
      <c r="F11910" s="7">
        <v>38657</v>
      </c>
      <c r="G11910" s="8">
        <v>1</v>
      </c>
      <c r="H11910" s="8">
        <v>1</v>
      </c>
      <c r="I11910" s="8">
        <v>0</v>
      </c>
      <c r="J11910" s="8">
        <v>1</v>
      </c>
      <c r="K11910" s="9">
        <v>0.3</v>
      </c>
      <c r="L11910" s="6" t="s">
        <v>51</v>
      </c>
    </row>
    <row r="11911" spans="1:12">
      <c r="A11911" s="6" t="s">
        <v>49</v>
      </c>
      <c r="B11911" s="6"/>
      <c r="C11911" s="6" t="s">
        <v>11935</v>
      </c>
      <c r="D11911" s="6"/>
      <c r="E11911" s="6" t="s">
        <v>9</v>
      </c>
      <c r="F11911" s="7">
        <v>38657</v>
      </c>
      <c r="G11911" s="8">
        <v>1</v>
      </c>
      <c r="H11911" s="8">
        <v>1</v>
      </c>
      <c r="I11911" s="8">
        <v>0</v>
      </c>
      <c r="J11911" s="8">
        <v>1</v>
      </c>
      <c r="K11911" s="9">
        <v>19</v>
      </c>
      <c r="L11911" s="6" t="s">
        <v>51</v>
      </c>
    </row>
    <row r="11912" spans="1:12">
      <c r="A11912" s="6" t="s">
        <v>49</v>
      </c>
      <c r="B11912" s="6"/>
      <c r="C11912" s="6" t="s">
        <v>11936</v>
      </c>
      <c r="D11912" s="6"/>
      <c r="E11912" s="6" t="s">
        <v>9</v>
      </c>
      <c r="F11912" s="7">
        <v>38657</v>
      </c>
      <c r="G11912" s="8">
        <v>1</v>
      </c>
      <c r="H11912" s="8">
        <v>1</v>
      </c>
      <c r="I11912" s="8">
        <v>0</v>
      </c>
      <c r="J11912" s="8">
        <v>1</v>
      </c>
      <c r="K11912" s="9">
        <v>15</v>
      </c>
      <c r="L11912" s="6" t="s">
        <v>51</v>
      </c>
    </row>
    <row r="11913" spans="1:12">
      <c r="A11913" s="6" t="s">
        <v>49</v>
      </c>
      <c r="B11913" s="6"/>
      <c r="C11913" s="6" t="s">
        <v>11937</v>
      </c>
      <c r="D11913" s="6"/>
      <c r="E11913" s="6" t="s">
        <v>9</v>
      </c>
      <c r="F11913" s="7">
        <v>38657</v>
      </c>
      <c r="G11913" s="8">
        <v>1</v>
      </c>
      <c r="H11913" s="8">
        <v>1</v>
      </c>
      <c r="I11913" s="8">
        <v>0</v>
      </c>
      <c r="J11913" s="8">
        <v>1</v>
      </c>
      <c r="K11913" s="9">
        <v>8.0399999999999903</v>
      </c>
      <c r="L11913" s="6" t="s">
        <v>51</v>
      </c>
    </row>
    <row r="11914" spans="1:12">
      <c r="A11914" s="6" t="s">
        <v>49</v>
      </c>
      <c r="B11914" s="6"/>
      <c r="C11914" s="6" t="s">
        <v>11938</v>
      </c>
      <c r="D11914" s="6"/>
      <c r="E11914" s="6" t="s">
        <v>9</v>
      </c>
      <c r="F11914" s="7">
        <v>38657</v>
      </c>
      <c r="G11914" s="8">
        <v>1</v>
      </c>
      <c r="H11914" s="8">
        <v>1</v>
      </c>
      <c r="I11914" s="8">
        <v>0</v>
      </c>
      <c r="J11914" s="8">
        <v>1</v>
      </c>
      <c r="K11914" s="9">
        <v>13</v>
      </c>
      <c r="L11914" s="6" t="s">
        <v>51</v>
      </c>
    </row>
    <row r="11915" spans="1:12">
      <c r="A11915" s="6" t="s">
        <v>49</v>
      </c>
      <c r="B11915" s="6"/>
      <c r="C11915" s="6" t="s">
        <v>11939</v>
      </c>
      <c r="D11915" s="6"/>
      <c r="E11915" s="6" t="s">
        <v>9</v>
      </c>
      <c r="F11915" s="7">
        <v>38657</v>
      </c>
      <c r="G11915" s="8">
        <v>1</v>
      </c>
      <c r="H11915" s="8">
        <v>1</v>
      </c>
      <c r="I11915" s="8">
        <v>0</v>
      </c>
      <c r="J11915" s="8">
        <v>1</v>
      </c>
      <c r="K11915" s="9">
        <v>12</v>
      </c>
      <c r="L11915" s="6" t="s">
        <v>51</v>
      </c>
    </row>
    <row r="11916" spans="1:12">
      <c r="A11916" s="6" t="s">
        <v>49</v>
      </c>
      <c r="B11916" s="6"/>
      <c r="C11916" s="6" t="s">
        <v>11940</v>
      </c>
      <c r="D11916" s="6"/>
      <c r="E11916" s="6" t="s">
        <v>9</v>
      </c>
      <c r="F11916" s="7">
        <v>38657</v>
      </c>
      <c r="G11916" s="8">
        <v>1</v>
      </c>
      <c r="H11916" s="8">
        <v>1</v>
      </c>
      <c r="I11916" s="8">
        <v>0</v>
      </c>
      <c r="J11916" s="8">
        <v>1</v>
      </c>
      <c r="K11916" s="9">
        <v>4.6900000000000004</v>
      </c>
      <c r="L11916" s="6" t="s">
        <v>51</v>
      </c>
    </row>
    <row r="11917" spans="1:12">
      <c r="A11917" s="6" t="s">
        <v>49</v>
      </c>
      <c r="B11917" s="6"/>
      <c r="C11917" s="6" t="s">
        <v>11941</v>
      </c>
      <c r="D11917" s="6"/>
      <c r="E11917" s="6" t="s">
        <v>9</v>
      </c>
      <c r="F11917" s="7">
        <v>38657</v>
      </c>
      <c r="G11917" s="8">
        <v>1</v>
      </c>
      <c r="H11917" s="8">
        <v>1</v>
      </c>
      <c r="I11917" s="8">
        <v>0</v>
      </c>
      <c r="J11917" s="8">
        <v>1</v>
      </c>
      <c r="K11917" s="9">
        <v>1.5</v>
      </c>
      <c r="L11917" s="6" t="s">
        <v>51</v>
      </c>
    </row>
    <row r="11918" spans="1:12">
      <c r="A11918" s="6" t="s">
        <v>49</v>
      </c>
      <c r="B11918" s="6"/>
      <c r="C11918" s="6" t="s">
        <v>11942</v>
      </c>
      <c r="D11918" s="6"/>
      <c r="E11918" s="6" t="s">
        <v>9</v>
      </c>
      <c r="F11918" s="7">
        <v>38657</v>
      </c>
      <c r="G11918" s="8">
        <v>1</v>
      </c>
      <c r="H11918" s="8">
        <v>1</v>
      </c>
      <c r="I11918" s="8">
        <v>0</v>
      </c>
      <c r="J11918" s="8">
        <v>1</v>
      </c>
      <c r="K11918" s="9">
        <v>3.51</v>
      </c>
      <c r="L11918" s="6" t="s">
        <v>51</v>
      </c>
    </row>
    <row r="11919" spans="1:12">
      <c r="A11919" s="6" t="s">
        <v>49</v>
      </c>
      <c r="B11919" s="6"/>
      <c r="C11919" s="6" t="s">
        <v>11943</v>
      </c>
      <c r="D11919" s="6"/>
      <c r="E11919" s="6" t="s">
        <v>9</v>
      </c>
      <c r="F11919" s="7">
        <v>38657</v>
      </c>
      <c r="G11919" s="8">
        <v>1</v>
      </c>
      <c r="H11919" s="8">
        <v>1</v>
      </c>
      <c r="I11919" s="8">
        <v>0</v>
      </c>
      <c r="J11919" s="8">
        <v>1</v>
      </c>
      <c r="K11919" s="9">
        <v>29</v>
      </c>
      <c r="L11919" s="6" t="s">
        <v>51</v>
      </c>
    </row>
    <row r="11920" spans="1:12">
      <c r="A11920" s="6" t="s">
        <v>49</v>
      </c>
      <c r="B11920" s="6"/>
      <c r="C11920" s="6" t="s">
        <v>11944</v>
      </c>
      <c r="D11920" s="6"/>
      <c r="E11920" s="6" t="s">
        <v>9</v>
      </c>
      <c r="F11920" s="7">
        <v>38657</v>
      </c>
      <c r="G11920" s="8">
        <v>1</v>
      </c>
      <c r="H11920" s="8">
        <v>1</v>
      </c>
      <c r="I11920" s="8">
        <v>0</v>
      </c>
      <c r="J11920" s="8">
        <v>1</v>
      </c>
      <c r="K11920" s="9">
        <v>29</v>
      </c>
      <c r="L11920" s="6" t="s">
        <v>51</v>
      </c>
    </row>
    <row r="11921" spans="1:12">
      <c r="A11921" s="6" t="s">
        <v>49</v>
      </c>
      <c r="B11921" s="6"/>
      <c r="C11921" s="6" t="s">
        <v>11945</v>
      </c>
      <c r="D11921" s="6"/>
      <c r="E11921" s="6" t="s">
        <v>9</v>
      </c>
      <c r="F11921" s="7">
        <v>38657</v>
      </c>
      <c r="G11921" s="8">
        <v>1</v>
      </c>
      <c r="H11921" s="8">
        <v>1</v>
      </c>
      <c r="I11921" s="8">
        <v>0</v>
      </c>
      <c r="J11921" s="8">
        <v>1</v>
      </c>
      <c r="K11921" s="9">
        <v>24.21</v>
      </c>
      <c r="L11921" s="6" t="s">
        <v>51</v>
      </c>
    </row>
    <row r="11922" spans="1:12">
      <c r="A11922" s="6" t="s">
        <v>49</v>
      </c>
      <c r="B11922" s="6"/>
      <c r="C11922" s="6" t="s">
        <v>11946</v>
      </c>
      <c r="D11922" s="6"/>
      <c r="E11922" s="6" t="s">
        <v>9</v>
      </c>
      <c r="F11922" s="7">
        <v>38657</v>
      </c>
      <c r="G11922" s="8">
        <v>1</v>
      </c>
      <c r="H11922" s="8">
        <v>1</v>
      </c>
      <c r="I11922" s="8">
        <v>0</v>
      </c>
      <c r="J11922" s="8">
        <v>1</v>
      </c>
      <c r="K11922" s="9">
        <v>5.01</v>
      </c>
      <c r="L11922" s="6" t="s">
        <v>51</v>
      </c>
    </row>
    <row r="11923" spans="1:12">
      <c r="A11923" s="6" t="s">
        <v>49</v>
      </c>
      <c r="B11923" s="6"/>
      <c r="C11923" s="6" t="s">
        <v>11947</v>
      </c>
      <c r="D11923" s="6"/>
      <c r="E11923" s="6" t="s">
        <v>9</v>
      </c>
      <c r="F11923" s="7">
        <v>38657</v>
      </c>
      <c r="G11923" s="8">
        <v>1</v>
      </c>
      <c r="H11923" s="8">
        <v>1</v>
      </c>
      <c r="I11923" s="8">
        <v>0</v>
      </c>
      <c r="J11923" s="8">
        <v>1</v>
      </c>
      <c r="K11923" s="9">
        <v>7.6</v>
      </c>
      <c r="L11923" s="6" t="s">
        <v>51</v>
      </c>
    </row>
    <row r="11924" spans="1:12">
      <c r="A11924" s="6" t="s">
        <v>49</v>
      </c>
      <c r="B11924" s="6"/>
      <c r="C11924" s="6" t="s">
        <v>11948</v>
      </c>
      <c r="D11924" s="6"/>
      <c r="E11924" s="6" t="s">
        <v>9</v>
      </c>
      <c r="F11924" s="7">
        <v>38657</v>
      </c>
      <c r="G11924" s="8">
        <v>1</v>
      </c>
      <c r="H11924" s="8">
        <v>1</v>
      </c>
      <c r="I11924" s="8">
        <v>0</v>
      </c>
      <c r="J11924" s="8">
        <v>1</v>
      </c>
      <c r="K11924" s="9">
        <v>6.96</v>
      </c>
      <c r="L11924" s="6" t="s">
        <v>51</v>
      </c>
    </row>
    <row r="11925" spans="1:12">
      <c r="A11925" s="6" t="s">
        <v>49</v>
      </c>
      <c r="B11925" s="6"/>
      <c r="C11925" s="6" t="s">
        <v>11949</v>
      </c>
      <c r="D11925" s="6"/>
      <c r="E11925" s="6" t="s">
        <v>9</v>
      </c>
      <c r="F11925" s="7">
        <v>38657</v>
      </c>
      <c r="G11925" s="8">
        <v>1</v>
      </c>
      <c r="H11925" s="8">
        <v>1</v>
      </c>
      <c r="I11925" s="8">
        <v>0</v>
      </c>
      <c r="J11925" s="8">
        <v>1</v>
      </c>
      <c r="K11925" s="9">
        <v>1.68</v>
      </c>
      <c r="L11925" s="6" t="s">
        <v>51</v>
      </c>
    </row>
    <row r="11926" spans="1:12">
      <c r="A11926" s="6" t="s">
        <v>49</v>
      </c>
      <c r="B11926" s="6"/>
      <c r="C11926" s="6" t="s">
        <v>11950</v>
      </c>
      <c r="D11926" s="6"/>
      <c r="E11926" s="6" t="s">
        <v>9</v>
      </c>
      <c r="F11926" s="7">
        <v>38657</v>
      </c>
      <c r="G11926" s="8">
        <v>1</v>
      </c>
      <c r="H11926" s="8">
        <v>1</v>
      </c>
      <c r="I11926" s="8">
        <v>0</v>
      </c>
      <c r="J11926" s="8">
        <v>1</v>
      </c>
      <c r="K11926" s="9">
        <v>10</v>
      </c>
      <c r="L11926" s="6" t="s">
        <v>51</v>
      </c>
    </row>
    <row r="11927" spans="1:12">
      <c r="A11927" s="6" t="s">
        <v>49</v>
      </c>
      <c r="B11927" s="6"/>
      <c r="C11927" s="6" t="s">
        <v>11951</v>
      </c>
      <c r="D11927" s="6"/>
      <c r="E11927" s="6" t="s">
        <v>9</v>
      </c>
      <c r="F11927" s="7">
        <v>38657</v>
      </c>
      <c r="G11927" s="8">
        <v>1</v>
      </c>
      <c r="H11927" s="8">
        <v>1</v>
      </c>
      <c r="I11927" s="8">
        <v>0</v>
      </c>
      <c r="J11927" s="8">
        <v>1</v>
      </c>
      <c r="K11927" s="9">
        <v>7.35</v>
      </c>
      <c r="L11927" s="6" t="s">
        <v>51</v>
      </c>
    </row>
    <row r="11928" spans="1:12">
      <c r="A11928" s="6" t="s">
        <v>49</v>
      </c>
      <c r="B11928" s="6"/>
      <c r="C11928" s="6" t="s">
        <v>11952</v>
      </c>
      <c r="D11928" s="6"/>
      <c r="E11928" s="6" t="s">
        <v>9</v>
      </c>
      <c r="F11928" s="7">
        <v>38657</v>
      </c>
      <c r="G11928" s="8">
        <v>1</v>
      </c>
      <c r="H11928" s="8">
        <v>1</v>
      </c>
      <c r="I11928" s="8">
        <v>0</v>
      </c>
      <c r="J11928" s="8">
        <v>1</v>
      </c>
      <c r="K11928" s="9">
        <v>30.19</v>
      </c>
      <c r="L11928" s="6" t="s">
        <v>51</v>
      </c>
    </row>
    <row r="11929" spans="1:12">
      <c r="A11929" s="6" t="s">
        <v>49</v>
      </c>
      <c r="B11929" s="6"/>
      <c r="C11929" s="6" t="s">
        <v>11953</v>
      </c>
      <c r="D11929" s="6"/>
      <c r="E11929" s="6" t="s">
        <v>9</v>
      </c>
      <c r="F11929" s="7">
        <v>38657</v>
      </c>
      <c r="G11929" s="8">
        <v>1</v>
      </c>
      <c r="H11929" s="8">
        <v>1</v>
      </c>
      <c r="I11929" s="8">
        <v>0</v>
      </c>
      <c r="J11929" s="8">
        <v>1</v>
      </c>
      <c r="K11929" s="9">
        <v>36</v>
      </c>
      <c r="L11929" s="6" t="s">
        <v>51</v>
      </c>
    </row>
    <row r="11930" spans="1:12">
      <c r="A11930" s="6" t="s">
        <v>49</v>
      </c>
      <c r="B11930" s="6"/>
      <c r="C11930" s="6" t="s">
        <v>11954</v>
      </c>
      <c r="D11930" s="6"/>
      <c r="E11930" s="6" t="s">
        <v>9</v>
      </c>
      <c r="F11930" s="7">
        <v>38657</v>
      </c>
      <c r="G11930" s="8">
        <v>1</v>
      </c>
      <c r="H11930" s="8">
        <v>1</v>
      </c>
      <c r="I11930" s="8">
        <v>0</v>
      </c>
      <c r="J11930" s="8">
        <v>1</v>
      </c>
      <c r="K11930" s="9">
        <v>12</v>
      </c>
      <c r="L11930" s="6" t="s">
        <v>51</v>
      </c>
    </row>
    <row r="11931" spans="1:12">
      <c r="A11931" s="6" t="s">
        <v>49</v>
      </c>
      <c r="B11931" s="6"/>
      <c r="C11931" s="6" t="s">
        <v>11955</v>
      </c>
      <c r="D11931" s="6"/>
      <c r="E11931" s="6" t="s">
        <v>9</v>
      </c>
      <c r="F11931" s="7">
        <v>38657</v>
      </c>
      <c r="G11931" s="8">
        <v>1</v>
      </c>
      <c r="H11931" s="8">
        <v>1</v>
      </c>
      <c r="I11931" s="8">
        <v>0</v>
      </c>
      <c r="J11931" s="8">
        <v>1</v>
      </c>
      <c r="K11931" s="9">
        <v>1.42</v>
      </c>
      <c r="L11931" s="6" t="s">
        <v>51</v>
      </c>
    </row>
    <row r="11932" spans="1:12">
      <c r="A11932" s="6" t="s">
        <v>49</v>
      </c>
      <c r="B11932" s="6"/>
      <c r="C11932" s="6" t="s">
        <v>11956</v>
      </c>
      <c r="D11932" s="6"/>
      <c r="E11932" s="6" t="s">
        <v>9</v>
      </c>
      <c r="F11932" s="7">
        <v>38657</v>
      </c>
      <c r="G11932" s="8">
        <v>1</v>
      </c>
      <c r="H11932" s="8">
        <v>1</v>
      </c>
      <c r="I11932" s="8">
        <v>0</v>
      </c>
      <c r="J11932" s="8">
        <v>1</v>
      </c>
      <c r="K11932" s="9">
        <v>8.68</v>
      </c>
      <c r="L11932" s="6" t="s">
        <v>51</v>
      </c>
    </row>
    <row r="11933" spans="1:12">
      <c r="A11933" s="6" t="s">
        <v>49</v>
      </c>
      <c r="B11933" s="6"/>
      <c r="C11933" s="6" t="s">
        <v>11957</v>
      </c>
      <c r="D11933" s="6"/>
      <c r="E11933" s="6" t="s">
        <v>9</v>
      </c>
      <c r="F11933" s="7">
        <v>38657</v>
      </c>
      <c r="G11933" s="8">
        <v>1</v>
      </c>
      <c r="H11933" s="8">
        <v>1</v>
      </c>
      <c r="I11933" s="8">
        <v>0</v>
      </c>
      <c r="J11933" s="8">
        <v>1</v>
      </c>
      <c r="K11933" s="9">
        <v>28</v>
      </c>
      <c r="L11933" s="6" t="s">
        <v>51</v>
      </c>
    </row>
    <row r="11934" spans="1:12">
      <c r="A11934" s="6" t="s">
        <v>49</v>
      </c>
      <c r="B11934" s="6"/>
      <c r="C11934" s="6" t="s">
        <v>11958</v>
      </c>
      <c r="D11934" s="6"/>
      <c r="E11934" s="6" t="s">
        <v>9</v>
      </c>
      <c r="F11934" s="7">
        <v>38657</v>
      </c>
      <c r="G11934" s="8">
        <v>1</v>
      </c>
      <c r="H11934" s="8">
        <v>1</v>
      </c>
      <c r="I11934" s="8">
        <v>0</v>
      </c>
      <c r="J11934" s="8">
        <v>1</v>
      </c>
      <c r="K11934" s="9">
        <v>26</v>
      </c>
      <c r="L11934" s="6" t="s">
        <v>51</v>
      </c>
    </row>
    <row r="11935" spans="1:12">
      <c r="A11935" s="6" t="s">
        <v>49</v>
      </c>
      <c r="B11935" s="6"/>
      <c r="C11935" s="6" t="s">
        <v>11959</v>
      </c>
      <c r="D11935" s="6"/>
      <c r="E11935" s="6" t="s">
        <v>9</v>
      </c>
      <c r="F11935" s="7">
        <v>38657</v>
      </c>
      <c r="G11935" s="8">
        <v>1</v>
      </c>
      <c r="H11935" s="8">
        <v>1</v>
      </c>
      <c r="I11935" s="8">
        <v>0</v>
      </c>
      <c r="J11935" s="8">
        <v>1</v>
      </c>
      <c r="K11935" s="9">
        <v>27</v>
      </c>
      <c r="L11935" s="6" t="s">
        <v>51</v>
      </c>
    </row>
    <row r="11936" spans="1:12">
      <c r="A11936" s="6" t="s">
        <v>49</v>
      </c>
      <c r="B11936" s="6"/>
      <c r="C11936" s="6" t="s">
        <v>11960</v>
      </c>
      <c r="D11936" s="6"/>
      <c r="E11936" s="6" t="s">
        <v>9</v>
      </c>
      <c r="F11936" s="7">
        <v>38657</v>
      </c>
      <c r="G11936" s="8">
        <v>1</v>
      </c>
      <c r="H11936" s="8">
        <v>1</v>
      </c>
      <c r="I11936" s="8">
        <v>0</v>
      </c>
      <c r="J11936" s="8">
        <v>1</v>
      </c>
      <c r="K11936" s="9">
        <v>4.46</v>
      </c>
      <c r="L11936" s="6" t="s">
        <v>51</v>
      </c>
    </row>
    <row r="11937" spans="1:12">
      <c r="A11937" s="6" t="s">
        <v>49</v>
      </c>
      <c r="B11937" s="6"/>
      <c r="C11937" s="6" t="s">
        <v>11961</v>
      </c>
      <c r="D11937" s="6"/>
      <c r="E11937" s="6" t="s">
        <v>9</v>
      </c>
      <c r="F11937" s="7">
        <v>38657</v>
      </c>
      <c r="G11937" s="8">
        <v>1</v>
      </c>
      <c r="H11937" s="8">
        <v>1</v>
      </c>
      <c r="I11937" s="8">
        <v>0</v>
      </c>
      <c r="J11937" s="8">
        <v>1</v>
      </c>
      <c r="K11937" s="9">
        <v>0.08</v>
      </c>
      <c r="L11937" s="6" t="s">
        <v>51</v>
      </c>
    </row>
    <row r="11938" spans="1:12">
      <c r="A11938" s="6" t="s">
        <v>49</v>
      </c>
      <c r="B11938" s="6"/>
      <c r="C11938" s="6" t="s">
        <v>11962</v>
      </c>
      <c r="D11938" s="6"/>
      <c r="E11938" s="6" t="s">
        <v>9</v>
      </c>
      <c r="F11938" s="7">
        <v>38657</v>
      </c>
      <c r="G11938" s="8">
        <v>1</v>
      </c>
      <c r="H11938" s="8">
        <v>1</v>
      </c>
      <c r="I11938" s="8">
        <v>0</v>
      </c>
      <c r="J11938" s="8">
        <v>1</v>
      </c>
      <c r="K11938" s="9">
        <v>8.73</v>
      </c>
      <c r="L11938" s="6" t="s">
        <v>51</v>
      </c>
    </row>
    <row r="11939" spans="1:12">
      <c r="A11939" s="6" t="s">
        <v>49</v>
      </c>
      <c r="B11939" s="6"/>
      <c r="C11939" s="6" t="s">
        <v>11963</v>
      </c>
      <c r="D11939" s="6"/>
      <c r="E11939" s="6" t="s">
        <v>9</v>
      </c>
      <c r="F11939" s="7">
        <v>38657</v>
      </c>
      <c r="G11939" s="8">
        <v>1</v>
      </c>
      <c r="H11939" s="8">
        <v>1</v>
      </c>
      <c r="I11939" s="8">
        <v>0</v>
      </c>
      <c r="J11939" s="8">
        <v>1</v>
      </c>
      <c r="K11939" s="9">
        <v>22</v>
      </c>
      <c r="L11939" s="6" t="s">
        <v>51</v>
      </c>
    </row>
    <row r="11940" spans="1:12">
      <c r="A11940" s="6" t="s">
        <v>49</v>
      </c>
      <c r="B11940" s="6"/>
      <c r="C11940" s="6" t="s">
        <v>11964</v>
      </c>
      <c r="D11940" s="6"/>
      <c r="E11940" s="6" t="s">
        <v>9</v>
      </c>
      <c r="F11940" s="7">
        <v>38657</v>
      </c>
      <c r="G11940" s="8">
        <v>1</v>
      </c>
      <c r="H11940" s="8">
        <v>1</v>
      </c>
      <c r="I11940" s="8">
        <v>0</v>
      </c>
      <c r="J11940" s="8">
        <v>1</v>
      </c>
      <c r="K11940" s="9">
        <v>5.47</v>
      </c>
      <c r="L11940" s="6" t="s">
        <v>51</v>
      </c>
    </row>
    <row r="11941" spans="1:12">
      <c r="A11941" s="6" t="s">
        <v>49</v>
      </c>
      <c r="B11941" s="6"/>
      <c r="C11941" s="6" t="s">
        <v>11965</v>
      </c>
      <c r="D11941" s="6"/>
      <c r="E11941" s="6" t="s">
        <v>9</v>
      </c>
      <c r="F11941" s="7">
        <v>38657</v>
      </c>
      <c r="G11941" s="8">
        <v>1</v>
      </c>
      <c r="H11941" s="8">
        <v>1</v>
      </c>
      <c r="I11941" s="8">
        <v>0</v>
      </c>
      <c r="J11941" s="8">
        <v>1</v>
      </c>
      <c r="K11941" s="9">
        <v>6.04</v>
      </c>
      <c r="L11941" s="6" t="s">
        <v>51</v>
      </c>
    </row>
    <row r="11942" spans="1:12">
      <c r="A11942" s="6" t="s">
        <v>49</v>
      </c>
      <c r="B11942" s="6"/>
      <c r="C11942" s="6" t="s">
        <v>11966</v>
      </c>
      <c r="D11942" s="6"/>
      <c r="E11942" s="6" t="s">
        <v>9</v>
      </c>
      <c r="F11942" s="7">
        <v>38657</v>
      </c>
      <c r="G11942" s="8">
        <v>1</v>
      </c>
      <c r="H11942" s="8">
        <v>1</v>
      </c>
      <c r="I11942" s="8">
        <v>0</v>
      </c>
      <c r="J11942" s="8">
        <v>1</v>
      </c>
      <c r="K11942" s="9">
        <v>107</v>
      </c>
      <c r="L11942" s="6" t="s">
        <v>51</v>
      </c>
    </row>
    <row r="11943" spans="1:12">
      <c r="A11943" s="6" t="s">
        <v>49</v>
      </c>
      <c r="B11943" s="6"/>
      <c r="C11943" s="6" t="s">
        <v>11967</v>
      </c>
      <c r="D11943" s="6"/>
      <c r="E11943" s="6" t="s">
        <v>9</v>
      </c>
      <c r="F11943" s="7">
        <v>38657</v>
      </c>
      <c r="G11943" s="8">
        <v>1</v>
      </c>
      <c r="H11943" s="8">
        <v>1</v>
      </c>
      <c r="I11943" s="8">
        <v>0</v>
      </c>
      <c r="J11943" s="8">
        <v>1</v>
      </c>
      <c r="K11943" s="9">
        <v>8.6</v>
      </c>
      <c r="L11943" s="6" t="s">
        <v>51</v>
      </c>
    </row>
    <row r="11944" spans="1:12">
      <c r="A11944" s="6" t="s">
        <v>49</v>
      </c>
      <c r="B11944" s="6"/>
      <c r="C11944" s="6" t="s">
        <v>11968</v>
      </c>
      <c r="D11944" s="6"/>
      <c r="E11944" s="6" t="s">
        <v>9</v>
      </c>
      <c r="F11944" s="7">
        <v>38657</v>
      </c>
      <c r="G11944" s="8">
        <v>1</v>
      </c>
      <c r="H11944" s="8">
        <v>1</v>
      </c>
      <c r="I11944" s="8">
        <v>0</v>
      </c>
      <c r="J11944" s="8">
        <v>1</v>
      </c>
      <c r="K11944" s="9">
        <v>47</v>
      </c>
      <c r="L11944" s="6" t="s">
        <v>51</v>
      </c>
    </row>
    <row r="11945" spans="1:12">
      <c r="A11945" s="6" t="s">
        <v>49</v>
      </c>
      <c r="B11945" s="6"/>
      <c r="C11945" s="6" t="s">
        <v>11969</v>
      </c>
      <c r="D11945" s="6"/>
      <c r="E11945" s="6" t="s">
        <v>9</v>
      </c>
      <c r="F11945" s="7">
        <v>38657</v>
      </c>
      <c r="G11945" s="8">
        <v>1</v>
      </c>
      <c r="H11945" s="8">
        <v>1</v>
      </c>
      <c r="I11945" s="8">
        <v>0</v>
      </c>
      <c r="J11945" s="8">
        <v>1</v>
      </c>
      <c r="K11945" s="9">
        <v>20</v>
      </c>
      <c r="L11945" s="6" t="s">
        <v>51</v>
      </c>
    </row>
    <row r="11946" spans="1:12">
      <c r="A11946" s="6" t="s">
        <v>49</v>
      </c>
      <c r="B11946" s="6"/>
      <c r="C11946" s="6" t="s">
        <v>11970</v>
      </c>
      <c r="D11946" s="6"/>
      <c r="E11946" s="6" t="s">
        <v>9</v>
      </c>
      <c r="F11946" s="7">
        <v>38657</v>
      </c>
      <c r="G11946" s="8">
        <v>1</v>
      </c>
      <c r="H11946" s="8">
        <v>1</v>
      </c>
      <c r="I11946" s="8">
        <v>0</v>
      </c>
      <c r="J11946" s="8">
        <v>1</v>
      </c>
      <c r="K11946" s="9">
        <v>14</v>
      </c>
      <c r="L11946" s="6" t="s">
        <v>51</v>
      </c>
    </row>
    <row r="11947" spans="1:12">
      <c r="A11947" s="6" t="s">
        <v>49</v>
      </c>
      <c r="B11947" s="6"/>
      <c r="C11947" s="6" t="s">
        <v>11971</v>
      </c>
      <c r="D11947" s="6"/>
      <c r="E11947" s="6" t="s">
        <v>9</v>
      </c>
      <c r="F11947" s="7">
        <v>39912</v>
      </c>
      <c r="G11947" s="8">
        <v>1</v>
      </c>
      <c r="H11947" s="8">
        <v>1</v>
      </c>
      <c r="I11947" s="8">
        <v>0</v>
      </c>
      <c r="J11947" s="8">
        <v>1</v>
      </c>
      <c r="K11947" s="9">
        <v>3.06</v>
      </c>
      <c r="L11947" s="6" t="s">
        <v>51</v>
      </c>
    </row>
    <row r="11948" spans="1:12">
      <c r="A11948" s="6" t="s">
        <v>49</v>
      </c>
      <c r="B11948" s="6"/>
      <c r="C11948" s="6" t="s">
        <v>11972</v>
      </c>
      <c r="D11948" s="6"/>
      <c r="E11948" s="6" t="s">
        <v>9</v>
      </c>
      <c r="F11948" s="7">
        <v>39912</v>
      </c>
      <c r="G11948" s="8">
        <v>1</v>
      </c>
      <c r="H11948" s="8">
        <v>1</v>
      </c>
      <c r="I11948" s="8">
        <v>0</v>
      </c>
      <c r="J11948" s="8">
        <v>1</v>
      </c>
      <c r="K11948" s="9">
        <v>1.36</v>
      </c>
      <c r="L11948" s="6" t="s">
        <v>51</v>
      </c>
    </row>
    <row r="11949" spans="1:12">
      <c r="A11949" s="6" t="s">
        <v>49</v>
      </c>
      <c r="B11949" s="6"/>
      <c r="C11949" s="6" t="s">
        <v>11973</v>
      </c>
      <c r="D11949" s="6"/>
      <c r="E11949" s="6" t="s">
        <v>9</v>
      </c>
      <c r="F11949" s="7">
        <v>38657</v>
      </c>
      <c r="G11949" s="8">
        <v>1</v>
      </c>
      <c r="H11949" s="8">
        <v>1</v>
      </c>
      <c r="I11949" s="8">
        <v>0</v>
      </c>
      <c r="J11949" s="8">
        <v>1</v>
      </c>
      <c r="K11949" s="9">
        <v>2.73</v>
      </c>
      <c r="L11949" s="6" t="s">
        <v>51</v>
      </c>
    </row>
    <row r="11950" spans="1:12">
      <c r="A11950" s="6" t="s">
        <v>49</v>
      </c>
      <c r="B11950" s="6"/>
      <c r="C11950" s="6" t="s">
        <v>11974</v>
      </c>
      <c r="D11950" s="6"/>
      <c r="E11950" s="6" t="s">
        <v>9</v>
      </c>
      <c r="F11950" s="7">
        <v>38657</v>
      </c>
      <c r="G11950" s="8">
        <v>1</v>
      </c>
      <c r="H11950" s="8">
        <v>1</v>
      </c>
      <c r="I11950" s="8">
        <v>0</v>
      </c>
      <c r="J11950" s="8">
        <v>1</v>
      </c>
      <c r="K11950" s="9">
        <v>5.8</v>
      </c>
      <c r="L11950" s="6" t="s">
        <v>51</v>
      </c>
    </row>
    <row r="11951" spans="1:12">
      <c r="A11951" s="6" t="s">
        <v>49</v>
      </c>
      <c r="B11951" s="6"/>
      <c r="C11951" s="6" t="s">
        <v>11975</v>
      </c>
      <c r="D11951" s="6"/>
      <c r="E11951" s="6" t="s">
        <v>9</v>
      </c>
      <c r="F11951" s="7">
        <v>38657</v>
      </c>
      <c r="G11951" s="8">
        <v>1</v>
      </c>
      <c r="H11951" s="8">
        <v>1</v>
      </c>
      <c r="I11951" s="8">
        <v>0</v>
      </c>
      <c r="J11951" s="8">
        <v>1</v>
      </c>
      <c r="K11951" s="9">
        <v>7</v>
      </c>
      <c r="L11951" s="6" t="s">
        <v>51</v>
      </c>
    </row>
    <row r="11952" spans="1:12">
      <c r="A11952" s="6" t="s">
        <v>49</v>
      </c>
      <c r="B11952" s="6"/>
      <c r="C11952" s="6" t="s">
        <v>11976</v>
      </c>
      <c r="D11952" s="6"/>
      <c r="E11952" s="6" t="s">
        <v>9</v>
      </c>
      <c r="F11952" s="7">
        <v>38657</v>
      </c>
      <c r="G11952" s="8">
        <v>1</v>
      </c>
      <c r="H11952" s="8">
        <v>1</v>
      </c>
      <c r="I11952" s="8">
        <v>0</v>
      </c>
      <c r="J11952" s="8">
        <v>1</v>
      </c>
      <c r="K11952" s="9">
        <v>17</v>
      </c>
      <c r="L11952" s="6" t="s">
        <v>51</v>
      </c>
    </row>
    <row r="11953" spans="1:12">
      <c r="A11953" s="6" t="s">
        <v>49</v>
      </c>
      <c r="B11953" s="6"/>
      <c r="C11953" s="6" t="s">
        <v>11977</v>
      </c>
      <c r="D11953" s="6"/>
      <c r="E11953" s="6" t="s">
        <v>9</v>
      </c>
      <c r="F11953" s="7">
        <v>38657</v>
      </c>
      <c r="G11953" s="8">
        <v>1</v>
      </c>
      <c r="H11953" s="8">
        <v>1</v>
      </c>
      <c r="I11953" s="8">
        <v>0</v>
      </c>
      <c r="J11953" s="8">
        <v>1</v>
      </c>
      <c r="K11953" s="9">
        <v>4.1500000000000004</v>
      </c>
      <c r="L11953" s="6" t="s">
        <v>51</v>
      </c>
    </row>
    <row r="11954" spans="1:12">
      <c r="A11954" s="6" t="s">
        <v>49</v>
      </c>
      <c r="B11954" s="6"/>
      <c r="C11954" s="6" t="s">
        <v>11978</v>
      </c>
      <c r="D11954" s="6"/>
      <c r="E11954" s="6" t="s">
        <v>9</v>
      </c>
      <c r="F11954" s="7">
        <v>38657</v>
      </c>
      <c r="G11954" s="8">
        <v>1</v>
      </c>
      <c r="H11954" s="8">
        <v>1</v>
      </c>
      <c r="I11954" s="8">
        <v>0</v>
      </c>
      <c r="J11954" s="8">
        <v>1</v>
      </c>
      <c r="K11954" s="9">
        <v>9.4600000000000009</v>
      </c>
      <c r="L11954" s="6" t="s">
        <v>51</v>
      </c>
    </row>
    <row r="11955" spans="1:12">
      <c r="A11955" s="6" t="s">
        <v>49</v>
      </c>
      <c r="B11955" s="6"/>
      <c r="C11955" s="6" t="s">
        <v>11979</v>
      </c>
      <c r="D11955" s="6"/>
      <c r="E11955" s="6" t="s">
        <v>9</v>
      </c>
      <c r="F11955" s="7">
        <v>38657</v>
      </c>
      <c r="G11955" s="8">
        <v>1</v>
      </c>
      <c r="H11955" s="8">
        <v>1</v>
      </c>
      <c r="I11955" s="8">
        <v>0</v>
      </c>
      <c r="J11955" s="8">
        <v>1</v>
      </c>
      <c r="K11955" s="9">
        <v>26</v>
      </c>
      <c r="L11955" s="6" t="s">
        <v>51</v>
      </c>
    </row>
    <row r="11956" spans="1:12">
      <c r="A11956" s="6" t="s">
        <v>49</v>
      </c>
      <c r="B11956" s="6"/>
      <c r="C11956" s="6" t="s">
        <v>11980</v>
      </c>
      <c r="D11956" s="6"/>
      <c r="E11956" s="6" t="s">
        <v>9</v>
      </c>
      <c r="F11956" s="7">
        <v>38657</v>
      </c>
      <c r="G11956" s="8">
        <v>1</v>
      </c>
      <c r="H11956" s="8">
        <v>1</v>
      </c>
      <c r="I11956" s="8">
        <v>0</v>
      </c>
      <c r="J11956" s="8">
        <v>1</v>
      </c>
      <c r="K11956" s="9">
        <v>39.17</v>
      </c>
      <c r="L11956" s="6" t="s">
        <v>51</v>
      </c>
    </row>
    <row r="11957" spans="1:12">
      <c r="A11957" s="6" t="s">
        <v>49</v>
      </c>
      <c r="B11957" s="6"/>
      <c r="C11957" s="6" t="s">
        <v>11981</v>
      </c>
      <c r="D11957" s="6"/>
      <c r="E11957" s="6" t="s">
        <v>9</v>
      </c>
      <c r="F11957" s="7">
        <v>39539</v>
      </c>
      <c r="G11957" s="8">
        <v>57015</v>
      </c>
      <c r="H11957" s="8">
        <v>57015</v>
      </c>
      <c r="I11957" s="8">
        <v>0</v>
      </c>
      <c r="J11957" s="8">
        <v>57015</v>
      </c>
      <c r="K11957" s="9">
        <v>16.29</v>
      </c>
      <c r="L11957" s="6" t="s">
        <v>51</v>
      </c>
    </row>
    <row r="11958" spans="1:12">
      <c r="A11958" s="6" t="s">
        <v>49</v>
      </c>
      <c r="B11958" s="6"/>
      <c r="C11958" s="6" t="s">
        <v>11982</v>
      </c>
      <c r="D11958" s="6"/>
      <c r="E11958" s="6" t="s">
        <v>9</v>
      </c>
      <c r="F11958" s="7">
        <v>39539</v>
      </c>
      <c r="G11958" s="8">
        <v>21105</v>
      </c>
      <c r="H11958" s="8">
        <v>21105</v>
      </c>
      <c r="I11958" s="8">
        <v>0</v>
      </c>
      <c r="J11958" s="8">
        <v>21105</v>
      </c>
      <c r="K11958" s="9">
        <v>6.03</v>
      </c>
      <c r="L11958" s="6" t="s">
        <v>51</v>
      </c>
    </row>
    <row r="11959" spans="1:12">
      <c r="A11959" s="6" t="s">
        <v>49</v>
      </c>
      <c r="B11959" s="6"/>
      <c r="C11959" s="6" t="s">
        <v>11983</v>
      </c>
      <c r="D11959" s="6"/>
      <c r="E11959" s="6" t="s">
        <v>9</v>
      </c>
      <c r="F11959" s="7">
        <v>39539</v>
      </c>
      <c r="G11959" s="8">
        <v>1</v>
      </c>
      <c r="H11959" s="8">
        <v>1</v>
      </c>
      <c r="I11959" s="8">
        <v>0</v>
      </c>
      <c r="J11959" s="8">
        <v>1</v>
      </c>
      <c r="K11959" s="9">
        <v>18</v>
      </c>
      <c r="L11959" s="6" t="s">
        <v>51</v>
      </c>
    </row>
    <row r="11960" spans="1:12">
      <c r="A11960" s="6" t="s">
        <v>49</v>
      </c>
      <c r="B11960" s="6"/>
      <c r="C11960" s="6" t="s">
        <v>11984</v>
      </c>
      <c r="D11960" s="6"/>
      <c r="E11960" s="6" t="s">
        <v>9</v>
      </c>
      <c r="F11960" s="7">
        <v>39539</v>
      </c>
      <c r="G11960" s="8">
        <v>11620</v>
      </c>
      <c r="H11960" s="8">
        <v>11620</v>
      </c>
      <c r="I11960" s="8">
        <v>0</v>
      </c>
      <c r="J11960" s="8">
        <v>11620</v>
      </c>
      <c r="K11960" s="9">
        <v>3.32</v>
      </c>
      <c r="L11960" s="6" t="s">
        <v>51</v>
      </c>
    </row>
    <row r="11961" spans="1:12">
      <c r="A11961" s="6" t="s">
        <v>49</v>
      </c>
      <c r="B11961" s="6"/>
      <c r="C11961" s="6" t="s">
        <v>11985</v>
      </c>
      <c r="D11961" s="6"/>
      <c r="E11961" s="6" t="s">
        <v>9</v>
      </c>
      <c r="F11961" s="7">
        <v>39539</v>
      </c>
      <c r="G11961" s="8">
        <v>1</v>
      </c>
      <c r="H11961" s="8">
        <v>1</v>
      </c>
      <c r="I11961" s="8">
        <v>0</v>
      </c>
      <c r="J11961" s="8">
        <v>1</v>
      </c>
      <c r="K11961" s="9">
        <v>3.95</v>
      </c>
      <c r="L11961" s="6" t="s">
        <v>51</v>
      </c>
    </row>
    <row r="11962" spans="1:12">
      <c r="A11962" s="6" t="s">
        <v>49</v>
      </c>
      <c r="B11962" s="6"/>
      <c r="C11962" s="6" t="s">
        <v>11986</v>
      </c>
      <c r="D11962" s="6"/>
      <c r="E11962" s="6" t="s">
        <v>9</v>
      </c>
      <c r="F11962" s="7">
        <v>39912</v>
      </c>
      <c r="G11962" s="8">
        <v>1</v>
      </c>
      <c r="H11962" s="8">
        <v>1</v>
      </c>
      <c r="I11962" s="8">
        <v>0</v>
      </c>
      <c r="J11962" s="8">
        <v>1</v>
      </c>
      <c r="K11962" s="9">
        <v>18</v>
      </c>
      <c r="L11962" s="6" t="s">
        <v>51</v>
      </c>
    </row>
    <row r="11963" spans="1:12">
      <c r="A11963" s="6" t="s">
        <v>49</v>
      </c>
      <c r="B11963" s="6"/>
      <c r="C11963" s="6" t="s">
        <v>11987</v>
      </c>
      <c r="D11963" s="6"/>
      <c r="E11963" s="6" t="s">
        <v>9</v>
      </c>
      <c r="F11963" s="7">
        <v>39912</v>
      </c>
      <c r="G11963" s="8">
        <v>1</v>
      </c>
      <c r="H11963" s="8">
        <v>1</v>
      </c>
      <c r="I11963" s="8">
        <v>0</v>
      </c>
      <c r="J11963" s="8">
        <v>1</v>
      </c>
      <c r="K11963" s="9">
        <v>16</v>
      </c>
      <c r="L11963" s="6" t="s">
        <v>51</v>
      </c>
    </row>
    <row r="11964" spans="1:12">
      <c r="A11964" s="6" t="s">
        <v>49</v>
      </c>
      <c r="B11964" s="6"/>
      <c r="C11964" s="6" t="s">
        <v>11988</v>
      </c>
      <c r="D11964" s="6"/>
      <c r="E11964" s="6" t="s">
        <v>9</v>
      </c>
      <c r="F11964" s="7">
        <v>39539</v>
      </c>
      <c r="G11964" s="8">
        <v>1</v>
      </c>
      <c r="H11964" s="8">
        <v>1</v>
      </c>
      <c r="I11964" s="8">
        <v>0</v>
      </c>
      <c r="J11964" s="8">
        <v>1</v>
      </c>
      <c r="K11964" s="9">
        <v>0.28999999999999898</v>
      </c>
      <c r="L11964" s="6" t="s">
        <v>51</v>
      </c>
    </row>
    <row r="11965" spans="1:12">
      <c r="A11965" s="6" t="s">
        <v>49</v>
      </c>
      <c r="B11965" s="6"/>
      <c r="C11965" s="6" t="s">
        <v>11989</v>
      </c>
      <c r="D11965" s="6"/>
      <c r="E11965" s="6" t="s">
        <v>9</v>
      </c>
      <c r="F11965" s="7">
        <v>38657</v>
      </c>
      <c r="G11965" s="8">
        <v>1</v>
      </c>
      <c r="H11965" s="8">
        <v>1</v>
      </c>
      <c r="I11965" s="8">
        <v>0</v>
      </c>
      <c r="J11965" s="8">
        <v>1</v>
      </c>
      <c r="K11965" s="9">
        <v>63.8</v>
      </c>
      <c r="L11965" s="6" t="s">
        <v>51</v>
      </c>
    </row>
    <row r="11966" spans="1:12">
      <c r="A11966" s="6" t="s">
        <v>49</v>
      </c>
      <c r="B11966" s="6"/>
      <c r="C11966" s="6" t="s">
        <v>11990</v>
      </c>
      <c r="D11966" s="6"/>
      <c r="E11966" s="6" t="s">
        <v>9</v>
      </c>
      <c r="F11966" s="7">
        <v>39539</v>
      </c>
      <c r="G11966" s="8">
        <v>91350</v>
      </c>
      <c r="H11966" s="8">
        <v>91350</v>
      </c>
      <c r="I11966" s="8">
        <v>0</v>
      </c>
      <c r="J11966" s="8">
        <v>91350</v>
      </c>
      <c r="K11966" s="9">
        <v>26.1</v>
      </c>
      <c r="L11966" s="6" t="s">
        <v>51</v>
      </c>
    </row>
    <row r="11967" spans="1:12">
      <c r="A11967" s="6" t="s">
        <v>49</v>
      </c>
      <c r="B11967" s="6"/>
      <c r="C11967" s="6" t="s">
        <v>11991</v>
      </c>
      <c r="D11967" s="6"/>
      <c r="E11967" s="6" t="s">
        <v>9</v>
      </c>
      <c r="F11967" s="7">
        <v>39539</v>
      </c>
      <c r="G11967" s="8">
        <v>1</v>
      </c>
      <c r="H11967" s="8">
        <v>1</v>
      </c>
      <c r="I11967" s="8">
        <v>0</v>
      </c>
      <c r="J11967" s="8">
        <v>1</v>
      </c>
      <c r="K11967" s="9">
        <v>14.95</v>
      </c>
      <c r="L11967" s="6" t="s">
        <v>51</v>
      </c>
    </row>
    <row r="11968" spans="1:12">
      <c r="A11968" s="6" t="s">
        <v>49</v>
      </c>
      <c r="B11968" s="6"/>
      <c r="C11968" s="6" t="s">
        <v>11992</v>
      </c>
      <c r="D11968" s="6"/>
      <c r="E11968" s="6" t="s">
        <v>9</v>
      </c>
      <c r="F11968" s="7">
        <v>38657</v>
      </c>
      <c r="G11968" s="8">
        <v>1</v>
      </c>
      <c r="H11968" s="8">
        <v>1</v>
      </c>
      <c r="I11968" s="8">
        <v>0</v>
      </c>
      <c r="J11968" s="8">
        <v>1</v>
      </c>
      <c r="K11968" s="9">
        <v>45</v>
      </c>
      <c r="L11968" s="6" t="s">
        <v>51</v>
      </c>
    </row>
    <row r="11969" spans="1:12">
      <c r="A11969" s="6" t="s">
        <v>49</v>
      </c>
      <c r="B11969" s="6"/>
      <c r="C11969" s="6" t="s">
        <v>11993</v>
      </c>
      <c r="D11969" s="6"/>
      <c r="E11969" s="6" t="s">
        <v>9</v>
      </c>
      <c r="F11969" s="7">
        <v>38657</v>
      </c>
      <c r="G11969" s="8">
        <v>1</v>
      </c>
      <c r="H11969" s="8">
        <v>1</v>
      </c>
      <c r="I11969" s="8">
        <v>0</v>
      </c>
      <c r="J11969" s="8">
        <v>1</v>
      </c>
      <c r="K11969" s="9">
        <v>27</v>
      </c>
      <c r="L11969" s="6" t="s">
        <v>51</v>
      </c>
    </row>
    <row r="11970" spans="1:12">
      <c r="A11970" s="6" t="s">
        <v>49</v>
      </c>
      <c r="B11970" s="6"/>
      <c r="C11970" s="6" t="s">
        <v>11994</v>
      </c>
      <c r="D11970" s="6"/>
      <c r="E11970" s="6" t="s">
        <v>9</v>
      </c>
      <c r="F11970" s="7">
        <v>38657</v>
      </c>
      <c r="G11970" s="8">
        <v>1</v>
      </c>
      <c r="H11970" s="8">
        <v>1</v>
      </c>
      <c r="I11970" s="8">
        <v>0</v>
      </c>
      <c r="J11970" s="8">
        <v>1</v>
      </c>
      <c r="K11970" s="9">
        <v>166</v>
      </c>
      <c r="L11970" s="6" t="s">
        <v>51</v>
      </c>
    </row>
    <row r="11971" spans="1:12">
      <c r="A11971" s="6" t="s">
        <v>49</v>
      </c>
      <c r="B11971" s="6"/>
      <c r="C11971" s="6" t="s">
        <v>11995</v>
      </c>
      <c r="D11971" s="6"/>
      <c r="E11971" s="6" t="s">
        <v>9</v>
      </c>
      <c r="F11971" s="7">
        <v>38657</v>
      </c>
      <c r="G11971" s="8">
        <v>1</v>
      </c>
      <c r="H11971" s="8">
        <v>1</v>
      </c>
      <c r="I11971" s="8">
        <v>0</v>
      </c>
      <c r="J11971" s="8">
        <v>1</v>
      </c>
      <c r="K11971" s="9">
        <v>44</v>
      </c>
      <c r="L11971" s="6" t="s">
        <v>51</v>
      </c>
    </row>
    <row r="11972" spans="1:12">
      <c r="A11972" s="6" t="s">
        <v>49</v>
      </c>
      <c r="B11972" s="6"/>
      <c r="C11972" s="6" t="s">
        <v>11996</v>
      </c>
      <c r="D11972" s="6"/>
      <c r="E11972" s="6" t="s">
        <v>9</v>
      </c>
      <c r="F11972" s="7">
        <v>38657</v>
      </c>
      <c r="G11972" s="8">
        <v>1</v>
      </c>
      <c r="H11972" s="8">
        <v>1</v>
      </c>
      <c r="I11972" s="8">
        <v>0</v>
      </c>
      <c r="J11972" s="8">
        <v>1</v>
      </c>
      <c r="K11972" s="9">
        <v>0.26</v>
      </c>
      <c r="L11972" s="6" t="s">
        <v>51</v>
      </c>
    </row>
    <row r="11973" spans="1:12">
      <c r="A11973" s="6" t="s">
        <v>49</v>
      </c>
      <c r="B11973" s="6"/>
      <c r="C11973" s="6" t="s">
        <v>11997</v>
      </c>
      <c r="D11973" s="6"/>
      <c r="E11973" s="6" t="s">
        <v>9</v>
      </c>
      <c r="F11973" s="7">
        <v>38657</v>
      </c>
      <c r="G11973" s="8">
        <v>1</v>
      </c>
      <c r="H11973" s="8">
        <v>1</v>
      </c>
      <c r="I11973" s="8">
        <v>0</v>
      </c>
      <c r="J11973" s="8">
        <v>1</v>
      </c>
      <c r="K11973" s="9">
        <v>159</v>
      </c>
      <c r="L11973" s="6" t="s">
        <v>51</v>
      </c>
    </row>
    <row r="11974" spans="1:12">
      <c r="A11974" s="6" t="s">
        <v>49</v>
      </c>
      <c r="B11974" s="6"/>
      <c r="C11974" s="6" t="s">
        <v>11998</v>
      </c>
      <c r="D11974" s="6"/>
      <c r="E11974" s="6" t="s">
        <v>9</v>
      </c>
      <c r="F11974" s="7">
        <v>38657</v>
      </c>
      <c r="G11974" s="8">
        <v>1</v>
      </c>
      <c r="H11974" s="8">
        <v>1</v>
      </c>
      <c r="I11974" s="8">
        <v>0</v>
      </c>
      <c r="J11974" s="8">
        <v>1</v>
      </c>
      <c r="K11974" s="9">
        <v>6.36</v>
      </c>
      <c r="L11974" s="6" t="s">
        <v>51</v>
      </c>
    </row>
    <row r="11975" spans="1:12">
      <c r="A11975" s="6" t="s">
        <v>49</v>
      </c>
      <c r="B11975" s="6"/>
      <c r="C11975" s="6" t="s">
        <v>11999</v>
      </c>
      <c r="D11975" s="6"/>
      <c r="E11975" s="6" t="s">
        <v>9</v>
      </c>
      <c r="F11975" s="7">
        <v>38657</v>
      </c>
      <c r="G11975" s="8">
        <v>1</v>
      </c>
      <c r="H11975" s="8">
        <v>1</v>
      </c>
      <c r="I11975" s="8">
        <v>0</v>
      </c>
      <c r="J11975" s="8">
        <v>1</v>
      </c>
      <c r="K11975" s="9">
        <v>36</v>
      </c>
      <c r="L11975" s="6" t="s">
        <v>51</v>
      </c>
    </row>
    <row r="11976" spans="1:12">
      <c r="A11976" s="6" t="s">
        <v>49</v>
      </c>
      <c r="B11976" s="6"/>
      <c r="C11976" s="6" t="s">
        <v>12000</v>
      </c>
      <c r="D11976" s="6"/>
      <c r="E11976" s="6" t="s">
        <v>9</v>
      </c>
      <c r="F11976" s="7">
        <v>38657</v>
      </c>
      <c r="G11976" s="8">
        <v>1</v>
      </c>
      <c r="H11976" s="8">
        <v>1</v>
      </c>
      <c r="I11976" s="8">
        <v>0</v>
      </c>
      <c r="J11976" s="8">
        <v>1</v>
      </c>
      <c r="K11976" s="9">
        <v>28.5</v>
      </c>
      <c r="L11976" s="6" t="s">
        <v>51</v>
      </c>
    </row>
    <row r="11977" spans="1:12">
      <c r="A11977" s="6" t="s">
        <v>49</v>
      </c>
      <c r="B11977" s="6"/>
      <c r="C11977" s="6" t="s">
        <v>12001</v>
      </c>
      <c r="D11977" s="6"/>
      <c r="E11977" s="6" t="s">
        <v>9</v>
      </c>
      <c r="F11977" s="7">
        <v>38657</v>
      </c>
      <c r="G11977" s="8">
        <v>1</v>
      </c>
      <c r="H11977" s="8">
        <v>1</v>
      </c>
      <c r="I11977" s="8">
        <v>0</v>
      </c>
      <c r="J11977" s="8">
        <v>1</v>
      </c>
      <c r="K11977" s="9">
        <v>49</v>
      </c>
      <c r="L11977" s="6" t="s">
        <v>51</v>
      </c>
    </row>
    <row r="11978" spans="1:12">
      <c r="A11978" s="6" t="s">
        <v>49</v>
      </c>
      <c r="B11978" s="6"/>
      <c r="C11978" s="6" t="s">
        <v>12002</v>
      </c>
      <c r="D11978" s="6"/>
      <c r="E11978" s="6" t="s">
        <v>9</v>
      </c>
      <c r="F11978" s="7">
        <v>38657</v>
      </c>
      <c r="G11978" s="8">
        <v>1</v>
      </c>
      <c r="H11978" s="8">
        <v>1</v>
      </c>
      <c r="I11978" s="8">
        <v>0</v>
      </c>
      <c r="J11978" s="8">
        <v>1</v>
      </c>
      <c r="K11978" s="9">
        <v>80</v>
      </c>
      <c r="L11978" s="6" t="s">
        <v>51</v>
      </c>
    </row>
    <row r="11979" spans="1:12">
      <c r="A11979" s="6" t="s">
        <v>49</v>
      </c>
      <c r="B11979" s="6"/>
      <c r="C11979" s="6" t="s">
        <v>12003</v>
      </c>
      <c r="D11979" s="6"/>
      <c r="E11979" s="6" t="s">
        <v>9</v>
      </c>
      <c r="F11979" s="7">
        <v>38657</v>
      </c>
      <c r="G11979" s="8">
        <v>1</v>
      </c>
      <c r="H11979" s="8">
        <v>1</v>
      </c>
      <c r="I11979" s="8">
        <v>0</v>
      </c>
      <c r="J11979" s="8">
        <v>1</v>
      </c>
      <c r="K11979" s="9">
        <v>100</v>
      </c>
      <c r="L11979" s="6" t="s">
        <v>51</v>
      </c>
    </row>
    <row r="11980" spans="1:12">
      <c r="A11980" s="6" t="s">
        <v>49</v>
      </c>
      <c r="B11980" s="6"/>
      <c r="C11980" s="6" t="s">
        <v>12004</v>
      </c>
      <c r="D11980" s="6"/>
      <c r="E11980" s="6" t="s">
        <v>9</v>
      </c>
      <c r="F11980" s="7">
        <v>38657</v>
      </c>
      <c r="G11980" s="8">
        <v>1</v>
      </c>
      <c r="H11980" s="8">
        <v>1</v>
      </c>
      <c r="I11980" s="8">
        <v>0</v>
      </c>
      <c r="J11980" s="8">
        <v>1</v>
      </c>
      <c r="K11980" s="9">
        <v>419</v>
      </c>
      <c r="L11980" s="6" t="s">
        <v>51</v>
      </c>
    </row>
    <row r="11981" spans="1:12">
      <c r="A11981" s="6" t="s">
        <v>49</v>
      </c>
      <c r="B11981" s="6"/>
      <c r="C11981" s="6" t="s">
        <v>12005</v>
      </c>
      <c r="D11981" s="6"/>
      <c r="E11981" s="6" t="s">
        <v>9</v>
      </c>
      <c r="F11981" s="7">
        <v>38657</v>
      </c>
      <c r="G11981" s="8">
        <v>1</v>
      </c>
      <c r="H11981" s="8">
        <v>1</v>
      </c>
      <c r="I11981" s="8">
        <v>0</v>
      </c>
      <c r="J11981" s="8">
        <v>1</v>
      </c>
      <c r="K11981" s="9">
        <v>7.7</v>
      </c>
      <c r="L11981" s="6" t="s">
        <v>51</v>
      </c>
    </row>
    <row r="11982" spans="1:12">
      <c r="A11982" s="6" t="s">
        <v>49</v>
      </c>
      <c r="B11982" s="6"/>
      <c r="C11982" s="6" t="s">
        <v>12006</v>
      </c>
      <c r="D11982" s="6"/>
      <c r="E11982" s="6" t="s">
        <v>9</v>
      </c>
      <c r="F11982" s="7">
        <v>38657</v>
      </c>
      <c r="G11982" s="8">
        <v>1</v>
      </c>
      <c r="H11982" s="8">
        <v>1</v>
      </c>
      <c r="I11982" s="8">
        <v>0</v>
      </c>
      <c r="J11982" s="8">
        <v>1</v>
      </c>
      <c r="K11982" s="9">
        <v>17</v>
      </c>
      <c r="L11982" s="6" t="s">
        <v>51</v>
      </c>
    </row>
    <row r="11983" spans="1:12">
      <c r="A11983" s="6" t="s">
        <v>49</v>
      </c>
      <c r="B11983" s="6"/>
      <c r="C11983" s="6" t="s">
        <v>12007</v>
      </c>
      <c r="D11983" s="6"/>
      <c r="E11983" s="6" t="s">
        <v>9</v>
      </c>
      <c r="F11983" s="7">
        <v>38657</v>
      </c>
      <c r="G11983" s="8">
        <v>1</v>
      </c>
      <c r="H11983" s="8">
        <v>1</v>
      </c>
      <c r="I11983" s="8">
        <v>0</v>
      </c>
      <c r="J11983" s="8">
        <v>1</v>
      </c>
      <c r="K11983" s="9">
        <v>10</v>
      </c>
      <c r="L11983" s="6" t="s">
        <v>51</v>
      </c>
    </row>
    <row r="11984" spans="1:12">
      <c r="A11984" s="6" t="s">
        <v>49</v>
      </c>
      <c r="B11984" s="6"/>
      <c r="C11984" s="6" t="s">
        <v>12008</v>
      </c>
      <c r="D11984" s="6"/>
      <c r="E11984" s="6" t="s">
        <v>9</v>
      </c>
      <c r="F11984" s="7">
        <v>38657</v>
      </c>
      <c r="G11984" s="8">
        <v>1</v>
      </c>
      <c r="H11984" s="8">
        <v>1</v>
      </c>
      <c r="I11984" s="8">
        <v>0</v>
      </c>
      <c r="J11984" s="8">
        <v>1</v>
      </c>
      <c r="K11984" s="9">
        <v>1219</v>
      </c>
      <c r="L11984" s="6" t="s">
        <v>51</v>
      </c>
    </row>
    <row r="11985" spans="1:12">
      <c r="A11985" s="6" t="s">
        <v>49</v>
      </c>
      <c r="B11985" s="6"/>
      <c r="C11985" s="6" t="s">
        <v>12009</v>
      </c>
      <c r="D11985" s="6"/>
      <c r="E11985" s="6" t="s">
        <v>9</v>
      </c>
      <c r="F11985" s="7">
        <v>38657</v>
      </c>
      <c r="G11985" s="8">
        <v>1</v>
      </c>
      <c r="H11985" s="8">
        <v>1</v>
      </c>
      <c r="I11985" s="8">
        <v>0</v>
      </c>
      <c r="J11985" s="8">
        <v>1</v>
      </c>
      <c r="K11985" s="9">
        <v>21</v>
      </c>
      <c r="L11985" s="6" t="s">
        <v>51</v>
      </c>
    </row>
    <row r="11986" spans="1:12">
      <c r="A11986" s="6" t="s">
        <v>49</v>
      </c>
      <c r="B11986" s="6"/>
      <c r="C11986" s="6" t="s">
        <v>12010</v>
      </c>
      <c r="D11986" s="6"/>
      <c r="E11986" s="6" t="s">
        <v>9</v>
      </c>
      <c r="F11986" s="7">
        <v>38657</v>
      </c>
      <c r="G11986" s="8">
        <v>1</v>
      </c>
      <c r="H11986" s="8">
        <v>1</v>
      </c>
      <c r="I11986" s="8">
        <v>0</v>
      </c>
      <c r="J11986" s="8">
        <v>1</v>
      </c>
      <c r="K11986" s="9">
        <v>735</v>
      </c>
      <c r="L11986" s="6" t="s">
        <v>51</v>
      </c>
    </row>
    <row r="11987" spans="1:12">
      <c r="A11987" s="6" t="s">
        <v>49</v>
      </c>
      <c r="B11987" s="6"/>
      <c r="C11987" s="6" t="s">
        <v>12011</v>
      </c>
      <c r="D11987" s="6"/>
      <c r="E11987" s="6" t="s">
        <v>9</v>
      </c>
      <c r="F11987" s="7">
        <v>38657</v>
      </c>
      <c r="G11987" s="8">
        <v>1</v>
      </c>
      <c r="H11987" s="8">
        <v>1</v>
      </c>
      <c r="I11987" s="8">
        <v>0</v>
      </c>
      <c r="J11987" s="8">
        <v>1</v>
      </c>
      <c r="K11987" s="9">
        <v>15.66</v>
      </c>
      <c r="L11987" s="6" t="s">
        <v>51</v>
      </c>
    </row>
    <row r="11988" spans="1:12">
      <c r="A11988" s="6" t="s">
        <v>49</v>
      </c>
      <c r="B11988" s="6"/>
      <c r="C11988" s="6" t="s">
        <v>12012</v>
      </c>
      <c r="D11988" s="6"/>
      <c r="E11988" s="6" t="s">
        <v>9</v>
      </c>
      <c r="F11988" s="7">
        <v>38657</v>
      </c>
      <c r="G11988" s="8">
        <v>1</v>
      </c>
      <c r="H11988" s="8">
        <v>1</v>
      </c>
      <c r="I11988" s="8">
        <v>0</v>
      </c>
      <c r="J11988" s="8">
        <v>1</v>
      </c>
      <c r="K11988" s="9">
        <v>112</v>
      </c>
      <c r="L11988" s="6" t="s">
        <v>51</v>
      </c>
    </row>
    <row r="11989" spans="1:12">
      <c r="A11989" s="6" t="s">
        <v>49</v>
      </c>
      <c r="B11989" s="6"/>
      <c r="C11989" s="6" t="s">
        <v>12013</v>
      </c>
      <c r="D11989" s="6"/>
      <c r="E11989" s="6" t="s">
        <v>9</v>
      </c>
      <c r="F11989" s="7">
        <v>38657</v>
      </c>
      <c r="G11989" s="8">
        <v>1</v>
      </c>
      <c r="H11989" s="8">
        <v>1</v>
      </c>
      <c r="I11989" s="8">
        <v>0</v>
      </c>
      <c r="J11989" s="8">
        <v>1</v>
      </c>
      <c r="K11989" s="9">
        <v>10</v>
      </c>
      <c r="L11989" s="6" t="s">
        <v>51</v>
      </c>
    </row>
    <row r="11990" spans="1:12">
      <c r="A11990" s="6" t="s">
        <v>49</v>
      </c>
      <c r="B11990" s="6"/>
      <c r="C11990" s="6" t="s">
        <v>12014</v>
      </c>
      <c r="D11990" s="6"/>
      <c r="E11990" s="6" t="s">
        <v>9</v>
      </c>
      <c r="F11990" s="7">
        <v>38657</v>
      </c>
      <c r="G11990" s="8">
        <v>1</v>
      </c>
      <c r="H11990" s="8">
        <v>1</v>
      </c>
      <c r="I11990" s="8">
        <v>0</v>
      </c>
      <c r="J11990" s="8">
        <v>1</v>
      </c>
      <c r="K11990" s="9">
        <v>160</v>
      </c>
      <c r="L11990" s="6" t="s">
        <v>51</v>
      </c>
    </row>
    <row r="11991" spans="1:12">
      <c r="A11991" s="6" t="s">
        <v>49</v>
      </c>
      <c r="B11991" s="6"/>
      <c r="C11991" s="6" t="s">
        <v>12015</v>
      </c>
      <c r="D11991" s="6"/>
      <c r="E11991" s="6" t="s">
        <v>9</v>
      </c>
      <c r="F11991" s="7">
        <v>38657</v>
      </c>
      <c r="G11991" s="8">
        <v>1</v>
      </c>
      <c r="H11991" s="8">
        <v>1</v>
      </c>
      <c r="I11991" s="8">
        <v>0</v>
      </c>
      <c r="J11991" s="8">
        <v>1</v>
      </c>
      <c r="K11991" s="9">
        <v>7.31</v>
      </c>
      <c r="L11991" s="6" t="s">
        <v>51</v>
      </c>
    </row>
    <row r="11992" spans="1:12">
      <c r="A11992" s="6" t="s">
        <v>49</v>
      </c>
      <c r="B11992" s="6"/>
      <c r="C11992" s="6" t="s">
        <v>12016</v>
      </c>
      <c r="D11992" s="6"/>
      <c r="E11992" s="6" t="s">
        <v>9</v>
      </c>
      <c r="F11992" s="7">
        <v>38657</v>
      </c>
      <c r="G11992" s="8">
        <v>1</v>
      </c>
      <c r="H11992" s="8">
        <v>1</v>
      </c>
      <c r="I11992" s="8">
        <v>0</v>
      </c>
      <c r="J11992" s="8">
        <v>1</v>
      </c>
      <c r="K11992" s="9">
        <v>21</v>
      </c>
      <c r="L11992" s="6" t="s">
        <v>51</v>
      </c>
    </row>
    <row r="11993" spans="1:12">
      <c r="A11993" s="6" t="s">
        <v>49</v>
      </c>
      <c r="B11993" s="6"/>
      <c r="C11993" s="6" t="s">
        <v>12017</v>
      </c>
      <c r="D11993" s="6"/>
      <c r="E11993" s="6" t="s">
        <v>9</v>
      </c>
      <c r="F11993" s="7">
        <v>38657</v>
      </c>
      <c r="G11993" s="8">
        <v>1</v>
      </c>
      <c r="H11993" s="8">
        <v>1</v>
      </c>
      <c r="I11993" s="8">
        <v>0</v>
      </c>
      <c r="J11993" s="8">
        <v>1</v>
      </c>
      <c r="K11993" s="9">
        <v>10</v>
      </c>
      <c r="L11993" s="6" t="s">
        <v>51</v>
      </c>
    </row>
    <row r="11994" spans="1:12">
      <c r="A11994" s="6" t="s">
        <v>49</v>
      </c>
      <c r="B11994" s="6"/>
      <c r="C11994" s="6" t="s">
        <v>12018</v>
      </c>
      <c r="D11994" s="6"/>
      <c r="E11994" s="6" t="s">
        <v>9</v>
      </c>
      <c r="F11994" s="7">
        <v>38657</v>
      </c>
      <c r="G11994" s="8">
        <v>1</v>
      </c>
      <c r="H11994" s="8">
        <v>1</v>
      </c>
      <c r="I11994" s="8">
        <v>0</v>
      </c>
      <c r="J11994" s="8">
        <v>1</v>
      </c>
      <c r="K11994" s="9">
        <v>16</v>
      </c>
      <c r="L11994" s="6" t="s">
        <v>51</v>
      </c>
    </row>
    <row r="11995" spans="1:12">
      <c r="A11995" s="6" t="s">
        <v>49</v>
      </c>
      <c r="B11995" s="6"/>
      <c r="C11995" s="6" t="s">
        <v>12019</v>
      </c>
      <c r="D11995" s="6"/>
      <c r="E11995" s="6" t="s">
        <v>9</v>
      </c>
      <c r="F11995" s="7">
        <v>38657</v>
      </c>
      <c r="G11995" s="8">
        <v>1</v>
      </c>
      <c r="H11995" s="8">
        <v>1</v>
      </c>
      <c r="I11995" s="8">
        <v>0</v>
      </c>
      <c r="J11995" s="8">
        <v>1</v>
      </c>
      <c r="K11995" s="9">
        <v>19</v>
      </c>
      <c r="L11995" s="6" t="s">
        <v>51</v>
      </c>
    </row>
    <row r="11996" spans="1:12">
      <c r="A11996" s="6" t="s">
        <v>49</v>
      </c>
      <c r="B11996" s="6"/>
      <c r="C11996" s="6" t="s">
        <v>12020</v>
      </c>
      <c r="D11996" s="6"/>
      <c r="E11996" s="6" t="s">
        <v>9</v>
      </c>
      <c r="F11996" s="7">
        <v>38657</v>
      </c>
      <c r="G11996" s="8">
        <v>1</v>
      </c>
      <c r="H11996" s="8">
        <v>1</v>
      </c>
      <c r="I11996" s="8">
        <v>0</v>
      </c>
      <c r="J11996" s="8">
        <v>1</v>
      </c>
      <c r="K11996" s="9">
        <v>66</v>
      </c>
      <c r="L11996" s="6" t="s">
        <v>51</v>
      </c>
    </row>
    <row r="11997" spans="1:12">
      <c r="A11997" s="6" t="s">
        <v>49</v>
      </c>
      <c r="B11997" s="6"/>
      <c r="C11997" s="6" t="s">
        <v>12021</v>
      </c>
      <c r="D11997" s="6"/>
      <c r="E11997" s="6" t="s">
        <v>9</v>
      </c>
      <c r="F11997" s="7">
        <v>38657</v>
      </c>
      <c r="G11997" s="8">
        <v>1</v>
      </c>
      <c r="H11997" s="8">
        <v>1</v>
      </c>
      <c r="I11997" s="8">
        <v>0</v>
      </c>
      <c r="J11997" s="8">
        <v>1</v>
      </c>
      <c r="K11997" s="9">
        <v>43</v>
      </c>
      <c r="L11997" s="6" t="s">
        <v>51</v>
      </c>
    </row>
    <row r="11998" spans="1:12">
      <c r="A11998" s="6" t="s">
        <v>49</v>
      </c>
      <c r="B11998" s="6"/>
      <c r="C11998" s="6" t="s">
        <v>12022</v>
      </c>
      <c r="D11998" s="6"/>
      <c r="E11998" s="6" t="s">
        <v>9</v>
      </c>
      <c r="F11998" s="7">
        <v>38657</v>
      </c>
      <c r="G11998" s="8">
        <v>1</v>
      </c>
      <c r="H11998" s="8">
        <v>1</v>
      </c>
      <c r="I11998" s="8">
        <v>0</v>
      </c>
      <c r="J11998" s="8">
        <v>1</v>
      </c>
      <c r="K11998" s="9">
        <v>13.83</v>
      </c>
      <c r="L11998" s="6" t="s">
        <v>51</v>
      </c>
    </row>
    <row r="11999" spans="1:12">
      <c r="A11999" s="6" t="s">
        <v>49</v>
      </c>
      <c r="B11999" s="6"/>
      <c r="C11999" s="6" t="s">
        <v>12023</v>
      </c>
      <c r="D11999" s="6"/>
      <c r="E11999" s="6" t="s">
        <v>9</v>
      </c>
      <c r="F11999" s="7">
        <v>38657</v>
      </c>
      <c r="G11999" s="8">
        <v>1</v>
      </c>
      <c r="H11999" s="8">
        <v>1</v>
      </c>
      <c r="I11999" s="8">
        <v>0</v>
      </c>
      <c r="J11999" s="8">
        <v>1</v>
      </c>
      <c r="K11999" s="9">
        <v>108</v>
      </c>
      <c r="L11999" s="6" t="s">
        <v>51</v>
      </c>
    </row>
    <row r="12000" spans="1:12">
      <c r="A12000" s="6" t="s">
        <v>49</v>
      </c>
      <c r="B12000" s="6"/>
      <c r="C12000" s="6" t="s">
        <v>12024</v>
      </c>
      <c r="D12000" s="6"/>
      <c r="E12000" s="6" t="s">
        <v>9</v>
      </c>
      <c r="F12000" s="7">
        <v>38657</v>
      </c>
      <c r="G12000" s="8">
        <v>1</v>
      </c>
      <c r="H12000" s="8">
        <v>1</v>
      </c>
      <c r="I12000" s="8">
        <v>0</v>
      </c>
      <c r="J12000" s="8">
        <v>1</v>
      </c>
      <c r="K12000" s="9">
        <v>87</v>
      </c>
      <c r="L12000" s="6" t="s">
        <v>51</v>
      </c>
    </row>
    <row r="12001" spans="1:12">
      <c r="A12001" s="6" t="s">
        <v>49</v>
      </c>
      <c r="B12001" s="6"/>
      <c r="C12001" s="6" t="s">
        <v>12025</v>
      </c>
      <c r="D12001" s="6"/>
      <c r="E12001" s="6" t="s">
        <v>9</v>
      </c>
      <c r="F12001" s="7">
        <v>38657</v>
      </c>
      <c r="G12001" s="8">
        <v>1</v>
      </c>
      <c r="H12001" s="8">
        <v>1</v>
      </c>
      <c r="I12001" s="8">
        <v>0</v>
      </c>
      <c r="J12001" s="8">
        <v>1</v>
      </c>
      <c r="K12001" s="9">
        <v>79</v>
      </c>
      <c r="L12001" s="6" t="s">
        <v>51</v>
      </c>
    </row>
    <row r="12002" spans="1:12">
      <c r="A12002" s="6" t="s">
        <v>49</v>
      </c>
      <c r="B12002" s="6"/>
      <c r="C12002" s="6" t="s">
        <v>12026</v>
      </c>
      <c r="D12002" s="6"/>
      <c r="E12002" s="6" t="s">
        <v>9</v>
      </c>
      <c r="F12002" s="7">
        <v>38657</v>
      </c>
      <c r="G12002" s="8">
        <v>1</v>
      </c>
      <c r="H12002" s="8">
        <v>1</v>
      </c>
      <c r="I12002" s="8">
        <v>0</v>
      </c>
      <c r="J12002" s="8">
        <v>1</v>
      </c>
      <c r="K12002" s="9">
        <v>38</v>
      </c>
      <c r="L12002" s="6" t="s">
        <v>51</v>
      </c>
    </row>
    <row r="12003" spans="1:12">
      <c r="A12003" s="6" t="s">
        <v>49</v>
      </c>
      <c r="B12003" s="6"/>
      <c r="C12003" s="6" t="s">
        <v>12027</v>
      </c>
      <c r="D12003" s="6"/>
      <c r="E12003" s="6" t="s">
        <v>9</v>
      </c>
      <c r="F12003" s="7">
        <v>38657</v>
      </c>
      <c r="G12003" s="8">
        <v>1</v>
      </c>
      <c r="H12003" s="8">
        <v>1</v>
      </c>
      <c r="I12003" s="8">
        <v>0</v>
      </c>
      <c r="J12003" s="8">
        <v>1</v>
      </c>
      <c r="K12003" s="9">
        <v>73</v>
      </c>
      <c r="L12003" s="6" t="s">
        <v>51</v>
      </c>
    </row>
    <row r="12004" spans="1:12">
      <c r="A12004" s="6" t="s">
        <v>49</v>
      </c>
      <c r="B12004" s="6"/>
      <c r="C12004" s="6" t="s">
        <v>12028</v>
      </c>
      <c r="D12004" s="6"/>
      <c r="E12004" s="6" t="s">
        <v>9</v>
      </c>
      <c r="F12004" s="7">
        <v>38657</v>
      </c>
      <c r="G12004" s="8">
        <v>1</v>
      </c>
      <c r="H12004" s="8">
        <v>1</v>
      </c>
      <c r="I12004" s="8">
        <v>0</v>
      </c>
      <c r="J12004" s="8">
        <v>1</v>
      </c>
      <c r="K12004" s="9">
        <v>0.52</v>
      </c>
      <c r="L12004" s="6" t="s">
        <v>51</v>
      </c>
    </row>
    <row r="12005" spans="1:12">
      <c r="A12005" s="6" t="s">
        <v>49</v>
      </c>
      <c r="B12005" s="6"/>
      <c r="C12005" s="6" t="s">
        <v>12029</v>
      </c>
      <c r="D12005" s="6"/>
      <c r="E12005" s="6" t="s">
        <v>9</v>
      </c>
      <c r="F12005" s="7">
        <v>38657</v>
      </c>
      <c r="G12005" s="8">
        <v>1</v>
      </c>
      <c r="H12005" s="8">
        <v>1</v>
      </c>
      <c r="I12005" s="8">
        <v>0</v>
      </c>
      <c r="J12005" s="8">
        <v>1</v>
      </c>
      <c r="K12005" s="9">
        <v>9.1199999999999903</v>
      </c>
      <c r="L12005" s="6" t="s">
        <v>51</v>
      </c>
    </row>
    <row r="12006" spans="1:12">
      <c r="A12006" s="6" t="s">
        <v>49</v>
      </c>
      <c r="B12006" s="6"/>
      <c r="C12006" s="6" t="s">
        <v>12030</v>
      </c>
      <c r="D12006" s="6"/>
      <c r="E12006" s="6" t="s">
        <v>9</v>
      </c>
      <c r="F12006" s="7">
        <v>38657</v>
      </c>
      <c r="G12006" s="8">
        <v>1</v>
      </c>
      <c r="H12006" s="8">
        <v>1</v>
      </c>
      <c r="I12006" s="8">
        <v>0</v>
      </c>
      <c r="J12006" s="8">
        <v>1</v>
      </c>
      <c r="K12006" s="9">
        <v>44</v>
      </c>
      <c r="L12006" s="6" t="s">
        <v>51</v>
      </c>
    </row>
    <row r="12007" spans="1:12">
      <c r="A12007" s="6" t="s">
        <v>49</v>
      </c>
      <c r="B12007" s="6"/>
      <c r="C12007" s="6" t="s">
        <v>12031</v>
      </c>
      <c r="D12007" s="6"/>
      <c r="E12007" s="6" t="s">
        <v>9</v>
      </c>
      <c r="F12007" s="7">
        <v>38657</v>
      </c>
      <c r="G12007" s="8">
        <v>1</v>
      </c>
      <c r="H12007" s="8">
        <v>1</v>
      </c>
      <c r="I12007" s="8">
        <v>0</v>
      </c>
      <c r="J12007" s="8">
        <v>1</v>
      </c>
      <c r="K12007" s="9">
        <v>47</v>
      </c>
      <c r="L12007" s="6" t="s">
        <v>51</v>
      </c>
    </row>
    <row r="12008" spans="1:12">
      <c r="A12008" s="6" t="s">
        <v>49</v>
      </c>
      <c r="B12008" s="6"/>
      <c r="C12008" s="6" t="s">
        <v>12032</v>
      </c>
      <c r="D12008" s="6"/>
      <c r="E12008" s="6" t="s">
        <v>9</v>
      </c>
      <c r="F12008" s="7">
        <v>38657</v>
      </c>
      <c r="G12008" s="8">
        <v>1</v>
      </c>
      <c r="H12008" s="8">
        <v>1</v>
      </c>
      <c r="I12008" s="8">
        <v>0</v>
      </c>
      <c r="J12008" s="8">
        <v>1</v>
      </c>
      <c r="K12008" s="9">
        <v>4.5</v>
      </c>
      <c r="L12008" s="6" t="s">
        <v>51</v>
      </c>
    </row>
    <row r="12009" spans="1:12">
      <c r="A12009" s="6" t="s">
        <v>49</v>
      </c>
      <c r="B12009" s="6"/>
      <c r="C12009" s="6" t="s">
        <v>12033</v>
      </c>
      <c r="D12009" s="6"/>
      <c r="E12009" s="6" t="s">
        <v>9</v>
      </c>
      <c r="F12009" s="7">
        <v>38657</v>
      </c>
      <c r="G12009" s="8">
        <v>1</v>
      </c>
      <c r="H12009" s="8">
        <v>1</v>
      </c>
      <c r="I12009" s="8">
        <v>0</v>
      </c>
      <c r="J12009" s="8">
        <v>1</v>
      </c>
      <c r="K12009" s="9">
        <v>15.87</v>
      </c>
      <c r="L12009" s="6" t="s">
        <v>51</v>
      </c>
    </row>
    <row r="12010" spans="1:12">
      <c r="A12010" s="6" t="s">
        <v>49</v>
      </c>
      <c r="B12010" s="6"/>
      <c r="C12010" s="6" t="s">
        <v>12034</v>
      </c>
      <c r="D12010" s="6"/>
      <c r="E12010" s="6" t="s">
        <v>9</v>
      </c>
      <c r="F12010" s="7">
        <v>38657</v>
      </c>
      <c r="G12010" s="8">
        <v>1</v>
      </c>
      <c r="H12010" s="8">
        <v>1</v>
      </c>
      <c r="I12010" s="8">
        <v>0</v>
      </c>
      <c r="J12010" s="8">
        <v>1</v>
      </c>
      <c r="K12010" s="9">
        <v>23</v>
      </c>
      <c r="L12010" s="6" t="s">
        <v>51</v>
      </c>
    </row>
    <row r="12011" spans="1:12">
      <c r="A12011" s="6" t="s">
        <v>49</v>
      </c>
      <c r="B12011" s="6"/>
      <c r="C12011" s="6" t="s">
        <v>12035</v>
      </c>
      <c r="D12011" s="6"/>
      <c r="E12011" s="6" t="s">
        <v>9</v>
      </c>
      <c r="F12011" s="7">
        <v>38657</v>
      </c>
      <c r="G12011" s="8">
        <v>1</v>
      </c>
      <c r="H12011" s="8">
        <v>1</v>
      </c>
      <c r="I12011" s="8">
        <v>0</v>
      </c>
      <c r="J12011" s="8">
        <v>1</v>
      </c>
      <c r="K12011" s="9">
        <v>14</v>
      </c>
      <c r="L12011" s="6" t="s">
        <v>51</v>
      </c>
    </row>
    <row r="12012" spans="1:12">
      <c r="A12012" s="6" t="s">
        <v>49</v>
      </c>
      <c r="B12012" s="6"/>
      <c r="C12012" s="6" t="s">
        <v>12036</v>
      </c>
      <c r="D12012" s="6"/>
      <c r="E12012" s="6" t="s">
        <v>9</v>
      </c>
      <c r="F12012" s="7">
        <v>38657</v>
      </c>
      <c r="G12012" s="8">
        <v>1</v>
      </c>
      <c r="H12012" s="8">
        <v>1</v>
      </c>
      <c r="I12012" s="8">
        <v>0</v>
      </c>
      <c r="J12012" s="8">
        <v>1</v>
      </c>
      <c r="K12012" s="9">
        <v>23</v>
      </c>
      <c r="L12012" s="6" t="s">
        <v>51</v>
      </c>
    </row>
    <row r="12013" spans="1:12">
      <c r="A12013" s="6" t="s">
        <v>49</v>
      </c>
      <c r="B12013" s="6"/>
      <c r="C12013" s="6" t="s">
        <v>12037</v>
      </c>
      <c r="D12013" s="6"/>
      <c r="E12013" s="6" t="s">
        <v>9</v>
      </c>
      <c r="F12013" s="7">
        <v>38657</v>
      </c>
      <c r="G12013" s="8">
        <v>1</v>
      </c>
      <c r="H12013" s="8">
        <v>1</v>
      </c>
      <c r="I12013" s="8">
        <v>0</v>
      </c>
      <c r="J12013" s="8">
        <v>1</v>
      </c>
      <c r="K12013" s="9">
        <v>15</v>
      </c>
      <c r="L12013" s="6" t="s">
        <v>51</v>
      </c>
    </row>
    <row r="12014" spans="1:12">
      <c r="A12014" s="6" t="s">
        <v>49</v>
      </c>
      <c r="B12014" s="6"/>
      <c r="C12014" s="6" t="s">
        <v>12038</v>
      </c>
      <c r="D12014" s="6"/>
      <c r="E12014" s="6" t="s">
        <v>9</v>
      </c>
      <c r="F12014" s="7">
        <v>38657</v>
      </c>
      <c r="G12014" s="8">
        <v>1</v>
      </c>
      <c r="H12014" s="8">
        <v>1</v>
      </c>
      <c r="I12014" s="8">
        <v>0</v>
      </c>
      <c r="J12014" s="8">
        <v>1</v>
      </c>
      <c r="K12014" s="9">
        <v>5.72</v>
      </c>
      <c r="L12014" s="6" t="s">
        <v>51</v>
      </c>
    </row>
    <row r="12015" spans="1:12">
      <c r="A12015" s="6" t="s">
        <v>49</v>
      </c>
      <c r="B12015" s="6"/>
      <c r="C12015" s="6" t="s">
        <v>12039</v>
      </c>
      <c r="D12015" s="6"/>
      <c r="E12015" s="6" t="s">
        <v>9</v>
      </c>
      <c r="F12015" s="7">
        <v>38657</v>
      </c>
      <c r="G12015" s="8">
        <v>1</v>
      </c>
      <c r="H12015" s="8">
        <v>1</v>
      </c>
      <c r="I12015" s="8">
        <v>0</v>
      </c>
      <c r="J12015" s="8">
        <v>1</v>
      </c>
      <c r="K12015" s="9">
        <v>16</v>
      </c>
      <c r="L12015" s="6" t="s">
        <v>51</v>
      </c>
    </row>
    <row r="12016" spans="1:12">
      <c r="A12016" s="6" t="s">
        <v>49</v>
      </c>
      <c r="B12016" s="6"/>
      <c r="C12016" s="6" t="s">
        <v>12040</v>
      </c>
      <c r="D12016" s="6"/>
      <c r="E12016" s="6" t="s">
        <v>9</v>
      </c>
      <c r="F12016" s="7">
        <v>38657</v>
      </c>
      <c r="G12016" s="8">
        <v>1</v>
      </c>
      <c r="H12016" s="8">
        <v>1</v>
      </c>
      <c r="I12016" s="8">
        <v>0</v>
      </c>
      <c r="J12016" s="8">
        <v>1</v>
      </c>
      <c r="K12016" s="9">
        <v>50</v>
      </c>
      <c r="L12016" s="6" t="s">
        <v>51</v>
      </c>
    </row>
    <row r="12017" spans="1:12">
      <c r="A12017" s="6" t="s">
        <v>49</v>
      </c>
      <c r="B12017" s="6"/>
      <c r="C12017" s="6" t="s">
        <v>12041</v>
      </c>
      <c r="D12017" s="6"/>
      <c r="E12017" s="6" t="s">
        <v>9</v>
      </c>
      <c r="F12017" s="7">
        <v>38657</v>
      </c>
      <c r="G12017" s="8">
        <v>1</v>
      </c>
      <c r="H12017" s="8">
        <v>1</v>
      </c>
      <c r="I12017" s="8">
        <v>0</v>
      </c>
      <c r="J12017" s="8">
        <v>1</v>
      </c>
      <c r="K12017" s="9">
        <v>5.55</v>
      </c>
      <c r="L12017" s="6" t="s">
        <v>51</v>
      </c>
    </row>
    <row r="12018" spans="1:12">
      <c r="A12018" s="6" t="s">
        <v>49</v>
      </c>
      <c r="B12018" s="6"/>
      <c r="C12018" s="6" t="s">
        <v>12042</v>
      </c>
      <c r="D12018" s="6"/>
      <c r="E12018" s="6" t="s">
        <v>9</v>
      </c>
      <c r="F12018" s="7">
        <v>38657</v>
      </c>
      <c r="G12018" s="8">
        <v>1</v>
      </c>
      <c r="H12018" s="8">
        <v>1</v>
      </c>
      <c r="I12018" s="8">
        <v>0</v>
      </c>
      <c r="J12018" s="8">
        <v>1</v>
      </c>
      <c r="K12018" s="9">
        <v>107</v>
      </c>
      <c r="L12018" s="6" t="s">
        <v>51</v>
      </c>
    </row>
    <row r="12019" spans="1:12">
      <c r="A12019" s="6" t="s">
        <v>49</v>
      </c>
      <c r="B12019" s="6"/>
      <c r="C12019" s="6" t="s">
        <v>12043</v>
      </c>
      <c r="D12019" s="6"/>
      <c r="E12019" s="6" t="s">
        <v>9</v>
      </c>
      <c r="F12019" s="7">
        <v>38657</v>
      </c>
      <c r="G12019" s="8">
        <v>1</v>
      </c>
      <c r="H12019" s="8">
        <v>1</v>
      </c>
      <c r="I12019" s="8">
        <v>0</v>
      </c>
      <c r="J12019" s="8">
        <v>1</v>
      </c>
      <c r="K12019" s="9">
        <v>3.28</v>
      </c>
      <c r="L12019" s="6" t="s">
        <v>51</v>
      </c>
    </row>
    <row r="12020" spans="1:12">
      <c r="A12020" s="6" t="s">
        <v>49</v>
      </c>
      <c r="B12020" s="6"/>
      <c r="C12020" s="6" t="s">
        <v>12044</v>
      </c>
      <c r="D12020" s="6"/>
      <c r="E12020" s="6" t="s">
        <v>9</v>
      </c>
      <c r="F12020" s="7">
        <v>38657</v>
      </c>
      <c r="G12020" s="8">
        <v>1</v>
      </c>
      <c r="H12020" s="8">
        <v>1</v>
      </c>
      <c r="I12020" s="8">
        <v>0</v>
      </c>
      <c r="J12020" s="8">
        <v>1</v>
      </c>
      <c r="K12020" s="9">
        <v>21.16</v>
      </c>
      <c r="L12020" s="6" t="s">
        <v>51</v>
      </c>
    </row>
    <row r="12021" spans="1:12">
      <c r="A12021" s="6" t="s">
        <v>49</v>
      </c>
      <c r="B12021" s="6"/>
      <c r="C12021" s="6" t="s">
        <v>12045</v>
      </c>
      <c r="D12021" s="6"/>
      <c r="E12021" s="6" t="s">
        <v>9</v>
      </c>
      <c r="F12021" s="7">
        <v>38657</v>
      </c>
      <c r="G12021" s="8">
        <v>1</v>
      </c>
      <c r="H12021" s="8">
        <v>1</v>
      </c>
      <c r="I12021" s="8">
        <v>0</v>
      </c>
      <c r="J12021" s="8">
        <v>1</v>
      </c>
      <c r="K12021" s="9">
        <v>11</v>
      </c>
      <c r="L12021" s="6" t="s">
        <v>51</v>
      </c>
    </row>
    <row r="12022" spans="1:12">
      <c r="A12022" s="6" t="s">
        <v>49</v>
      </c>
      <c r="B12022" s="6"/>
      <c r="C12022" s="6" t="s">
        <v>12046</v>
      </c>
      <c r="D12022" s="6"/>
      <c r="E12022" s="6" t="s">
        <v>9</v>
      </c>
      <c r="F12022" s="7">
        <v>38657</v>
      </c>
      <c r="G12022" s="8">
        <v>1</v>
      </c>
      <c r="H12022" s="8">
        <v>1</v>
      </c>
      <c r="I12022" s="8">
        <v>0</v>
      </c>
      <c r="J12022" s="8">
        <v>1</v>
      </c>
      <c r="K12022" s="9">
        <v>25</v>
      </c>
      <c r="L12022" s="6" t="s">
        <v>51</v>
      </c>
    </row>
    <row r="12023" spans="1:12">
      <c r="A12023" s="6" t="s">
        <v>49</v>
      </c>
      <c r="B12023" s="6"/>
      <c r="C12023" s="6" t="s">
        <v>12047</v>
      </c>
      <c r="D12023" s="6"/>
      <c r="E12023" s="6" t="s">
        <v>9</v>
      </c>
      <c r="F12023" s="7">
        <v>38657</v>
      </c>
      <c r="G12023" s="8">
        <v>1</v>
      </c>
      <c r="H12023" s="8">
        <v>1</v>
      </c>
      <c r="I12023" s="8">
        <v>0</v>
      </c>
      <c r="J12023" s="8">
        <v>1</v>
      </c>
      <c r="K12023" s="9">
        <v>2.38</v>
      </c>
      <c r="L12023" s="6" t="s">
        <v>51</v>
      </c>
    </row>
    <row r="12024" spans="1:12">
      <c r="A12024" s="6" t="s">
        <v>49</v>
      </c>
      <c r="B12024" s="6"/>
      <c r="C12024" s="6" t="s">
        <v>12048</v>
      </c>
      <c r="D12024" s="6"/>
      <c r="E12024" s="6" t="s">
        <v>9</v>
      </c>
      <c r="F12024" s="7">
        <v>38657</v>
      </c>
      <c r="G12024" s="8">
        <v>1</v>
      </c>
      <c r="H12024" s="8">
        <v>1</v>
      </c>
      <c r="I12024" s="8">
        <v>0</v>
      </c>
      <c r="J12024" s="8">
        <v>1</v>
      </c>
      <c r="K12024" s="9">
        <v>55</v>
      </c>
      <c r="L12024" s="6" t="s">
        <v>51</v>
      </c>
    </row>
    <row r="12025" spans="1:12">
      <c r="A12025" s="6" t="s">
        <v>49</v>
      </c>
      <c r="B12025" s="6"/>
      <c r="C12025" s="6" t="s">
        <v>12049</v>
      </c>
      <c r="D12025" s="6"/>
      <c r="E12025" s="6" t="s">
        <v>9</v>
      </c>
      <c r="F12025" s="7"/>
      <c r="G12025" s="8">
        <v>1</v>
      </c>
      <c r="H12025" s="8">
        <v>1</v>
      </c>
      <c r="I12025" s="8">
        <v>0</v>
      </c>
      <c r="J12025" s="8">
        <v>1</v>
      </c>
      <c r="K12025" s="9">
        <v>112</v>
      </c>
      <c r="L12025" s="6" t="s">
        <v>51</v>
      </c>
    </row>
    <row r="12026" spans="1:12">
      <c r="A12026" s="6" t="s">
        <v>49</v>
      </c>
      <c r="B12026" s="6"/>
      <c r="C12026" s="6" t="s">
        <v>12050</v>
      </c>
      <c r="D12026" s="6"/>
      <c r="E12026" s="6" t="s">
        <v>9</v>
      </c>
      <c r="F12026" s="7">
        <v>38657</v>
      </c>
      <c r="G12026" s="8">
        <v>1</v>
      </c>
      <c r="H12026" s="8">
        <v>1</v>
      </c>
      <c r="I12026" s="8">
        <v>0</v>
      </c>
      <c r="J12026" s="8">
        <v>1</v>
      </c>
      <c r="K12026" s="9">
        <v>1.1200000000000001</v>
      </c>
      <c r="L12026" s="6" t="s">
        <v>51</v>
      </c>
    </row>
    <row r="12027" spans="1:12">
      <c r="A12027" s="6" t="s">
        <v>49</v>
      </c>
      <c r="B12027" s="6"/>
      <c r="C12027" s="6" t="s">
        <v>12051</v>
      </c>
      <c r="D12027" s="6"/>
      <c r="E12027" s="6" t="s">
        <v>9</v>
      </c>
      <c r="F12027" s="7">
        <v>38657</v>
      </c>
      <c r="G12027" s="8">
        <v>1</v>
      </c>
      <c r="H12027" s="8">
        <v>1</v>
      </c>
      <c r="I12027" s="8">
        <v>0</v>
      </c>
      <c r="J12027" s="8">
        <v>1</v>
      </c>
      <c r="K12027" s="9">
        <v>38</v>
      </c>
      <c r="L12027" s="6" t="s">
        <v>51</v>
      </c>
    </row>
    <row r="12028" spans="1:12">
      <c r="A12028" s="6" t="s">
        <v>49</v>
      </c>
      <c r="B12028" s="6"/>
      <c r="C12028" s="6" t="s">
        <v>12052</v>
      </c>
      <c r="D12028" s="6"/>
      <c r="E12028" s="6" t="s">
        <v>9</v>
      </c>
      <c r="F12028" s="7">
        <v>38657</v>
      </c>
      <c r="G12028" s="8">
        <v>1</v>
      </c>
      <c r="H12028" s="8">
        <v>1</v>
      </c>
      <c r="I12028" s="8">
        <v>0</v>
      </c>
      <c r="J12028" s="8">
        <v>1</v>
      </c>
      <c r="K12028" s="9">
        <v>12</v>
      </c>
      <c r="L12028" s="6" t="s">
        <v>51</v>
      </c>
    </row>
    <row r="12029" spans="1:12">
      <c r="A12029" s="6" t="s">
        <v>49</v>
      </c>
      <c r="B12029" s="6"/>
      <c r="C12029" s="6" t="s">
        <v>12053</v>
      </c>
      <c r="D12029" s="6"/>
      <c r="E12029" s="6" t="s">
        <v>9</v>
      </c>
      <c r="F12029" s="7"/>
      <c r="G12029" s="8">
        <v>1</v>
      </c>
      <c r="H12029" s="8">
        <v>1</v>
      </c>
      <c r="I12029" s="8">
        <v>0</v>
      </c>
      <c r="J12029" s="8">
        <v>1</v>
      </c>
      <c r="K12029" s="9">
        <v>69</v>
      </c>
      <c r="L12029" s="6" t="s">
        <v>51</v>
      </c>
    </row>
    <row r="12030" spans="1:12">
      <c r="A12030" s="6" t="s">
        <v>49</v>
      </c>
      <c r="B12030" s="6"/>
      <c r="C12030" s="6" t="s">
        <v>12054</v>
      </c>
      <c r="D12030" s="6"/>
      <c r="E12030" s="6" t="s">
        <v>9</v>
      </c>
      <c r="F12030" s="7">
        <v>38657</v>
      </c>
      <c r="G12030" s="8">
        <v>1</v>
      </c>
      <c r="H12030" s="8">
        <v>1</v>
      </c>
      <c r="I12030" s="8">
        <v>0</v>
      </c>
      <c r="J12030" s="8">
        <v>1</v>
      </c>
      <c r="K12030" s="9">
        <v>40</v>
      </c>
      <c r="L12030" s="6" t="s">
        <v>51</v>
      </c>
    </row>
    <row r="12031" spans="1:12">
      <c r="A12031" s="6" t="s">
        <v>49</v>
      </c>
      <c r="B12031" s="6"/>
      <c r="C12031" s="6" t="s">
        <v>12055</v>
      </c>
      <c r="D12031" s="6"/>
      <c r="E12031" s="6" t="s">
        <v>9</v>
      </c>
      <c r="F12031" s="7">
        <v>38657</v>
      </c>
      <c r="G12031" s="8">
        <v>1</v>
      </c>
      <c r="H12031" s="8">
        <v>1</v>
      </c>
      <c r="I12031" s="8">
        <v>0</v>
      </c>
      <c r="J12031" s="8">
        <v>1</v>
      </c>
      <c r="K12031" s="9">
        <v>92</v>
      </c>
      <c r="L12031" s="6" t="s">
        <v>51</v>
      </c>
    </row>
    <row r="12032" spans="1:12">
      <c r="A12032" s="6" t="s">
        <v>49</v>
      </c>
      <c r="B12032" s="6"/>
      <c r="C12032" s="6" t="s">
        <v>12056</v>
      </c>
      <c r="D12032" s="6"/>
      <c r="E12032" s="6" t="s">
        <v>9</v>
      </c>
      <c r="F12032" s="7">
        <v>38657</v>
      </c>
      <c r="G12032" s="8">
        <v>1</v>
      </c>
      <c r="H12032" s="8">
        <v>1</v>
      </c>
      <c r="I12032" s="8">
        <v>0</v>
      </c>
      <c r="J12032" s="8">
        <v>1</v>
      </c>
      <c r="K12032" s="9">
        <v>24.17</v>
      </c>
      <c r="L12032" s="6" t="s">
        <v>51</v>
      </c>
    </row>
    <row r="12033" spans="1:12">
      <c r="A12033" s="6" t="s">
        <v>49</v>
      </c>
      <c r="B12033" s="6"/>
      <c r="C12033" s="6" t="s">
        <v>12057</v>
      </c>
      <c r="D12033" s="6"/>
      <c r="E12033" s="6" t="s">
        <v>9</v>
      </c>
      <c r="F12033" s="7">
        <v>38657</v>
      </c>
      <c r="G12033" s="8">
        <v>1</v>
      </c>
      <c r="H12033" s="8">
        <v>1</v>
      </c>
      <c r="I12033" s="8">
        <v>0</v>
      </c>
      <c r="J12033" s="8">
        <v>1</v>
      </c>
      <c r="K12033" s="9">
        <v>12</v>
      </c>
      <c r="L12033" s="6" t="s">
        <v>51</v>
      </c>
    </row>
    <row r="12034" spans="1:12">
      <c r="A12034" s="6" t="s">
        <v>49</v>
      </c>
      <c r="B12034" s="6"/>
      <c r="C12034" s="6" t="s">
        <v>12058</v>
      </c>
      <c r="D12034" s="6"/>
      <c r="E12034" s="6" t="s">
        <v>9</v>
      </c>
      <c r="F12034" s="7">
        <v>38657</v>
      </c>
      <c r="G12034" s="8">
        <v>1</v>
      </c>
      <c r="H12034" s="8">
        <v>1</v>
      </c>
      <c r="I12034" s="8">
        <v>0</v>
      </c>
      <c r="J12034" s="8">
        <v>1</v>
      </c>
      <c r="K12034" s="9">
        <v>52</v>
      </c>
      <c r="L12034" s="6" t="s">
        <v>51</v>
      </c>
    </row>
    <row r="12035" spans="1:12">
      <c r="A12035" s="6" t="s">
        <v>49</v>
      </c>
      <c r="B12035" s="6"/>
      <c r="C12035" s="6" t="s">
        <v>12059</v>
      </c>
      <c r="D12035" s="6"/>
      <c r="E12035" s="6" t="s">
        <v>9</v>
      </c>
      <c r="F12035" s="7">
        <v>38657</v>
      </c>
      <c r="G12035" s="8">
        <v>1</v>
      </c>
      <c r="H12035" s="8">
        <v>1</v>
      </c>
      <c r="I12035" s="8">
        <v>0</v>
      </c>
      <c r="J12035" s="8">
        <v>1</v>
      </c>
      <c r="K12035" s="9">
        <v>12</v>
      </c>
      <c r="L12035" s="6" t="s">
        <v>51</v>
      </c>
    </row>
    <row r="12036" spans="1:12">
      <c r="A12036" s="6" t="s">
        <v>49</v>
      </c>
      <c r="B12036" s="6"/>
      <c r="C12036" s="6" t="s">
        <v>12060</v>
      </c>
      <c r="D12036" s="6"/>
      <c r="E12036" s="6" t="s">
        <v>9</v>
      </c>
      <c r="F12036" s="7">
        <v>38657</v>
      </c>
      <c r="G12036" s="8">
        <v>1</v>
      </c>
      <c r="H12036" s="8">
        <v>1</v>
      </c>
      <c r="I12036" s="8">
        <v>0</v>
      </c>
      <c r="J12036" s="8">
        <v>1</v>
      </c>
      <c r="K12036" s="9">
        <v>62</v>
      </c>
      <c r="L12036" s="6" t="s">
        <v>51</v>
      </c>
    </row>
    <row r="12037" spans="1:12">
      <c r="A12037" s="6" t="s">
        <v>49</v>
      </c>
      <c r="B12037" s="6"/>
      <c r="C12037" s="6" t="s">
        <v>12061</v>
      </c>
      <c r="D12037" s="6"/>
      <c r="E12037" s="6" t="s">
        <v>9</v>
      </c>
      <c r="F12037" s="7">
        <v>38657</v>
      </c>
      <c r="G12037" s="8">
        <v>1</v>
      </c>
      <c r="H12037" s="8">
        <v>1</v>
      </c>
      <c r="I12037" s="8">
        <v>0</v>
      </c>
      <c r="J12037" s="8">
        <v>1</v>
      </c>
      <c r="K12037" s="9">
        <v>3.12</v>
      </c>
      <c r="L12037" s="6" t="s">
        <v>51</v>
      </c>
    </row>
    <row r="12038" spans="1:12">
      <c r="A12038" s="6" t="s">
        <v>49</v>
      </c>
      <c r="B12038" s="6"/>
      <c r="C12038" s="6" t="s">
        <v>12062</v>
      </c>
      <c r="D12038" s="6"/>
      <c r="E12038" s="6" t="s">
        <v>9</v>
      </c>
      <c r="F12038" s="7">
        <v>38657</v>
      </c>
      <c r="G12038" s="8">
        <v>1</v>
      </c>
      <c r="H12038" s="8">
        <v>1</v>
      </c>
      <c r="I12038" s="8">
        <v>0</v>
      </c>
      <c r="J12038" s="8">
        <v>1</v>
      </c>
      <c r="K12038" s="9">
        <v>205</v>
      </c>
      <c r="L12038" s="6" t="s">
        <v>51</v>
      </c>
    </row>
    <row r="12039" spans="1:12">
      <c r="A12039" s="6" t="s">
        <v>49</v>
      </c>
      <c r="B12039" s="6"/>
      <c r="C12039" s="6" t="s">
        <v>12063</v>
      </c>
      <c r="D12039" s="6"/>
      <c r="E12039" s="6" t="s">
        <v>9</v>
      </c>
      <c r="F12039" s="7">
        <v>38657</v>
      </c>
      <c r="G12039" s="8">
        <v>1</v>
      </c>
      <c r="H12039" s="8">
        <v>1</v>
      </c>
      <c r="I12039" s="8">
        <v>0</v>
      </c>
      <c r="J12039" s="8">
        <v>1</v>
      </c>
      <c r="K12039" s="9">
        <v>21</v>
      </c>
      <c r="L12039" s="6" t="s">
        <v>51</v>
      </c>
    </row>
    <row r="12040" spans="1:12">
      <c r="A12040" s="6" t="s">
        <v>49</v>
      </c>
      <c r="B12040" s="6"/>
      <c r="C12040" s="6" t="s">
        <v>12064</v>
      </c>
      <c r="D12040" s="6"/>
      <c r="E12040" s="6" t="s">
        <v>9</v>
      </c>
      <c r="F12040" s="7">
        <v>38657</v>
      </c>
      <c r="G12040" s="8">
        <v>1</v>
      </c>
      <c r="H12040" s="8">
        <v>1</v>
      </c>
      <c r="I12040" s="8">
        <v>0</v>
      </c>
      <c r="J12040" s="8">
        <v>1</v>
      </c>
      <c r="K12040" s="9">
        <v>4.97</v>
      </c>
      <c r="L12040" s="6" t="s">
        <v>51</v>
      </c>
    </row>
    <row r="12041" spans="1:12">
      <c r="A12041" s="6" t="s">
        <v>49</v>
      </c>
      <c r="B12041" s="6"/>
      <c r="C12041" s="6" t="s">
        <v>12065</v>
      </c>
      <c r="D12041" s="6"/>
      <c r="E12041" s="6" t="s">
        <v>9</v>
      </c>
      <c r="F12041" s="7">
        <v>38657</v>
      </c>
      <c r="G12041" s="8">
        <v>1</v>
      </c>
      <c r="H12041" s="8">
        <v>1</v>
      </c>
      <c r="I12041" s="8">
        <v>0</v>
      </c>
      <c r="J12041" s="8">
        <v>1</v>
      </c>
      <c r="K12041" s="9">
        <v>51.85</v>
      </c>
      <c r="L12041" s="6" t="s">
        <v>51</v>
      </c>
    </row>
    <row r="12042" spans="1:12">
      <c r="A12042" s="6" t="s">
        <v>49</v>
      </c>
      <c r="B12042" s="6"/>
      <c r="C12042" s="6" t="s">
        <v>12066</v>
      </c>
      <c r="D12042" s="6"/>
      <c r="E12042" s="6" t="s">
        <v>9</v>
      </c>
      <c r="F12042" s="7">
        <v>38657</v>
      </c>
      <c r="G12042" s="8">
        <v>1</v>
      </c>
      <c r="H12042" s="8">
        <v>1</v>
      </c>
      <c r="I12042" s="8">
        <v>0</v>
      </c>
      <c r="J12042" s="8">
        <v>1</v>
      </c>
      <c r="K12042" s="9">
        <v>14</v>
      </c>
      <c r="L12042" s="6" t="s">
        <v>51</v>
      </c>
    </row>
    <row r="12043" spans="1:12">
      <c r="A12043" s="6" t="s">
        <v>49</v>
      </c>
      <c r="B12043" s="6"/>
      <c r="C12043" s="6" t="s">
        <v>12067</v>
      </c>
      <c r="D12043" s="6"/>
      <c r="E12043" s="6" t="s">
        <v>9</v>
      </c>
      <c r="F12043" s="7">
        <v>38657</v>
      </c>
      <c r="G12043" s="8">
        <v>1</v>
      </c>
      <c r="H12043" s="8">
        <v>1</v>
      </c>
      <c r="I12043" s="8">
        <v>0</v>
      </c>
      <c r="J12043" s="8">
        <v>1</v>
      </c>
      <c r="K12043" s="9">
        <v>14.43</v>
      </c>
      <c r="L12043" s="6" t="s">
        <v>51</v>
      </c>
    </row>
    <row r="12044" spans="1:12">
      <c r="A12044" s="6" t="s">
        <v>49</v>
      </c>
      <c r="B12044" s="6"/>
      <c r="C12044" s="6" t="s">
        <v>12068</v>
      </c>
      <c r="D12044" s="6"/>
      <c r="E12044" s="6" t="s">
        <v>9</v>
      </c>
      <c r="F12044" s="7">
        <v>38657</v>
      </c>
      <c r="G12044" s="8">
        <v>1</v>
      </c>
      <c r="H12044" s="8">
        <v>1</v>
      </c>
      <c r="I12044" s="8">
        <v>0</v>
      </c>
      <c r="J12044" s="8">
        <v>1</v>
      </c>
      <c r="K12044" s="9">
        <v>57</v>
      </c>
      <c r="L12044" s="6" t="s">
        <v>51</v>
      </c>
    </row>
    <row r="12045" spans="1:12">
      <c r="A12045" s="6" t="s">
        <v>49</v>
      </c>
      <c r="B12045" s="6"/>
      <c r="C12045" s="6" t="s">
        <v>12069</v>
      </c>
      <c r="D12045" s="6"/>
      <c r="E12045" s="6" t="s">
        <v>9</v>
      </c>
      <c r="F12045" s="7">
        <v>38657</v>
      </c>
      <c r="G12045" s="8">
        <v>1</v>
      </c>
      <c r="H12045" s="8">
        <v>1</v>
      </c>
      <c r="I12045" s="8">
        <v>0</v>
      </c>
      <c r="J12045" s="8">
        <v>1</v>
      </c>
      <c r="K12045" s="9">
        <v>67</v>
      </c>
      <c r="L12045" s="6" t="s">
        <v>51</v>
      </c>
    </row>
    <row r="12046" spans="1:12">
      <c r="A12046" s="6" t="s">
        <v>49</v>
      </c>
      <c r="B12046" s="6"/>
      <c r="C12046" s="6" t="s">
        <v>12070</v>
      </c>
      <c r="D12046" s="6"/>
      <c r="E12046" s="6" t="s">
        <v>9</v>
      </c>
      <c r="F12046" s="7">
        <v>38657</v>
      </c>
      <c r="G12046" s="8">
        <v>1</v>
      </c>
      <c r="H12046" s="8">
        <v>1</v>
      </c>
      <c r="I12046" s="8">
        <v>0</v>
      </c>
      <c r="J12046" s="8">
        <v>1</v>
      </c>
      <c r="K12046" s="9">
        <v>158</v>
      </c>
      <c r="L12046" s="6" t="s">
        <v>51</v>
      </c>
    </row>
    <row r="12047" spans="1:12">
      <c r="A12047" s="6" t="s">
        <v>49</v>
      </c>
      <c r="B12047" s="6"/>
      <c r="C12047" s="6" t="s">
        <v>12071</v>
      </c>
      <c r="D12047" s="6"/>
      <c r="E12047" s="6" t="s">
        <v>9</v>
      </c>
      <c r="F12047" s="7"/>
      <c r="G12047" s="8">
        <v>1</v>
      </c>
      <c r="H12047" s="8">
        <v>1</v>
      </c>
      <c r="I12047" s="8">
        <v>0</v>
      </c>
      <c r="J12047" s="8">
        <v>1</v>
      </c>
      <c r="K12047" s="9">
        <v>69</v>
      </c>
      <c r="L12047" s="6" t="s">
        <v>51</v>
      </c>
    </row>
    <row r="12048" spans="1:12">
      <c r="A12048" s="6" t="s">
        <v>49</v>
      </c>
      <c r="B12048" s="6"/>
      <c r="C12048" s="6" t="s">
        <v>12072</v>
      </c>
      <c r="D12048" s="6"/>
      <c r="E12048" s="6" t="s">
        <v>9</v>
      </c>
      <c r="F12048" s="7"/>
      <c r="G12048" s="8">
        <v>1</v>
      </c>
      <c r="H12048" s="8">
        <v>1</v>
      </c>
      <c r="I12048" s="8">
        <v>0</v>
      </c>
      <c r="J12048" s="8">
        <v>1</v>
      </c>
      <c r="K12048" s="9">
        <v>52</v>
      </c>
      <c r="L12048" s="6" t="s">
        <v>51</v>
      </c>
    </row>
    <row r="12049" spans="1:12">
      <c r="A12049" s="6" t="s">
        <v>49</v>
      </c>
      <c r="B12049" s="6"/>
      <c r="C12049" s="6" t="s">
        <v>12073</v>
      </c>
      <c r="D12049" s="6"/>
      <c r="E12049" s="6" t="s">
        <v>9</v>
      </c>
      <c r="F12049" s="7"/>
      <c r="G12049" s="8">
        <v>1</v>
      </c>
      <c r="H12049" s="8">
        <v>1</v>
      </c>
      <c r="I12049" s="8">
        <v>0</v>
      </c>
      <c r="J12049" s="8">
        <v>1</v>
      </c>
      <c r="K12049" s="9">
        <v>472</v>
      </c>
      <c r="L12049" s="6" t="s">
        <v>51</v>
      </c>
    </row>
    <row r="12050" spans="1:12">
      <c r="A12050" s="6" t="s">
        <v>49</v>
      </c>
      <c r="B12050" s="6"/>
      <c r="C12050" s="6" t="s">
        <v>12074</v>
      </c>
      <c r="D12050" s="6"/>
      <c r="E12050" s="6" t="s">
        <v>9</v>
      </c>
      <c r="F12050" s="7">
        <v>38657</v>
      </c>
      <c r="G12050" s="8">
        <v>1</v>
      </c>
      <c r="H12050" s="8">
        <v>1</v>
      </c>
      <c r="I12050" s="8">
        <v>0</v>
      </c>
      <c r="J12050" s="8">
        <v>1</v>
      </c>
      <c r="K12050" s="9">
        <v>39</v>
      </c>
      <c r="L12050" s="6" t="s">
        <v>51</v>
      </c>
    </row>
    <row r="12051" spans="1:12">
      <c r="A12051" s="6" t="s">
        <v>49</v>
      </c>
      <c r="B12051" s="6"/>
      <c r="C12051" s="6" t="s">
        <v>12075</v>
      </c>
      <c r="D12051" s="6"/>
      <c r="E12051" s="6" t="s">
        <v>9</v>
      </c>
      <c r="F12051" s="7">
        <v>38657</v>
      </c>
      <c r="G12051" s="8">
        <v>1</v>
      </c>
      <c r="H12051" s="8">
        <v>1</v>
      </c>
      <c r="I12051" s="8">
        <v>0</v>
      </c>
      <c r="J12051" s="8">
        <v>1</v>
      </c>
      <c r="K12051" s="9">
        <v>414</v>
      </c>
      <c r="L12051" s="6" t="s">
        <v>51</v>
      </c>
    </row>
    <row r="12052" spans="1:12">
      <c r="A12052" s="6" t="s">
        <v>49</v>
      </c>
      <c r="B12052" s="6"/>
      <c r="C12052" s="6" t="s">
        <v>12076</v>
      </c>
      <c r="D12052" s="6"/>
      <c r="E12052" s="6" t="s">
        <v>9</v>
      </c>
      <c r="F12052" s="7">
        <v>38657</v>
      </c>
      <c r="G12052" s="8">
        <v>1</v>
      </c>
      <c r="H12052" s="8">
        <v>1</v>
      </c>
      <c r="I12052" s="8">
        <v>0</v>
      </c>
      <c r="J12052" s="8">
        <v>1</v>
      </c>
      <c r="K12052" s="9">
        <v>483</v>
      </c>
      <c r="L12052" s="6" t="s">
        <v>51</v>
      </c>
    </row>
    <row r="12053" spans="1:12">
      <c r="A12053" s="6" t="s">
        <v>49</v>
      </c>
      <c r="B12053" s="6"/>
      <c r="C12053" s="6" t="s">
        <v>12077</v>
      </c>
      <c r="D12053" s="6"/>
      <c r="E12053" s="6" t="s">
        <v>9</v>
      </c>
      <c r="F12053" s="7">
        <v>38657</v>
      </c>
      <c r="G12053" s="8">
        <v>1</v>
      </c>
      <c r="H12053" s="8">
        <v>1</v>
      </c>
      <c r="I12053" s="8">
        <v>0</v>
      </c>
      <c r="J12053" s="8">
        <v>1</v>
      </c>
      <c r="K12053" s="9">
        <v>11.22</v>
      </c>
      <c r="L12053" s="6" t="s">
        <v>51</v>
      </c>
    </row>
    <row r="12054" spans="1:12">
      <c r="A12054" s="6" t="s">
        <v>49</v>
      </c>
      <c r="B12054" s="6"/>
      <c r="C12054" s="6" t="s">
        <v>12078</v>
      </c>
      <c r="D12054" s="6"/>
      <c r="E12054" s="6" t="s">
        <v>9</v>
      </c>
      <c r="F12054" s="7">
        <v>38657</v>
      </c>
      <c r="G12054" s="8">
        <v>1</v>
      </c>
      <c r="H12054" s="8">
        <v>1</v>
      </c>
      <c r="I12054" s="8">
        <v>0</v>
      </c>
      <c r="J12054" s="8">
        <v>1</v>
      </c>
      <c r="K12054" s="9">
        <v>394</v>
      </c>
      <c r="L12054" s="6" t="s">
        <v>51</v>
      </c>
    </row>
    <row r="12055" spans="1:12">
      <c r="A12055" s="6" t="s">
        <v>49</v>
      </c>
      <c r="B12055" s="6"/>
      <c r="C12055" s="6" t="s">
        <v>12079</v>
      </c>
      <c r="D12055" s="6"/>
      <c r="E12055" s="6" t="s">
        <v>9</v>
      </c>
      <c r="F12055" s="7">
        <v>38657</v>
      </c>
      <c r="G12055" s="8">
        <v>1</v>
      </c>
      <c r="H12055" s="8">
        <v>1</v>
      </c>
      <c r="I12055" s="8">
        <v>0</v>
      </c>
      <c r="J12055" s="8">
        <v>1</v>
      </c>
      <c r="K12055" s="9">
        <v>930</v>
      </c>
      <c r="L12055" s="6" t="s">
        <v>51</v>
      </c>
    </row>
    <row r="12056" spans="1:12">
      <c r="A12056" s="6" t="s">
        <v>49</v>
      </c>
      <c r="B12056" s="6"/>
      <c r="C12056" s="6" t="s">
        <v>12080</v>
      </c>
      <c r="D12056" s="6"/>
      <c r="E12056" s="6" t="s">
        <v>9</v>
      </c>
      <c r="F12056" s="7">
        <v>38657</v>
      </c>
      <c r="G12056" s="8">
        <v>1</v>
      </c>
      <c r="H12056" s="8">
        <v>1</v>
      </c>
      <c r="I12056" s="8">
        <v>0</v>
      </c>
      <c r="J12056" s="8">
        <v>1</v>
      </c>
      <c r="K12056" s="9">
        <v>18</v>
      </c>
      <c r="L12056" s="6" t="s">
        <v>51</v>
      </c>
    </row>
    <row r="12057" spans="1:12">
      <c r="A12057" s="6" t="s">
        <v>49</v>
      </c>
      <c r="B12057" s="6"/>
      <c r="C12057" s="6" t="s">
        <v>12081</v>
      </c>
      <c r="D12057" s="6"/>
      <c r="E12057" s="6" t="s">
        <v>9</v>
      </c>
      <c r="F12057" s="7"/>
      <c r="G12057" s="8">
        <v>1</v>
      </c>
      <c r="H12057" s="8">
        <v>1</v>
      </c>
      <c r="I12057" s="8">
        <v>0</v>
      </c>
      <c r="J12057" s="8">
        <v>1</v>
      </c>
      <c r="K12057" s="9">
        <v>138</v>
      </c>
      <c r="L12057" s="6" t="s">
        <v>51</v>
      </c>
    </row>
    <row r="12058" spans="1:12">
      <c r="A12058" s="6" t="s">
        <v>49</v>
      </c>
      <c r="B12058" s="6"/>
      <c r="C12058" s="6" t="s">
        <v>12082</v>
      </c>
      <c r="D12058" s="6"/>
      <c r="E12058" s="6" t="s">
        <v>9</v>
      </c>
      <c r="F12058" s="7">
        <v>38657</v>
      </c>
      <c r="G12058" s="8">
        <v>1</v>
      </c>
      <c r="H12058" s="8">
        <v>1</v>
      </c>
      <c r="I12058" s="8">
        <v>0</v>
      </c>
      <c r="J12058" s="8">
        <v>1</v>
      </c>
      <c r="K12058" s="9">
        <v>33</v>
      </c>
      <c r="L12058" s="6" t="s">
        <v>51</v>
      </c>
    </row>
    <row r="12059" spans="1:12">
      <c r="A12059" s="6" t="s">
        <v>49</v>
      </c>
      <c r="B12059" s="6"/>
      <c r="C12059" s="6" t="s">
        <v>12083</v>
      </c>
      <c r="D12059" s="6"/>
      <c r="E12059" s="6" t="s">
        <v>9</v>
      </c>
      <c r="F12059" s="7">
        <v>38657</v>
      </c>
      <c r="G12059" s="8">
        <v>1</v>
      </c>
      <c r="H12059" s="8">
        <v>1</v>
      </c>
      <c r="I12059" s="8">
        <v>0</v>
      </c>
      <c r="J12059" s="8">
        <v>1</v>
      </c>
      <c r="K12059" s="9">
        <v>24</v>
      </c>
      <c r="L12059" s="6" t="s">
        <v>51</v>
      </c>
    </row>
    <row r="12060" spans="1:12">
      <c r="A12060" s="6" t="s">
        <v>49</v>
      </c>
      <c r="B12060" s="6"/>
      <c r="C12060" s="6" t="s">
        <v>12084</v>
      </c>
      <c r="D12060" s="6"/>
      <c r="E12060" s="6" t="s">
        <v>9</v>
      </c>
      <c r="F12060" s="7">
        <v>38657</v>
      </c>
      <c r="G12060" s="8">
        <v>1</v>
      </c>
      <c r="H12060" s="8">
        <v>1</v>
      </c>
      <c r="I12060" s="8">
        <v>0</v>
      </c>
      <c r="J12060" s="8">
        <v>1</v>
      </c>
      <c r="K12060" s="9">
        <v>190</v>
      </c>
      <c r="L12060" s="6" t="s">
        <v>51</v>
      </c>
    </row>
    <row r="12061" spans="1:12">
      <c r="A12061" s="6" t="s">
        <v>49</v>
      </c>
      <c r="B12061" s="6"/>
      <c r="C12061" s="6" t="s">
        <v>12085</v>
      </c>
      <c r="D12061" s="6"/>
      <c r="E12061" s="6" t="s">
        <v>9</v>
      </c>
      <c r="F12061" s="7">
        <v>38657</v>
      </c>
      <c r="G12061" s="8">
        <v>1</v>
      </c>
      <c r="H12061" s="8">
        <v>1</v>
      </c>
      <c r="I12061" s="8">
        <v>0</v>
      </c>
      <c r="J12061" s="8">
        <v>1</v>
      </c>
      <c r="K12061" s="9">
        <v>8.41</v>
      </c>
      <c r="L12061" s="6" t="s">
        <v>51</v>
      </c>
    </row>
    <row r="12062" spans="1:12">
      <c r="A12062" s="6" t="s">
        <v>49</v>
      </c>
      <c r="B12062" s="6"/>
      <c r="C12062" s="6" t="s">
        <v>12086</v>
      </c>
      <c r="D12062" s="6"/>
      <c r="E12062" s="6" t="s">
        <v>9</v>
      </c>
      <c r="F12062" s="7">
        <v>38657</v>
      </c>
      <c r="G12062" s="8">
        <v>1</v>
      </c>
      <c r="H12062" s="8">
        <v>1</v>
      </c>
      <c r="I12062" s="8">
        <v>0</v>
      </c>
      <c r="J12062" s="8">
        <v>1</v>
      </c>
      <c r="K12062" s="9">
        <v>2.56</v>
      </c>
      <c r="L12062" s="6" t="s">
        <v>51</v>
      </c>
    </row>
    <row r="12063" spans="1:12">
      <c r="A12063" s="6" t="s">
        <v>49</v>
      </c>
      <c r="B12063" s="6"/>
      <c r="C12063" s="6" t="s">
        <v>12087</v>
      </c>
      <c r="D12063" s="6"/>
      <c r="E12063" s="6" t="s">
        <v>9</v>
      </c>
      <c r="F12063" s="7">
        <v>38657</v>
      </c>
      <c r="G12063" s="8">
        <v>1</v>
      </c>
      <c r="H12063" s="8">
        <v>1</v>
      </c>
      <c r="I12063" s="8">
        <v>0</v>
      </c>
      <c r="J12063" s="8">
        <v>1</v>
      </c>
      <c r="K12063" s="9">
        <v>267</v>
      </c>
      <c r="L12063" s="6" t="s">
        <v>51</v>
      </c>
    </row>
    <row r="12064" spans="1:12">
      <c r="A12064" s="6" t="s">
        <v>49</v>
      </c>
      <c r="B12064" s="6"/>
      <c r="C12064" s="6" t="s">
        <v>12088</v>
      </c>
      <c r="D12064" s="6"/>
      <c r="E12064" s="6" t="s">
        <v>9</v>
      </c>
      <c r="F12064" s="7">
        <v>38657</v>
      </c>
      <c r="G12064" s="8">
        <v>1</v>
      </c>
      <c r="H12064" s="8">
        <v>1</v>
      </c>
      <c r="I12064" s="8">
        <v>0</v>
      </c>
      <c r="J12064" s="8">
        <v>1</v>
      </c>
      <c r="K12064" s="9">
        <v>17.760000000000002</v>
      </c>
      <c r="L12064" s="6" t="s">
        <v>51</v>
      </c>
    </row>
    <row r="12065" spans="1:12">
      <c r="A12065" s="6" t="s">
        <v>49</v>
      </c>
      <c r="B12065" s="6"/>
      <c r="C12065" s="6" t="s">
        <v>12089</v>
      </c>
      <c r="D12065" s="6"/>
      <c r="E12065" s="6" t="s">
        <v>9</v>
      </c>
      <c r="F12065" s="7">
        <v>38657</v>
      </c>
      <c r="G12065" s="8">
        <v>1</v>
      </c>
      <c r="H12065" s="8">
        <v>1</v>
      </c>
      <c r="I12065" s="8">
        <v>0</v>
      </c>
      <c r="J12065" s="8">
        <v>1</v>
      </c>
      <c r="K12065" s="9">
        <v>79</v>
      </c>
      <c r="L12065" s="6" t="s">
        <v>51</v>
      </c>
    </row>
    <row r="12066" spans="1:12">
      <c r="A12066" s="6" t="s">
        <v>49</v>
      </c>
      <c r="B12066" s="6"/>
      <c r="C12066" s="6" t="s">
        <v>12090</v>
      </c>
      <c r="D12066" s="6"/>
      <c r="E12066" s="6" t="s">
        <v>9</v>
      </c>
      <c r="F12066" s="7">
        <v>38657</v>
      </c>
      <c r="G12066" s="8">
        <v>1</v>
      </c>
      <c r="H12066" s="8">
        <v>1</v>
      </c>
      <c r="I12066" s="8">
        <v>0</v>
      </c>
      <c r="J12066" s="8">
        <v>1</v>
      </c>
      <c r="K12066" s="9">
        <v>164</v>
      </c>
      <c r="L12066" s="6" t="s">
        <v>51</v>
      </c>
    </row>
    <row r="12067" spans="1:12">
      <c r="A12067" s="6" t="s">
        <v>49</v>
      </c>
      <c r="B12067" s="6"/>
      <c r="C12067" s="6" t="s">
        <v>12091</v>
      </c>
      <c r="D12067" s="6"/>
      <c r="E12067" s="6" t="s">
        <v>9</v>
      </c>
      <c r="F12067" s="7">
        <v>38657</v>
      </c>
      <c r="G12067" s="8">
        <v>1</v>
      </c>
      <c r="H12067" s="8">
        <v>1</v>
      </c>
      <c r="I12067" s="8">
        <v>0</v>
      </c>
      <c r="J12067" s="8">
        <v>1</v>
      </c>
      <c r="K12067" s="9">
        <v>4.87</v>
      </c>
      <c r="L12067" s="6" t="s">
        <v>51</v>
      </c>
    </row>
    <row r="12068" spans="1:12">
      <c r="A12068" s="6" t="s">
        <v>49</v>
      </c>
      <c r="B12068" s="6"/>
      <c r="C12068" s="6" t="s">
        <v>12092</v>
      </c>
      <c r="D12068" s="6"/>
      <c r="E12068" s="6" t="s">
        <v>9</v>
      </c>
      <c r="F12068" s="7">
        <v>38657</v>
      </c>
      <c r="G12068" s="8">
        <v>1</v>
      </c>
      <c r="H12068" s="8">
        <v>1</v>
      </c>
      <c r="I12068" s="8">
        <v>0</v>
      </c>
      <c r="J12068" s="8">
        <v>1</v>
      </c>
      <c r="K12068" s="9">
        <v>1288</v>
      </c>
      <c r="L12068" s="6" t="s">
        <v>51</v>
      </c>
    </row>
    <row r="12069" spans="1:12">
      <c r="A12069" s="6" t="s">
        <v>49</v>
      </c>
      <c r="B12069" s="6"/>
      <c r="C12069" s="6" t="s">
        <v>12093</v>
      </c>
      <c r="D12069" s="6"/>
      <c r="E12069" s="6" t="s">
        <v>9</v>
      </c>
      <c r="F12069" s="7">
        <v>38657</v>
      </c>
      <c r="G12069" s="8">
        <v>1</v>
      </c>
      <c r="H12069" s="8">
        <v>1</v>
      </c>
      <c r="I12069" s="8">
        <v>0</v>
      </c>
      <c r="J12069" s="8">
        <v>1</v>
      </c>
      <c r="K12069" s="9">
        <v>1036</v>
      </c>
      <c r="L12069" s="6" t="s">
        <v>51</v>
      </c>
    </row>
    <row r="12070" spans="1:12">
      <c r="A12070" s="6" t="s">
        <v>49</v>
      </c>
      <c r="B12070" s="6"/>
      <c r="C12070" s="6" t="s">
        <v>12094</v>
      </c>
      <c r="D12070" s="6"/>
      <c r="E12070" s="6" t="s">
        <v>9</v>
      </c>
      <c r="F12070" s="7">
        <v>38657</v>
      </c>
      <c r="G12070" s="8">
        <v>1</v>
      </c>
      <c r="H12070" s="8">
        <v>1</v>
      </c>
      <c r="I12070" s="8">
        <v>0</v>
      </c>
      <c r="J12070" s="8">
        <v>1</v>
      </c>
      <c r="K12070" s="9">
        <v>379</v>
      </c>
      <c r="L12070" s="6" t="s">
        <v>51</v>
      </c>
    </row>
    <row r="12071" spans="1:12">
      <c r="A12071" s="6" t="s">
        <v>49</v>
      </c>
      <c r="B12071" s="6"/>
      <c r="C12071" s="6" t="s">
        <v>12095</v>
      </c>
      <c r="D12071" s="6"/>
      <c r="E12071" s="6" t="s">
        <v>9</v>
      </c>
      <c r="F12071" s="7">
        <v>38657</v>
      </c>
      <c r="G12071" s="8">
        <v>1</v>
      </c>
      <c r="H12071" s="8">
        <v>1</v>
      </c>
      <c r="I12071" s="8">
        <v>0</v>
      </c>
      <c r="J12071" s="8">
        <v>1</v>
      </c>
      <c r="K12071" s="9">
        <v>509</v>
      </c>
      <c r="L12071" s="6" t="s">
        <v>51</v>
      </c>
    </row>
    <row r="12072" spans="1:12">
      <c r="A12072" s="6" t="s">
        <v>49</v>
      </c>
      <c r="B12072" s="6"/>
      <c r="C12072" s="6" t="s">
        <v>12096</v>
      </c>
      <c r="D12072" s="6"/>
      <c r="E12072" s="6" t="s">
        <v>9</v>
      </c>
      <c r="F12072" s="7">
        <v>38657</v>
      </c>
      <c r="G12072" s="8">
        <v>1</v>
      </c>
      <c r="H12072" s="8">
        <v>1</v>
      </c>
      <c r="I12072" s="8">
        <v>0</v>
      </c>
      <c r="J12072" s="8">
        <v>1</v>
      </c>
      <c r="K12072" s="9">
        <v>236</v>
      </c>
      <c r="L12072" s="6" t="s">
        <v>51</v>
      </c>
    </row>
    <row r="12073" spans="1:12">
      <c r="A12073" s="6" t="s">
        <v>49</v>
      </c>
      <c r="B12073" s="6"/>
      <c r="C12073" s="6" t="s">
        <v>12097</v>
      </c>
      <c r="D12073" s="6"/>
      <c r="E12073" s="6" t="s">
        <v>9</v>
      </c>
      <c r="F12073" s="7">
        <v>38657</v>
      </c>
      <c r="G12073" s="8">
        <v>1</v>
      </c>
      <c r="H12073" s="8">
        <v>1</v>
      </c>
      <c r="I12073" s="8">
        <v>0</v>
      </c>
      <c r="J12073" s="8">
        <v>1</v>
      </c>
      <c r="K12073" s="9">
        <v>359</v>
      </c>
      <c r="L12073" s="6" t="s">
        <v>51</v>
      </c>
    </row>
    <row r="12074" spans="1:12">
      <c r="A12074" s="6" t="s">
        <v>49</v>
      </c>
      <c r="B12074" s="6"/>
      <c r="C12074" s="6" t="s">
        <v>12098</v>
      </c>
      <c r="D12074" s="6"/>
      <c r="E12074" s="6" t="s">
        <v>9</v>
      </c>
      <c r="F12074" s="7">
        <v>38657</v>
      </c>
      <c r="G12074" s="8">
        <v>1</v>
      </c>
      <c r="H12074" s="8">
        <v>1</v>
      </c>
      <c r="I12074" s="8">
        <v>0</v>
      </c>
      <c r="J12074" s="8">
        <v>1</v>
      </c>
      <c r="K12074" s="9">
        <v>7.97</v>
      </c>
      <c r="L12074" s="6" t="s">
        <v>51</v>
      </c>
    </row>
    <row r="12075" spans="1:12">
      <c r="A12075" s="6" t="s">
        <v>49</v>
      </c>
      <c r="B12075" s="6"/>
      <c r="C12075" s="6" t="s">
        <v>12099</v>
      </c>
      <c r="D12075" s="6"/>
      <c r="E12075" s="6" t="s">
        <v>9</v>
      </c>
      <c r="F12075" s="7">
        <v>38657</v>
      </c>
      <c r="G12075" s="8">
        <v>1</v>
      </c>
      <c r="H12075" s="8">
        <v>1</v>
      </c>
      <c r="I12075" s="8">
        <v>0</v>
      </c>
      <c r="J12075" s="8">
        <v>1</v>
      </c>
      <c r="K12075" s="9">
        <v>14.53</v>
      </c>
      <c r="L12075" s="6" t="s">
        <v>51</v>
      </c>
    </row>
    <row r="12076" spans="1:12">
      <c r="A12076" s="6" t="s">
        <v>49</v>
      </c>
      <c r="B12076" s="6"/>
      <c r="C12076" s="6" t="s">
        <v>12100</v>
      </c>
      <c r="D12076" s="6"/>
      <c r="E12076" s="6" t="s">
        <v>9</v>
      </c>
      <c r="F12076" s="7">
        <v>38657</v>
      </c>
      <c r="G12076" s="8">
        <v>1</v>
      </c>
      <c r="H12076" s="8">
        <v>1</v>
      </c>
      <c r="I12076" s="8">
        <v>0</v>
      </c>
      <c r="J12076" s="8">
        <v>1</v>
      </c>
      <c r="K12076" s="9">
        <v>5.53</v>
      </c>
      <c r="L12076" s="6" t="s">
        <v>51</v>
      </c>
    </row>
    <row r="12077" spans="1:12">
      <c r="A12077" s="6" t="s">
        <v>49</v>
      </c>
      <c r="B12077" s="6"/>
      <c r="C12077" s="6" t="s">
        <v>12101</v>
      </c>
      <c r="D12077" s="6"/>
      <c r="E12077" s="6" t="s">
        <v>9</v>
      </c>
      <c r="F12077" s="7">
        <v>38657</v>
      </c>
      <c r="G12077" s="8">
        <v>1</v>
      </c>
      <c r="H12077" s="8">
        <v>1</v>
      </c>
      <c r="I12077" s="8">
        <v>0</v>
      </c>
      <c r="J12077" s="8">
        <v>1</v>
      </c>
      <c r="K12077" s="9">
        <v>224</v>
      </c>
      <c r="L12077" s="6" t="s">
        <v>51</v>
      </c>
    </row>
    <row r="12078" spans="1:12">
      <c r="A12078" s="6" t="s">
        <v>49</v>
      </c>
      <c r="B12078" s="6"/>
      <c r="C12078" s="6" t="s">
        <v>12102</v>
      </c>
      <c r="D12078" s="6"/>
      <c r="E12078" s="6" t="s">
        <v>9</v>
      </c>
      <c r="F12078" s="7">
        <v>38657</v>
      </c>
      <c r="G12078" s="8">
        <v>1</v>
      </c>
      <c r="H12078" s="8">
        <v>1</v>
      </c>
      <c r="I12078" s="8">
        <v>0</v>
      </c>
      <c r="J12078" s="8">
        <v>1</v>
      </c>
      <c r="K12078" s="9">
        <v>0.39</v>
      </c>
      <c r="L12078" s="6" t="s">
        <v>51</v>
      </c>
    </row>
    <row r="12079" spans="1:12">
      <c r="A12079" s="6" t="s">
        <v>49</v>
      </c>
      <c r="B12079" s="6"/>
      <c r="C12079" s="6" t="s">
        <v>12103</v>
      </c>
      <c r="D12079" s="6"/>
      <c r="E12079" s="6" t="s">
        <v>9</v>
      </c>
      <c r="F12079" s="7">
        <v>38657</v>
      </c>
      <c r="G12079" s="8">
        <v>1</v>
      </c>
      <c r="H12079" s="8">
        <v>1</v>
      </c>
      <c r="I12079" s="8">
        <v>0</v>
      </c>
      <c r="J12079" s="8">
        <v>1</v>
      </c>
      <c r="K12079" s="9">
        <v>383</v>
      </c>
      <c r="L12079" s="6" t="s">
        <v>51</v>
      </c>
    </row>
    <row r="12080" spans="1:12">
      <c r="A12080" s="6" t="s">
        <v>49</v>
      </c>
      <c r="B12080" s="6"/>
      <c r="C12080" s="6" t="s">
        <v>12104</v>
      </c>
      <c r="D12080" s="6"/>
      <c r="E12080" s="6" t="s">
        <v>9</v>
      </c>
      <c r="F12080" s="7">
        <v>38657</v>
      </c>
      <c r="G12080" s="8">
        <v>1</v>
      </c>
      <c r="H12080" s="8">
        <v>1</v>
      </c>
      <c r="I12080" s="8">
        <v>0</v>
      </c>
      <c r="J12080" s="8">
        <v>1</v>
      </c>
      <c r="K12080" s="9">
        <v>802</v>
      </c>
      <c r="L12080" s="6" t="s">
        <v>51</v>
      </c>
    </row>
    <row r="12081" spans="1:12">
      <c r="A12081" s="6" t="s">
        <v>49</v>
      </c>
      <c r="B12081" s="6"/>
      <c r="C12081" s="6" t="s">
        <v>12105</v>
      </c>
      <c r="D12081" s="6"/>
      <c r="E12081" s="6" t="s">
        <v>9</v>
      </c>
      <c r="F12081" s="7">
        <v>38657</v>
      </c>
      <c r="G12081" s="8">
        <v>1</v>
      </c>
      <c r="H12081" s="8">
        <v>1</v>
      </c>
      <c r="I12081" s="8">
        <v>0</v>
      </c>
      <c r="J12081" s="8">
        <v>1</v>
      </c>
      <c r="K12081" s="9">
        <v>112</v>
      </c>
      <c r="L12081" s="6" t="s">
        <v>51</v>
      </c>
    </row>
    <row r="12082" spans="1:12">
      <c r="A12082" s="6" t="s">
        <v>49</v>
      </c>
      <c r="B12082" s="6"/>
      <c r="C12082" s="6" t="s">
        <v>12106</v>
      </c>
      <c r="D12082" s="6"/>
      <c r="E12082" s="6" t="s">
        <v>9</v>
      </c>
      <c r="F12082" s="7">
        <v>38657</v>
      </c>
      <c r="G12082" s="8">
        <v>1</v>
      </c>
      <c r="H12082" s="8">
        <v>1</v>
      </c>
      <c r="I12082" s="8">
        <v>0</v>
      </c>
      <c r="J12082" s="8">
        <v>1</v>
      </c>
      <c r="K12082" s="9">
        <v>184</v>
      </c>
      <c r="L12082" s="6" t="s">
        <v>51</v>
      </c>
    </row>
    <row r="12083" spans="1:12">
      <c r="A12083" s="6" t="s">
        <v>49</v>
      </c>
      <c r="B12083" s="6"/>
      <c r="C12083" s="6" t="s">
        <v>12107</v>
      </c>
      <c r="D12083" s="6"/>
      <c r="E12083" s="6" t="s">
        <v>9</v>
      </c>
      <c r="F12083" s="7">
        <v>38657</v>
      </c>
      <c r="G12083" s="8">
        <v>1</v>
      </c>
      <c r="H12083" s="8">
        <v>1</v>
      </c>
      <c r="I12083" s="8">
        <v>0</v>
      </c>
      <c r="J12083" s="8">
        <v>1</v>
      </c>
      <c r="K12083" s="9">
        <v>520</v>
      </c>
      <c r="L12083" s="6" t="s">
        <v>51</v>
      </c>
    </row>
    <row r="12084" spans="1:12">
      <c r="A12084" s="6" t="s">
        <v>49</v>
      </c>
      <c r="B12084" s="6"/>
      <c r="C12084" s="6" t="s">
        <v>12108</v>
      </c>
      <c r="D12084" s="6"/>
      <c r="E12084" s="6" t="s">
        <v>9</v>
      </c>
      <c r="F12084" s="7">
        <v>38657</v>
      </c>
      <c r="G12084" s="8">
        <v>1</v>
      </c>
      <c r="H12084" s="8">
        <v>1</v>
      </c>
      <c r="I12084" s="8">
        <v>0</v>
      </c>
      <c r="J12084" s="8">
        <v>1</v>
      </c>
      <c r="K12084" s="9">
        <v>3.19</v>
      </c>
      <c r="L12084" s="6" t="s">
        <v>51</v>
      </c>
    </row>
    <row r="12085" spans="1:12">
      <c r="A12085" s="6" t="s">
        <v>49</v>
      </c>
      <c r="B12085" s="6"/>
      <c r="C12085" s="6" t="s">
        <v>12109</v>
      </c>
      <c r="D12085" s="6"/>
      <c r="E12085" s="6" t="s">
        <v>9</v>
      </c>
      <c r="F12085" s="7">
        <v>38657</v>
      </c>
      <c r="G12085" s="8">
        <v>1</v>
      </c>
      <c r="H12085" s="8">
        <v>1</v>
      </c>
      <c r="I12085" s="8">
        <v>0</v>
      </c>
      <c r="J12085" s="8">
        <v>1</v>
      </c>
      <c r="K12085" s="9">
        <v>21.98</v>
      </c>
      <c r="L12085" s="6" t="s">
        <v>51</v>
      </c>
    </row>
    <row r="12086" spans="1:12">
      <c r="A12086" s="6" t="s">
        <v>49</v>
      </c>
      <c r="B12086" s="6"/>
      <c r="C12086" s="6" t="s">
        <v>12110</v>
      </c>
      <c r="D12086" s="6"/>
      <c r="E12086" s="6" t="s">
        <v>9</v>
      </c>
      <c r="F12086" s="7">
        <v>38657</v>
      </c>
      <c r="G12086" s="8">
        <v>1</v>
      </c>
      <c r="H12086" s="8">
        <v>1</v>
      </c>
      <c r="I12086" s="8">
        <v>0</v>
      </c>
      <c r="J12086" s="8">
        <v>1</v>
      </c>
      <c r="K12086" s="9">
        <v>55</v>
      </c>
      <c r="L12086" s="6" t="s">
        <v>51</v>
      </c>
    </row>
    <row r="12087" spans="1:12">
      <c r="A12087" s="6" t="s">
        <v>49</v>
      </c>
      <c r="B12087" s="6"/>
      <c r="C12087" s="6" t="s">
        <v>12111</v>
      </c>
      <c r="D12087" s="6"/>
      <c r="E12087" s="6" t="s">
        <v>9</v>
      </c>
      <c r="F12087" s="7">
        <v>38657</v>
      </c>
      <c r="G12087" s="8">
        <v>1</v>
      </c>
      <c r="H12087" s="8">
        <v>1</v>
      </c>
      <c r="I12087" s="8">
        <v>0</v>
      </c>
      <c r="J12087" s="8">
        <v>1</v>
      </c>
      <c r="K12087" s="9">
        <v>57</v>
      </c>
      <c r="L12087" s="6" t="s">
        <v>51</v>
      </c>
    </row>
    <row r="12088" spans="1:12">
      <c r="A12088" s="6" t="s">
        <v>49</v>
      </c>
      <c r="B12088" s="6"/>
      <c r="C12088" s="6" t="s">
        <v>12112</v>
      </c>
      <c r="D12088" s="6"/>
      <c r="E12088" s="6" t="s">
        <v>9</v>
      </c>
      <c r="F12088" s="7">
        <v>38657</v>
      </c>
      <c r="G12088" s="8">
        <v>1</v>
      </c>
      <c r="H12088" s="8">
        <v>1</v>
      </c>
      <c r="I12088" s="8">
        <v>0</v>
      </c>
      <c r="J12088" s="8">
        <v>1</v>
      </c>
      <c r="K12088" s="9">
        <v>151</v>
      </c>
      <c r="L12088" s="6" t="s">
        <v>51</v>
      </c>
    </row>
    <row r="12089" spans="1:12">
      <c r="A12089" s="6" t="s">
        <v>49</v>
      </c>
      <c r="B12089" s="6"/>
      <c r="C12089" s="6" t="s">
        <v>12113</v>
      </c>
      <c r="D12089" s="6"/>
      <c r="E12089" s="6" t="s">
        <v>9</v>
      </c>
      <c r="F12089" s="7">
        <v>38657</v>
      </c>
      <c r="G12089" s="8">
        <v>1</v>
      </c>
      <c r="H12089" s="8">
        <v>1</v>
      </c>
      <c r="I12089" s="8">
        <v>0</v>
      </c>
      <c r="J12089" s="8">
        <v>1</v>
      </c>
      <c r="K12089" s="9">
        <v>401</v>
      </c>
      <c r="L12089" s="6" t="s">
        <v>51</v>
      </c>
    </row>
    <row r="12090" spans="1:12">
      <c r="A12090" s="6" t="s">
        <v>49</v>
      </c>
      <c r="B12090" s="6"/>
      <c r="C12090" s="6" t="s">
        <v>12114</v>
      </c>
      <c r="D12090" s="6"/>
      <c r="E12090" s="6" t="s">
        <v>9</v>
      </c>
      <c r="F12090" s="7">
        <v>38657</v>
      </c>
      <c r="G12090" s="8">
        <v>1</v>
      </c>
      <c r="H12090" s="8">
        <v>1</v>
      </c>
      <c r="I12090" s="8">
        <v>0</v>
      </c>
      <c r="J12090" s="8">
        <v>1</v>
      </c>
      <c r="K12090" s="9">
        <v>159</v>
      </c>
      <c r="L12090" s="6" t="s">
        <v>51</v>
      </c>
    </row>
    <row r="12091" spans="1:12">
      <c r="A12091" s="6" t="s">
        <v>49</v>
      </c>
      <c r="B12091" s="6"/>
      <c r="C12091" s="6" t="s">
        <v>12115</v>
      </c>
      <c r="D12091" s="6"/>
      <c r="E12091" s="6" t="s">
        <v>9</v>
      </c>
      <c r="F12091" s="7">
        <v>38657</v>
      </c>
      <c r="G12091" s="8">
        <v>1</v>
      </c>
      <c r="H12091" s="8">
        <v>1</v>
      </c>
      <c r="I12091" s="8">
        <v>0</v>
      </c>
      <c r="J12091" s="8">
        <v>1</v>
      </c>
      <c r="K12091" s="9">
        <v>172</v>
      </c>
      <c r="L12091" s="6" t="s">
        <v>51</v>
      </c>
    </row>
    <row r="12092" spans="1:12">
      <c r="A12092" s="6" t="s">
        <v>49</v>
      </c>
      <c r="B12092" s="6"/>
      <c r="C12092" s="6" t="s">
        <v>12116</v>
      </c>
      <c r="D12092" s="6"/>
      <c r="E12092" s="6" t="s">
        <v>9</v>
      </c>
      <c r="F12092" s="7">
        <v>38657</v>
      </c>
      <c r="G12092" s="8">
        <v>1</v>
      </c>
      <c r="H12092" s="8">
        <v>1</v>
      </c>
      <c r="I12092" s="8">
        <v>0</v>
      </c>
      <c r="J12092" s="8">
        <v>1</v>
      </c>
      <c r="K12092" s="9">
        <v>83</v>
      </c>
      <c r="L12092" s="6" t="s">
        <v>51</v>
      </c>
    </row>
    <row r="12093" spans="1:12">
      <c r="A12093" s="6" t="s">
        <v>49</v>
      </c>
      <c r="B12093" s="6"/>
      <c r="C12093" s="6" t="s">
        <v>12117</v>
      </c>
      <c r="D12093" s="6"/>
      <c r="E12093" s="6" t="s">
        <v>9</v>
      </c>
      <c r="F12093" s="7">
        <v>38657</v>
      </c>
      <c r="G12093" s="8">
        <v>1</v>
      </c>
      <c r="H12093" s="8">
        <v>1</v>
      </c>
      <c r="I12093" s="8">
        <v>0</v>
      </c>
      <c r="J12093" s="8">
        <v>1</v>
      </c>
      <c r="K12093" s="9">
        <v>3.21</v>
      </c>
      <c r="L12093" s="6" t="s">
        <v>51</v>
      </c>
    </row>
    <row r="12094" spans="1:12">
      <c r="A12094" s="6" t="s">
        <v>49</v>
      </c>
      <c r="B12094" s="6"/>
      <c r="C12094" s="6" t="s">
        <v>12118</v>
      </c>
      <c r="D12094" s="6"/>
      <c r="E12094" s="6" t="s">
        <v>9</v>
      </c>
      <c r="F12094" s="7">
        <v>38657</v>
      </c>
      <c r="G12094" s="8">
        <v>1</v>
      </c>
      <c r="H12094" s="8">
        <v>1</v>
      </c>
      <c r="I12094" s="8">
        <v>0</v>
      </c>
      <c r="J12094" s="8">
        <v>1</v>
      </c>
      <c r="K12094" s="9">
        <v>2.33</v>
      </c>
      <c r="L12094" s="6" t="s">
        <v>51</v>
      </c>
    </row>
    <row r="12095" spans="1:12">
      <c r="A12095" s="6" t="s">
        <v>49</v>
      </c>
      <c r="B12095" s="6"/>
      <c r="C12095" s="6" t="s">
        <v>12119</v>
      </c>
      <c r="D12095" s="6"/>
      <c r="E12095" s="6" t="s">
        <v>9</v>
      </c>
      <c r="F12095" s="7">
        <v>38657</v>
      </c>
      <c r="G12095" s="8">
        <v>1</v>
      </c>
      <c r="H12095" s="8">
        <v>1</v>
      </c>
      <c r="I12095" s="8">
        <v>0</v>
      </c>
      <c r="J12095" s="8">
        <v>1</v>
      </c>
      <c r="K12095" s="9">
        <v>474</v>
      </c>
      <c r="L12095" s="6" t="s">
        <v>51</v>
      </c>
    </row>
    <row r="12096" spans="1:12">
      <c r="A12096" s="6" t="s">
        <v>49</v>
      </c>
      <c r="B12096" s="6"/>
      <c r="C12096" s="6" t="s">
        <v>12120</v>
      </c>
      <c r="D12096" s="6"/>
      <c r="E12096" s="6" t="s">
        <v>9</v>
      </c>
      <c r="F12096" s="7">
        <v>38657</v>
      </c>
      <c r="G12096" s="8">
        <v>1</v>
      </c>
      <c r="H12096" s="8">
        <v>1</v>
      </c>
      <c r="I12096" s="8">
        <v>0</v>
      </c>
      <c r="J12096" s="8">
        <v>1</v>
      </c>
      <c r="K12096" s="9">
        <v>17.07</v>
      </c>
      <c r="L12096" s="6" t="s">
        <v>51</v>
      </c>
    </row>
    <row r="12097" spans="1:12">
      <c r="A12097" s="6" t="s">
        <v>49</v>
      </c>
      <c r="B12097" s="6"/>
      <c r="C12097" s="6" t="s">
        <v>12121</v>
      </c>
      <c r="D12097" s="6"/>
      <c r="E12097" s="6" t="s">
        <v>9</v>
      </c>
      <c r="F12097" s="7">
        <v>38657</v>
      </c>
      <c r="G12097" s="8">
        <v>1</v>
      </c>
      <c r="H12097" s="8">
        <v>1</v>
      </c>
      <c r="I12097" s="8">
        <v>0</v>
      </c>
      <c r="J12097" s="8">
        <v>1</v>
      </c>
      <c r="K12097" s="9">
        <v>448</v>
      </c>
      <c r="L12097" s="6" t="s">
        <v>51</v>
      </c>
    </row>
    <row r="12098" spans="1:12">
      <c r="A12098" s="6" t="s">
        <v>49</v>
      </c>
      <c r="B12098" s="6"/>
      <c r="C12098" s="6" t="s">
        <v>12122</v>
      </c>
      <c r="D12098" s="6"/>
      <c r="E12098" s="6" t="s">
        <v>9</v>
      </c>
      <c r="F12098" s="7">
        <v>38657</v>
      </c>
      <c r="G12098" s="8">
        <v>1</v>
      </c>
      <c r="H12098" s="8">
        <v>1</v>
      </c>
      <c r="I12098" s="8">
        <v>0</v>
      </c>
      <c r="J12098" s="8">
        <v>1</v>
      </c>
      <c r="K12098" s="9">
        <v>461</v>
      </c>
      <c r="L12098" s="6" t="s">
        <v>51</v>
      </c>
    </row>
    <row r="12099" spans="1:12">
      <c r="A12099" s="6" t="s">
        <v>49</v>
      </c>
      <c r="B12099" s="6"/>
      <c r="C12099" s="6" t="s">
        <v>12123</v>
      </c>
      <c r="D12099" s="6"/>
      <c r="E12099" s="6" t="s">
        <v>9</v>
      </c>
      <c r="F12099" s="7">
        <v>38657</v>
      </c>
      <c r="G12099" s="8">
        <v>1</v>
      </c>
      <c r="H12099" s="8">
        <v>1</v>
      </c>
      <c r="I12099" s="8">
        <v>0</v>
      </c>
      <c r="J12099" s="8">
        <v>1</v>
      </c>
      <c r="K12099" s="9">
        <v>45</v>
      </c>
      <c r="L12099" s="6" t="s">
        <v>51</v>
      </c>
    </row>
    <row r="12100" spans="1:12">
      <c r="A12100" s="6" t="s">
        <v>49</v>
      </c>
      <c r="B12100" s="6"/>
      <c r="C12100" s="6" t="s">
        <v>12124</v>
      </c>
      <c r="D12100" s="6"/>
      <c r="E12100" s="6" t="s">
        <v>9</v>
      </c>
      <c r="F12100" s="7">
        <v>38657</v>
      </c>
      <c r="G12100" s="8">
        <v>1</v>
      </c>
      <c r="H12100" s="8">
        <v>1</v>
      </c>
      <c r="I12100" s="8">
        <v>0</v>
      </c>
      <c r="J12100" s="8">
        <v>1</v>
      </c>
      <c r="K12100" s="9">
        <v>46</v>
      </c>
      <c r="L12100" s="6" t="s">
        <v>51</v>
      </c>
    </row>
    <row r="12101" spans="1:12">
      <c r="A12101" s="6" t="s">
        <v>49</v>
      </c>
      <c r="B12101" s="6"/>
      <c r="C12101" s="6" t="s">
        <v>12125</v>
      </c>
      <c r="D12101" s="6"/>
      <c r="E12101" s="6" t="s">
        <v>9</v>
      </c>
      <c r="F12101" s="7">
        <v>38657</v>
      </c>
      <c r="G12101" s="8">
        <v>1</v>
      </c>
      <c r="H12101" s="8">
        <v>1</v>
      </c>
      <c r="I12101" s="8">
        <v>0</v>
      </c>
      <c r="J12101" s="8">
        <v>1</v>
      </c>
      <c r="K12101" s="9">
        <v>69</v>
      </c>
      <c r="L12101" s="6" t="s">
        <v>51</v>
      </c>
    </row>
    <row r="12102" spans="1:12">
      <c r="A12102" s="6" t="s">
        <v>49</v>
      </c>
      <c r="B12102" s="6"/>
      <c r="C12102" s="6" t="s">
        <v>12126</v>
      </c>
      <c r="D12102" s="6"/>
      <c r="E12102" s="6" t="s">
        <v>9</v>
      </c>
      <c r="F12102" s="7">
        <v>38657</v>
      </c>
      <c r="G12102" s="8">
        <v>1</v>
      </c>
      <c r="H12102" s="8">
        <v>1</v>
      </c>
      <c r="I12102" s="8">
        <v>0</v>
      </c>
      <c r="J12102" s="8">
        <v>1</v>
      </c>
      <c r="K12102" s="9">
        <v>70</v>
      </c>
      <c r="L12102" s="6" t="s">
        <v>51</v>
      </c>
    </row>
    <row r="12103" spans="1:12">
      <c r="A12103" s="6" t="s">
        <v>49</v>
      </c>
      <c r="B12103" s="6"/>
      <c r="C12103" s="6" t="s">
        <v>12127</v>
      </c>
      <c r="D12103" s="6"/>
      <c r="E12103" s="6" t="s">
        <v>9</v>
      </c>
      <c r="F12103" s="7">
        <v>38657</v>
      </c>
      <c r="G12103" s="8">
        <v>1</v>
      </c>
      <c r="H12103" s="8">
        <v>1</v>
      </c>
      <c r="I12103" s="8">
        <v>0</v>
      </c>
      <c r="J12103" s="8">
        <v>1</v>
      </c>
      <c r="K12103" s="9">
        <v>99</v>
      </c>
      <c r="L12103" s="6" t="s">
        <v>51</v>
      </c>
    </row>
    <row r="12104" spans="1:12">
      <c r="A12104" s="6" t="s">
        <v>49</v>
      </c>
      <c r="B12104" s="6"/>
      <c r="C12104" s="6" t="s">
        <v>12128</v>
      </c>
      <c r="D12104" s="6"/>
      <c r="E12104" s="6" t="s">
        <v>9</v>
      </c>
      <c r="F12104" s="7">
        <v>38657</v>
      </c>
      <c r="G12104" s="8">
        <v>1</v>
      </c>
      <c r="H12104" s="8">
        <v>1</v>
      </c>
      <c r="I12104" s="8">
        <v>0</v>
      </c>
      <c r="J12104" s="8">
        <v>1</v>
      </c>
      <c r="K12104" s="9">
        <v>70</v>
      </c>
      <c r="L12104" s="6" t="s">
        <v>51</v>
      </c>
    </row>
    <row r="12105" spans="1:12">
      <c r="A12105" s="6" t="s">
        <v>49</v>
      </c>
      <c r="B12105" s="6"/>
      <c r="C12105" s="6" t="s">
        <v>12129</v>
      </c>
      <c r="D12105" s="6"/>
      <c r="E12105" s="6" t="s">
        <v>9</v>
      </c>
      <c r="F12105" s="7">
        <v>38657</v>
      </c>
      <c r="G12105" s="8">
        <v>1</v>
      </c>
      <c r="H12105" s="8">
        <v>1</v>
      </c>
      <c r="I12105" s="8">
        <v>0</v>
      </c>
      <c r="J12105" s="8">
        <v>1</v>
      </c>
      <c r="K12105" s="9">
        <v>88</v>
      </c>
      <c r="L12105" s="6" t="s">
        <v>51</v>
      </c>
    </row>
    <row r="12106" spans="1:12">
      <c r="A12106" s="6" t="s">
        <v>49</v>
      </c>
      <c r="B12106" s="6"/>
      <c r="C12106" s="6" t="s">
        <v>12130</v>
      </c>
      <c r="D12106" s="6"/>
      <c r="E12106" s="6" t="s">
        <v>9</v>
      </c>
      <c r="F12106" s="7">
        <v>38657</v>
      </c>
      <c r="G12106" s="8">
        <v>1</v>
      </c>
      <c r="H12106" s="8">
        <v>1</v>
      </c>
      <c r="I12106" s="8">
        <v>0</v>
      </c>
      <c r="J12106" s="8">
        <v>1</v>
      </c>
      <c r="K12106" s="9">
        <v>52</v>
      </c>
      <c r="L12106" s="6" t="s">
        <v>51</v>
      </c>
    </row>
    <row r="12107" spans="1:12">
      <c r="A12107" s="6" t="s">
        <v>49</v>
      </c>
      <c r="B12107" s="6"/>
      <c r="C12107" s="6" t="s">
        <v>12131</v>
      </c>
      <c r="D12107" s="6"/>
      <c r="E12107" s="6" t="s">
        <v>9</v>
      </c>
      <c r="F12107" s="7">
        <v>38657</v>
      </c>
      <c r="G12107" s="8">
        <v>1</v>
      </c>
      <c r="H12107" s="8">
        <v>1</v>
      </c>
      <c r="I12107" s="8">
        <v>0</v>
      </c>
      <c r="J12107" s="8">
        <v>1</v>
      </c>
      <c r="K12107" s="9">
        <v>17.32</v>
      </c>
      <c r="L12107" s="6" t="s">
        <v>51</v>
      </c>
    </row>
    <row r="12108" spans="1:12">
      <c r="A12108" s="6" t="s">
        <v>49</v>
      </c>
      <c r="B12108" s="6"/>
      <c r="C12108" s="6" t="s">
        <v>12132</v>
      </c>
      <c r="D12108" s="6"/>
      <c r="E12108" s="6" t="s">
        <v>9</v>
      </c>
      <c r="F12108" s="7">
        <v>38657</v>
      </c>
      <c r="G12108" s="8">
        <v>1</v>
      </c>
      <c r="H12108" s="8">
        <v>1</v>
      </c>
      <c r="I12108" s="8">
        <v>0</v>
      </c>
      <c r="J12108" s="8">
        <v>1</v>
      </c>
      <c r="K12108" s="9">
        <v>113</v>
      </c>
      <c r="L12108" s="6" t="s">
        <v>51</v>
      </c>
    </row>
    <row r="12109" spans="1:12">
      <c r="A12109" s="6" t="s">
        <v>49</v>
      </c>
      <c r="B12109" s="6"/>
      <c r="C12109" s="6" t="s">
        <v>12133</v>
      </c>
      <c r="D12109" s="6"/>
      <c r="E12109" s="6" t="s">
        <v>9</v>
      </c>
      <c r="F12109" s="7">
        <v>38657</v>
      </c>
      <c r="G12109" s="8">
        <v>1</v>
      </c>
      <c r="H12109" s="8">
        <v>1</v>
      </c>
      <c r="I12109" s="8">
        <v>0</v>
      </c>
      <c r="J12109" s="8">
        <v>1</v>
      </c>
      <c r="K12109" s="9">
        <v>194</v>
      </c>
      <c r="L12109" s="6" t="s">
        <v>51</v>
      </c>
    </row>
    <row r="12110" spans="1:12">
      <c r="A12110" s="6" t="s">
        <v>49</v>
      </c>
      <c r="B12110" s="6"/>
      <c r="C12110" s="6" t="s">
        <v>12134</v>
      </c>
      <c r="D12110" s="6"/>
      <c r="E12110" s="6" t="s">
        <v>9</v>
      </c>
      <c r="F12110" s="7">
        <v>38657</v>
      </c>
      <c r="G12110" s="8">
        <v>1</v>
      </c>
      <c r="H12110" s="8">
        <v>1</v>
      </c>
      <c r="I12110" s="8">
        <v>0</v>
      </c>
      <c r="J12110" s="8">
        <v>1</v>
      </c>
      <c r="K12110" s="9">
        <v>80</v>
      </c>
      <c r="L12110" s="6" t="s">
        <v>51</v>
      </c>
    </row>
    <row r="12111" spans="1:12">
      <c r="A12111" s="6" t="s">
        <v>49</v>
      </c>
      <c r="B12111" s="6"/>
      <c r="C12111" s="6" t="s">
        <v>12135</v>
      </c>
      <c r="D12111" s="6"/>
      <c r="E12111" s="6" t="s">
        <v>9</v>
      </c>
      <c r="F12111" s="7">
        <v>38657</v>
      </c>
      <c r="G12111" s="8">
        <v>1</v>
      </c>
      <c r="H12111" s="8">
        <v>1</v>
      </c>
      <c r="I12111" s="8">
        <v>0</v>
      </c>
      <c r="J12111" s="8">
        <v>1</v>
      </c>
      <c r="K12111" s="9">
        <v>284</v>
      </c>
      <c r="L12111" s="6" t="s">
        <v>51</v>
      </c>
    </row>
    <row r="12112" spans="1:12">
      <c r="A12112" s="6" t="s">
        <v>49</v>
      </c>
      <c r="B12112" s="6"/>
      <c r="C12112" s="6" t="s">
        <v>12136</v>
      </c>
      <c r="D12112" s="6"/>
      <c r="E12112" s="6" t="s">
        <v>9</v>
      </c>
      <c r="F12112" s="7">
        <v>38657</v>
      </c>
      <c r="G12112" s="8">
        <v>1</v>
      </c>
      <c r="H12112" s="8">
        <v>1</v>
      </c>
      <c r="I12112" s="8">
        <v>0</v>
      </c>
      <c r="J12112" s="8">
        <v>1</v>
      </c>
      <c r="K12112" s="9">
        <v>377</v>
      </c>
      <c r="L12112" s="6" t="s">
        <v>51</v>
      </c>
    </row>
    <row r="12113" spans="1:12">
      <c r="A12113" s="6" t="s">
        <v>49</v>
      </c>
      <c r="B12113" s="6"/>
      <c r="C12113" s="6" t="s">
        <v>12137</v>
      </c>
      <c r="D12113" s="6"/>
      <c r="E12113" s="6" t="s">
        <v>9</v>
      </c>
      <c r="F12113" s="7">
        <v>38657</v>
      </c>
      <c r="G12113" s="8">
        <v>1</v>
      </c>
      <c r="H12113" s="8">
        <v>1</v>
      </c>
      <c r="I12113" s="8">
        <v>0</v>
      </c>
      <c r="J12113" s="8">
        <v>1</v>
      </c>
      <c r="K12113" s="9">
        <v>91</v>
      </c>
      <c r="L12113" s="6" t="s">
        <v>51</v>
      </c>
    </row>
    <row r="12114" spans="1:12">
      <c r="A12114" s="6" t="s">
        <v>49</v>
      </c>
      <c r="B12114" s="6"/>
      <c r="C12114" s="6" t="s">
        <v>12138</v>
      </c>
      <c r="D12114" s="6"/>
      <c r="E12114" s="6" t="s">
        <v>9</v>
      </c>
      <c r="F12114" s="7">
        <v>38657</v>
      </c>
      <c r="G12114" s="8">
        <v>1</v>
      </c>
      <c r="H12114" s="8">
        <v>1</v>
      </c>
      <c r="I12114" s="8">
        <v>0</v>
      </c>
      <c r="J12114" s="8">
        <v>1</v>
      </c>
      <c r="K12114" s="9">
        <v>10</v>
      </c>
      <c r="L12114" s="6" t="s">
        <v>51</v>
      </c>
    </row>
    <row r="12115" spans="1:12">
      <c r="A12115" s="6" t="s">
        <v>49</v>
      </c>
      <c r="B12115" s="6"/>
      <c r="C12115" s="6" t="s">
        <v>12139</v>
      </c>
      <c r="D12115" s="6"/>
      <c r="E12115" s="6" t="s">
        <v>9</v>
      </c>
      <c r="F12115" s="7">
        <v>38657</v>
      </c>
      <c r="G12115" s="8">
        <v>1</v>
      </c>
      <c r="H12115" s="8">
        <v>1</v>
      </c>
      <c r="I12115" s="8">
        <v>0</v>
      </c>
      <c r="J12115" s="8">
        <v>1</v>
      </c>
      <c r="K12115" s="9">
        <v>254</v>
      </c>
      <c r="L12115" s="6" t="s">
        <v>51</v>
      </c>
    </row>
    <row r="12116" spans="1:12">
      <c r="A12116" s="6" t="s">
        <v>49</v>
      </c>
      <c r="B12116" s="6"/>
      <c r="C12116" s="6" t="s">
        <v>12140</v>
      </c>
      <c r="D12116" s="6"/>
      <c r="E12116" s="6" t="s">
        <v>9</v>
      </c>
      <c r="F12116" s="7">
        <v>38657</v>
      </c>
      <c r="G12116" s="8">
        <v>1</v>
      </c>
      <c r="H12116" s="8">
        <v>1</v>
      </c>
      <c r="I12116" s="8">
        <v>0</v>
      </c>
      <c r="J12116" s="8">
        <v>1</v>
      </c>
      <c r="K12116" s="9">
        <v>14</v>
      </c>
      <c r="L12116" s="6" t="s">
        <v>51</v>
      </c>
    </row>
    <row r="12117" spans="1:12">
      <c r="A12117" s="6" t="s">
        <v>49</v>
      </c>
      <c r="B12117" s="6"/>
      <c r="C12117" s="6" t="s">
        <v>12141</v>
      </c>
      <c r="D12117" s="6"/>
      <c r="E12117" s="6" t="s">
        <v>9</v>
      </c>
      <c r="F12117" s="7">
        <v>38657</v>
      </c>
      <c r="G12117" s="8">
        <v>1</v>
      </c>
      <c r="H12117" s="8">
        <v>1</v>
      </c>
      <c r="I12117" s="8">
        <v>0</v>
      </c>
      <c r="J12117" s="8">
        <v>1</v>
      </c>
      <c r="K12117" s="9">
        <v>10</v>
      </c>
      <c r="L12117" s="6" t="s">
        <v>51</v>
      </c>
    </row>
    <row r="12118" spans="1:12">
      <c r="A12118" s="6" t="s">
        <v>49</v>
      </c>
      <c r="B12118" s="6"/>
      <c r="C12118" s="6" t="s">
        <v>12142</v>
      </c>
      <c r="D12118" s="6"/>
      <c r="E12118" s="6" t="s">
        <v>9</v>
      </c>
      <c r="F12118" s="7">
        <v>38657</v>
      </c>
      <c r="G12118" s="8">
        <v>1</v>
      </c>
      <c r="H12118" s="8">
        <v>1</v>
      </c>
      <c r="I12118" s="8">
        <v>0</v>
      </c>
      <c r="J12118" s="8">
        <v>1</v>
      </c>
      <c r="K12118" s="9">
        <v>19.79</v>
      </c>
      <c r="L12118" s="6" t="s">
        <v>51</v>
      </c>
    </row>
    <row r="12119" spans="1:12">
      <c r="A12119" s="6" t="s">
        <v>49</v>
      </c>
      <c r="B12119" s="6"/>
      <c r="C12119" s="6" t="s">
        <v>12143</v>
      </c>
      <c r="D12119" s="6"/>
      <c r="E12119" s="6" t="s">
        <v>9</v>
      </c>
      <c r="F12119" s="7">
        <v>38657</v>
      </c>
      <c r="G12119" s="8">
        <v>1</v>
      </c>
      <c r="H12119" s="8">
        <v>1</v>
      </c>
      <c r="I12119" s="8">
        <v>0</v>
      </c>
      <c r="J12119" s="8">
        <v>1</v>
      </c>
      <c r="K12119" s="9">
        <v>1.24</v>
      </c>
      <c r="L12119" s="6" t="s">
        <v>51</v>
      </c>
    </row>
    <row r="12120" spans="1:12">
      <c r="A12120" s="6" t="s">
        <v>49</v>
      </c>
      <c r="B12120" s="6"/>
      <c r="C12120" s="6" t="s">
        <v>12144</v>
      </c>
      <c r="D12120" s="6"/>
      <c r="E12120" s="6" t="s">
        <v>9</v>
      </c>
      <c r="F12120" s="7">
        <v>38657</v>
      </c>
      <c r="G12120" s="8">
        <v>1</v>
      </c>
      <c r="H12120" s="8">
        <v>1</v>
      </c>
      <c r="I12120" s="8">
        <v>0</v>
      </c>
      <c r="J12120" s="8">
        <v>1</v>
      </c>
      <c r="K12120" s="9">
        <v>54</v>
      </c>
      <c r="L12120" s="6" t="s">
        <v>51</v>
      </c>
    </row>
    <row r="12121" spans="1:12">
      <c r="A12121" s="6" t="s">
        <v>49</v>
      </c>
      <c r="B12121" s="6"/>
      <c r="C12121" s="6" t="s">
        <v>12145</v>
      </c>
      <c r="D12121" s="6"/>
      <c r="E12121" s="6" t="s">
        <v>9</v>
      </c>
      <c r="F12121" s="7">
        <v>38657</v>
      </c>
      <c r="G12121" s="8">
        <v>1</v>
      </c>
      <c r="H12121" s="8">
        <v>1</v>
      </c>
      <c r="I12121" s="8">
        <v>0</v>
      </c>
      <c r="J12121" s="8">
        <v>1</v>
      </c>
      <c r="K12121" s="9">
        <v>31</v>
      </c>
      <c r="L12121" s="6" t="s">
        <v>51</v>
      </c>
    </row>
    <row r="12122" spans="1:12">
      <c r="A12122" s="6" t="s">
        <v>49</v>
      </c>
      <c r="B12122" s="6"/>
      <c r="C12122" s="6" t="s">
        <v>12146</v>
      </c>
      <c r="D12122" s="6"/>
      <c r="E12122" s="6" t="s">
        <v>9</v>
      </c>
      <c r="F12122" s="7">
        <v>38657</v>
      </c>
      <c r="G12122" s="8">
        <v>1</v>
      </c>
      <c r="H12122" s="8">
        <v>1</v>
      </c>
      <c r="I12122" s="8">
        <v>0</v>
      </c>
      <c r="J12122" s="8">
        <v>1</v>
      </c>
      <c r="K12122" s="9">
        <v>39</v>
      </c>
      <c r="L12122" s="6" t="s">
        <v>51</v>
      </c>
    </row>
    <row r="12123" spans="1:12">
      <c r="A12123" s="6" t="s">
        <v>49</v>
      </c>
      <c r="B12123" s="6"/>
      <c r="C12123" s="6" t="s">
        <v>12147</v>
      </c>
      <c r="D12123" s="6"/>
      <c r="E12123" s="6" t="s">
        <v>9</v>
      </c>
      <c r="F12123" s="7">
        <v>38657</v>
      </c>
      <c r="G12123" s="8">
        <v>1</v>
      </c>
      <c r="H12123" s="8">
        <v>1</v>
      </c>
      <c r="I12123" s="8">
        <v>0</v>
      </c>
      <c r="J12123" s="8">
        <v>1</v>
      </c>
      <c r="K12123" s="9">
        <v>10</v>
      </c>
      <c r="L12123" s="6" t="s">
        <v>51</v>
      </c>
    </row>
    <row r="12124" spans="1:12">
      <c r="A12124" s="6" t="s">
        <v>49</v>
      </c>
      <c r="B12124" s="6"/>
      <c r="C12124" s="6" t="s">
        <v>12148</v>
      </c>
      <c r="D12124" s="6"/>
      <c r="E12124" s="6" t="s">
        <v>9</v>
      </c>
      <c r="F12124" s="7">
        <v>38657</v>
      </c>
      <c r="G12124" s="8">
        <v>1</v>
      </c>
      <c r="H12124" s="8">
        <v>1</v>
      </c>
      <c r="I12124" s="8">
        <v>0</v>
      </c>
      <c r="J12124" s="8">
        <v>1</v>
      </c>
      <c r="K12124" s="9">
        <v>75</v>
      </c>
      <c r="L12124" s="6" t="s">
        <v>51</v>
      </c>
    </row>
    <row r="12125" spans="1:12">
      <c r="A12125" s="6" t="s">
        <v>49</v>
      </c>
      <c r="B12125" s="6"/>
      <c r="C12125" s="6" t="s">
        <v>12149</v>
      </c>
      <c r="D12125" s="6"/>
      <c r="E12125" s="6" t="s">
        <v>9</v>
      </c>
      <c r="F12125" s="7">
        <v>38657</v>
      </c>
      <c r="G12125" s="8">
        <v>1</v>
      </c>
      <c r="H12125" s="8">
        <v>1</v>
      </c>
      <c r="I12125" s="8">
        <v>0</v>
      </c>
      <c r="J12125" s="8">
        <v>1</v>
      </c>
      <c r="K12125" s="9">
        <v>21</v>
      </c>
      <c r="L12125" s="6" t="s">
        <v>51</v>
      </c>
    </row>
    <row r="12126" spans="1:12">
      <c r="A12126" s="6" t="s">
        <v>49</v>
      </c>
      <c r="B12126" s="6"/>
      <c r="C12126" s="6" t="s">
        <v>12150</v>
      </c>
      <c r="D12126" s="6"/>
      <c r="E12126" s="6" t="s">
        <v>9</v>
      </c>
      <c r="F12126" s="7">
        <v>38657</v>
      </c>
      <c r="G12126" s="8">
        <v>1</v>
      </c>
      <c r="H12126" s="8">
        <v>1</v>
      </c>
      <c r="I12126" s="8">
        <v>0</v>
      </c>
      <c r="J12126" s="8">
        <v>1</v>
      </c>
      <c r="K12126" s="9">
        <v>14</v>
      </c>
      <c r="L12126" s="6" t="s">
        <v>51</v>
      </c>
    </row>
    <row r="12127" spans="1:12">
      <c r="A12127" s="6" t="s">
        <v>49</v>
      </c>
      <c r="B12127" s="6"/>
      <c r="C12127" s="6" t="s">
        <v>12151</v>
      </c>
      <c r="D12127" s="6"/>
      <c r="E12127" s="6" t="s">
        <v>9</v>
      </c>
      <c r="F12127" s="7">
        <v>38657</v>
      </c>
      <c r="G12127" s="8">
        <v>1</v>
      </c>
      <c r="H12127" s="8">
        <v>1</v>
      </c>
      <c r="I12127" s="8">
        <v>0</v>
      </c>
      <c r="J12127" s="8">
        <v>1</v>
      </c>
      <c r="K12127" s="9">
        <v>22</v>
      </c>
      <c r="L12127" s="6" t="s">
        <v>51</v>
      </c>
    </row>
    <row r="12128" spans="1:12">
      <c r="A12128" s="6" t="s">
        <v>49</v>
      </c>
      <c r="B12128" s="6"/>
      <c r="C12128" s="6" t="s">
        <v>12152</v>
      </c>
      <c r="D12128" s="6"/>
      <c r="E12128" s="6" t="s">
        <v>9</v>
      </c>
      <c r="F12128" s="7">
        <v>38657</v>
      </c>
      <c r="G12128" s="8">
        <v>1</v>
      </c>
      <c r="H12128" s="8">
        <v>1</v>
      </c>
      <c r="I12128" s="8">
        <v>0</v>
      </c>
      <c r="J12128" s="8">
        <v>1</v>
      </c>
      <c r="K12128" s="9">
        <v>6.88</v>
      </c>
      <c r="L12128" s="6" t="s">
        <v>51</v>
      </c>
    </row>
    <row r="12129" spans="1:12">
      <c r="A12129" s="6" t="s">
        <v>49</v>
      </c>
      <c r="B12129" s="6"/>
      <c r="C12129" s="6" t="s">
        <v>12153</v>
      </c>
      <c r="D12129" s="6"/>
      <c r="E12129" s="6" t="s">
        <v>9</v>
      </c>
      <c r="F12129" s="7">
        <v>38657</v>
      </c>
      <c r="G12129" s="8">
        <v>1</v>
      </c>
      <c r="H12129" s="8">
        <v>1</v>
      </c>
      <c r="I12129" s="8">
        <v>0</v>
      </c>
      <c r="J12129" s="8">
        <v>1</v>
      </c>
      <c r="K12129" s="9">
        <v>42.92</v>
      </c>
      <c r="L12129" s="6" t="s">
        <v>51</v>
      </c>
    </row>
    <row r="12130" spans="1:12">
      <c r="A12130" s="6" t="s">
        <v>49</v>
      </c>
      <c r="B12130" s="6"/>
      <c r="C12130" s="6" t="s">
        <v>12154</v>
      </c>
      <c r="D12130" s="6"/>
      <c r="E12130" s="6" t="s">
        <v>9</v>
      </c>
      <c r="F12130" s="7">
        <v>38657</v>
      </c>
      <c r="G12130" s="8">
        <v>1</v>
      </c>
      <c r="H12130" s="8">
        <v>1</v>
      </c>
      <c r="I12130" s="8">
        <v>0</v>
      </c>
      <c r="J12130" s="8">
        <v>1</v>
      </c>
      <c r="K12130" s="9">
        <v>11</v>
      </c>
      <c r="L12130" s="6" t="s">
        <v>51</v>
      </c>
    </row>
    <row r="12131" spans="1:12">
      <c r="A12131" s="6" t="s">
        <v>49</v>
      </c>
      <c r="B12131" s="6"/>
      <c r="C12131" s="6" t="s">
        <v>12155</v>
      </c>
      <c r="D12131" s="6"/>
      <c r="E12131" s="6" t="s">
        <v>9</v>
      </c>
      <c r="F12131" s="7">
        <v>38657</v>
      </c>
      <c r="G12131" s="8">
        <v>1</v>
      </c>
      <c r="H12131" s="8">
        <v>1</v>
      </c>
      <c r="I12131" s="8">
        <v>0</v>
      </c>
      <c r="J12131" s="8">
        <v>1</v>
      </c>
      <c r="K12131" s="9">
        <v>17</v>
      </c>
      <c r="L12131" s="6" t="s">
        <v>51</v>
      </c>
    </row>
    <row r="12132" spans="1:12">
      <c r="A12132" s="6" t="s">
        <v>49</v>
      </c>
      <c r="B12132" s="6"/>
      <c r="C12132" s="6" t="s">
        <v>12156</v>
      </c>
      <c r="D12132" s="6"/>
      <c r="E12132" s="6" t="s">
        <v>9</v>
      </c>
      <c r="F12132" s="7">
        <v>38657</v>
      </c>
      <c r="G12132" s="8">
        <v>1</v>
      </c>
      <c r="H12132" s="8">
        <v>1</v>
      </c>
      <c r="I12132" s="8">
        <v>0</v>
      </c>
      <c r="J12132" s="8">
        <v>1</v>
      </c>
      <c r="K12132" s="9">
        <v>7.05</v>
      </c>
      <c r="L12132" s="6" t="s">
        <v>51</v>
      </c>
    </row>
    <row r="12133" spans="1:12">
      <c r="A12133" s="6" t="s">
        <v>49</v>
      </c>
      <c r="B12133" s="6"/>
      <c r="C12133" s="6" t="s">
        <v>12157</v>
      </c>
      <c r="D12133" s="6"/>
      <c r="E12133" s="6" t="s">
        <v>9</v>
      </c>
      <c r="F12133" s="7">
        <v>38657</v>
      </c>
      <c r="G12133" s="8">
        <v>1</v>
      </c>
      <c r="H12133" s="8">
        <v>1</v>
      </c>
      <c r="I12133" s="8">
        <v>0</v>
      </c>
      <c r="J12133" s="8">
        <v>1</v>
      </c>
      <c r="K12133" s="9">
        <v>22</v>
      </c>
      <c r="L12133" s="6" t="s">
        <v>51</v>
      </c>
    </row>
    <row r="12134" spans="1:12">
      <c r="A12134" s="6" t="s">
        <v>49</v>
      </c>
      <c r="B12134" s="6"/>
      <c r="C12134" s="6" t="s">
        <v>12158</v>
      </c>
      <c r="D12134" s="6"/>
      <c r="E12134" s="6" t="s">
        <v>9</v>
      </c>
      <c r="F12134" s="7">
        <v>38657</v>
      </c>
      <c r="G12134" s="8">
        <v>1</v>
      </c>
      <c r="H12134" s="8">
        <v>1</v>
      </c>
      <c r="I12134" s="8">
        <v>0</v>
      </c>
      <c r="J12134" s="8">
        <v>1</v>
      </c>
      <c r="K12134" s="9">
        <v>34</v>
      </c>
      <c r="L12134" s="6" t="s">
        <v>51</v>
      </c>
    </row>
    <row r="12135" spans="1:12">
      <c r="A12135" s="6" t="s">
        <v>49</v>
      </c>
      <c r="B12135" s="6"/>
      <c r="C12135" s="6" t="s">
        <v>12159</v>
      </c>
      <c r="D12135" s="6"/>
      <c r="E12135" s="6" t="s">
        <v>9</v>
      </c>
      <c r="F12135" s="7">
        <v>38657</v>
      </c>
      <c r="G12135" s="8">
        <v>1</v>
      </c>
      <c r="H12135" s="8">
        <v>1</v>
      </c>
      <c r="I12135" s="8">
        <v>0</v>
      </c>
      <c r="J12135" s="8">
        <v>1</v>
      </c>
      <c r="K12135" s="9">
        <v>22</v>
      </c>
      <c r="L12135" s="6" t="s">
        <v>51</v>
      </c>
    </row>
    <row r="12136" spans="1:12">
      <c r="A12136" s="6" t="s">
        <v>49</v>
      </c>
      <c r="B12136" s="6"/>
      <c r="C12136" s="6" t="s">
        <v>12160</v>
      </c>
      <c r="D12136" s="6"/>
      <c r="E12136" s="6" t="s">
        <v>9</v>
      </c>
      <c r="F12136" s="7">
        <v>38657</v>
      </c>
      <c r="G12136" s="8">
        <v>1</v>
      </c>
      <c r="H12136" s="8">
        <v>1</v>
      </c>
      <c r="I12136" s="8">
        <v>0</v>
      </c>
      <c r="J12136" s="8">
        <v>1</v>
      </c>
      <c r="K12136" s="9">
        <v>41</v>
      </c>
      <c r="L12136" s="6" t="s">
        <v>51</v>
      </c>
    </row>
    <row r="12137" spans="1:12">
      <c r="A12137" s="6" t="s">
        <v>49</v>
      </c>
      <c r="B12137" s="6"/>
      <c r="C12137" s="6" t="s">
        <v>12161</v>
      </c>
      <c r="D12137" s="6"/>
      <c r="E12137" s="6" t="s">
        <v>9</v>
      </c>
      <c r="F12137" s="7">
        <v>38657</v>
      </c>
      <c r="G12137" s="8">
        <v>1</v>
      </c>
      <c r="H12137" s="8">
        <v>1</v>
      </c>
      <c r="I12137" s="8">
        <v>0</v>
      </c>
      <c r="J12137" s="8">
        <v>1</v>
      </c>
      <c r="K12137" s="9">
        <v>34</v>
      </c>
      <c r="L12137" s="6" t="s">
        <v>51</v>
      </c>
    </row>
    <row r="12138" spans="1:12">
      <c r="A12138" s="6" t="s">
        <v>49</v>
      </c>
      <c r="B12138" s="6"/>
      <c r="C12138" s="6" t="s">
        <v>12162</v>
      </c>
      <c r="D12138" s="6"/>
      <c r="E12138" s="6" t="s">
        <v>9</v>
      </c>
      <c r="F12138" s="7">
        <v>38657</v>
      </c>
      <c r="G12138" s="8">
        <v>1</v>
      </c>
      <c r="H12138" s="8">
        <v>1</v>
      </c>
      <c r="I12138" s="8">
        <v>0</v>
      </c>
      <c r="J12138" s="8">
        <v>1</v>
      </c>
      <c r="K12138" s="9">
        <v>42</v>
      </c>
      <c r="L12138" s="6" t="s">
        <v>51</v>
      </c>
    </row>
    <row r="12139" spans="1:12">
      <c r="A12139" s="6" t="s">
        <v>49</v>
      </c>
      <c r="B12139" s="6"/>
      <c r="C12139" s="6" t="s">
        <v>12163</v>
      </c>
      <c r="D12139" s="6"/>
      <c r="E12139" s="6" t="s">
        <v>9</v>
      </c>
      <c r="F12139" s="7">
        <v>38657</v>
      </c>
      <c r="G12139" s="8">
        <v>1</v>
      </c>
      <c r="H12139" s="8">
        <v>1</v>
      </c>
      <c r="I12139" s="8">
        <v>0</v>
      </c>
      <c r="J12139" s="8">
        <v>1</v>
      </c>
      <c r="K12139" s="9">
        <v>43</v>
      </c>
      <c r="L12139" s="6" t="s">
        <v>51</v>
      </c>
    </row>
    <row r="12140" spans="1:12">
      <c r="A12140" s="6" t="s">
        <v>49</v>
      </c>
      <c r="B12140" s="6"/>
      <c r="C12140" s="6" t="s">
        <v>12164</v>
      </c>
      <c r="D12140" s="6"/>
      <c r="E12140" s="6" t="s">
        <v>9</v>
      </c>
      <c r="F12140" s="7">
        <v>38657</v>
      </c>
      <c r="G12140" s="8">
        <v>1</v>
      </c>
      <c r="H12140" s="8">
        <v>1</v>
      </c>
      <c r="I12140" s="8">
        <v>0</v>
      </c>
      <c r="J12140" s="8">
        <v>1</v>
      </c>
      <c r="K12140" s="9">
        <v>29</v>
      </c>
      <c r="L12140" s="6" t="s">
        <v>51</v>
      </c>
    </row>
    <row r="12141" spans="1:12">
      <c r="A12141" s="6" t="s">
        <v>49</v>
      </c>
      <c r="B12141" s="6"/>
      <c r="C12141" s="6" t="s">
        <v>12165</v>
      </c>
      <c r="D12141" s="6"/>
      <c r="E12141" s="6" t="s">
        <v>9</v>
      </c>
      <c r="F12141" s="7">
        <v>38657</v>
      </c>
      <c r="G12141" s="8">
        <v>1</v>
      </c>
      <c r="H12141" s="8">
        <v>1</v>
      </c>
      <c r="I12141" s="8">
        <v>0</v>
      </c>
      <c r="J12141" s="8">
        <v>1</v>
      </c>
      <c r="K12141" s="9">
        <v>16</v>
      </c>
      <c r="L12141" s="6" t="s">
        <v>51</v>
      </c>
    </row>
    <row r="12142" spans="1:12">
      <c r="A12142" s="6" t="s">
        <v>49</v>
      </c>
      <c r="B12142" s="6"/>
      <c r="C12142" s="6" t="s">
        <v>12166</v>
      </c>
      <c r="D12142" s="6"/>
      <c r="E12142" s="6" t="s">
        <v>9</v>
      </c>
      <c r="F12142" s="7">
        <v>38657</v>
      </c>
      <c r="G12142" s="8">
        <v>1</v>
      </c>
      <c r="H12142" s="8">
        <v>1</v>
      </c>
      <c r="I12142" s="8">
        <v>0</v>
      </c>
      <c r="J12142" s="8">
        <v>1</v>
      </c>
      <c r="K12142" s="9">
        <v>25</v>
      </c>
      <c r="L12142" s="6" t="s">
        <v>51</v>
      </c>
    </row>
    <row r="12143" spans="1:12">
      <c r="A12143" s="6" t="s">
        <v>49</v>
      </c>
      <c r="B12143" s="6"/>
      <c r="C12143" s="6" t="s">
        <v>12167</v>
      </c>
      <c r="D12143" s="6"/>
      <c r="E12143" s="6" t="s">
        <v>9</v>
      </c>
      <c r="F12143" s="7">
        <v>38657</v>
      </c>
      <c r="G12143" s="8">
        <v>1</v>
      </c>
      <c r="H12143" s="8">
        <v>1</v>
      </c>
      <c r="I12143" s="8">
        <v>0</v>
      </c>
      <c r="J12143" s="8">
        <v>1</v>
      </c>
      <c r="K12143" s="9">
        <v>22</v>
      </c>
      <c r="L12143" s="6" t="s">
        <v>51</v>
      </c>
    </row>
    <row r="12144" spans="1:12">
      <c r="A12144" s="6" t="s">
        <v>49</v>
      </c>
      <c r="B12144" s="6"/>
      <c r="C12144" s="6" t="s">
        <v>12168</v>
      </c>
      <c r="D12144" s="6"/>
      <c r="E12144" s="6" t="s">
        <v>9</v>
      </c>
      <c r="F12144" s="7">
        <v>38657</v>
      </c>
      <c r="G12144" s="8">
        <v>1</v>
      </c>
      <c r="H12144" s="8">
        <v>1</v>
      </c>
      <c r="I12144" s="8">
        <v>0</v>
      </c>
      <c r="J12144" s="8">
        <v>1</v>
      </c>
      <c r="K12144" s="9">
        <v>44</v>
      </c>
      <c r="L12144" s="6" t="s">
        <v>51</v>
      </c>
    </row>
    <row r="12145" spans="1:12">
      <c r="A12145" s="6" t="s">
        <v>49</v>
      </c>
      <c r="B12145" s="6"/>
      <c r="C12145" s="6" t="s">
        <v>12169</v>
      </c>
      <c r="D12145" s="6"/>
      <c r="E12145" s="6" t="s">
        <v>9</v>
      </c>
      <c r="F12145" s="7">
        <v>38657</v>
      </c>
      <c r="G12145" s="8">
        <v>1</v>
      </c>
      <c r="H12145" s="8">
        <v>1</v>
      </c>
      <c r="I12145" s="8">
        <v>0</v>
      </c>
      <c r="J12145" s="8">
        <v>1</v>
      </c>
      <c r="K12145" s="9">
        <v>39</v>
      </c>
      <c r="L12145" s="6" t="s">
        <v>51</v>
      </c>
    </row>
    <row r="12146" spans="1:12">
      <c r="A12146" s="6" t="s">
        <v>49</v>
      </c>
      <c r="B12146" s="6"/>
      <c r="C12146" s="6" t="s">
        <v>12170</v>
      </c>
      <c r="D12146" s="6"/>
      <c r="E12146" s="6" t="s">
        <v>9</v>
      </c>
      <c r="F12146" s="7">
        <v>38657</v>
      </c>
      <c r="G12146" s="8">
        <v>1</v>
      </c>
      <c r="H12146" s="8">
        <v>1</v>
      </c>
      <c r="I12146" s="8">
        <v>0</v>
      </c>
      <c r="J12146" s="8">
        <v>1</v>
      </c>
      <c r="K12146" s="9">
        <v>380</v>
      </c>
      <c r="L12146" s="6" t="s">
        <v>51</v>
      </c>
    </row>
    <row r="12147" spans="1:12">
      <c r="A12147" s="6" t="s">
        <v>49</v>
      </c>
      <c r="B12147" s="6"/>
      <c r="C12147" s="6" t="s">
        <v>12171</v>
      </c>
      <c r="D12147" s="6"/>
      <c r="E12147" s="6" t="s">
        <v>9</v>
      </c>
      <c r="F12147" s="7">
        <v>38657</v>
      </c>
      <c r="G12147" s="8">
        <v>1</v>
      </c>
      <c r="H12147" s="8">
        <v>1</v>
      </c>
      <c r="I12147" s="8">
        <v>0</v>
      </c>
      <c r="J12147" s="8">
        <v>1</v>
      </c>
      <c r="K12147" s="9">
        <v>57</v>
      </c>
      <c r="L12147" s="6" t="s">
        <v>51</v>
      </c>
    </row>
    <row r="12148" spans="1:12">
      <c r="A12148" s="6" t="s">
        <v>49</v>
      </c>
      <c r="B12148" s="6"/>
      <c r="C12148" s="6" t="s">
        <v>12172</v>
      </c>
      <c r="D12148" s="6"/>
      <c r="E12148" s="6" t="s">
        <v>9</v>
      </c>
      <c r="F12148" s="7">
        <v>38657</v>
      </c>
      <c r="G12148" s="8">
        <v>1</v>
      </c>
      <c r="H12148" s="8">
        <v>1</v>
      </c>
      <c r="I12148" s="8">
        <v>0</v>
      </c>
      <c r="J12148" s="8">
        <v>1</v>
      </c>
      <c r="K12148" s="9">
        <v>3.3</v>
      </c>
      <c r="L12148" s="6" t="s">
        <v>51</v>
      </c>
    </row>
    <row r="12149" spans="1:12">
      <c r="A12149" s="6" t="s">
        <v>49</v>
      </c>
      <c r="B12149" s="6"/>
      <c r="C12149" s="6" t="s">
        <v>12173</v>
      </c>
      <c r="D12149" s="6"/>
      <c r="E12149" s="6" t="s">
        <v>9</v>
      </c>
      <c r="F12149" s="7">
        <v>38657</v>
      </c>
      <c r="G12149" s="8">
        <v>1</v>
      </c>
      <c r="H12149" s="8">
        <v>1</v>
      </c>
      <c r="I12149" s="8">
        <v>0</v>
      </c>
      <c r="J12149" s="8">
        <v>1</v>
      </c>
      <c r="K12149" s="9">
        <v>307</v>
      </c>
      <c r="L12149" s="6" t="s">
        <v>51</v>
      </c>
    </row>
    <row r="12150" spans="1:12">
      <c r="A12150" s="6" t="s">
        <v>49</v>
      </c>
      <c r="B12150" s="6"/>
      <c r="C12150" s="6" t="s">
        <v>12174</v>
      </c>
      <c r="D12150" s="6"/>
      <c r="E12150" s="6" t="s">
        <v>9</v>
      </c>
      <c r="F12150" s="7">
        <v>38657</v>
      </c>
      <c r="G12150" s="8">
        <v>1</v>
      </c>
      <c r="H12150" s="8">
        <v>1</v>
      </c>
      <c r="I12150" s="8">
        <v>0</v>
      </c>
      <c r="J12150" s="8">
        <v>1</v>
      </c>
      <c r="K12150" s="9">
        <v>320</v>
      </c>
      <c r="L12150" s="6" t="s">
        <v>51</v>
      </c>
    </row>
    <row r="12151" spans="1:12">
      <c r="A12151" s="6" t="s">
        <v>49</v>
      </c>
      <c r="B12151" s="6"/>
      <c r="C12151" s="6" t="s">
        <v>12175</v>
      </c>
      <c r="D12151" s="6"/>
      <c r="E12151" s="6" t="s">
        <v>9</v>
      </c>
      <c r="F12151" s="7">
        <v>38657</v>
      </c>
      <c r="G12151" s="8">
        <v>1</v>
      </c>
      <c r="H12151" s="8">
        <v>1</v>
      </c>
      <c r="I12151" s="8">
        <v>0</v>
      </c>
      <c r="J12151" s="8">
        <v>1</v>
      </c>
      <c r="K12151" s="9">
        <v>16</v>
      </c>
      <c r="L12151" s="6" t="s">
        <v>51</v>
      </c>
    </row>
    <row r="12152" spans="1:12">
      <c r="A12152" s="6" t="s">
        <v>49</v>
      </c>
      <c r="B12152" s="6"/>
      <c r="C12152" s="6" t="s">
        <v>12176</v>
      </c>
      <c r="D12152" s="6"/>
      <c r="E12152" s="6" t="s">
        <v>9</v>
      </c>
      <c r="F12152" s="7">
        <v>38657</v>
      </c>
      <c r="G12152" s="8">
        <v>1</v>
      </c>
      <c r="H12152" s="8">
        <v>1</v>
      </c>
      <c r="I12152" s="8">
        <v>0</v>
      </c>
      <c r="J12152" s="8">
        <v>1</v>
      </c>
      <c r="K12152" s="9">
        <v>7.74</v>
      </c>
      <c r="L12152" s="6" t="s">
        <v>51</v>
      </c>
    </row>
    <row r="12153" spans="1:12">
      <c r="A12153" s="6" t="s">
        <v>49</v>
      </c>
      <c r="B12153" s="6"/>
      <c r="C12153" s="6" t="s">
        <v>12177</v>
      </c>
      <c r="D12153" s="6"/>
      <c r="E12153" s="6" t="s">
        <v>9</v>
      </c>
      <c r="F12153" s="7">
        <v>38657</v>
      </c>
      <c r="G12153" s="8">
        <v>1</v>
      </c>
      <c r="H12153" s="8">
        <v>1</v>
      </c>
      <c r="I12153" s="8">
        <v>0</v>
      </c>
      <c r="J12153" s="8">
        <v>1</v>
      </c>
      <c r="K12153" s="9">
        <v>2.97</v>
      </c>
      <c r="L12153" s="6" t="s">
        <v>51</v>
      </c>
    </row>
    <row r="12154" spans="1:12">
      <c r="A12154" s="6" t="s">
        <v>49</v>
      </c>
      <c r="B12154" s="6"/>
      <c r="C12154" s="6" t="s">
        <v>12178</v>
      </c>
      <c r="D12154" s="6"/>
      <c r="E12154" s="6" t="s">
        <v>9</v>
      </c>
      <c r="F12154" s="7">
        <v>38657</v>
      </c>
      <c r="G12154" s="8">
        <v>1</v>
      </c>
      <c r="H12154" s="8">
        <v>1</v>
      </c>
      <c r="I12154" s="8">
        <v>0</v>
      </c>
      <c r="J12154" s="8">
        <v>1</v>
      </c>
      <c r="K12154" s="9">
        <v>647</v>
      </c>
      <c r="L12154" s="6" t="s">
        <v>51</v>
      </c>
    </row>
    <row r="12155" spans="1:12">
      <c r="A12155" s="6" t="s">
        <v>49</v>
      </c>
      <c r="B12155" s="6"/>
      <c r="C12155" s="6" t="s">
        <v>12179</v>
      </c>
      <c r="D12155" s="6"/>
      <c r="E12155" s="6" t="s">
        <v>9</v>
      </c>
      <c r="F12155" s="7">
        <v>38657</v>
      </c>
      <c r="G12155" s="8">
        <v>1</v>
      </c>
      <c r="H12155" s="8">
        <v>1</v>
      </c>
      <c r="I12155" s="8">
        <v>0</v>
      </c>
      <c r="J12155" s="8">
        <v>1</v>
      </c>
      <c r="K12155" s="9">
        <v>1.44</v>
      </c>
      <c r="L12155" s="6" t="s">
        <v>51</v>
      </c>
    </row>
    <row r="12156" spans="1:12">
      <c r="A12156" s="6" t="s">
        <v>49</v>
      </c>
      <c r="B12156" s="6"/>
      <c r="C12156" s="6" t="s">
        <v>12180</v>
      </c>
      <c r="D12156" s="6"/>
      <c r="E12156" s="6" t="s">
        <v>9</v>
      </c>
      <c r="F12156" s="7">
        <v>38657</v>
      </c>
      <c r="G12156" s="8">
        <v>1</v>
      </c>
      <c r="H12156" s="8">
        <v>1</v>
      </c>
      <c r="I12156" s="8">
        <v>0</v>
      </c>
      <c r="J12156" s="8">
        <v>1</v>
      </c>
      <c r="K12156" s="9">
        <v>2.4700000000000002</v>
      </c>
      <c r="L12156" s="6" t="s">
        <v>51</v>
      </c>
    </row>
    <row r="12157" spans="1:12">
      <c r="A12157" s="6" t="s">
        <v>49</v>
      </c>
      <c r="B12157" s="6"/>
      <c r="C12157" s="6" t="s">
        <v>12181</v>
      </c>
      <c r="D12157" s="6"/>
      <c r="E12157" s="6" t="s">
        <v>9</v>
      </c>
      <c r="F12157" s="7">
        <v>38657</v>
      </c>
      <c r="G12157" s="8">
        <v>1</v>
      </c>
      <c r="H12157" s="8">
        <v>1</v>
      </c>
      <c r="I12157" s="8">
        <v>0</v>
      </c>
      <c r="J12157" s="8">
        <v>1</v>
      </c>
      <c r="K12157" s="9">
        <v>2.94</v>
      </c>
      <c r="L12157" s="6" t="s">
        <v>51</v>
      </c>
    </row>
    <row r="12158" spans="1:12">
      <c r="A12158" s="6" t="s">
        <v>49</v>
      </c>
      <c r="B12158" s="6"/>
      <c r="C12158" s="6" t="s">
        <v>12182</v>
      </c>
      <c r="D12158" s="6"/>
      <c r="E12158" s="6" t="s">
        <v>9</v>
      </c>
      <c r="F12158" s="7">
        <v>38657</v>
      </c>
      <c r="G12158" s="8">
        <v>1</v>
      </c>
      <c r="H12158" s="8">
        <v>1</v>
      </c>
      <c r="I12158" s="8">
        <v>0</v>
      </c>
      <c r="J12158" s="8">
        <v>1</v>
      </c>
      <c r="K12158" s="9">
        <v>1.76</v>
      </c>
      <c r="L12158" s="6" t="s">
        <v>51</v>
      </c>
    </row>
    <row r="12159" spans="1:12">
      <c r="A12159" s="6" t="s">
        <v>49</v>
      </c>
      <c r="B12159" s="6"/>
      <c r="C12159" s="6" t="s">
        <v>12183</v>
      </c>
      <c r="D12159" s="6"/>
      <c r="E12159" s="6" t="s">
        <v>9</v>
      </c>
      <c r="F12159" s="7">
        <v>38657</v>
      </c>
      <c r="G12159" s="8">
        <v>1</v>
      </c>
      <c r="H12159" s="8">
        <v>1</v>
      </c>
      <c r="I12159" s="8">
        <v>0</v>
      </c>
      <c r="J12159" s="8">
        <v>1</v>
      </c>
      <c r="K12159" s="9">
        <v>3.53</v>
      </c>
      <c r="L12159" s="6" t="s">
        <v>51</v>
      </c>
    </row>
    <row r="12160" spans="1:12">
      <c r="A12160" s="6" t="s">
        <v>49</v>
      </c>
      <c r="B12160" s="6"/>
      <c r="C12160" s="6" t="s">
        <v>12184</v>
      </c>
      <c r="D12160" s="6"/>
      <c r="E12160" s="6" t="s">
        <v>9</v>
      </c>
      <c r="F12160" s="7">
        <v>38657</v>
      </c>
      <c r="G12160" s="8">
        <v>1</v>
      </c>
      <c r="H12160" s="8">
        <v>1</v>
      </c>
      <c r="I12160" s="8">
        <v>0</v>
      </c>
      <c r="J12160" s="8">
        <v>1</v>
      </c>
      <c r="K12160" s="9">
        <v>7.9</v>
      </c>
      <c r="L12160" s="6" t="s">
        <v>51</v>
      </c>
    </row>
    <row r="12161" spans="1:12">
      <c r="A12161" s="6" t="s">
        <v>49</v>
      </c>
      <c r="B12161" s="6"/>
      <c r="C12161" s="6" t="s">
        <v>12185</v>
      </c>
      <c r="D12161" s="6"/>
      <c r="E12161" s="6" t="s">
        <v>9</v>
      </c>
      <c r="F12161" s="7">
        <v>38657</v>
      </c>
      <c r="G12161" s="8">
        <v>1</v>
      </c>
      <c r="H12161" s="8">
        <v>1</v>
      </c>
      <c r="I12161" s="8">
        <v>0</v>
      </c>
      <c r="J12161" s="8">
        <v>1</v>
      </c>
      <c r="K12161" s="9">
        <v>5.18</v>
      </c>
      <c r="L12161" s="6" t="s">
        <v>51</v>
      </c>
    </row>
    <row r="12162" spans="1:12">
      <c r="A12162" s="6" t="s">
        <v>49</v>
      </c>
      <c r="B12162" s="6"/>
      <c r="C12162" s="6" t="s">
        <v>12186</v>
      </c>
      <c r="D12162" s="6"/>
      <c r="E12162" s="6" t="s">
        <v>9</v>
      </c>
      <c r="F12162" s="7">
        <v>39694</v>
      </c>
      <c r="G12162" s="8">
        <v>98735</v>
      </c>
      <c r="H12162" s="8">
        <v>98735</v>
      </c>
      <c r="I12162" s="8">
        <v>0</v>
      </c>
      <c r="J12162" s="8">
        <v>98735</v>
      </c>
      <c r="K12162" s="9">
        <v>6.37</v>
      </c>
      <c r="L12162" s="6" t="s">
        <v>51</v>
      </c>
    </row>
    <row r="12163" spans="1:12">
      <c r="A12163" s="6" t="s">
        <v>49</v>
      </c>
      <c r="B12163" s="6"/>
      <c r="C12163" s="6" t="s">
        <v>12187</v>
      </c>
      <c r="D12163" s="6"/>
      <c r="E12163" s="6" t="s">
        <v>9</v>
      </c>
      <c r="F12163" s="7">
        <v>38657</v>
      </c>
      <c r="G12163" s="8">
        <v>1</v>
      </c>
      <c r="H12163" s="8">
        <v>1</v>
      </c>
      <c r="I12163" s="8">
        <v>0</v>
      </c>
      <c r="J12163" s="8">
        <v>1</v>
      </c>
      <c r="K12163" s="9">
        <v>7.26</v>
      </c>
      <c r="L12163" s="6" t="s">
        <v>51</v>
      </c>
    </row>
    <row r="12164" spans="1:12">
      <c r="A12164" s="6" t="s">
        <v>49</v>
      </c>
      <c r="B12164" s="6"/>
      <c r="C12164" s="6" t="s">
        <v>12188</v>
      </c>
      <c r="D12164" s="6"/>
      <c r="E12164" s="6" t="s">
        <v>9</v>
      </c>
      <c r="F12164" s="7">
        <v>38657</v>
      </c>
      <c r="G12164" s="8">
        <v>1</v>
      </c>
      <c r="H12164" s="8">
        <v>1</v>
      </c>
      <c r="I12164" s="8">
        <v>0</v>
      </c>
      <c r="J12164" s="8">
        <v>1</v>
      </c>
      <c r="K12164" s="9">
        <v>25</v>
      </c>
      <c r="L12164" s="6" t="s">
        <v>51</v>
      </c>
    </row>
    <row r="12165" spans="1:12">
      <c r="A12165" s="6" t="s">
        <v>49</v>
      </c>
      <c r="B12165" s="6"/>
      <c r="C12165" s="6" t="s">
        <v>12189</v>
      </c>
      <c r="D12165" s="6"/>
      <c r="E12165" s="6" t="s">
        <v>9</v>
      </c>
      <c r="F12165" s="7">
        <v>39710</v>
      </c>
      <c r="G12165" s="8">
        <v>1</v>
      </c>
      <c r="H12165" s="8">
        <v>1</v>
      </c>
      <c r="I12165" s="8">
        <v>0</v>
      </c>
      <c r="J12165" s="8">
        <v>1</v>
      </c>
      <c r="K12165" s="9">
        <v>85.49</v>
      </c>
      <c r="L12165" s="6" t="s">
        <v>51</v>
      </c>
    </row>
    <row r="12166" spans="1:12">
      <c r="A12166" s="6" t="s">
        <v>49</v>
      </c>
      <c r="B12166" s="6"/>
      <c r="C12166" s="6" t="s">
        <v>12190</v>
      </c>
      <c r="D12166" s="6"/>
      <c r="E12166" s="6" t="s">
        <v>9</v>
      </c>
      <c r="F12166" s="7">
        <v>38657</v>
      </c>
      <c r="G12166" s="8">
        <v>1</v>
      </c>
      <c r="H12166" s="8">
        <v>1</v>
      </c>
      <c r="I12166" s="8">
        <v>0</v>
      </c>
      <c r="J12166" s="8">
        <v>1</v>
      </c>
      <c r="K12166" s="9">
        <v>7.48</v>
      </c>
      <c r="L12166" s="6" t="s">
        <v>51</v>
      </c>
    </row>
    <row r="12167" spans="1:12">
      <c r="A12167" s="6" t="s">
        <v>49</v>
      </c>
      <c r="B12167" s="6"/>
      <c r="C12167" s="6" t="s">
        <v>12191</v>
      </c>
      <c r="D12167" s="6"/>
      <c r="E12167" s="6" t="s">
        <v>9</v>
      </c>
      <c r="F12167" s="7">
        <v>38657</v>
      </c>
      <c r="G12167" s="8">
        <v>1</v>
      </c>
      <c r="H12167" s="8">
        <v>1</v>
      </c>
      <c r="I12167" s="8">
        <v>0</v>
      </c>
      <c r="J12167" s="8">
        <v>1</v>
      </c>
      <c r="K12167" s="9">
        <v>39</v>
      </c>
      <c r="L12167" s="6" t="s">
        <v>51</v>
      </c>
    </row>
    <row r="12168" spans="1:12">
      <c r="A12168" s="6" t="s">
        <v>49</v>
      </c>
      <c r="B12168" s="6"/>
      <c r="C12168" s="6" t="s">
        <v>12192</v>
      </c>
      <c r="D12168" s="6"/>
      <c r="E12168" s="6" t="s">
        <v>9</v>
      </c>
      <c r="F12168" s="7">
        <v>38657</v>
      </c>
      <c r="G12168" s="8">
        <v>1</v>
      </c>
      <c r="H12168" s="8">
        <v>1</v>
      </c>
      <c r="I12168" s="8">
        <v>0</v>
      </c>
      <c r="J12168" s="8">
        <v>1</v>
      </c>
      <c r="K12168" s="9">
        <v>167</v>
      </c>
      <c r="L12168" s="6" t="s">
        <v>51</v>
      </c>
    </row>
    <row r="12169" spans="1:12">
      <c r="A12169" s="6" t="s">
        <v>49</v>
      </c>
      <c r="B12169" s="6"/>
      <c r="C12169" s="6" t="s">
        <v>12193</v>
      </c>
      <c r="D12169" s="6"/>
      <c r="E12169" s="6" t="s">
        <v>9</v>
      </c>
      <c r="F12169" s="7">
        <v>38657</v>
      </c>
      <c r="G12169" s="8">
        <v>1</v>
      </c>
      <c r="H12169" s="8">
        <v>1</v>
      </c>
      <c r="I12169" s="8">
        <v>0</v>
      </c>
      <c r="J12169" s="8">
        <v>1</v>
      </c>
      <c r="K12169" s="9">
        <v>39.04</v>
      </c>
      <c r="L12169" s="6" t="s">
        <v>51</v>
      </c>
    </row>
    <row r="12170" spans="1:12">
      <c r="A12170" s="6" t="s">
        <v>49</v>
      </c>
      <c r="B12170" s="6"/>
      <c r="C12170" s="6" t="s">
        <v>12194</v>
      </c>
      <c r="D12170" s="6"/>
      <c r="E12170" s="6" t="s">
        <v>9</v>
      </c>
      <c r="F12170" s="7">
        <v>38657</v>
      </c>
      <c r="G12170" s="8">
        <v>1</v>
      </c>
      <c r="H12170" s="8">
        <v>1</v>
      </c>
      <c r="I12170" s="8">
        <v>0</v>
      </c>
      <c r="J12170" s="8">
        <v>1</v>
      </c>
      <c r="K12170" s="9">
        <v>16</v>
      </c>
      <c r="L12170" s="6" t="s">
        <v>51</v>
      </c>
    </row>
    <row r="12171" spans="1:12">
      <c r="A12171" s="6" t="s">
        <v>49</v>
      </c>
      <c r="B12171" s="6"/>
      <c r="C12171" s="6" t="s">
        <v>12195</v>
      </c>
      <c r="D12171" s="6"/>
      <c r="E12171" s="6" t="s">
        <v>9</v>
      </c>
      <c r="F12171" s="7">
        <v>38657</v>
      </c>
      <c r="G12171" s="8">
        <v>1</v>
      </c>
      <c r="H12171" s="8">
        <v>1</v>
      </c>
      <c r="I12171" s="8">
        <v>0</v>
      </c>
      <c r="J12171" s="8">
        <v>1</v>
      </c>
      <c r="K12171" s="9">
        <v>15</v>
      </c>
      <c r="L12171" s="6" t="s">
        <v>51</v>
      </c>
    </row>
    <row r="12172" spans="1:12">
      <c r="A12172" s="6" t="s">
        <v>49</v>
      </c>
      <c r="B12172" s="6"/>
      <c r="C12172" s="6" t="s">
        <v>12196</v>
      </c>
      <c r="D12172" s="6"/>
      <c r="E12172" s="6" t="s">
        <v>9</v>
      </c>
      <c r="F12172" s="7">
        <v>38657</v>
      </c>
      <c r="G12172" s="8">
        <v>1</v>
      </c>
      <c r="H12172" s="8">
        <v>1</v>
      </c>
      <c r="I12172" s="8">
        <v>0</v>
      </c>
      <c r="J12172" s="8">
        <v>1</v>
      </c>
      <c r="K12172" s="9">
        <v>24</v>
      </c>
      <c r="L12172" s="6" t="s">
        <v>51</v>
      </c>
    </row>
    <row r="12173" spans="1:12">
      <c r="A12173" s="6" t="s">
        <v>49</v>
      </c>
      <c r="B12173" s="6"/>
      <c r="C12173" s="6" t="s">
        <v>12197</v>
      </c>
      <c r="D12173" s="6"/>
      <c r="E12173" s="6" t="s">
        <v>9</v>
      </c>
      <c r="F12173" s="7">
        <v>38657</v>
      </c>
      <c r="G12173" s="8">
        <v>1</v>
      </c>
      <c r="H12173" s="8">
        <v>1</v>
      </c>
      <c r="I12173" s="8">
        <v>0</v>
      </c>
      <c r="J12173" s="8">
        <v>1</v>
      </c>
      <c r="K12173" s="9">
        <v>7.05</v>
      </c>
      <c r="L12173" s="6" t="s">
        <v>51</v>
      </c>
    </row>
    <row r="12174" spans="1:12">
      <c r="A12174" s="6" t="s">
        <v>49</v>
      </c>
      <c r="B12174" s="6"/>
      <c r="C12174" s="6" t="s">
        <v>12198</v>
      </c>
      <c r="D12174" s="6"/>
      <c r="E12174" s="6" t="s">
        <v>9</v>
      </c>
      <c r="F12174" s="7">
        <v>38657</v>
      </c>
      <c r="G12174" s="8">
        <v>1</v>
      </c>
      <c r="H12174" s="8">
        <v>1</v>
      </c>
      <c r="I12174" s="8">
        <v>0</v>
      </c>
      <c r="J12174" s="8">
        <v>1</v>
      </c>
      <c r="K12174" s="9">
        <v>19.170000000000002</v>
      </c>
      <c r="L12174" s="6" t="s">
        <v>51</v>
      </c>
    </row>
    <row r="12175" spans="1:12">
      <c r="A12175" s="6" t="s">
        <v>49</v>
      </c>
      <c r="B12175" s="6"/>
      <c r="C12175" s="6" t="s">
        <v>12199</v>
      </c>
      <c r="D12175" s="6"/>
      <c r="E12175" s="6" t="s">
        <v>9</v>
      </c>
      <c r="F12175" s="7">
        <v>38657</v>
      </c>
      <c r="G12175" s="8">
        <v>1</v>
      </c>
      <c r="H12175" s="8">
        <v>1</v>
      </c>
      <c r="I12175" s="8">
        <v>0</v>
      </c>
      <c r="J12175" s="8">
        <v>1</v>
      </c>
      <c r="K12175" s="9">
        <v>8.32</v>
      </c>
      <c r="L12175" s="6" t="s">
        <v>51</v>
      </c>
    </row>
    <row r="12176" spans="1:12">
      <c r="A12176" s="6" t="s">
        <v>49</v>
      </c>
      <c r="B12176" s="6"/>
      <c r="C12176" s="6" t="s">
        <v>12200</v>
      </c>
      <c r="D12176" s="6"/>
      <c r="E12176" s="6" t="s">
        <v>9</v>
      </c>
      <c r="F12176" s="7">
        <v>38657</v>
      </c>
      <c r="G12176" s="8">
        <v>1</v>
      </c>
      <c r="H12176" s="8">
        <v>1</v>
      </c>
      <c r="I12176" s="8">
        <v>0</v>
      </c>
      <c r="J12176" s="8">
        <v>1</v>
      </c>
      <c r="K12176" s="9">
        <v>8.33</v>
      </c>
      <c r="L12176" s="6" t="s">
        <v>51</v>
      </c>
    </row>
    <row r="12177" spans="1:12">
      <c r="A12177" s="6" t="s">
        <v>49</v>
      </c>
      <c r="B12177" s="6"/>
      <c r="C12177" s="6" t="s">
        <v>12201</v>
      </c>
      <c r="D12177" s="6"/>
      <c r="E12177" s="6" t="s">
        <v>9</v>
      </c>
      <c r="F12177" s="7">
        <v>38657</v>
      </c>
      <c r="G12177" s="8">
        <v>1</v>
      </c>
      <c r="H12177" s="8">
        <v>1</v>
      </c>
      <c r="I12177" s="8">
        <v>0</v>
      </c>
      <c r="J12177" s="8">
        <v>1</v>
      </c>
      <c r="K12177" s="9">
        <v>23</v>
      </c>
      <c r="L12177" s="6" t="s">
        <v>51</v>
      </c>
    </row>
    <row r="12178" spans="1:12">
      <c r="A12178" s="6" t="s">
        <v>49</v>
      </c>
      <c r="B12178" s="6"/>
      <c r="C12178" s="6" t="s">
        <v>12202</v>
      </c>
      <c r="D12178" s="6"/>
      <c r="E12178" s="6" t="s">
        <v>9</v>
      </c>
      <c r="F12178" s="7">
        <v>38657</v>
      </c>
      <c r="G12178" s="8">
        <v>1</v>
      </c>
      <c r="H12178" s="8">
        <v>1</v>
      </c>
      <c r="I12178" s="8">
        <v>0</v>
      </c>
      <c r="J12178" s="8">
        <v>1</v>
      </c>
      <c r="K12178" s="9">
        <v>23</v>
      </c>
      <c r="L12178" s="6" t="s">
        <v>51</v>
      </c>
    </row>
    <row r="12179" spans="1:12">
      <c r="A12179" s="6" t="s">
        <v>49</v>
      </c>
      <c r="B12179" s="6"/>
      <c r="C12179" s="6" t="s">
        <v>12203</v>
      </c>
      <c r="D12179" s="6"/>
      <c r="E12179" s="6" t="s">
        <v>9</v>
      </c>
      <c r="F12179" s="7">
        <v>38657</v>
      </c>
      <c r="G12179" s="8">
        <v>1</v>
      </c>
      <c r="H12179" s="8">
        <v>1</v>
      </c>
      <c r="I12179" s="8">
        <v>0</v>
      </c>
      <c r="J12179" s="8">
        <v>1</v>
      </c>
      <c r="K12179" s="9">
        <v>248</v>
      </c>
      <c r="L12179" s="6" t="s">
        <v>51</v>
      </c>
    </row>
    <row r="12180" spans="1:12">
      <c r="A12180" s="6" t="s">
        <v>49</v>
      </c>
      <c r="B12180" s="6"/>
      <c r="C12180" s="6" t="s">
        <v>12204</v>
      </c>
      <c r="D12180" s="6"/>
      <c r="E12180" s="6" t="s">
        <v>9</v>
      </c>
      <c r="F12180" s="7">
        <v>38657</v>
      </c>
      <c r="G12180" s="8">
        <v>1</v>
      </c>
      <c r="H12180" s="8">
        <v>1</v>
      </c>
      <c r="I12180" s="8">
        <v>0</v>
      </c>
      <c r="J12180" s="8">
        <v>1</v>
      </c>
      <c r="K12180" s="9">
        <v>212</v>
      </c>
      <c r="L12180" s="6" t="s">
        <v>51</v>
      </c>
    </row>
    <row r="12181" spans="1:12">
      <c r="A12181" s="6" t="s">
        <v>49</v>
      </c>
      <c r="B12181" s="6"/>
      <c r="C12181" s="6" t="s">
        <v>12205</v>
      </c>
      <c r="D12181" s="6"/>
      <c r="E12181" s="6" t="s">
        <v>9</v>
      </c>
      <c r="F12181" s="7">
        <v>38657</v>
      </c>
      <c r="G12181" s="8">
        <v>1</v>
      </c>
      <c r="H12181" s="8">
        <v>1</v>
      </c>
      <c r="I12181" s="8">
        <v>0</v>
      </c>
      <c r="J12181" s="8">
        <v>1</v>
      </c>
      <c r="K12181" s="9">
        <v>27</v>
      </c>
      <c r="L12181" s="6" t="s">
        <v>51</v>
      </c>
    </row>
    <row r="12182" spans="1:12">
      <c r="A12182" s="6" t="s">
        <v>49</v>
      </c>
      <c r="B12182" s="6"/>
      <c r="C12182" s="6" t="s">
        <v>12206</v>
      </c>
      <c r="D12182" s="6"/>
      <c r="E12182" s="6" t="s">
        <v>9</v>
      </c>
      <c r="F12182" s="7">
        <v>38657</v>
      </c>
      <c r="G12182" s="8">
        <v>1</v>
      </c>
      <c r="H12182" s="8">
        <v>1</v>
      </c>
      <c r="I12182" s="8">
        <v>0</v>
      </c>
      <c r="J12182" s="8">
        <v>1</v>
      </c>
      <c r="K12182" s="9">
        <v>23</v>
      </c>
      <c r="L12182" s="6" t="s">
        <v>51</v>
      </c>
    </row>
    <row r="12183" spans="1:12">
      <c r="A12183" s="6" t="s">
        <v>49</v>
      </c>
      <c r="B12183" s="6"/>
      <c r="C12183" s="6" t="s">
        <v>12207</v>
      </c>
      <c r="D12183" s="6"/>
      <c r="E12183" s="6" t="s">
        <v>9</v>
      </c>
      <c r="F12183" s="7">
        <v>38657</v>
      </c>
      <c r="G12183" s="8">
        <v>1</v>
      </c>
      <c r="H12183" s="8">
        <v>1</v>
      </c>
      <c r="I12183" s="8">
        <v>0</v>
      </c>
      <c r="J12183" s="8">
        <v>1</v>
      </c>
      <c r="K12183" s="9">
        <v>27</v>
      </c>
      <c r="L12183" s="6" t="s">
        <v>51</v>
      </c>
    </row>
    <row r="12184" spans="1:12">
      <c r="A12184" s="6" t="s">
        <v>49</v>
      </c>
      <c r="B12184" s="6"/>
      <c r="C12184" s="6" t="s">
        <v>12208</v>
      </c>
      <c r="D12184" s="6"/>
      <c r="E12184" s="6" t="s">
        <v>9</v>
      </c>
      <c r="F12184" s="7">
        <v>38657</v>
      </c>
      <c r="G12184" s="8">
        <v>1</v>
      </c>
      <c r="H12184" s="8">
        <v>1</v>
      </c>
      <c r="I12184" s="8">
        <v>0</v>
      </c>
      <c r="J12184" s="8">
        <v>1</v>
      </c>
      <c r="K12184" s="9">
        <v>23</v>
      </c>
      <c r="L12184" s="6" t="s">
        <v>51</v>
      </c>
    </row>
    <row r="12185" spans="1:12">
      <c r="A12185" s="6" t="s">
        <v>49</v>
      </c>
      <c r="B12185" s="6"/>
      <c r="C12185" s="6" t="s">
        <v>12209</v>
      </c>
      <c r="D12185" s="6"/>
      <c r="E12185" s="6" t="s">
        <v>9</v>
      </c>
      <c r="F12185" s="7">
        <v>38657</v>
      </c>
      <c r="G12185" s="8">
        <v>1</v>
      </c>
      <c r="H12185" s="8">
        <v>1</v>
      </c>
      <c r="I12185" s="8">
        <v>0</v>
      </c>
      <c r="J12185" s="8">
        <v>1</v>
      </c>
      <c r="K12185" s="9">
        <v>25.03</v>
      </c>
      <c r="L12185" s="6" t="s">
        <v>51</v>
      </c>
    </row>
    <row r="12186" spans="1:12">
      <c r="A12186" s="6" t="s">
        <v>49</v>
      </c>
      <c r="B12186" s="6"/>
      <c r="C12186" s="6" t="s">
        <v>12210</v>
      </c>
      <c r="D12186" s="6"/>
      <c r="E12186" s="6" t="s">
        <v>9</v>
      </c>
      <c r="F12186" s="7">
        <v>38657</v>
      </c>
      <c r="G12186" s="8">
        <v>1</v>
      </c>
      <c r="H12186" s="8">
        <v>1</v>
      </c>
      <c r="I12186" s="8">
        <v>0</v>
      </c>
      <c r="J12186" s="8">
        <v>1</v>
      </c>
      <c r="K12186" s="9">
        <v>26</v>
      </c>
      <c r="L12186" s="6" t="s">
        <v>51</v>
      </c>
    </row>
    <row r="12187" spans="1:12">
      <c r="A12187" s="6" t="s">
        <v>49</v>
      </c>
      <c r="B12187" s="6"/>
      <c r="C12187" s="6" t="s">
        <v>12211</v>
      </c>
      <c r="D12187" s="6"/>
      <c r="E12187" s="6" t="s">
        <v>9</v>
      </c>
      <c r="F12187" s="7">
        <v>38657</v>
      </c>
      <c r="G12187" s="8">
        <v>1</v>
      </c>
      <c r="H12187" s="8">
        <v>1</v>
      </c>
      <c r="I12187" s="8">
        <v>0</v>
      </c>
      <c r="J12187" s="8">
        <v>1</v>
      </c>
      <c r="K12187" s="9">
        <v>475</v>
      </c>
      <c r="L12187" s="6" t="s">
        <v>51</v>
      </c>
    </row>
    <row r="12188" spans="1:12">
      <c r="A12188" s="6" t="s">
        <v>49</v>
      </c>
      <c r="B12188" s="6"/>
      <c r="C12188" s="6" t="s">
        <v>12212</v>
      </c>
      <c r="D12188" s="6"/>
      <c r="E12188" s="6" t="s">
        <v>9</v>
      </c>
      <c r="F12188" s="7">
        <v>38657</v>
      </c>
      <c r="G12188" s="8">
        <v>1</v>
      </c>
      <c r="H12188" s="8">
        <v>1</v>
      </c>
      <c r="I12188" s="8">
        <v>0</v>
      </c>
      <c r="J12188" s="8">
        <v>1</v>
      </c>
      <c r="K12188" s="9">
        <v>13</v>
      </c>
      <c r="L12188" s="6" t="s">
        <v>51</v>
      </c>
    </row>
    <row r="12189" spans="1:12">
      <c r="A12189" s="6" t="s">
        <v>49</v>
      </c>
      <c r="B12189" s="6"/>
      <c r="C12189" s="6" t="s">
        <v>12213</v>
      </c>
      <c r="D12189" s="6"/>
      <c r="E12189" s="6" t="s">
        <v>9</v>
      </c>
      <c r="F12189" s="7">
        <v>38657</v>
      </c>
      <c r="G12189" s="8">
        <v>1</v>
      </c>
      <c r="H12189" s="8">
        <v>1</v>
      </c>
      <c r="I12189" s="8">
        <v>0</v>
      </c>
      <c r="J12189" s="8">
        <v>1</v>
      </c>
      <c r="K12189" s="9">
        <v>459</v>
      </c>
      <c r="L12189" s="6" t="s">
        <v>51</v>
      </c>
    </row>
    <row r="12190" spans="1:12">
      <c r="A12190" s="6" t="s">
        <v>49</v>
      </c>
      <c r="B12190" s="6"/>
      <c r="C12190" s="6" t="s">
        <v>12214</v>
      </c>
      <c r="D12190" s="6"/>
      <c r="E12190" s="6" t="s">
        <v>9</v>
      </c>
      <c r="F12190" s="7">
        <v>38657</v>
      </c>
      <c r="G12190" s="8">
        <v>1</v>
      </c>
      <c r="H12190" s="8">
        <v>1</v>
      </c>
      <c r="I12190" s="8">
        <v>0</v>
      </c>
      <c r="J12190" s="8">
        <v>1</v>
      </c>
      <c r="K12190" s="9">
        <v>12</v>
      </c>
      <c r="L12190" s="6" t="s">
        <v>51</v>
      </c>
    </row>
    <row r="12191" spans="1:12">
      <c r="A12191" s="6" t="s">
        <v>49</v>
      </c>
      <c r="B12191" s="6"/>
      <c r="C12191" s="6" t="s">
        <v>12215</v>
      </c>
      <c r="D12191" s="6"/>
      <c r="E12191" s="6" t="s">
        <v>9</v>
      </c>
      <c r="F12191" s="7">
        <v>38657</v>
      </c>
      <c r="G12191" s="8">
        <v>1</v>
      </c>
      <c r="H12191" s="8">
        <v>1</v>
      </c>
      <c r="I12191" s="8">
        <v>0</v>
      </c>
      <c r="J12191" s="8">
        <v>1</v>
      </c>
      <c r="K12191" s="9">
        <v>9.2899999999999903</v>
      </c>
      <c r="L12191" s="6" t="s">
        <v>51</v>
      </c>
    </row>
    <row r="12192" spans="1:12">
      <c r="A12192" s="6" t="s">
        <v>49</v>
      </c>
      <c r="B12192" s="6"/>
      <c r="C12192" s="6" t="s">
        <v>12216</v>
      </c>
      <c r="D12192" s="6"/>
      <c r="E12192" s="6" t="s">
        <v>9</v>
      </c>
      <c r="F12192" s="7">
        <v>38657</v>
      </c>
      <c r="G12192" s="8">
        <v>1</v>
      </c>
      <c r="H12192" s="8">
        <v>1</v>
      </c>
      <c r="I12192" s="8">
        <v>0</v>
      </c>
      <c r="J12192" s="8">
        <v>1</v>
      </c>
      <c r="K12192" s="9">
        <v>5.32</v>
      </c>
      <c r="L12192" s="6" t="s">
        <v>51</v>
      </c>
    </row>
    <row r="12193" spans="1:12">
      <c r="A12193" s="6" t="s">
        <v>49</v>
      </c>
      <c r="B12193" s="6"/>
      <c r="C12193" s="6" t="s">
        <v>12217</v>
      </c>
      <c r="D12193" s="6"/>
      <c r="E12193" s="6" t="s">
        <v>9</v>
      </c>
      <c r="F12193" s="7">
        <v>38657</v>
      </c>
      <c r="G12193" s="8">
        <v>1</v>
      </c>
      <c r="H12193" s="8">
        <v>1</v>
      </c>
      <c r="I12193" s="8">
        <v>0</v>
      </c>
      <c r="J12193" s="8">
        <v>1</v>
      </c>
      <c r="K12193" s="9">
        <v>6.7</v>
      </c>
      <c r="L12193" s="6" t="s">
        <v>51</v>
      </c>
    </row>
    <row r="12194" spans="1:12">
      <c r="A12194" s="6" t="s">
        <v>49</v>
      </c>
      <c r="B12194" s="6"/>
      <c r="C12194" s="6" t="s">
        <v>12218</v>
      </c>
      <c r="D12194" s="6"/>
      <c r="E12194" s="6" t="s">
        <v>9</v>
      </c>
      <c r="F12194" s="7">
        <v>38657</v>
      </c>
      <c r="G12194" s="8">
        <v>1</v>
      </c>
      <c r="H12194" s="8">
        <v>1</v>
      </c>
      <c r="I12194" s="8">
        <v>0</v>
      </c>
      <c r="J12194" s="8">
        <v>1</v>
      </c>
      <c r="K12194" s="9">
        <v>76</v>
      </c>
      <c r="L12194" s="6" t="s">
        <v>51</v>
      </c>
    </row>
    <row r="12195" spans="1:12">
      <c r="A12195" s="6" t="s">
        <v>49</v>
      </c>
      <c r="B12195" s="6"/>
      <c r="C12195" s="6" t="s">
        <v>12219</v>
      </c>
      <c r="D12195" s="6"/>
      <c r="E12195" s="6" t="s">
        <v>9</v>
      </c>
      <c r="F12195" s="7">
        <v>38657</v>
      </c>
      <c r="G12195" s="8">
        <v>1</v>
      </c>
      <c r="H12195" s="8">
        <v>1</v>
      </c>
      <c r="I12195" s="8">
        <v>0</v>
      </c>
      <c r="J12195" s="8">
        <v>1</v>
      </c>
      <c r="K12195" s="9">
        <v>101.45</v>
      </c>
      <c r="L12195" s="6" t="s">
        <v>51</v>
      </c>
    </row>
    <row r="12196" spans="1:12">
      <c r="A12196" s="6" t="s">
        <v>49</v>
      </c>
      <c r="B12196" s="6"/>
      <c r="C12196" s="6" t="s">
        <v>12220</v>
      </c>
      <c r="D12196" s="6"/>
      <c r="E12196" s="6" t="s">
        <v>9</v>
      </c>
      <c r="F12196" s="7">
        <v>38657</v>
      </c>
      <c r="G12196" s="8">
        <v>1</v>
      </c>
      <c r="H12196" s="8">
        <v>1</v>
      </c>
      <c r="I12196" s="8">
        <v>0</v>
      </c>
      <c r="J12196" s="8">
        <v>1</v>
      </c>
      <c r="K12196" s="9">
        <v>52</v>
      </c>
      <c r="L12196" s="6" t="s">
        <v>51</v>
      </c>
    </row>
    <row r="12197" spans="1:12">
      <c r="A12197" s="6" t="s">
        <v>49</v>
      </c>
      <c r="B12197" s="6"/>
      <c r="C12197" s="6" t="s">
        <v>12221</v>
      </c>
      <c r="D12197" s="6"/>
      <c r="E12197" s="6" t="s">
        <v>9</v>
      </c>
      <c r="F12197" s="7">
        <v>38657</v>
      </c>
      <c r="G12197" s="8">
        <v>1</v>
      </c>
      <c r="H12197" s="8">
        <v>1</v>
      </c>
      <c r="I12197" s="8">
        <v>0</v>
      </c>
      <c r="J12197" s="8">
        <v>1</v>
      </c>
      <c r="K12197" s="9">
        <v>33</v>
      </c>
      <c r="L12197" s="6" t="s">
        <v>51</v>
      </c>
    </row>
    <row r="12198" spans="1:12">
      <c r="A12198" s="6" t="s">
        <v>49</v>
      </c>
      <c r="B12198" s="6"/>
      <c r="C12198" s="6" t="s">
        <v>12222</v>
      </c>
      <c r="D12198" s="6"/>
      <c r="E12198" s="6" t="s">
        <v>9</v>
      </c>
      <c r="F12198" s="7">
        <v>38657</v>
      </c>
      <c r="G12198" s="8">
        <v>1</v>
      </c>
      <c r="H12198" s="8">
        <v>1</v>
      </c>
      <c r="I12198" s="8">
        <v>0</v>
      </c>
      <c r="J12198" s="8">
        <v>1</v>
      </c>
      <c r="K12198" s="9">
        <v>17</v>
      </c>
      <c r="L12198" s="6" t="s">
        <v>51</v>
      </c>
    </row>
    <row r="12199" spans="1:12">
      <c r="A12199" s="6" t="s">
        <v>49</v>
      </c>
      <c r="B12199" s="6"/>
      <c r="C12199" s="6" t="s">
        <v>12223</v>
      </c>
      <c r="D12199" s="6"/>
      <c r="E12199" s="6" t="s">
        <v>9</v>
      </c>
      <c r="F12199" s="7">
        <v>38657</v>
      </c>
      <c r="G12199" s="8">
        <v>1</v>
      </c>
      <c r="H12199" s="8">
        <v>1</v>
      </c>
      <c r="I12199" s="8">
        <v>0</v>
      </c>
      <c r="J12199" s="8">
        <v>1</v>
      </c>
      <c r="K12199" s="9">
        <v>52</v>
      </c>
      <c r="L12199" s="6" t="s">
        <v>51</v>
      </c>
    </row>
    <row r="12200" spans="1:12">
      <c r="A12200" s="6" t="s">
        <v>49</v>
      </c>
      <c r="B12200" s="6"/>
      <c r="C12200" s="6" t="s">
        <v>12224</v>
      </c>
      <c r="D12200" s="6"/>
      <c r="E12200" s="6" t="s">
        <v>9</v>
      </c>
      <c r="F12200" s="7">
        <v>38657</v>
      </c>
      <c r="G12200" s="8">
        <v>1</v>
      </c>
      <c r="H12200" s="8">
        <v>1</v>
      </c>
      <c r="I12200" s="8">
        <v>0</v>
      </c>
      <c r="J12200" s="8">
        <v>1</v>
      </c>
      <c r="K12200" s="9">
        <v>52</v>
      </c>
      <c r="L12200" s="6" t="s">
        <v>51</v>
      </c>
    </row>
    <row r="12201" spans="1:12">
      <c r="A12201" s="6" t="s">
        <v>49</v>
      </c>
      <c r="B12201" s="6"/>
      <c r="C12201" s="6" t="s">
        <v>12225</v>
      </c>
      <c r="D12201" s="6"/>
      <c r="E12201" s="6" t="s">
        <v>9</v>
      </c>
      <c r="F12201" s="7">
        <v>38657</v>
      </c>
      <c r="G12201" s="8">
        <v>1</v>
      </c>
      <c r="H12201" s="8">
        <v>1</v>
      </c>
      <c r="I12201" s="8">
        <v>0</v>
      </c>
      <c r="J12201" s="8">
        <v>1</v>
      </c>
      <c r="K12201" s="9">
        <v>52</v>
      </c>
      <c r="L12201" s="6" t="s">
        <v>51</v>
      </c>
    </row>
    <row r="12202" spans="1:12">
      <c r="A12202" s="6" t="s">
        <v>49</v>
      </c>
      <c r="B12202" s="6"/>
      <c r="C12202" s="6" t="s">
        <v>12226</v>
      </c>
      <c r="D12202" s="6"/>
      <c r="E12202" s="6" t="s">
        <v>9</v>
      </c>
      <c r="F12202" s="7">
        <v>38657</v>
      </c>
      <c r="G12202" s="8">
        <v>1</v>
      </c>
      <c r="H12202" s="8">
        <v>1</v>
      </c>
      <c r="I12202" s="8">
        <v>0</v>
      </c>
      <c r="J12202" s="8">
        <v>1</v>
      </c>
      <c r="K12202" s="9">
        <v>52</v>
      </c>
      <c r="L12202" s="6" t="s">
        <v>51</v>
      </c>
    </row>
    <row r="12203" spans="1:12">
      <c r="A12203" s="6" t="s">
        <v>49</v>
      </c>
      <c r="B12203" s="6"/>
      <c r="C12203" s="6" t="s">
        <v>12227</v>
      </c>
      <c r="D12203" s="6"/>
      <c r="E12203" s="6" t="s">
        <v>9</v>
      </c>
      <c r="F12203" s="7">
        <v>38657</v>
      </c>
      <c r="G12203" s="8">
        <v>1</v>
      </c>
      <c r="H12203" s="8">
        <v>1</v>
      </c>
      <c r="I12203" s="8">
        <v>0</v>
      </c>
      <c r="J12203" s="8">
        <v>1</v>
      </c>
      <c r="K12203" s="9">
        <v>439</v>
      </c>
      <c r="L12203" s="6" t="s">
        <v>51</v>
      </c>
    </row>
    <row r="12204" spans="1:12">
      <c r="A12204" s="6" t="s">
        <v>49</v>
      </c>
      <c r="B12204" s="6"/>
      <c r="C12204" s="6" t="s">
        <v>12228</v>
      </c>
      <c r="D12204" s="6"/>
      <c r="E12204" s="6" t="s">
        <v>9</v>
      </c>
      <c r="F12204" s="7">
        <v>38657</v>
      </c>
      <c r="G12204" s="8">
        <v>1</v>
      </c>
      <c r="H12204" s="8">
        <v>1</v>
      </c>
      <c r="I12204" s="8">
        <v>0</v>
      </c>
      <c r="J12204" s="8">
        <v>1</v>
      </c>
      <c r="K12204" s="9">
        <v>52</v>
      </c>
      <c r="L12204" s="6" t="s">
        <v>51</v>
      </c>
    </row>
    <row r="12205" spans="1:12">
      <c r="A12205" s="6" t="s">
        <v>49</v>
      </c>
      <c r="B12205" s="6"/>
      <c r="C12205" s="6" t="s">
        <v>12229</v>
      </c>
      <c r="D12205" s="6"/>
      <c r="E12205" s="6" t="s">
        <v>9</v>
      </c>
      <c r="F12205" s="7">
        <v>38657</v>
      </c>
      <c r="G12205" s="8">
        <v>1</v>
      </c>
      <c r="H12205" s="8">
        <v>1</v>
      </c>
      <c r="I12205" s="8">
        <v>0</v>
      </c>
      <c r="J12205" s="8">
        <v>1</v>
      </c>
      <c r="K12205" s="9">
        <v>33</v>
      </c>
      <c r="L12205" s="6" t="s">
        <v>51</v>
      </c>
    </row>
    <row r="12206" spans="1:12">
      <c r="A12206" s="6" t="s">
        <v>49</v>
      </c>
      <c r="B12206" s="6"/>
      <c r="C12206" s="6" t="s">
        <v>12230</v>
      </c>
      <c r="D12206" s="6"/>
      <c r="E12206" s="6" t="s">
        <v>9</v>
      </c>
      <c r="F12206" s="7">
        <v>38657</v>
      </c>
      <c r="G12206" s="8">
        <v>1</v>
      </c>
      <c r="H12206" s="8">
        <v>1</v>
      </c>
      <c r="I12206" s="8">
        <v>0</v>
      </c>
      <c r="J12206" s="8">
        <v>1</v>
      </c>
      <c r="K12206" s="9">
        <v>18.52</v>
      </c>
      <c r="L12206" s="6" t="s">
        <v>51</v>
      </c>
    </row>
    <row r="12207" spans="1:12">
      <c r="A12207" s="6" t="s">
        <v>49</v>
      </c>
      <c r="B12207" s="6"/>
      <c r="C12207" s="6" t="s">
        <v>12231</v>
      </c>
      <c r="D12207" s="6"/>
      <c r="E12207" s="6" t="s">
        <v>9</v>
      </c>
      <c r="F12207" s="7">
        <v>38657</v>
      </c>
      <c r="G12207" s="8">
        <v>1</v>
      </c>
      <c r="H12207" s="8">
        <v>1</v>
      </c>
      <c r="I12207" s="8">
        <v>0</v>
      </c>
      <c r="J12207" s="8">
        <v>1</v>
      </c>
      <c r="K12207" s="9">
        <v>18</v>
      </c>
      <c r="L12207" s="6" t="s">
        <v>51</v>
      </c>
    </row>
    <row r="12208" spans="1:12">
      <c r="A12208" s="6" t="s">
        <v>49</v>
      </c>
      <c r="B12208" s="6"/>
      <c r="C12208" s="6" t="s">
        <v>12232</v>
      </c>
      <c r="D12208" s="6"/>
      <c r="E12208" s="6" t="s">
        <v>9</v>
      </c>
      <c r="F12208" s="7">
        <v>38657</v>
      </c>
      <c r="G12208" s="8">
        <v>1</v>
      </c>
      <c r="H12208" s="8">
        <v>1</v>
      </c>
      <c r="I12208" s="8">
        <v>0</v>
      </c>
      <c r="J12208" s="8">
        <v>1</v>
      </c>
      <c r="K12208" s="9">
        <v>52</v>
      </c>
      <c r="L12208" s="6" t="s">
        <v>51</v>
      </c>
    </row>
    <row r="12209" spans="1:12">
      <c r="A12209" s="6" t="s">
        <v>49</v>
      </c>
      <c r="B12209" s="6"/>
      <c r="C12209" s="6" t="s">
        <v>12233</v>
      </c>
      <c r="D12209" s="6"/>
      <c r="E12209" s="6" t="s">
        <v>9</v>
      </c>
      <c r="F12209" s="7">
        <v>38657</v>
      </c>
      <c r="G12209" s="8">
        <v>1</v>
      </c>
      <c r="H12209" s="8">
        <v>1</v>
      </c>
      <c r="I12209" s="8">
        <v>0</v>
      </c>
      <c r="J12209" s="8">
        <v>1</v>
      </c>
      <c r="K12209" s="9">
        <v>26</v>
      </c>
      <c r="L12209" s="6" t="s">
        <v>51</v>
      </c>
    </row>
    <row r="12210" spans="1:12">
      <c r="A12210" s="6" t="s">
        <v>49</v>
      </c>
      <c r="B12210" s="6"/>
      <c r="C12210" s="6" t="s">
        <v>12234</v>
      </c>
      <c r="D12210" s="6"/>
      <c r="E12210" s="6" t="s">
        <v>9</v>
      </c>
      <c r="F12210" s="7">
        <v>38657</v>
      </c>
      <c r="G12210" s="8">
        <v>1</v>
      </c>
      <c r="H12210" s="8">
        <v>1</v>
      </c>
      <c r="I12210" s="8">
        <v>0</v>
      </c>
      <c r="J12210" s="8">
        <v>1</v>
      </c>
      <c r="K12210" s="9">
        <v>26</v>
      </c>
      <c r="L12210" s="6" t="s">
        <v>51</v>
      </c>
    </row>
    <row r="12211" spans="1:12">
      <c r="A12211" s="6" t="s">
        <v>49</v>
      </c>
      <c r="B12211" s="6"/>
      <c r="C12211" s="6" t="s">
        <v>12235</v>
      </c>
      <c r="D12211" s="6"/>
      <c r="E12211" s="6" t="s">
        <v>9</v>
      </c>
      <c r="F12211" s="7">
        <v>38657</v>
      </c>
      <c r="G12211" s="8">
        <v>1</v>
      </c>
      <c r="H12211" s="8">
        <v>1</v>
      </c>
      <c r="I12211" s="8">
        <v>0</v>
      </c>
      <c r="J12211" s="8">
        <v>1</v>
      </c>
      <c r="K12211" s="9">
        <v>28</v>
      </c>
      <c r="L12211" s="6" t="s">
        <v>51</v>
      </c>
    </row>
    <row r="12212" spans="1:12">
      <c r="A12212" s="6" t="s">
        <v>49</v>
      </c>
      <c r="B12212" s="6"/>
      <c r="C12212" s="6" t="s">
        <v>12236</v>
      </c>
      <c r="D12212" s="6"/>
      <c r="E12212" s="6" t="s">
        <v>9</v>
      </c>
      <c r="F12212" s="7">
        <v>38657</v>
      </c>
      <c r="G12212" s="8">
        <v>1</v>
      </c>
      <c r="H12212" s="8">
        <v>1</v>
      </c>
      <c r="I12212" s="8">
        <v>0</v>
      </c>
      <c r="J12212" s="8">
        <v>1</v>
      </c>
      <c r="K12212" s="9">
        <v>23</v>
      </c>
      <c r="L12212" s="6" t="s">
        <v>51</v>
      </c>
    </row>
    <row r="12213" spans="1:12">
      <c r="A12213" s="6" t="s">
        <v>49</v>
      </c>
      <c r="B12213" s="6"/>
      <c r="C12213" s="6" t="s">
        <v>12237</v>
      </c>
      <c r="D12213" s="6"/>
      <c r="E12213" s="6" t="s">
        <v>9</v>
      </c>
      <c r="F12213" s="7">
        <v>38657</v>
      </c>
      <c r="G12213" s="8">
        <v>1</v>
      </c>
      <c r="H12213" s="8">
        <v>1</v>
      </c>
      <c r="I12213" s="8">
        <v>0</v>
      </c>
      <c r="J12213" s="8">
        <v>1</v>
      </c>
      <c r="K12213" s="9">
        <v>52</v>
      </c>
      <c r="L12213" s="6" t="s">
        <v>51</v>
      </c>
    </row>
    <row r="12214" spans="1:12">
      <c r="A12214" s="6" t="s">
        <v>49</v>
      </c>
      <c r="B12214" s="6"/>
      <c r="C12214" s="6" t="s">
        <v>12238</v>
      </c>
      <c r="D12214" s="6"/>
      <c r="E12214" s="6" t="s">
        <v>9</v>
      </c>
      <c r="F12214" s="7">
        <v>38657</v>
      </c>
      <c r="G12214" s="8">
        <v>1</v>
      </c>
      <c r="H12214" s="8">
        <v>1</v>
      </c>
      <c r="I12214" s="8">
        <v>0</v>
      </c>
      <c r="J12214" s="8">
        <v>1</v>
      </c>
      <c r="K12214" s="9">
        <v>36</v>
      </c>
      <c r="L12214" s="6" t="s">
        <v>51</v>
      </c>
    </row>
    <row r="12215" spans="1:12">
      <c r="A12215" s="6" t="s">
        <v>49</v>
      </c>
      <c r="B12215" s="6"/>
      <c r="C12215" s="6" t="s">
        <v>12239</v>
      </c>
      <c r="D12215" s="6"/>
      <c r="E12215" s="6" t="s">
        <v>9</v>
      </c>
      <c r="F12215" s="7">
        <v>38657</v>
      </c>
      <c r="G12215" s="8">
        <v>1</v>
      </c>
      <c r="H12215" s="8">
        <v>1</v>
      </c>
      <c r="I12215" s="8">
        <v>0</v>
      </c>
      <c r="J12215" s="8">
        <v>1</v>
      </c>
      <c r="K12215" s="9">
        <v>12</v>
      </c>
      <c r="L12215" s="6" t="s">
        <v>51</v>
      </c>
    </row>
    <row r="12216" spans="1:12">
      <c r="A12216" s="6" t="s">
        <v>49</v>
      </c>
      <c r="B12216" s="6"/>
      <c r="C12216" s="6" t="s">
        <v>12240</v>
      </c>
      <c r="D12216" s="6"/>
      <c r="E12216" s="6" t="s">
        <v>9</v>
      </c>
      <c r="F12216" s="7">
        <v>38657</v>
      </c>
      <c r="G12216" s="8">
        <v>1</v>
      </c>
      <c r="H12216" s="8">
        <v>1</v>
      </c>
      <c r="I12216" s="8">
        <v>0</v>
      </c>
      <c r="J12216" s="8">
        <v>1</v>
      </c>
      <c r="K12216" s="9">
        <v>440</v>
      </c>
      <c r="L12216" s="6" t="s">
        <v>51</v>
      </c>
    </row>
    <row r="12217" spans="1:12">
      <c r="A12217" s="6" t="s">
        <v>49</v>
      </c>
      <c r="B12217" s="6"/>
      <c r="C12217" s="6" t="s">
        <v>12241</v>
      </c>
      <c r="D12217" s="6"/>
      <c r="E12217" s="6" t="s">
        <v>9</v>
      </c>
      <c r="F12217" s="7">
        <v>38657</v>
      </c>
      <c r="G12217" s="8">
        <v>1</v>
      </c>
      <c r="H12217" s="8">
        <v>1</v>
      </c>
      <c r="I12217" s="8">
        <v>0</v>
      </c>
      <c r="J12217" s="8">
        <v>1</v>
      </c>
      <c r="K12217" s="9">
        <v>18.760000000000002</v>
      </c>
      <c r="L12217" s="6" t="s">
        <v>51</v>
      </c>
    </row>
    <row r="12218" spans="1:12">
      <c r="A12218" s="6" t="s">
        <v>49</v>
      </c>
      <c r="B12218" s="6"/>
      <c r="C12218" s="6" t="s">
        <v>12242</v>
      </c>
      <c r="D12218" s="6"/>
      <c r="E12218" s="6" t="s">
        <v>9</v>
      </c>
      <c r="F12218" s="7">
        <v>38657</v>
      </c>
      <c r="G12218" s="8">
        <v>1</v>
      </c>
      <c r="H12218" s="8">
        <v>1</v>
      </c>
      <c r="I12218" s="8">
        <v>0</v>
      </c>
      <c r="J12218" s="8">
        <v>1</v>
      </c>
      <c r="K12218" s="9">
        <v>11</v>
      </c>
      <c r="L12218" s="6" t="s">
        <v>51</v>
      </c>
    </row>
    <row r="12219" spans="1:12">
      <c r="A12219" s="6" t="s">
        <v>49</v>
      </c>
      <c r="B12219" s="6"/>
      <c r="C12219" s="6" t="s">
        <v>12243</v>
      </c>
      <c r="D12219" s="6"/>
      <c r="E12219" s="6" t="s">
        <v>9</v>
      </c>
      <c r="F12219" s="7">
        <v>38657</v>
      </c>
      <c r="G12219" s="8">
        <v>1</v>
      </c>
      <c r="H12219" s="8">
        <v>1</v>
      </c>
      <c r="I12219" s="8">
        <v>0</v>
      </c>
      <c r="J12219" s="8">
        <v>1</v>
      </c>
      <c r="K12219" s="9">
        <v>10</v>
      </c>
      <c r="L12219" s="6" t="s">
        <v>51</v>
      </c>
    </row>
    <row r="12220" spans="1:12">
      <c r="A12220" s="6" t="s">
        <v>49</v>
      </c>
      <c r="B12220" s="6"/>
      <c r="C12220" s="6" t="s">
        <v>12244</v>
      </c>
      <c r="D12220" s="6"/>
      <c r="E12220" s="6" t="s">
        <v>9</v>
      </c>
      <c r="F12220" s="7">
        <v>38657</v>
      </c>
      <c r="G12220" s="8">
        <v>1</v>
      </c>
      <c r="H12220" s="8">
        <v>1</v>
      </c>
      <c r="I12220" s="8">
        <v>0</v>
      </c>
      <c r="J12220" s="8">
        <v>1</v>
      </c>
      <c r="K12220" s="9">
        <v>13</v>
      </c>
      <c r="L12220" s="6" t="s">
        <v>51</v>
      </c>
    </row>
    <row r="12221" spans="1:12">
      <c r="A12221" s="6" t="s">
        <v>49</v>
      </c>
      <c r="B12221" s="6"/>
      <c r="C12221" s="6" t="s">
        <v>12245</v>
      </c>
      <c r="D12221" s="6"/>
      <c r="E12221" s="6" t="s">
        <v>9</v>
      </c>
      <c r="F12221" s="7">
        <v>38657</v>
      </c>
      <c r="G12221" s="8">
        <v>1</v>
      </c>
      <c r="H12221" s="8">
        <v>1</v>
      </c>
      <c r="I12221" s="8">
        <v>0</v>
      </c>
      <c r="J12221" s="8">
        <v>1</v>
      </c>
      <c r="K12221" s="9">
        <v>4.41</v>
      </c>
      <c r="L12221" s="6" t="s">
        <v>51</v>
      </c>
    </row>
    <row r="12222" spans="1:12">
      <c r="A12222" s="6" t="s">
        <v>49</v>
      </c>
      <c r="B12222" s="6"/>
      <c r="C12222" s="6" t="s">
        <v>12246</v>
      </c>
      <c r="D12222" s="6"/>
      <c r="E12222" s="6" t="s">
        <v>9</v>
      </c>
      <c r="F12222" s="7">
        <v>38657</v>
      </c>
      <c r="G12222" s="8">
        <v>1</v>
      </c>
      <c r="H12222" s="8">
        <v>1</v>
      </c>
      <c r="I12222" s="8">
        <v>0</v>
      </c>
      <c r="J12222" s="8">
        <v>1</v>
      </c>
      <c r="K12222" s="9">
        <v>14</v>
      </c>
      <c r="L12222" s="6" t="s">
        <v>51</v>
      </c>
    </row>
    <row r="12223" spans="1:12">
      <c r="A12223" s="6" t="s">
        <v>49</v>
      </c>
      <c r="B12223" s="6"/>
      <c r="C12223" s="6" t="s">
        <v>12247</v>
      </c>
      <c r="D12223" s="6"/>
      <c r="E12223" s="6" t="s">
        <v>9</v>
      </c>
      <c r="F12223" s="7">
        <v>38657</v>
      </c>
      <c r="G12223" s="8">
        <v>1</v>
      </c>
      <c r="H12223" s="8">
        <v>1</v>
      </c>
      <c r="I12223" s="8">
        <v>0</v>
      </c>
      <c r="J12223" s="8">
        <v>1</v>
      </c>
      <c r="K12223" s="9">
        <v>6.85</v>
      </c>
      <c r="L12223" s="6" t="s">
        <v>51</v>
      </c>
    </row>
    <row r="12224" spans="1:12">
      <c r="A12224" s="6" t="s">
        <v>49</v>
      </c>
      <c r="B12224" s="6"/>
      <c r="C12224" s="6" t="s">
        <v>12248</v>
      </c>
      <c r="D12224" s="6"/>
      <c r="E12224" s="6" t="s">
        <v>9</v>
      </c>
      <c r="F12224" s="7">
        <v>38657</v>
      </c>
      <c r="G12224" s="8">
        <v>1</v>
      </c>
      <c r="H12224" s="8">
        <v>1</v>
      </c>
      <c r="I12224" s="8">
        <v>0</v>
      </c>
      <c r="J12224" s="8">
        <v>1</v>
      </c>
      <c r="K12224" s="9">
        <v>1.27</v>
      </c>
      <c r="L12224" s="6" t="s">
        <v>51</v>
      </c>
    </row>
    <row r="12225" spans="1:12">
      <c r="A12225" s="6" t="s">
        <v>49</v>
      </c>
      <c r="B12225" s="6"/>
      <c r="C12225" s="6" t="s">
        <v>12249</v>
      </c>
      <c r="D12225" s="6"/>
      <c r="E12225" s="6" t="s">
        <v>9</v>
      </c>
      <c r="F12225" s="7">
        <v>38657</v>
      </c>
      <c r="G12225" s="8">
        <v>1</v>
      </c>
      <c r="H12225" s="8">
        <v>1</v>
      </c>
      <c r="I12225" s="8">
        <v>0</v>
      </c>
      <c r="J12225" s="8">
        <v>1</v>
      </c>
      <c r="K12225" s="9">
        <v>35</v>
      </c>
      <c r="L12225" s="6" t="s">
        <v>51</v>
      </c>
    </row>
    <row r="12226" spans="1:12">
      <c r="A12226" s="6" t="s">
        <v>49</v>
      </c>
      <c r="B12226" s="6"/>
      <c r="C12226" s="6" t="s">
        <v>12250</v>
      </c>
      <c r="D12226" s="6"/>
      <c r="E12226" s="6" t="s">
        <v>9</v>
      </c>
      <c r="F12226" s="7">
        <v>38657</v>
      </c>
      <c r="G12226" s="8">
        <v>1</v>
      </c>
      <c r="H12226" s="8">
        <v>1</v>
      </c>
      <c r="I12226" s="8">
        <v>0</v>
      </c>
      <c r="J12226" s="8">
        <v>1</v>
      </c>
      <c r="K12226" s="9">
        <v>20</v>
      </c>
      <c r="L12226" s="6" t="s">
        <v>51</v>
      </c>
    </row>
    <row r="12227" spans="1:12">
      <c r="A12227" s="6" t="s">
        <v>49</v>
      </c>
      <c r="B12227" s="6"/>
      <c r="C12227" s="6" t="s">
        <v>12251</v>
      </c>
      <c r="D12227" s="6"/>
      <c r="E12227" s="6" t="s">
        <v>9</v>
      </c>
      <c r="F12227" s="7">
        <v>38657</v>
      </c>
      <c r="G12227" s="8">
        <v>1</v>
      </c>
      <c r="H12227" s="8">
        <v>1</v>
      </c>
      <c r="I12227" s="8">
        <v>0</v>
      </c>
      <c r="J12227" s="8">
        <v>1</v>
      </c>
      <c r="K12227" s="9">
        <v>15</v>
      </c>
      <c r="L12227" s="6" t="s">
        <v>51</v>
      </c>
    </row>
    <row r="12228" spans="1:12">
      <c r="A12228" s="6" t="s">
        <v>49</v>
      </c>
      <c r="B12228" s="6"/>
      <c r="C12228" s="6" t="s">
        <v>12252</v>
      </c>
      <c r="D12228" s="6"/>
      <c r="E12228" s="6" t="s">
        <v>9</v>
      </c>
      <c r="F12228" s="7">
        <v>38657</v>
      </c>
      <c r="G12228" s="8">
        <v>1</v>
      </c>
      <c r="H12228" s="8">
        <v>1</v>
      </c>
      <c r="I12228" s="8">
        <v>0</v>
      </c>
      <c r="J12228" s="8">
        <v>1</v>
      </c>
      <c r="K12228" s="9">
        <v>19.7</v>
      </c>
      <c r="L12228" s="6" t="s">
        <v>51</v>
      </c>
    </row>
    <row r="12229" spans="1:12">
      <c r="A12229" s="6" t="s">
        <v>49</v>
      </c>
      <c r="B12229" s="6"/>
      <c r="C12229" s="6" t="s">
        <v>12253</v>
      </c>
      <c r="D12229" s="6"/>
      <c r="E12229" s="6" t="s">
        <v>9</v>
      </c>
      <c r="F12229" s="7">
        <v>38657</v>
      </c>
      <c r="G12229" s="8">
        <v>1</v>
      </c>
      <c r="H12229" s="8">
        <v>1</v>
      </c>
      <c r="I12229" s="8">
        <v>0</v>
      </c>
      <c r="J12229" s="8">
        <v>1</v>
      </c>
      <c r="K12229" s="9">
        <v>15</v>
      </c>
      <c r="L12229" s="6" t="s">
        <v>51</v>
      </c>
    </row>
    <row r="12230" spans="1:12">
      <c r="A12230" s="6" t="s">
        <v>49</v>
      </c>
      <c r="B12230" s="6"/>
      <c r="C12230" s="6" t="s">
        <v>12254</v>
      </c>
      <c r="D12230" s="6"/>
      <c r="E12230" s="6" t="s">
        <v>9</v>
      </c>
      <c r="F12230" s="7">
        <v>38657</v>
      </c>
      <c r="G12230" s="8">
        <v>1</v>
      </c>
      <c r="H12230" s="8">
        <v>1</v>
      </c>
      <c r="I12230" s="8">
        <v>0</v>
      </c>
      <c r="J12230" s="8">
        <v>1</v>
      </c>
      <c r="K12230" s="9">
        <v>20</v>
      </c>
      <c r="L12230" s="6" t="s">
        <v>51</v>
      </c>
    </row>
    <row r="12231" spans="1:12">
      <c r="A12231" s="6" t="s">
        <v>49</v>
      </c>
      <c r="B12231" s="6"/>
      <c r="C12231" s="6" t="s">
        <v>12255</v>
      </c>
      <c r="D12231" s="6"/>
      <c r="E12231" s="6" t="s">
        <v>9</v>
      </c>
      <c r="F12231" s="7">
        <v>38657</v>
      </c>
      <c r="G12231" s="8">
        <v>1</v>
      </c>
      <c r="H12231" s="8">
        <v>1</v>
      </c>
      <c r="I12231" s="8">
        <v>0</v>
      </c>
      <c r="J12231" s="8">
        <v>1</v>
      </c>
      <c r="K12231" s="9">
        <v>12</v>
      </c>
      <c r="L12231" s="6" t="s">
        <v>51</v>
      </c>
    </row>
    <row r="12232" spans="1:12">
      <c r="A12232" s="6" t="s">
        <v>49</v>
      </c>
      <c r="B12232" s="6"/>
      <c r="C12232" s="6" t="s">
        <v>12256</v>
      </c>
      <c r="D12232" s="6"/>
      <c r="E12232" s="6" t="s">
        <v>9</v>
      </c>
      <c r="F12232" s="7">
        <v>38657</v>
      </c>
      <c r="G12232" s="8">
        <v>1</v>
      </c>
      <c r="H12232" s="8">
        <v>1</v>
      </c>
      <c r="I12232" s="8">
        <v>0</v>
      </c>
      <c r="J12232" s="8">
        <v>1</v>
      </c>
      <c r="K12232" s="9">
        <v>13</v>
      </c>
      <c r="L12232" s="6" t="s">
        <v>51</v>
      </c>
    </row>
    <row r="12233" spans="1:12">
      <c r="A12233" s="6" t="s">
        <v>49</v>
      </c>
      <c r="B12233" s="6"/>
      <c r="C12233" s="6" t="s">
        <v>12257</v>
      </c>
      <c r="D12233" s="6"/>
      <c r="E12233" s="6" t="s">
        <v>9</v>
      </c>
      <c r="F12233" s="7">
        <v>38657</v>
      </c>
      <c r="G12233" s="8">
        <v>1</v>
      </c>
      <c r="H12233" s="8">
        <v>1</v>
      </c>
      <c r="I12233" s="8">
        <v>0</v>
      </c>
      <c r="J12233" s="8">
        <v>1</v>
      </c>
      <c r="K12233" s="9">
        <v>8.16</v>
      </c>
      <c r="L12233" s="6" t="s">
        <v>51</v>
      </c>
    </row>
    <row r="12234" spans="1:12">
      <c r="A12234" s="6" t="s">
        <v>49</v>
      </c>
      <c r="B12234" s="6"/>
      <c r="C12234" s="6" t="s">
        <v>12258</v>
      </c>
      <c r="D12234" s="6"/>
      <c r="E12234" s="6" t="s">
        <v>9</v>
      </c>
      <c r="F12234" s="7">
        <v>38657</v>
      </c>
      <c r="G12234" s="8">
        <v>1</v>
      </c>
      <c r="H12234" s="8">
        <v>1</v>
      </c>
      <c r="I12234" s="8">
        <v>0</v>
      </c>
      <c r="J12234" s="8">
        <v>1</v>
      </c>
      <c r="K12234" s="9">
        <v>7.92</v>
      </c>
      <c r="L12234" s="6" t="s">
        <v>51</v>
      </c>
    </row>
    <row r="12235" spans="1:12">
      <c r="A12235" s="6" t="s">
        <v>49</v>
      </c>
      <c r="B12235" s="6"/>
      <c r="C12235" s="6" t="s">
        <v>12259</v>
      </c>
      <c r="D12235" s="6"/>
      <c r="E12235" s="6" t="s">
        <v>9</v>
      </c>
      <c r="F12235" s="7">
        <v>38657</v>
      </c>
      <c r="G12235" s="8">
        <v>1</v>
      </c>
      <c r="H12235" s="8">
        <v>1</v>
      </c>
      <c r="I12235" s="8">
        <v>0</v>
      </c>
      <c r="J12235" s="8">
        <v>1</v>
      </c>
      <c r="K12235" s="9">
        <v>6.21</v>
      </c>
      <c r="L12235" s="6" t="s">
        <v>51</v>
      </c>
    </row>
    <row r="12236" spans="1:12">
      <c r="A12236" s="6" t="s">
        <v>49</v>
      </c>
      <c r="B12236" s="6"/>
      <c r="C12236" s="6" t="s">
        <v>12260</v>
      </c>
      <c r="D12236" s="6"/>
      <c r="E12236" s="6" t="s">
        <v>9</v>
      </c>
      <c r="F12236" s="7">
        <v>38657</v>
      </c>
      <c r="G12236" s="8">
        <v>1</v>
      </c>
      <c r="H12236" s="8">
        <v>1</v>
      </c>
      <c r="I12236" s="8">
        <v>0</v>
      </c>
      <c r="J12236" s="8">
        <v>1</v>
      </c>
      <c r="K12236" s="9">
        <v>6.95</v>
      </c>
      <c r="L12236" s="6" t="s">
        <v>51</v>
      </c>
    </row>
    <row r="12237" spans="1:12">
      <c r="A12237" s="6" t="s">
        <v>49</v>
      </c>
      <c r="B12237" s="6"/>
      <c r="C12237" s="6" t="s">
        <v>12261</v>
      </c>
      <c r="D12237" s="6"/>
      <c r="E12237" s="6" t="s">
        <v>9</v>
      </c>
      <c r="F12237" s="7">
        <v>38657</v>
      </c>
      <c r="G12237" s="8">
        <v>1</v>
      </c>
      <c r="H12237" s="8">
        <v>1</v>
      </c>
      <c r="I12237" s="8">
        <v>0</v>
      </c>
      <c r="J12237" s="8">
        <v>1</v>
      </c>
      <c r="K12237" s="9">
        <v>5.34</v>
      </c>
      <c r="L12237" s="6" t="s">
        <v>51</v>
      </c>
    </row>
    <row r="12238" spans="1:12">
      <c r="A12238" s="6" t="s">
        <v>49</v>
      </c>
      <c r="B12238" s="6"/>
      <c r="C12238" s="6" t="s">
        <v>12262</v>
      </c>
      <c r="D12238" s="6"/>
      <c r="E12238" s="6" t="s">
        <v>9</v>
      </c>
      <c r="F12238" s="7">
        <v>38657</v>
      </c>
      <c r="G12238" s="8">
        <v>1</v>
      </c>
      <c r="H12238" s="8">
        <v>1</v>
      </c>
      <c r="I12238" s="8">
        <v>0</v>
      </c>
      <c r="J12238" s="8">
        <v>1</v>
      </c>
      <c r="K12238" s="9">
        <v>10</v>
      </c>
      <c r="L12238" s="6" t="s">
        <v>51</v>
      </c>
    </row>
    <row r="12239" spans="1:12">
      <c r="A12239" s="6" t="s">
        <v>49</v>
      </c>
      <c r="B12239" s="6"/>
      <c r="C12239" s="6" t="s">
        <v>12263</v>
      </c>
      <c r="D12239" s="6"/>
      <c r="E12239" s="6" t="s">
        <v>9</v>
      </c>
      <c r="F12239" s="7">
        <v>38657</v>
      </c>
      <c r="G12239" s="8">
        <v>1</v>
      </c>
      <c r="H12239" s="8">
        <v>1</v>
      </c>
      <c r="I12239" s="8">
        <v>0</v>
      </c>
      <c r="J12239" s="8">
        <v>1</v>
      </c>
      <c r="K12239" s="9">
        <v>21.52</v>
      </c>
      <c r="L12239" s="6" t="s">
        <v>51</v>
      </c>
    </row>
    <row r="12240" spans="1:12">
      <c r="A12240" s="6" t="s">
        <v>49</v>
      </c>
      <c r="B12240" s="6"/>
      <c r="C12240" s="6" t="s">
        <v>12264</v>
      </c>
      <c r="D12240" s="6"/>
      <c r="E12240" s="6" t="s">
        <v>9</v>
      </c>
      <c r="F12240" s="7">
        <v>38657</v>
      </c>
      <c r="G12240" s="8">
        <v>1</v>
      </c>
      <c r="H12240" s="8">
        <v>1</v>
      </c>
      <c r="I12240" s="8">
        <v>0</v>
      </c>
      <c r="J12240" s="8">
        <v>1</v>
      </c>
      <c r="K12240" s="9">
        <v>5.63</v>
      </c>
      <c r="L12240" s="6" t="s">
        <v>51</v>
      </c>
    </row>
    <row r="12241" spans="1:12">
      <c r="A12241" s="6" t="s">
        <v>49</v>
      </c>
      <c r="B12241" s="6"/>
      <c r="C12241" s="6" t="s">
        <v>12265</v>
      </c>
      <c r="D12241" s="6"/>
      <c r="E12241" s="6" t="s">
        <v>9</v>
      </c>
      <c r="F12241" s="7">
        <v>38657</v>
      </c>
      <c r="G12241" s="8">
        <v>1</v>
      </c>
      <c r="H12241" s="8">
        <v>1</v>
      </c>
      <c r="I12241" s="8">
        <v>0</v>
      </c>
      <c r="J12241" s="8">
        <v>1</v>
      </c>
      <c r="K12241" s="9">
        <v>5.63</v>
      </c>
      <c r="L12241" s="6" t="s">
        <v>51</v>
      </c>
    </row>
    <row r="12242" spans="1:12">
      <c r="A12242" s="6" t="s">
        <v>49</v>
      </c>
      <c r="B12242" s="6"/>
      <c r="C12242" s="6" t="s">
        <v>12266</v>
      </c>
      <c r="D12242" s="6"/>
      <c r="E12242" s="6" t="s">
        <v>9</v>
      </c>
      <c r="F12242" s="7">
        <v>38657</v>
      </c>
      <c r="G12242" s="8">
        <v>1</v>
      </c>
      <c r="H12242" s="8">
        <v>1</v>
      </c>
      <c r="I12242" s="8">
        <v>0</v>
      </c>
      <c r="J12242" s="8">
        <v>1</v>
      </c>
      <c r="K12242" s="9">
        <v>7.86</v>
      </c>
      <c r="L12242" s="6" t="s">
        <v>51</v>
      </c>
    </row>
    <row r="12243" spans="1:12">
      <c r="A12243" s="6" t="s">
        <v>49</v>
      </c>
      <c r="B12243" s="6"/>
      <c r="C12243" s="6" t="s">
        <v>12267</v>
      </c>
      <c r="D12243" s="6"/>
      <c r="E12243" s="6" t="s">
        <v>9</v>
      </c>
      <c r="F12243" s="7">
        <v>38657</v>
      </c>
      <c r="G12243" s="8">
        <v>1</v>
      </c>
      <c r="H12243" s="8">
        <v>1</v>
      </c>
      <c r="I12243" s="8">
        <v>0</v>
      </c>
      <c r="J12243" s="8">
        <v>1</v>
      </c>
      <c r="K12243" s="9">
        <v>6.67</v>
      </c>
      <c r="L12243" s="6" t="s">
        <v>51</v>
      </c>
    </row>
    <row r="12244" spans="1:12">
      <c r="A12244" s="6" t="s">
        <v>49</v>
      </c>
      <c r="B12244" s="6"/>
      <c r="C12244" s="6" t="s">
        <v>12268</v>
      </c>
      <c r="D12244" s="6"/>
      <c r="E12244" s="6" t="s">
        <v>9</v>
      </c>
      <c r="F12244" s="7">
        <v>38657</v>
      </c>
      <c r="G12244" s="8">
        <v>1</v>
      </c>
      <c r="H12244" s="8">
        <v>1</v>
      </c>
      <c r="I12244" s="8">
        <v>0</v>
      </c>
      <c r="J12244" s="8">
        <v>1</v>
      </c>
      <c r="K12244" s="9">
        <v>5.8</v>
      </c>
      <c r="L12244" s="6" t="s">
        <v>51</v>
      </c>
    </row>
    <row r="12245" spans="1:12">
      <c r="A12245" s="6" t="s">
        <v>49</v>
      </c>
      <c r="B12245" s="6"/>
      <c r="C12245" s="6" t="s">
        <v>12269</v>
      </c>
      <c r="D12245" s="6"/>
      <c r="E12245" s="6" t="s">
        <v>9</v>
      </c>
      <c r="F12245" s="7">
        <v>38657</v>
      </c>
      <c r="G12245" s="8">
        <v>1</v>
      </c>
      <c r="H12245" s="8">
        <v>1</v>
      </c>
      <c r="I12245" s="8">
        <v>0</v>
      </c>
      <c r="J12245" s="8">
        <v>1</v>
      </c>
      <c r="K12245" s="9">
        <v>63</v>
      </c>
      <c r="L12245" s="6" t="s">
        <v>51</v>
      </c>
    </row>
    <row r="12246" spans="1:12">
      <c r="A12246" s="6" t="s">
        <v>49</v>
      </c>
      <c r="B12246" s="6"/>
      <c r="C12246" s="6" t="s">
        <v>12270</v>
      </c>
      <c r="D12246" s="6"/>
      <c r="E12246" s="6" t="s">
        <v>9</v>
      </c>
      <c r="F12246" s="7">
        <v>38657</v>
      </c>
      <c r="G12246" s="8">
        <v>1</v>
      </c>
      <c r="H12246" s="8">
        <v>1</v>
      </c>
      <c r="I12246" s="8">
        <v>0</v>
      </c>
      <c r="J12246" s="8">
        <v>1</v>
      </c>
      <c r="K12246" s="9">
        <v>5.0599999999999898</v>
      </c>
      <c r="L12246" s="6" t="s">
        <v>51</v>
      </c>
    </row>
    <row r="12247" spans="1:12">
      <c r="A12247" s="6" t="s">
        <v>49</v>
      </c>
      <c r="B12247" s="6"/>
      <c r="C12247" s="6" t="s">
        <v>12271</v>
      </c>
      <c r="D12247" s="6"/>
      <c r="E12247" s="6" t="s">
        <v>9</v>
      </c>
      <c r="F12247" s="7">
        <v>38657</v>
      </c>
      <c r="G12247" s="8">
        <v>1</v>
      </c>
      <c r="H12247" s="8">
        <v>1</v>
      </c>
      <c r="I12247" s="8">
        <v>0</v>
      </c>
      <c r="J12247" s="8">
        <v>1</v>
      </c>
      <c r="K12247" s="9">
        <v>54</v>
      </c>
      <c r="L12247" s="6" t="s">
        <v>51</v>
      </c>
    </row>
    <row r="12248" spans="1:12">
      <c r="A12248" s="6" t="s">
        <v>49</v>
      </c>
      <c r="B12248" s="6"/>
      <c r="C12248" s="6" t="s">
        <v>12272</v>
      </c>
      <c r="D12248" s="6"/>
      <c r="E12248" s="6" t="s">
        <v>9</v>
      </c>
      <c r="F12248" s="7">
        <v>38657</v>
      </c>
      <c r="G12248" s="8">
        <v>1</v>
      </c>
      <c r="H12248" s="8">
        <v>1</v>
      </c>
      <c r="I12248" s="8">
        <v>0</v>
      </c>
      <c r="J12248" s="8">
        <v>1</v>
      </c>
      <c r="K12248" s="9">
        <v>4.37</v>
      </c>
      <c r="L12248" s="6" t="s">
        <v>51</v>
      </c>
    </row>
    <row r="12249" spans="1:12">
      <c r="A12249" s="6" t="s">
        <v>49</v>
      </c>
      <c r="B12249" s="6"/>
      <c r="C12249" s="6" t="s">
        <v>12273</v>
      </c>
      <c r="D12249" s="6"/>
      <c r="E12249" s="6" t="s">
        <v>9</v>
      </c>
      <c r="F12249" s="7">
        <v>38657</v>
      </c>
      <c r="G12249" s="8">
        <v>1</v>
      </c>
      <c r="H12249" s="8">
        <v>1</v>
      </c>
      <c r="I12249" s="8">
        <v>0</v>
      </c>
      <c r="J12249" s="8">
        <v>1</v>
      </c>
      <c r="K12249" s="9">
        <v>62</v>
      </c>
      <c r="L12249" s="6" t="s">
        <v>51</v>
      </c>
    </row>
    <row r="12250" spans="1:12">
      <c r="A12250" s="6" t="s">
        <v>49</v>
      </c>
      <c r="B12250" s="6"/>
      <c r="C12250" s="6" t="s">
        <v>12274</v>
      </c>
      <c r="D12250" s="6"/>
      <c r="E12250" s="6" t="s">
        <v>9</v>
      </c>
      <c r="F12250" s="7">
        <v>38657</v>
      </c>
      <c r="G12250" s="8">
        <v>1</v>
      </c>
      <c r="H12250" s="8">
        <v>1</v>
      </c>
      <c r="I12250" s="8">
        <v>0</v>
      </c>
      <c r="J12250" s="8">
        <v>1</v>
      </c>
      <c r="K12250" s="9">
        <v>155</v>
      </c>
      <c r="L12250" s="6" t="s">
        <v>51</v>
      </c>
    </row>
    <row r="12251" spans="1:12">
      <c r="A12251" s="6" t="s">
        <v>49</v>
      </c>
      <c r="B12251" s="6"/>
      <c r="C12251" s="6" t="s">
        <v>12275</v>
      </c>
      <c r="D12251" s="6"/>
      <c r="E12251" s="6" t="s">
        <v>9</v>
      </c>
      <c r="F12251" s="7">
        <v>38657</v>
      </c>
      <c r="G12251" s="8">
        <v>1</v>
      </c>
      <c r="H12251" s="8">
        <v>1</v>
      </c>
      <c r="I12251" s="8">
        <v>0</v>
      </c>
      <c r="J12251" s="8">
        <v>1</v>
      </c>
      <c r="K12251" s="9">
        <v>9.91</v>
      </c>
      <c r="L12251" s="6" t="s">
        <v>51</v>
      </c>
    </row>
    <row r="12252" spans="1:12">
      <c r="A12252" s="6" t="s">
        <v>49</v>
      </c>
      <c r="B12252" s="6"/>
      <c r="C12252" s="6" t="s">
        <v>12276</v>
      </c>
      <c r="D12252" s="6"/>
      <c r="E12252" s="6" t="s">
        <v>9</v>
      </c>
      <c r="F12252" s="7">
        <v>38657</v>
      </c>
      <c r="G12252" s="8">
        <v>1</v>
      </c>
      <c r="H12252" s="8">
        <v>1</v>
      </c>
      <c r="I12252" s="8">
        <v>0</v>
      </c>
      <c r="J12252" s="8">
        <v>1</v>
      </c>
      <c r="K12252" s="9">
        <v>14.13</v>
      </c>
      <c r="L12252" s="6" t="s">
        <v>51</v>
      </c>
    </row>
    <row r="12253" spans="1:12">
      <c r="A12253" s="6" t="s">
        <v>49</v>
      </c>
      <c r="B12253" s="6"/>
      <c r="C12253" s="6" t="s">
        <v>12277</v>
      </c>
      <c r="D12253" s="6"/>
      <c r="E12253" s="6" t="s">
        <v>9</v>
      </c>
      <c r="F12253" s="7">
        <v>38657</v>
      </c>
      <c r="G12253" s="8">
        <v>1</v>
      </c>
      <c r="H12253" s="8">
        <v>1</v>
      </c>
      <c r="I12253" s="8">
        <v>0</v>
      </c>
      <c r="J12253" s="8">
        <v>1</v>
      </c>
      <c r="K12253" s="9">
        <v>1</v>
      </c>
      <c r="L12253" s="6" t="s">
        <v>51</v>
      </c>
    </row>
    <row r="12254" spans="1:12">
      <c r="A12254" s="6" t="s">
        <v>49</v>
      </c>
      <c r="B12254" s="6"/>
      <c r="C12254" s="6" t="s">
        <v>12278</v>
      </c>
      <c r="D12254" s="6"/>
      <c r="E12254" s="6" t="s">
        <v>9</v>
      </c>
      <c r="F12254" s="7">
        <v>38657</v>
      </c>
      <c r="G12254" s="8">
        <v>1</v>
      </c>
      <c r="H12254" s="8">
        <v>1</v>
      </c>
      <c r="I12254" s="8">
        <v>0</v>
      </c>
      <c r="J12254" s="8">
        <v>1</v>
      </c>
      <c r="K12254" s="9">
        <v>233</v>
      </c>
      <c r="L12254" s="6" t="s">
        <v>51</v>
      </c>
    </row>
    <row r="12255" spans="1:12">
      <c r="A12255" s="6" t="s">
        <v>49</v>
      </c>
      <c r="B12255" s="6"/>
      <c r="C12255" s="6" t="s">
        <v>12279</v>
      </c>
      <c r="D12255" s="6"/>
      <c r="E12255" s="6" t="s">
        <v>9</v>
      </c>
      <c r="F12255" s="7">
        <v>38657</v>
      </c>
      <c r="G12255" s="8">
        <v>1</v>
      </c>
      <c r="H12255" s="8">
        <v>1</v>
      </c>
      <c r="I12255" s="8">
        <v>0</v>
      </c>
      <c r="J12255" s="8">
        <v>1</v>
      </c>
      <c r="K12255" s="9">
        <v>40</v>
      </c>
      <c r="L12255" s="6" t="s">
        <v>51</v>
      </c>
    </row>
    <row r="12256" spans="1:12">
      <c r="A12256" s="6" t="s">
        <v>49</v>
      </c>
      <c r="B12256" s="6"/>
      <c r="C12256" s="6" t="s">
        <v>12280</v>
      </c>
      <c r="D12256" s="6"/>
      <c r="E12256" s="6" t="s">
        <v>9</v>
      </c>
      <c r="F12256" s="7">
        <v>38657</v>
      </c>
      <c r="G12256" s="8">
        <v>1</v>
      </c>
      <c r="H12256" s="8">
        <v>1</v>
      </c>
      <c r="I12256" s="8">
        <v>0</v>
      </c>
      <c r="J12256" s="8">
        <v>1</v>
      </c>
      <c r="K12256" s="9">
        <v>14</v>
      </c>
      <c r="L12256" s="6" t="s">
        <v>51</v>
      </c>
    </row>
    <row r="12257" spans="1:12">
      <c r="A12257" s="6" t="s">
        <v>49</v>
      </c>
      <c r="B12257" s="6"/>
      <c r="C12257" s="6" t="s">
        <v>12281</v>
      </c>
      <c r="D12257" s="6"/>
      <c r="E12257" s="6" t="s">
        <v>9</v>
      </c>
      <c r="F12257" s="7">
        <v>38657</v>
      </c>
      <c r="G12257" s="8">
        <v>1</v>
      </c>
      <c r="H12257" s="8">
        <v>1</v>
      </c>
      <c r="I12257" s="8">
        <v>0</v>
      </c>
      <c r="J12257" s="8">
        <v>1</v>
      </c>
      <c r="K12257" s="9">
        <v>479</v>
      </c>
      <c r="L12257" s="6" t="s">
        <v>51</v>
      </c>
    </row>
    <row r="12258" spans="1:12">
      <c r="A12258" s="6" t="s">
        <v>49</v>
      </c>
      <c r="B12258" s="6"/>
      <c r="C12258" s="6" t="s">
        <v>12282</v>
      </c>
      <c r="D12258" s="6"/>
      <c r="E12258" s="6" t="s">
        <v>9</v>
      </c>
      <c r="F12258" s="7">
        <v>38657</v>
      </c>
      <c r="G12258" s="8">
        <v>1</v>
      </c>
      <c r="H12258" s="8">
        <v>1</v>
      </c>
      <c r="I12258" s="8">
        <v>0</v>
      </c>
      <c r="J12258" s="8">
        <v>1</v>
      </c>
      <c r="K12258" s="9">
        <v>6.57</v>
      </c>
      <c r="L12258" s="6" t="s">
        <v>51</v>
      </c>
    </row>
    <row r="12259" spans="1:12">
      <c r="A12259" s="6" t="s">
        <v>49</v>
      </c>
      <c r="B12259" s="6"/>
      <c r="C12259" s="6" t="s">
        <v>12283</v>
      </c>
      <c r="D12259" s="6"/>
      <c r="E12259" s="6" t="s">
        <v>9</v>
      </c>
      <c r="F12259" s="7">
        <v>38657</v>
      </c>
      <c r="G12259" s="8">
        <v>1</v>
      </c>
      <c r="H12259" s="8">
        <v>1</v>
      </c>
      <c r="I12259" s="8">
        <v>0</v>
      </c>
      <c r="J12259" s="8">
        <v>1</v>
      </c>
      <c r="K12259" s="9">
        <v>1064</v>
      </c>
      <c r="L12259" s="6" t="s">
        <v>51</v>
      </c>
    </row>
    <row r="12260" spans="1:12">
      <c r="A12260" s="6" t="s">
        <v>49</v>
      </c>
      <c r="B12260" s="6"/>
      <c r="C12260" s="6" t="s">
        <v>12284</v>
      </c>
      <c r="D12260" s="6"/>
      <c r="E12260" s="6" t="s">
        <v>9</v>
      </c>
      <c r="F12260" s="7">
        <v>38657</v>
      </c>
      <c r="G12260" s="8">
        <v>1</v>
      </c>
      <c r="H12260" s="8">
        <v>1</v>
      </c>
      <c r="I12260" s="8">
        <v>0</v>
      </c>
      <c r="J12260" s="8">
        <v>1</v>
      </c>
      <c r="K12260" s="9">
        <v>2.00999999999999</v>
      </c>
      <c r="L12260" s="6" t="s">
        <v>51</v>
      </c>
    </row>
    <row r="12261" spans="1:12">
      <c r="A12261" s="6" t="s">
        <v>49</v>
      </c>
      <c r="B12261" s="6"/>
      <c r="C12261" s="6" t="s">
        <v>12285</v>
      </c>
      <c r="D12261" s="6"/>
      <c r="E12261" s="6" t="s">
        <v>9</v>
      </c>
      <c r="F12261" s="7">
        <v>38657</v>
      </c>
      <c r="G12261" s="8">
        <v>1</v>
      </c>
      <c r="H12261" s="8">
        <v>1</v>
      </c>
      <c r="I12261" s="8">
        <v>0</v>
      </c>
      <c r="J12261" s="8">
        <v>1</v>
      </c>
      <c r="K12261" s="9">
        <v>363</v>
      </c>
      <c r="L12261" s="6" t="s">
        <v>51</v>
      </c>
    </row>
    <row r="12262" spans="1:12">
      <c r="A12262" s="6" t="s">
        <v>49</v>
      </c>
      <c r="B12262" s="6"/>
      <c r="C12262" s="6" t="s">
        <v>12286</v>
      </c>
      <c r="D12262" s="6"/>
      <c r="E12262" s="6" t="s">
        <v>9</v>
      </c>
      <c r="F12262" s="7">
        <v>38657</v>
      </c>
      <c r="G12262" s="8">
        <v>1</v>
      </c>
      <c r="H12262" s="8">
        <v>1</v>
      </c>
      <c r="I12262" s="8">
        <v>0</v>
      </c>
      <c r="J12262" s="8">
        <v>1</v>
      </c>
      <c r="K12262" s="9">
        <v>400</v>
      </c>
      <c r="L12262" s="6" t="s">
        <v>51</v>
      </c>
    </row>
    <row r="12263" spans="1:12">
      <c r="A12263" s="6" t="s">
        <v>49</v>
      </c>
      <c r="B12263" s="6"/>
      <c r="C12263" s="6" t="s">
        <v>12287</v>
      </c>
      <c r="D12263" s="6"/>
      <c r="E12263" s="6" t="s">
        <v>9</v>
      </c>
      <c r="F12263" s="7">
        <v>38657</v>
      </c>
      <c r="G12263" s="8">
        <v>1</v>
      </c>
      <c r="H12263" s="8">
        <v>1</v>
      </c>
      <c r="I12263" s="8">
        <v>0</v>
      </c>
      <c r="J12263" s="8">
        <v>1</v>
      </c>
      <c r="K12263" s="9">
        <v>25.54</v>
      </c>
      <c r="L12263" s="6" t="s">
        <v>51</v>
      </c>
    </row>
    <row r="12264" spans="1:12">
      <c r="A12264" s="6" t="s">
        <v>49</v>
      </c>
      <c r="B12264" s="6"/>
      <c r="C12264" s="6" t="s">
        <v>12288</v>
      </c>
      <c r="D12264" s="6"/>
      <c r="E12264" s="6" t="s">
        <v>9</v>
      </c>
      <c r="F12264" s="7">
        <v>38657</v>
      </c>
      <c r="G12264" s="8">
        <v>1</v>
      </c>
      <c r="H12264" s="8">
        <v>1</v>
      </c>
      <c r="I12264" s="8">
        <v>0</v>
      </c>
      <c r="J12264" s="8">
        <v>1</v>
      </c>
      <c r="K12264" s="9">
        <v>3.29</v>
      </c>
      <c r="L12264" s="6" t="s">
        <v>51</v>
      </c>
    </row>
    <row r="12265" spans="1:12">
      <c r="A12265" s="6" t="s">
        <v>49</v>
      </c>
      <c r="B12265" s="6"/>
      <c r="C12265" s="6" t="s">
        <v>12289</v>
      </c>
      <c r="D12265" s="6"/>
      <c r="E12265" s="6" t="s">
        <v>9</v>
      </c>
      <c r="F12265" s="7">
        <v>38657</v>
      </c>
      <c r="G12265" s="8">
        <v>1</v>
      </c>
      <c r="H12265" s="8">
        <v>1</v>
      </c>
      <c r="I12265" s="8">
        <v>0</v>
      </c>
      <c r="J12265" s="8">
        <v>1</v>
      </c>
      <c r="K12265" s="9">
        <v>50</v>
      </c>
      <c r="L12265" s="6" t="s">
        <v>51</v>
      </c>
    </row>
    <row r="12266" spans="1:12">
      <c r="A12266" s="6" t="s">
        <v>49</v>
      </c>
      <c r="B12266" s="6"/>
      <c r="C12266" s="6" t="s">
        <v>12290</v>
      </c>
      <c r="D12266" s="6"/>
      <c r="E12266" s="6" t="s">
        <v>9</v>
      </c>
      <c r="F12266" s="7">
        <v>38657</v>
      </c>
      <c r="G12266" s="8">
        <v>1</v>
      </c>
      <c r="H12266" s="8">
        <v>1</v>
      </c>
      <c r="I12266" s="8">
        <v>0</v>
      </c>
      <c r="J12266" s="8">
        <v>1</v>
      </c>
      <c r="K12266" s="9">
        <v>0.27</v>
      </c>
      <c r="L12266" s="6" t="s">
        <v>51</v>
      </c>
    </row>
    <row r="12267" spans="1:12">
      <c r="A12267" s="6" t="s">
        <v>49</v>
      </c>
      <c r="B12267" s="6"/>
      <c r="C12267" s="6" t="s">
        <v>12291</v>
      </c>
      <c r="D12267" s="6"/>
      <c r="E12267" s="6" t="s">
        <v>9</v>
      </c>
      <c r="F12267" s="7">
        <v>38657</v>
      </c>
      <c r="G12267" s="8">
        <v>1</v>
      </c>
      <c r="H12267" s="8">
        <v>1</v>
      </c>
      <c r="I12267" s="8">
        <v>0</v>
      </c>
      <c r="J12267" s="8">
        <v>1</v>
      </c>
      <c r="K12267" s="9">
        <v>1.05</v>
      </c>
      <c r="L12267" s="6" t="s">
        <v>51</v>
      </c>
    </row>
    <row r="12268" spans="1:12">
      <c r="A12268" s="6" t="s">
        <v>49</v>
      </c>
      <c r="B12268" s="6"/>
      <c r="C12268" s="6" t="s">
        <v>12292</v>
      </c>
      <c r="D12268" s="6"/>
      <c r="E12268" s="6" t="s">
        <v>9</v>
      </c>
      <c r="F12268" s="7">
        <v>38657</v>
      </c>
      <c r="G12268" s="8">
        <v>1</v>
      </c>
      <c r="H12268" s="8">
        <v>1</v>
      </c>
      <c r="I12268" s="8">
        <v>0</v>
      </c>
      <c r="J12268" s="8">
        <v>1</v>
      </c>
      <c r="K12268" s="9">
        <v>322</v>
      </c>
      <c r="L12268" s="6" t="s">
        <v>51</v>
      </c>
    </row>
    <row r="12269" spans="1:12">
      <c r="A12269" s="6" t="s">
        <v>49</v>
      </c>
      <c r="B12269" s="6"/>
      <c r="C12269" s="6" t="s">
        <v>12293</v>
      </c>
      <c r="D12269" s="6"/>
      <c r="E12269" s="6" t="s">
        <v>9</v>
      </c>
      <c r="F12269" s="7">
        <v>38657</v>
      </c>
      <c r="G12269" s="8">
        <v>1</v>
      </c>
      <c r="H12269" s="8">
        <v>1</v>
      </c>
      <c r="I12269" s="8">
        <v>0</v>
      </c>
      <c r="J12269" s="8">
        <v>1</v>
      </c>
      <c r="K12269" s="9">
        <v>796</v>
      </c>
      <c r="L12269" s="6" t="s">
        <v>51</v>
      </c>
    </row>
    <row r="12270" spans="1:12">
      <c r="A12270" s="6" t="s">
        <v>49</v>
      </c>
      <c r="B12270" s="6"/>
      <c r="C12270" s="6" t="s">
        <v>12294</v>
      </c>
      <c r="D12270" s="6"/>
      <c r="E12270" s="6" t="s">
        <v>9</v>
      </c>
      <c r="F12270" s="7">
        <v>38657</v>
      </c>
      <c r="G12270" s="8">
        <v>1</v>
      </c>
      <c r="H12270" s="8">
        <v>1</v>
      </c>
      <c r="I12270" s="8">
        <v>0</v>
      </c>
      <c r="J12270" s="8">
        <v>1</v>
      </c>
      <c r="K12270" s="9">
        <v>58</v>
      </c>
      <c r="L12270" s="6" t="s">
        <v>51</v>
      </c>
    </row>
    <row r="12271" spans="1:12">
      <c r="A12271" s="6" t="s">
        <v>49</v>
      </c>
      <c r="B12271" s="6"/>
      <c r="C12271" s="6" t="s">
        <v>12295</v>
      </c>
      <c r="D12271" s="6"/>
      <c r="E12271" s="6" t="s">
        <v>9</v>
      </c>
      <c r="F12271" s="7">
        <v>38657</v>
      </c>
      <c r="G12271" s="8">
        <v>1</v>
      </c>
      <c r="H12271" s="8">
        <v>1</v>
      </c>
      <c r="I12271" s="8">
        <v>0</v>
      </c>
      <c r="J12271" s="8">
        <v>1</v>
      </c>
      <c r="K12271" s="9">
        <v>37</v>
      </c>
      <c r="L12271" s="6" t="s">
        <v>51</v>
      </c>
    </row>
    <row r="12272" spans="1:12">
      <c r="A12272" s="6" t="s">
        <v>49</v>
      </c>
      <c r="B12272" s="6"/>
      <c r="C12272" s="6" t="s">
        <v>12296</v>
      </c>
      <c r="D12272" s="6"/>
      <c r="E12272" s="6" t="s">
        <v>9</v>
      </c>
      <c r="F12272" s="7">
        <v>38657</v>
      </c>
      <c r="G12272" s="8">
        <v>1</v>
      </c>
      <c r="H12272" s="8">
        <v>1</v>
      </c>
      <c r="I12272" s="8">
        <v>0</v>
      </c>
      <c r="J12272" s="8">
        <v>1</v>
      </c>
      <c r="K12272" s="9">
        <v>55</v>
      </c>
      <c r="L12272" s="6" t="s">
        <v>51</v>
      </c>
    </row>
    <row r="12273" spans="1:12">
      <c r="A12273" s="6" t="s">
        <v>49</v>
      </c>
      <c r="B12273" s="6"/>
      <c r="C12273" s="6" t="s">
        <v>12297</v>
      </c>
      <c r="D12273" s="6"/>
      <c r="E12273" s="6" t="s">
        <v>9</v>
      </c>
      <c r="F12273" s="7">
        <v>38657</v>
      </c>
      <c r="G12273" s="8">
        <v>1</v>
      </c>
      <c r="H12273" s="8">
        <v>1</v>
      </c>
      <c r="I12273" s="8">
        <v>0</v>
      </c>
      <c r="J12273" s="8">
        <v>1</v>
      </c>
      <c r="K12273" s="9">
        <v>52</v>
      </c>
      <c r="L12273" s="6" t="s">
        <v>51</v>
      </c>
    </row>
    <row r="12274" spans="1:12">
      <c r="A12274" s="6" t="s">
        <v>49</v>
      </c>
      <c r="B12274" s="6"/>
      <c r="C12274" s="6" t="s">
        <v>12298</v>
      </c>
      <c r="D12274" s="6"/>
      <c r="E12274" s="6" t="s">
        <v>9</v>
      </c>
      <c r="F12274" s="7">
        <v>38657</v>
      </c>
      <c r="G12274" s="8">
        <v>1</v>
      </c>
      <c r="H12274" s="8">
        <v>1</v>
      </c>
      <c r="I12274" s="8">
        <v>0</v>
      </c>
      <c r="J12274" s="8">
        <v>1</v>
      </c>
      <c r="K12274" s="9">
        <v>21.42</v>
      </c>
      <c r="L12274" s="6" t="s">
        <v>51</v>
      </c>
    </row>
    <row r="12275" spans="1:12">
      <c r="A12275" s="6" t="s">
        <v>49</v>
      </c>
      <c r="B12275" s="6"/>
      <c r="C12275" s="6" t="s">
        <v>12299</v>
      </c>
      <c r="D12275" s="6"/>
      <c r="E12275" s="6" t="s">
        <v>9</v>
      </c>
      <c r="F12275" s="7">
        <v>38657</v>
      </c>
      <c r="G12275" s="8">
        <v>1</v>
      </c>
      <c r="H12275" s="8">
        <v>1</v>
      </c>
      <c r="I12275" s="8">
        <v>0</v>
      </c>
      <c r="J12275" s="8">
        <v>1</v>
      </c>
      <c r="K12275" s="9">
        <v>50</v>
      </c>
      <c r="L12275" s="6" t="s">
        <v>51</v>
      </c>
    </row>
    <row r="12276" spans="1:12">
      <c r="A12276" s="6" t="s">
        <v>49</v>
      </c>
      <c r="B12276" s="6"/>
      <c r="C12276" s="6" t="s">
        <v>12300</v>
      </c>
      <c r="D12276" s="6"/>
      <c r="E12276" s="6" t="s">
        <v>9</v>
      </c>
      <c r="F12276" s="7">
        <v>38657</v>
      </c>
      <c r="G12276" s="8">
        <v>1</v>
      </c>
      <c r="H12276" s="8">
        <v>1</v>
      </c>
      <c r="I12276" s="8">
        <v>0</v>
      </c>
      <c r="J12276" s="8">
        <v>1</v>
      </c>
      <c r="K12276" s="9">
        <v>63</v>
      </c>
      <c r="L12276" s="6" t="s">
        <v>51</v>
      </c>
    </row>
    <row r="12277" spans="1:12">
      <c r="A12277" s="6" t="s">
        <v>49</v>
      </c>
      <c r="B12277" s="6"/>
      <c r="C12277" s="6" t="s">
        <v>12301</v>
      </c>
      <c r="D12277" s="6"/>
      <c r="E12277" s="6" t="s">
        <v>9</v>
      </c>
      <c r="F12277" s="7">
        <v>38657</v>
      </c>
      <c r="G12277" s="8">
        <v>1</v>
      </c>
      <c r="H12277" s="8">
        <v>1</v>
      </c>
      <c r="I12277" s="8">
        <v>0</v>
      </c>
      <c r="J12277" s="8">
        <v>1</v>
      </c>
      <c r="K12277" s="9">
        <v>42</v>
      </c>
      <c r="L12277" s="6" t="s">
        <v>51</v>
      </c>
    </row>
    <row r="12278" spans="1:12">
      <c r="A12278" s="6" t="s">
        <v>49</v>
      </c>
      <c r="B12278" s="6"/>
      <c r="C12278" s="6" t="s">
        <v>12302</v>
      </c>
      <c r="D12278" s="6"/>
      <c r="E12278" s="6" t="s">
        <v>9</v>
      </c>
      <c r="F12278" s="7">
        <v>38657</v>
      </c>
      <c r="G12278" s="8">
        <v>1</v>
      </c>
      <c r="H12278" s="8">
        <v>1</v>
      </c>
      <c r="I12278" s="8">
        <v>0</v>
      </c>
      <c r="J12278" s="8">
        <v>1</v>
      </c>
      <c r="K12278" s="9">
        <v>419</v>
      </c>
      <c r="L12278" s="6" t="s">
        <v>51</v>
      </c>
    </row>
    <row r="12279" spans="1:12">
      <c r="A12279" s="6" t="s">
        <v>49</v>
      </c>
      <c r="B12279" s="6"/>
      <c r="C12279" s="6" t="s">
        <v>12303</v>
      </c>
      <c r="D12279" s="6"/>
      <c r="E12279" s="6" t="s">
        <v>9</v>
      </c>
      <c r="F12279" s="7">
        <v>38657</v>
      </c>
      <c r="G12279" s="8">
        <v>1</v>
      </c>
      <c r="H12279" s="8">
        <v>1</v>
      </c>
      <c r="I12279" s="8">
        <v>0</v>
      </c>
      <c r="J12279" s="8">
        <v>1</v>
      </c>
      <c r="K12279" s="9">
        <v>40</v>
      </c>
      <c r="L12279" s="6" t="s">
        <v>51</v>
      </c>
    </row>
    <row r="12280" spans="1:12">
      <c r="A12280" s="6" t="s">
        <v>49</v>
      </c>
      <c r="B12280" s="6"/>
      <c r="C12280" s="6" t="s">
        <v>12304</v>
      </c>
      <c r="D12280" s="6"/>
      <c r="E12280" s="6" t="s">
        <v>9</v>
      </c>
      <c r="F12280" s="7">
        <v>38657</v>
      </c>
      <c r="G12280" s="8">
        <v>1</v>
      </c>
      <c r="H12280" s="8">
        <v>1</v>
      </c>
      <c r="I12280" s="8">
        <v>0</v>
      </c>
      <c r="J12280" s="8">
        <v>1</v>
      </c>
      <c r="K12280" s="9">
        <v>67</v>
      </c>
      <c r="L12280" s="6" t="s">
        <v>51</v>
      </c>
    </row>
    <row r="12281" spans="1:12">
      <c r="A12281" s="6" t="s">
        <v>49</v>
      </c>
      <c r="B12281" s="6"/>
      <c r="C12281" s="6" t="s">
        <v>12305</v>
      </c>
      <c r="D12281" s="6"/>
      <c r="E12281" s="6" t="s">
        <v>9</v>
      </c>
      <c r="F12281" s="7">
        <v>38657</v>
      </c>
      <c r="G12281" s="8">
        <v>1</v>
      </c>
      <c r="H12281" s="8">
        <v>1</v>
      </c>
      <c r="I12281" s="8">
        <v>0</v>
      </c>
      <c r="J12281" s="8">
        <v>1</v>
      </c>
      <c r="K12281" s="9">
        <v>24</v>
      </c>
      <c r="L12281" s="6" t="s">
        <v>51</v>
      </c>
    </row>
    <row r="12282" spans="1:12">
      <c r="A12282" s="6" t="s">
        <v>49</v>
      </c>
      <c r="B12282" s="6"/>
      <c r="C12282" s="6" t="s">
        <v>12306</v>
      </c>
      <c r="D12282" s="6"/>
      <c r="E12282" s="6" t="s">
        <v>9</v>
      </c>
      <c r="F12282" s="7">
        <v>38657</v>
      </c>
      <c r="G12282" s="8">
        <v>1</v>
      </c>
      <c r="H12282" s="8">
        <v>1</v>
      </c>
      <c r="I12282" s="8">
        <v>0</v>
      </c>
      <c r="J12282" s="8">
        <v>1</v>
      </c>
      <c r="K12282" s="9">
        <v>37</v>
      </c>
      <c r="L12282" s="6" t="s">
        <v>51</v>
      </c>
    </row>
    <row r="12283" spans="1:12">
      <c r="A12283" s="6" t="s">
        <v>49</v>
      </c>
      <c r="B12283" s="6"/>
      <c r="C12283" s="6" t="s">
        <v>12307</v>
      </c>
      <c r="D12283" s="6"/>
      <c r="E12283" s="6" t="s">
        <v>9</v>
      </c>
      <c r="F12283" s="7">
        <v>38657</v>
      </c>
      <c r="G12283" s="8">
        <v>1</v>
      </c>
      <c r="H12283" s="8">
        <v>1</v>
      </c>
      <c r="I12283" s="8">
        <v>0</v>
      </c>
      <c r="J12283" s="8">
        <v>1</v>
      </c>
      <c r="K12283" s="9">
        <v>26</v>
      </c>
      <c r="L12283" s="6" t="s">
        <v>51</v>
      </c>
    </row>
    <row r="12284" spans="1:12">
      <c r="A12284" s="6" t="s">
        <v>49</v>
      </c>
      <c r="B12284" s="6"/>
      <c r="C12284" s="6" t="s">
        <v>12308</v>
      </c>
      <c r="D12284" s="6"/>
      <c r="E12284" s="6" t="s">
        <v>9</v>
      </c>
      <c r="F12284" s="7">
        <v>38657</v>
      </c>
      <c r="G12284" s="8">
        <v>1</v>
      </c>
      <c r="H12284" s="8">
        <v>1</v>
      </c>
      <c r="I12284" s="8">
        <v>0</v>
      </c>
      <c r="J12284" s="8">
        <v>1</v>
      </c>
      <c r="K12284" s="9">
        <v>16</v>
      </c>
      <c r="L12284" s="6" t="s">
        <v>51</v>
      </c>
    </row>
    <row r="12285" spans="1:12">
      <c r="A12285" s="6" t="s">
        <v>49</v>
      </c>
      <c r="B12285" s="6"/>
      <c r="C12285" s="6" t="s">
        <v>12309</v>
      </c>
      <c r="D12285" s="6"/>
      <c r="E12285" s="6" t="s">
        <v>9</v>
      </c>
      <c r="F12285" s="7">
        <v>38657</v>
      </c>
      <c r="G12285" s="8">
        <v>1</v>
      </c>
      <c r="H12285" s="8">
        <v>1</v>
      </c>
      <c r="I12285" s="8">
        <v>0</v>
      </c>
      <c r="J12285" s="8">
        <v>1</v>
      </c>
      <c r="K12285" s="9">
        <v>63.54</v>
      </c>
      <c r="L12285" s="6" t="s">
        <v>51</v>
      </c>
    </row>
    <row r="12286" spans="1:12">
      <c r="A12286" s="6" t="s">
        <v>49</v>
      </c>
      <c r="B12286" s="6"/>
      <c r="C12286" s="6" t="s">
        <v>12310</v>
      </c>
      <c r="D12286" s="6"/>
      <c r="E12286" s="6" t="s">
        <v>9</v>
      </c>
      <c r="F12286" s="7">
        <v>38657</v>
      </c>
      <c r="G12286" s="8">
        <v>1</v>
      </c>
      <c r="H12286" s="8">
        <v>1</v>
      </c>
      <c r="I12286" s="8">
        <v>0</v>
      </c>
      <c r="J12286" s="8">
        <v>1</v>
      </c>
      <c r="K12286" s="9">
        <v>24</v>
      </c>
      <c r="L12286" s="6" t="s">
        <v>51</v>
      </c>
    </row>
    <row r="12287" spans="1:12">
      <c r="A12287" s="6" t="s">
        <v>49</v>
      </c>
      <c r="B12287" s="6"/>
      <c r="C12287" s="6" t="s">
        <v>12311</v>
      </c>
      <c r="D12287" s="6"/>
      <c r="E12287" s="6" t="s">
        <v>9</v>
      </c>
      <c r="F12287" s="7">
        <v>38657</v>
      </c>
      <c r="G12287" s="8">
        <v>1</v>
      </c>
      <c r="H12287" s="8">
        <v>1</v>
      </c>
      <c r="I12287" s="8">
        <v>0</v>
      </c>
      <c r="J12287" s="8">
        <v>1</v>
      </c>
      <c r="K12287" s="9">
        <v>4.63</v>
      </c>
      <c r="L12287" s="6" t="s">
        <v>51</v>
      </c>
    </row>
    <row r="12288" spans="1:12">
      <c r="A12288" s="6" t="s">
        <v>49</v>
      </c>
      <c r="B12288" s="6"/>
      <c r="C12288" s="6" t="s">
        <v>12312</v>
      </c>
      <c r="D12288" s="6"/>
      <c r="E12288" s="6" t="s">
        <v>9</v>
      </c>
      <c r="F12288" s="7">
        <v>38657</v>
      </c>
      <c r="G12288" s="8">
        <v>1</v>
      </c>
      <c r="H12288" s="8">
        <v>1</v>
      </c>
      <c r="I12288" s="8">
        <v>0</v>
      </c>
      <c r="J12288" s="8">
        <v>1</v>
      </c>
      <c r="K12288" s="9">
        <v>694</v>
      </c>
      <c r="L12288" s="6" t="s">
        <v>51</v>
      </c>
    </row>
    <row r="12289" spans="1:12">
      <c r="A12289" s="6" t="s">
        <v>49</v>
      </c>
      <c r="B12289" s="6"/>
      <c r="C12289" s="6" t="s">
        <v>12313</v>
      </c>
      <c r="D12289" s="6"/>
      <c r="E12289" s="6" t="s">
        <v>9</v>
      </c>
      <c r="F12289" s="7">
        <v>38657</v>
      </c>
      <c r="G12289" s="8">
        <v>1</v>
      </c>
      <c r="H12289" s="8">
        <v>1</v>
      </c>
      <c r="I12289" s="8">
        <v>0</v>
      </c>
      <c r="J12289" s="8">
        <v>1</v>
      </c>
      <c r="K12289" s="9">
        <v>29</v>
      </c>
      <c r="L12289" s="6" t="s">
        <v>51</v>
      </c>
    </row>
    <row r="12290" spans="1:12">
      <c r="A12290" s="6" t="s">
        <v>49</v>
      </c>
      <c r="B12290" s="6"/>
      <c r="C12290" s="6" t="s">
        <v>12314</v>
      </c>
      <c r="D12290" s="6"/>
      <c r="E12290" s="6" t="s">
        <v>9</v>
      </c>
      <c r="F12290" s="7">
        <v>38657</v>
      </c>
      <c r="G12290" s="8">
        <v>1</v>
      </c>
      <c r="H12290" s="8">
        <v>1</v>
      </c>
      <c r="I12290" s="8">
        <v>0</v>
      </c>
      <c r="J12290" s="8">
        <v>1</v>
      </c>
      <c r="K12290" s="9">
        <v>667</v>
      </c>
      <c r="L12290" s="6" t="s">
        <v>51</v>
      </c>
    </row>
    <row r="12291" spans="1:12">
      <c r="A12291" s="6" t="s">
        <v>49</v>
      </c>
      <c r="B12291" s="6"/>
      <c r="C12291" s="6" t="s">
        <v>12315</v>
      </c>
      <c r="D12291" s="6"/>
      <c r="E12291" s="6" t="s">
        <v>9</v>
      </c>
      <c r="F12291" s="7">
        <v>38657</v>
      </c>
      <c r="G12291" s="8">
        <v>1</v>
      </c>
      <c r="H12291" s="8">
        <v>1</v>
      </c>
      <c r="I12291" s="8">
        <v>0</v>
      </c>
      <c r="J12291" s="8">
        <v>1</v>
      </c>
      <c r="K12291" s="9">
        <v>4.88</v>
      </c>
      <c r="L12291" s="6" t="s">
        <v>51</v>
      </c>
    </row>
    <row r="12292" spans="1:12">
      <c r="A12292" s="6" t="s">
        <v>49</v>
      </c>
      <c r="B12292" s="6"/>
      <c r="C12292" s="6" t="s">
        <v>12316</v>
      </c>
      <c r="D12292" s="6"/>
      <c r="E12292" s="6" t="s">
        <v>9</v>
      </c>
      <c r="F12292" s="7">
        <v>38657</v>
      </c>
      <c r="G12292" s="8">
        <v>1</v>
      </c>
      <c r="H12292" s="8">
        <v>1</v>
      </c>
      <c r="I12292" s="8">
        <v>0</v>
      </c>
      <c r="J12292" s="8">
        <v>1</v>
      </c>
      <c r="K12292" s="9">
        <v>8.85</v>
      </c>
      <c r="L12292" s="6" t="s">
        <v>51</v>
      </c>
    </row>
    <row r="12293" spans="1:12">
      <c r="A12293" s="6" t="s">
        <v>49</v>
      </c>
      <c r="B12293" s="6"/>
      <c r="C12293" s="6" t="s">
        <v>12317</v>
      </c>
      <c r="D12293" s="6"/>
      <c r="E12293" s="6" t="s">
        <v>9</v>
      </c>
      <c r="F12293" s="7">
        <v>38657</v>
      </c>
      <c r="G12293" s="8">
        <v>1</v>
      </c>
      <c r="H12293" s="8">
        <v>1</v>
      </c>
      <c r="I12293" s="8">
        <v>0</v>
      </c>
      <c r="J12293" s="8">
        <v>1</v>
      </c>
      <c r="K12293" s="9">
        <v>7.49</v>
      </c>
      <c r="L12293" s="6" t="s">
        <v>51</v>
      </c>
    </row>
    <row r="12294" spans="1:12">
      <c r="A12294" s="6" t="s">
        <v>49</v>
      </c>
      <c r="B12294" s="6"/>
      <c r="C12294" s="6" t="s">
        <v>12318</v>
      </c>
      <c r="D12294" s="6"/>
      <c r="E12294" s="6" t="s">
        <v>9</v>
      </c>
      <c r="F12294" s="7">
        <v>38657</v>
      </c>
      <c r="G12294" s="8">
        <v>1</v>
      </c>
      <c r="H12294" s="8">
        <v>1</v>
      </c>
      <c r="I12294" s="8">
        <v>0</v>
      </c>
      <c r="J12294" s="8">
        <v>1</v>
      </c>
      <c r="K12294" s="9">
        <v>482</v>
      </c>
      <c r="L12294" s="6" t="s">
        <v>51</v>
      </c>
    </row>
    <row r="12295" spans="1:12">
      <c r="A12295" s="6" t="s">
        <v>49</v>
      </c>
      <c r="B12295" s="6"/>
      <c r="C12295" s="6" t="s">
        <v>12319</v>
      </c>
      <c r="D12295" s="6"/>
      <c r="E12295" s="6" t="s">
        <v>9</v>
      </c>
      <c r="F12295" s="7">
        <v>38657</v>
      </c>
      <c r="G12295" s="8">
        <v>1</v>
      </c>
      <c r="H12295" s="8">
        <v>1</v>
      </c>
      <c r="I12295" s="8">
        <v>0</v>
      </c>
      <c r="J12295" s="8">
        <v>1</v>
      </c>
      <c r="K12295" s="9">
        <v>18.559999999999899</v>
      </c>
      <c r="L12295" s="6" t="s">
        <v>51</v>
      </c>
    </row>
    <row r="12296" spans="1:12">
      <c r="A12296" s="6" t="s">
        <v>49</v>
      </c>
      <c r="B12296" s="6"/>
      <c r="C12296" s="6" t="s">
        <v>12320</v>
      </c>
      <c r="D12296" s="6"/>
      <c r="E12296" s="6" t="s">
        <v>9</v>
      </c>
      <c r="F12296" s="7">
        <v>38657</v>
      </c>
      <c r="G12296" s="8">
        <v>1</v>
      </c>
      <c r="H12296" s="8">
        <v>1</v>
      </c>
      <c r="I12296" s="8">
        <v>0</v>
      </c>
      <c r="J12296" s="8">
        <v>1</v>
      </c>
      <c r="K12296" s="9">
        <v>13.73</v>
      </c>
      <c r="L12296" s="6" t="s">
        <v>51</v>
      </c>
    </row>
    <row r="12297" spans="1:12">
      <c r="A12297" s="6" t="s">
        <v>49</v>
      </c>
      <c r="B12297" s="6"/>
      <c r="C12297" s="6" t="s">
        <v>12321</v>
      </c>
      <c r="D12297" s="6"/>
      <c r="E12297" s="6" t="s">
        <v>9</v>
      </c>
      <c r="F12297" s="7">
        <v>38657</v>
      </c>
      <c r="G12297" s="8">
        <v>1</v>
      </c>
      <c r="H12297" s="8">
        <v>1</v>
      </c>
      <c r="I12297" s="8">
        <v>0</v>
      </c>
      <c r="J12297" s="8">
        <v>1</v>
      </c>
      <c r="K12297" s="9">
        <v>171</v>
      </c>
      <c r="L12297" s="6" t="s">
        <v>51</v>
      </c>
    </row>
    <row r="12298" spans="1:12">
      <c r="A12298" s="6" t="s">
        <v>49</v>
      </c>
      <c r="B12298" s="6"/>
      <c r="C12298" s="6" t="s">
        <v>12322</v>
      </c>
      <c r="D12298" s="6"/>
      <c r="E12298" s="6" t="s">
        <v>9</v>
      </c>
      <c r="F12298" s="7">
        <v>38657</v>
      </c>
      <c r="G12298" s="8">
        <v>1</v>
      </c>
      <c r="H12298" s="8">
        <v>1</v>
      </c>
      <c r="I12298" s="8">
        <v>0</v>
      </c>
      <c r="J12298" s="8">
        <v>1</v>
      </c>
      <c r="K12298" s="9">
        <v>1.35</v>
      </c>
      <c r="L12298" s="6" t="s">
        <v>51</v>
      </c>
    </row>
    <row r="12299" spans="1:12">
      <c r="A12299" s="6" t="s">
        <v>49</v>
      </c>
      <c r="B12299" s="6"/>
      <c r="C12299" s="6" t="s">
        <v>12323</v>
      </c>
      <c r="D12299" s="6"/>
      <c r="E12299" s="6" t="s">
        <v>9</v>
      </c>
      <c r="F12299" s="7">
        <v>38657</v>
      </c>
      <c r="G12299" s="8">
        <v>1</v>
      </c>
      <c r="H12299" s="8">
        <v>1</v>
      </c>
      <c r="I12299" s="8">
        <v>0</v>
      </c>
      <c r="J12299" s="8">
        <v>1</v>
      </c>
      <c r="K12299" s="9">
        <v>7.52</v>
      </c>
      <c r="L12299" s="6" t="s">
        <v>51</v>
      </c>
    </row>
    <row r="12300" spans="1:12">
      <c r="A12300" s="6" t="s">
        <v>49</v>
      </c>
      <c r="B12300" s="6"/>
      <c r="C12300" s="6" t="s">
        <v>12324</v>
      </c>
      <c r="D12300" s="6"/>
      <c r="E12300" s="6" t="s">
        <v>9</v>
      </c>
      <c r="F12300" s="7">
        <v>38657</v>
      </c>
      <c r="G12300" s="8">
        <v>1</v>
      </c>
      <c r="H12300" s="8">
        <v>1</v>
      </c>
      <c r="I12300" s="8">
        <v>0</v>
      </c>
      <c r="J12300" s="8">
        <v>1</v>
      </c>
      <c r="K12300" s="9">
        <v>0.82</v>
      </c>
      <c r="L12300" s="6" t="s">
        <v>51</v>
      </c>
    </row>
    <row r="12301" spans="1:12">
      <c r="A12301" s="6" t="s">
        <v>49</v>
      </c>
      <c r="B12301" s="6"/>
      <c r="C12301" s="6" t="s">
        <v>12325</v>
      </c>
      <c r="D12301" s="6"/>
      <c r="E12301" s="6" t="s">
        <v>9</v>
      </c>
      <c r="F12301" s="7">
        <v>38657</v>
      </c>
      <c r="G12301" s="8">
        <v>1</v>
      </c>
      <c r="H12301" s="8">
        <v>1</v>
      </c>
      <c r="I12301" s="8">
        <v>0</v>
      </c>
      <c r="J12301" s="8">
        <v>1</v>
      </c>
      <c r="K12301" s="9">
        <v>155</v>
      </c>
      <c r="L12301" s="6" t="s">
        <v>51</v>
      </c>
    </row>
    <row r="12302" spans="1:12">
      <c r="A12302" s="6" t="s">
        <v>49</v>
      </c>
      <c r="B12302" s="6"/>
      <c r="C12302" s="6" t="s">
        <v>12326</v>
      </c>
      <c r="D12302" s="6"/>
      <c r="E12302" s="6" t="s">
        <v>9</v>
      </c>
      <c r="F12302" s="7">
        <v>38657</v>
      </c>
      <c r="G12302" s="8">
        <v>1</v>
      </c>
      <c r="H12302" s="8">
        <v>1</v>
      </c>
      <c r="I12302" s="8">
        <v>0</v>
      </c>
      <c r="J12302" s="8">
        <v>1</v>
      </c>
      <c r="K12302" s="9">
        <v>4.57</v>
      </c>
      <c r="L12302" s="6" t="s">
        <v>51</v>
      </c>
    </row>
    <row r="12303" spans="1:12">
      <c r="A12303" s="6" t="s">
        <v>49</v>
      </c>
      <c r="B12303" s="6"/>
      <c r="C12303" s="6" t="s">
        <v>12327</v>
      </c>
      <c r="D12303" s="6"/>
      <c r="E12303" s="6" t="s">
        <v>9</v>
      </c>
      <c r="F12303" s="7">
        <v>38657</v>
      </c>
      <c r="G12303" s="8">
        <v>1</v>
      </c>
      <c r="H12303" s="8">
        <v>1</v>
      </c>
      <c r="I12303" s="8">
        <v>0</v>
      </c>
      <c r="J12303" s="8">
        <v>1</v>
      </c>
      <c r="K12303" s="9">
        <v>57.63</v>
      </c>
      <c r="L12303" s="6" t="s">
        <v>51</v>
      </c>
    </row>
    <row r="12304" spans="1:12">
      <c r="A12304" s="6" t="s">
        <v>49</v>
      </c>
      <c r="B12304" s="6"/>
      <c r="C12304" s="6" t="s">
        <v>12328</v>
      </c>
      <c r="D12304" s="6"/>
      <c r="E12304" s="6" t="s">
        <v>9</v>
      </c>
      <c r="F12304" s="7">
        <v>38657</v>
      </c>
      <c r="G12304" s="8">
        <v>1</v>
      </c>
      <c r="H12304" s="8">
        <v>1</v>
      </c>
      <c r="I12304" s="8">
        <v>0</v>
      </c>
      <c r="J12304" s="8">
        <v>1</v>
      </c>
      <c r="K12304" s="9">
        <v>3.87</v>
      </c>
      <c r="L12304" s="6" t="s">
        <v>51</v>
      </c>
    </row>
    <row r="12305" spans="1:12">
      <c r="A12305" s="6" t="s">
        <v>49</v>
      </c>
      <c r="B12305" s="6"/>
      <c r="C12305" s="6" t="s">
        <v>12329</v>
      </c>
      <c r="D12305" s="6"/>
      <c r="E12305" s="6" t="s">
        <v>9</v>
      </c>
      <c r="F12305" s="7">
        <v>38657</v>
      </c>
      <c r="G12305" s="8">
        <v>1</v>
      </c>
      <c r="H12305" s="8">
        <v>1</v>
      </c>
      <c r="I12305" s="8">
        <v>0</v>
      </c>
      <c r="J12305" s="8">
        <v>1</v>
      </c>
      <c r="K12305" s="9">
        <v>28</v>
      </c>
      <c r="L12305" s="6" t="s">
        <v>51</v>
      </c>
    </row>
    <row r="12306" spans="1:12">
      <c r="A12306" s="6" t="s">
        <v>49</v>
      </c>
      <c r="B12306" s="6"/>
      <c r="C12306" s="6" t="s">
        <v>12330</v>
      </c>
      <c r="D12306" s="6"/>
      <c r="E12306" s="6" t="s">
        <v>9</v>
      </c>
      <c r="F12306" s="7">
        <v>38657</v>
      </c>
      <c r="G12306" s="8">
        <v>1</v>
      </c>
      <c r="H12306" s="8">
        <v>1</v>
      </c>
      <c r="I12306" s="8">
        <v>0</v>
      </c>
      <c r="J12306" s="8">
        <v>1</v>
      </c>
      <c r="K12306" s="9">
        <v>27</v>
      </c>
      <c r="L12306" s="6" t="s">
        <v>51</v>
      </c>
    </row>
    <row r="12307" spans="1:12">
      <c r="A12307" s="6" t="s">
        <v>49</v>
      </c>
      <c r="B12307" s="6"/>
      <c r="C12307" s="6" t="s">
        <v>12331</v>
      </c>
      <c r="D12307" s="6"/>
      <c r="E12307" s="6" t="s">
        <v>9</v>
      </c>
      <c r="F12307" s="7">
        <v>38657</v>
      </c>
      <c r="G12307" s="8">
        <v>1</v>
      </c>
      <c r="H12307" s="8">
        <v>1</v>
      </c>
      <c r="I12307" s="8">
        <v>0</v>
      </c>
      <c r="J12307" s="8">
        <v>1</v>
      </c>
      <c r="K12307" s="9">
        <v>14.81</v>
      </c>
      <c r="L12307" s="6" t="s">
        <v>51</v>
      </c>
    </row>
    <row r="12308" spans="1:12">
      <c r="A12308" s="6" t="s">
        <v>49</v>
      </c>
      <c r="B12308" s="6"/>
      <c r="C12308" s="6" t="s">
        <v>12332</v>
      </c>
      <c r="D12308" s="6"/>
      <c r="E12308" s="6" t="s">
        <v>9</v>
      </c>
      <c r="F12308" s="7">
        <v>38657</v>
      </c>
      <c r="G12308" s="8">
        <v>1</v>
      </c>
      <c r="H12308" s="8">
        <v>1</v>
      </c>
      <c r="I12308" s="8">
        <v>0</v>
      </c>
      <c r="J12308" s="8">
        <v>1</v>
      </c>
      <c r="K12308" s="9">
        <v>8.99</v>
      </c>
      <c r="L12308" s="6" t="s">
        <v>51</v>
      </c>
    </row>
    <row r="12309" spans="1:12">
      <c r="A12309" s="6" t="s">
        <v>49</v>
      </c>
      <c r="B12309" s="6"/>
      <c r="C12309" s="6" t="s">
        <v>12333</v>
      </c>
      <c r="D12309" s="6"/>
      <c r="E12309" s="6" t="s">
        <v>9</v>
      </c>
      <c r="F12309" s="7">
        <v>38657</v>
      </c>
      <c r="G12309" s="8">
        <v>1</v>
      </c>
      <c r="H12309" s="8">
        <v>1</v>
      </c>
      <c r="I12309" s="8">
        <v>0</v>
      </c>
      <c r="J12309" s="8">
        <v>1</v>
      </c>
      <c r="K12309" s="9">
        <v>14</v>
      </c>
      <c r="L12309" s="6" t="s">
        <v>51</v>
      </c>
    </row>
    <row r="12310" spans="1:12">
      <c r="A12310" s="6" t="s">
        <v>49</v>
      </c>
      <c r="B12310" s="6"/>
      <c r="C12310" s="6" t="s">
        <v>12334</v>
      </c>
      <c r="D12310" s="6"/>
      <c r="E12310" s="6" t="s">
        <v>9</v>
      </c>
      <c r="F12310" s="7">
        <v>38657</v>
      </c>
      <c r="G12310" s="8">
        <v>1</v>
      </c>
      <c r="H12310" s="8">
        <v>1</v>
      </c>
      <c r="I12310" s="8">
        <v>0</v>
      </c>
      <c r="J12310" s="8">
        <v>1</v>
      </c>
      <c r="K12310" s="9">
        <v>2.83</v>
      </c>
      <c r="L12310" s="6" t="s">
        <v>51</v>
      </c>
    </row>
    <row r="12311" spans="1:12">
      <c r="A12311" s="6" t="s">
        <v>49</v>
      </c>
      <c r="B12311" s="6"/>
      <c r="C12311" s="6" t="s">
        <v>12335</v>
      </c>
      <c r="D12311" s="6"/>
      <c r="E12311" s="6" t="s">
        <v>9</v>
      </c>
      <c r="F12311" s="7">
        <v>38657</v>
      </c>
      <c r="G12311" s="8">
        <v>1</v>
      </c>
      <c r="H12311" s="8">
        <v>1</v>
      </c>
      <c r="I12311" s="8">
        <v>0</v>
      </c>
      <c r="J12311" s="8">
        <v>1</v>
      </c>
      <c r="K12311" s="9">
        <v>72</v>
      </c>
      <c r="L12311" s="6" t="s">
        <v>51</v>
      </c>
    </row>
    <row r="12312" spans="1:12">
      <c r="A12312" s="6" t="s">
        <v>49</v>
      </c>
      <c r="B12312" s="6"/>
      <c r="C12312" s="6" t="s">
        <v>12336</v>
      </c>
      <c r="D12312" s="6"/>
      <c r="E12312" s="6" t="s">
        <v>9</v>
      </c>
      <c r="F12312" s="7">
        <v>38657</v>
      </c>
      <c r="G12312" s="8">
        <v>1</v>
      </c>
      <c r="H12312" s="8">
        <v>1</v>
      </c>
      <c r="I12312" s="8">
        <v>0</v>
      </c>
      <c r="J12312" s="8">
        <v>1</v>
      </c>
      <c r="K12312" s="9">
        <v>11</v>
      </c>
      <c r="L12312" s="6" t="s">
        <v>51</v>
      </c>
    </row>
    <row r="12313" spans="1:12">
      <c r="A12313" s="6" t="s">
        <v>49</v>
      </c>
      <c r="B12313" s="6"/>
      <c r="C12313" s="6" t="s">
        <v>12337</v>
      </c>
      <c r="D12313" s="6"/>
      <c r="E12313" s="6" t="s">
        <v>9</v>
      </c>
      <c r="F12313" s="7">
        <v>38657</v>
      </c>
      <c r="G12313" s="8">
        <v>1</v>
      </c>
      <c r="H12313" s="8">
        <v>1</v>
      </c>
      <c r="I12313" s="8">
        <v>0</v>
      </c>
      <c r="J12313" s="8">
        <v>1</v>
      </c>
      <c r="K12313" s="9">
        <v>12</v>
      </c>
      <c r="L12313" s="6" t="s">
        <v>51</v>
      </c>
    </row>
    <row r="12314" spans="1:12">
      <c r="A12314" s="6" t="s">
        <v>49</v>
      </c>
      <c r="B12314" s="6"/>
      <c r="C12314" s="6" t="s">
        <v>12338</v>
      </c>
      <c r="D12314" s="6"/>
      <c r="E12314" s="6" t="s">
        <v>9</v>
      </c>
      <c r="F12314" s="7">
        <v>38657</v>
      </c>
      <c r="G12314" s="8">
        <v>1</v>
      </c>
      <c r="H12314" s="8">
        <v>1</v>
      </c>
      <c r="I12314" s="8">
        <v>0</v>
      </c>
      <c r="J12314" s="8">
        <v>1</v>
      </c>
      <c r="K12314" s="9">
        <v>148</v>
      </c>
      <c r="L12314" s="6" t="s">
        <v>51</v>
      </c>
    </row>
    <row r="12315" spans="1:12">
      <c r="A12315" s="6" t="s">
        <v>49</v>
      </c>
      <c r="B12315" s="6"/>
      <c r="C12315" s="6" t="s">
        <v>12339</v>
      </c>
      <c r="D12315" s="6"/>
      <c r="E12315" s="6" t="s">
        <v>9</v>
      </c>
      <c r="F12315" s="7">
        <v>38657</v>
      </c>
      <c r="G12315" s="8">
        <v>1</v>
      </c>
      <c r="H12315" s="8">
        <v>1</v>
      </c>
      <c r="I12315" s="8">
        <v>0</v>
      </c>
      <c r="J12315" s="8">
        <v>1</v>
      </c>
      <c r="K12315" s="9">
        <v>11</v>
      </c>
      <c r="L12315" s="6" t="s">
        <v>51</v>
      </c>
    </row>
    <row r="12316" spans="1:12">
      <c r="A12316" s="6" t="s">
        <v>49</v>
      </c>
      <c r="B12316" s="6"/>
      <c r="C12316" s="6" t="s">
        <v>12340</v>
      </c>
      <c r="D12316" s="6"/>
      <c r="E12316" s="6" t="s">
        <v>9</v>
      </c>
      <c r="F12316" s="7">
        <v>38657</v>
      </c>
      <c r="G12316" s="8">
        <v>1</v>
      </c>
      <c r="H12316" s="8">
        <v>1</v>
      </c>
      <c r="I12316" s="8">
        <v>0</v>
      </c>
      <c r="J12316" s="8">
        <v>1</v>
      </c>
      <c r="K12316" s="9">
        <v>12</v>
      </c>
      <c r="L12316" s="6" t="s">
        <v>51</v>
      </c>
    </row>
    <row r="12317" spans="1:12">
      <c r="A12317" s="6" t="s">
        <v>49</v>
      </c>
      <c r="B12317" s="6"/>
      <c r="C12317" s="6" t="s">
        <v>12341</v>
      </c>
      <c r="D12317" s="6"/>
      <c r="E12317" s="6" t="s">
        <v>9</v>
      </c>
      <c r="F12317" s="7">
        <v>38657</v>
      </c>
      <c r="G12317" s="8">
        <v>1</v>
      </c>
      <c r="H12317" s="8">
        <v>1</v>
      </c>
      <c r="I12317" s="8">
        <v>0</v>
      </c>
      <c r="J12317" s="8">
        <v>1</v>
      </c>
      <c r="K12317" s="9">
        <v>14</v>
      </c>
      <c r="L12317" s="6" t="s">
        <v>51</v>
      </c>
    </row>
    <row r="12318" spans="1:12">
      <c r="A12318" s="6" t="s">
        <v>49</v>
      </c>
      <c r="B12318" s="6"/>
      <c r="C12318" s="6" t="s">
        <v>12342</v>
      </c>
      <c r="D12318" s="6"/>
      <c r="E12318" s="6" t="s">
        <v>9</v>
      </c>
      <c r="F12318" s="7">
        <v>38657</v>
      </c>
      <c r="G12318" s="8">
        <v>1</v>
      </c>
      <c r="H12318" s="8">
        <v>1</v>
      </c>
      <c r="I12318" s="8">
        <v>0</v>
      </c>
      <c r="J12318" s="8">
        <v>1</v>
      </c>
      <c r="K12318" s="9">
        <v>11.45</v>
      </c>
      <c r="L12318" s="6" t="s">
        <v>51</v>
      </c>
    </row>
    <row r="12319" spans="1:12">
      <c r="A12319" s="6" t="s">
        <v>49</v>
      </c>
      <c r="B12319" s="6"/>
      <c r="C12319" s="6" t="s">
        <v>12343</v>
      </c>
      <c r="D12319" s="6"/>
      <c r="E12319" s="6" t="s">
        <v>9</v>
      </c>
      <c r="F12319" s="7">
        <v>38657</v>
      </c>
      <c r="G12319" s="8">
        <v>1</v>
      </c>
      <c r="H12319" s="8">
        <v>1</v>
      </c>
      <c r="I12319" s="8">
        <v>0</v>
      </c>
      <c r="J12319" s="8">
        <v>1</v>
      </c>
      <c r="K12319" s="9">
        <v>9.1199999999999903</v>
      </c>
      <c r="L12319" s="6" t="s">
        <v>51</v>
      </c>
    </row>
    <row r="12320" spans="1:12">
      <c r="A12320" s="6" t="s">
        <v>49</v>
      </c>
      <c r="B12320" s="6"/>
      <c r="C12320" s="6" t="s">
        <v>12344</v>
      </c>
      <c r="D12320" s="6"/>
      <c r="E12320" s="6" t="s">
        <v>9</v>
      </c>
      <c r="F12320" s="7">
        <v>38657</v>
      </c>
      <c r="G12320" s="8">
        <v>1</v>
      </c>
      <c r="H12320" s="8">
        <v>1</v>
      </c>
      <c r="I12320" s="8">
        <v>0</v>
      </c>
      <c r="J12320" s="8">
        <v>1</v>
      </c>
      <c r="K12320" s="9">
        <v>12</v>
      </c>
      <c r="L12320" s="6" t="s">
        <v>51</v>
      </c>
    </row>
    <row r="12321" spans="1:12">
      <c r="A12321" s="6" t="s">
        <v>49</v>
      </c>
      <c r="B12321" s="6"/>
      <c r="C12321" s="6" t="s">
        <v>12345</v>
      </c>
      <c r="D12321" s="6"/>
      <c r="E12321" s="6" t="s">
        <v>9</v>
      </c>
      <c r="F12321" s="7">
        <v>38657</v>
      </c>
      <c r="G12321" s="8">
        <v>1</v>
      </c>
      <c r="H12321" s="8">
        <v>1</v>
      </c>
      <c r="I12321" s="8">
        <v>0</v>
      </c>
      <c r="J12321" s="8">
        <v>1</v>
      </c>
      <c r="K12321" s="9">
        <v>21</v>
      </c>
      <c r="L12321" s="6" t="s">
        <v>51</v>
      </c>
    </row>
    <row r="12322" spans="1:12">
      <c r="A12322" s="6" t="s">
        <v>49</v>
      </c>
      <c r="B12322" s="6"/>
      <c r="C12322" s="6" t="s">
        <v>12346</v>
      </c>
      <c r="D12322" s="6"/>
      <c r="E12322" s="6" t="s">
        <v>9</v>
      </c>
      <c r="F12322" s="7">
        <v>38657</v>
      </c>
      <c r="G12322" s="8">
        <v>1</v>
      </c>
      <c r="H12322" s="8">
        <v>1</v>
      </c>
      <c r="I12322" s="8">
        <v>0</v>
      </c>
      <c r="J12322" s="8">
        <v>1</v>
      </c>
      <c r="K12322" s="9">
        <v>18</v>
      </c>
      <c r="L12322" s="6" t="s">
        <v>51</v>
      </c>
    </row>
    <row r="12323" spans="1:12">
      <c r="A12323" s="6" t="s">
        <v>49</v>
      </c>
      <c r="B12323" s="6"/>
      <c r="C12323" s="6" t="s">
        <v>12347</v>
      </c>
      <c r="D12323" s="6"/>
      <c r="E12323" s="6" t="s">
        <v>9</v>
      </c>
      <c r="F12323" s="7">
        <v>38657</v>
      </c>
      <c r="G12323" s="8">
        <v>1</v>
      </c>
      <c r="H12323" s="8">
        <v>1</v>
      </c>
      <c r="I12323" s="8">
        <v>0</v>
      </c>
      <c r="J12323" s="8">
        <v>1</v>
      </c>
      <c r="K12323" s="9">
        <v>13</v>
      </c>
      <c r="L12323" s="6" t="s">
        <v>51</v>
      </c>
    </row>
    <row r="12324" spans="1:12">
      <c r="A12324" s="6" t="s">
        <v>49</v>
      </c>
      <c r="B12324" s="6"/>
      <c r="C12324" s="6" t="s">
        <v>12348</v>
      </c>
      <c r="D12324" s="6"/>
      <c r="E12324" s="6" t="s">
        <v>9</v>
      </c>
      <c r="F12324" s="7">
        <v>38657</v>
      </c>
      <c r="G12324" s="8">
        <v>1</v>
      </c>
      <c r="H12324" s="8">
        <v>1</v>
      </c>
      <c r="I12324" s="8">
        <v>0</v>
      </c>
      <c r="J12324" s="8">
        <v>1</v>
      </c>
      <c r="K12324" s="9">
        <v>15</v>
      </c>
      <c r="L12324" s="6" t="s">
        <v>51</v>
      </c>
    </row>
    <row r="12325" spans="1:12">
      <c r="A12325" s="6" t="s">
        <v>49</v>
      </c>
      <c r="B12325" s="6"/>
      <c r="C12325" s="6" t="s">
        <v>12349</v>
      </c>
      <c r="D12325" s="6"/>
      <c r="E12325" s="6" t="s">
        <v>9</v>
      </c>
      <c r="F12325" s="7">
        <v>38657</v>
      </c>
      <c r="G12325" s="8">
        <v>1</v>
      </c>
      <c r="H12325" s="8">
        <v>1</v>
      </c>
      <c r="I12325" s="8">
        <v>0</v>
      </c>
      <c r="J12325" s="8">
        <v>1</v>
      </c>
      <c r="K12325" s="9">
        <v>16</v>
      </c>
      <c r="L12325" s="6" t="s">
        <v>51</v>
      </c>
    </row>
    <row r="12326" spans="1:12">
      <c r="A12326" s="6" t="s">
        <v>49</v>
      </c>
      <c r="B12326" s="6"/>
      <c r="C12326" s="6" t="s">
        <v>12350</v>
      </c>
      <c r="D12326" s="6"/>
      <c r="E12326" s="6" t="s">
        <v>9</v>
      </c>
      <c r="F12326" s="7">
        <v>38657</v>
      </c>
      <c r="G12326" s="8">
        <v>1</v>
      </c>
      <c r="H12326" s="8">
        <v>1</v>
      </c>
      <c r="I12326" s="8">
        <v>0</v>
      </c>
      <c r="J12326" s="8">
        <v>1</v>
      </c>
      <c r="K12326" s="9">
        <v>18</v>
      </c>
      <c r="L12326" s="6" t="s">
        <v>51</v>
      </c>
    </row>
    <row r="12327" spans="1:12">
      <c r="A12327" s="6" t="s">
        <v>49</v>
      </c>
      <c r="B12327" s="6"/>
      <c r="C12327" s="6" t="s">
        <v>12351</v>
      </c>
      <c r="D12327" s="6"/>
      <c r="E12327" s="6" t="s">
        <v>9</v>
      </c>
      <c r="F12327" s="7">
        <v>38657</v>
      </c>
      <c r="G12327" s="8">
        <v>1</v>
      </c>
      <c r="H12327" s="8">
        <v>1</v>
      </c>
      <c r="I12327" s="8">
        <v>0</v>
      </c>
      <c r="J12327" s="8">
        <v>1</v>
      </c>
      <c r="K12327" s="9">
        <v>5.4</v>
      </c>
      <c r="L12327" s="6" t="s">
        <v>51</v>
      </c>
    </row>
    <row r="12328" spans="1:12">
      <c r="A12328" s="6" t="s">
        <v>49</v>
      </c>
      <c r="B12328" s="6"/>
      <c r="C12328" s="6" t="s">
        <v>12352</v>
      </c>
      <c r="D12328" s="6"/>
      <c r="E12328" s="6" t="s">
        <v>9</v>
      </c>
      <c r="F12328" s="7">
        <v>38657</v>
      </c>
      <c r="G12328" s="8">
        <v>1</v>
      </c>
      <c r="H12328" s="8">
        <v>1</v>
      </c>
      <c r="I12328" s="8">
        <v>0</v>
      </c>
      <c r="J12328" s="8">
        <v>1</v>
      </c>
      <c r="K12328" s="9">
        <v>9.4499999999999904</v>
      </c>
      <c r="L12328" s="6" t="s">
        <v>51</v>
      </c>
    </row>
    <row r="12329" spans="1:12">
      <c r="A12329" s="6" t="s">
        <v>49</v>
      </c>
      <c r="B12329" s="6"/>
      <c r="C12329" s="6" t="s">
        <v>12353</v>
      </c>
      <c r="D12329" s="6"/>
      <c r="E12329" s="6" t="s">
        <v>9</v>
      </c>
      <c r="F12329" s="7">
        <v>38657</v>
      </c>
      <c r="G12329" s="8">
        <v>1</v>
      </c>
      <c r="H12329" s="8">
        <v>1</v>
      </c>
      <c r="I12329" s="8">
        <v>0</v>
      </c>
      <c r="J12329" s="8">
        <v>1</v>
      </c>
      <c r="K12329" s="9">
        <v>15.21</v>
      </c>
      <c r="L12329" s="6" t="s">
        <v>51</v>
      </c>
    </row>
    <row r="12330" spans="1:12">
      <c r="A12330" s="6" t="s">
        <v>49</v>
      </c>
      <c r="B12330" s="6"/>
      <c r="C12330" s="6" t="s">
        <v>12354</v>
      </c>
      <c r="D12330" s="6"/>
      <c r="E12330" s="6" t="s">
        <v>9</v>
      </c>
      <c r="F12330" s="7">
        <v>38657</v>
      </c>
      <c r="G12330" s="8">
        <v>1</v>
      </c>
      <c r="H12330" s="8">
        <v>1</v>
      </c>
      <c r="I12330" s="8">
        <v>0</v>
      </c>
      <c r="J12330" s="8">
        <v>1</v>
      </c>
      <c r="K12330" s="9">
        <v>14</v>
      </c>
      <c r="L12330" s="6" t="s">
        <v>51</v>
      </c>
    </row>
    <row r="12331" spans="1:12">
      <c r="A12331" s="6" t="s">
        <v>49</v>
      </c>
      <c r="B12331" s="6"/>
      <c r="C12331" s="6" t="s">
        <v>12355</v>
      </c>
      <c r="D12331" s="6"/>
      <c r="E12331" s="6" t="s">
        <v>9</v>
      </c>
      <c r="F12331" s="7">
        <v>38657</v>
      </c>
      <c r="G12331" s="8">
        <v>1</v>
      </c>
      <c r="H12331" s="8">
        <v>1</v>
      </c>
      <c r="I12331" s="8">
        <v>0</v>
      </c>
      <c r="J12331" s="8">
        <v>1</v>
      </c>
      <c r="K12331" s="9">
        <v>16</v>
      </c>
      <c r="L12331" s="6" t="s">
        <v>51</v>
      </c>
    </row>
    <row r="12332" spans="1:12">
      <c r="A12332" s="6" t="s">
        <v>49</v>
      </c>
      <c r="B12332" s="6"/>
      <c r="C12332" s="6" t="s">
        <v>12356</v>
      </c>
      <c r="D12332" s="6"/>
      <c r="E12332" s="6" t="s">
        <v>9</v>
      </c>
      <c r="F12332" s="7">
        <v>38657</v>
      </c>
      <c r="G12332" s="8">
        <v>1</v>
      </c>
      <c r="H12332" s="8">
        <v>1</v>
      </c>
      <c r="I12332" s="8">
        <v>0</v>
      </c>
      <c r="J12332" s="8">
        <v>1</v>
      </c>
      <c r="K12332" s="9">
        <v>16</v>
      </c>
      <c r="L12332" s="6" t="s">
        <v>51</v>
      </c>
    </row>
    <row r="12333" spans="1:12">
      <c r="A12333" s="6" t="s">
        <v>49</v>
      </c>
      <c r="B12333" s="6"/>
      <c r="C12333" s="6" t="s">
        <v>12357</v>
      </c>
      <c r="D12333" s="6"/>
      <c r="E12333" s="6" t="s">
        <v>9</v>
      </c>
      <c r="F12333" s="7">
        <v>38657</v>
      </c>
      <c r="G12333" s="8">
        <v>1</v>
      </c>
      <c r="H12333" s="8">
        <v>1</v>
      </c>
      <c r="I12333" s="8">
        <v>0</v>
      </c>
      <c r="J12333" s="8">
        <v>1</v>
      </c>
      <c r="K12333" s="9">
        <v>13</v>
      </c>
      <c r="L12333" s="6" t="s">
        <v>51</v>
      </c>
    </row>
    <row r="12334" spans="1:12">
      <c r="A12334" s="6" t="s">
        <v>49</v>
      </c>
      <c r="B12334" s="6"/>
      <c r="C12334" s="6" t="s">
        <v>12358</v>
      </c>
      <c r="D12334" s="6"/>
      <c r="E12334" s="6" t="s">
        <v>9</v>
      </c>
      <c r="F12334" s="7">
        <v>38657</v>
      </c>
      <c r="G12334" s="8">
        <v>1</v>
      </c>
      <c r="H12334" s="8">
        <v>1</v>
      </c>
      <c r="I12334" s="8">
        <v>0</v>
      </c>
      <c r="J12334" s="8">
        <v>1</v>
      </c>
      <c r="K12334" s="9">
        <v>14</v>
      </c>
      <c r="L12334" s="6" t="s">
        <v>51</v>
      </c>
    </row>
    <row r="12335" spans="1:12">
      <c r="A12335" s="6" t="s">
        <v>49</v>
      </c>
      <c r="B12335" s="6"/>
      <c r="C12335" s="6" t="s">
        <v>12359</v>
      </c>
      <c r="D12335" s="6"/>
      <c r="E12335" s="6" t="s">
        <v>9</v>
      </c>
      <c r="F12335" s="7">
        <v>38657</v>
      </c>
      <c r="G12335" s="8">
        <v>1</v>
      </c>
      <c r="H12335" s="8">
        <v>1</v>
      </c>
      <c r="I12335" s="8">
        <v>0</v>
      </c>
      <c r="J12335" s="8">
        <v>1</v>
      </c>
      <c r="K12335" s="9">
        <v>21</v>
      </c>
      <c r="L12335" s="6" t="s">
        <v>51</v>
      </c>
    </row>
    <row r="12336" spans="1:12">
      <c r="A12336" s="6" t="s">
        <v>49</v>
      </c>
      <c r="B12336" s="6"/>
      <c r="C12336" s="6" t="s">
        <v>12360</v>
      </c>
      <c r="D12336" s="6"/>
      <c r="E12336" s="6" t="s">
        <v>9</v>
      </c>
      <c r="F12336" s="7">
        <v>38657</v>
      </c>
      <c r="G12336" s="8">
        <v>1</v>
      </c>
      <c r="H12336" s="8">
        <v>1</v>
      </c>
      <c r="I12336" s="8">
        <v>0</v>
      </c>
      <c r="J12336" s="8">
        <v>1</v>
      </c>
      <c r="K12336" s="9">
        <v>16</v>
      </c>
      <c r="L12336" s="6" t="s">
        <v>51</v>
      </c>
    </row>
    <row r="12337" spans="1:12">
      <c r="A12337" s="6" t="s">
        <v>49</v>
      </c>
      <c r="B12337" s="6"/>
      <c r="C12337" s="6" t="s">
        <v>12361</v>
      </c>
      <c r="D12337" s="6"/>
      <c r="E12337" s="6" t="s">
        <v>9</v>
      </c>
      <c r="F12337" s="7">
        <v>38657</v>
      </c>
      <c r="G12337" s="8">
        <v>1</v>
      </c>
      <c r="H12337" s="8">
        <v>1</v>
      </c>
      <c r="I12337" s="8">
        <v>0</v>
      </c>
      <c r="J12337" s="8">
        <v>1</v>
      </c>
      <c r="K12337" s="9">
        <v>16</v>
      </c>
      <c r="L12337" s="6" t="s">
        <v>51</v>
      </c>
    </row>
    <row r="12338" spans="1:12">
      <c r="A12338" s="6" t="s">
        <v>49</v>
      </c>
      <c r="B12338" s="6"/>
      <c r="C12338" s="6" t="s">
        <v>12362</v>
      </c>
      <c r="D12338" s="6"/>
      <c r="E12338" s="6" t="s">
        <v>9</v>
      </c>
      <c r="F12338" s="7">
        <v>38657</v>
      </c>
      <c r="G12338" s="8">
        <v>1</v>
      </c>
      <c r="H12338" s="8">
        <v>1</v>
      </c>
      <c r="I12338" s="8">
        <v>0</v>
      </c>
      <c r="J12338" s="8">
        <v>1</v>
      </c>
      <c r="K12338" s="9">
        <v>16</v>
      </c>
      <c r="L12338" s="6" t="s">
        <v>51</v>
      </c>
    </row>
    <row r="12339" spans="1:12">
      <c r="A12339" s="6" t="s">
        <v>49</v>
      </c>
      <c r="B12339" s="6"/>
      <c r="C12339" s="6" t="s">
        <v>12363</v>
      </c>
      <c r="D12339" s="6"/>
      <c r="E12339" s="6" t="s">
        <v>9</v>
      </c>
      <c r="F12339" s="7">
        <v>38657</v>
      </c>
      <c r="G12339" s="8">
        <v>1</v>
      </c>
      <c r="H12339" s="8">
        <v>1</v>
      </c>
      <c r="I12339" s="8">
        <v>0</v>
      </c>
      <c r="J12339" s="8">
        <v>1</v>
      </c>
      <c r="K12339" s="9">
        <v>26</v>
      </c>
      <c r="L12339" s="6" t="s">
        <v>51</v>
      </c>
    </row>
    <row r="12340" spans="1:12">
      <c r="A12340" s="6" t="s">
        <v>49</v>
      </c>
      <c r="B12340" s="6"/>
      <c r="C12340" s="6" t="s">
        <v>12364</v>
      </c>
      <c r="D12340" s="6"/>
      <c r="E12340" s="6" t="s">
        <v>9</v>
      </c>
      <c r="F12340" s="7">
        <v>38657</v>
      </c>
      <c r="G12340" s="8">
        <v>1</v>
      </c>
      <c r="H12340" s="8">
        <v>1</v>
      </c>
      <c r="I12340" s="8">
        <v>0</v>
      </c>
      <c r="J12340" s="8">
        <v>1</v>
      </c>
      <c r="K12340" s="9">
        <v>2.25</v>
      </c>
      <c r="L12340" s="6" t="s">
        <v>51</v>
      </c>
    </row>
    <row r="12341" spans="1:12">
      <c r="A12341" s="6" t="s">
        <v>49</v>
      </c>
      <c r="B12341" s="6"/>
      <c r="C12341" s="6" t="s">
        <v>12365</v>
      </c>
      <c r="D12341" s="6"/>
      <c r="E12341" s="6" t="s">
        <v>9</v>
      </c>
      <c r="F12341" s="7">
        <v>38657</v>
      </c>
      <c r="G12341" s="8">
        <v>1</v>
      </c>
      <c r="H12341" s="8">
        <v>1</v>
      </c>
      <c r="I12341" s="8">
        <v>0</v>
      </c>
      <c r="J12341" s="8">
        <v>1</v>
      </c>
      <c r="K12341" s="9">
        <v>26</v>
      </c>
      <c r="L12341" s="6" t="s">
        <v>51</v>
      </c>
    </row>
    <row r="12342" spans="1:12">
      <c r="A12342" s="6" t="s">
        <v>49</v>
      </c>
      <c r="B12342" s="6"/>
      <c r="C12342" s="6" t="s">
        <v>12366</v>
      </c>
      <c r="D12342" s="6"/>
      <c r="E12342" s="6" t="s">
        <v>9</v>
      </c>
      <c r="F12342" s="7">
        <v>38657</v>
      </c>
      <c r="G12342" s="8">
        <v>1</v>
      </c>
      <c r="H12342" s="8">
        <v>1</v>
      </c>
      <c r="I12342" s="8">
        <v>0</v>
      </c>
      <c r="J12342" s="8">
        <v>1</v>
      </c>
      <c r="K12342" s="9">
        <v>26</v>
      </c>
      <c r="L12342" s="6" t="s">
        <v>51</v>
      </c>
    </row>
    <row r="12343" spans="1:12">
      <c r="A12343" s="6" t="s">
        <v>49</v>
      </c>
      <c r="B12343" s="6"/>
      <c r="C12343" s="6" t="s">
        <v>12367</v>
      </c>
      <c r="D12343" s="6"/>
      <c r="E12343" s="6" t="s">
        <v>9</v>
      </c>
      <c r="F12343" s="7">
        <v>38657</v>
      </c>
      <c r="G12343" s="8">
        <v>1</v>
      </c>
      <c r="H12343" s="8">
        <v>1</v>
      </c>
      <c r="I12343" s="8">
        <v>0</v>
      </c>
      <c r="J12343" s="8">
        <v>1</v>
      </c>
      <c r="K12343" s="9">
        <v>2.23</v>
      </c>
      <c r="L12343" s="6" t="s">
        <v>51</v>
      </c>
    </row>
    <row r="12344" spans="1:12">
      <c r="A12344" s="6" t="s">
        <v>49</v>
      </c>
      <c r="B12344" s="6"/>
      <c r="C12344" s="6" t="s">
        <v>12368</v>
      </c>
      <c r="D12344" s="6"/>
      <c r="E12344" s="6" t="s">
        <v>9</v>
      </c>
      <c r="F12344" s="7">
        <v>38657</v>
      </c>
      <c r="G12344" s="8">
        <v>1</v>
      </c>
      <c r="H12344" s="8">
        <v>1</v>
      </c>
      <c r="I12344" s="8">
        <v>0</v>
      </c>
      <c r="J12344" s="8">
        <v>1</v>
      </c>
      <c r="K12344" s="9">
        <v>7.14</v>
      </c>
      <c r="L12344" s="6" t="s">
        <v>51</v>
      </c>
    </row>
    <row r="12345" spans="1:12">
      <c r="A12345" s="6" t="s">
        <v>49</v>
      </c>
      <c r="B12345" s="6"/>
      <c r="C12345" s="6" t="s">
        <v>12369</v>
      </c>
      <c r="D12345" s="6"/>
      <c r="E12345" s="6" t="s">
        <v>9</v>
      </c>
      <c r="F12345" s="7">
        <v>38657</v>
      </c>
      <c r="G12345" s="8">
        <v>1</v>
      </c>
      <c r="H12345" s="8">
        <v>1</v>
      </c>
      <c r="I12345" s="8">
        <v>0</v>
      </c>
      <c r="J12345" s="8">
        <v>1</v>
      </c>
      <c r="K12345" s="9">
        <v>0.92</v>
      </c>
      <c r="L12345" s="6" t="s">
        <v>51</v>
      </c>
    </row>
    <row r="12346" spans="1:12">
      <c r="A12346" s="6" t="s">
        <v>49</v>
      </c>
      <c r="B12346" s="6"/>
      <c r="C12346" s="6" t="s">
        <v>12370</v>
      </c>
      <c r="D12346" s="6"/>
      <c r="E12346" s="6" t="s">
        <v>9</v>
      </c>
      <c r="F12346" s="7">
        <v>38657</v>
      </c>
      <c r="G12346" s="8">
        <v>1</v>
      </c>
      <c r="H12346" s="8">
        <v>1</v>
      </c>
      <c r="I12346" s="8">
        <v>0</v>
      </c>
      <c r="J12346" s="8">
        <v>1</v>
      </c>
      <c r="K12346" s="9">
        <v>21</v>
      </c>
      <c r="L12346" s="6" t="s">
        <v>51</v>
      </c>
    </row>
    <row r="12347" spans="1:12">
      <c r="A12347" s="6" t="s">
        <v>49</v>
      </c>
      <c r="B12347" s="6"/>
      <c r="C12347" s="6" t="s">
        <v>12371</v>
      </c>
      <c r="D12347" s="6"/>
      <c r="E12347" s="6" t="s">
        <v>9</v>
      </c>
      <c r="F12347" s="7">
        <v>38657</v>
      </c>
      <c r="G12347" s="8">
        <v>1</v>
      </c>
      <c r="H12347" s="8">
        <v>1</v>
      </c>
      <c r="I12347" s="8">
        <v>0</v>
      </c>
      <c r="J12347" s="8">
        <v>1</v>
      </c>
      <c r="K12347" s="9">
        <v>33</v>
      </c>
      <c r="L12347" s="6" t="s">
        <v>51</v>
      </c>
    </row>
    <row r="12348" spans="1:12">
      <c r="A12348" s="6" t="s">
        <v>49</v>
      </c>
      <c r="B12348" s="6"/>
      <c r="C12348" s="6" t="s">
        <v>12372</v>
      </c>
      <c r="D12348" s="6"/>
      <c r="E12348" s="6" t="s">
        <v>9</v>
      </c>
      <c r="F12348" s="7">
        <v>38657</v>
      </c>
      <c r="G12348" s="8">
        <v>1</v>
      </c>
      <c r="H12348" s="8">
        <v>1</v>
      </c>
      <c r="I12348" s="8">
        <v>0</v>
      </c>
      <c r="J12348" s="8">
        <v>1</v>
      </c>
      <c r="K12348" s="9">
        <v>33</v>
      </c>
      <c r="L12348" s="6" t="s">
        <v>51</v>
      </c>
    </row>
    <row r="12349" spans="1:12">
      <c r="A12349" s="6" t="s">
        <v>49</v>
      </c>
      <c r="B12349" s="6"/>
      <c r="C12349" s="6" t="s">
        <v>12373</v>
      </c>
      <c r="D12349" s="6"/>
      <c r="E12349" s="6" t="s">
        <v>9</v>
      </c>
      <c r="F12349" s="7">
        <v>38657</v>
      </c>
      <c r="G12349" s="8">
        <v>1</v>
      </c>
      <c r="H12349" s="8">
        <v>1</v>
      </c>
      <c r="I12349" s="8">
        <v>0</v>
      </c>
      <c r="J12349" s="8">
        <v>1</v>
      </c>
      <c r="K12349" s="9">
        <v>32</v>
      </c>
      <c r="L12349" s="6" t="s">
        <v>51</v>
      </c>
    </row>
    <row r="12350" spans="1:12">
      <c r="A12350" s="6" t="s">
        <v>49</v>
      </c>
      <c r="B12350" s="6"/>
      <c r="C12350" s="6" t="s">
        <v>12374</v>
      </c>
      <c r="D12350" s="6"/>
      <c r="E12350" s="6" t="s">
        <v>9</v>
      </c>
      <c r="F12350" s="7">
        <v>38657</v>
      </c>
      <c r="G12350" s="8">
        <v>1</v>
      </c>
      <c r="H12350" s="8">
        <v>1</v>
      </c>
      <c r="I12350" s="8">
        <v>0</v>
      </c>
      <c r="J12350" s="8">
        <v>1</v>
      </c>
      <c r="K12350" s="9">
        <v>35</v>
      </c>
      <c r="L12350" s="6" t="s">
        <v>51</v>
      </c>
    </row>
    <row r="12351" spans="1:12">
      <c r="A12351" s="6" t="s">
        <v>49</v>
      </c>
      <c r="B12351" s="6"/>
      <c r="C12351" s="6" t="s">
        <v>12375</v>
      </c>
      <c r="D12351" s="6"/>
      <c r="E12351" s="6" t="s">
        <v>9</v>
      </c>
      <c r="F12351" s="7">
        <v>38657</v>
      </c>
      <c r="G12351" s="8">
        <v>1</v>
      </c>
      <c r="H12351" s="8">
        <v>1</v>
      </c>
      <c r="I12351" s="8">
        <v>0</v>
      </c>
      <c r="J12351" s="8">
        <v>1</v>
      </c>
      <c r="K12351" s="9">
        <v>7.93</v>
      </c>
      <c r="L12351" s="6" t="s">
        <v>51</v>
      </c>
    </row>
    <row r="12352" spans="1:12">
      <c r="A12352" s="6" t="s">
        <v>49</v>
      </c>
      <c r="B12352" s="6"/>
      <c r="C12352" s="6" t="s">
        <v>12376</v>
      </c>
      <c r="D12352" s="6"/>
      <c r="E12352" s="6" t="s">
        <v>9</v>
      </c>
      <c r="F12352" s="7">
        <v>38657</v>
      </c>
      <c r="G12352" s="8">
        <v>1</v>
      </c>
      <c r="H12352" s="8">
        <v>1</v>
      </c>
      <c r="I12352" s="8">
        <v>0</v>
      </c>
      <c r="J12352" s="8">
        <v>1</v>
      </c>
      <c r="K12352" s="9">
        <v>36</v>
      </c>
      <c r="L12352" s="6" t="s">
        <v>51</v>
      </c>
    </row>
    <row r="12353" spans="1:12">
      <c r="A12353" s="6" t="s">
        <v>49</v>
      </c>
      <c r="B12353" s="6"/>
      <c r="C12353" s="6" t="s">
        <v>12377</v>
      </c>
      <c r="D12353" s="6"/>
      <c r="E12353" s="6" t="s">
        <v>9</v>
      </c>
      <c r="F12353" s="7">
        <v>38657</v>
      </c>
      <c r="G12353" s="8">
        <v>1</v>
      </c>
      <c r="H12353" s="8">
        <v>1</v>
      </c>
      <c r="I12353" s="8">
        <v>0</v>
      </c>
      <c r="J12353" s="8">
        <v>1</v>
      </c>
      <c r="K12353" s="9">
        <v>39</v>
      </c>
      <c r="L12353" s="6" t="s">
        <v>51</v>
      </c>
    </row>
    <row r="12354" spans="1:12">
      <c r="A12354" s="6" t="s">
        <v>49</v>
      </c>
      <c r="B12354" s="6"/>
      <c r="C12354" s="6" t="s">
        <v>12378</v>
      </c>
      <c r="D12354" s="6"/>
      <c r="E12354" s="6" t="s">
        <v>9</v>
      </c>
      <c r="F12354" s="7">
        <v>38657</v>
      </c>
      <c r="G12354" s="8">
        <v>1</v>
      </c>
      <c r="H12354" s="8">
        <v>1</v>
      </c>
      <c r="I12354" s="8">
        <v>0</v>
      </c>
      <c r="J12354" s="8">
        <v>1</v>
      </c>
      <c r="K12354" s="9">
        <v>38</v>
      </c>
      <c r="L12354" s="6" t="s">
        <v>51</v>
      </c>
    </row>
    <row r="12355" spans="1:12">
      <c r="A12355" s="6" t="s">
        <v>49</v>
      </c>
      <c r="B12355" s="6"/>
      <c r="C12355" s="6" t="s">
        <v>12379</v>
      </c>
      <c r="D12355" s="6"/>
      <c r="E12355" s="6" t="s">
        <v>9</v>
      </c>
      <c r="F12355" s="7">
        <v>38657</v>
      </c>
      <c r="G12355" s="8">
        <v>1</v>
      </c>
      <c r="H12355" s="8">
        <v>1</v>
      </c>
      <c r="I12355" s="8">
        <v>0</v>
      </c>
      <c r="J12355" s="8">
        <v>1</v>
      </c>
      <c r="K12355" s="9">
        <v>42</v>
      </c>
      <c r="L12355" s="6" t="s">
        <v>51</v>
      </c>
    </row>
    <row r="12356" spans="1:12">
      <c r="A12356" s="6" t="s">
        <v>49</v>
      </c>
      <c r="B12356" s="6"/>
      <c r="C12356" s="6" t="s">
        <v>12380</v>
      </c>
      <c r="D12356" s="6"/>
      <c r="E12356" s="6" t="s">
        <v>9</v>
      </c>
      <c r="F12356" s="7">
        <v>38657</v>
      </c>
      <c r="G12356" s="8">
        <v>1</v>
      </c>
      <c r="H12356" s="8">
        <v>1</v>
      </c>
      <c r="I12356" s="8">
        <v>0</v>
      </c>
      <c r="J12356" s="8">
        <v>1</v>
      </c>
      <c r="K12356" s="9">
        <v>28</v>
      </c>
      <c r="L12356" s="6" t="s">
        <v>51</v>
      </c>
    </row>
    <row r="12357" spans="1:12">
      <c r="A12357" s="6" t="s">
        <v>49</v>
      </c>
      <c r="B12357" s="6"/>
      <c r="C12357" s="6" t="s">
        <v>12381</v>
      </c>
      <c r="D12357" s="6"/>
      <c r="E12357" s="6" t="s">
        <v>9</v>
      </c>
      <c r="F12357" s="7">
        <v>38657</v>
      </c>
      <c r="G12357" s="8">
        <v>1</v>
      </c>
      <c r="H12357" s="8">
        <v>1</v>
      </c>
      <c r="I12357" s="8">
        <v>0</v>
      </c>
      <c r="J12357" s="8">
        <v>1</v>
      </c>
      <c r="K12357" s="9">
        <v>31</v>
      </c>
      <c r="L12357" s="6" t="s">
        <v>51</v>
      </c>
    </row>
    <row r="12358" spans="1:12">
      <c r="A12358" s="6" t="s">
        <v>49</v>
      </c>
      <c r="B12358" s="6"/>
      <c r="C12358" s="6" t="s">
        <v>12382</v>
      </c>
      <c r="D12358" s="6"/>
      <c r="E12358" s="6" t="s">
        <v>9</v>
      </c>
      <c r="F12358" s="7">
        <v>38657</v>
      </c>
      <c r="G12358" s="8">
        <v>1</v>
      </c>
      <c r="H12358" s="8">
        <v>1</v>
      </c>
      <c r="I12358" s="8">
        <v>0</v>
      </c>
      <c r="J12358" s="8">
        <v>1</v>
      </c>
      <c r="K12358" s="9">
        <v>31</v>
      </c>
      <c r="L12358" s="6" t="s">
        <v>51</v>
      </c>
    </row>
    <row r="12359" spans="1:12">
      <c r="A12359" s="6" t="s">
        <v>49</v>
      </c>
      <c r="B12359" s="6"/>
      <c r="C12359" s="6" t="s">
        <v>12383</v>
      </c>
      <c r="D12359" s="6"/>
      <c r="E12359" s="6" t="s">
        <v>9</v>
      </c>
      <c r="F12359" s="7">
        <v>38657</v>
      </c>
      <c r="G12359" s="8">
        <v>1</v>
      </c>
      <c r="H12359" s="8">
        <v>1</v>
      </c>
      <c r="I12359" s="8">
        <v>0</v>
      </c>
      <c r="J12359" s="8">
        <v>1</v>
      </c>
      <c r="K12359" s="9">
        <v>34</v>
      </c>
      <c r="L12359" s="6" t="s">
        <v>51</v>
      </c>
    </row>
    <row r="12360" spans="1:12">
      <c r="A12360" s="6" t="s">
        <v>49</v>
      </c>
      <c r="B12360" s="6"/>
      <c r="C12360" s="6" t="s">
        <v>12384</v>
      </c>
      <c r="D12360" s="6"/>
      <c r="E12360" s="6" t="s">
        <v>9</v>
      </c>
      <c r="F12360" s="7">
        <v>38657</v>
      </c>
      <c r="G12360" s="8">
        <v>1</v>
      </c>
      <c r="H12360" s="8">
        <v>1</v>
      </c>
      <c r="I12360" s="8">
        <v>0</v>
      </c>
      <c r="J12360" s="8">
        <v>1</v>
      </c>
      <c r="K12360" s="9">
        <v>28</v>
      </c>
      <c r="L12360" s="6" t="s">
        <v>51</v>
      </c>
    </row>
    <row r="12361" spans="1:12">
      <c r="A12361" s="6" t="s">
        <v>49</v>
      </c>
      <c r="B12361" s="6"/>
      <c r="C12361" s="6" t="s">
        <v>12385</v>
      </c>
      <c r="D12361" s="6"/>
      <c r="E12361" s="6" t="s">
        <v>9</v>
      </c>
      <c r="F12361" s="7">
        <v>38657</v>
      </c>
      <c r="G12361" s="8">
        <v>1</v>
      </c>
      <c r="H12361" s="8">
        <v>1</v>
      </c>
      <c r="I12361" s="8">
        <v>0</v>
      </c>
      <c r="J12361" s="8">
        <v>1</v>
      </c>
      <c r="K12361" s="9">
        <v>31</v>
      </c>
      <c r="L12361" s="6" t="s">
        <v>51</v>
      </c>
    </row>
    <row r="12362" spans="1:12">
      <c r="A12362" s="6" t="s">
        <v>49</v>
      </c>
      <c r="B12362" s="6"/>
      <c r="C12362" s="6" t="s">
        <v>12386</v>
      </c>
      <c r="D12362" s="6"/>
      <c r="E12362" s="6" t="s">
        <v>9</v>
      </c>
      <c r="F12362" s="7">
        <v>38657</v>
      </c>
      <c r="G12362" s="8">
        <v>1</v>
      </c>
      <c r="H12362" s="8">
        <v>1</v>
      </c>
      <c r="I12362" s="8">
        <v>0</v>
      </c>
      <c r="J12362" s="8">
        <v>1</v>
      </c>
      <c r="K12362" s="9">
        <v>23</v>
      </c>
      <c r="L12362" s="6" t="s">
        <v>51</v>
      </c>
    </row>
    <row r="12363" spans="1:12">
      <c r="A12363" s="6" t="s">
        <v>49</v>
      </c>
      <c r="B12363" s="6"/>
      <c r="C12363" s="6" t="s">
        <v>12387</v>
      </c>
      <c r="D12363" s="6"/>
      <c r="E12363" s="6" t="s">
        <v>9</v>
      </c>
      <c r="F12363" s="7">
        <v>38657</v>
      </c>
      <c r="G12363" s="8">
        <v>1</v>
      </c>
      <c r="H12363" s="8">
        <v>1</v>
      </c>
      <c r="I12363" s="8">
        <v>0</v>
      </c>
      <c r="J12363" s="8">
        <v>1</v>
      </c>
      <c r="K12363" s="9">
        <v>5.19</v>
      </c>
      <c r="L12363" s="6" t="s">
        <v>51</v>
      </c>
    </row>
    <row r="12364" spans="1:12">
      <c r="A12364" s="6" t="s">
        <v>49</v>
      </c>
      <c r="B12364" s="6"/>
      <c r="C12364" s="6" t="s">
        <v>12388</v>
      </c>
      <c r="D12364" s="6"/>
      <c r="E12364" s="6" t="s">
        <v>9</v>
      </c>
      <c r="F12364" s="7">
        <v>38657</v>
      </c>
      <c r="G12364" s="8">
        <v>1</v>
      </c>
      <c r="H12364" s="8">
        <v>1</v>
      </c>
      <c r="I12364" s="8">
        <v>0</v>
      </c>
      <c r="J12364" s="8">
        <v>1</v>
      </c>
      <c r="K12364" s="9">
        <v>30</v>
      </c>
      <c r="L12364" s="6" t="s">
        <v>51</v>
      </c>
    </row>
    <row r="12365" spans="1:12">
      <c r="A12365" s="6" t="s">
        <v>49</v>
      </c>
      <c r="B12365" s="6"/>
      <c r="C12365" s="6" t="s">
        <v>12389</v>
      </c>
      <c r="D12365" s="6"/>
      <c r="E12365" s="6" t="s">
        <v>9</v>
      </c>
      <c r="F12365" s="7">
        <v>38657</v>
      </c>
      <c r="G12365" s="8">
        <v>1</v>
      </c>
      <c r="H12365" s="8">
        <v>1</v>
      </c>
      <c r="I12365" s="8">
        <v>0</v>
      </c>
      <c r="J12365" s="8">
        <v>1</v>
      </c>
      <c r="K12365" s="9">
        <v>31</v>
      </c>
      <c r="L12365" s="6" t="s">
        <v>51</v>
      </c>
    </row>
    <row r="12366" spans="1:12">
      <c r="A12366" s="6" t="s">
        <v>49</v>
      </c>
      <c r="B12366" s="6"/>
      <c r="C12366" s="6" t="s">
        <v>12390</v>
      </c>
      <c r="D12366" s="6"/>
      <c r="E12366" s="6" t="s">
        <v>9</v>
      </c>
      <c r="F12366" s="7">
        <v>38657</v>
      </c>
      <c r="G12366" s="8">
        <v>1</v>
      </c>
      <c r="H12366" s="8">
        <v>1</v>
      </c>
      <c r="I12366" s="8">
        <v>0</v>
      </c>
      <c r="J12366" s="8">
        <v>1</v>
      </c>
      <c r="K12366" s="9">
        <v>42</v>
      </c>
      <c r="L12366" s="6" t="s">
        <v>51</v>
      </c>
    </row>
    <row r="12367" spans="1:12">
      <c r="A12367" s="6" t="s">
        <v>49</v>
      </c>
      <c r="B12367" s="6"/>
      <c r="C12367" s="6" t="s">
        <v>12391</v>
      </c>
      <c r="D12367" s="6"/>
      <c r="E12367" s="6" t="s">
        <v>9</v>
      </c>
      <c r="F12367" s="7">
        <v>38657</v>
      </c>
      <c r="G12367" s="8">
        <v>1</v>
      </c>
      <c r="H12367" s="8">
        <v>1</v>
      </c>
      <c r="I12367" s="8">
        <v>0</v>
      </c>
      <c r="J12367" s="8">
        <v>1</v>
      </c>
      <c r="K12367" s="9">
        <v>33</v>
      </c>
      <c r="L12367" s="6" t="s">
        <v>51</v>
      </c>
    </row>
    <row r="12368" spans="1:12">
      <c r="A12368" s="6" t="s">
        <v>49</v>
      </c>
      <c r="B12368" s="6"/>
      <c r="C12368" s="6" t="s">
        <v>12392</v>
      </c>
      <c r="D12368" s="6"/>
      <c r="E12368" s="6" t="s">
        <v>9</v>
      </c>
      <c r="F12368" s="7">
        <v>38657</v>
      </c>
      <c r="G12368" s="8">
        <v>1</v>
      </c>
      <c r="H12368" s="8">
        <v>1</v>
      </c>
      <c r="I12368" s="8">
        <v>0</v>
      </c>
      <c r="J12368" s="8">
        <v>1</v>
      </c>
      <c r="K12368" s="9">
        <v>27</v>
      </c>
      <c r="L12368" s="6" t="s">
        <v>51</v>
      </c>
    </row>
    <row r="12369" spans="1:12">
      <c r="A12369" s="6" t="s">
        <v>49</v>
      </c>
      <c r="B12369" s="6"/>
      <c r="C12369" s="6" t="s">
        <v>12393</v>
      </c>
      <c r="D12369" s="6"/>
      <c r="E12369" s="6" t="s">
        <v>9</v>
      </c>
      <c r="F12369" s="7">
        <v>38657</v>
      </c>
      <c r="G12369" s="8">
        <v>1</v>
      </c>
      <c r="H12369" s="8">
        <v>1</v>
      </c>
      <c r="I12369" s="8">
        <v>0</v>
      </c>
      <c r="J12369" s="8">
        <v>1</v>
      </c>
      <c r="K12369" s="9">
        <v>26</v>
      </c>
      <c r="L12369" s="6" t="s">
        <v>51</v>
      </c>
    </row>
    <row r="12370" spans="1:12">
      <c r="A12370" s="6" t="s">
        <v>49</v>
      </c>
      <c r="B12370" s="6"/>
      <c r="C12370" s="6" t="s">
        <v>12394</v>
      </c>
      <c r="D12370" s="6"/>
      <c r="E12370" s="6" t="s">
        <v>9</v>
      </c>
      <c r="F12370" s="7">
        <v>38657</v>
      </c>
      <c r="G12370" s="8">
        <v>1</v>
      </c>
      <c r="H12370" s="8">
        <v>1</v>
      </c>
      <c r="I12370" s="8">
        <v>0</v>
      </c>
      <c r="J12370" s="8">
        <v>1</v>
      </c>
      <c r="K12370" s="9">
        <v>27</v>
      </c>
      <c r="L12370" s="6" t="s">
        <v>51</v>
      </c>
    </row>
    <row r="12371" spans="1:12">
      <c r="A12371" s="6" t="s">
        <v>49</v>
      </c>
      <c r="B12371" s="6"/>
      <c r="C12371" s="6" t="s">
        <v>12395</v>
      </c>
      <c r="D12371" s="6"/>
      <c r="E12371" s="6" t="s">
        <v>9</v>
      </c>
      <c r="F12371" s="7">
        <v>38657</v>
      </c>
      <c r="G12371" s="8">
        <v>1</v>
      </c>
      <c r="H12371" s="8">
        <v>1</v>
      </c>
      <c r="I12371" s="8">
        <v>0</v>
      </c>
      <c r="J12371" s="8">
        <v>1</v>
      </c>
      <c r="K12371" s="9">
        <v>14</v>
      </c>
      <c r="L12371" s="6" t="s">
        <v>51</v>
      </c>
    </row>
    <row r="12372" spans="1:12">
      <c r="A12372" s="6" t="s">
        <v>49</v>
      </c>
      <c r="B12372" s="6"/>
      <c r="C12372" s="6" t="s">
        <v>12396</v>
      </c>
      <c r="D12372" s="6"/>
      <c r="E12372" s="6" t="s">
        <v>9</v>
      </c>
      <c r="F12372" s="7">
        <v>38657</v>
      </c>
      <c r="G12372" s="8">
        <v>1</v>
      </c>
      <c r="H12372" s="8">
        <v>1</v>
      </c>
      <c r="I12372" s="8">
        <v>0</v>
      </c>
      <c r="J12372" s="8">
        <v>1</v>
      </c>
      <c r="K12372" s="9">
        <v>15</v>
      </c>
      <c r="L12372" s="6" t="s">
        <v>51</v>
      </c>
    </row>
    <row r="12373" spans="1:12">
      <c r="A12373" s="6" t="s">
        <v>49</v>
      </c>
      <c r="B12373" s="6"/>
      <c r="C12373" s="6" t="s">
        <v>12397</v>
      </c>
      <c r="D12373" s="6"/>
      <c r="E12373" s="6" t="s">
        <v>9</v>
      </c>
      <c r="F12373" s="7">
        <v>38657</v>
      </c>
      <c r="G12373" s="8">
        <v>1</v>
      </c>
      <c r="H12373" s="8">
        <v>1</v>
      </c>
      <c r="I12373" s="8">
        <v>0</v>
      </c>
      <c r="J12373" s="8">
        <v>1</v>
      </c>
      <c r="K12373" s="9">
        <v>31</v>
      </c>
      <c r="L12373" s="6" t="s">
        <v>51</v>
      </c>
    </row>
    <row r="12374" spans="1:12">
      <c r="A12374" s="6" t="s">
        <v>49</v>
      </c>
      <c r="B12374" s="6"/>
      <c r="C12374" s="6" t="s">
        <v>12398</v>
      </c>
      <c r="D12374" s="6"/>
      <c r="E12374" s="6" t="s">
        <v>9</v>
      </c>
      <c r="F12374" s="7">
        <v>38657</v>
      </c>
      <c r="G12374" s="8">
        <v>1</v>
      </c>
      <c r="H12374" s="8">
        <v>1</v>
      </c>
      <c r="I12374" s="8">
        <v>0</v>
      </c>
      <c r="J12374" s="8">
        <v>1</v>
      </c>
      <c r="K12374" s="9">
        <v>0.99</v>
      </c>
      <c r="L12374" s="6" t="s">
        <v>51</v>
      </c>
    </row>
    <row r="12375" spans="1:12">
      <c r="A12375" s="6" t="s">
        <v>49</v>
      </c>
      <c r="B12375" s="6"/>
      <c r="C12375" s="6" t="s">
        <v>12399</v>
      </c>
      <c r="D12375" s="6"/>
      <c r="E12375" s="6" t="s">
        <v>9</v>
      </c>
      <c r="F12375" s="7">
        <v>38657</v>
      </c>
      <c r="G12375" s="8">
        <v>1</v>
      </c>
      <c r="H12375" s="8">
        <v>1</v>
      </c>
      <c r="I12375" s="8">
        <v>0</v>
      </c>
      <c r="J12375" s="8">
        <v>1</v>
      </c>
      <c r="K12375" s="9">
        <v>27</v>
      </c>
      <c r="L12375" s="6" t="s">
        <v>51</v>
      </c>
    </row>
    <row r="12376" spans="1:12">
      <c r="A12376" s="6" t="s">
        <v>49</v>
      </c>
      <c r="B12376" s="6"/>
      <c r="C12376" s="6" t="s">
        <v>12400</v>
      </c>
      <c r="D12376" s="6"/>
      <c r="E12376" s="6" t="s">
        <v>9</v>
      </c>
      <c r="F12376" s="7">
        <v>38657</v>
      </c>
      <c r="G12376" s="8">
        <v>1</v>
      </c>
      <c r="H12376" s="8">
        <v>1</v>
      </c>
      <c r="I12376" s="8">
        <v>0</v>
      </c>
      <c r="J12376" s="8">
        <v>1</v>
      </c>
      <c r="K12376" s="9">
        <v>27</v>
      </c>
      <c r="L12376" s="6" t="s">
        <v>51</v>
      </c>
    </row>
    <row r="12377" spans="1:12">
      <c r="A12377" s="6" t="s">
        <v>49</v>
      </c>
      <c r="B12377" s="6"/>
      <c r="C12377" s="6" t="s">
        <v>12401</v>
      </c>
      <c r="D12377" s="6"/>
      <c r="E12377" s="6" t="s">
        <v>9</v>
      </c>
      <c r="F12377" s="7">
        <v>38657</v>
      </c>
      <c r="G12377" s="8">
        <v>1</v>
      </c>
      <c r="H12377" s="8">
        <v>1</v>
      </c>
      <c r="I12377" s="8">
        <v>0</v>
      </c>
      <c r="J12377" s="8">
        <v>1</v>
      </c>
      <c r="K12377" s="9">
        <v>21</v>
      </c>
      <c r="L12377" s="6" t="s">
        <v>51</v>
      </c>
    </row>
    <row r="12378" spans="1:12">
      <c r="A12378" s="6" t="s">
        <v>49</v>
      </c>
      <c r="B12378" s="6"/>
      <c r="C12378" s="6" t="s">
        <v>12402</v>
      </c>
      <c r="D12378" s="6"/>
      <c r="E12378" s="6" t="s">
        <v>9</v>
      </c>
      <c r="F12378" s="7">
        <v>38657</v>
      </c>
      <c r="G12378" s="8">
        <v>1</v>
      </c>
      <c r="H12378" s="8">
        <v>1</v>
      </c>
      <c r="I12378" s="8">
        <v>0</v>
      </c>
      <c r="J12378" s="8">
        <v>1</v>
      </c>
      <c r="K12378" s="9">
        <v>27</v>
      </c>
      <c r="L12378" s="6" t="s">
        <v>51</v>
      </c>
    </row>
    <row r="12379" spans="1:12">
      <c r="A12379" s="6" t="s">
        <v>49</v>
      </c>
      <c r="B12379" s="6"/>
      <c r="C12379" s="6" t="s">
        <v>12403</v>
      </c>
      <c r="D12379" s="6"/>
      <c r="E12379" s="6" t="s">
        <v>9</v>
      </c>
      <c r="F12379" s="7">
        <v>38657</v>
      </c>
      <c r="G12379" s="8">
        <v>1</v>
      </c>
      <c r="H12379" s="8">
        <v>1</v>
      </c>
      <c r="I12379" s="8">
        <v>0</v>
      </c>
      <c r="J12379" s="8">
        <v>1</v>
      </c>
      <c r="K12379" s="9">
        <v>35</v>
      </c>
      <c r="L12379" s="6" t="s">
        <v>51</v>
      </c>
    </row>
    <row r="12380" spans="1:12">
      <c r="A12380" s="6" t="s">
        <v>49</v>
      </c>
      <c r="B12380" s="6"/>
      <c r="C12380" s="6" t="s">
        <v>12404</v>
      </c>
      <c r="D12380" s="6"/>
      <c r="E12380" s="6" t="s">
        <v>9</v>
      </c>
      <c r="F12380" s="7">
        <v>38657</v>
      </c>
      <c r="G12380" s="8">
        <v>1</v>
      </c>
      <c r="H12380" s="8">
        <v>1</v>
      </c>
      <c r="I12380" s="8">
        <v>0</v>
      </c>
      <c r="J12380" s="8">
        <v>1</v>
      </c>
      <c r="K12380" s="9">
        <v>24</v>
      </c>
      <c r="L12380" s="6" t="s">
        <v>51</v>
      </c>
    </row>
    <row r="12381" spans="1:12">
      <c r="A12381" s="6" t="s">
        <v>49</v>
      </c>
      <c r="B12381" s="6"/>
      <c r="C12381" s="6" t="s">
        <v>12405</v>
      </c>
      <c r="D12381" s="6"/>
      <c r="E12381" s="6" t="s">
        <v>9</v>
      </c>
      <c r="F12381" s="7">
        <v>38657</v>
      </c>
      <c r="G12381" s="8">
        <v>1</v>
      </c>
      <c r="H12381" s="8">
        <v>1</v>
      </c>
      <c r="I12381" s="8">
        <v>0</v>
      </c>
      <c r="J12381" s="8">
        <v>1</v>
      </c>
      <c r="K12381" s="9">
        <v>27</v>
      </c>
      <c r="L12381" s="6" t="s">
        <v>51</v>
      </c>
    </row>
    <row r="12382" spans="1:12">
      <c r="A12382" s="6" t="s">
        <v>49</v>
      </c>
      <c r="B12382" s="6"/>
      <c r="C12382" s="6" t="s">
        <v>12406</v>
      </c>
      <c r="D12382" s="6"/>
      <c r="E12382" s="6" t="s">
        <v>9</v>
      </c>
      <c r="F12382" s="7">
        <v>38657</v>
      </c>
      <c r="G12382" s="8">
        <v>1</v>
      </c>
      <c r="H12382" s="8">
        <v>1</v>
      </c>
      <c r="I12382" s="8">
        <v>0</v>
      </c>
      <c r="J12382" s="8">
        <v>1</v>
      </c>
      <c r="K12382" s="9">
        <v>32</v>
      </c>
      <c r="L12382" s="6" t="s">
        <v>51</v>
      </c>
    </row>
    <row r="12383" spans="1:12">
      <c r="A12383" s="6" t="s">
        <v>49</v>
      </c>
      <c r="B12383" s="6"/>
      <c r="C12383" s="6" t="s">
        <v>12407</v>
      </c>
      <c r="D12383" s="6"/>
      <c r="E12383" s="6" t="s">
        <v>9</v>
      </c>
      <c r="F12383" s="7">
        <v>38657</v>
      </c>
      <c r="G12383" s="8">
        <v>1</v>
      </c>
      <c r="H12383" s="8">
        <v>1</v>
      </c>
      <c r="I12383" s="8">
        <v>0</v>
      </c>
      <c r="J12383" s="8">
        <v>1</v>
      </c>
      <c r="K12383" s="9">
        <v>20</v>
      </c>
      <c r="L12383" s="6" t="s">
        <v>51</v>
      </c>
    </row>
    <row r="12384" spans="1:12">
      <c r="A12384" s="6" t="s">
        <v>49</v>
      </c>
      <c r="B12384" s="6"/>
      <c r="C12384" s="6" t="s">
        <v>12408</v>
      </c>
      <c r="D12384" s="6"/>
      <c r="E12384" s="6" t="s">
        <v>9</v>
      </c>
      <c r="F12384" s="7">
        <v>38657</v>
      </c>
      <c r="G12384" s="8">
        <v>1</v>
      </c>
      <c r="H12384" s="8">
        <v>1</v>
      </c>
      <c r="I12384" s="8">
        <v>0</v>
      </c>
      <c r="J12384" s="8">
        <v>1</v>
      </c>
      <c r="K12384" s="9">
        <v>29</v>
      </c>
      <c r="L12384" s="6" t="s">
        <v>51</v>
      </c>
    </row>
    <row r="12385" spans="1:12">
      <c r="A12385" s="6" t="s">
        <v>49</v>
      </c>
      <c r="B12385" s="6"/>
      <c r="C12385" s="6" t="s">
        <v>12409</v>
      </c>
      <c r="D12385" s="6"/>
      <c r="E12385" s="6" t="s">
        <v>9</v>
      </c>
      <c r="F12385" s="7">
        <v>38657</v>
      </c>
      <c r="G12385" s="8">
        <v>1</v>
      </c>
      <c r="H12385" s="8">
        <v>1</v>
      </c>
      <c r="I12385" s="8">
        <v>0</v>
      </c>
      <c r="J12385" s="8">
        <v>1</v>
      </c>
      <c r="K12385" s="9">
        <v>6.08</v>
      </c>
      <c r="L12385" s="6" t="s">
        <v>51</v>
      </c>
    </row>
    <row r="12386" spans="1:12">
      <c r="A12386" s="6" t="s">
        <v>49</v>
      </c>
      <c r="B12386" s="6"/>
      <c r="C12386" s="6" t="s">
        <v>12410</v>
      </c>
      <c r="D12386" s="6"/>
      <c r="E12386" s="6" t="s">
        <v>9</v>
      </c>
      <c r="F12386" s="7">
        <v>38657</v>
      </c>
      <c r="G12386" s="8">
        <v>1</v>
      </c>
      <c r="H12386" s="8">
        <v>1</v>
      </c>
      <c r="I12386" s="8">
        <v>0</v>
      </c>
      <c r="J12386" s="8">
        <v>1</v>
      </c>
      <c r="K12386" s="9">
        <v>449</v>
      </c>
      <c r="L12386" s="6" t="s">
        <v>51</v>
      </c>
    </row>
    <row r="12387" spans="1:12">
      <c r="A12387" s="6" t="s">
        <v>49</v>
      </c>
      <c r="B12387" s="6"/>
      <c r="C12387" s="6" t="s">
        <v>12411</v>
      </c>
      <c r="D12387" s="6"/>
      <c r="E12387" s="6" t="s">
        <v>9</v>
      </c>
      <c r="F12387" s="7">
        <v>38657</v>
      </c>
      <c r="G12387" s="8">
        <v>1</v>
      </c>
      <c r="H12387" s="8">
        <v>1</v>
      </c>
      <c r="I12387" s="8">
        <v>0</v>
      </c>
      <c r="J12387" s="8">
        <v>1</v>
      </c>
      <c r="K12387" s="9">
        <v>54</v>
      </c>
      <c r="L12387" s="6" t="s">
        <v>51</v>
      </c>
    </row>
    <row r="12388" spans="1:12">
      <c r="A12388" s="6" t="s">
        <v>49</v>
      </c>
      <c r="B12388" s="6"/>
      <c r="C12388" s="6" t="s">
        <v>12412</v>
      </c>
      <c r="D12388" s="6"/>
      <c r="E12388" s="6" t="s">
        <v>9</v>
      </c>
      <c r="F12388" s="7">
        <v>38657</v>
      </c>
      <c r="G12388" s="8">
        <v>1</v>
      </c>
      <c r="H12388" s="8">
        <v>1</v>
      </c>
      <c r="I12388" s="8">
        <v>0</v>
      </c>
      <c r="J12388" s="8">
        <v>1</v>
      </c>
      <c r="K12388" s="9">
        <v>15</v>
      </c>
      <c r="L12388" s="6" t="s">
        <v>51</v>
      </c>
    </row>
    <row r="12389" spans="1:12">
      <c r="A12389" s="6" t="s">
        <v>49</v>
      </c>
      <c r="B12389" s="6"/>
      <c r="C12389" s="6" t="s">
        <v>12413</v>
      </c>
      <c r="D12389" s="6"/>
      <c r="E12389" s="6" t="s">
        <v>9</v>
      </c>
      <c r="F12389" s="7">
        <v>38657</v>
      </c>
      <c r="G12389" s="8">
        <v>1</v>
      </c>
      <c r="H12389" s="8">
        <v>1</v>
      </c>
      <c r="I12389" s="8">
        <v>0</v>
      </c>
      <c r="J12389" s="8">
        <v>1</v>
      </c>
      <c r="K12389" s="9">
        <v>5.67</v>
      </c>
      <c r="L12389" s="6" t="s">
        <v>51</v>
      </c>
    </row>
    <row r="12390" spans="1:12">
      <c r="A12390" s="6" t="s">
        <v>49</v>
      </c>
      <c r="B12390" s="6"/>
      <c r="C12390" s="6" t="s">
        <v>12414</v>
      </c>
      <c r="D12390" s="6"/>
      <c r="E12390" s="6" t="s">
        <v>9</v>
      </c>
      <c r="F12390" s="7">
        <v>38657</v>
      </c>
      <c r="G12390" s="8">
        <v>1</v>
      </c>
      <c r="H12390" s="8">
        <v>1</v>
      </c>
      <c r="I12390" s="8">
        <v>0</v>
      </c>
      <c r="J12390" s="8">
        <v>1</v>
      </c>
      <c r="K12390" s="9">
        <v>578</v>
      </c>
      <c r="L12390" s="6" t="s">
        <v>51</v>
      </c>
    </row>
    <row r="12391" spans="1:12">
      <c r="A12391" s="6" t="s">
        <v>49</v>
      </c>
      <c r="B12391" s="6"/>
      <c r="C12391" s="6" t="s">
        <v>12415</v>
      </c>
      <c r="D12391" s="6"/>
      <c r="E12391" s="6" t="s">
        <v>9</v>
      </c>
      <c r="F12391" s="7">
        <v>38657</v>
      </c>
      <c r="G12391" s="8">
        <v>1</v>
      </c>
      <c r="H12391" s="8">
        <v>1</v>
      </c>
      <c r="I12391" s="8">
        <v>0</v>
      </c>
      <c r="J12391" s="8">
        <v>1</v>
      </c>
      <c r="K12391" s="9">
        <v>2.04</v>
      </c>
      <c r="L12391" s="6" t="s">
        <v>51</v>
      </c>
    </row>
    <row r="12392" spans="1:12">
      <c r="A12392" s="6" t="s">
        <v>49</v>
      </c>
      <c r="B12392" s="6"/>
      <c r="C12392" s="6" t="s">
        <v>12416</v>
      </c>
      <c r="D12392" s="6"/>
      <c r="E12392" s="6" t="s">
        <v>9</v>
      </c>
      <c r="F12392" s="7">
        <v>38657</v>
      </c>
      <c r="G12392" s="8">
        <v>1</v>
      </c>
      <c r="H12392" s="8">
        <v>1</v>
      </c>
      <c r="I12392" s="8">
        <v>0</v>
      </c>
      <c r="J12392" s="8">
        <v>1</v>
      </c>
      <c r="K12392" s="9">
        <v>504</v>
      </c>
      <c r="L12392" s="6" t="s">
        <v>51</v>
      </c>
    </row>
    <row r="12393" spans="1:12">
      <c r="A12393" s="6" t="s">
        <v>49</v>
      </c>
      <c r="B12393" s="6"/>
      <c r="C12393" s="6" t="s">
        <v>12417</v>
      </c>
      <c r="D12393" s="6"/>
      <c r="E12393" s="6" t="s">
        <v>9</v>
      </c>
      <c r="F12393" s="7">
        <v>38657</v>
      </c>
      <c r="G12393" s="8">
        <v>1</v>
      </c>
      <c r="H12393" s="8">
        <v>1</v>
      </c>
      <c r="I12393" s="8">
        <v>0</v>
      </c>
      <c r="J12393" s="8">
        <v>1</v>
      </c>
      <c r="K12393" s="9">
        <v>12</v>
      </c>
      <c r="L12393" s="6" t="s">
        <v>51</v>
      </c>
    </row>
    <row r="12394" spans="1:12">
      <c r="A12394" s="6" t="s">
        <v>49</v>
      </c>
      <c r="B12394" s="6"/>
      <c r="C12394" s="6" t="s">
        <v>12418</v>
      </c>
      <c r="D12394" s="6"/>
      <c r="E12394" s="6" t="s">
        <v>9</v>
      </c>
      <c r="F12394" s="7">
        <v>38657</v>
      </c>
      <c r="G12394" s="8">
        <v>1</v>
      </c>
      <c r="H12394" s="8">
        <v>1</v>
      </c>
      <c r="I12394" s="8">
        <v>0</v>
      </c>
      <c r="J12394" s="8">
        <v>1</v>
      </c>
      <c r="K12394" s="9">
        <v>446</v>
      </c>
      <c r="L12394" s="6" t="s">
        <v>51</v>
      </c>
    </row>
    <row r="12395" spans="1:12">
      <c r="A12395" s="6" t="s">
        <v>49</v>
      </c>
      <c r="B12395" s="6"/>
      <c r="C12395" s="6" t="s">
        <v>12419</v>
      </c>
      <c r="D12395" s="6"/>
      <c r="E12395" s="6" t="s">
        <v>9</v>
      </c>
      <c r="F12395" s="7">
        <v>38657</v>
      </c>
      <c r="G12395" s="8">
        <v>1</v>
      </c>
      <c r="H12395" s="8">
        <v>1</v>
      </c>
      <c r="I12395" s="8">
        <v>0</v>
      </c>
      <c r="J12395" s="8">
        <v>1</v>
      </c>
      <c r="K12395" s="9">
        <v>418</v>
      </c>
      <c r="L12395" s="6" t="s">
        <v>51</v>
      </c>
    </row>
    <row r="12396" spans="1:12">
      <c r="A12396" s="6" t="s">
        <v>49</v>
      </c>
      <c r="B12396" s="6"/>
      <c r="C12396" s="6" t="s">
        <v>12420</v>
      </c>
      <c r="D12396" s="6"/>
      <c r="E12396" s="6" t="s">
        <v>9</v>
      </c>
      <c r="F12396" s="7">
        <v>38657</v>
      </c>
      <c r="G12396" s="8">
        <v>1</v>
      </c>
      <c r="H12396" s="8">
        <v>1</v>
      </c>
      <c r="I12396" s="8">
        <v>0</v>
      </c>
      <c r="J12396" s="8">
        <v>1</v>
      </c>
      <c r="K12396" s="9">
        <v>2.97</v>
      </c>
      <c r="L12396" s="6" t="s">
        <v>51</v>
      </c>
    </row>
    <row r="12397" spans="1:12">
      <c r="A12397" s="6" t="s">
        <v>49</v>
      </c>
      <c r="B12397" s="6"/>
      <c r="C12397" s="6" t="s">
        <v>12421</v>
      </c>
      <c r="D12397" s="6"/>
      <c r="E12397" s="6" t="s">
        <v>9</v>
      </c>
      <c r="F12397" s="7">
        <v>38657</v>
      </c>
      <c r="G12397" s="8">
        <v>1</v>
      </c>
      <c r="H12397" s="8">
        <v>1</v>
      </c>
      <c r="I12397" s="8">
        <v>0</v>
      </c>
      <c r="J12397" s="8">
        <v>1</v>
      </c>
      <c r="K12397" s="9">
        <v>348</v>
      </c>
      <c r="L12397" s="6" t="s">
        <v>51</v>
      </c>
    </row>
    <row r="12398" spans="1:12">
      <c r="A12398" s="6" t="s">
        <v>49</v>
      </c>
      <c r="B12398" s="6"/>
      <c r="C12398" s="6" t="s">
        <v>12422</v>
      </c>
      <c r="D12398" s="6"/>
      <c r="E12398" s="6" t="s">
        <v>9</v>
      </c>
      <c r="F12398" s="7">
        <v>38657</v>
      </c>
      <c r="G12398" s="8">
        <v>1</v>
      </c>
      <c r="H12398" s="8">
        <v>1</v>
      </c>
      <c r="I12398" s="8">
        <v>0</v>
      </c>
      <c r="J12398" s="8">
        <v>1</v>
      </c>
      <c r="K12398" s="9">
        <v>17</v>
      </c>
      <c r="L12398" s="6" t="s">
        <v>51</v>
      </c>
    </row>
    <row r="12399" spans="1:12">
      <c r="A12399" s="6" t="s">
        <v>49</v>
      </c>
      <c r="B12399" s="6"/>
      <c r="C12399" s="6" t="s">
        <v>12423</v>
      </c>
      <c r="D12399" s="6"/>
      <c r="E12399" s="6" t="s">
        <v>9</v>
      </c>
      <c r="F12399" s="7">
        <v>38657</v>
      </c>
      <c r="G12399" s="8">
        <v>1</v>
      </c>
      <c r="H12399" s="8">
        <v>1</v>
      </c>
      <c r="I12399" s="8">
        <v>0</v>
      </c>
      <c r="J12399" s="8">
        <v>1</v>
      </c>
      <c r="K12399" s="9">
        <v>23</v>
      </c>
      <c r="L12399" s="6" t="s">
        <v>51</v>
      </c>
    </row>
    <row r="12400" spans="1:12">
      <c r="A12400" s="6" t="s">
        <v>49</v>
      </c>
      <c r="B12400" s="6"/>
      <c r="C12400" s="6" t="s">
        <v>12424</v>
      </c>
      <c r="D12400" s="6"/>
      <c r="E12400" s="6" t="s">
        <v>9</v>
      </c>
      <c r="F12400" s="7">
        <v>38657</v>
      </c>
      <c r="G12400" s="8">
        <v>1</v>
      </c>
      <c r="H12400" s="8">
        <v>1</v>
      </c>
      <c r="I12400" s="8">
        <v>0</v>
      </c>
      <c r="J12400" s="8">
        <v>1</v>
      </c>
      <c r="K12400" s="9">
        <v>45</v>
      </c>
      <c r="L12400" s="6" t="s">
        <v>51</v>
      </c>
    </row>
    <row r="12401" spans="1:12">
      <c r="A12401" s="6" t="s">
        <v>49</v>
      </c>
      <c r="B12401" s="6"/>
      <c r="C12401" s="6" t="s">
        <v>12425</v>
      </c>
      <c r="D12401" s="6"/>
      <c r="E12401" s="6" t="s">
        <v>9</v>
      </c>
      <c r="F12401" s="7">
        <v>38657</v>
      </c>
      <c r="G12401" s="8">
        <v>1</v>
      </c>
      <c r="H12401" s="8">
        <v>1</v>
      </c>
      <c r="I12401" s="8">
        <v>0</v>
      </c>
      <c r="J12401" s="8">
        <v>1</v>
      </c>
      <c r="K12401" s="9">
        <v>16</v>
      </c>
      <c r="L12401" s="6" t="s">
        <v>51</v>
      </c>
    </row>
    <row r="12402" spans="1:12">
      <c r="A12402" s="6" t="s">
        <v>49</v>
      </c>
      <c r="B12402" s="6"/>
      <c r="C12402" s="6" t="s">
        <v>12426</v>
      </c>
      <c r="D12402" s="6"/>
      <c r="E12402" s="6" t="s">
        <v>9</v>
      </c>
      <c r="F12402" s="7">
        <v>38657</v>
      </c>
      <c r="G12402" s="8">
        <v>1</v>
      </c>
      <c r="H12402" s="8">
        <v>1</v>
      </c>
      <c r="I12402" s="8">
        <v>0</v>
      </c>
      <c r="J12402" s="8">
        <v>1</v>
      </c>
      <c r="K12402" s="9">
        <v>501</v>
      </c>
      <c r="L12402" s="6" t="s">
        <v>51</v>
      </c>
    </row>
    <row r="12403" spans="1:12">
      <c r="A12403" s="6" t="s">
        <v>49</v>
      </c>
      <c r="B12403" s="6"/>
      <c r="C12403" s="6" t="s">
        <v>12427</v>
      </c>
      <c r="D12403" s="6"/>
      <c r="E12403" s="6" t="s">
        <v>9</v>
      </c>
      <c r="F12403" s="7">
        <v>38657</v>
      </c>
      <c r="G12403" s="8">
        <v>1</v>
      </c>
      <c r="H12403" s="8">
        <v>1</v>
      </c>
      <c r="I12403" s="8">
        <v>0</v>
      </c>
      <c r="J12403" s="8">
        <v>1</v>
      </c>
      <c r="K12403" s="9">
        <v>331</v>
      </c>
      <c r="L12403" s="6" t="s">
        <v>51</v>
      </c>
    </row>
    <row r="12404" spans="1:12">
      <c r="A12404" s="6" t="s">
        <v>49</v>
      </c>
      <c r="B12404" s="6"/>
      <c r="C12404" s="6" t="s">
        <v>12428</v>
      </c>
      <c r="D12404" s="6"/>
      <c r="E12404" s="6" t="s">
        <v>9</v>
      </c>
      <c r="F12404" s="7">
        <v>40082</v>
      </c>
      <c r="G12404" s="8">
        <v>1</v>
      </c>
      <c r="H12404" s="8">
        <v>1</v>
      </c>
      <c r="I12404" s="8">
        <v>0</v>
      </c>
      <c r="J12404" s="8">
        <v>1</v>
      </c>
      <c r="K12404" s="9">
        <v>518.77</v>
      </c>
      <c r="L12404" s="6" t="s">
        <v>51</v>
      </c>
    </row>
    <row r="12405" spans="1:12">
      <c r="A12405" s="6" t="s">
        <v>49</v>
      </c>
      <c r="B12405" s="6"/>
      <c r="C12405" s="6" t="s">
        <v>12429</v>
      </c>
      <c r="D12405" s="6"/>
      <c r="E12405" s="6" t="s">
        <v>9</v>
      </c>
      <c r="F12405" s="7">
        <v>40082</v>
      </c>
      <c r="G12405" s="8">
        <v>1</v>
      </c>
      <c r="H12405" s="8">
        <v>1</v>
      </c>
      <c r="I12405" s="8">
        <v>0</v>
      </c>
      <c r="J12405" s="8">
        <v>1</v>
      </c>
      <c r="K12405" s="9">
        <v>344.64</v>
      </c>
      <c r="L12405" s="6" t="s">
        <v>51</v>
      </c>
    </row>
    <row r="12406" spans="1:12">
      <c r="A12406" s="6" t="s">
        <v>49</v>
      </c>
      <c r="B12406" s="6"/>
      <c r="C12406" s="6" t="s">
        <v>12430</v>
      </c>
      <c r="D12406" s="6"/>
      <c r="E12406" s="6" t="s">
        <v>9</v>
      </c>
      <c r="F12406" s="7">
        <v>40082</v>
      </c>
      <c r="G12406" s="8">
        <v>1</v>
      </c>
      <c r="H12406" s="8">
        <v>1</v>
      </c>
      <c r="I12406" s="8">
        <v>0</v>
      </c>
      <c r="J12406" s="8">
        <v>1</v>
      </c>
      <c r="K12406" s="9">
        <v>93.34</v>
      </c>
      <c r="L12406" s="6" t="s">
        <v>51</v>
      </c>
    </row>
    <row r="12407" spans="1:12">
      <c r="A12407" s="6" t="s">
        <v>49</v>
      </c>
      <c r="B12407" s="6"/>
      <c r="C12407" s="6" t="s">
        <v>12431</v>
      </c>
      <c r="D12407" s="6"/>
      <c r="E12407" s="6" t="s">
        <v>9</v>
      </c>
      <c r="F12407" s="7">
        <v>38657</v>
      </c>
      <c r="G12407" s="8">
        <v>1</v>
      </c>
      <c r="H12407" s="8">
        <v>1</v>
      </c>
      <c r="I12407" s="8">
        <v>0</v>
      </c>
      <c r="J12407" s="8">
        <v>1</v>
      </c>
      <c r="K12407" s="9">
        <v>3.86</v>
      </c>
      <c r="L12407" s="6" t="s">
        <v>51</v>
      </c>
    </row>
    <row r="12408" spans="1:12">
      <c r="A12408" s="6" t="s">
        <v>49</v>
      </c>
      <c r="B12408" s="6"/>
      <c r="C12408" s="6" t="s">
        <v>12432</v>
      </c>
      <c r="D12408" s="6"/>
      <c r="E12408" s="6" t="s">
        <v>9</v>
      </c>
      <c r="F12408" s="7">
        <v>38657</v>
      </c>
      <c r="G12408" s="8">
        <v>1</v>
      </c>
      <c r="H12408" s="8">
        <v>1</v>
      </c>
      <c r="I12408" s="8">
        <v>0</v>
      </c>
      <c r="J12408" s="8">
        <v>1</v>
      </c>
      <c r="K12408" s="9">
        <v>428</v>
      </c>
      <c r="L12408" s="6" t="s">
        <v>51</v>
      </c>
    </row>
    <row r="12409" spans="1:12">
      <c r="A12409" s="6" t="s">
        <v>49</v>
      </c>
      <c r="B12409" s="6"/>
      <c r="C12409" s="6" t="s">
        <v>12433</v>
      </c>
      <c r="D12409" s="6"/>
      <c r="E12409" s="6" t="s">
        <v>9</v>
      </c>
      <c r="F12409" s="7">
        <v>38657</v>
      </c>
      <c r="G12409" s="8">
        <v>1</v>
      </c>
      <c r="H12409" s="8">
        <v>1</v>
      </c>
      <c r="I12409" s="8">
        <v>0</v>
      </c>
      <c r="J12409" s="8">
        <v>1</v>
      </c>
      <c r="K12409" s="9">
        <v>2.92</v>
      </c>
      <c r="L12409" s="6" t="s">
        <v>51</v>
      </c>
    </row>
    <row r="12410" spans="1:12">
      <c r="A12410" s="6" t="s">
        <v>49</v>
      </c>
      <c r="B12410" s="6"/>
      <c r="C12410" s="6" t="s">
        <v>12434</v>
      </c>
      <c r="D12410" s="6"/>
      <c r="E12410" s="6" t="s">
        <v>9</v>
      </c>
      <c r="F12410" s="7">
        <v>38657</v>
      </c>
      <c r="G12410" s="8">
        <v>1</v>
      </c>
      <c r="H12410" s="8">
        <v>1</v>
      </c>
      <c r="I12410" s="8">
        <v>0</v>
      </c>
      <c r="J12410" s="8">
        <v>1</v>
      </c>
      <c r="K12410" s="9">
        <v>36</v>
      </c>
      <c r="L12410" s="6" t="s">
        <v>51</v>
      </c>
    </row>
    <row r="12411" spans="1:12">
      <c r="A12411" s="6" t="s">
        <v>49</v>
      </c>
      <c r="B12411" s="6"/>
      <c r="C12411" s="6" t="s">
        <v>12435</v>
      </c>
      <c r="D12411" s="6"/>
      <c r="E12411" s="6" t="s">
        <v>9</v>
      </c>
      <c r="F12411" s="7">
        <v>38657</v>
      </c>
      <c r="G12411" s="8">
        <v>1</v>
      </c>
      <c r="H12411" s="8">
        <v>1</v>
      </c>
      <c r="I12411" s="8">
        <v>0</v>
      </c>
      <c r="J12411" s="8">
        <v>1</v>
      </c>
      <c r="K12411" s="9">
        <v>753</v>
      </c>
      <c r="L12411" s="6" t="s">
        <v>51</v>
      </c>
    </row>
    <row r="12412" spans="1:12">
      <c r="A12412" s="6" t="s">
        <v>49</v>
      </c>
      <c r="B12412" s="6"/>
      <c r="C12412" s="6" t="s">
        <v>12436</v>
      </c>
      <c r="D12412" s="6"/>
      <c r="E12412" s="6" t="s">
        <v>9</v>
      </c>
      <c r="F12412" s="7">
        <v>38657</v>
      </c>
      <c r="G12412" s="8">
        <v>1</v>
      </c>
      <c r="H12412" s="8">
        <v>1</v>
      </c>
      <c r="I12412" s="8">
        <v>0</v>
      </c>
      <c r="J12412" s="8">
        <v>1</v>
      </c>
      <c r="K12412" s="9">
        <v>96</v>
      </c>
      <c r="L12412" s="6" t="s">
        <v>51</v>
      </c>
    </row>
    <row r="12413" spans="1:12">
      <c r="A12413" s="6" t="s">
        <v>49</v>
      </c>
      <c r="B12413" s="6"/>
      <c r="C12413" s="6" t="s">
        <v>12437</v>
      </c>
      <c r="D12413" s="6"/>
      <c r="E12413" s="6" t="s">
        <v>9</v>
      </c>
      <c r="F12413" s="7">
        <v>38657</v>
      </c>
      <c r="G12413" s="8">
        <v>1</v>
      </c>
      <c r="H12413" s="8">
        <v>1</v>
      </c>
      <c r="I12413" s="8">
        <v>0</v>
      </c>
      <c r="J12413" s="8">
        <v>1</v>
      </c>
      <c r="K12413" s="9">
        <v>667</v>
      </c>
      <c r="L12413" s="6" t="s">
        <v>51</v>
      </c>
    </row>
    <row r="12414" spans="1:12">
      <c r="A12414" s="6" t="s">
        <v>49</v>
      </c>
      <c r="B12414" s="6"/>
      <c r="C12414" s="6" t="s">
        <v>12438</v>
      </c>
      <c r="D12414" s="6"/>
      <c r="E12414" s="6" t="s">
        <v>9</v>
      </c>
      <c r="F12414" s="7">
        <v>38657</v>
      </c>
      <c r="G12414" s="8">
        <v>1</v>
      </c>
      <c r="H12414" s="8">
        <v>1</v>
      </c>
      <c r="I12414" s="8">
        <v>0</v>
      </c>
      <c r="J12414" s="8">
        <v>1</v>
      </c>
      <c r="K12414" s="9">
        <v>29</v>
      </c>
      <c r="L12414" s="6" t="s">
        <v>51</v>
      </c>
    </row>
    <row r="12415" spans="1:12">
      <c r="A12415" s="6" t="s">
        <v>49</v>
      </c>
      <c r="B12415" s="6"/>
      <c r="C12415" s="6" t="s">
        <v>12439</v>
      </c>
      <c r="D12415" s="6"/>
      <c r="E12415" s="6" t="s">
        <v>9</v>
      </c>
      <c r="F12415" s="7">
        <v>38657</v>
      </c>
      <c r="G12415" s="8">
        <v>1</v>
      </c>
      <c r="H12415" s="8">
        <v>1</v>
      </c>
      <c r="I12415" s="8">
        <v>0</v>
      </c>
      <c r="J12415" s="8">
        <v>1</v>
      </c>
      <c r="K12415" s="9">
        <v>80</v>
      </c>
      <c r="L12415" s="6" t="s">
        <v>51</v>
      </c>
    </row>
    <row r="12416" spans="1:12">
      <c r="A12416" s="6" t="s">
        <v>49</v>
      </c>
      <c r="B12416" s="6"/>
      <c r="C12416" s="6" t="s">
        <v>12440</v>
      </c>
      <c r="D12416" s="6"/>
      <c r="E12416" s="6" t="s">
        <v>9</v>
      </c>
      <c r="F12416" s="7">
        <v>38657</v>
      </c>
      <c r="G12416" s="8">
        <v>1</v>
      </c>
      <c r="H12416" s="8">
        <v>1</v>
      </c>
      <c r="I12416" s="8">
        <v>0</v>
      </c>
      <c r="J12416" s="8">
        <v>1</v>
      </c>
      <c r="K12416" s="9">
        <v>692</v>
      </c>
      <c r="L12416" s="6" t="s">
        <v>51</v>
      </c>
    </row>
    <row r="12417" spans="1:12">
      <c r="A12417" s="6" t="s">
        <v>49</v>
      </c>
      <c r="B12417" s="6"/>
      <c r="C12417" s="6" t="s">
        <v>12441</v>
      </c>
      <c r="D12417" s="6"/>
      <c r="E12417" s="6" t="s">
        <v>9</v>
      </c>
      <c r="F12417" s="7">
        <v>38657</v>
      </c>
      <c r="G12417" s="8">
        <v>1</v>
      </c>
      <c r="H12417" s="8">
        <v>1</v>
      </c>
      <c r="I12417" s="8">
        <v>0</v>
      </c>
      <c r="J12417" s="8">
        <v>1</v>
      </c>
      <c r="K12417" s="9">
        <v>50</v>
      </c>
      <c r="L12417" s="6" t="s">
        <v>51</v>
      </c>
    </row>
    <row r="12418" spans="1:12">
      <c r="A12418" s="6" t="s">
        <v>49</v>
      </c>
      <c r="B12418" s="6"/>
      <c r="C12418" s="6" t="s">
        <v>12442</v>
      </c>
      <c r="D12418" s="6"/>
      <c r="E12418" s="6" t="s">
        <v>9</v>
      </c>
      <c r="F12418" s="7">
        <v>38657</v>
      </c>
      <c r="G12418" s="8">
        <v>1</v>
      </c>
      <c r="H12418" s="8">
        <v>1</v>
      </c>
      <c r="I12418" s="8">
        <v>0</v>
      </c>
      <c r="J12418" s="8">
        <v>1</v>
      </c>
      <c r="K12418" s="9">
        <v>6.64</v>
      </c>
      <c r="L12418" s="6" t="s">
        <v>51</v>
      </c>
    </row>
    <row r="12419" spans="1:12">
      <c r="A12419" s="6" t="s">
        <v>49</v>
      </c>
      <c r="B12419" s="6"/>
      <c r="C12419" s="6" t="s">
        <v>12443</v>
      </c>
      <c r="D12419" s="6"/>
      <c r="E12419" s="6" t="s">
        <v>9</v>
      </c>
      <c r="F12419" s="7">
        <v>38657</v>
      </c>
      <c r="G12419" s="8">
        <v>1</v>
      </c>
      <c r="H12419" s="8">
        <v>1</v>
      </c>
      <c r="I12419" s="8">
        <v>0</v>
      </c>
      <c r="J12419" s="8">
        <v>1</v>
      </c>
      <c r="K12419" s="9">
        <v>588</v>
      </c>
      <c r="L12419" s="6" t="s">
        <v>51</v>
      </c>
    </row>
    <row r="12420" spans="1:12">
      <c r="A12420" s="6" t="s">
        <v>49</v>
      </c>
      <c r="B12420" s="6"/>
      <c r="C12420" s="6" t="s">
        <v>12444</v>
      </c>
      <c r="D12420" s="6"/>
      <c r="E12420" s="6" t="s">
        <v>9</v>
      </c>
      <c r="F12420" s="7">
        <v>38657</v>
      </c>
      <c r="G12420" s="8">
        <v>1</v>
      </c>
      <c r="H12420" s="8">
        <v>1</v>
      </c>
      <c r="I12420" s="8">
        <v>0</v>
      </c>
      <c r="J12420" s="8">
        <v>1</v>
      </c>
      <c r="K12420" s="9">
        <v>299</v>
      </c>
      <c r="L12420" s="6" t="s">
        <v>51</v>
      </c>
    </row>
    <row r="12421" spans="1:12">
      <c r="A12421" s="6" t="s">
        <v>49</v>
      </c>
      <c r="B12421" s="6"/>
      <c r="C12421" s="6" t="s">
        <v>12445</v>
      </c>
      <c r="D12421" s="6"/>
      <c r="E12421" s="6" t="s">
        <v>9</v>
      </c>
      <c r="F12421" s="7">
        <v>38657</v>
      </c>
      <c r="G12421" s="8">
        <v>1</v>
      </c>
      <c r="H12421" s="8">
        <v>1</v>
      </c>
      <c r="I12421" s="8">
        <v>0</v>
      </c>
      <c r="J12421" s="8">
        <v>1</v>
      </c>
      <c r="K12421" s="9">
        <v>880.38</v>
      </c>
      <c r="L12421" s="6" t="s">
        <v>51</v>
      </c>
    </row>
    <row r="12422" spans="1:12">
      <c r="A12422" s="6" t="s">
        <v>49</v>
      </c>
      <c r="B12422" s="6"/>
      <c r="C12422" s="6" t="s">
        <v>12446</v>
      </c>
      <c r="D12422" s="6"/>
      <c r="E12422" s="6" t="s">
        <v>9</v>
      </c>
      <c r="F12422" s="7">
        <v>38657</v>
      </c>
      <c r="G12422" s="8">
        <v>1</v>
      </c>
      <c r="H12422" s="8">
        <v>1</v>
      </c>
      <c r="I12422" s="8">
        <v>0</v>
      </c>
      <c r="J12422" s="8">
        <v>1</v>
      </c>
      <c r="K12422" s="9">
        <v>21</v>
      </c>
      <c r="L12422" s="6" t="s">
        <v>51</v>
      </c>
    </row>
    <row r="12423" spans="1:12">
      <c r="A12423" s="6" t="s">
        <v>49</v>
      </c>
      <c r="B12423" s="6"/>
      <c r="C12423" s="6" t="s">
        <v>12447</v>
      </c>
      <c r="D12423" s="6"/>
      <c r="E12423" s="6" t="s">
        <v>9</v>
      </c>
      <c r="F12423" s="7">
        <v>38657</v>
      </c>
      <c r="G12423" s="8">
        <v>1</v>
      </c>
      <c r="H12423" s="8">
        <v>1</v>
      </c>
      <c r="I12423" s="8">
        <v>0</v>
      </c>
      <c r="J12423" s="8">
        <v>1</v>
      </c>
      <c r="K12423" s="9">
        <v>1834.69</v>
      </c>
      <c r="L12423" s="6" t="s">
        <v>51</v>
      </c>
    </row>
    <row r="12424" spans="1:12">
      <c r="A12424" s="6" t="s">
        <v>49</v>
      </c>
      <c r="B12424" s="6"/>
      <c r="C12424" s="6" t="s">
        <v>12448</v>
      </c>
      <c r="D12424" s="6"/>
      <c r="E12424" s="6" t="s">
        <v>9</v>
      </c>
      <c r="F12424" s="7">
        <v>38657</v>
      </c>
      <c r="G12424" s="8">
        <v>1</v>
      </c>
      <c r="H12424" s="8">
        <v>1</v>
      </c>
      <c r="I12424" s="8">
        <v>0</v>
      </c>
      <c r="J12424" s="8">
        <v>1</v>
      </c>
      <c r="K12424" s="9">
        <v>4.2</v>
      </c>
      <c r="L12424" s="6" t="s">
        <v>51</v>
      </c>
    </row>
    <row r="12425" spans="1:12">
      <c r="A12425" s="6" t="s">
        <v>49</v>
      </c>
      <c r="B12425" s="6"/>
      <c r="C12425" s="6" t="s">
        <v>12449</v>
      </c>
      <c r="D12425" s="6"/>
      <c r="E12425" s="6" t="s">
        <v>9</v>
      </c>
      <c r="F12425" s="7">
        <v>38657</v>
      </c>
      <c r="G12425" s="8">
        <v>1</v>
      </c>
      <c r="H12425" s="8">
        <v>1</v>
      </c>
      <c r="I12425" s="8">
        <v>0</v>
      </c>
      <c r="J12425" s="8">
        <v>1</v>
      </c>
      <c r="K12425" s="9">
        <v>26</v>
      </c>
      <c r="L12425" s="6" t="s">
        <v>51</v>
      </c>
    </row>
    <row r="12426" spans="1:12">
      <c r="A12426" s="6" t="s">
        <v>49</v>
      </c>
      <c r="B12426" s="6"/>
      <c r="C12426" s="6" t="s">
        <v>12450</v>
      </c>
      <c r="D12426" s="6"/>
      <c r="E12426" s="6" t="s">
        <v>9</v>
      </c>
      <c r="F12426" s="7">
        <v>38657</v>
      </c>
      <c r="G12426" s="8">
        <v>1</v>
      </c>
      <c r="H12426" s="8">
        <v>1</v>
      </c>
      <c r="I12426" s="8">
        <v>0</v>
      </c>
      <c r="J12426" s="8">
        <v>1</v>
      </c>
      <c r="K12426" s="9">
        <v>87</v>
      </c>
      <c r="L12426" s="6" t="s">
        <v>51</v>
      </c>
    </row>
    <row r="12427" spans="1:12">
      <c r="A12427" s="6" t="s">
        <v>49</v>
      </c>
      <c r="B12427" s="6"/>
      <c r="C12427" s="6" t="s">
        <v>12451</v>
      </c>
      <c r="D12427" s="6"/>
      <c r="E12427" s="6" t="s">
        <v>9</v>
      </c>
      <c r="F12427" s="7">
        <v>38657</v>
      </c>
      <c r="G12427" s="8">
        <v>1</v>
      </c>
      <c r="H12427" s="8">
        <v>1</v>
      </c>
      <c r="I12427" s="8">
        <v>0</v>
      </c>
      <c r="J12427" s="8">
        <v>1</v>
      </c>
      <c r="K12427" s="9">
        <v>695</v>
      </c>
      <c r="L12427" s="6" t="s">
        <v>51</v>
      </c>
    </row>
    <row r="12428" spans="1:12">
      <c r="A12428" s="6" t="s">
        <v>49</v>
      </c>
      <c r="B12428" s="6"/>
      <c r="C12428" s="6" t="s">
        <v>12452</v>
      </c>
      <c r="D12428" s="6"/>
      <c r="E12428" s="6" t="s">
        <v>9</v>
      </c>
      <c r="F12428" s="7">
        <v>38657</v>
      </c>
      <c r="G12428" s="8">
        <v>1</v>
      </c>
      <c r="H12428" s="8">
        <v>1</v>
      </c>
      <c r="I12428" s="8">
        <v>0</v>
      </c>
      <c r="J12428" s="8">
        <v>1</v>
      </c>
      <c r="K12428" s="9">
        <v>62</v>
      </c>
      <c r="L12428" s="6" t="s">
        <v>51</v>
      </c>
    </row>
    <row r="12429" spans="1:12">
      <c r="A12429" s="6" t="s">
        <v>49</v>
      </c>
      <c r="B12429" s="6"/>
      <c r="C12429" s="6" t="s">
        <v>12453</v>
      </c>
      <c r="D12429" s="6"/>
      <c r="E12429" s="6" t="s">
        <v>9</v>
      </c>
      <c r="F12429" s="7">
        <v>38657</v>
      </c>
      <c r="G12429" s="8">
        <v>1</v>
      </c>
      <c r="H12429" s="8">
        <v>1</v>
      </c>
      <c r="I12429" s="8">
        <v>0</v>
      </c>
      <c r="J12429" s="8">
        <v>1</v>
      </c>
      <c r="K12429" s="9">
        <v>5.55</v>
      </c>
      <c r="L12429" s="6" t="s">
        <v>51</v>
      </c>
    </row>
    <row r="12430" spans="1:12">
      <c r="A12430" s="6" t="s">
        <v>49</v>
      </c>
      <c r="B12430" s="6"/>
      <c r="C12430" s="6" t="s">
        <v>12454</v>
      </c>
      <c r="D12430" s="6"/>
      <c r="E12430" s="6" t="s">
        <v>9</v>
      </c>
      <c r="F12430" s="7">
        <v>38657</v>
      </c>
      <c r="G12430" s="8">
        <v>1</v>
      </c>
      <c r="H12430" s="8">
        <v>1</v>
      </c>
      <c r="I12430" s="8">
        <v>0</v>
      </c>
      <c r="J12430" s="8">
        <v>1</v>
      </c>
      <c r="K12430" s="9">
        <v>28</v>
      </c>
      <c r="L12430" s="6" t="s">
        <v>51</v>
      </c>
    </row>
    <row r="12431" spans="1:12">
      <c r="A12431" s="6" t="s">
        <v>49</v>
      </c>
      <c r="B12431" s="6"/>
      <c r="C12431" s="6" t="s">
        <v>12455</v>
      </c>
      <c r="D12431" s="6"/>
      <c r="E12431" s="6" t="s">
        <v>9</v>
      </c>
      <c r="F12431" s="7">
        <v>38657</v>
      </c>
      <c r="G12431" s="8">
        <v>1</v>
      </c>
      <c r="H12431" s="8">
        <v>1</v>
      </c>
      <c r="I12431" s="8">
        <v>0</v>
      </c>
      <c r="J12431" s="8">
        <v>1</v>
      </c>
      <c r="K12431" s="9">
        <v>699</v>
      </c>
      <c r="L12431" s="6" t="s">
        <v>51</v>
      </c>
    </row>
    <row r="12432" spans="1:12">
      <c r="A12432" s="6" t="s">
        <v>49</v>
      </c>
      <c r="B12432" s="6"/>
      <c r="C12432" s="6" t="s">
        <v>12456</v>
      </c>
      <c r="D12432" s="6"/>
      <c r="E12432" s="6" t="s">
        <v>9</v>
      </c>
      <c r="F12432" s="7">
        <v>38657</v>
      </c>
      <c r="G12432" s="8">
        <v>1</v>
      </c>
      <c r="H12432" s="8">
        <v>1</v>
      </c>
      <c r="I12432" s="8">
        <v>0</v>
      </c>
      <c r="J12432" s="8">
        <v>1</v>
      </c>
      <c r="K12432" s="9">
        <v>554.08000000000004</v>
      </c>
      <c r="L12432" s="6" t="s">
        <v>51</v>
      </c>
    </row>
    <row r="12433" spans="1:12">
      <c r="A12433" s="6" t="s">
        <v>49</v>
      </c>
      <c r="B12433" s="6"/>
      <c r="C12433" s="6" t="s">
        <v>12457</v>
      </c>
      <c r="D12433" s="6"/>
      <c r="E12433" s="6" t="s">
        <v>9</v>
      </c>
      <c r="F12433" s="7">
        <v>38657</v>
      </c>
      <c r="G12433" s="8">
        <v>1</v>
      </c>
      <c r="H12433" s="8">
        <v>1</v>
      </c>
      <c r="I12433" s="8">
        <v>0</v>
      </c>
      <c r="J12433" s="8">
        <v>1</v>
      </c>
      <c r="K12433" s="9">
        <v>115.17</v>
      </c>
      <c r="L12433" s="6" t="s">
        <v>51</v>
      </c>
    </row>
    <row r="12434" spans="1:12">
      <c r="A12434" s="6" t="s">
        <v>49</v>
      </c>
      <c r="B12434" s="6"/>
      <c r="C12434" s="6" t="s">
        <v>12458</v>
      </c>
      <c r="D12434" s="6"/>
      <c r="E12434" s="6" t="s">
        <v>9</v>
      </c>
      <c r="F12434" s="7">
        <v>38657</v>
      </c>
      <c r="G12434" s="8">
        <v>1</v>
      </c>
      <c r="H12434" s="8">
        <v>1</v>
      </c>
      <c r="I12434" s="8">
        <v>0</v>
      </c>
      <c r="J12434" s="8">
        <v>1</v>
      </c>
      <c r="K12434" s="9">
        <v>363</v>
      </c>
      <c r="L12434" s="6" t="s">
        <v>51</v>
      </c>
    </row>
    <row r="12435" spans="1:12">
      <c r="A12435" s="6" t="s">
        <v>49</v>
      </c>
      <c r="B12435" s="6"/>
      <c r="C12435" s="6" t="s">
        <v>12459</v>
      </c>
      <c r="D12435" s="6"/>
      <c r="E12435" s="6" t="s">
        <v>9</v>
      </c>
      <c r="F12435" s="7">
        <v>38657</v>
      </c>
      <c r="G12435" s="8">
        <v>1</v>
      </c>
      <c r="H12435" s="8">
        <v>1</v>
      </c>
      <c r="I12435" s="8">
        <v>0</v>
      </c>
      <c r="J12435" s="8">
        <v>1</v>
      </c>
      <c r="K12435" s="9">
        <v>1666</v>
      </c>
      <c r="L12435" s="6" t="s">
        <v>51</v>
      </c>
    </row>
    <row r="12436" spans="1:12">
      <c r="A12436" s="6" t="s">
        <v>49</v>
      </c>
      <c r="B12436" s="6"/>
      <c r="C12436" s="6" t="s">
        <v>12460</v>
      </c>
      <c r="D12436" s="6"/>
      <c r="E12436" s="6" t="s">
        <v>9</v>
      </c>
      <c r="F12436" s="7">
        <v>38657</v>
      </c>
      <c r="G12436" s="8">
        <v>1</v>
      </c>
      <c r="H12436" s="8">
        <v>1</v>
      </c>
      <c r="I12436" s="8">
        <v>0</v>
      </c>
      <c r="J12436" s="8">
        <v>1</v>
      </c>
      <c r="K12436" s="9">
        <v>15</v>
      </c>
      <c r="L12436" s="6" t="s">
        <v>51</v>
      </c>
    </row>
    <row r="12437" spans="1:12">
      <c r="A12437" s="6" t="s">
        <v>49</v>
      </c>
      <c r="B12437" s="6"/>
      <c r="C12437" s="6" t="s">
        <v>12461</v>
      </c>
      <c r="D12437" s="6"/>
      <c r="E12437" s="6" t="s">
        <v>9</v>
      </c>
      <c r="F12437" s="7">
        <v>38657</v>
      </c>
      <c r="G12437" s="8">
        <v>1</v>
      </c>
      <c r="H12437" s="8">
        <v>1</v>
      </c>
      <c r="I12437" s="8">
        <v>0</v>
      </c>
      <c r="J12437" s="8">
        <v>1</v>
      </c>
      <c r="K12437" s="9">
        <v>4.5999999999999899</v>
      </c>
      <c r="L12437" s="6" t="s">
        <v>51</v>
      </c>
    </row>
    <row r="12438" spans="1:12">
      <c r="A12438" s="6" t="s">
        <v>49</v>
      </c>
      <c r="B12438" s="6"/>
      <c r="C12438" s="6" t="s">
        <v>12462</v>
      </c>
      <c r="D12438" s="6"/>
      <c r="E12438" s="6" t="s">
        <v>9</v>
      </c>
      <c r="F12438" s="7">
        <v>38657</v>
      </c>
      <c r="G12438" s="8">
        <v>1</v>
      </c>
      <c r="H12438" s="8">
        <v>1</v>
      </c>
      <c r="I12438" s="8">
        <v>0</v>
      </c>
      <c r="J12438" s="8">
        <v>1</v>
      </c>
      <c r="K12438" s="9">
        <v>628</v>
      </c>
      <c r="L12438" s="6" t="s">
        <v>51</v>
      </c>
    </row>
    <row r="12439" spans="1:12">
      <c r="A12439" s="6" t="s">
        <v>49</v>
      </c>
      <c r="B12439" s="6"/>
      <c r="C12439" s="6" t="s">
        <v>12463</v>
      </c>
      <c r="D12439" s="6"/>
      <c r="E12439" s="6" t="s">
        <v>9</v>
      </c>
      <c r="F12439" s="7">
        <v>38657</v>
      </c>
      <c r="G12439" s="8">
        <v>1</v>
      </c>
      <c r="H12439" s="8">
        <v>1</v>
      </c>
      <c r="I12439" s="8">
        <v>0</v>
      </c>
      <c r="J12439" s="8">
        <v>1</v>
      </c>
      <c r="K12439" s="9">
        <v>1.55</v>
      </c>
      <c r="L12439" s="6" t="s">
        <v>51</v>
      </c>
    </row>
    <row r="12440" spans="1:12">
      <c r="A12440" s="6" t="s">
        <v>49</v>
      </c>
      <c r="B12440" s="6"/>
      <c r="C12440" s="6" t="s">
        <v>12464</v>
      </c>
      <c r="D12440" s="6"/>
      <c r="E12440" s="6" t="s">
        <v>9</v>
      </c>
      <c r="F12440" s="7">
        <v>38657</v>
      </c>
      <c r="G12440" s="8">
        <v>1</v>
      </c>
      <c r="H12440" s="8">
        <v>1</v>
      </c>
      <c r="I12440" s="8">
        <v>0</v>
      </c>
      <c r="J12440" s="8">
        <v>1</v>
      </c>
      <c r="K12440" s="9">
        <v>1.58</v>
      </c>
      <c r="L12440" s="6" t="s">
        <v>51</v>
      </c>
    </row>
    <row r="12441" spans="1:12">
      <c r="A12441" s="6" t="s">
        <v>49</v>
      </c>
      <c r="B12441" s="6"/>
      <c r="C12441" s="6" t="s">
        <v>12465</v>
      </c>
      <c r="D12441" s="6"/>
      <c r="E12441" s="6" t="s">
        <v>9</v>
      </c>
      <c r="F12441" s="7">
        <v>38657</v>
      </c>
      <c r="G12441" s="8">
        <v>1</v>
      </c>
      <c r="H12441" s="8">
        <v>1</v>
      </c>
      <c r="I12441" s="8">
        <v>0</v>
      </c>
      <c r="J12441" s="8">
        <v>1</v>
      </c>
      <c r="K12441" s="9">
        <v>634</v>
      </c>
      <c r="L12441" s="6" t="s">
        <v>51</v>
      </c>
    </row>
    <row r="12442" spans="1:12">
      <c r="A12442" s="6" t="s">
        <v>49</v>
      </c>
      <c r="B12442" s="6"/>
      <c r="C12442" s="6" t="s">
        <v>12466</v>
      </c>
      <c r="D12442" s="6"/>
      <c r="E12442" s="6" t="s">
        <v>9</v>
      </c>
      <c r="F12442" s="7">
        <v>38657</v>
      </c>
      <c r="G12442" s="8">
        <v>1</v>
      </c>
      <c r="H12442" s="8">
        <v>1</v>
      </c>
      <c r="I12442" s="8">
        <v>0</v>
      </c>
      <c r="J12442" s="8">
        <v>1</v>
      </c>
      <c r="K12442" s="9">
        <v>18</v>
      </c>
      <c r="L12442" s="6" t="s">
        <v>51</v>
      </c>
    </row>
    <row r="12443" spans="1:12">
      <c r="A12443" s="6" t="s">
        <v>49</v>
      </c>
      <c r="B12443" s="6"/>
      <c r="C12443" s="6" t="s">
        <v>12467</v>
      </c>
      <c r="D12443" s="6"/>
      <c r="E12443" s="6" t="s">
        <v>9</v>
      </c>
      <c r="F12443" s="7">
        <v>38657</v>
      </c>
      <c r="G12443" s="8">
        <v>1</v>
      </c>
      <c r="H12443" s="8">
        <v>1</v>
      </c>
      <c r="I12443" s="8">
        <v>0</v>
      </c>
      <c r="J12443" s="8">
        <v>1</v>
      </c>
      <c r="K12443" s="9">
        <v>11</v>
      </c>
      <c r="L12443" s="6" t="s">
        <v>51</v>
      </c>
    </row>
    <row r="12444" spans="1:12">
      <c r="A12444" s="6" t="s">
        <v>49</v>
      </c>
      <c r="B12444" s="6"/>
      <c r="C12444" s="6" t="s">
        <v>12468</v>
      </c>
      <c r="D12444" s="6"/>
      <c r="E12444" s="6" t="s">
        <v>9</v>
      </c>
      <c r="F12444" s="7">
        <v>38657</v>
      </c>
      <c r="G12444" s="8">
        <v>1</v>
      </c>
      <c r="H12444" s="8">
        <v>1</v>
      </c>
      <c r="I12444" s="8">
        <v>0</v>
      </c>
      <c r="J12444" s="8">
        <v>1</v>
      </c>
      <c r="K12444" s="9">
        <v>12</v>
      </c>
      <c r="L12444" s="6" t="s">
        <v>51</v>
      </c>
    </row>
    <row r="12445" spans="1:12">
      <c r="A12445" s="6" t="s">
        <v>49</v>
      </c>
      <c r="B12445" s="6"/>
      <c r="C12445" s="6" t="s">
        <v>12469</v>
      </c>
      <c r="D12445" s="6"/>
      <c r="E12445" s="6" t="s">
        <v>9</v>
      </c>
      <c r="F12445" s="7">
        <v>38657</v>
      </c>
      <c r="G12445" s="8">
        <v>1</v>
      </c>
      <c r="H12445" s="8">
        <v>1</v>
      </c>
      <c r="I12445" s="8">
        <v>0</v>
      </c>
      <c r="J12445" s="8">
        <v>1</v>
      </c>
      <c r="K12445" s="9">
        <v>6.24</v>
      </c>
      <c r="L12445" s="6" t="s">
        <v>51</v>
      </c>
    </row>
    <row r="12446" spans="1:12">
      <c r="A12446" s="6" t="s">
        <v>49</v>
      </c>
      <c r="B12446" s="6"/>
      <c r="C12446" s="6" t="s">
        <v>12470</v>
      </c>
      <c r="D12446" s="6"/>
      <c r="E12446" s="6" t="s">
        <v>9</v>
      </c>
      <c r="F12446" s="7">
        <v>38657</v>
      </c>
      <c r="G12446" s="8">
        <v>1</v>
      </c>
      <c r="H12446" s="8">
        <v>1</v>
      </c>
      <c r="I12446" s="8">
        <v>0</v>
      </c>
      <c r="J12446" s="8">
        <v>1</v>
      </c>
      <c r="K12446" s="9">
        <v>2.02999999999999</v>
      </c>
      <c r="L12446" s="6" t="s">
        <v>51</v>
      </c>
    </row>
    <row r="12447" spans="1:12">
      <c r="A12447" s="6" t="s">
        <v>49</v>
      </c>
      <c r="B12447" s="6"/>
      <c r="C12447" s="6" t="s">
        <v>12471</v>
      </c>
      <c r="D12447" s="6"/>
      <c r="E12447" s="6" t="s">
        <v>9</v>
      </c>
      <c r="F12447" s="7">
        <v>38657</v>
      </c>
      <c r="G12447" s="8">
        <v>1</v>
      </c>
      <c r="H12447" s="8">
        <v>1</v>
      </c>
      <c r="I12447" s="8">
        <v>0</v>
      </c>
      <c r="J12447" s="8">
        <v>1</v>
      </c>
      <c r="K12447" s="9">
        <v>5.84</v>
      </c>
      <c r="L12447" s="6" t="s">
        <v>51</v>
      </c>
    </row>
    <row r="12448" spans="1:12">
      <c r="A12448" s="6" t="s">
        <v>49</v>
      </c>
      <c r="B12448" s="6"/>
      <c r="C12448" s="6" t="s">
        <v>12472</v>
      </c>
      <c r="D12448" s="6"/>
      <c r="E12448" s="6" t="s">
        <v>9</v>
      </c>
      <c r="F12448" s="7">
        <v>38657</v>
      </c>
      <c r="G12448" s="8">
        <v>1</v>
      </c>
      <c r="H12448" s="8">
        <v>1</v>
      </c>
      <c r="I12448" s="8">
        <v>0</v>
      </c>
      <c r="J12448" s="8">
        <v>1</v>
      </c>
      <c r="K12448" s="9">
        <v>11</v>
      </c>
      <c r="L12448" s="6" t="s">
        <v>51</v>
      </c>
    </row>
    <row r="12449" spans="1:12">
      <c r="A12449" s="6" t="s">
        <v>49</v>
      </c>
      <c r="B12449" s="6"/>
      <c r="C12449" s="6" t="s">
        <v>12473</v>
      </c>
      <c r="D12449" s="6"/>
      <c r="E12449" s="6" t="s">
        <v>9</v>
      </c>
      <c r="F12449" s="7">
        <v>38657</v>
      </c>
      <c r="G12449" s="8">
        <v>1</v>
      </c>
      <c r="H12449" s="8">
        <v>1</v>
      </c>
      <c r="I12449" s="8">
        <v>0</v>
      </c>
      <c r="J12449" s="8">
        <v>1</v>
      </c>
      <c r="K12449" s="9">
        <v>19</v>
      </c>
      <c r="L12449" s="6" t="s">
        <v>51</v>
      </c>
    </row>
    <row r="12450" spans="1:12">
      <c r="A12450" s="6" t="s">
        <v>49</v>
      </c>
      <c r="B12450" s="6"/>
      <c r="C12450" s="6" t="s">
        <v>12474</v>
      </c>
      <c r="D12450" s="6"/>
      <c r="E12450" s="6" t="s">
        <v>9</v>
      </c>
      <c r="F12450" s="7">
        <v>38657</v>
      </c>
      <c r="G12450" s="8">
        <v>1</v>
      </c>
      <c r="H12450" s="8">
        <v>1</v>
      </c>
      <c r="I12450" s="8">
        <v>0</v>
      </c>
      <c r="J12450" s="8">
        <v>1</v>
      </c>
      <c r="K12450" s="9">
        <v>37</v>
      </c>
      <c r="L12450" s="6" t="s">
        <v>51</v>
      </c>
    </row>
    <row r="12451" spans="1:12">
      <c r="A12451" s="6" t="s">
        <v>49</v>
      </c>
      <c r="B12451" s="6"/>
      <c r="C12451" s="6" t="s">
        <v>12475</v>
      </c>
      <c r="D12451" s="6"/>
      <c r="E12451" s="6" t="s">
        <v>9</v>
      </c>
      <c r="F12451" s="7">
        <v>38657</v>
      </c>
      <c r="G12451" s="8">
        <v>1</v>
      </c>
      <c r="H12451" s="8">
        <v>1</v>
      </c>
      <c r="I12451" s="8">
        <v>0</v>
      </c>
      <c r="J12451" s="8">
        <v>1</v>
      </c>
      <c r="K12451" s="9">
        <v>9.81</v>
      </c>
      <c r="L12451" s="6" t="s">
        <v>51</v>
      </c>
    </row>
    <row r="12452" spans="1:12">
      <c r="A12452" s="6" t="s">
        <v>49</v>
      </c>
      <c r="B12452" s="6"/>
      <c r="C12452" s="6" t="s">
        <v>12476</v>
      </c>
      <c r="D12452" s="6"/>
      <c r="E12452" s="6" t="s">
        <v>9</v>
      </c>
      <c r="F12452" s="7">
        <v>38657</v>
      </c>
      <c r="G12452" s="8">
        <v>1</v>
      </c>
      <c r="H12452" s="8">
        <v>1</v>
      </c>
      <c r="I12452" s="8">
        <v>0</v>
      </c>
      <c r="J12452" s="8">
        <v>1</v>
      </c>
      <c r="K12452" s="9">
        <v>1930</v>
      </c>
      <c r="L12452" s="6" t="s">
        <v>51</v>
      </c>
    </row>
    <row r="12453" spans="1:12">
      <c r="A12453" s="6" t="s">
        <v>49</v>
      </c>
      <c r="B12453" s="6"/>
      <c r="C12453" s="6" t="s">
        <v>12477</v>
      </c>
      <c r="D12453" s="6"/>
      <c r="E12453" s="6" t="s">
        <v>9</v>
      </c>
      <c r="F12453" s="7">
        <v>38657</v>
      </c>
      <c r="G12453" s="8">
        <v>1</v>
      </c>
      <c r="H12453" s="8">
        <v>1</v>
      </c>
      <c r="I12453" s="8">
        <v>0</v>
      </c>
      <c r="J12453" s="8">
        <v>1</v>
      </c>
      <c r="K12453" s="9">
        <v>12</v>
      </c>
      <c r="L12453" s="6" t="s">
        <v>51</v>
      </c>
    </row>
    <row r="12454" spans="1:12">
      <c r="A12454" s="6" t="s">
        <v>49</v>
      </c>
      <c r="B12454" s="6"/>
      <c r="C12454" s="6" t="s">
        <v>12478</v>
      </c>
      <c r="D12454" s="6"/>
      <c r="E12454" s="6" t="s">
        <v>9</v>
      </c>
      <c r="F12454" s="7">
        <v>38657</v>
      </c>
      <c r="G12454" s="8">
        <v>1</v>
      </c>
      <c r="H12454" s="8">
        <v>1</v>
      </c>
      <c r="I12454" s="8">
        <v>0</v>
      </c>
      <c r="J12454" s="8">
        <v>1</v>
      </c>
      <c r="K12454" s="9">
        <v>72</v>
      </c>
      <c r="L12454" s="6" t="s">
        <v>51</v>
      </c>
    </row>
    <row r="12455" spans="1:12">
      <c r="A12455" s="6" t="s">
        <v>49</v>
      </c>
      <c r="B12455" s="6"/>
      <c r="C12455" s="6" t="s">
        <v>12479</v>
      </c>
      <c r="D12455" s="6"/>
      <c r="E12455" s="6" t="s">
        <v>9</v>
      </c>
      <c r="F12455" s="7">
        <v>38657</v>
      </c>
      <c r="G12455" s="8">
        <v>1</v>
      </c>
      <c r="H12455" s="8">
        <v>1</v>
      </c>
      <c r="I12455" s="8">
        <v>0</v>
      </c>
      <c r="J12455" s="8">
        <v>1</v>
      </c>
      <c r="K12455" s="9">
        <v>58</v>
      </c>
      <c r="L12455" s="6" t="s">
        <v>51</v>
      </c>
    </row>
    <row r="12456" spans="1:12">
      <c r="A12456" s="6" t="s">
        <v>49</v>
      </c>
      <c r="B12456" s="6"/>
      <c r="C12456" s="6" t="s">
        <v>12480</v>
      </c>
      <c r="D12456" s="6"/>
      <c r="E12456" s="6" t="s">
        <v>9</v>
      </c>
      <c r="F12456" s="7">
        <v>38657</v>
      </c>
      <c r="G12456" s="8">
        <v>1</v>
      </c>
      <c r="H12456" s="8">
        <v>1</v>
      </c>
      <c r="I12456" s="8">
        <v>0</v>
      </c>
      <c r="J12456" s="8">
        <v>1</v>
      </c>
      <c r="K12456" s="9">
        <v>240</v>
      </c>
      <c r="L12456" s="6" t="s">
        <v>51</v>
      </c>
    </row>
    <row r="12457" spans="1:12">
      <c r="A12457" s="6" t="s">
        <v>49</v>
      </c>
      <c r="B12457" s="6"/>
      <c r="C12457" s="6" t="s">
        <v>12481</v>
      </c>
      <c r="D12457" s="6"/>
      <c r="E12457" s="6" t="s">
        <v>9</v>
      </c>
      <c r="F12457" s="7">
        <v>38657</v>
      </c>
      <c r="G12457" s="8">
        <v>1</v>
      </c>
      <c r="H12457" s="8">
        <v>1</v>
      </c>
      <c r="I12457" s="8">
        <v>0</v>
      </c>
      <c r="J12457" s="8">
        <v>1</v>
      </c>
      <c r="K12457" s="9">
        <v>7.42</v>
      </c>
      <c r="L12457" s="6" t="s">
        <v>51</v>
      </c>
    </row>
    <row r="12458" spans="1:12">
      <c r="A12458" s="6" t="s">
        <v>49</v>
      </c>
      <c r="B12458" s="6"/>
      <c r="C12458" s="6" t="s">
        <v>12482</v>
      </c>
      <c r="D12458" s="6"/>
      <c r="E12458" s="6" t="s">
        <v>9</v>
      </c>
      <c r="F12458" s="7">
        <v>38657</v>
      </c>
      <c r="G12458" s="8">
        <v>1</v>
      </c>
      <c r="H12458" s="8">
        <v>1</v>
      </c>
      <c r="I12458" s="8">
        <v>0</v>
      </c>
      <c r="J12458" s="8">
        <v>1</v>
      </c>
      <c r="K12458" s="9">
        <v>99</v>
      </c>
      <c r="L12458" s="6" t="s">
        <v>51</v>
      </c>
    </row>
    <row r="12459" spans="1:12">
      <c r="A12459" s="6" t="s">
        <v>49</v>
      </c>
      <c r="B12459" s="6"/>
      <c r="C12459" s="6" t="s">
        <v>12483</v>
      </c>
      <c r="D12459" s="6"/>
      <c r="E12459" s="6" t="s">
        <v>9</v>
      </c>
      <c r="F12459" s="7">
        <v>38657</v>
      </c>
      <c r="G12459" s="8">
        <v>1</v>
      </c>
      <c r="H12459" s="8">
        <v>1</v>
      </c>
      <c r="I12459" s="8">
        <v>0</v>
      </c>
      <c r="J12459" s="8">
        <v>1</v>
      </c>
      <c r="K12459" s="9">
        <v>173</v>
      </c>
      <c r="L12459" s="6" t="s">
        <v>51</v>
      </c>
    </row>
    <row r="12460" spans="1:12">
      <c r="A12460" s="6" t="s">
        <v>49</v>
      </c>
      <c r="B12460" s="6"/>
      <c r="C12460" s="6" t="s">
        <v>12484</v>
      </c>
      <c r="D12460" s="6"/>
      <c r="E12460" s="6" t="s">
        <v>9</v>
      </c>
      <c r="F12460" s="7">
        <v>38657</v>
      </c>
      <c r="G12460" s="8">
        <v>1</v>
      </c>
      <c r="H12460" s="8">
        <v>1</v>
      </c>
      <c r="I12460" s="8">
        <v>0</v>
      </c>
      <c r="J12460" s="8">
        <v>1</v>
      </c>
      <c r="K12460" s="9">
        <v>61</v>
      </c>
      <c r="L12460" s="6" t="s">
        <v>51</v>
      </c>
    </row>
    <row r="12461" spans="1:12">
      <c r="A12461" s="6" t="s">
        <v>49</v>
      </c>
      <c r="B12461" s="6"/>
      <c r="C12461" s="6" t="s">
        <v>12485</v>
      </c>
      <c r="D12461" s="6"/>
      <c r="E12461" s="6" t="s">
        <v>9</v>
      </c>
      <c r="F12461" s="7">
        <v>38657</v>
      </c>
      <c r="G12461" s="8">
        <v>1</v>
      </c>
      <c r="H12461" s="8">
        <v>1</v>
      </c>
      <c r="I12461" s="8">
        <v>0</v>
      </c>
      <c r="J12461" s="8">
        <v>1</v>
      </c>
      <c r="K12461" s="9">
        <v>159</v>
      </c>
      <c r="L12461" s="6" t="s">
        <v>51</v>
      </c>
    </row>
    <row r="12462" spans="1:12">
      <c r="A12462" s="6" t="s">
        <v>49</v>
      </c>
      <c r="B12462" s="6"/>
      <c r="C12462" s="6" t="s">
        <v>12486</v>
      </c>
      <c r="D12462" s="6"/>
      <c r="E12462" s="6" t="s">
        <v>9</v>
      </c>
      <c r="F12462" s="7">
        <v>38657</v>
      </c>
      <c r="G12462" s="8">
        <v>1</v>
      </c>
      <c r="H12462" s="8">
        <v>1</v>
      </c>
      <c r="I12462" s="8">
        <v>0</v>
      </c>
      <c r="J12462" s="8">
        <v>1</v>
      </c>
      <c r="K12462" s="9">
        <v>6.38</v>
      </c>
      <c r="L12462" s="6" t="s">
        <v>51</v>
      </c>
    </row>
    <row r="12463" spans="1:12">
      <c r="A12463" s="6" t="s">
        <v>49</v>
      </c>
      <c r="B12463" s="6"/>
      <c r="C12463" s="6" t="s">
        <v>12487</v>
      </c>
      <c r="D12463" s="6"/>
      <c r="E12463" s="6" t="s">
        <v>9</v>
      </c>
      <c r="F12463" s="7">
        <v>38657</v>
      </c>
      <c r="G12463" s="8">
        <v>1</v>
      </c>
      <c r="H12463" s="8">
        <v>1</v>
      </c>
      <c r="I12463" s="8">
        <v>0</v>
      </c>
      <c r="J12463" s="8">
        <v>1</v>
      </c>
      <c r="K12463" s="9">
        <v>255</v>
      </c>
      <c r="L12463" s="6" t="s">
        <v>51</v>
      </c>
    </row>
    <row r="12464" spans="1:12">
      <c r="A12464" s="6" t="s">
        <v>49</v>
      </c>
      <c r="B12464" s="6"/>
      <c r="C12464" s="6" t="s">
        <v>12488</v>
      </c>
      <c r="D12464" s="6"/>
      <c r="E12464" s="6" t="s">
        <v>9</v>
      </c>
      <c r="F12464" s="7">
        <v>38657</v>
      </c>
      <c r="G12464" s="8">
        <v>1</v>
      </c>
      <c r="H12464" s="8">
        <v>1</v>
      </c>
      <c r="I12464" s="8">
        <v>0</v>
      </c>
      <c r="J12464" s="8">
        <v>1</v>
      </c>
      <c r="K12464" s="9">
        <v>4</v>
      </c>
      <c r="L12464" s="6" t="s">
        <v>51</v>
      </c>
    </row>
    <row r="12465" spans="1:12">
      <c r="A12465" s="6" t="s">
        <v>49</v>
      </c>
      <c r="B12465" s="6"/>
      <c r="C12465" s="6" t="s">
        <v>12489</v>
      </c>
      <c r="D12465" s="6"/>
      <c r="E12465" s="6" t="s">
        <v>9</v>
      </c>
      <c r="F12465" s="7">
        <v>38657</v>
      </c>
      <c r="G12465" s="8">
        <v>1</v>
      </c>
      <c r="H12465" s="8">
        <v>1</v>
      </c>
      <c r="I12465" s="8">
        <v>0</v>
      </c>
      <c r="J12465" s="8">
        <v>1</v>
      </c>
      <c r="K12465" s="9">
        <v>69</v>
      </c>
      <c r="L12465" s="6" t="s">
        <v>51</v>
      </c>
    </row>
    <row r="12466" spans="1:12">
      <c r="A12466" s="6" t="s">
        <v>49</v>
      </c>
      <c r="B12466" s="6"/>
      <c r="C12466" s="6" t="s">
        <v>12490</v>
      </c>
      <c r="D12466" s="6"/>
      <c r="E12466" s="6" t="s">
        <v>9</v>
      </c>
      <c r="F12466" s="7">
        <v>38657</v>
      </c>
      <c r="G12466" s="8">
        <v>1</v>
      </c>
      <c r="H12466" s="8">
        <v>1</v>
      </c>
      <c r="I12466" s="8">
        <v>0</v>
      </c>
      <c r="J12466" s="8">
        <v>1</v>
      </c>
      <c r="K12466" s="9">
        <v>128</v>
      </c>
      <c r="L12466" s="6" t="s">
        <v>51</v>
      </c>
    </row>
    <row r="12467" spans="1:12">
      <c r="A12467" s="6" t="s">
        <v>49</v>
      </c>
      <c r="B12467" s="6"/>
      <c r="C12467" s="6" t="s">
        <v>12491</v>
      </c>
      <c r="D12467" s="6"/>
      <c r="E12467" s="6" t="s">
        <v>9</v>
      </c>
      <c r="F12467" s="7">
        <v>38657</v>
      </c>
      <c r="G12467" s="8">
        <v>1</v>
      </c>
      <c r="H12467" s="8">
        <v>1</v>
      </c>
      <c r="I12467" s="8">
        <v>0</v>
      </c>
      <c r="J12467" s="8">
        <v>1</v>
      </c>
      <c r="K12467" s="9">
        <v>6.88</v>
      </c>
      <c r="L12467" s="6" t="s">
        <v>51</v>
      </c>
    </row>
    <row r="12468" spans="1:12">
      <c r="A12468" s="6" t="s">
        <v>49</v>
      </c>
      <c r="B12468" s="6"/>
      <c r="C12468" s="6" t="s">
        <v>12492</v>
      </c>
      <c r="D12468" s="6"/>
      <c r="E12468" s="6" t="s">
        <v>9</v>
      </c>
      <c r="F12468" s="7">
        <v>38657</v>
      </c>
      <c r="G12468" s="8">
        <v>1</v>
      </c>
      <c r="H12468" s="8">
        <v>1</v>
      </c>
      <c r="I12468" s="8">
        <v>0</v>
      </c>
      <c r="J12468" s="8">
        <v>1</v>
      </c>
      <c r="K12468" s="9">
        <v>2.88</v>
      </c>
      <c r="L12468" s="6" t="s">
        <v>51</v>
      </c>
    </row>
    <row r="12469" spans="1:12">
      <c r="A12469" s="6" t="s">
        <v>49</v>
      </c>
      <c r="B12469" s="6"/>
      <c r="C12469" s="6" t="s">
        <v>12493</v>
      </c>
      <c r="D12469" s="6"/>
      <c r="E12469" s="6" t="s">
        <v>9</v>
      </c>
      <c r="F12469" s="7">
        <v>38657</v>
      </c>
      <c r="G12469" s="8">
        <v>1</v>
      </c>
      <c r="H12469" s="8">
        <v>1</v>
      </c>
      <c r="I12469" s="8">
        <v>0</v>
      </c>
      <c r="J12469" s="8">
        <v>1</v>
      </c>
      <c r="K12469" s="9">
        <v>13</v>
      </c>
      <c r="L12469" s="6" t="s">
        <v>51</v>
      </c>
    </row>
    <row r="12470" spans="1:12">
      <c r="A12470" s="6" t="s">
        <v>49</v>
      </c>
      <c r="B12470" s="6"/>
      <c r="C12470" s="6" t="s">
        <v>12494</v>
      </c>
      <c r="D12470" s="6"/>
      <c r="E12470" s="6" t="s">
        <v>9</v>
      </c>
      <c r="F12470" s="7">
        <v>38657</v>
      </c>
      <c r="G12470" s="8">
        <v>1</v>
      </c>
      <c r="H12470" s="8">
        <v>1</v>
      </c>
      <c r="I12470" s="8">
        <v>0</v>
      </c>
      <c r="J12470" s="8">
        <v>1</v>
      </c>
      <c r="K12470" s="9">
        <v>12</v>
      </c>
      <c r="L12470" s="6" t="s">
        <v>51</v>
      </c>
    </row>
    <row r="12471" spans="1:12">
      <c r="A12471" s="6" t="s">
        <v>49</v>
      </c>
      <c r="B12471" s="6"/>
      <c r="C12471" s="6" t="s">
        <v>12495</v>
      </c>
      <c r="D12471" s="6"/>
      <c r="E12471" s="6" t="s">
        <v>9</v>
      </c>
      <c r="F12471" s="7">
        <v>38657</v>
      </c>
      <c r="G12471" s="8">
        <v>1</v>
      </c>
      <c r="H12471" s="8">
        <v>1</v>
      </c>
      <c r="I12471" s="8">
        <v>0</v>
      </c>
      <c r="J12471" s="8">
        <v>1</v>
      </c>
      <c r="K12471" s="9">
        <v>57</v>
      </c>
      <c r="L12471" s="6" t="s">
        <v>51</v>
      </c>
    </row>
    <row r="12472" spans="1:12">
      <c r="A12472" s="6" t="s">
        <v>49</v>
      </c>
      <c r="B12472" s="6"/>
      <c r="C12472" s="6" t="s">
        <v>12496</v>
      </c>
      <c r="D12472" s="6"/>
      <c r="E12472" s="6" t="s">
        <v>9</v>
      </c>
      <c r="F12472" s="7">
        <v>38657</v>
      </c>
      <c r="G12472" s="8">
        <v>1</v>
      </c>
      <c r="H12472" s="8">
        <v>1</v>
      </c>
      <c r="I12472" s="8">
        <v>0</v>
      </c>
      <c r="J12472" s="8">
        <v>1</v>
      </c>
      <c r="K12472" s="9">
        <v>34</v>
      </c>
      <c r="L12472" s="6" t="s">
        <v>51</v>
      </c>
    </row>
    <row r="12473" spans="1:12">
      <c r="A12473" s="6" t="s">
        <v>49</v>
      </c>
      <c r="B12473" s="6"/>
      <c r="C12473" s="6" t="s">
        <v>12497</v>
      </c>
      <c r="D12473" s="6"/>
      <c r="E12473" s="6" t="s">
        <v>9</v>
      </c>
      <c r="F12473" s="7">
        <v>38657</v>
      </c>
      <c r="G12473" s="8">
        <v>1</v>
      </c>
      <c r="H12473" s="8">
        <v>1</v>
      </c>
      <c r="I12473" s="8">
        <v>0</v>
      </c>
      <c r="J12473" s="8">
        <v>1</v>
      </c>
      <c r="K12473" s="9">
        <v>16</v>
      </c>
      <c r="L12473" s="6" t="s">
        <v>51</v>
      </c>
    </row>
    <row r="12474" spans="1:12">
      <c r="A12474" s="6" t="s">
        <v>49</v>
      </c>
      <c r="B12474" s="6"/>
      <c r="C12474" s="6" t="s">
        <v>12498</v>
      </c>
      <c r="D12474" s="6"/>
      <c r="E12474" s="6" t="s">
        <v>9</v>
      </c>
      <c r="F12474" s="7">
        <v>38657</v>
      </c>
      <c r="G12474" s="8">
        <v>1</v>
      </c>
      <c r="H12474" s="8">
        <v>1</v>
      </c>
      <c r="I12474" s="8">
        <v>0</v>
      </c>
      <c r="J12474" s="8">
        <v>1</v>
      </c>
      <c r="K12474" s="9">
        <v>3.66</v>
      </c>
      <c r="L12474" s="6" t="s">
        <v>51</v>
      </c>
    </row>
    <row r="12475" spans="1:12">
      <c r="A12475" s="6" t="s">
        <v>49</v>
      </c>
      <c r="B12475" s="6"/>
      <c r="C12475" s="6" t="s">
        <v>12499</v>
      </c>
      <c r="D12475" s="6"/>
      <c r="E12475" s="6" t="s">
        <v>9</v>
      </c>
      <c r="F12475" s="7">
        <v>38657</v>
      </c>
      <c r="G12475" s="8">
        <v>1</v>
      </c>
      <c r="H12475" s="8">
        <v>1</v>
      </c>
      <c r="I12475" s="8">
        <v>0</v>
      </c>
      <c r="J12475" s="8">
        <v>1</v>
      </c>
      <c r="K12475" s="9">
        <v>905</v>
      </c>
      <c r="L12475" s="6" t="s">
        <v>51</v>
      </c>
    </row>
    <row r="12476" spans="1:12">
      <c r="A12476" s="6" t="s">
        <v>49</v>
      </c>
      <c r="B12476" s="6"/>
      <c r="C12476" s="6" t="s">
        <v>12500</v>
      </c>
      <c r="D12476" s="6"/>
      <c r="E12476" s="6" t="s">
        <v>9</v>
      </c>
      <c r="F12476" s="7">
        <v>38657</v>
      </c>
      <c r="G12476" s="8">
        <v>1</v>
      </c>
      <c r="H12476" s="8">
        <v>1</v>
      </c>
      <c r="I12476" s="8">
        <v>0</v>
      </c>
      <c r="J12476" s="8">
        <v>1</v>
      </c>
      <c r="K12476" s="9">
        <v>23</v>
      </c>
      <c r="L12476" s="6" t="s">
        <v>51</v>
      </c>
    </row>
    <row r="12477" spans="1:12">
      <c r="A12477" s="6" t="s">
        <v>49</v>
      </c>
      <c r="B12477" s="6"/>
      <c r="C12477" s="6" t="s">
        <v>12501</v>
      </c>
      <c r="D12477" s="6"/>
      <c r="E12477" s="6" t="s">
        <v>9</v>
      </c>
      <c r="F12477" s="7">
        <v>38657</v>
      </c>
      <c r="G12477" s="8">
        <v>1</v>
      </c>
      <c r="H12477" s="8">
        <v>1</v>
      </c>
      <c r="I12477" s="8">
        <v>0</v>
      </c>
      <c r="J12477" s="8">
        <v>1</v>
      </c>
      <c r="K12477" s="9">
        <v>5.19</v>
      </c>
      <c r="L12477" s="6" t="s">
        <v>51</v>
      </c>
    </row>
    <row r="12478" spans="1:12">
      <c r="A12478" s="6" t="s">
        <v>49</v>
      </c>
      <c r="B12478" s="6"/>
      <c r="C12478" s="6" t="s">
        <v>12502</v>
      </c>
      <c r="D12478" s="6"/>
      <c r="E12478" s="6" t="s">
        <v>9</v>
      </c>
      <c r="F12478" s="7">
        <v>38657</v>
      </c>
      <c r="G12478" s="8">
        <v>1</v>
      </c>
      <c r="H12478" s="8">
        <v>1</v>
      </c>
      <c r="I12478" s="8">
        <v>0</v>
      </c>
      <c r="J12478" s="8">
        <v>1</v>
      </c>
      <c r="K12478" s="9">
        <v>1.45</v>
      </c>
      <c r="L12478" s="6" t="s">
        <v>51</v>
      </c>
    </row>
    <row r="12479" spans="1:12">
      <c r="A12479" s="6" t="s">
        <v>49</v>
      </c>
      <c r="B12479" s="6"/>
      <c r="C12479" s="6" t="s">
        <v>12503</v>
      </c>
      <c r="D12479" s="6"/>
      <c r="E12479" s="6" t="s">
        <v>9</v>
      </c>
      <c r="F12479" s="7">
        <v>38657</v>
      </c>
      <c r="G12479" s="8">
        <v>1</v>
      </c>
      <c r="H12479" s="8">
        <v>1</v>
      </c>
      <c r="I12479" s="8">
        <v>0</v>
      </c>
      <c r="J12479" s="8">
        <v>1</v>
      </c>
      <c r="K12479" s="9">
        <v>16</v>
      </c>
      <c r="L12479" s="6" t="s">
        <v>51</v>
      </c>
    </row>
    <row r="12480" spans="1:12">
      <c r="A12480" s="6" t="s">
        <v>49</v>
      </c>
      <c r="B12480" s="6"/>
      <c r="C12480" s="6" t="s">
        <v>12504</v>
      </c>
      <c r="D12480" s="6"/>
      <c r="E12480" s="6" t="s">
        <v>9</v>
      </c>
      <c r="F12480" s="7">
        <v>38657</v>
      </c>
      <c r="G12480" s="8">
        <v>1</v>
      </c>
      <c r="H12480" s="8">
        <v>1</v>
      </c>
      <c r="I12480" s="8">
        <v>0</v>
      </c>
      <c r="J12480" s="8">
        <v>1</v>
      </c>
      <c r="K12480" s="9">
        <v>133</v>
      </c>
      <c r="L12480" s="6" t="s">
        <v>51</v>
      </c>
    </row>
    <row r="12481" spans="1:12">
      <c r="A12481" s="6" t="s">
        <v>49</v>
      </c>
      <c r="B12481" s="6"/>
      <c r="C12481" s="6" t="s">
        <v>12505</v>
      </c>
      <c r="D12481" s="6"/>
      <c r="E12481" s="6" t="s">
        <v>9</v>
      </c>
      <c r="F12481" s="7">
        <v>38657</v>
      </c>
      <c r="G12481" s="8">
        <v>1</v>
      </c>
      <c r="H12481" s="8">
        <v>1</v>
      </c>
      <c r="I12481" s="8">
        <v>0</v>
      </c>
      <c r="J12481" s="8">
        <v>1</v>
      </c>
      <c r="K12481" s="9">
        <v>214</v>
      </c>
      <c r="L12481" s="6" t="s">
        <v>51</v>
      </c>
    </row>
    <row r="12482" spans="1:12">
      <c r="A12482" s="6" t="s">
        <v>49</v>
      </c>
      <c r="B12482" s="6"/>
      <c r="C12482" s="6" t="s">
        <v>12506</v>
      </c>
      <c r="D12482" s="6"/>
      <c r="E12482" s="6" t="s">
        <v>9</v>
      </c>
      <c r="F12482" s="7">
        <v>38657</v>
      </c>
      <c r="G12482" s="8">
        <v>1</v>
      </c>
      <c r="H12482" s="8">
        <v>1</v>
      </c>
      <c r="I12482" s="8">
        <v>0</v>
      </c>
      <c r="J12482" s="8">
        <v>1</v>
      </c>
      <c r="K12482" s="9">
        <v>103</v>
      </c>
      <c r="L12482" s="6" t="s">
        <v>51</v>
      </c>
    </row>
    <row r="12483" spans="1:12">
      <c r="A12483" s="6" t="s">
        <v>49</v>
      </c>
      <c r="B12483" s="6"/>
      <c r="C12483" s="6" t="s">
        <v>12507</v>
      </c>
      <c r="D12483" s="6"/>
      <c r="E12483" s="6" t="s">
        <v>9</v>
      </c>
      <c r="F12483" s="7">
        <v>38657</v>
      </c>
      <c r="G12483" s="8">
        <v>1</v>
      </c>
      <c r="H12483" s="8">
        <v>1</v>
      </c>
      <c r="I12483" s="8">
        <v>0</v>
      </c>
      <c r="J12483" s="8">
        <v>1</v>
      </c>
      <c r="K12483" s="9">
        <v>456</v>
      </c>
      <c r="L12483" s="6" t="s">
        <v>51</v>
      </c>
    </row>
    <row r="12484" spans="1:12">
      <c r="A12484" s="6" t="s">
        <v>49</v>
      </c>
      <c r="B12484" s="6"/>
      <c r="C12484" s="6" t="s">
        <v>12508</v>
      </c>
      <c r="D12484" s="6"/>
      <c r="E12484" s="6" t="s">
        <v>9</v>
      </c>
      <c r="F12484" s="7">
        <v>38657</v>
      </c>
      <c r="G12484" s="8">
        <v>1</v>
      </c>
      <c r="H12484" s="8">
        <v>1</v>
      </c>
      <c r="I12484" s="8">
        <v>0</v>
      </c>
      <c r="J12484" s="8">
        <v>1</v>
      </c>
      <c r="K12484" s="9">
        <v>304</v>
      </c>
      <c r="L12484" s="6" t="s">
        <v>51</v>
      </c>
    </row>
    <row r="12485" spans="1:12">
      <c r="A12485" s="6" t="s">
        <v>49</v>
      </c>
      <c r="B12485" s="6"/>
      <c r="C12485" s="6" t="s">
        <v>12509</v>
      </c>
      <c r="D12485" s="6"/>
      <c r="E12485" s="6" t="s">
        <v>9</v>
      </c>
      <c r="F12485" s="7">
        <v>38657</v>
      </c>
      <c r="G12485" s="8">
        <v>1</v>
      </c>
      <c r="H12485" s="8">
        <v>1</v>
      </c>
      <c r="I12485" s="8">
        <v>0</v>
      </c>
      <c r="J12485" s="8">
        <v>1</v>
      </c>
      <c r="K12485" s="9">
        <v>7.93</v>
      </c>
      <c r="L12485" s="6" t="s">
        <v>51</v>
      </c>
    </row>
    <row r="12486" spans="1:12">
      <c r="A12486" s="6" t="s">
        <v>49</v>
      </c>
      <c r="B12486" s="6"/>
      <c r="C12486" s="6" t="s">
        <v>12510</v>
      </c>
      <c r="D12486" s="6"/>
      <c r="E12486" s="6" t="s">
        <v>9</v>
      </c>
      <c r="F12486" s="7">
        <v>38657</v>
      </c>
      <c r="G12486" s="8">
        <v>1</v>
      </c>
      <c r="H12486" s="8">
        <v>1</v>
      </c>
      <c r="I12486" s="8">
        <v>0</v>
      </c>
      <c r="J12486" s="8">
        <v>1</v>
      </c>
      <c r="K12486" s="9">
        <v>287</v>
      </c>
      <c r="L12486" s="6" t="s">
        <v>51</v>
      </c>
    </row>
    <row r="12487" spans="1:12">
      <c r="A12487" s="6" t="s">
        <v>49</v>
      </c>
      <c r="B12487" s="6"/>
      <c r="C12487" s="6" t="s">
        <v>12511</v>
      </c>
      <c r="D12487" s="6"/>
      <c r="E12487" s="6" t="s">
        <v>9</v>
      </c>
      <c r="F12487" s="7">
        <v>38657</v>
      </c>
      <c r="G12487" s="8">
        <v>1</v>
      </c>
      <c r="H12487" s="8">
        <v>1</v>
      </c>
      <c r="I12487" s="8">
        <v>0</v>
      </c>
      <c r="J12487" s="8">
        <v>1</v>
      </c>
      <c r="K12487" s="9">
        <v>380</v>
      </c>
      <c r="L12487" s="6" t="s">
        <v>51</v>
      </c>
    </row>
    <row r="12488" spans="1:12">
      <c r="A12488" s="6" t="s">
        <v>49</v>
      </c>
      <c r="B12488" s="6"/>
      <c r="C12488" s="6" t="s">
        <v>12512</v>
      </c>
      <c r="D12488" s="6"/>
      <c r="E12488" s="6" t="s">
        <v>9</v>
      </c>
      <c r="F12488" s="7">
        <v>38657</v>
      </c>
      <c r="G12488" s="8">
        <v>1</v>
      </c>
      <c r="H12488" s="8">
        <v>1</v>
      </c>
      <c r="I12488" s="8">
        <v>0</v>
      </c>
      <c r="J12488" s="8">
        <v>1</v>
      </c>
      <c r="K12488" s="9">
        <v>39</v>
      </c>
      <c r="L12488" s="6" t="s">
        <v>51</v>
      </c>
    </row>
    <row r="12489" spans="1:12">
      <c r="A12489" s="6" t="s">
        <v>49</v>
      </c>
      <c r="B12489" s="6"/>
      <c r="C12489" s="6" t="s">
        <v>12513</v>
      </c>
      <c r="D12489" s="6"/>
      <c r="E12489" s="6" t="s">
        <v>9</v>
      </c>
      <c r="F12489" s="7">
        <v>38657</v>
      </c>
      <c r="G12489" s="8">
        <v>1</v>
      </c>
      <c r="H12489" s="8">
        <v>1</v>
      </c>
      <c r="I12489" s="8">
        <v>0</v>
      </c>
      <c r="J12489" s="8">
        <v>1</v>
      </c>
      <c r="K12489" s="9">
        <v>144</v>
      </c>
      <c r="L12489" s="6" t="s">
        <v>51</v>
      </c>
    </row>
    <row r="12490" spans="1:12">
      <c r="A12490" s="6" t="s">
        <v>49</v>
      </c>
      <c r="B12490" s="6"/>
      <c r="C12490" s="6" t="s">
        <v>12514</v>
      </c>
      <c r="D12490" s="6"/>
      <c r="E12490" s="6" t="s">
        <v>9</v>
      </c>
      <c r="F12490" s="7">
        <v>38657</v>
      </c>
      <c r="G12490" s="8">
        <v>1</v>
      </c>
      <c r="H12490" s="8">
        <v>1</v>
      </c>
      <c r="I12490" s="8">
        <v>0</v>
      </c>
      <c r="J12490" s="8">
        <v>1</v>
      </c>
      <c r="K12490" s="9">
        <v>35</v>
      </c>
      <c r="L12490" s="6" t="s">
        <v>51</v>
      </c>
    </row>
    <row r="12491" spans="1:12">
      <c r="A12491" s="6" t="s">
        <v>49</v>
      </c>
      <c r="B12491" s="6"/>
      <c r="C12491" s="6" t="s">
        <v>12515</v>
      </c>
      <c r="D12491" s="6"/>
      <c r="E12491" s="6" t="s">
        <v>9</v>
      </c>
      <c r="F12491" s="7">
        <v>38657</v>
      </c>
      <c r="G12491" s="8">
        <v>1</v>
      </c>
      <c r="H12491" s="8">
        <v>1</v>
      </c>
      <c r="I12491" s="8">
        <v>0</v>
      </c>
      <c r="J12491" s="8">
        <v>1</v>
      </c>
      <c r="K12491" s="9">
        <v>508</v>
      </c>
      <c r="L12491" s="6" t="s">
        <v>51</v>
      </c>
    </row>
    <row r="12492" spans="1:12">
      <c r="A12492" s="6" t="s">
        <v>49</v>
      </c>
      <c r="B12492" s="6"/>
      <c r="C12492" s="6" t="s">
        <v>12516</v>
      </c>
      <c r="D12492" s="6"/>
      <c r="E12492" s="6" t="s">
        <v>9</v>
      </c>
      <c r="F12492" s="7">
        <v>38657</v>
      </c>
      <c r="G12492" s="8">
        <v>1</v>
      </c>
      <c r="H12492" s="8">
        <v>1</v>
      </c>
      <c r="I12492" s="8">
        <v>0</v>
      </c>
      <c r="J12492" s="8">
        <v>1</v>
      </c>
      <c r="K12492" s="9">
        <v>819</v>
      </c>
      <c r="L12492" s="6" t="s">
        <v>51</v>
      </c>
    </row>
    <row r="12493" spans="1:12">
      <c r="A12493" s="6" t="s">
        <v>49</v>
      </c>
      <c r="B12493" s="6"/>
      <c r="C12493" s="6" t="s">
        <v>12517</v>
      </c>
      <c r="D12493" s="6"/>
      <c r="E12493" s="6" t="s">
        <v>9</v>
      </c>
      <c r="F12493" s="7">
        <v>38657</v>
      </c>
      <c r="G12493" s="8">
        <v>1</v>
      </c>
      <c r="H12493" s="8">
        <v>1</v>
      </c>
      <c r="I12493" s="8">
        <v>0</v>
      </c>
      <c r="J12493" s="8">
        <v>1</v>
      </c>
      <c r="K12493" s="9">
        <v>22</v>
      </c>
      <c r="L12493" s="6" t="s">
        <v>51</v>
      </c>
    </row>
    <row r="12494" spans="1:12">
      <c r="A12494" s="6" t="s">
        <v>49</v>
      </c>
      <c r="B12494" s="6"/>
      <c r="C12494" s="6" t="s">
        <v>12518</v>
      </c>
      <c r="D12494" s="6"/>
      <c r="E12494" s="6" t="s">
        <v>9</v>
      </c>
      <c r="F12494" s="7">
        <v>38657</v>
      </c>
      <c r="G12494" s="8">
        <v>1</v>
      </c>
      <c r="H12494" s="8">
        <v>1</v>
      </c>
      <c r="I12494" s="8">
        <v>0</v>
      </c>
      <c r="J12494" s="8">
        <v>1</v>
      </c>
      <c r="K12494" s="9">
        <v>470</v>
      </c>
      <c r="L12494" s="6" t="s">
        <v>51</v>
      </c>
    </row>
    <row r="12495" spans="1:12">
      <c r="A12495" s="6" t="s">
        <v>49</v>
      </c>
      <c r="B12495" s="6"/>
      <c r="C12495" s="6" t="s">
        <v>12519</v>
      </c>
      <c r="D12495" s="6"/>
      <c r="E12495" s="6" t="s">
        <v>9</v>
      </c>
      <c r="F12495" s="7">
        <v>38657</v>
      </c>
      <c r="G12495" s="8">
        <v>1</v>
      </c>
      <c r="H12495" s="8">
        <v>1</v>
      </c>
      <c r="I12495" s="8">
        <v>0</v>
      </c>
      <c r="J12495" s="8">
        <v>1</v>
      </c>
      <c r="K12495" s="9">
        <v>5.98</v>
      </c>
      <c r="L12495" s="6" t="s">
        <v>51</v>
      </c>
    </row>
    <row r="12496" spans="1:12">
      <c r="A12496" s="6" t="s">
        <v>49</v>
      </c>
      <c r="B12496" s="6"/>
      <c r="C12496" s="6" t="s">
        <v>12520</v>
      </c>
      <c r="D12496" s="6"/>
      <c r="E12496" s="6" t="s">
        <v>9</v>
      </c>
      <c r="F12496" s="7">
        <v>38657</v>
      </c>
      <c r="G12496" s="8">
        <v>1</v>
      </c>
      <c r="H12496" s="8">
        <v>1</v>
      </c>
      <c r="I12496" s="8">
        <v>0</v>
      </c>
      <c r="J12496" s="8">
        <v>1</v>
      </c>
      <c r="K12496" s="9">
        <v>10.14</v>
      </c>
      <c r="L12496" s="6" t="s">
        <v>51</v>
      </c>
    </row>
    <row r="12497" spans="1:12">
      <c r="A12497" s="6" t="s">
        <v>49</v>
      </c>
      <c r="B12497" s="6"/>
      <c r="C12497" s="6" t="s">
        <v>12521</v>
      </c>
      <c r="D12497" s="6"/>
      <c r="E12497" s="6" t="s">
        <v>9</v>
      </c>
      <c r="F12497" s="7">
        <v>38657</v>
      </c>
      <c r="G12497" s="8">
        <v>1</v>
      </c>
      <c r="H12497" s="8">
        <v>1</v>
      </c>
      <c r="I12497" s="8">
        <v>0</v>
      </c>
      <c r="J12497" s="8">
        <v>1</v>
      </c>
      <c r="K12497" s="9">
        <v>553</v>
      </c>
      <c r="L12497" s="6" t="s">
        <v>51</v>
      </c>
    </row>
    <row r="12498" spans="1:12">
      <c r="A12498" s="6" t="s">
        <v>49</v>
      </c>
      <c r="B12498" s="6"/>
      <c r="C12498" s="6" t="s">
        <v>12522</v>
      </c>
      <c r="D12498" s="6"/>
      <c r="E12498" s="6" t="s">
        <v>9</v>
      </c>
      <c r="F12498" s="7">
        <v>38657</v>
      </c>
      <c r="G12498" s="8">
        <v>1</v>
      </c>
      <c r="H12498" s="8">
        <v>1</v>
      </c>
      <c r="I12498" s="8">
        <v>0</v>
      </c>
      <c r="J12498" s="8">
        <v>1</v>
      </c>
      <c r="K12498" s="9">
        <v>331</v>
      </c>
      <c r="L12498" s="6" t="s">
        <v>51</v>
      </c>
    </row>
    <row r="12499" spans="1:12">
      <c r="A12499" s="6" t="s">
        <v>49</v>
      </c>
      <c r="B12499" s="6"/>
      <c r="C12499" s="6" t="s">
        <v>12523</v>
      </c>
      <c r="D12499" s="6"/>
      <c r="E12499" s="6" t="s">
        <v>9</v>
      </c>
      <c r="F12499" s="7">
        <v>38657</v>
      </c>
      <c r="G12499" s="8">
        <v>1</v>
      </c>
      <c r="H12499" s="8">
        <v>1</v>
      </c>
      <c r="I12499" s="8">
        <v>0</v>
      </c>
      <c r="J12499" s="8">
        <v>1</v>
      </c>
      <c r="K12499" s="9">
        <v>30</v>
      </c>
      <c r="L12499" s="6" t="s">
        <v>51</v>
      </c>
    </row>
    <row r="12500" spans="1:12">
      <c r="A12500" s="6" t="s">
        <v>49</v>
      </c>
      <c r="B12500" s="6"/>
      <c r="C12500" s="6" t="s">
        <v>12524</v>
      </c>
      <c r="D12500" s="6"/>
      <c r="E12500" s="6" t="s">
        <v>9</v>
      </c>
      <c r="F12500" s="7">
        <v>38657</v>
      </c>
      <c r="G12500" s="8">
        <v>1</v>
      </c>
      <c r="H12500" s="8">
        <v>1</v>
      </c>
      <c r="I12500" s="8">
        <v>0</v>
      </c>
      <c r="J12500" s="8">
        <v>1</v>
      </c>
      <c r="K12500" s="9">
        <v>677</v>
      </c>
      <c r="L12500" s="6" t="s">
        <v>51</v>
      </c>
    </row>
    <row r="12501" spans="1:12">
      <c r="A12501" s="6" t="s">
        <v>49</v>
      </c>
      <c r="B12501" s="6"/>
      <c r="C12501" s="6" t="s">
        <v>12525</v>
      </c>
      <c r="D12501" s="6"/>
      <c r="E12501" s="6" t="s">
        <v>9</v>
      </c>
      <c r="F12501" s="7">
        <v>38657</v>
      </c>
      <c r="G12501" s="8">
        <v>1</v>
      </c>
      <c r="H12501" s="8">
        <v>1</v>
      </c>
      <c r="I12501" s="8">
        <v>0</v>
      </c>
      <c r="J12501" s="8">
        <v>1</v>
      </c>
      <c r="K12501" s="9">
        <v>670</v>
      </c>
      <c r="L12501" s="6" t="s">
        <v>51</v>
      </c>
    </row>
    <row r="12502" spans="1:12">
      <c r="A12502" s="6" t="s">
        <v>49</v>
      </c>
      <c r="B12502" s="6"/>
      <c r="C12502" s="6" t="s">
        <v>12526</v>
      </c>
      <c r="D12502" s="6"/>
      <c r="E12502" s="6" t="s">
        <v>9</v>
      </c>
      <c r="F12502" s="7">
        <v>38657</v>
      </c>
      <c r="G12502" s="8">
        <v>1</v>
      </c>
      <c r="H12502" s="8">
        <v>1</v>
      </c>
      <c r="I12502" s="8">
        <v>0</v>
      </c>
      <c r="J12502" s="8">
        <v>1</v>
      </c>
      <c r="K12502" s="9">
        <v>33</v>
      </c>
      <c r="L12502" s="6" t="s">
        <v>51</v>
      </c>
    </row>
    <row r="12503" spans="1:12">
      <c r="A12503" s="6" t="s">
        <v>49</v>
      </c>
      <c r="B12503" s="6"/>
      <c r="C12503" s="6" t="s">
        <v>12527</v>
      </c>
      <c r="D12503" s="6"/>
      <c r="E12503" s="6" t="s">
        <v>9</v>
      </c>
      <c r="F12503" s="7">
        <v>38657</v>
      </c>
      <c r="G12503" s="8">
        <v>1</v>
      </c>
      <c r="H12503" s="8">
        <v>1</v>
      </c>
      <c r="I12503" s="8">
        <v>0</v>
      </c>
      <c r="J12503" s="8">
        <v>1</v>
      </c>
      <c r="K12503" s="9">
        <v>687</v>
      </c>
      <c r="L12503" s="6" t="s">
        <v>51</v>
      </c>
    </row>
    <row r="12504" spans="1:12">
      <c r="A12504" s="6" t="s">
        <v>49</v>
      </c>
      <c r="B12504" s="6"/>
      <c r="C12504" s="6" t="s">
        <v>12528</v>
      </c>
      <c r="D12504" s="6"/>
      <c r="E12504" s="6" t="s">
        <v>9</v>
      </c>
      <c r="F12504" s="7">
        <v>38657</v>
      </c>
      <c r="G12504" s="8">
        <v>1</v>
      </c>
      <c r="H12504" s="8">
        <v>1</v>
      </c>
      <c r="I12504" s="8">
        <v>0</v>
      </c>
      <c r="J12504" s="8">
        <v>1</v>
      </c>
      <c r="K12504" s="9">
        <v>16</v>
      </c>
      <c r="L12504" s="6" t="s">
        <v>51</v>
      </c>
    </row>
    <row r="12505" spans="1:12">
      <c r="A12505" s="6" t="s">
        <v>49</v>
      </c>
      <c r="B12505" s="6"/>
      <c r="C12505" s="6" t="s">
        <v>12529</v>
      </c>
      <c r="D12505" s="6"/>
      <c r="E12505" s="6" t="s">
        <v>9</v>
      </c>
      <c r="F12505" s="7">
        <v>38657</v>
      </c>
      <c r="G12505" s="8">
        <v>1</v>
      </c>
      <c r="H12505" s="8">
        <v>1</v>
      </c>
      <c r="I12505" s="8">
        <v>0</v>
      </c>
      <c r="J12505" s="8">
        <v>1</v>
      </c>
      <c r="K12505" s="9">
        <v>320</v>
      </c>
      <c r="L12505" s="6" t="s">
        <v>51</v>
      </c>
    </row>
    <row r="12506" spans="1:12">
      <c r="A12506" s="6" t="s">
        <v>49</v>
      </c>
      <c r="B12506" s="6"/>
      <c r="C12506" s="6" t="s">
        <v>12530</v>
      </c>
      <c r="D12506" s="6"/>
      <c r="E12506" s="6" t="s">
        <v>9</v>
      </c>
      <c r="F12506" s="7">
        <v>38657</v>
      </c>
      <c r="G12506" s="8">
        <v>1</v>
      </c>
      <c r="H12506" s="8">
        <v>1</v>
      </c>
      <c r="I12506" s="8">
        <v>0</v>
      </c>
      <c r="J12506" s="8">
        <v>1</v>
      </c>
      <c r="K12506" s="9">
        <v>248</v>
      </c>
      <c r="L12506" s="6" t="s">
        <v>51</v>
      </c>
    </row>
    <row r="12507" spans="1:12">
      <c r="A12507" s="6" t="s">
        <v>49</v>
      </c>
      <c r="B12507" s="6"/>
      <c r="C12507" s="6" t="s">
        <v>12531</v>
      </c>
      <c r="D12507" s="6"/>
      <c r="E12507" s="6" t="s">
        <v>9</v>
      </c>
      <c r="F12507" s="7">
        <v>38657</v>
      </c>
      <c r="G12507" s="8">
        <v>1</v>
      </c>
      <c r="H12507" s="8">
        <v>1</v>
      </c>
      <c r="I12507" s="8">
        <v>0</v>
      </c>
      <c r="J12507" s="8">
        <v>1</v>
      </c>
      <c r="K12507" s="9">
        <v>4.5199999999999898</v>
      </c>
      <c r="L12507" s="6" t="s">
        <v>51</v>
      </c>
    </row>
    <row r="12508" spans="1:12">
      <c r="A12508" s="6" t="s">
        <v>49</v>
      </c>
      <c r="B12508" s="6"/>
      <c r="C12508" s="6" t="s">
        <v>12532</v>
      </c>
      <c r="D12508" s="6"/>
      <c r="E12508" s="6" t="s">
        <v>9</v>
      </c>
      <c r="F12508" s="7">
        <v>38657</v>
      </c>
      <c r="G12508" s="8">
        <v>1</v>
      </c>
      <c r="H12508" s="8">
        <v>1</v>
      </c>
      <c r="I12508" s="8">
        <v>0</v>
      </c>
      <c r="J12508" s="8">
        <v>1</v>
      </c>
      <c r="K12508" s="9">
        <v>343</v>
      </c>
      <c r="L12508" s="6" t="s">
        <v>51</v>
      </c>
    </row>
    <row r="12509" spans="1:12">
      <c r="A12509" s="6" t="s">
        <v>49</v>
      </c>
      <c r="B12509" s="6"/>
      <c r="C12509" s="6" t="s">
        <v>12533</v>
      </c>
      <c r="D12509" s="6"/>
      <c r="E12509" s="6" t="s">
        <v>9</v>
      </c>
      <c r="F12509" s="7">
        <v>38657</v>
      </c>
      <c r="G12509" s="8">
        <v>1</v>
      </c>
      <c r="H12509" s="8">
        <v>1</v>
      </c>
      <c r="I12509" s="8">
        <v>0</v>
      </c>
      <c r="J12509" s="8">
        <v>1</v>
      </c>
      <c r="K12509" s="9">
        <v>102</v>
      </c>
      <c r="L12509" s="6" t="s">
        <v>51</v>
      </c>
    </row>
    <row r="12510" spans="1:12">
      <c r="A12510" s="6" t="s">
        <v>49</v>
      </c>
      <c r="B12510" s="6"/>
      <c r="C12510" s="6" t="s">
        <v>12534</v>
      </c>
      <c r="D12510" s="6"/>
      <c r="E12510" s="6" t="s">
        <v>9</v>
      </c>
      <c r="F12510" s="7">
        <v>41970</v>
      </c>
      <c r="G12510" s="8">
        <v>1</v>
      </c>
      <c r="H12510" s="8">
        <v>1</v>
      </c>
      <c r="I12510" s="8">
        <v>0</v>
      </c>
      <c r="J12510" s="8">
        <v>1</v>
      </c>
      <c r="K12510" s="9">
        <v>6.67</v>
      </c>
      <c r="L12510" s="6" t="s">
        <v>51</v>
      </c>
    </row>
    <row r="12511" spans="1:12">
      <c r="A12511" s="6" t="s">
        <v>49</v>
      </c>
      <c r="B12511" s="6"/>
      <c r="C12511" s="6" t="s">
        <v>12535</v>
      </c>
      <c r="D12511" s="6"/>
      <c r="E12511" s="6" t="s">
        <v>9</v>
      </c>
      <c r="F12511" s="7">
        <v>41970</v>
      </c>
      <c r="G12511" s="8">
        <v>1</v>
      </c>
      <c r="H12511" s="8">
        <v>1</v>
      </c>
      <c r="I12511" s="8">
        <v>0</v>
      </c>
      <c r="J12511" s="8">
        <v>1</v>
      </c>
      <c r="K12511" s="9">
        <v>5.22</v>
      </c>
      <c r="L12511" s="6" t="s">
        <v>51</v>
      </c>
    </row>
    <row r="12512" spans="1:12">
      <c r="A12512" s="6" t="s">
        <v>49</v>
      </c>
      <c r="B12512" s="6"/>
      <c r="C12512" s="6" t="s">
        <v>12536</v>
      </c>
      <c r="D12512" s="6"/>
      <c r="E12512" s="6" t="s">
        <v>9</v>
      </c>
      <c r="F12512" s="7">
        <v>41970</v>
      </c>
      <c r="G12512" s="8">
        <v>1</v>
      </c>
      <c r="H12512" s="8">
        <v>1</v>
      </c>
      <c r="I12512" s="8">
        <v>0</v>
      </c>
      <c r="J12512" s="8">
        <v>1</v>
      </c>
      <c r="K12512" s="9">
        <v>0.18</v>
      </c>
      <c r="L12512" s="6" t="s">
        <v>51</v>
      </c>
    </row>
    <row r="12513" spans="1:12">
      <c r="A12513" s="6" t="s">
        <v>49</v>
      </c>
      <c r="B12513" s="6"/>
      <c r="C12513" s="6" t="s">
        <v>12537</v>
      </c>
      <c r="D12513" s="6"/>
      <c r="E12513" s="6" t="s">
        <v>9</v>
      </c>
      <c r="F12513" s="7">
        <v>41977</v>
      </c>
      <c r="G12513" s="8">
        <v>318</v>
      </c>
      <c r="H12513" s="8">
        <v>318</v>
      </c>
      <c r="I12513" s="8">
        <v>0</v>
      </c>
      <c r="J12513" s="8">
        <v>318</v>
      </c>
      <c r="K12513" s="9">
        <v>2.79</v>
      </c>
      <c r="L12513" s="6" t="s">
        <v>4773</v>
      </c>
    </row>
    <row r="12514" spans="1:12">
      <c r="A12514" s="6" t="s">
        <v>49</v>
      </c>
      <c r="B12514" s="6"/>
      <c r="C12514" s="6" t="s">
        <v>12538</v>
      </c>
      <c r="D12514" s="6"/>
      <c r="E12514" s="6" t="s">
        <v>9</v>
      </c>
      <c r="F12514" s="7">
        <v>38657</v>
      </c>
      <c r="G12514" s="8">
        <v>1</v>
      </c>
      <c r="H12514" s="8">
        <v>1</v>
      </c>
      <c r="I12514" s="8">
        <v>0</v>
      </c>
      <c r="J12514" s="8">
        <v>1</v>
      </c>
      <c r="K12514" s="9">
        <v>99</v>
      </c>
      <c r="L12514" s="6" t="s">
        <v>51</v>
      </c>
    </row>
    <row r="12515" spans="1:12">
      <c r="A12515" s="6" t="s">
        <v>49</v>
      </c>
      <c r="B12515" s="6"/>
      <c r="C12515" s="6" t="s">
        <v>12539</v>
      </c>
      <c r="D12515" s="6"/>
      <c r="E12515" s="6" t="s">
        <v>9</v>
      </c>
      <c r="F12515" s="7">
        <v>38657</v>
      </c>
      <c r="G12515" s="8">
        <v>1</v>
      </c>
      <c r="H12515" s="8">
        <v>1</v>
      </c>
      <c r="I12515" s="8">
        <v>0</v>
      </c>
      <c r="J12515" s="8">
        <v>1</v>
      </c>
      <c r="K12515" s="9">
        <v>23</v>
      </c>
      <c r="L12515" s="6" t="s">
        <v>51</v>
      </c>
    </row>
    <row r="12516" spans="1:12">
      <c r="A12516" s="6" t="s">
        <v>49</v>
      </c>
      <c r="B12516" s="6"/>
      <c r="C12516" s="6" t="s">
        <v>12540</v>
      </c>
      <c r="D12516" s="6"/>
      <c r="E12516" s="6" t="s">
        <v>9</v>
      </c>
      <c r="F12516" s="7">
        <v>38657</v>
      </c>
      <c r="G12516" s="8">
        <v>1</v>
      </c>
      <c r="H12516" s="8">
        <v>1</v>
      </c>
      <c r="I12516" s="8">
        <v>0</v>
      </c>
      <c r="J12516" s="8">
        <v>1</v>
      </c>
      <c r="K12516" s="9">
        <v>1.04</v>
      </c>
      <c r="L12516" s="6" t="s">
        <v>51</v>
      </c>
    </row>
    <row r="12517" spans="1:12">
      <c r="A12517" s="6" t="s">
        <v>49</v>
      </c>
      <c r="B12517" s="6"/>
      <c r="C12517" s="6" t="s">
        <v>12541</v>
      </c>
      <c r="D12517" s="6"/>
      <c r="E12517" s="6" t="s">
        <v>9</v>
      </c>
      <c r="F12517" s="7">
        <v>38657</v>
      </c>
      <c r="G12517" s="8">
        <v>1</v>
      </c>
      <c r="H12517" s="8">
        <v>1</v>
      </c>
      <c r="I12517" s="8">
        <v>0</v>
      </c>
      <c r="J12517" s="8">
        <v>1</v>
      </c>
      <c r="K12517" s="9">
        <v>24</v>
      </c>
      <c r="L12517" s="6" t="s">
        <v>51</v>
      </c>
    </row>
    <row r="12518" spans="1:12">
      <c r="A12518" s="6" t="s">
        <v>49</v>
      </c>
      <c r="B12518" s="6"/>
      <c r="C12518" s="6" t="s">
        <v>12542</v>
      </c>
      <c r="D12518" s="6"/>
      <c r="E12518" s="6" t="s">
        <v>9</v>
      </c>
      <c r="F12518" s="7">
        <v>38657</v>
      </c>
      <c r="G12518" s="8">
        <v>1</v>
      </c>
      <c r="H12518" s="8">
        <v>1</v>
      </c>
      <c r="I12518" s="8">
        <v>0</v>
      </c>
      <c r="J12518" s="8">
        <v>1</v>
      </c>
      <c r="K12518" s="9">
        <v>13.19</v>
      </c>
      <c r="L12518" s="6" t="s">
        <v>51</v>
      </c>
    </row>
    <row r="12519" spans="1:12">
      <c r="A12519" s="6" t="s">
        <v>49</v>
      </c>
      <c r="B12519" s="6"/>
      <c r="C12519" s="6" t="s">
        <v>12543</v>
      </c>
      <c r="D12519" s="6"/>
      <c r="E12519" s="6" t="s">
        <v>9</v>
      </c>
      <c r="F12519" s="7">
        <v>38657</v>
      </c>
      <c r="G12519" s="8">
        <v>1</v>
      </c>
      <c r="H12519" s="8">
        <v>1</v>
      </c>
      <c r="I12519" s="8">
        <v>0</v>
      </c>
      <c r="J12519" s="8">
        <v>1</v>
      </c>
      <c r="K12519" s="9">
        <v>14</v>
      </c>
      <c r="L12519" s="6" t="s">
        <v>51</v>
      </c>
    </row>
    <row r="12520" spans="1:12">
      <c r="A12520" s="6" t="s">
        <v>49</v>
      </c>
      <c r="B12520" s="6"/>
      <c r="C12520" s="6" t="s">
        <v>12544</v>
      </c>
      <c r="D12520" s="6"/>
      <c r="E12520" s="6" t="s">
        <v>9</v>
      </c>
      <c r="F12520" s="7">
        <v>38657</v>
      </c>
      <c r="G12520" s="8">
        <v>1</v>
      </c>
      <c r="H12520" s="8">
        <v>1</v>
      </c>
      <c r="I12520" s="8">
        <v>0</v>
      </c>
      <c r="J12520" s="8">
        <v>1</v>
      </c>
      <c r="K12520" s="9">
        <v>30</v>
      </c>
      <c r="L12520" s="6" t="s">
        <v>51</v>
      </c>
    </row>
    <row r="12521" spans="1:12">
      <c r="A12521" s="6" t="s">
        <v>49</v>
      </c>
      <c r="B12521" s="6"/>
      <c r="C12521" s="6" t="s">
        <v>12545</v>
      </c>
      <c r="D12521" s="6"/>
      <c r="E12521" s="6" t="s">
        <v>9</v>
      </c>
      <c r="F12521" s="7">
        <v>38657</v>
      </c>
      <c r="G12521" s="8">
        <v>1</v>
      </c>
      <c r="H12521" s="8">
        <v>1</v>
      </c>
      <c r="I12521" s="8">
        <v>0</v>
      </c>
      <c r="J12521" s="8">
        <v>1</v>
      </c>
      <c r="K12521" s="9">
        <v>13</v>
      </c>
      <c r="L12521" s="6" t="s">
        <v>51</v>
      </c>
    </row>
    <row r="12522" spans="1:12">
      <c r="A12522" s="6" t="s">
        <v>49</v>
      </c>
      <c r="B12522" s="6"/>
      <c r="C12522" s="6" t="s">
        <v>12546</v>
      </c>
      <c r="D12522" s="6"/>
      <c r="E12522" s="6" t="s">
        <v>9</v>
      </c>
      <c r="F12522" s="7">
        <v>38657</v>
      </c>
      <c r="G12522" s="8">
        <v>1</v>
      </c>
      <c r="H12522" s="8">
        <v>1</v>
      </c>
      <c r="I12522" s="8">
        <v>0</v>
      </c>
      <c r="J12522" s="8">
        <v>1</v>
      </c>
      <c r="K12522" s="9">
        <v>2.17</v>
      </c>
      <c r="L12522" s="6" t="s">
        <v>51</v>
      </c>
    </row>
    <row r="12523" spans="1:12">
      <c r="A12523" s="6" t="s">
        <v>49</v>
      </c>
      <c r="B12523" s="6"/>
      <c r="C12523" s="6" t="s">
        <v>12547</v>
      </c>
      <c r="D12523" s="6"/>
      <c r="E12523" s="6" t="s">
        <v>9</v>
      </c>
      <c r="F12523" s="7">
        <v>38657</v>
      </c>
      <c r="G12523" s="8">
        <v>1</v>
      </c>
      <c r="H12523" s="8">
        <v>1</v>
      </c>
      <c r="I12523" s="8">
        <v>0</v>
      </c>
      <c r="J12523" s="8">
        <v>1</v>
      </c>
      <c r="K12523" s="9">
        <v>8.85</v>
      </c>
      <c r="L12523" s="6" t="s">
        <v>51</v>
      </c>
    </row>
    <row r="12524" spans="1:12">
      <c r="A12524" s="6" t="s">
        <v>49</v>
      </c>
      <c r="B12524" s="6"/>
      <c r="C12524" s="6" t="s">
        <v>12548</v>
      </c>
      <c r="D12524" s="6"/>
      <c r="E12524" s="6" t="s">
        <v>9</v>
      </c>
      <c r="F12524" s="7">
        <v>38657</v>
      </c>
      <c r="G12524" s="8">
        <v>1</v>
      </c>
      <c r="H12524" s="8">
        <v>1</v>
      </c>
      <c r="I12524" s="8">
        <v>0</v>
      </c>
      <c r="J12524" s="8">
        <v>1</v>
      </c>
      <c r="K12524" s="9">
        <v>8.84</v>
      </c>
      <c r="L12524" s="6" t="s">
        <v>51</v>
      </c>
    </row>
    <row r="12525" spans="1:12">
      <c r="A12525" s="6" t="s">
        <v>49</v>
      </c>
      <c r="B12525" s="6"/>
      <c r="C12525" s="6" t="s">
        <v>12549</v>
      </c>
      <c r="D12525" s="6"/>
      <c r="E12525" s="6" t="s">
        <v>9</v>
      </c>
      <c r="F12525" s="7">
        <v>38657</v>
      </c>
      <c r="G12525" s="8">
        <v>1</v>
      </c>
      <c r="H12525" s="8">
        <v>1</v>
      </c>
      <c r="I12525" s="8">
        <v>0</v>
      </c>
      <c r="J12525" s="8">
        <v>1</v>
      </c>
      <c r="K12525" s="9">
        <v>2.00999999999999</v>
      </c>
      <c r="L12525" s="6" t="s">
        <v>51</v>
      </c>
    </row>
    <row r="12526" spans="1:12">
      <c r="A12526" s="6" t="s">
        <v>49</v>
      </c>
      <c r="B12526" s="6"/>
      <c r="C12526" s="6" t="s">
        <v>12550</v>
      </c>
      <c r="D12526" s="6"/>
      <c r="E12526" s="6" t="s">
        <v>9</v>
      </c>
      <c r="F12526" s="7">
        <v>38657</v>
      </c>
      <c r="G12526" s="8">
        <v>1</v>
      </c>
      <c r="H12526" s="8">
        <v>1</v>
      </c>
      <c r="I12526" s="8">
        <v>0</v>
      </c>
      <c r="J12526" s="8">
        <v>1</v>
      </c>
      <c r="K12526" s="9">
        <v>8.25</v>
      </c>
      <c r="L12526" s="6" t="s">
        <v>51</v>
      </c>
    </row>
    <row r="12527" spans="1:12">
      <c r="A12527" s="6" t="s">
        <v>49</v>
      </c>
      <c r="B12527" s="6"/>
      <c r="C12527" s="6" t="s">
        <v>12551</v>
      </c>
      <c r="D12527" s="6"/>
      <c r="E12527" s="6" t="s">
        <v>9</v>
      </c>
      <c r="F12527" s="7">
        <v>38657</v>
      </c>
      <c r="G12527" s="8">
        <v>1</v>
      </c>
      <c r="H12527" s="8">
        <v>1</v>
      </c>
      <c r="I12527" s="8">
        <v>0</v>
      </c>
      <c r="J12527" s="8">
        <v>1</v>
      </c>
      <c r="K12527" s="9">
        <v>35</v>
      </c>
      <c r="L12527" s="6" t="s">
        <v>51</v>
      </c>
    </row>
    <row r="12528" spans="1:12">
      <c r="A12528" s="6" t="s">
        <v>49</v>
      </c>
      <c r="B12528" s="6"/>
      <c r="C12528" s="6" t="s">
        <v>12552</v>
      </c>
      <c r="D12528" s="6"/>
      <c r="E12528" s="6" t="s">
        <v>9</v>
      </c>
      <c r="F12528" s="7">
        <v>38657</v>
      </c>
      <c r="G12528" s="8">
        <v>1</v>
      </c>
      <c r="H12528" s="8">
        <v>1</v>
      </c>
      <c r="I12528" s="8">
        <v>0</v>
      </c>
      <c r="J12528" s="8">
        <v>1</v>
      </c>
      <c r="K12528" s="9">
        <v>30.72</v>
      </c>
      <c r="L12528" s="6" t="s">
        <v>51</v>
      </c>
    </row>
    <row r="12529" spans="1:12">
      <c r="A12529" s="6" t="s">
        <v>49</v>
      </c>
      <c r="B12529" s="6"/>
      <c r="C12529" s="6" t="s">
        <v>12553</v>
      </c>
      <c r="D12529" s="6"/>
      <c r="E12529" s="6" t="s">
        <v>9</v>
      </c>
      <c r="F12529" s="7">
        <v>38657</v>
      </c>
      <c r="G12529" s="8">
        <v>1</v>
      </c>
      <c r="H12529" s="8">
        <v>1</v>
      </c>
      <c r="I12529" s="8">
        <v>0</v>
      </c>
      <c r="J12529" s="8">
        <v>1</v>
      </c>
      <c r="K12529" s="9">
        <v>6.94</v>
      </c>
      <c r="L12529" s="6" t="s">
        <v>51</v>
      </c>
    </row>
    <row r="12530" spans="1:12">
      <c r="A12530" s="6" t="s">
        <v>49</v>
      </c>
      <c r="B12530" s="6"/>
      <c r="C12530" s="6" t="s">
        <v>12554</v>
      </c>
      <c r="D12530" s="6"/>
      <c r="E12530" s="6" t="s">
        <v>9</v>
      </c>
      <c r="F12530" s="7">
        <v>38657</v>
      </c>
      <c r="G12530" s="8">
        <v>1</v>
      </c>
      <c r="H12530" s="8">
        <v>1</v>
      </c>
      <c r="I12530" s="8">
        <v>0</v>
      </c>
      <c r="J12530" s="8">
        <v>1</v>
      </c>
      <c r="K12530" s="9">
        <v>91</v>
      </c>
      <c r="L12530" s="6" t="s">
        <v>51</v>
      </c>
    </row>
    <row r="12531" spans="1:12">
      <c r="A12531" s="6" t="s">
        <v>49</v>
      </c>
      <c r="B12531" s="6"/>
      <c r="C12531" s="6" t="s">
        <v>12555</v>
      </c>
      <c r="D12531" s="6"/>
      <c r="E12531" s="6" t="s">
        <v>9</v>
      </c>
      <c r="F12531" s="7">
        <v>38657</v>
      </c>
      <c r="G12531" s="8">
        <v>1</v>
      </c>
      <c r="H12531" s="8">
        <v>1</v>
      </c>
      <c r="I12531" s="8">
        <v>0</v>
      </c>
      <c r="J12531" s="8">
        <v>1</v>
      </c>
      <c r="K12531" s="9">
        <v>4.2</v>
      </c>
      <c r="L12531" s="6" t="s">
        <v>51</v>
      </c>
    </row>
    <row r="12532" spans="1:12">
      <c r="A12532" s="6" t="s">
        <v>49</v>
      </c>
      <c r="B12532" s="6"/>
      <c r="C12532" s="6" t="s">
        <v>12556</v>
      </c>
      <c r="D12532" s="6"/>
      <c r="E12532" s="6" t="s">
        <v>9</v>
      </c>
      <c r="F12532" s="7">
        <v>38657</v>
      </c>
      <c r="G12532" s="8">
        <v>1</v>
      </c>
      <c r="H12532" s="8">
        <v>1</v>
      </c>
      <c r="I12532" s="8">
        <v>0</v>
      </c>
      <c r="J12532" s="8">
        <v>1</v>
      </c>
      <c r="K12532" s="9">
        <v>6.51</v>
      </c>
      <c r="L12532" s="6" t="s">
        <v>51</v>
      </c>
    </row>
    <row r="12533" spans="1:12">
      <c r="A12533" s="6" t="s">
        <v>49</v>
      </c>
      <c r="B12533" s="6"/>
      <c r="C12533" s="6" t="s">
        <v>12557</v>
      </c>
      <c r="D12533" s="6"/>
      <c r="E12533" s="6" t="s">
        <v>9</v>
      </c>
      <c r="F12533" s="7">
        <v>38657</v>
      </c>
      <c r="G12533" s="8">
        <v>1</v>
      </c>
      <c r="H12533" s="8">
        <v>1</v>
      </c>
      <c r="I12533" s="8">
        <v>0</v>
      </c>
      <c r="J12533" s="8">
        <v>1</v>
      </c>
      <c r="K12533" s="9">
        <v>4.62</v>
      </c>
      <c r="L12533" s="6" t="s">
        <v>51</v>
      </c>
    </row>
    <row r="12534" spans="1:12">
      <c r="A12534" s="6" t="s">
        <v>49</v>
      </c>
      <c r="B12534" s="6"/>
      <c r="C12534" s="6" t="s">
        <v>12558</v>
      </c>
      <c r="D12534" s="6"/>
      <c r="E12534" s="6" t="s">
        <v>9</v>
      </c>
      <c r="F12534" s="7">
        <v>38657</v>
      </c>
      <c r="G12534" s="8">
        <v>1</v>
      </c>
      <c r="H12534" s="8">
        <v>1</v>
      </c>
      <c r="I12534" s="8">
        <v>0</v>
      </c>
      <c r="J12534" s="8">
        <v>1</v>
      </c>
      <c r="K12534" s="9">
        <v>1.1299999999999899</v>
      </c>
      <c r="L12534" s="6" t="s">
        <v>51</v>
      </c>
    </row>
    <row r="12535" spans="1:12">
      <c r="A12535" s="6" t="s">
        <v>49</v>
      </c>
      <c r="B12535" s="6"/>
      <c r="C12535" s="6" t="s">
        <v>12559</v>
      </c>
      <c r="D12535" s="6"/>
      <c r="E12535" s="6" t="s">
        <v>9</v>
      </c>
      <c r="F12535" s="7">
        <v>38657</v>
      </c>
      <c r="G12535" s="8">
        <v>1</v>
      </c>
      <c r="H12535" s="8">
        <v>1</v>
      </c>
      <c r="I12535" s="8">
        <v>0</v>
      </c>
      <c r="J12535" s="8">
        <v>1</v>
      </c>
      <c r="K12535" s="9">
        <v>4.6399999999999899</v>
      </c>
      <c r="L12535" s="6" t="s">
        <v>51</v>
      </c>
    </row>
    <row r="12536" spans="1:12">
      <c r="A12536" s="6" t="s">
        <v>49</v>
      </c>
      <c r="B12536" s="6"/>
      <c r="C12536" s="6" t="s">
        <v>12560</v>
      </c>
      <c r="D12536" s="6"/>
      <c r="E12536" s="6" t="s">
        <v>9</v>
      </c>
      <c r="F12536" s="7">
        <v>38657</v>
      </c>
      <c r="G12536" s="8">
        <v>1</v>
      </c>
      <c r="H12536" s="8">
        <v>1</v>
      </c>
      <c r="I12536" s="8">
        <v>0</v>
      </c>
      <c r="J12536" s="8">
        <v>1</v>
      </c>
      <c r="K12536" s="9">
        <v>6.05</v>
      </c>
      <c r="L12536" s="6" t="s">
        <v>51</v>
      </c>
    </row>
    <row r="12537" spans="1:12">
      <c r="A12537" s="6" t="s">
        <v>49</v>
      </c>
      <c r="B12537" s="6"/>
      <c r="C12537" s="6" t="s">
        <v>12561</v>
      </c>
      <c r="D12537" s="6"/>
      <c r="E12537" s="6" t="s">
        <v>9</v>
      </c>
      <c r="F12537" s="7">
        <v>38657</v>
      </c>
      <c r="G12537" s="8">
        <v>1</v>
      </c>
      <c r="H12537" s="8">
        <v>1</v>
      </c>
      <c r="I12537" s="8">
        <v>0</v>
      </c>
      <c r="J12537" s="8">
        <v>1</v>
      </c>
      <c r="K12537" s="9">
        <v>0.67</v>
      </c>
      <c r="L12537" s="6" t="s">
        <v>51</v>
      </c>
    </row>
    <row r="12538" spans="1:12">
      <c r="A12538" s="6" t="s">
        <v>49</v>
      </c>
      <c r="B12538" s="6"/>
      <c r="C12538" s="6" t="s">
        <v>12562</v>
      </c>
      <c r="D12538" s="6"/>
      <c r="E12538" s="6" t="s">
        <v>9</v>
      </c>
      <c r="F12538" s="7">
        <v>38657</v>
      </c>
      <c r="G12538" s="8">
        <v>1</v>
      </c>
      <c r="H12538" s="8">
        <v>1</v>
      </c>
      <c r="I12538" s="8">
        <v>0</v>
      </c>
      <c r="J12538" s="8">
        <v>1</v>
      </c>
      <c r="K12538" s="9">
        <v>4.84</v>
      </c>
      <c r="L12538" s="6" t="s">
        <v>51</v>
      </c>
    </row>
    <row r="12539" spans="1:12">
      <c r="A12539" s="6" t="s">
        <v>49</v>
      </c>
      <c r="B12539" s="6"/>
      <c r="C12539" s="6" t="s">
        <v>12563</v>
      </c>
      <c r="D12539" s="6"/>
      <c r="E12539" s="6" t="s">
        <v>9</v>
      </c>
      <c r="F12539" s="7">
        <v>38657</v>
      </c>
      <c r="G12539" s="8">
        <v>1</v>
      </c>
      <c r="H12539" s="8">
        <v>1</v>
      </c>
      <c r="I12539" s="8">
        <v>0</v>
      </c>
      <c r="J12539" s="8">
        <v>1</v>
      </c>
      <c r="K12539" s="9">
        <v>1.9</v>
      </c>
      <c r="L12539" s="6" t="s">
        <v>51</v>
      </c>
    </row>
    <row r="12540" spans="1:12">
      <c r="A12540" s="6" t="s">
        <v>49</v>
      </c>
      <c r="B12540" s="6"/>
      <c r="C12540" s="6" t="s">
        <v>12564</v>
      </c>
      <c r="D12540" s="6"/>
      <c r="E12540" s="6" t="s">
        <v>9</v>
      </c>
      <c r="F12540" s="7">
        <v>38657</v>
      </c>
      <c r="G12540" s="8">
        <v>1</v>
      </c>
      <c r="H12540" s="8">
        <v>1</v>
      </c>
      <c r="I12540" s="8">
        <v>0</v>
      </c>
      <c r="J12540" s="8">
        <v>1</v>
      </c>
      <c r="K12540" s="9">
        <v>3.37</v>
      </c>
      <c r="L12540" s="6" t="s">
        <v>51</v>
      </c>
    </row>
    <row r="12541" spans="1:12">
      <c r="A12541" s="6" t="s">
        <v>49</v>
      </c>
      <c r="B12541" s="6"/>
      <c r="C12541" s="6" t="s">
        <v>12565</v>
      </c>
      <c r="D12541" s="6"/>
      <c r="E12541" s="6" t="s">
        <v>9</v>
      </c>
      <c r="F12541" s="7">
        <v>38657</v>
      </c>
      <c r="G12541" s="8">
        <v>1</v>
      </c>
      <c r="H12541" s="8">
        <v>1</v>
      </c>
      <c r="I12541" s="8">
        <v>0</v>
      </c>
      <c r="J12541" s="8">
        <v>1</v>
      </c>
      <c r="K12541" s="9">
        <v>3.46</v>
      </c>
      <c r="L12541" s="6" t="s">
        <v>51</v>
      </c>
    </row>
    <row r="12542" spans="1:12">
      <c r="A12542" s="6" t="s">
        <v>49</v>
      </c>
      <c r="B12542" s="6"/>
      <c r="C12542" s="6" t="s">
        <v>12566</v>
      </c>
      <c r="D12542" s="6"/>
      <c r="E12542" s="6" t="s">
        <v>9</v>
      </c>
      <c r="F12542" s="7">
        <v>38657</v>
      </c>
      <c r="G12542" s="8">
        <v>1</v>
      </c>
      <c r="H12542" s="8">
        <v>1</v>
      </c>
      <c r="I12542" s="8">
        <v>0</v>
      </c>
      <c r="J12542" s="8">
        <v>1</v>
      </c>
      <c r="K12542" s="9">
        <v>3.7</v>
      </c>
      <c r="L12542" s="6" t="s">
        <v>51</v>
      </c>
    </row>
    <row r="12543" spans="1:12">
      <c r="A12543" s="6" t="s">
        <v>49</v>
      </c>
      <c r="B12543" s="6"/>
      <c r="C12543" s="6" t="s">
        <v>12567</v>
      </c>
      <c r="D12543" s="6"/>
      <c r="E12543" s="6" t="s">
        <v>9</v>
      </c>
      <c r="F12543" s="7">
        <v>38657</v>
      </c>
      <c r="G12543" s="8">
        <v>1</v>
      </c>
      <c r="H12543" s="8">
        <v>1</v>
      </c>
      <c r="I12543" s="8">
        <v>0</v>
      </c>
      <c r="J12543" s="8">
        <v>1</v>
      </c>
      <c r="K12543" s="9">
        <v>1.34</v>
      </c>
      <c r="L12543" s="6" t="s">
        <v>51</v>
      </c>
    </row>
    <row r="12544" spans="1:12">
      <c r="A12544" s="6" t="s">
        <v>49</v>
      </c>
      <c r="B12544" s="6"/>
      <c r="C12544" s="6" t="s">
        <v>12568</v>
      </c>
      <c r="D12544" s="6"/>
      <c r="E12544" s="6" t="s">
        <v>9</v>
      </c>
      <c r="F12544" s="7">
        <v>38657</v>
      </c>
      <c r="G12544" s="8">
        <v>1</v>
      </c>
      <c r="H12544" s="8">
        <v>1</v>
      </c>
      <c r="I12544" s="8">
        <v>0</v>
      </c>
      <c r="J12544" s="8">
        <v>1</v>
      </c>
      <c r="K12544" s="9">
        <v>3.21</v>
      </c>
      <c r="L12544" s="6" t="s">
        <v>51</v>
      </c>
    </row>
    <row r="12545" spans="1:12">
      <c r="A12545" s="6" t="s">
        <v>49</v>
      </c>
      <c r="B12545" s="6"/>
      <c r="C12545" s="6" t="s">
        <v>12569</v>
      </c>
      <c r="D12545" s="6"/>
      <c r="E12545" s="6" t="s">
        <v>9</v>
      </c>
      <c r="F12545" s="7">
        <v>38657</v>
      </c>
      <c r="G12545" s="8">
        <v>1</v>
      </c>
      <c r="H12545" s="8">
        <v>1</v>
      </c>
      <c r="I12545" s="8">
        <v>0</v>
      </c>
      <c r="J12545" s="8">
        <v>1</v>
      </c>
      <c r="K12545" s="9">
        <v>1.55</v>
      </c>
      <c r="L12545" s="6" t="s">
        <v>51</v>
      </c>
    </row>
    <row r="12546" spans="1:12">
      <c r="A12546" s="6" t="s">
        <v>49</v>
      </c>
      <c r="B12546" s="6"/>
      <c r="C12546" s="6" t="s">
        <v>12570</v>
      </c>
      <c r="D12546" s="6"/>
      <c r="E12546" s="6" t="s">
        <v>9</v>
      </c>
      <c r="F12546" s="7">
        <v>38657</v>
      </c>
      <c r="G12546" s="8">
        <v>1</v>
      </c>
      <c r="H12546" s="8">
        <v>1</v>
      </c>
      <c r="I12546" s="8">
        <v>0</v>
      </c>
      <c r="J12546" s="8">
        <v>1</v>
      </c>
      <c r="K12546" s="9">
        <v>1.97</v>
      </c>
      <c r="L12546" s="6" t="s">
        <v>51</v>
      </c>
    </row>
    <row r="12547" spans="1:12">
      <c r="A12547" s="6" t="s">
        <v>49</v>
      </c>
      <c r="B12547" s="6"/>
      <c r="C12547" s="6" t="s">
        <v>12571</v>
      </c>
      <c r="D12547" s="6"/>
      <c r="E12547" s="6" t="s">
        <v>9</v>
      </c>
      <c r="F12547" s="7">
        <v>38657</v>
      </c>
      <c r="G12547" s="8">
        <v>1</v>
      </c>
      <c r="H12547" s="8">
        <v>1</v>
      </c>
      <c r="I12547" s="8">
        <v>0</v>
      </c>
      <c r="J12547" s="8">
        <v>1</v>
      </c>
      <c r="K12547" s="9">
        <v>1.43</v>
      </c>
      <c r="L12547" s="6" t="s">
        <v>51</v>
      </c>
    </row>
    <row r="12548" spans="1:12">
      <c r="A12548" s="6" t="s">
        <v>49</v>
      </c>
      <c r="B12548" s="6"/>
      <c r="C12548" s="6" t="s">
        <v>12572</v>
      </c>
      <c r="D12548" s="6"/>
      <c r="E12548" s="6" t="s">
        <v>9</v>
      </c>
      <c r="F12548" s="7">
        <v>38657</v>
      </c>
      <c r="G12548" s="8">
        <v>1</v>
      </c>
      <c r="H12548" s="8">
        <v>1</v>
      </c>
      <c r="I12548" s="8">
        <v>0</v>
      </c>
      <c r="J12548" s="8">
        <v>1</v>
      </c>
      <c r="K12548" s="9">
        <v>1.57</v>
      </c>
      <c r="L12548" s="6" t="s">
        <v>51</v>
      </c>
    </row>
    <row r="12549" spans="1:12">
      <c r="A12549" s="6" t="s">
        <v>49</v>
      </c>
      <c r="B12549" s="6"/>
      <c r="C12549" s="6" t="s">
        <v>12573</v>
      </c>
      <c r="D12549" s="6"/>
      <c r="E12549" s="6" t="s">
        <v>9</v>
      </c>
      <c r="F12549" s="7">
        <v>38657</v>
      </c>
      <c r="G12549" s="8">
        <v>1</v>
      </c>
      <c r="H12549" s="8">
        <v>1</v>
      </c>
      <c r="I12549" s="8">
        <v>0</v>
      </c>
      <c r="J12549" s="8">
        <v>1</v>
      </c>
      <c r="K12549" s="9">
        <v>3.06</v>
      </c>
      <c r="L12549" s="6" t="s">
        <v>51</v>
      </c>
    </row>
    <row r="12550" spans="1:12">
      <c r="A12550" s="6" t="s">
        <v>49</v>
      </c>
      <c r="B12550" s="6"/>
      <c r="C12550" s="6" t="s">
        <v>12574</v>
      </c>
      <c r="D12550" s="6"/>
      <c r="E12550" s="6" t="s">
        <v>9</v>
      </c>
      <c r="F12550" s="7">
        <v>38657</v>
      </c>
      <c r="G12550" s="8">
        <v>1</v>
      </c>
      <c r="H12550" s="8">
        <v>1</v>
      </c>
      <c r="I12550" s="8">
        <v>0</v>
      </c>
      <c r="J12550" s="8">
        <v>1</v>
      </c>
      <c r="K12550" s="9">
        <v>8.24</v>
      </c>
      <c r="L12550" s="6" t="s">
        <v>51</v>
      </c>
    </row>
    <row r="12551" spans="1:12">
      <c r="A12551" s="6" t="s">
        <v>49</v>
      </c>
      <c r="B12551" s="6"/>
      <c r="C12551" s="6" t="s">
        <v>12575</v>
      </c>
      <c r="D12551" s="6"/>
      <c r="E12551" s="6" t="s">
        <v>9</v>
      </c>
      <c r="F12551" s="7">
        <v>38657</v>
      </c>
      <c r="G12551" s="8">
        <v>1</v>
      </c>
      <c r="H12551" s="8">
        <v>1</v>
      </c>
      <c r="I12551" s="8">
        <v>0</v>
      </c>
      <c r="J12551" s="8">
        <v>1</v>
      </c>
      <c r="K12551" s="9">
        <v>2.9</v>
      </c>
      <c r="L12551" s="6" t="s">
        <v>51</v>
      </c>
    </row>
    <row r="12552" spans="1:12">
      <c r="A12552" s="6" t="s">
        <v>49</v>
      </c>
      <c r="B12552" s="6"/>
      <c r="C12552" s="6" t="s">
        <v>12576</v>
      </c>
      <c r="D12552" s="6"/>
      <c r="E12552" s="6" t="s">
        <v>9</v>
      </c>
      <c r="F12552" s="7">
        <v>38657</v>
      </c>
      <c r="G12552" s="8">
        <v>1</v>
      </c>
      <c r="H12552" s="8">
        <v>1</v>
      </c>
      <c r="I12552" s="8">
        <v>0</v>
      </c>
      <c r="J12552" s="8">
        <v>1</v>
      </c>
      <c r="K12552" s="9">
        <v>13</v>
      </c>
      <c r="L12552" s="6" t="s">
        <v>51</v>
      </c>
    </row>
    <row r="12553" spans="1:12">
      <c r="A12553" s="6" t="s">
        <v>49</v>
      </c>
      <c r="B12553" s="6"/>
      <c r="C12553" s="6" t="s">
        <v>12577</v>
      </c>
      <c r="D12553" s="6"/>
      <c r="E12553" s="6" t="s">
        <v>9</v>
      </c>
      <c r="F12553" s="7">
        <v>38657</v>
      </c>
      <c r="G12553" s="8">
        <v>1</v>
      </c>
      <c r="H12553" s="8">
        <v>1</v>
      </c>
      <c r="I12553" s="8">
        <v>0</v>
      </c>
      <c r="J12553" s="8">
        <v>1</v>
      </c>
      <c r="K12553" s="9">
        <v>4.92</v>
      </c>
      <c r="L12553" s="6" t="s">
        <v>51</v>
      </c>
    </row>
    <row r="12554" spans="1:12">
      <c r="A12554" s="6" t="s">
        <v>49</v>
      </c>
      <c r="B12554" s="6"/>
      <c r="C12554" s="6" t="s">
        <v>12578</v>
      </c>
      <c r="D12554" s="6"/>
      <c r="E12554" s="6" t="s">
        <v>9</v>
      </c>
      <c r="F12554" s="7">
        <v>38657</v>
      </c>
      <c r="G12554" s="8">
        <v>1</v>
      </c>
      <c r="H12554" s="8">
        <v>1</v>
      </c>
      <c r="I12554" s="8">
        <v>0</v>
      </c>
      <c r="J12554" s="8">
        <v>1</v>
      </c>
      <c r="K12554" s="9">
        <v>5.52</v>
      </c>
      <c r="L12554" s="6" t="s">
        <v>51</v>
      </c>
    </row>
    <row r="12555" spans="1:12">
      <c r="A12555" s="6" t="s">
        <v>49</v>
      </c>
      <c r="B12555" s="6"/>
      <c r="C12555" s="6" t="s">
        <v>12579</v>
      </c>
      <c r="D12555" s="6"/>
      <c r="E12555" s="6" t="s">
        <v>9</v>
      </c>
      <c r="F12555" s="7">
        <v>38657</v>
      </c>
      <c r="G12555" s="8">
        <v>1</v>
      </c>
      <c r="H12555" s="8">
        <v>1</v>
      </c>
      <c r="I12555" s="8">
        <v>0</v>
      </c>
      <c r="J12555" s="8">
        <v>1</v>
      </c>
      <c r="K12555" s="9">
        <v>29</v>
      </c>
      <c r="L12555" s="6" t="s">
        <v>51</v>
      </c>
    </row>
    <row r="12556" spans="1:12">
      <c r="A12556" s="6" t="s">
        <v>49</v>
      </c>
      <c r="B12556" s="6"/>
      <c r="C12556" s="6" t="s">
        <v>12580</v>
      </c>
      <c r="D12556" s="6"/>
      <c r="E12556" s="6" t="s">
        <v>9</v>
      </c>
      <c r="F12556" s="7">
        <v>38657</v>
      </c>
      <c r="G12556" s="8">
        <v>1</v>
      </c>
      <c r="H12556" s="8">
        <v>1</v>
      </c>
      <c r="I12556" s="8">
        <v>0</v>
      </c>
      <c r="J12556" s="8">
        <v>1</v>
      </c>
      <c r="K12556" s="9">
        <v>0.74</v>
      </c>
      <c r="L12556" s="6" t="s">
        <v>51</v>
      </c>
    </row>
    <row r="12557" spans="1:12">
      <c r="A12557" s="6" t="s">
        <v>49</v>
      </c>
      <c r="B12557" s="6"/>
      <c r="C12557" s="6" t="s">
        <v>12581</v>
      </c>
      <c r="D12557" s="6"/>
      <c r="E12557" s="6" t="s">
        <v>9</v>
      </c>
      <c r="F12557" s="7">
        <v>38657</v>
      </c>
      <c r="G12557" s="8">
        <v>1</v>
      </c>
      <c r="H12557" s="8">
        <v>1</v>
      </c>
      <c r="I12557" s="8">
        <v>0</v>
      </c>
      <c r="J12557" s="8">
        <v>1</v>
      </c>
      <c r="K12557" s="9">
        <v>8.64</v>
      </c>
      <c r="L12557" s="6" t="s">
        <v>51</v>
      </c>
    </row>
    <row r="12558" spans="1:12">
      <c r="A12558" s="6" t="s">
        <v>49</v>
      </c>
      <c r="B12558" s="6"/>
      <c r="C12558" s="6" t="s">
        <v>12582</v>
      </c>
      <c r="D12558" s="6"/>
      <c r="E12558" s="6" t="s">
        <v>9</v>
      </c>
      <c r="F12558" s="7">
        <v>38657</v>
      </c>
      <c r="G12558" s="8">
        <v>1</v>
      </c>
      <c r="H12558" s="8">
        <v>1</v>
      </c>
      <c r="I12558" s="8">
        <v>0</v>
      </c>
      <c r="J12558" s="8">
        <v>1</v>
      </c>
      <c r="K12558" s="9">
        <v>2.02999999999999</v>
      </c>
      <c r="L12558" s="6" t="s">
        <v>51</v>
      </c>
    </row>
    <row r="12559" spans="1:12">
      <c r="A12559" s="6" t="s">
        <v>49</v>
      </c>
      <c r="B12559" s="6"/>
      <c r="C12559" s="6" t="s">
        <v>12583</v>
      </c>
      <c r="D12559" s="6"/>
      <c r="E12559" s="6" t="s">
        <v>9</v>
      </c>
      <c r="F12559" s="7">
        <v>38657</v>
      </c>
      <c r="G12559" s="8">
        <v>1</v>
      </c>
      <c r="H12559" s="8">
        <v>1</v>
      </c>
      <c r="I12559" s="8">
        <v>0</v>
      </c>
      <c r="J12559" s="8">
        <v>1</v>
      </c>
      <c r="K12559" s="9">
        <v>44</v>
      </c>
      <c r="L12559" s="6" t="s">
        <v>51</v>
      </c>
    </row>
    <row r="12560" spans="1:12">
      <c r="A12560" s="6" t="s">
        <v>49</v>
      </c>
      <c r="B12560" s="6"/>
      <c r="C12560" s="6" t="s">
        <v>12584</v>
      </c>
      <c r="D12560" s="6"/>
      <c r="E12560" s="6" t="s">
        <v>9</v>
      </c>
      <c r="F12560" s="7">
        <v>38657</v>
      </c>
      <c r="G12560" s="8">
        <v>1</v>
      </c>
      <c r="H12560" s="8">
        <v>1</v>
      </c>
      <c r="I12560" s="8">
        <v>0</v>
      </c>
      <c r="J12560" s="8">
        <v>1</v>
      </c>
      <c r="K12560" s="9">
        <v>2.25</v>
      </c>
      <c r="L12560" s="6" t="s">
        <v>51</v>
      </c>
    </row>
    <row r="12561" spans="1:12">
      <c r="A12561" s="6" t="s">
        <v>49</v>
      </c>
      <c r="B12561" s="6"/>
      <c r="C12561" s="6" t="s">
        <v>12585</v>
      </c>
      <c r="D12561" s="6"/>
      <c r="E12561" s="6" t="s">
        <v>9</v>
      </c>
      <c r="F12561" s="7">
        <v>38657</v>
      </c>
      <c r="G12561" s="8">
        <v>1</v>
      </c>
      <c r="H12561" s="8">
        <v>1</v>
      </c>
      <c r="I12561" s="8">
        <v>0</v>
      </c>
      <c r="J12561" s="8">
        <v>1</v>
      </c>
      <c r="K12561" s="9">
        <v>48</v>
      </c>
      <c r="L12561" s="6" t="s">
        <v>51</v>
      </c>
    </row>
    <row r="12562" spans="1:12">
      <c r="A12562" s="6" t="s">
        <v>49</v>
      </c>
      <c r="B12562" s="6"/>
      <c r="C12562" s="6" t="s">
        <v>12586</v>
      </c>
      <c r="D12562" s="6"/>
      <c r="E12562" s="6" t="s">
        <v>9</v>
      </c>
      <c r="F12562" s="7">
        <v>38657</v>
      </c>
      <c r="G12562" s="8">
        <v>1</v>
      </c>
      <c r="H12562" s="8">
        <v>1</v>
      </c>
      <c r="I12562" s="8">
        <v>0</v>
      </c>
      <c r="J12562" s="8">
        <v>1</v>
      </c>
      <c r="K12562" s="9">
        <v>4.92</v>
      </c>
      <c r="L12562" s="6" t="s">
        <v>51</v>
      </c>
    </row>
    <row r="12563" spans="1:12">
      <c r="A12563" s="6" t="s">
        <v>49</v>
      </c>
      <c r="B12563" s="6"/>
      <c r="C12563" s="6" t="s">
        <v>12587</v>
      </c>
      <c r="D12563" s="6"/>
      <c r="E12563" s="6" t="s">
        <v>9</v>
      </c>
      <c r="F12563" s="7">
        <v>38657</v>
      </c>
      <c r="G12563" s="8">
        <v>1</v>
      </c>
      <c r="H12563" s="8">
        <v>1</v>
      </c>
      <c r="I12563" s="8">
        <v>0</v>
      </c>
      <c r="J12563" s="8">
        <v>1</v>
      </c>
      <c r="K12563" s="9">
        <v>27</v>
      </c>
      <c r="L12563" s="6" t="s">
        <v>51</v>
      </c>
    </row>
    <row r="12564" spans="1:12">
      <c r="A12564" s="6" t="s">
        <v>49</v>
      </c>
      <c r="B12564" s="6"/>
      <c r="C12564" s="6" t="s">
        <v>12588</v>
      </c>
      <c r="D12564" s="6"/>
      <c r="E12564" s="6" t="s">
        <v>9</v>
      </c>
      <c r="F12564" s="7">
        <v>38657</v>
      </c>
      <c r="G12564" s="8">
        <v>1</v>
      </c>
      <c r="H12564" s="8">
        <v>1</v>
      </c>
      <c r="I12564" s="8">
        <v>0</v>
      </c>
      <c r="J12564" s="8">
        <v>1</v>
      </c>
      <c r="K12564" s="9">
        <v>12</v>
      </c>
      <c r="L12564" s="6" t="s">
        <v>51</v>
      </c>
    </row>
    <row r="12565" spans="1:12">
      <c r="A12565" s="6" t="s">
        <v>49</v>
      </c>
      <c r="B12565" s="6"/>
      <c r="C12565" s="6" t="s">
        <v>12589</v>
      </c>
      <c r="D12565" s="6"/>
      <c r="E12565" s="6" t="s">
        <v>9</v>
      </c>
      <c r="F12565" s="7">
        <v>38657</v>
      </c>
      <c r="G12565" s="8">
        <v>1</v>
      </c>
      <c r="H12565" s="8">
        <v>1</v>
      </c>
      <c r="I12565" s="8">
        <v>0</v>
      </c>
      <c r="J12565" s="8">
        <v>1</v>
      </c>
      <c r="K12565" s="9">
        <v>0.2</v>
      </c>
      <c r="L12565" s="6" t="s">
        <v>51</v>
      </c>
    </row>
    <row r="12566" spans="1:12">
      <c r="A12566" s="6" t="s">
        <v>49</v>
      </c>
      <c r="B12566" s="6"/>
      <c r="C12566" s="6" t="s">
        <v>12590</v>
      </c>
      <c r="D12566" s="6"/>
      <c r="E12566" s="6" t="s">
        <v>9</v>
      </c>
      <c r="F12566" s="7">
        <v>38657</v>
      </c>
      <c r="G12566" s="8">
        <v>1</v>
      </c>
      <c r="H12566" s="8">
        <v>1</v>
      </c>
      <c r="I12566" s="8">
        <v>0</v>
      </c>
      <c r="J12566" s="8">
        <v>1</v>
      </c>
      <c r="K12566" s="9">
        <v>74</v>
      </c>
      <c r="L12566" s="6" t="s">
        <v>51</v>
      </c>
    </row>
    <row r="12567" spans="1:12">
      <c r="A12567" s="6" t="s">
        <v>49</v>
      </c>
      <c r="B12567" s="6"/>
      <c r="C12567" s="6" t="s">
        <v>12591</v>
      </c>
      <c r="D12567" s="6"/>
      <c r="E12567" s="6" t="s">
        <v>9</v>
      </c>
      <c r="F12567" s="7">
        <v>38657</v>
      </c>
      <c r="G12567" s="8">
        <v>1</v>
      </c>
      <c r="H12567" s="8">
        <v>1</v>
      </c>
      <c r="I12567" s="8">
        <v>0</v>
      </c>
      <c r="J12567" s="8">
        <v>1</v>
      </c>
      <c r="K12567" s="9">
        <v>59</v>
      </c>
      <c r="L12567" s="6" t="s">
        <v>51</v>
      </c>
    </row>
    <row r="12568" spans="1:12">
      <c r="A12568" s="6" t="s">
        <v>49</v>
      </c>
      <c r="B12568" s="6"/>
      <c r="C12568" s="6" t="s">
        <v>12592</v>
      </c>
      <c r="D12568" s="6"/>
      <c r="E12568" s="6" t="s">
        <v>9</v>
      </c>
      <c r="F12568" s="7">
        <v>38657</v>
      </c>
      <c r="G12568" s="8">
        <v>1</v>
      </c>
      <c r="H12568" s="8">
        <v>1</v>
      </c>
      <c r="I12568" s="8">
        <v>0</v>
      </c>
      <c r="J12568" s="8">
        <v>1</v>
      </c>
      <c r="K12568" s="9">
        <v>54</v>
      </c>
      <c r="L12568" s="6" t="s">
        <v>51</v>
      </c>
    </row>
    <row r="12569" spans="1:12">
      <c r="A12569" s="6" t="s">
        <v>49</v>
      </c>
      <c r="B12569" s="6"/>
      <c r="C12569" s="6" t="s">
        <v>12593</v>
      </c>
      <c r="D12569" s="6"/>
      <c r="E12569" s="6" t="s">
        <v>9</v>
      </c>
      <c r="F12569" s="7">
        <v>38657</v>
      </c>
      <c r="G12569" s="8">
        <v>1</v>
      </c>
      <c r="H12569" s="8">
        <v>1</v>
      </c>
      <c r="I12569" s="8">
        <v>0</v>
      </c>
      <c r="J12569" s="8">
        <v>1</v>
      </c>
      <c r="K12569" s="9">
        <v>53</v>
      </c>
      <c r="L12569" s="6" t="s">
        <v>51</v>
      </c>
    </row>
    <row r="12570" spans="1:12">
      <c r="A12570" s="6" t="s">
        <v>49</v>
      </c>
      <c r="B12570" s="6"/>
      <c r="C12570" s="6" t="s">
        <v>12594</v>
      </c>
      <c r="D12570" s="6"/>
      <c r="E12570" s="6" t="s">
        <v>9</v>
      </c>
      <c r="F12570" s="7">
        <v>38657</v>
      </c>
      <c r="G12570" s="8">
        <v>1</v>
      </c>
      <c r="H12570" s="8">
        <v>1</v>
      </c>
      <c r="I12570" s="8">
        <v>0</v>
      </c>
      <c r="J12570" s="8">
        <v>1</v>
      </c>
      <c r="K12570" s="9">
        <v>2.25</v>
      </c>
      <c r="L12570" s="6" t="s">
        <v>51</v>
      </c>
    </row>
    <row r="12571" spans="1:12">
      <c r="A12571" s="6" t="s">
        <v>49</v>
      </c>
      <c r="B12571" s="6"/>
      <c r="C12571" s="6" t="s">
        <v>12595</v>
      </c>
      <c r="D12571" s="6"/>
      <c r="E12571" s="6" t="s">
        <v>9</v>
      </c>
      <c r="F12571" s="7">
        <v>38657</v>
      </c>
      <c r="G12571" s="8">
        <v>1</v>
      </c>
      <c r="H12571" s="8">
        <v>1</v>
      </c>
      <c r="I12571" s="8">
        <v>0</v>
      </c>
      <c r="J12571" s="8">
        <v>1</v>
      </c>
      <c r="K12571" s="9">
        <v>70</v>
      </c>
      <c r="L12571" s="6" t="s">
        <v>51</v>
      </c>
    </row>
    <row r="12572" spans="1:12">
      <c r="A12572" s="6" t="s">
        <v>49</v>
      </c>
      <c r="B12572" s="6"/>
      <c r="C12572" s="6" t="s">
        <v>12596</v>
      </c>
      <c r="D12572" s="6"/>
      <c r="E12572" s="6" t="s">
        <v>9</v>
      </c>
      <c r="F12572" s="7">
        <v>38657</v>
      </c>
      <c r="G12572" s="8">
        <v>1</v>
      </c>
      <c r="H12572" s="8">
        <v>1</v>
      </c>
      <c r="I12572" s="8">
        <v>0</v>
      </c>
      <c r="J12572" s="8">
        <v>1</v>
      </c>
      <c r="K12572" s="9">
        <v>0.84</v>
      </c>
      <c r="L12572" s="6" t="s">
        <v>51</v>
      </c>
    </row>
    <row r="12573" spans="1:12">
      <c r="A12573" s="6" t="s">
        <v>49</v>
      </c>
      <c r="B12573" s="6"/>
      <c r="C12573" s="6" t="s">
        <v>12597</v>
      </c>
      <c r="D12573" s="6"/>
      <c r="E12573" s="6" t="s">
        <v>9</v>
      </c>
      <c r="F12573" s="7">
        <v>38657</v>
      </c>
      <c r="G12573" s="8">
        <v>1</v>
      </c>
      <c r="H12573" s="8">
        <v>1</v>
      </c>
      <c r="I12573" s="8">
        <v>0</v>
      </c>
      <c r="J12573" s="8">
        <v>1</v>
      </c>
      <c r="K12573" s="9">
        <v>9.02</v>
      </c>
      <c r="L12573" s="6" t="s">
        <v>51</v>
      </c>
    </row>
    <row r="12574" spans="1:12">
      <c r="A12574" s="6" t="s">
        <v>49</v>
      </c>
      <c r="B12574" s="6"/>
      <c r="C12574" s="6" t="s">
        <v>12598</v>
      </c>
      <c r="D12574" s="6"/>
      <c r="E12574" s="6" t="s">
        <v>9</v>
      </c>
      <c r="F12574" s="7">
        <v>38657</v>
      </c>
      <c r="G12574" s="8">
        <v>1</v>
      </c>
      <c r="H12574" s="8">
        <v>1</v>
      </c>
      <c r="I12574" s="8">
        <v>0</v>
      </c>
      <c r="J12574" s="8">
        <v>1</v>
      </c>
      <c r="K12574" s="9">
        <v>6.61</v>
      </c>
      <c r="L12574" s="6" t="s">
        <v>51</v>
      </c>
    </row>
    <row r="12575" spans="1:12">
      <c r="A12575" s="6" t="s">
        <v>49</v>
      </c>
      <c r="B12575" s="6"/>
      <c r="C12575" s="6" t="s">
        <v>12599</v>
      </c>
      <c r="D12575" s="6"/>
      <c r="E12575" s="6" t="s">
        <v>9</v>
      </c>
      <c r="F12575" s="7">
        <v>38657</v>
      </c>
      <c r="G12575" s="8">
        <v>1</v>
      </c>
      <c r="H12575" s="8">
        <v>1</v>
      </c>
      <c r="I12575" s="8">
        <v>0</v>
      </c>
      <c r="J12575" s="8">
        <v>1</v>
      </c>
      <c r="K12575" s="9">
        <v>24</v>
      </c>
      <c r="L12575" s="6" t="s">
        <v>51</v>
      </c>
    </row>
    <row r="12576" spans="1:12">
      <c r="A12576" s="6" t="s">
        <v>49</v>
      </c>
      <c r="B12576" s="6"/>
      <c r="C12576" s="6" t="s">
        <v>12600</v>
      </c>
      <c r="D12576" s="6"/>
      <c r="E12576" s="6" t="s">
        <v>9</v>
      </c>
      <c r="F12576" s="7">
        <v>38657</v>
      </c>
      <c r="G12576" s="8">
        <v>1</v>
      </c>
      <c r="H12576" s="8">
        <v>1</v>
      </c>
      <c r="I12576" s="8">
        <v>0</v>
      </c>
      <c r="J12576" s="8">
        <v>1</v>
      </c>
      <c r="K12576" s="9">
        <v>101</v>
      </c>
      <c r="L12576" s="6" t="s">
        <v>51</v>
      </c>
    </row>
    <row r="12577" spans="1:12">
      <c r="A12577" s="6" t="s">
        <v>49</v>
      </c>
      <c r="B12577" s="6"/>
      <c r="C12577" s="6" t="s">
        <v>12601</v>
      </c>
      <c r="D12577" s="6"/>
      <c r="E12577" s="6" t="s">
        <v>9</v>
      </c>
      <c r="F12577" s="7">
        <v>38657</v>
      </c>
      <c r="G12577" s="8">
        <v>1</v>
      </c>
      <c r="H12577" s="8">
        <v>1</v>
      </c>
      <c r="I12577" s="8">
        <v>0</v>
      </c>
      <c r="J12577" s="8">
        <v>1</v>
      </c>
      <c r="K12577" s="9">
        <v>39</v>
      </c>
      <c r="L12577" s="6" t="s">
        <v>51</v>
      </c>
    </row>
    <row r="12578" spans="1:12">
      <c r="A12578" s="6" t="s">
        <v>49</v>
      </c>
      <c r="B12578" s="6"/>
      <c r="C12578" s="6" t="s">
        <v>12602</v>
      </c>
      <c r="D12578" s="6"/>
      <c r="E12578" s="6" t="s">
        <v>9</v>
      </c>
      <c r="F12578" s="7">
        <v>38657</v>
      </c>
      <c r="G12578" s="8">
        <v>1</v>
      </c>
      <c r="H12578" s="8">
        <v>1</v>
      </c>
      <c r="I12578" s="8">
        <v>0</v>
      </c>
      <c r="J12578" s="8">
        <v>1</v>
      </c>
      <c r="K12578" s="9">
        <v>0.12</v>
      </c>
      <c r="L12578" s="6" t="s">
        <v>51</v>
      </c>
    </row>
    <row r="12579" spans="1:12">
      <c r="A12579" s="6" t="s">
        <v>49</v>
      </c>
      <c r="B12579" s="6"/>
      <c r="C12579" s="6" t="s">
        <v>12603</v>
      </c>
      <c r="D12579" s="6"/>
      <c r="E12579" s="6" t="s">
        <v>9</v>
      </c>
      <c r="F12579" s="7">
        <v>38657</v>
      </c>
      <c r="G12579" s="8">
        <v>1</v>
      </c>
      <c r="H12579" s="8">
        <v>1</v>
      </c>
      <c r="I12579" s="8">
        <v>0</v>
      </c>
      <c r="J12579" s="8">
        <v>1</v>
      </c>
      <c r="K12579" s="9">
        <v>128</v>
      </c>
      <c r="L12579" s="6" t="s">
        <v>51</v>
      </c>
    </row>
    <row r="12580" spans="1:12">
      <c r="A12580" s="6" t="s">
        <v>49</v>
      </c>
      <c r="B12580" s="6"/>
      <c r="C12580" s="6" t="s">
        <v>12604</v>
      </c>
      <c r="D12580" s="6"/>
      <c r="E12580" s="6" t="s">
        <v>9</v>
      </c>
      <c r="F12580" s="7">
        <v>38657</v>
      </c>
      <c r="G12580" s="8">
        <v>1</v>
      </c>
      <c r="H12580" s="8">
        <v>1</v>
      </c>
      <c r="I12580" s="8">
        <v>0</v>
      </c>
      <c r="J12580" s="8">
        <v>1</v>
      </c>
      <c r="K12580" s="9">
        <v>60</v>
      </c>
      <c r="L12580" s="6" t="s">
        <v>51</v>
      </c>
    </row>
    <row r="12581" spans="1:12">
      <c r="A12581" s="6" t="s">
        <v>49</v>
      </c>
      <c r="B12581" s="6"/>
      <c r="C12581" s="6" t="s">
        <v>12605</v>
      </c>
      <c r="D12581" s="6"/>
      <c r="E12581" s="6" t="s">
        <v>9</v>
      </c>
      <c r="F12581" s="7">
        <v>38657</v>
      </c>
      <c r="G12581" s="8">
        <v>1</v>
      </c>
      <c r="H12581" s="8">
        <v>1</v>
      </c>
      <c r="I12581" s="8">
        <v>0</v>
      </c>
      <c r="J12581" s="8">
        <v>1</v>
      </c>
      <c r="K12581" s="9">
        <v>43</v>
      </c>
      <c r="L12581" s="6" t="s">
        <v>51</v>
      </c>
    </row>
    <row r="12582" spans="1:12">
      <c r="A12582" s="6" t="s">
        <v>49</v>
      </c>
      <c r="B12582" s="6"/>
      <c r="C12582" s="6" t="s">
        <v>12606</v>
      </c>
      <c r="D12582" s="6"/>
      <c r="E12582" s="6" t="s">
        <v>9</v>
      </c>
      <c r="F12582" s="7">
        <v>38657</v>
      </c>
      <c r="G12582" s="8">
        <v>1</v>
      </c>
      <c r="H12582" s="8">
        <v>1</v>
      </c>
      <c r="I12582" s="8">
        <v>0</v>
      </c>
      <c r="J12582" s="8">
        <v>1</v>
      </c>
      <c r="K12582" s="9">
        <v>65</v>
      </c>
      <c r="L12582" s="6" t="s">
        <v>51</v>
      </c>
    </row>
    <row r="12583" spans="1:12">
      <c r="A12583" s="6" t="s">
        <v>49</v>
      </c>
      <c r="B12583" s="6"/>
      <c r="C12583" s="6" t="s">
        <v>12607</v>
      </c>
      <c r="D12583" s="6"/>
      <c r="E12583" s="6" t="s">
        <v>9</v>
      </c>
      <c r="F12583" s="7">
        <v>38657</v>
      </c>
      <c r="G12583" s="8">
        <v>1</v>
      </c>
      <c r="H12583" s="8">
        <v>1</v>
      </c>
      <c r="I12583" s="8">
        <v>0</v>
      </c>
      <c r="J12583" s="8">
        <v>1</v>
      </c>
      <c r="K12583" s="9">
        <v>44</v>
      </c>
      <c r="L12583" s="6" t="s">
        <v>51</v>
      </c>
    </row>
    <row r="12584" spans="1:12">
      <c r="A12584" s="6" t="s">
        <v>49</v>
      </c>
      <c r="B12584" s="6"/>
      <c r="C12584" s="6" t="s">
        <v>12608</v>
      </c>
      <c r="D12584" s="6"/>
      <c r="E12584" s="6" t="s">
        <v>9</v>
      </c>
      <c r="F12584" s="7">
        <v>38657</v>
      </c>
      <c r="G12584" s="8">
        <v>1</v>
      </c>
      <c r="H12584" s="8">
        <v>1</v>
      </c>
      <c r="I12584" s="8">
        <v>0</v>
      </c>
      <c r="J12584" s="8">
        <v>1</v>
      </c>
      <c r="K12584" s="9">
        <v>6.61</v>
      </c>
      <c r="L12584" s="6" t="s">
        <v>51</v>
      </c>
    </row>
    <row r="12585" spans="1:12">
      <c r="A12585" s="6" t="s">
        <v>49</v>
      </c>
      <c r="B12585" s="6"/>
      <c r="C12585" s="6" t="s">
        <v>12609</v>
      </c>
      <c r="D12585" s="6"/>
      <c r="E12585" s="6" t="s">
        <v>9</v>
      </c>
      <c r="F12585" s="7">
        <v>38657</v>
      </c>
      <c r="G12585" s="8">
        <v>1</v>
      </c>
      <c r="H12585" s="8">
        <v>1</v>
      </c>
      <c r="I12585" s="8">
        <v>0</v>
      </c>
      <c r="J12585" s="8">
        <v>1</v>
      </c>
      <c r="K12585" s="9">
        <v>4.49</v>
      </c>
      <c r="L12585" s="6" t="s">
        <v>51</v>
      </c>
    </row>
    <row r="12586" spans="1:12">
      <c r="A12586" s="6" t="s">
        <v>49</v>
      </c>
      <c r="B12586" s="6"/>
      <c r="C12586" s="6" t="s">
        <v>12610</v>
      </c>
      <c r="D12586" s="6"/>
      <c r="E12586" s="6" t="s">
        <v>9</v>
      </c>
      <c r="F12586" s="7">
        <v>38657</v>
      </c>
      <c r="G12586" s="8">
        <v>1</v>
      </c>
      <c r="H12586" s="8">
        <v>1</v>
      </c>
      <c r="I12586" s="8">
        <v>0</v>
      </c>
      <c r="J12586" s="8">
        <v>1</v>
      </c>
      <c r="K12586" s="9">
        <v>28</v>
      </c>
      <c r="L12586" s="6" t="s">
        <v>51</v>
      </c>
    </row>
    <row r="12587" spans="1:12">
      <c r="A12587" s="6" t="s">
        <v>49</v>
      </c>
      <c r="B12587" s="6"/>
      <c r="C12587" s="6" t="s">
        <v>12611</v>
      </c>
      <c r="D12587" s="6"/>
      <c r="E12587" s="6" t="s">
        <v>9</v>
      </c>
      <c r="F12587" s="7">
        <v>38657</v>
      </c>
      <c r="G12587" s="8">
        <v>1</v>
      </c>
      <c r="H12587" s="8">
        <v>1</v>
      </c>
      <c r="I12587" s="8">
        <v>0</v>
      </c>
      <c r="J12587" s="8">
        <v>1</v>
      </c>
      <c r="K12587" s="9">
        <v>27.23</v>
      </c>
      <c r="L12587" s="6" t="s">
        <v>51</v>
      </c>
    </row>
    <row r="12588" spans="1:12">
      <c r="A12588" s="6" t="s">
        <v>49</v>
      </c>
      <c r="B12588" s="6"/>
      <c r="C12588" s="6" t="s">
        <v>12612</v>
      </c>
      <c r="D12588" s="6"/>
      <c r="E12588" s="6" t="s">
        <v>9</v>
      </c>
      <c r="F12588" s="7">
        <v>38657</v>
      </c>
      <c r="G12588" s="8">
        <v>1</v>
      </c>
      <c r="H12588" s="8">
        <v>1</v>
      </c>
      <c r="I12588" s="8">
        <v>0</v>
      </c>
      <c r="J12588" s="8">
        <v>1</v>
      </c>
      <c r="K12588" s="9">
        <v>52</v>
      </c>
      <c r="L12588" s="6" t="s">
        <v>51</v>
      </c>
    </row>
    <row r="12589" spans="1:12">
      <c r="A12589" s="6" t="s">
        <v>49</v>
      </c>
      <c r="B12589" s="6"/>
      <c r="C12589" s="6" t="s">
        <v>12613</v>
      </c>
      <c r="D12589" s="6"/>
      <c r="E12589" s="6" t="s">
        <v>9</v>
      </c>
      <c r="F12589" s="7">
        <v>38657</v>
      </c>
      <c r="G12589" s="8">
        <v>1</v>
      </c>
      <c r="H12589" s="8">
        <v>1</v>
      </c>
      <c r="I12589" s="8">
        <v>0</v>
      </c>
      <c r="J12589" s="8">
        <v>1</v>
      </c>
      <c r="K12589" s="9">
        <v>58</v>
      </c>
      <c r="L12589" s="6" t="s">
        <v>51</v>
      </c>
    </row>
    <row r="12590" spans="1:12">
      <c r="A12590" s="6" t="s">
        <v>49</v>
      </c>
      <c r="B12590" s="6"/>
      <c r="C12590" s="6" t="s">
        <v>12614</v>
      </c>
      <c r="D12590" s="6"/>
      <c r="E12590" s="6" t="s">
        <v>9</v>
      </c>
      <c r="F12590" s="7">
        <v>38657</v>
      </c>
      <c r="G12590" s="8">
        <v>1</v>
      </c>
      <c r="H12590" s="8">
        <v>1</v>
      </c>
      <c r="I12590" s="8">
        <v>0</v>
      </c>
      <c r="J12590" s="8">
        <v>1</v>
      </c>
      <c r="K12590" s="9">
        <v>33</v>
      </c>
      <c r="L12590" s="6" t="s">
        <v>51</v>
      </c>
    </row>
    <row r="12591" spans="1:12">
      <c r="A12591" s="6" t="s">
        <v>49</v>
      </c>
      <c r="B12591" s="6"/>
      <c r="C12591" s="6" t="s">
        <v>12615</v>
      </c>
      <c r="D12591" s="6"/>
      <c r="E12591" s="6" t="s">
        <v>9</v>
      </c>
      <c r="F12591" s="7">
        <v>38657</v>
      </c>
      <c r="G12591" s="8">
        <v>1</v>
      </c>
      <c r="H12591" s="8">
        <v>1</v>
      </c>
      <c r="I12591" s="8">
        <v>0</v>
      </c>
      <c r="J12591" s="8">
        <v>1</v>
      </c>
      <c r="K12591" s="9">
        <v>42</v>
      </c>
      <c r="L12591" s="6" t="s">
        <v>51</v>
      </c>
    </row>
    <row r="12592" spans="1:12">
      <c r="A12592" s="6" t="s">
        <v>49</v>
      </c>
      <c r="B12592" s="6"/>
      <c r="C12592" s="6" t="s">
        <v>12616</v>
      </c>
      <c r="D12592" s="6"/>
      <c r="E12592" s="6" t="s">
        <v>9</v>
      </c>
      <c r="F12592" s="7">
        <v>38657</v>
      </c>
      <c r="G12592" s="8">
        <v>1</v>
      </c>
      <c r="H12592" s="8">
        <v>1</v>
      </c>
      <c r="I12592" s="8">
        <v>0</v>
      </c>
      <c r="J12592" s="8">
        <v>1</v>
      </c>
      <c r="K12592" s="9">
        <v>92</v>
      </c>
      <c r="L12592" s="6" t="s">
        <v>51</v>
      </c>
    </row>
    <row r="12593" spans="1:12">
      <c r="A12593" s="6" t="s">
        <v>49</v>
      </c>
      <c r="B12593" s="6"/>
      <c r="C12593" s="6" t="s">
        <v>12617</v>
      </c>
      <c r="D12593" s="6"/>
      <c r="E12593" s="6" t="s">
        <v>9</v>
      </c>
      <c r="F12593" s="7">
        <v>38657</v>
      </c>
      <c r="G12593" s="8">
        <v>1</v>
      </c>
      <c r="H12593" s="8">
        <v>1</v>
      </c>
      <c r="I12593" s="8">
        <v>0</v>
      </c>
      <c r="J12593" s="8">
        <v>1</v>
      </c>
      <c r="K12593" s="9">
        <v>39</v>
      </c>
      <c r="L12593" s="6" t="s">
        <v>51</v>
      </c>
    </row>
    <row r="12594" spans="1:12">
      <c r="A12594" s="6" t="s">
        <v>49</v>
      </c>
      <c r="B12594" s="6"/>
      <c r="C12594" s="6" t="s">
        <v>12618</v>
      </c>
      <c r="D12594" s="6"/>
      <c r="E12594" s="6" t="s">
        <v>9</v>
      </c>
      <c r="F12594" s="7">
        <v>38657</v>
      </c>
      <c r="G12594" s="8">
        <v>1</v>
      </c>
      <c r="H12594" s="8">
        <v>1</v>
      </c>
      <c r="I12594" s="8">
        <v>0</v>
      </c>
      <c r="J12594" s="8">
        <v>1</v>
      </c>
      <c r="K12594" s="9">
        <v>92</v>
      </c>
      <c r="L12594" s="6" t="s">
        <v>51</v>
      </c>
    </row>
    <row r="12595" spans="1:12">
      <c r="A12595" s="6" t="s">
        <v>49</v>
      </c>
      <c r="B12595" s="6"/>
      <c r="C12595" s="6" t="s">
        <v>12619</v>
      </c>
      <c r="D12595" s="6"/>
      <c r="E12595" s="6" t="s">
        <v>9</v>
      </c>
      <c r="F12595" s="7">
        <v>38657</v>
      </c>
      <c r="G12595" s="8">
        <v>1</v>
      </c>
      <c r="H12595" s="8">
        <v>1</v>
      </c>
      <c r="I12595" s="8">
        <v>0</v>
      </c>
      <c r="J12595" s="8">
        <v>1</v>
      </c>
      <c r="K12595" s="9">
        <v>93</v>
      </c>
      <c r="L12595" s="6" t="s">
        <v>51</v>
      </c>
    </row>
    <row r="12596" spans="1:12">
      <c r="A12596" s="6" t="s">
        <v>49</v>
      </c>
      <c r="B12596" s="6"/>
      <c r="C12596" s="6" t="s">
        <v>12620</v>
      </c>
      <c r="D12596" s="6"/>
      <c r="E12596" s="6" t="s">
        <v>9</v>
      </c>
      <c r="F12596" s="7">
        <v>38657</v>
      </c>
      <c r="G12596" s="8">
        <v>1</v>
      </c>
      <c r="H12596" s="8">
        <v>1</v>
      </c>
      <c r="I12596" s="8">
        <v>0</v>
      </c>
      <c r="J12596" s="8">
        <v>1</v>
      </c>
      <c r="K12596" s="9">
        <v>4.0599999999999898</v>
      </c>
      <c r="L12596" s="6" t="s">
        <v>51</v>
      </c>
    </row>
    <row r="12597" spans="1:12">
      <c r="A12597" s="6" t="s">
        <v>49</v>
      </c>
      <c r="B12597" s="6"/>
      <c r="C12597" s="6" t="s">
        <v>12621</v>
      </c>
      <c r="D12597" s="6"/>
      <c r="E12597" s="6" t="s">
        <v>9</v>
      </c>
      <c r="F12597" s="7">
        <v>38657</v>
      </c>
      <c r="G12597" s="8">
        <v>1</v>
      </c>
      <c r="H12597" s="8">
        <v>1</v>
      </c>
      <c r="I12597" s="8">
        <v>0</v>
      </c>
      <c r="J12597" s="8">
        <v>1</v>
      </c>
      <c r="K12597" s="9">
        <v>10</v>
      </c>
      <c r="L12597" s="6" t="s">
        <v>51</v>
      </c>
    </row>
    <row r="12598" spans="1:12">
      <c r="A12598" s="6" t="s">
        <v>49</v>
      </c>
      <c r="B12598" s="6"/>
      <c r="C12598" s="6" t="s">
        <v>12622</v>
      </c>
      <c r="D12598" s="6"/>
      <c r="E12598" s="6" t="s">
        <v>9</v>
      </c>
      <c r="F12598" s="7">
        <v>38657</v>
      </c>
      <c r="G12598" s="8">
        <v>1</v>
      </c>
      <c r="H12598" s="8">
        <v>1</v>
      </c>
      <c r="I12598" s="8">
        <v>0</v>
      </c>
      <c r="J12598" s="8">
        <v>1</v>
      </c>
      <c r="K12598" s="9">
        <v>5.5</v>
      </c>
      <c r="L12598" s="6" t="s">
        <v>51</v>
      </c>
    </row>
    <row r="12599" spans="1:12">
      <c r="A12599" s="6" t="s">
        <v>49</v>
      </c>
      <c r="B12599" s="6"/>
      <c r="C12599" s="6" t="s">
        <v>12623</v>
      </c>
      <c r="D12599" s="6"/>
      <c r="E12599" s="6" t="s">
        <v>9</v>
      </c>
      <c r="F12599" s="7">
        <v>38657</v>
      </c>
      <c r="G12599" s="8">
        <v>1</v>
      </c>
      <c r="H12599" s="8">
        <v>1</v>
      </c>
      <c r="I12599" s="8">
        <v>0</v>
      </c>
      <c r="J12599" s="8">
        <v>1</v>
      </c>
      <c r="K12599" s="9">
        <v>3.66</v>
      </c>
      <c r="L12599" s="6" t="s">
        <v>51</v>
      </c>
    </row>
    <row r="12600" spans="1:12">
      <c r="A12600" s="6" t="s">
        <v>49</v>
      </c>
      <c r="B12600" s="6"/>
      <c r="C12600" s="6" t="s">
        <v>12624</v>
      </c>
      <c r="D12600" s="6"/>
      <c r="E12600" s="6" t="s">
        <v>9</v>
      </c>
      <c r="F12600" s="7">
        <v>38657</v>
      </c>
      <c r="G12600" s="8">
        <v>1</v>
      </c>
      <c r="H12600" s="8">
        <v>1</v>
      </c>
      <c r="I12600" s="8">
        <v>0</v>
      </c>
      <c r="J12600" s="8">
        <v>1</v>
      </c>
      <c r="K12600" s="9">
        <v>3.7</v>
      </c>
      <c r="L12600" s="6" t="s">
        <v>51</v>
      </c>
    </row>
    <row r="12601" spans="1:12">
      <c r="A12601" s="6" t="s">
        <v>49</v>
      </c>
      <c r="B12601" s="6"/>
      <c r="C12601" s="6" t="s">
        <v>12625</v>
      </c>
      <c r="D12601" s="6"/>
      <c r="E12601" s="6" t="s">
        <v>9</v>
      </c>
      <c r="F12601" s="7">
        <v>38657</v>
      </c>
      <c r="G12601" s="8">
        <v>1</v>
      </c>
      <c r="H12601" s="8">
        <v>1</v>
      </c>
      <c r="I12601" s="8">
        <v>0</v>
      </c>
      <c r="J12601" s="8">
        <v>1</v>
      </c>
      <c r="K12601" s="9">
        <v>1.37</v>
      </c>
      <c r="L12601" s="6" t="s">
        <v>51</v>
      </c>
    </row>
    <row r="12602" spans="1:12">
      <c r="A12602" s="6" t="s">
        <v>49</v>
      </c>
      <c r="B12602" s="6"/>
      <c r="C12602" s="6" t="s">
        <v>12626</v>
      </c>
      <c r="D12602" s="6"/>
      <c r="E12602" s="6" t="s">
        <v>9</v>
      </c>
      <c r="F12602" s="7">
        <v>38657</v>
      </c>
      <c r="G12602" s="8">
        <v>1</v>
      </c>
      <c r="H12602" s="8">
        <v>1</v>
      </c>
      <c r="I12602" s="8">
        <v>0</v>
      </c>
      <c r="J12602" s="8">
        <v>1</v>
      </c>
      <c r="K12602" s="9">
        <v>67</v>
      </c>
      <c r="L12602" s="6" t="s">
        <v>51</v>
      </c>
    </row>
    <row r="12603" spans="1:12">
      <c r="A12603" s="6" t="s">
        <v>49</v>
      </c>
      <c r="B12603" s="6"/>
      <c r="C12603" s="6" t="s">
        <v>12627</v>
      </c>
      <c r="D12603" s="6"/>
      <c r="E12603" s="6" t="s">
        <v>9</v>
      </c>
      <c r="F12603" s="7">
        <v>38657</v>
      </c>
      <c r="G12603" s="8">
        <v>1</v>
      </c>
      <c r="H12603" s="8">
        <v>1</v>
      </c>
      <c r="I12603" s="8">
        <v>0</v>
      </c>
      <c r="J12603" s="8">
        <v>1</v>
      </c>
      <c r="K12603" s="9">
        <v>278</v>
      </c>
      <c r="L12603" s="6" t="s">
        <v>51</v>
      </c>
    </row>
    <row r="12604" spans="1:12">
      <c r="A12604" s="6" t="s">
        <v>49</v>
      </c>
      <c r="B12604" s="6"/>
      <c r="C12604" s="6" t="s">
        <v>12628</v>
      </c>
      <c r="D12604" s="6"/>
      <c r="E12604" s="6" t="s">
        <v>9</v>
      </c>
      <c r="F12604" s="7">
        <v>38657</v>
      </c>
      <c r="G12604" s="8">
        <v>1</v>
      </c>
      <c r="H12604" s="8">
        <v>1</v>
      </c>
      <c r="I12604" s="8">
        <v>0</v>
      </c>
      <c r="J12604" s="8">
        <v>1</v>
      </c>
      <c r="K12604" s="9">
        <v>133</v>
      </c>
      <c r="L12604" s="6" t="s">
        <v>51</v>
      </c>
    </row>
    <row r="12605" spans="1:12">
      <c r="A12605" s="6" t="s">
        <v>49</v>
      </c>
      <c r="B12605" s="6"/>
      <c r="C12605" s="6" t="s">
        <v>12629</v>
      </c>
      <c r="D12605" s="6"/>
      <c r="E12605" s="6" t="s">
        <v>9</v>
      </c>
      <c r="F12605" s="7">
        <v>38657</v>
      </c>
      <c r="G12605" s="8">
        <v>1</v>
      </c>
      <c r="H12605" s="8">
        <v>1</v>
      </c>
      <c r="I12605" s="8">
        <v>0</v>
      </c>
      <c r="J12605" s="8">
        <v>1</v>
      </c>
      <c r="K12605" s="9">
        <v>17</v>
      </c>
      <c r="L12605" s="6" t="s">
        <v>51</v>
      </c>
    </row>
    <row r="12606" spans="1:12">
      <c r="A12606" s="6" t="s">
        <v>49</v>
      </c>
      <c r="B12606" s="6"/>
      <c r="C12606" s="6" t="s">
        <v>12630</v>
      </c>
      <c r="D12606" s="6"/>
      <c r="E12606" s="6" t="s">
        <v>9</v>
      </c>
      <c r="F12606" s="7">
        <v>38657</v>
      </c>
      <c r="G12606" s="8">
        <v>1</v>
      </c>
      <c r="H12606" s="8">
        <v>1</v>
      </c>
      <c r="I12606" s="8">
        <v>0</v>
      </c>
      <c r="J12606" s="8">
        <v>1</v>
      </c>
      <c r="K12606" s="9">
        <v>701</v>
      </c>
      <c r="L12606" s="6" t="s">
        <v>51</v>
      </c>
    </row>
    <row r="12607" spans="1:12">
      <c r="A12607" s="6" t="s">
        <v>49</v>
      </c>
      <c r="B12607" s="6"/>
      <c r="C12607" s="6" t="s">
        <v>12631</v>
      </c>
      <c r="D12607" s="6"/>
      <c r="E12607" s="6" t="s">
        <v>9</v>
      </c>
      <c r="F12607" s="7">
        <v>38657</v>
      </c>
      <c r="G12607" s="8">
        <v>1</v>
      </c>
      <c r="H12607" s="8">
        <v>1</v>
      </c>
      <c r="I12607" s="8">
        <v>0</v>
      </c>
      <c r="J12607" s="8">
        <v>1</v>
      </c>
      <c r="K12607" s="9">
        <v>5.35</v>
      </c>
      <c r="L12607" s="6" t="s">
        <v>51</v>
      </c>
    </row>
    <row r="12608" spans="1:12">
      <c r="A12608" s="6" t="s">
        <v>49</v>
      </c>
      <c r="B12608" s="6"/>
      <c r="C12608" s="6" t="s">
        <v>12632</v>
      </c>
      <c r="D12608" s="6"/>
      <c r="E12608" s="6" t="s">
        <v>9</v>
      </c>
      <c r="F12608" s="7">
        <v>38657</v>
      </c>
      <c r="G12608" s="8">
        <v>1</v>
      </c>
      <c r="H12608" s="8">
        <v>1</v>
      </c>
      <c r="I12608" s="8">
        <v>0</v>
      </c>
      <c r="J12608" s="8">
        <v>1</v>
      </c>
      <c r="K12608" s="9">
        <v>61</v>
      </c>
      <c r="L12608" s="6" t="s">
        <v>51</v>
      </c>
    </row>
    <row r="12609" spans="1:12">
      <c r="A12609" s="6" t="s">
        <v>49</v>
      </c>
      <c r="B12609" s="6"/>
      <c r="C12609" s="6" t="s">
        <v>12633</v>
      </c>
      <c r="D12609" s="6"/>
      <c r="E12609" s="6" t="s">
        <v>9</v>
      </c>
      <c r="F12609" s="7">
        <v>38657</v>
      </c>
      <c r="G12609" s="8">
        <v>1</v>
      </c>
      <c r="H12609" s="8">
        <v>1</v>
      </c>
      <c r="I12609" s="8">
        <v>0</v>
      </c>
      <c r="J12609" s="8">
        <v>1</v>
      </c>
      <c r="K12609" s="9">
        <v>122</v>
      </c>
      <c r="L12609" s="6" t="s">
        <v>51</v>
      </c>
    </row>
    <row r="12610" spans="1:12">
      <c r="A12610" s="6" t="s">
        <v>49</v>
      </c>
      <c r="B12610" s="6"/>
      <c r="C12610" s="6" t="s">
        <v>12634</v>
      </c>
      <c r="D12610" s="6"/>
      <c r="E12610" s="6" t="s">
        <v>9</v>
      </c>
      <c r="F12610" s="7">
        <v>38657</v>
      </c>
      <c r="G12610" s="8">
        <v>1</v>
      </c>
      <c r="H12610" s="8">
        <v>1</v>
      </c>
      <c r="I12610" s="8">
        <v>0</v>
      </c>
      <c r="J12610" s="8">
        <v>1</v>
      </c>
      <c r="K12610" s="9">
        <v>72</v>
      </c>
      <c r="L12610" s="6" t="s">
        <v>51</v>
      </c>
    </row>
    <row r="12611" spans="1:12">
      <c r="A12611" s="6" t="s">
        <v>49</v>
      </c>
      <c r="B12611" s="6"/>
      <c r="C12611" s="6" t="s">
        <v>12635</v>
      </c>
      <c r="D12611" s="6"/>
      <c r="E12611" s="6" t="s">
        <v>9</v>
      </c>
      <c r="F12611" s="7">
        <v>38657</v>
      </c>
      <c r="G12611" s="8">
        <v>1</v>
      </c>
      <c r="H12611" s="8">
        <v>1</v>
      </c>
      <c r="I12611" s="8">
        <v>0</v>
      </c>
      <c r="J12611" s="8">
        <v>1</v>
      </c>
      <c r="K12611" s="9">
        <v>98</v>
      </c>
      <c r="L12611" s="6" t="s">
        <v>51</v>
      </c>
    </row>
    <row r="12612" spans="1:12">
      <c r="A12612" s="6" t="s">
        <v>49</v>
      </c>
      <c r="B12612" s="6"/>
      <c r="C12612" s="6" t="s">
        <v>12636</v>
      </c>
      <c r="D12612" s="6"/>
      <c r="E12612" s="6" t="s">
        <v>9</v>
      </c>
      <c r="F12612" s="7">
        <v>38657</v>
      </c>
      <c r="G12612" s="8">
        <v>1</v>
      </c>
      <c r="H12612" s="8">
        <v>1</v>
      </c>
      <c r="I12612" s="8">
        <v>0</v>
      </c>
      <c r="J12612" s="8">
        <v>1</v>
      </c>
      <c r="K12612" s="9">
        <v>113</v>
      </c>
      <c r="L12612" s="6" t="s">
        <v>51</v>
      </c>
    </row>
    <row r="12613" spans="1:12">
      <c r="A12613" s="6" t="s">
        <v>49</v>
      </c>
      <c r="B12613" s="6"/>
      <c r="C12613" s="6" t="s">
        <v>12637</v>
      </c>
      <c r="D12613" s="6"/>
      <c r="E12613" s="6" t="s">
        <v>9</v>
      </c>
      <c r="F12613" s="7">
        <v>38657</v>
      </c>
      <c r="G12613" s="8">
        <v>1</v>
      </c>
      <c r="H12613" s="8">
        <v>1</v>
      </c>
      <c r="I12613" s="8">
        <v>0</v>
      </c>
      <c r="J12613" s="8">
        <v>1</v>
      </c>
      <c r="K12613" s="9">
        <v>161</v>
      </c>
      <c r="L12613" s="6" t="s">
        <v>51</v>
      </c>
    </row>
    <row r="12614" spans="1:12">
      <c r="A12614" s="6" t="s">
        <v>49</v>
      </c>
      <c r="B12614" s="6"/>
      <c r="C12614" s="6" t="s">
        <v>12638</v>
      </c>
      <c r="D12614" s="6"/>
      <c r="E12614" s="6" t="s">
        <v>9</v>
      </c>
      <c r="F12614" s="7">
        <v>38657</v>
      </c>
      <c r="G12614" s="8">
        <v>1</v>
      </c>
      <c r="H12614" s="8">
        <v>1</v>
      </c>
      <c r="I12614" s="8">
        <v>0</v>
      </c>
      <c r="J12614" s="8">
        <v>1</v>
      </c>
      <c r="K12614" s="9">
        <v>24</v>
      </c>
      <c r="L12614" s="6" t="s">
        <v>51</v>
      </c>
    </row>
    <row r="12615" spans="1:12">
      <c r="A12615" s="6" t="s">
        <v>49</v>
      </c>
      <c r="B12615" s="6"/>
      <c r="C12615" s="6" t="s">
        <v>12639</v>
      </c>
      <c r="D12615" s="6"/>
      <c r="E12615" s="6" t="s">
        <v>9</v>
      </c>
      <c r="F12615" s="7">
        <v>38657</v>
      </c>
      <c r="G12615" s="8">
        <v>1</v>
      </c>
      <c r="H12615" s="8">
        <v>1</v>
      </c>
      <c r="I12615" s="8">
        <v>0</v>
      </c>
      <c r="J12615" s="8">
        <v>1</v>
      </c>
      <c r="K12615" s="9">
        <v>18</v>
      </c>
      <c r="L12615" s="6" t="s">
        <v>51</v>
      </c>
    </row>
    <row r="12616" spans="1:12">
      <c r="A12616" s="6" t="s">
        <v>49</v>
      </c>
      <c r="B12616" s="6"/>
      <c r="C12616" s="6" t="s">
        <v>12640</v>
      </c>
      <c r="D12616" s="6"/>
      <c r="E12616" s="6" t="s">
        <v>9</v>
      </c>
      <c r="F12616" s="7">
        <v>38657</v>
      </c>
      <c r="G12616" s="8">
        <v>1</v>
      </c>
      <c r="H12616" s="8">
        <v>1</v>
      </c>
      <c r="I12616" s="8">
        <v>0</v>
      </c>
      <c r="J12616" s="8">
        <v>1</v>
      </c>
      <c r="K12616" s="9">
        <v>60</v>
      </c>
      <c r="L12616" s="6" t="s">
        <v>51</v>
      </c>
    </row>
    <row r="12617" spans="1:12">
      <c r="A12617" s="6" t="s">
        <v>49</v>
      </c>
      <c r="B12617" s="6"/>
      <c r="C12617" s="6" t="s">
        <v>12641</v>
      </c>
      <c r="D12617" s="6"/>
      <c r="E12617" s="6" t="s">
        <v>9</v>
      </c>
      <c r="F12617" s="7">
        <v>38657</v>
      </c>
      <c r="G12617" s="8">
        <v>1</v>
      </c>
      <c r="H12617" s="8">
        <v>1</v>
      </c>
      <c r="I12617" s="8">
        <v>0</v>
      </c>
      <c r="J12617" s="8">
        <v>1</v>
      </c>
      <c r="K12617" s="9">
        <v>9.4700000000000006</v>
      </c>
      <c r="L12617" s="6" t="s">
        <v>51</v>
      </c>
    </row>
    <row r="12618" spans="1:12">
      <c r="A12618" s="6" t="s">
        <v>49</v>
      </c>
      <c r="B12618" s="6"/>
      <c r="C12618" s="6" t="s">
        <v>12642</v>
      </c>
      <c r="D12618" s="6"/>
      <c r="E12618" s="6" t="s">
        <v>9</v>
      </c>
      <c r="F12618" s="7">
        <v>38657</v>
      </c>
      <c r="G12618" s="8">
        <v>1</v>
      </c>
      <c r="H12618" s="8">
        <v>1</v>
      </c>
      <c r="I12618" s="8">
        <v>0</v>
      </c>
      <c r="J12618" s="8">
        <v>1</v>
      </c>
      <c r="K12618" s="9">
        <v>5.32</v>
      </c>
      <c r="L12618" s="6" t="s">
        <v>51</v>
      </c>
    </row>
    <row r="12619" spans="1:12">
      <c r="A12619" s="6" t="s">
        <v>49</v>
      </c>
      <c r="B12619" s="6"/>
      <c r="C12619" s="6" t="s">
        <v>12643</v>
      </c>
      <c r="D12619" s="6"/>
      <c r="E12619" s="6" t="s">
        <v>9</v>
      </c>
      <c r="F12619" s="7">
        <v>38657</v>
      </c>
      <c r="G12619" s="8">
        <v>1</v>
      </c>
      <c r="H12619" s="8">
        <v>1</v>
      </c>
      <c r="I12619" s="8">
        <v>0</v>
      </c>
      <c r="J12619" s="8">
        <v>1</v>
      </c>
      <c r="K12619" s="9">
        <v>41</v>
      </c>
      <c r="L12619" s="6" t="s">
        <v>51</v>
      </c>
    </row>
    <row r="12620" spans="1:12">
      <c r="A12620" s="6" t="s">
        <v>49</v>
      </c>
      <c r="B12620" s="6"/>
      <c r="C12620" s="6" t="s">
        <v>12644</v>
      </c>
      <c r="D12620" s="6"/>
      <c r="E12620" s="6" t="s">
        <v>9</v>
      </c>
      <c r="F12620" s="7">
        <v>38657</v>
      </c>
      <c r="G12620" s="8">
        <v>1</v>
      </c>
      <c r="H12620" s="8">
        <v>1</v>
      </c>
      <c r="I12620" s="8">
        <v>0</v>
      </c>
      <c r="J12620" s="8">
        <v>1</v>
      </c>
      <c r="K12620" s="9">
        <v>23</v>
      </c>
      <c r="L12620" s="6" t="s">
        <v>51</v>
      </c>
    </row>
    <row r="12621" spans="1:12">
      <c r="A12621" s="6" t="s">
        <v>49</v>
      </c>
      <c r="B12621" s="6"/>
      <c r="C12621" s="6" t="s">
        <v>12645</v>
      </c>
      <c r="D12621" s="6"/>
      <c r="E12621" s="6" t="s">
        <v>9</v>
      </c>
      <c r="F12621" s="7">
        <v>38657</v>
      </c>
      <c r="G12621" s="8">
        <v>1</v>
      </c>
      <c r="H12621" s="8">
        <v>1</v>
      </c>
      <c r="I12621" s="8">
        <v>0</v>
      </c>
      <c r="J12621" s="8">
        <v>1</v>
      </c>
      <c r="K12621" s="9">
        <v>66</v>
      </c>
      <c r="L12621" s="6" t="s">
        <v>51</v>
      </c>
    </row>
    <row r="12622" spans="1:12">
      <c r="A12622" s="6" t="s">
        <v>49</v>
      </c>
      <c r="B12622" s="6"/>
      <c r="C12622" s="6" t="s">
        <v>12646</v>
      </c>
      <c r="D12622" s="6"/>
      <c r="E12622" s="6" t="s">
        <v>9</v>
      </c>
      <c r="F12622" s="7">
        <v>38657</v>
      </c>
      <c r="G12622" s="8">
        <v>1</v>
      </c>
      <c r="H12622" s="8">
        <v>1</v>
      </c>
      <c r="I12622" s="8">
        <v>0</v>
      </c>
      <c r="J12622" s="8">
        <v>1</v>
      </c>
      <c r="K12622" s="9">
        <v>107</v>
      </c>
      <c r="L12622" s="6" t="s">
        <v>51</v>
      </c>
    </row>
    <row r="12623" spans="1:12">
      <c r="A12623" s="6" t="s">
        <v>49</v>
      </c>
      <c r="B12623" s="6"/>
      <c r="C12623" s="6" t="s">
        <v>12647</v>
      </c>
      <c r="D12623" s="6"/>
      <c r="E12623" s="6" t="s">
        <v>9</v>
      </c>
      <c r="F12623" s="7">
        <v>38657</v>
      </c>
      <c r="G12623" s="8">
        <v>1</v>
      </c>
      <c r="H12623" s="8">
        <v>1</v>
      </c>
      <c r="I12623" s="8">
        <v>0</v>
      </c>
      <c r="J12623" s="8">
        <v>1</v>
      </c>
      <c r="K12623" s="9">
        <v>89</v>
      </c>
      <c r="L12623" s="6" t="s">
        <v>51</v>
      </c>
    </row>
    <row r="12624" spans="1:12">
      <c r="A12624" s="6" t="s">
        <v>49</v>
      </c>
      <c r="B12624" s="6"/>
      <c r="C12624" s="6" t="s">
        <v>12648</v>
      </c>
      <c r="D12624" s="6"/>
      <c r="E12624" s="6" t="s">
        <v>9</v>
      </c>
      <c r="F12624" s="7">
        <v>38657</v>
      </c>
      <c r="G12624" s="8">
        <v>1</v>
      </c>
      <c r="H12624" s="8">
        <v>1</v>
      </c>
      <c r="I12624" s="8">
        <v>0</v>
      </c>
      <c r="J12624" s="8">
        <v>1</v>
      </c>
      <c r="K12624" s="9">
        <v>109</v>
      </c>
      <c r="L12624" s="6" t="s">
        <v>51</v>
      </c>
    </row>
    <row r="12625" spans="1:12">
      <c r="A12625" s="6" t="s">
        <v>49</v>
      </c>
      <c r="B12625" s="6"/>
      <c r="C12625" s="6" t="s">
        <v>12649</v>
      </c>
      <c r="D12625" s="6"/>
      <c r="E12625" s="6" t="s">
        <v>9</v>
      </c>
      <c r="F12625" s="7">
        <v>38657</v>
      </c>
      <c r="G12625" s="8">
        <v>1</v>
      </c>
      <c r="H12625" s="8">
        <v>1</v>
      </c>
      <c r="I12625" s="8">
        <v>0</v>
      </c>
      <c r="J12625" s="8">
        <v>1</v>
      </c>
      <c r="K12625" s="9">
        <v>72</v>
      </c>
      <c r="L12625" s="6" t="s">
        <v>51</v>
      </c>
    </row>
    <row r="12626" spans="1:12">
      <c r="A12626" s="6" t="s">
        <v>49</v>
      </c>
      <c r="B12626" s="6"/>
      <c r="C12626" s="6" t="s">
        <v>12650</v>
      </c>
      <c r="D12626" s="6"/>
      <c r="E12626" s="6" t="s">
        <v>9</v>
      </c>
      <c r="F12626" s="7">
        <v>38657</v>
      </c>
      <c r="G12626" s="8">
        <v>1</v>
      </c>
      <c r="H12626" s="8">
        <v>1</v>
      </c>
      <c r="I12626" s="8">
        <v>0</v>
      </c>
      <c r="J12626" s="8">
        <v>1</v>
      </c>
      <c r="K12626" s="9">
        <v>103</v>
      </c>
      <c r="L12626" s="6" t="s">
        <v>51</v>
      </c>
    </row>
    <row r="12627" spans="1:12">
      <c r="A12627" s="6" t="s">
        <v>49</v>
      </c>
      <c r="B12627" s="6"/>
      <c r="C12627" s="6" t="s">
        <v>12651</v>
      </c>
      <c r="D12627" s="6"/>
      <c r="E12627" s="6" t="s">
        <v>9</v>
      </c>
      <c r="F12627" s="7">
        <v>38657</v>
      </c>
      <c r="G12627" s="8">
        <v>1</v>
      </c>
      <c r="H12627" s="8">
        <v>1</v>
      </c>
      <c r="I12627" s="8">
        <v>0</v>
      </c>
      <c r="J12627" s="8">
        <v>1</v>
      </c>
      <c r="K12627" s="9">
        <v>3.15</v>
      </c>
      <c r="L12627" s="6" t="s">
        <v>51</v>
      </c>
    </row>
    <row r="12628" spans="1:12">
      <c r="A12628" s="6" t="s">
        <v>49</v>
      </c>
      <c r="B12628" s="6"/>
      <c r="C12628" s="6" t="s">
        <v>12652</v>
      </c>
      <c r="D12628" s="6"/>
      <c r="E12628" s="6" t="s">
        <v>9</v>
      </c>
      <c r="F12628" s="7">
        <v>38657</v>
      </c>
      <c r="G12628" s="8">
        <v>1</v>
      </c>
      <c r="H12628" s="8">
        <v>1</v>
      </c>
      <c r="I12628" s="8">
        <v>0</v>
      </c>
      <c r="J12628" s="8">
        <v>1</v>
      </c>
      <c r="K12628" s="9">
        <v>34</v>
      </c>
      <c r="L12628" s="6" t="s">
        <v>51</v>
      </c>
    </row>
    <row r="12629" spans="1:12">
      <c r="A12629" s="6" t="s">
        <v>49</v>
      </c>
      <c r="B12629" s="6"/>
      <c r="C12629" s="6" t="s">
        <v>12653</v>
      </c>
      <c r="D12629" s="6"/>
      <c r="E12629" s="6" t="s">
        <v>9</v>
      </c>
      <c r="F12629" s="7">
        <v>38657</v>
      </c>
      <c r="G12629" s="8">
        <v>1</v>
      </c>
      <c r="H12629" s="8">
        <v>1</v>
      </c>
      <c r="I12629" s="8">
        <v>0</v>
      </c>
      <c r="J12629" s="8">
        <v>1</v>
      </c>
      <c r="K12629" s="9">
        <v>5.32</v>
      </c>
      <c r="L12629" s="6" t="s">
        <v>51</v>
      </c>
    </row>
    <row r="12630" spans="1:12">
      <c r="A12630" s="6" t="s">
        <v>49</v>
      </c>
      <c r="B12630" s="6"/>
      <c r="C12630" s="6" t="s">
        <v>12654</v>
      </c>
      <c r="D12630" s="6"/>
      <c r="E12630" s="6" t="s">
        <v>9</v>
      </c>
      <c r="F12630" s="7">
        <v>38657</v>
      </c>
      <c r="G12630" s="8">
        <v>1</v>
      </c>
      <c r="H12630" s="8">
        <v>1</v>
      </c>
      <c r="I12630" s="8">
        <v>0</v>
      </c>
      <c r="J12630" s="8">
        <v>1</v>
      </c>
      <c r="K12630" s="9">
        <v>109</v>
      </c>
      <c r="L12630" s="6" t="s">
        <v>51</v>
      </c>
    </row>
    <row r="12631" spans="1:12">
      <c r="A12631" s="6" t="s">
        <v>49</v>
      </c>
      <c r="B12631" s="6"/>
      <c r="C12631" s="6" t="s">
        <v>12655</v>
      </c>
      <c r="D12631" s="6"/>
      <c r="E12631" s="6" t="s">
        <v>9</v>
      </c>
      <c r="F12631" s="7">
        <v>38657</v>
      </c>
      <c r="G12631" s="8">
        <v>1</v>
      </c>
      <c r="H12631" s="8">
        <v>1</v>
      </c>
      <c r="I12631" s="8">
        <v>0</v>
      </c>
      <c r="J12631" s="8">
        <v>1</v>
      </c>
      <c r="K12631" s="9">
        <v>145</v>
      </c>
      <c r="L12631" s="6" t="s">
        <v>51</v>
      </c>
    </row>
    <row r="12632" spans="1:12">
      <c r="A12632" s="6" t="s">
        <v>49</v>
      </c>
      <c r="B12632" s="6"/>
      <c r="C12632" s="6" t="s">
        <v>12656</v>
      </c>
      <c r="D12632" s="6"/>
      <c r="E12632" s="6" t="s">
        <v>9</v>
      </c>
      <c r="F12632" s="7">
        <v>38657</v>
      </c>
      <c r="G12632" s="8">
        <v>1</v>
      </c>
      <c r="H12632" s="8">
        <v>1</v>
      </c>
      <c r="I12632" s="8">
        <v>0</v>
      </c>
      <c r="J12632" s="8">
        <v>1</v>
      </c>
      <c r="K12632" s="9">
        <v>72</v>
      </c>
      <c r="L12632" s="6" t="s">
        <v>51</v>
      </c>
    </row>
    <row r="12633" spans="1:12">
      <c r="A12633" s="6" t="s">
        <v>49</v>
      </c>
      <c r="B12633" s="6"/>
      <c r="C12633" s="6" t="s">
        <v>12657</v>
      </c>
      <c r="D12633" s="6"/>
      <c r="E12633" s="6" t="s">
        <v>9</v>
      </c>
      <c r="F12633" s="7">
        <v>38657</v>
      </c>
      <c r="G12633" s="8">
        <v>1</v>
      </c>
      <c r="H12633" s="8">
        <v>1</v>
      </c>
      <c r="I12633" s="8">
        <v>0</v>
      </c>
      <c r="J12633" s="8">
        <v>1</v>
      </c>
      <c r="K12633" s="9">
        <v>108</v>
      </c>
      <c r="L12633" s="6" t="s">
        <v>51</v>
      </c>
    </row>
    <row r="12634" spans="1:12">
      <c r="A12634" s="6" t="s">
        <v>49</v>
      </c>
      <c r="B12634" s="6"/>
      <c r="C12634" s="6" t="s">
        <v>12658</v>
      </c>
      <c r="D12634" s="6"/>
      <c r="E12634" s="6" t="s">
        <v>9</v>
      </c>
      <c r="F12634" s="7">
        <v>38657</v>
      </c>
      <c r="G12634" s="8">
        <v>1</v>
      </c>
      <c r="H12634" s="8">
        <v>1</v>
      </c>
      <c r="I12634" s="8">
        <v>0</v>
      </c>
      <c r="J12634" s="8">
        <v>1</v>
      </c>
      <c r="K12634" s="9">
        <v>72</v>
      </c>
      <c r="L12634" s="6" t="s">
        <v>51</v>
      </c>
    </row>
    <row r="12635" spans="1:12">
      <c r="A12635" s="6" t="s">
        <v>49</v>
      </c>
      <c r="B12635" s="6"/>
      <c r="C12635" s="6" t="s">
        <v>12659</v>
      </c>
      <c r="D12635" s="6"/>
      <c r="E12635" s="6" t="s">
        <v>9</v>
      </c>
      <c r="F12635" s="7">
        <v>38657</v>
      </c>
      <c r="G12635" s="8">
        <v>1</v>
      </c>
      <c r="H12635" s="8">
        <v>1</v>
      </c>
      <c r="I12635" s="8">
        <v>0</v>
      </c>
      <c r="J12635" s="8">
        <v>1</v>
      </c>
      <c r="K12635" s="9">
        <v>109</v>
      </c>
      <c r="L12635" s="6" t="s">
        <v>51</v>
      </c>
    </row>
    <row r="12636" spans="1:12">
      <c r="A12636" s="6" t="s">
        <v>49</v>
      </c>
      <c r="B12636" s="6"/>
      <c r="C12636" s="6" t="s">
        <v>12660</v>
      </c>
      <c r="D12636" s="6"/>
      <c r="E12636" s="6" t="s">
        <v>9</v>
      </c>
      <c r="F12636" s="7">
        <v>38657</v>
      </c>
      <c r="G12636" s="8">
        <v>1</v>
      </c>
      <c r="H12636" s="8">
        <v>1</v>
      </c>
      <c r="I12636" s="8">
        <v>0</v>
      </c>
      <c r="J12636" s="8">
        <v>1</v>
      </c>
      <c r="K12636" s="9">
        <v>74</v>
      </c>
      <c r="L12636" s="6" t="s">
        <v>51</v>
      </c>
    </row>
    <row r="12637" spans="1:12">
      <c r="A12637" s="6" t="s">
        <v>49</v>
      </c>
      <c r="B12637" s="6"/>
      <c r="C12637" s="6" t="s">
        <v>12661</v>
      </c>
      <c r="D12637" s="6"/>
      <c r="E12637" s="6" t="s">
        <v>9</v>
      </c>
      <c r="F12637" s="7">
        <v>38657</v>
      </c>
      <c r="G12637" s="8">
        <v>1</v>
      </c>
      <c r="H12637" s="8">
        <v>1</v>
      </c>
      <c r="I12637" s="8">
        <v>0</v>
      </c>
      <c r="J12637" s="8">
        <v>1</v>
      </c>
      <c r="K12637" s="9">
        <v>104</v>
      </c>
      <c r="L12637" s="6" t="s">
        <v>51</v>
      </c>
    </row>
    <row r="12638" spans="1:12">
      <c r="A12638" s="6" t="s">
        <v>49</v>
      </c>
      <c r="B12638" s="6"/>
      <c r="C12638" s="6" t="s">
        <v>12662</v>
      </c>
      <c r="D12638" s="6"/>
      <c r="E12638" s="6" t="s">
        <v>9</v>
      </c>
      <c r="F12638" s="7">
        <v>38657</v>
      </c>
      <c r="G12638" s="8">
        <v>1</v>
      </c>
      <c r="H12638" s="8">
        <v>1</v>
      </c>
      <c r="I12638" s="8">
        <v>0</v>
      </c>
      <c r="J12638" s="8">
        <v>1</v>
      </c>
      <c r="K12638" s="9">
        <v>15</v>
      </c>
      <c r="L12638" s="6" t="s">
        <v>51</v>
      </c>
    </row>
    <row r="12639" spans="1:12">
      <c r="A12639" s="6" t="s">
        <v>49</v>
      </c>
      <c r="B12639" s="6"/>
      <c r="C12639" s="6" t="s">
        <v>12663</v>
      </c>
      <c r="D12639" s="6"/>
      <c r="E12639" s="6" t="s">
        <v>9</v>
      </c>
      <c r="F12639" s="7">
        <v>38657</v>
      </c>
      <c r="G12639" s="8">
        <v>1</v>
      </c>
      <c r="H12639" s="8">
        <v>1</v>
      </c>
      <c r="I12639" s="8">
        <v>0</v>
      </c>
      <c r="J12639" s="8">
        <v>1</v>
      </c>
      <c r="K12639" s="9">
        <v>15</v>
      </c>
      <c r="L12639" s="6" t="s">
        <v>51</v>
      </c>
    </row>
    <row r="12640" spans="1:12">
      <c r="A12640" s="6" t="s">
        <v>49</v>
      </c>
      <c r="B12640" s="6"/>
      <c r="C12640" s="6" t="s">
        <v>12664</v>
      </c>
      <c r="D12640" s="6"/>
      <c r="E12640" s="6" t="s">
        <v>9</v>
      </c>
      <c r="F12640" s="7">
        <v>38657</v>
      </c>
      <c r="G12640" s="8">
        <v>1</v>
      </c>
      <c r="H12640" s="8">
        <v>1</v>
      </c>
      <c r="I12640" s="8">
        <v>0</v>
      </c>
      <c r="J12640" s="8">
        <v>1</v>
      </c>
      <c r="K12640" s="9">
        <v>5.42</v>
      </c>
      <c r="L12640" s="6" t="s">
        <v>51</v>
      </c>
    </row>
    <row r="12641" spans="1:12">
      <c r="A12641" s="6" t="s">
        <v>49</v>
      </c>
      <c r="B12641" s="6"/>
      <c r="C12641" s="6" t="s">
        <v>12665</v>
      </c>
      <c r="D12641" s="6"/>
      <c r="E12641" s="6" t="s">
        <v>9</v>
      </c>
      <c r="F12641" s="7">
        <v>38657</v>
      </c>
      <c r="G12641" s="8">
        <v>1</v>
      </c>
      <c r="H12641" s="8">
        <v>1</v>
      </c>
      <c r="I12641" s="8">
        <v>0</v>
      </c>
      <c r="J12641" s="8">
        <v>1</v>
      </c>
      <c r="K12641" s="9">
        <v>22</v>
      </c>
      <c r="L12641" s="6" t="s">
        <v>51</v>
      </c>
    </row>
    <row r="12642" spans="1:12">
      <c r="A12642" s="6" t="s">
        <v>49</v>
      </c>
      <c r="B12642" s="6"/>
      <c r="C12642" s="6" t="s">
        <v>12666</v>
      </c>
      <c r="D12642" s="6"/>
      <c r="E12642" s="6" t="s">
        <v>9</v>
      </c>
      <c r="F12642" s="7">
        <v>38657</v>
      </c>
      <c r="G12642" s="8">
        <v>1</v>
      </c>
      <c r="H12642" s="8">
        <v>1</v>
      </c>
      <c r="I12642" s="8">
        <v>0</v>
      </c>
      <c r="J12642" s="8">
        <v>1</v>
      </c>
      <c r="K12642" s="9">
        <v>25</v>
      </c>
      <c r="L12642" s="6" t="s">
        <v>51</v>
      </c>
    </row>
    <row r="12643" spans="1:12">
      <c r="A12643" s="6" t="s">
        <v>49</v>
      </c>
      <c r="B12643" s="6"/>
      <c r="C12643" s="6" t="s">
        <v>12667</v>
      </c>
      <c r="D12643" s="6"/>
      <c r="E12643" s="6" t="s">
        <v>9</v>
      </c>
      <c r="F12643" s="7">
        <v>38657</v>
      </c>
      <c r="G12643" s="8">
        <v>1</v>
      </c>
      <c r="H12643" s="8">
        <v>1</v>
      </c>
      <c r="I12643" s="8">
        <v>0</v>
      </c>
      <c r="J12643" s="8">
        <v>1</v>
      </c>
      <c r="K12643" s="9">
        <v>54</v>
      </c>
      <c r="L12643" s="6" t="s">
        <v>51</v>
      </c>
    </row>
    <row r="12644" spans="1:12">
      <c r="A12644" s="6" t="s">
        <v>49</v>
      </c>
      <c r="B12644" s="6"/>
      <c r="C12644" s="6" t="s">
        <v>12668</v>
      </c>
      <c r="D12644" s="6"/>
      <c r="E12644" s="6" t="s">
        <v>9</v>
      </c>
      <c r="F12644" s="7">
        <v>38657</v>
      </c>
      <c r="G12644" s="8">
        <v>1</v>
      </c>
      <c r="H12644" s="8">
        <v>1</v>
      </c>
      <c r="I12644" s="8">
        <v>0</v>
      </c>
      <c r="J12644" s="8">
        <v>1</v>
      </c>
      <c r="K12644" s="9">
        <v>53</v>
      </c>
      <c r="L12644" s="6" t="s">
        <v>51</v>
      </c>
    </row>
    <row r="12645" spans="1:12">
      <c r="A12645" s="6" t="s">
        <v>49</v>
      </c>
      <c r="B12645" s="6"/>
      <c r="C12645" s="6" t="s">
        <v>12669</v>
      </c>
      <c r="D12645" s="6"/>
      <c r="E12645" s="6" t="s">
        <v>9</v>
      </c>
      <c r="F12645" s="7">
        <v>38657</v>
      </c>
      <c r="G12645" s="8">
        <v>1</v>
      </c>
      <c r="H12645" s="8">
        <v>1</v>
      </c>
      <c r="I12645" s="8">
        <v>0</v>
      </c>
      <c r="J12645" s="8">
        <v>1</v>
      </c>
      <c r="K12645" s="9">
        <v>54</v>
      </c>
      <c r="L12645" s="6" t="s">
        <v>51</v>
      </c>
    </row>
    <row r="12646" spans="1:12">
      <c r="A12646" s="6" t="s">
        <v>49</v>
      </c>
      <c r="B12646" s="6"/>
      <c r="C12646" s="6" t="s">
        <v>12670</v>
      </c>
      <c r="D12646" s="6"/>
      <c r="E12646" s="6" t="s">
        <v>9</v>
      </c>
      <c r="F12646" s="7">
        <v>38657</v>
      </c>
      <c r="G12646" s="8">
        <v>1</v>
      </c>
      <c r="H12646" s="8">
        <v>1</v>
      </c>
      <c r="I12646" s="8">
        <v>0</v>
      </c>
      <c r="J12646" s="8">
        <v>1</v>
      </c>
      <c r="K12646" s="9">
        <v>45</v>
      </c>
      <c r="L12646" s="6" t="s">
        <v>51</v>
      </c>
    </row>
    <row r="12647" spans="1:12">
      <c r="A12647" s="6" t="s">
        <v>49</v>
      </c>
      <c r="B12647" s="6"/>
      <c r="C12647" s="6" t="s">
        <v>12671</v>
      </c>
      <c r="D12647" s="6"/>
      <c r="E12647" s="6" t="s">
        <v>9</v>
      </c>
      <c r="F12647" s="7">
        <v>38657</v>
      </c>
      <c r="G12647" s="8">
        <v>1</v>
      </c>
      <c r="H12647" s="8">
        <v>1</v>
      </c>
      <c r="I12647" s="8">
        <v>0</v>
      </c>
      <c r="J12647" s="8">
        <v>1</v>
      </c>
      <c r="K12647" s="9">
        <v>54</v>
      </c>
      <c r="L12647" s="6" t="s">
        <v>51</v>
      </c>
    </row>
    <row r="12648" spans="1:12">
      <c r="A12648" s="6" t="s">
        <v>49</v>
      </c>
      <c r="B12648" s="6"/>
      <c r="C12648" s="6" t="s">
        <v>12672</v>
      </c>
      <c r="D12648" s="6"/>
      <c r="E12648" s="6" t="s">
        <v>9</v>
      </c>
      <c r="F12648" s="7">
        <v>38657</v>
      </c>
      <c r="G12648" s="8">
        <v>1</v>
      </c>
      <c r="H12648" s="8">
        <v>1</v>
      </c>
      <c r="I12648" s="8">
        <v>0</v>
      </c>
      <c r="J12648" s="8">
        <v>1</v>
      </c>
      <c r="K12648" s="9">
        <v>45</v>
      </c>
      <c r="L12648" s="6" t="s">
        <v>51</v>
      </c>
    </row>
    <row r="12649" spans="1:12">
      <c r="A12649" s="6" t="s">
        <v>49</v>
      </c>
      <c r="B12649" s="6"/>
      <c r="C12649" s="6" t="s">
        <v>12673</v>
      </c>
      <c r="D12649" s="6"/>
      <c r="E12649" s="6" t="s">
        <v>9</v>
      </c>
      <c r="F12649" s="7">
        <v>38657</v>
      </c>
      <c r="G12649" s="8">
        <v>1</v>
      </c>
      <c r="H12649" s="8">
        <v>1</v>
      </c>
      <c r="I12649" s="8">
        <v>0</v>
      </c>
      <c r="J12649" s="8">
        <v>1</v>
      </c>
      <c r="K12649" s="9">
        <v>63</v>
      </c>
      <c r="L12649" s="6" t="s">
        <v>51</v>
      </c>
    </row>
    <row r="12650" spans="1:12">
      <c r="A12650" s="6" t="s">
        <v>49</v>
      </c>
      <c r="B12650" s="6"/>
      <c r="C12650" s="6" t="s">
        <v>12674</v>
      </c>
      <c r="D12650" s="6"/>
      <c r="E12650" s="6" t="s">
        <v>9</v>
      </c>
      <c r="F12650" s="7">
        <v>38657</v>
      </c>
      <c r="G12650" s="8">
        <v>1</v>
      </c>
      <c r="H12650" s="8">
        <v>1</v>
      </c>
      <c r="I12650" s="8">
        <v>0</v>
      </c>
      <c r="J12650" s="8">
        <v>1</v>
      </c>
      <c r="K12650" s="9">
        <v>53</v>
      </c>
      <c r="L12650" s="6" t="s">
        <v>51</v>
      </c>
    </row>
    <row r="12651" spans="1:12">
      <c r="A12651" s="6" t="s">
        <v>49</v>
      </c>
      <c r="B12651" s="6"/>
      <c r="C12651" s="6" t="s">
        <v>12675</v>
      </c>
      <c r="D12651" s="6"/>
      <c r="E12651" s="6" t="s">
        <v>9</v>
      </c>
      <c r="F12651" s="7">
        <v>38657</v>
      </c>
      <c r="G12651" s="8">
        <v>1</v>
      </c>
      <c r="H12651" s="8">
        <v>1</v>
      </c>
      <c r="I12651" s="8">
        <v>0</v>
      </c>
      <c r="J12651" s="8">
        <v>1</v>
      </c>
      <c r="K12651" s="9">
        <v>743.15</v>
      </c>
      <c r="L12651" s="6" t="s">
        <v>51</v>
      </c>
    </row>
    <row r="12652" spans="1:12">
      <c r="A12652" s="6" t="s">
        <v>49</v>
      </c>
      <c r="B12652" s="6"/>
      <c r="C12652" s="6" t="s">
        <v>12676</v>
      </c>
      <c r="D12652" s="6"/>
      <c r="E12652" s="6" t="s">
        <v>9</v>
      </c>
      <c r="F12652" s="7">
        <v>38657</v>
      </c>
      <c r="G12652" s="8">
        <v>1</v>
      </c>
      <c r="H12652" s="8">
        <v>1</v>
      </c>
      <c r="I12652" s="8">
        <v>0</v>
      </c>
      <c r="J12652" s="8">
        <v>1</v>
      </c>
      <c r="K12652" s="9">
        <v>18</v>
      </c>
      <c r="L12652" s="6" t="s">
        <v>51</v>
      </c>
    </row>
    <row r="12653" spans="1:12">
      <c r="A12653" s="6" t="s">
        <v>49</v>
      </c>
      <c r="B12653" s="6"/>
      <c r="C12653" s="6" t="s">
        <v>12677</v>
      </c>
      <c r="D12653" s="6"/>
      <c r="E12653" s="6" t="s">
        <v>9</v>
      </c>
      <c r="F12653" s="7">
        <v>38657</v>
      </c>
      <c r="G12653" s="8">
        <v>1</v>
      </c>
      <c r="H12653" s="8">
        <v>1</v>
      </c>
      <c r="I12653" s="8">
        <v>0</v>
      </c>
      <c r="J12653" s="8">
        <v>1</v>
      </c>
      <c r="K12653" s="9">
        <v>15</v>
      </c>
      <c r="L12653" s="6" t="s">
        <v>51</v>
      </c>
    </row>
    <row r="12654" spans="1:12">
      <c r="A12654" s="6" t="s">
        <v>49</v>
      </c>
      <c r="B12654" s="6"/>
      <c r="C12654" s="6" t="s">
        <v>12678</v>
      </c>
      <c r="D12654" s="6"/>
      <c r="E12654" s="6" t="s">
        <v>9</v>
      </c>
      <c r="F12654" s="7">
        <v>38657</v>
      </c>
      <c r="G12654" s="8">
        <v>1</v>
      </c>
      <c r="H12654" s="8">
        <v>1</v>
      </c>
      <c r="I12654" s="8">
        <v>0</v>
      </c>
      <c r="J12654" s="8">
        <v>1</v>
      </c>
      <c r="K12654" s="9">
        <v>27</v>
      </c>
      <c r="L12654" s="6" t="s">
        <v>51</v>
      </c>
    </row>
    <row r="12655" spans="1:12">
      <c r="A12655" s="6" t="s">
        <v>49</v>
      </c>
      <c r="B12655" s="6"/>
      <c r="C12655" s="6" t="s">
        <v>12679</v>
      </c>
      <c r="D12655" s="6"/>
      <c r="E12655" s="6" t="s">
        <v>9</v>
      </c>
      <c r="F12655" s="7">
        <v>38657</v>
      </c>
      <c r="G12655" s="8">
        <v>1</v>
      </c>
      <c r="H12655" s="8">
        <v>1</v>
      </c>
      <c r="I12655" s="8">
        <v>0</v>
      </c>
      <c r="J12655" s="8">
        <v>1</v>
      </c>
      <c r="K12655" s="9">
        <v>22</v>
      </c>
      <c r="L12655" s="6" t="s">
        <v>51</v>
      </c>
    </row>
    <row r="12656" spans="1:12">
      <c r="A12656" s="6" t="s">
        <v>49</v>
      </c>
      <c r="B12656" s="6"/>
      <c r="C12656" s="6" t="s">
        <v>12680</v>
      </c>
      <c r="D12656" s="6"/>
      <c r="E12656" s="6" t="s">
        <v>9</v>
      </c>
      <c r="F12656" s="7">
        <v>38657</v>
      </c>
      <c r="G12656" s="8">
        <v>1</v>
      </c>
      <c r="H12656" s="8">
        <v>1</v>
      </c>
      <c r="I12656" s="8">
        <v>0</v>
      </c>
      <c r="J12656" s="8">
        <v>1</v>
      </c>
      <c r="K12656" s="9">
        <v>54</v>
      </c>
      <c r="L12656" s="6" t="s">
        <v>51</v>
      </c>
    </row>
    <row r="12657" spans="1:12">
      <c r="A12657" s="6" t="s">
        <v>49</v>
      </c>
      <c r="B12657" s="6"/>
      <c r="C12657" s="6" t="s">
        <v>12681</v>
      </c>
      <c r="D12657" s="6"/>
      <c r="E12657" s="6" t="s">
        <v>9</v>
      </c>
      <c r="F12657" s="7">
        <v>38657</v>
      </c>
      <c r="G12657" s="8">
        <v>1</v>
      </c>
      <c r="H12657" s="8">
        <v>1</v>
      </c>
      <c r="I12657" s="8">
        <v>0</v>
      </c>
      <c r="J12657" s="8">
        <v>1</v>
      </c>
      <c r="K12657" s="9">
        <v>45</v>
      </c>
      <c r="L12657" s="6" t="s">
        <v>51</v>
      </c>
    </row>
    <row r="12658" spans="1:12">
      <c r="A12658" s="6" t="s">
        <v>49</v>
      </c>
      <c r="B12658" s="6"/>
      <c r="C12658" s="6" t="s">
        <v>12682</v>
      </c>
      <c r="D12658" s="6"/>
      <c r="E12658" s="6" t="s">
        <v>9</v>
      </c>
      <c r="F12658" s="7">
        <v>38657</v>
      </c>
      <c r="G12658" s="8">
        <v>1</v>
      </c>
      <c r="H12658" s="8">
        <v>1</v>
      </c>
      <c r="I12658" s="8">
        <v>0</v>
      </c>
      <c r="J12658" s="8">
        <v>1</v>
      </c>
      <c r="K12658" s="9">
        <v>54</v>
      </c>
      <c r="L12658" s="6" t="s">
        <v>51</v>
      </c>
    </row>
    <row r="12659" spans="1:12">
      <c r="A12659" s="6" t="s">
        <v>49</v>
      </c>
      <c r="B12659" s="6"/>
      <c r="C12659" s="6" t="s">
        <v>12683</v>
      </c>
      <c r="D12659" s="6"/>
      <c r="E12659" s="6" t="s">
        <v>9</v>
      </c>
      <c r="F12659" s="7">
        <v>38657</v>
      </c>
      <c r="G12659" s="8">
        <v>1</v>
      </c>
      <c r="H12659" s="8">
        <v>1</v>
      </c>
      <c r="I12659" s="8">
        <v>0</v>
      </c>
      <c r="J12659" s="8">
        <v>1</v>
      </c>
      <c r="K12659" s="9">
        <v>45</v>
      </c>
      <c r="L12659" s="6" t="s">
        <v>51</v>
      </c>
    </row>
    <row r="12660" spans="1:12">
      <c r="A12660" s="6" t="s">
        <v>49</v>
      </c>
      <c r="B12660" s="6"/>
      <c r="C12660" s="6" t="s">
        <v>12684</v>
      </c>
      <c r="D12660" s="6"/>
      <c r="E12660" s="6" t="s">
        <v>9</v>
      </c>
      <c r="F12660" s="7">
        <v>38657</v>
      </c>
      <c r="G12660" s="8">
        <v>1</v>
      </c>
      <c r="H12660" s="8">
        <v>1</v>
      </c>
      <c r="I12660" s="8">
        <v>0</v>
      </c>
      <c r="J12660" s="8">
        <v>1</v>
      </c>
      <c r="K12660" s="9">
        <v>54</v>
      </c>
      <c r="L12660" s="6" t="s">
        <v>51</v>
      </c>
    </row>
    <row r="12661" spans="1:12">
      <c r="A12661" s="6" t="s">
        <v>49</v>
      </c>
      <c r="B12661" s="6"/>
      <c r="C12661" s="6" t="s">
        <v>12685</v>
      </c>
      <c r="D12661" s="6"/>
      <c r="E12661" s="6" t="s">
        <v>9</v>
      </c>
      <c r="F12661" s="7">
        <v>38657</v>
      </c>
      <c r="G12661" s="8">
        <v>1</v>
      </c>
      <c r="H12661" s="8">
        <v>1</v>
      </c>
      <c r="I12661" s="8">
        <v>0</v>
      </c>
      <c r="J12661" s="8">
        <v>1</v>
      </c>
      <c r="K12661" s="9">
        <v>46</v>
      </c>
      <c r="L12661" s="6" t="s">
        <v>51</v>
      </c>
    </row>
    <row r="12662" spans="1:12">
      <c r="A12662" s="6" t="s">
        <v>49</v>
      </c>
      <c r="B12662" s="6"/>
      <c r="C12662" s="6" t="s">
        <v>12686</v>
      </c>
      <c r="D12662" s="6"/>
      <c r="E12662" s="6" t="s">
        <v>9</v>
      </c>
      <c r="F12662" s="7">
        <v>38657</v>
      </c>
      <c r="G12662" s="8">
        <v>1</v>
      </c>
      <c r="H12662" s="8">
        <v>1</v>
      </c>
      <c r="I12662" s="8">
        <v>0</v>
      </c>
      <c r="J12662" s="8">
        <v>1</v>
      </c>
      <c r="K12662" s="9">
        <v>82.28</v>
      </c>
      <c r="L12662" s="6" t="s">
        <v>51</v>
      </c>
    </row>
    <row r="12663" spans="1:12">
      <c r="A12663" s="6" t="s">
        <v>49</v>
      </c>
      <c r="B12663" s="6"/>
      <c r="C12663" s="6" t="s">
        <v>12687</v>
      </c>
      <c r="D12663" s="6"/>
      <c r="E12663" s="6" t="s">
        <v>9</v>
      </c>
      <c r="F12663" s="7">
        <v>38657</v>
      </c>
      <c r="G12663" s="8">
        <v>1</v>
      </c>
      <c r="H12663" s="8">
        <v>1</v>
      </c>
      <c r="I12663" s="8">
        <v>0</v>
      </c>
      <c r="J12663" s="8">
        <v>1</v>
      </c>
      <c r="K12663" s="9">
        <v>54</v>
      </c>
      <c r="L12663" s="6" t="s">
        <v>51</v>
      </c>
    </row>
    <row r="12664" spans="1:12">
      <c r="A12664" s="6" t="s">
        <v>49</v>
      </c>
      <c r="B12664" s="6"/>
      <c r="C12664" s="6" t="s">
        <v>12688</v>
      </c>
      <c r="D12664" s="6"/>
      <c r="E12664" s="6" t="s">
        <v>9</v>
      </c>
      <c r="F12664" s="7">
        <v>38657</v>
      </c>
      <c r="G12664" s="8">
        <v>1</v>
      </c>
      <c r="H12664" s="8">
        <v>1</v>
      </c>
      <c r="I12664" s="8">
        <v>0</v>
      </c>
      <c r="J12664" s="8">
        <v>1</v>
      </c>
      <c r="K12664" s="9">
        <v>27</v>
      </c>
      <c r="L12664" s="6" t="s">
        <v>51</v>
      </c>
    </row>
    <row r="12665" spans="1:12">
      <c r="A12665" s="6" t="s">
        <v>49</v>
      </c>
      <c r="B12665" s="6"/>
      <c r="C12665" s="6" t="s">
        <v>12689</v>
      </c>
      <c r="D12665" s="6"/>
      <c r="E12665" s="6" t="s">
        <v>9</v>
      </c>
      <c r="F12665" s="7">
        <v>38657</v>
      </c>
      <c r="G12665" s="8">
        <v>1</v>
      </c>
      <c r="H12665" s="8">
        <v>1</v>
      </c>
      <c r="I12665" s="8">
        <v>0</v>
      </c>
      <c r="J12665" s="8">
        <v>1</v>
      </c>
      <c r="K12665" s="9">
        <v>54</v>
      </c>
      <c r="L12665" s="6" t="s">
        <v>51</v>
      </c>
    </row>
    <row r="12666" spans="1:12">
      <c r="A12666" s="6" t="s">
        <v>49</v>
      </c>
      <c r="B12666" s="6"/>
      <c r="C12666" s="6" t="s">
        <v>12690</v>
      </c>
      <c r="D12666" s="6"/>
      <c r="E12666" s="6" t="s">
        <v>9</v>
      </c>
      <c r="F12666" s="7">
        <v>38657</v>
      </c>
      <c r="G12666" s="8">
        <v>1</v>
      </c>
      <c r="H12666" s="8">
        <v>1</v>
      </c>
      <c r="I12666" s="8">
        <v>0</v>
      </c>
      <c r="J12666" s="8">
        <v>1</v>
      </c>
      <c r="K12666" s="9">
        <v>27</v>
      </c>
      <c r="L12666" s="6" t="s">
        <v>51</v>
      </c>
    </row>
    <row r="12667" spans="1:12">
      <c r="A12667" s="6" t="s">
        <v>49</v>
      </c>
      <c r="B12667" s="6"/>
      <c r="C12667" s="6" t="s">
        <v>12691</v>
      </c>
      <c r="D12667" s="6"/>
      <c r="E12667" s="6" t="s">
        <v>9</v>
      </c>
      <c r="F12667" s="7">
        <v>38657</v>
      </c>
      <c r="G12667" s="8">
        <v>1</v>
      </c>
      <c r="H12667" s="8">
        <v>1</v>
      </c>
      <c r="I12667" s="8">
        <v>0</v>
      </c>
      <c r="J12667" s="8">
        <v>1</v>
      </c>
      <c r="K12667" s="9">
        <v>54</v>
      </c>
      <c r="L12667" s="6" t="s">
        <v>51</v>
      </c>
    </row>
    <row r="12668" spans="1:12">
      <c r="A12668" s="6" t="s">
        <v>49</v>
      </c>
      <c r="B12668" s="6"/>
      <c r="C12668" s="6" t="s">
        <v>12692</v>
      </c>
      <c r="D12668" s="6"/>
      <c r="E12668" s="6" t="s">
        <v>9</v>
      </c>
      <c r="F12668" s="7">
        <v>38657</v>
      </c>
      <c r="G12668" s="8">
        <v>1</v>
      </c>
      <c r="H12668" s="8">
        <v>1</v>
      </c>
      <c r="I12668" s="8">
        <v>0</v>
      </c>
      <c r="J12668" s="8">
        <v>1</v>
      </c>
      <c r="K12668" s="9">
        <v>46</v>
      </c>
      <c r="L12668" s="6" t="s">
        <v>51</v>
      </c>
    </row>
    <row r="12669" spans="1:12">
      <c r="A12669" s="6" t="s">
        <v>49</v>
      </c>
      <c r="B12669" s="6"/>
      <c r="C12669" s="6" t="s">
        <v>12693</v>
      </c>
      <c r="D12669" s="6"/>
      <c r="E12669" s="6" t="s">
        <v>9</v>
      </c>
      <c r="F12669" s="7">
        <v>38657</v>
      </c>
      <c r="G12669" s="8">
        <v>1</v>
      </c>
      <c r="H12669" s="8">
        <v>1</v>
      </c>
      <c r="I12669" s="8">
        <v>0</v>
      </c>
      <c r="J12669" s="8">
        <v>1</v>
      </c>
      <c r="K12669" s="9">
        <v>54</v>
      </c>
      <c r="L12669" s="6" t="s">
        <v>51</v>
      </c>
    </row>
    <row r="12670" spans="1:12">
      <c r="A12670" s="6" t="s">
        <v>49</v>
      </c>
      <c r="B12670" s="6"/>
      <c r="C12670" s="6" t="s">
        <v>12694</v>
      </c>
      <c r="D12670" s="6"/>
      <c r="E12670" s="6" t="s">
        <v>9</v>
      </c>
      <c r="F12670" s="7">
        <v>38657</v>
      </c>
      <c r="G12670" s="8">
        <v>1</v>
      </c>
      <c r="H12670" s="8">
        <v>1</v>
      </c>
      <c r="I12670" s="8">
        <v>0</v>
      </c>
      <c r="J12670" s="8">
        <v>1</v>
      </c>
      <c r="K12670" s="9">
        <v>46</v>
      </c>
      <c r="L12670" s="6" t="s">
        <v>51</v>
      </c>
    </row>
    <row r="12671" spans="1:12">
      <c r="A12671" s="6" t="s">
        <v>49</v>
      </c>
      <c r="B12671" s="6"/>
      <c r="C12671" s="6" t="s">
        <v>12695</v>
      </c>
      <c r="D12671" s="6"/>
      <c r="E12671" s="6" t="s">
        <v>9</v>
      </c>
      <c r="F12671" s="7">
        <v>38657</v>
      </c>
      <c r="G12671" s="8">
        <v>1</v>
      </c>
      <c r="H12671" s="8">
        <v>1</v>
      </c>
      <c r="I12671" s="8">
        <v>0</v>
      </c>
      <c r="J12671" s="8">
        <v>1</v>
      </c>
      <c r="K12671" s="9">
        <v>54</v>
      </c>
      <c r="L12671" s="6" t="s">
        <v>51</v>
      </c>
    </row>
    <row r="12672" spans="1:12">
      <c r="A12672" s="6" t="s">
        <v>49</v>
      </c>
      <c r="B12672" s="6"/>
      <c r="C12672" s="6" t="s">
        <v>12696</v>
      </c>
      <c r="D12672" s="6"/>
      <c r="E12672" s="6" t="s">
        <v>9</v>
      </c>
      <c r="F12672" s="7">
        <v>38657</v>
      </c>
      <c r="G12672" s="8">
        <v>1</v>
      </c>
      <c r="H12672" s="8">
        <v>1</v>
      </c>
      <c r="I12672" s="8">
        <v>0</v>
      </c>
      <c r="J12672" s="8">
        <v>1</v>
      </c>
      <c r="K12672" s="9">
        <v>46</v>
      </c>
      <c r="L12672" s="6" t="s">
        <v>51</v>
      </c>
    </row>
    <row r="12673" spans="1:12">
      <c r="A12673" s="6" t="s">
        <v>49</v>
      </c>
      <c r="B12673" s="6"/>
      <c r="C12673" s="6" t="s">
        <v>12697</v>
      </c>
      <c r="D12673" s="6"/>
      <c r="E12673" s="6" t="s">
        <v>9</v>
      </c>
      <c r="F12673" s="7">
        <v>38657</v>
      </c>
      <c r="G12673" s="8">
        <v>1</v>
      </c>
      <c r="H12673" s="8">
        <v>1</v>
      </c>
      <c r="I12673" s="8">
        <v>0</v>
      </c>
      <c r="J12673" s="8">
        <v>1</v>
      </c>
      <c r="K12673" s="9">
        <v>40.33</v>
      </c>
      <c r="L12673" s="6" t="s">
        <v>51</v>
      </c>
    </row>
    <row r="12674" spans="1:12">
      <c r="A12674" s="6" t="s">
        <v>49</v>
      </c>
      <c r="B12674" s="6"/>
      <c r="C12674" s="6" t="s">
        <v>12698</v>
      </c>
      <c r="D12674" s="6"/>
      <c r="E12674" s="6" t="s">
        <v>9</v>
      </c>
      <c r="F12674" s="7">
        <v>38657</v>
      </c>
      <c r="G12674" s="8">
        <v>1</v>
      </c>
      <c r="H12674" s="8">
        <v>1</v>
      </c>
      <c r="I12674" s="8">
        <v>0</v>
      </c>
      <c r="J12674" s="8">
        <v>1</v>
      </c>
      <c r="K12674" s="9">
        <v>54</v>
      </c>
      <c r="L12674" s="6" t="s">
        <v>51</v>
      </c>
    </row>
    <row r="12675" spans="1:12">
      <c r="A12675" s="6" t="s">
        <v>49</v>
      </c>
      <c r="B12675" s="6"/>
      <c r="C12675" s="6" t="s">
        <v>12699</v>
      </c>
      <c r="D12675" s="6"/>
      <c r="E12675" s="6" t="s">
        <v>9</v>
      </c>
      <c r="F12675" s="7">
        <v>38657</v>
      </c>
      <c r="G12675" s="8">
        <v>1</v>
      </c>
      <c r="H12675" s="8">
        <v>1</v>
      </c>
      <c r="I12675" s="8">
        <v>0</v>
      </c>
      <c r="J12675" s="8">
        <v>1</v>
      </c>
      <c r="K12675" s="9">
        <v>46</v>
      </c>
      <c r="L12675" s="6" t="s">
        <v>51</v>
      </c>
    </row>
    <row r="12676" spans="1:12">
      <c r="A12676" s="6" t="s">
        <v>49</v>
      </c>
      <c r="B12676" s="6"/>
      <c r="C12676" s="6" t="s">
        <v>12700</v>
      </c>
      <c r="D12676" s="6"/>
      <c r="E12676" s="6" t="s">
        <v>9</v>
      </c>
      <c r="F12676" s="7">
        <v>38657</v>
      </c>
      <c r="G12676" s="8">
        <v>1</v>
      </c>
      <c r="H12676" s="8">
        <v>1</v>
      </c>
      <c r="I12676" s="8">
        <v>0</v>
      </c>
      <c r="J12676" s="8">
        <v>1</v>
      </c>
      <c r="K12676" s="9">
        <v>54</v>
      </c>
      <c r="L12676" s="6" t="s">
        <v>51</v>
      </c>
    </row>
    <row r="12677" spans="1:12">
      <c r="A12677" s="6" t="s">
        <v>49</v>
      </c>
      <c r="B12677" s="6"/>
      <c r="C12677" s="6" t="s">
        <v>12701</v>
      </c>
      <c r="D12677" s="6"/>
      <c r="E12677" s="6" t="s">
        <v>9</v>
      </c>
      <c r="F12677" s="7">
        <v>38657</v>
      </c>
      <c r="G12677" s="8">
        <v>1</v>
      </c>
      <c r="H12677" s="8">
        <v>1</v>
      </c>
      <c r="I12677" s="8">
        <v>0</v>
      </c>
      <c r="J12677" s="8">
        <v>1</v>
      </c>
      <c r="K12677" s="9">
        <v>46</v>
      </c>
      <c r="L12677" s="6" t="s">
        <v>51</v>
      </c>
    </row>
    <row r="12678" spans="1:12">
      <c r="A12678" s="6" t="s">
        <v>49</v>
      </c>
      <c r="B12678" s="6"/>
      <c r="C12678" s="6" t="s">
        <v>12702</v>
      </c>
      <c r="D12678" s="6"/>
      <c r="E12678" s="6" t="s">
        <v>9</v>
      </c>
      <c r="F12678" s="7">
        <v>38657</v>
      </c>
      <c r="G12678" s="8">
        <v>1</v>
      </c>
      <c r="H12678" s="8">
        <v>1</v>
      </c>
      <c r="I12678" s="8">
        <v>0</v>
      </c>
      <c r="J12678" s="8">
        <v>1</v>
      </c>
      <c r="K12678" s="9">
        <v>54</v>
      </c>
      <c r="L12678" s="6" t="s">
        <v>51</v>
      </c>
    </row>
    <row r="12679" spans="1:12">
      <c r="A12679" s="6" t="s">
        <v>49</v>
      </c>
      <c r="B12679" s="6"/>
      <c r="C12679" s="6" t="s">
        <v>12703</v>
      </c>
      <c r="D12679" s="6"/>
      <c r="E12679" s="6" t="s">
        <v>9</v>
      </c>
      <c r="F12679" s="7">
        <v>38657</v>
      </c>
      <c r="G12679" s="8">
        <v>1</v>
      </c>
      <c r="H12679" s="8">
        <v>1</v>
      </c>
      <c r="I12679" s="8">
        <v>0</v>
      </c>
      <c r="J12679" s="8">
        <v>1</v>
      </c>
      <c r="K12679" s="9">
        <v>47</v>
      </c>
      <c r="L12679" s="6" t="s">
        <v>51</v>
      </c>
    </row>
    <row r="12680" spans="1:12">
      <c r="A12680" s="6" t="s">
        <v>49</v>
      </c>
      <c r="B12680" s="6"/>
      <c r="C12680" s="6" t="s">
        <v>12704</v>
      </c>
      <c r="D12680" s="6"/>
      <c r="E12680" s="6" t="s">
        <v>9</v>
      </c>
      <c r="F12680" s="7">
        <v>38657</v>
      </c>
      <c r="G12680" s="8">
        <v>1</v>
      </c>
      <c r="H12680" s="8">
        <v>1</v>
      </c>
      <c r="I12680" s="8">
        <v>0</v>
      </c>
      <c r="J12680" s="8">
        <v>1</v>
      </c>
      <c r="K12680" s="9">
        <v>54</v>
      </c>
      <c r="L12680" s="6" t="s">
        <v>51</v>
      </c>
    </row>
    <row r="12681" spans="1:12">
      <c r="A12681" s="6" t="s">
        <v>49</v>
      </c>
      <c r="B12681" s="6"/>
      <c r="C12681" s="6" t="s">
        <v>12705</v>
      </c>
      <c r="D12681" s="6"/>
      <c r="E12681" s="6" t="s">
        <v>9</v>
      </c>
      <c r="F12681" s="7">
        <v>38657</v>
      </c>
      <c r="G12681" s="8">
        <v>1</v>
      </c>
      <c r="H12681" s="8">
        <v>1</v>
      </c>
      <c r="I12681" s="8">
        <v>0</v>
      </c>
      <c r="J12681" s="8">
        <v>1</v>
      </c>
      <c r="K12681" s="9">
        <v>47</v>
      </c>
      <c r="L12681" s="6" t="s">
        <v>51</v>
      </c>
    </row>
    <row r="12682" spans="1:12">
      <c r="A12682" s="6" t="s">
        <v>49</v>
      </c>
      <c r="B12682" s="6"/>
      <c r="C12682" s="6" t="s">
        <v>12706</v>
      </c>
      <c r="D12682" s="6"/>
      <c r="E12682" s="6" t="s">
        <v>9</v>
      </c>
      <c r="F12682" s="7">
        <v>38657</v>
      </c>
      <c r="G12682" s="8">
        <v>1</v>
      </c>
      <c r="H12682" s="8">
        <v>1</v>
      </c>
      <c r="I12682" s="8">
        <v>0</v>
      </c>
      <c r="J12682" s="8">
        <v>1</v>
      </c>
      <c r="K12682" s="9">
        <v>49</v>
      </c>
      <c r="L12682" s="6" t="s">
        <v>51</v>
      </c>
    </row>
    <row r="12683" spans="1:12">
      <c r="A12683" s="6" t="s">
        <v>49</v>
      </c>
      <c r="B12683" s="6"/>
      <c r="C12683" s="6" t="s">
        <v>12707</v>
      </c>
      <c r="D12683" s="6"/>
      <c r="E12683" s="6" t="s">
        <v>9</v>
      </c>
      <c r="F12683" s="7">
        <v>38657</v>
      </c>
      <c r="G12683" s="8">
        <v>1</v>
      </c>
      <c r="H12683" s="8">
        <v>1</v>
      </c>
      <c r="I12683" s="8">
        <v>0</v>
      </c>
      <c r="J12683" s="8">
        <v>1</v>
      </c>
      <c r="K12683" s="9">
        <v>42</v>
      </c>
      <c r="L12683" s="6" t="s">
        <v>51</v>
      </c>
    </row>
    <row r="12684" spans="1:12">
      <c r="A12684" s="6" t="s">
        <v>49</v>
      </c>
      <c r="B12684" s="6"/>
      <c r="C12684" s="6" t="s">
        <v>12708</v>
      </c>
      <c r="D12684" s="6"/>
      <c r="E12684" s="6" t="s">
        <v>9</v>
      </c>
      <c r="F12684" s="7">
        <v>38657</v>
      </c>
      <c r="G12684" s="8">
        <v>1</v>
      </c>
      <c r="H12684" s="8">
        <v>1</v>
      </c>
      <c r="I12684" s="8">
        <v>0</v>
      </c>
      <c r="J12684" s="8">
        <v>1</v>
      </c>
      <c r="K12684" s="9">
        <v>166.61</v>
      </c>
      <c r="L12684" s="6" t="s">
        <v>51</v>
      </c>
    </row>
    <row r="12685" spans="1:12">
      <c r="A12685" s="6" t="s">
        <v>49</v>
      </c>
      <c r="B12685" s="6"/>
      <c r="C12685" s="6" t="s">
        <v>12709</v>
      </c>
      <c r="D12685" s="6"/>
      <c r="E12685" s="6" t="s">
        <v>9</v>
      </c>
      <c r="F12685" s="7">
        <v>38657</v>
      </c>
      <c r="G12685" s="8">
        <v>1</v>
      </c>
      <c r="H12685" s="8">
        <v>1</v>
      </c>
      <c r="I12685" s="8">
        <v>0</v>
      </c>
      <c r="J12685" s="8">
        <v>1</v>
      </c>
      <c r="K12685" s="9">
        <v>3.52</v>
      </c>
      <c r="L12685" s="6" t="s">
        <v>51</v>
      </c>
    </row>
    <row r="12686" spans="1:12">
      <c r="A12686" s="6" t="s">
        <v>49</v>
      </c>
      <c r="B12686" s="6"/>
      <c r="C12686" s="6" t="s">
        <v>12710</v>
      </c>
      <c r="D12686" s="6"/>
      <c r="E12686" s="6" t="s">
        <v>9</v>
      </c>
      <c r="F12686" s="7">
        <v>38657</v>
      </c>
      <c r="G12686" s="8">
        <v>1</v>
      </c>
      <c r="H12686" s="8">
        <v>1</v>
      </c>
      <c r="I12686" s="8">
        <v>0</v>
      </c>
      <c r="J12686" s="8">
        <v>1</v>
      </c>
      <c r="K12686" s="9">
        <v>9.8800000000000008</v>
      </c>
      <c r="L12686" s="6" t="s">
        <v>51</v>
      </c>
    </row>
    <row r="12687" spans="1:12">
      <c r="A12687" s="6" t="s">
        <v>49</v>
      </c>
      <c r="B12687" s="6"/>
      <c r="C12687" s="6" t="s">
        <v>12711</v>
      </c>
      <c r="D12687" s="6"/>
      <c r="E12687" s="6" t="s">
        <v>9</v>
      </c>
      <c r="F12687" s="7">
        <v>38657</v>
      </c>
      <c r="G12687" s="8">
        <v>1</v>
      </c>
      <c r="H12687" s="8">
        <v>1</v>
      </c>
      <c r="I12687" s="8">
        <v>0</v>
      </c>
      <c r="J12687" s="8">
        <v>1</v>
      </c>
      <c r="K12687" s="9">
        <v>24</v>
      </c>
      <c r="L12687" s="6" t="s">
        <v>51</v>
      </c>
    </row>
    <row r="12688" spans="1:12">
      <c r="A12688" s="6" t="s">
        <v>49</v>
      </c>
      <c r="B12688" s="6"/>
      <c r="C12688" s="6" t="s">
        <v>12712</v>
      </c>
      <c r="D12688" s="6"/>
      <c r="E12688" s="6" t="s">
        <v>9</v>
      </c>
      <c r="F12688" s="7">
        <v>38657</v>
      </c>
      <c r="G12688" s="8">
        <v>1</v>
      </c>
      <c r="H12688" s="8">
        <v>1</v>
      </c>
      <c r="I12688" s="8">
        <v>0</v>
      </c>
      <c r="J12688" s="8">
        <v>1</v>
      </c>
      <c r="K12688" s="9">
        <v>8.26</v>
      </c>
      <c r="L12688" s="6" t="s">
        <v>51</v>
      </c>
    </row>
    <row r="12689" spans="1:12">
      <c r="A12689" s="6" t="s">
        <v>49</v>
      </c>
      <c r="B12689" s="6"/>
      <c r="C12689" s="6" t="s">
        <v>12713</v>
      </c>
      <c r="D12689" s="6"/>
      <c r="E12689" s="6" t="s">
        <v>9</v>
      </c>
      <c r="F12689" s="7">
        <v>38657</v>
      </c>
      <c r="G12689" s="8">
        <v>1</v>
      </c>
      <c r="H12689" s="8">
        <v>1</v>
      </c>
      <c r="I12689" s="8">
        <v>0</v>
      </c>
      <c r="J12689" s="8">
        <v>1</v>
      </c>
      <c r="K12689" s="9">
        <v>7.41</v>
      </c>
      <c r="L12689" s="6" t="s">
        <v>51</v>
      </c>
    </row>
    <row r="12690" spans="1:12">
      <c r="A12690" s="6" t="s">
        <v>49</v>
      </c>
      <c r="B12690" s="6"/>
      <c r="C12690" s="6" t="s">
        <v>12714</v>
      </c>
      <c r="D12690" s="6"/>
      <c r="E12690" s="6" t="s">
        <v>9</v>
      </c>
      <c r="F12690" s="7">
        <v>38657</v>
      </c>
      <c r="G12690" s="8">
        <v>1</v>
      </c>
      <c r="H12690" s="8">
        <v>1</v>
      </c>
      <c r="I12690" s="8">
        <v>0</v>
      </c>
      <c r="J12690" s="8">
        <v>1</v>
      </c>
      <c r="K12690" s="9">
        <v>3.24</v>
      </c>
      <c r="L12690" s="6" t="s">
        <v>51</v>
      </c>
    </row>
    <row r="12691" spans="1:12">
      <c r="A12691" s="6" t="s">
        <v>49</v>
      </c>
      <c r="B12691" s="6"/>
      <c r="C12691" s="6" t="s">
        <v>12715</v>
      </c>
      <c r="D12691" s="6"/>
      <c r="E12691" s="6" t="s">
        <v>9</v>
      </c>
      <c r="F12691" s="7">
        <v>38657</v>
      </c>
      <c r="G12691" s="8">
        <v>1</v>
      </c>
      <c r="H12691" s="8">
        <v>1</v>
      </c>
      <c r="I12691" s="8">
        <v>0</v>
      </c>
      <c r="J12691" s="8">
        <v>1</v>
      </c>
      <c r="K12691" s="9">
        <v>19</v>
      </c>
      <c r="L12691" s="6" t="s">
        <v>51</v>
      </c>
    </row>
    <row r="12692" spans="1:12">
      <c r="A12692" s="6" t="s">
        <v>49</v>
      </c>
      <c r="B12692" s="6"/>
      <c r="C12692" s="6" t="s">
        <v>12716</v>
      </c>
      <c r="D12692" s="6"/>
      <c r="E12692" s="6" t="s">
        <v>9</v>
      </c>
      <c r="F12692" s="7">
        <v>38657</v>
      </c>
      <c r="G12692" s="8">
        <v>1</v>
      </c>
      <c r="H12692" s="8">
        <v>1</v>
      </c>
      <c r="I12692" s="8">
        <v>0</v>
      </c>
      <c r="J12692" s="8">
        <v>1</v>
      </c>
      <c r="K12692" s="9">
        <v>20</v>
      </c>
      <c r="L12692" s="6" t="s">
        <v>51</v>
      </c>
    </row>
    <row r="12693" spans="1:12">
      <c r="A12693" s="6" t="s">
        <v>49</v>
      </c>
      <c r="B12693" s="6"/>
      <c r="C12693" s="6" t="s">
        <v>12717</v>
      </c>
      <c r="D12693" s="6"/>
      <c r="E12693" s="6" t="s">
        <v>9</v>
      </c>
      <c r="F12693" s="7">
        <v>38657</v>
      </c>
      <c r="G12693" s="8">
        <v>1</v>
      </c>
      <c r="H12693" s="8">
        <v>1</v>
      </c>
      <c r="I12693" s="8">
        <v>0</v>
      </c>
      <c r="J12693" s="8">
        <v>1</v>
      </c>
      <c r="K12693" s="9">
        <v>17</v>
      </c>
      <c r="L12693" s="6" t="s">
        <v>51</v>
      </c>
    </row>
    <row r="12694" spans="1:12">
      <c r="A12694" s="6" t="s">
        <v>49</v>
      </c>
      <c r="B12694" s="6"/>
      <c r="C12694" s="6" t="s">
        <v>12718</v>
      </c>
      <c r="D12694" s="6"/>
      <c r="E12694" s="6" t="s">
        <v>9</v>
      </c>
      <c r="F12694" s="7">
        <v>38657</v>
      </c>
      <c r="G12694" s="8">
        <v>1</v>
      </c>
      <c r="H12694" s="8">
        <v>1</v>
      </c>
      <c r="I12694" s="8">
        <v>0</v>
      </c>
      <c r="J12694" s="8">
        <v>1</v>
      </c>
      <c r="K12694" s="9">
        <v>17</v>
      </c>
      <c r="L12694" s="6" t="s">
        <v>51</v>
      </c>
    </row>
    <row r="12695" spans="1:12">
      <c r="A12695" s="6" t="s">
        <v>49</v>
      </c>
      <c r="B12695" s="6"/>
      <c r="C12695" s="6" t="s">
        <v>12719</v>
      </c>
      <c r="D12695" s="6"/>
      <c r="E12695" s="6" t="s">
        <v>9</v>
      </c>
      <c r="F12695" s="7">
        <v>38657</v>
      </c>
      <c r="G12695" s="8">
        <v>1</v>
      </c>
      <c r="H12695" s="8">
        <v>1</v>
      </c>
      <c r="I12695" s="8">
        <v>0</v>
      </c>
      <c r="J12695" s="8">
        <v>1</v>
      </c>
      <c r="K12695" s="9">
        <v>33</v>
      </c>
      <c r="L12695" s="6" t="s">
        <v>51</v>
      </c>
    </row>
    <row r="12696" spans="1:12">
      <c r="A12696" s="6" t="s">
        <v>49</v>
      </c>
      <c r="B12696" s="6"/>
      <c r="C12696" s="6" t="s">
        <v>12720</v>
      </c>
      <c r="D12696" s="6"/>
      <c r="E12696" s="6" t="s">
        <v>9</v>
      </c>
      <c r="F12696" s="7">
        <v>38657</v>
      </c>
      <c r="G12696" s="8">
        <v>1</v>
      </c>
      <c r="H12696" s="8">
        <v>1</v>
      </c>
      <c r="I12696" s="8">
        <v>0</v>
      </c>
      <c r="J12696" s="8">
        <v>1</v>
      </c>
      <c r="K12696" s="9">
        <v>277.68</v>
      </c>
      <c r="L12696" s="6" t="s">
        <v>51</v>
      </c>
    </row>
    <row r="12697" spans="1:12">
      <c r="A12697" s="6" t="s">
        <v>49</v>
      </c>
      <c r="B12697" s="6"/>
      <c r="C12697" s="6" t="s">
        <v>12721</v>
      </c>
      <c r="D12697" s="6"/>
      <c r="E12697" s="6" t="s">
        <v>9</v>
      </c>
      <c r="F12697" s="7">
        <v>38657</v>
      </c>
      <c r="G12697" s="8">
        <v>1</v>
      </c>
      <c r="H12697" s="8">
        <v>1</v>
      </c>
      <c r="I12697" s="8">
        <v>0</v>
      </c>
      <c r="J12697" s="8">
        <v>1</v>
      </c>
      <c r="K12697" s="9">
        <v>17</v>
      </c>
      <c r="L12697" s="6" t="s">
        <v>51</v>
      </c>
    </row>
    <row r="12698" spans="1:12">
      <c r="A12698" s="6" t="s">
        <v>49</v>
      </c>
      <c r="B12698" s="6"/>
      <c r="C12698" s="6" t="s">
        <v>12722</v>
      </c>
      <c r="D12698" s="6"/>
      <c r="E12698" s="6" t="s">
        <v>9</v>
      </c>
      <c r="F12698" s="7">
        <v>38657</v>
      </c>
      <c r="G12698" s="8">
        <v>1</v>
      </c>
      <c r="H12698" s="8">
        <v>1</v>
      </c>
      <c r="I12698" s="8">
        <v>0</v>
      </c>
      <c r="J12698" s="8">
        <v>1</v>
      </c>
      <c r="K12698" s="9">
        <v>13</v>
      </c>
      <c r="L12698" s="6" t="s">
        <v>51</v>
      </c>
    </row>
    <row r="12699" spans="1:12">
      <c r="A12699" s="6" t="s">
        <v>49</v>
      </c>
      <c r="B12699" s="6"/>
      <c r="C12699" s="6" t="s">
        <v>12723</v>
      </c>
      <c r="D12699" s="6"/>
      <c r="E12699" s="6" t="s">
        <v>9</v>
      </c>
      <c r="F12699" s="7">
        <v>38657</v>
      </c>
      <c r="G12699" s="8">
        <v>1</v>
      </c>
      <c r="H12699" s="8">
        <v>1</v>
      </c>
      <c r="I12699" s="8">
        <v>0</v>
      </c>
      <c r="J12699" s="8">
        <v>1</v>
      </c>
      <c r="K12699" s="9">
        <v>24</v>
      </c>
      <c r="L12699" s="6" t="s">
        <v>51</v>
      </c>
    </row>
    <row r="12700" spans="1:12">
      <c r="A12700" s="6" t="s">
        <v>49</v>
      </c>
      <c r="B12700" s="6"/>
      <c r="C12700" s="6" t="s">
        <v>12724</v>
      </c>
      <c r="D12700" s="6"/>
      <c r="E12700" s="6" t="s">
        <v>9</v>
      </c>
      <c r="F12700" s="7">
        <v>38657</v>
      </c>
      <c r="G12700" s="8">
        <v>1</v>
      </c>
      <c r="H12700" s="8">
        <v>1</v>
      </c>
      <c r="I12700" s="8">
        <v>0</v>
      </c>
      <c r="J12700" s="8">
        <v>1</v>
      </c>
      <c r="K12700" s="9">
        <v>14</v>
      </c>
      <c r="L12700" s="6" t="s">
        <v>51</v>
      </c>
    </row>
    <row r="12701" spans="1:12">
      <c r="A12701" s="6" t="s">
        <v>49</v>
      </c>
      <c r="B12701" s="6"/>
      <c r="C12701" s="6" t="s">
        <v>12725</v>
      </c>
      <c r="D12701" s="6"/>
      <c r="E12701" s="6" t="s">
        <v>9</v>
      </c>
      <c r="F12701" s="7">
        <v>38657</v>
      </c>
      <c r="G12701" s="8">
        <v>1</v>
      </c>
      <c r="H12701" s="8">
        <v>1</v>
      </c>
      <c r="I12701" s="8">
        <v>0</v>
      </c>
      <c r="J12701" s="8">
        <v>1</v>
      </c>
      <c r="K12701" s="9">
        <v>9.31</v>
      </c>
      <c r="L12701" s="6" t="s">
        <v>51</v>
      </c>
    </row>
    <row r="12702" spans="1:12">
      <c r="A12702" s="6" t="s">
        <v>49</v>
      </c>
      <c r="B12702" s="6"/>
      <c r="C12702" s="6" t="s">
        <v>12726</v>
      </c>
      <c r="D12702" s="6"/>
      <c r="E12702" s="6" t="s">
        <v>9</v>
      </c>
      <c r="F12702" s="7">
        <v>38657</v>
      </c>
      <c r="G12702" s="8">
        <v>1</v>
      </c>
      <c r="H12702" s="8">
        <v>1</v>
      </c>
      <c r="I12702" s="8">
        <v>0</v>
      </c>
      <c r="J12702" s="8">
        <v>1</v>
      </c>
      <c r="K12702" s="9">
        <v>42</v>
      </c>
      <c r="L12702" s="6" t="s">
        <v>51</v>
      </c>
    </row>
    <row r="12703" spans="1:12">
      <c r="A12703" s="6" t="s">
        <v>49</v>
      </c>
      <c r="B12703" s="6"/>
      <c r="C12703" s="6" t="s">
        <v>12727</v>
      </c>
      <c r="D12703" s="6"/>
      <c r="E12703" s="6" t="s">
        <v>9</v>
      </c>
      <c r="F12703" s="7">
        <v>38657</v>
      </c>
      <c r="G12703" s="8">
        <v>1</v>
      </c>
      <c r="H12703" s="8">
        <v>1</v>
      </c>
      <c r="I12703" s="8">
        <v>0</v>
      </c>
      <c r="J12703" s="8">
        <v>1</v>
      </c>
      <c r="K12703" s="9">
        <v>40</v>
      </c>
      <c r="L12703" s="6" t="s">
        <v>51</v>
      </c>
    </row>
    <row r="12704" spans="1:12">
      <c r="A12704" s="6" t="s">
        <v>49</v>
      </c>
      <c r="B12704" s="6"/>
      <c r="C12704" s="6" t="s">
        <v>12728</v>
      </c>
      <c r="D12704" s="6"/>
      <c r="E12704" s="6" t="s">
        <v>9</v>
      </c>
      <c r="F12704" s="7">
        <v>38657</v>
      </c>
      <c r="G12704" s="8">
        <v>1</v>
      </c>
      <c r="H12704" s="8">
        <v>1</v>
      </c>
      <c r="I12704" s="8">
        <v>0</v>
      </c>
      <c r="J12704" s="8">
        <v>1</v>
      </c>
      <c r="K12704" s="9">
        <v>24</v>
      </c>
      <c r="L12704" s="6" t="s">
        <v>51</v>
      </c>
    </row>
    <row r="12705" spans="1:12">
      <c r="A12705" s="6" t="s">
        <v>49</v>
      </c>
      <c r="B12705" s="6"/>
      <c r="C12705" s="6" t="s">
        <v>12729</v>
      </c>
      <c r="D12705" s="6"/>
      <c r="E12705" s="6" t="s">
        <v>9</v>
      </c>
      <c r="F12705" s="7">
        <v>38657</v>
      </c>
      <c r="G12705" s="8">
        <v>1</v>
      </c>
      <c r="H12705" s="8">
        <v>1</v>
      </c>
      <c r="I12705" s="8">
        <v>0</v>
      </c>
      <c r="J12705" s="8">
        <v>1</v>
      </c>
      <c r="K12705" s="9">
        <v>142</v>
      </c>
      <c r="L12705" s="6" t="s">
        <v>51</v>
      </c>
    </row>
    <row r="12706" spans="1:12">
      <c r="A12706" s="6" t="s">
        <v>49</v>
      </c>
      <c r="B12706" s="6"/>
      <c r="C12706" s="6" t="s">
        <v>12730</v>
      </c>
      <c r="D12706" s="6"/>
      <c r="E12706" s="6" t="s">
        <v>9</v>
      </c>
      <c r="F12706" s="7">
        <v>38657</v>
      </c>
      <c r="G12706" s="8">
        <v>1</v>
      </c>
      <c r="H12706" s="8">
        <v>1</v>
      </c>
      <c r="I12706" s="8">
        <v>0</v>
      </c>
      <c r="J12706" s="8">
        <v>1</v>
      </c>
      <c r="K12706" s="9">
        <v>52</v>
      </c>
      <c r="L12706" s="6" t="s">
        <v>51</v>
      </c>
    </row>
    <row r="12707" spans="1:12">
      <c r="A12707" s="6" t="s">
        <v>49</v>
      </c>
      <c r="B12707" s="6"/>
      <c r="C12707" s="6" t="s">
        <v>12731</v>
      </c>
      <c r="D12707" s="6"/>
      <c r="E12707" s="6" t="s">
        <v>9</v>
      </c>
      <c r="F12707" s="7">
        <v>38657</v>
      </c>
      <c r="G12707" s="8">
        <v>1</v>
      </c>
      <c r="H12707" s="8">
        <v>1</v>
      </c>
      <c r="I12707" s="8">
        <v>0</v>
      </c>
      <c r="J12707" s="8">
        <v>1</v>
      </c>
      <c r="K12707" s="9">
        <v>57.68</v>
      </c>
      <c r="L12707" s="6" t="s">
        <v>51</v>
      </c>
    </row>
    <row r="12708" spans="1:12">
      <c r="A12708" s="6" t="s">
        <v>49</v>
      </c>
      <c r="B12708" s="6"/>
      <c r="C12708" s="6" t="s">
        <v>12732</v>
      </c>
      <c r="D12708" s="6"/>
      <c r="E12708" s="6" t="s">
        <v>9</v>
      </c>
      <c r="F12708" s="7">
        <v>38657</v>
      </c>
      <c r="G12708" s="8">
        <v>1</v>
      </c>
      <c r="H12708" s="8">
        <v>1</v>
      </c>
      <c r="I12708" s="8">
        <v>0</v>
      </c>
      <c r="J12708" s="8">
        <v>1</v>
      </c>
      <c r="K12708" s="9">
        <v>30</v>
      </c>
      <c r="L12708" s="6" t="s">
        <v>51</v>
      </c>
    </row>
    <row r="12709" spans="1:12">
      <c r="A12709" s="6" t="s">
        <v>49</v>
      </c>
      <c r="B12709" s="6"/>
      <c r="C12709" s="6" t="s">
        <v>12733</v>
      </c>
      <c r="D12709" s="6"/>
      <c r="E12709" s="6" t="s">
        <v>9</v>
      </c>
      <c r="F12709" s="7">
        <v>38657</v>
      </c>
      <c r="G12709" s="8">
        <v>1</v>
      </c>
      <c r="H12709" s="8">
        <v>1</v>
      </c>
      <c r="I12709" s="8">
        <v>0</v>
      </c>
      <c r="J12709" s="8">
        <v>1</v>
      </c>
      <c r="K12709" s="9">
        <v>39</v>
      </c>
      <c r="L12709" s="6" t="s">
        <v>51</v>
      </c>
    </row>
    <row r="12710" spans="1:12">
      <c r="A12710" s="6" t="s">
        <v>49</v>
      </c>
      <c r="B12710" s="6"/>
      <c r="C12710" s="6" t="s">
        <v>12734</v>
      </c>
      <c r="D12710" s="6"/>
      <c r="E12710" s="6" t="s">
        <v>9</v>
      </c>
      <c r="F12710" s="7">
        <v>38657</v>
      </c>
      <c r="G12710" s="8">
        <v>1</v>
      </c>
      <c r="H12710" s="8">
        <v>1</v>
      </c>
      <c r="I12710" s="8">
        <v>0</v>
      </c>
      <c r="J12710" s="8">
        <v>1</v>
      </c>
      <c r="K12710" s="9">
        <v>39</v>
      </c>
      <c r="L12710" s="6" t="s">
        <v>51</v>
      </c>
    </row>
    <row r="12711" spans="1:12">
      <c r="A12711" s="6" t="s">
        <v>49</v>
      </c>
      <c r="B12711" s="6"/>
      <c r="C12711" s="6" t="s">
        <v>12735</v>
      </c>
      <c r="D12711" s="6"/>
      <c r="E12711" s="6" t="s">
        <v>9</v>
      </c>
      <c r="F12711" s="7">
        <v>38657</v>
      </c>
      <c r="G12711" s="8">
        <v>1</v>
      </c>
      <c r="H12711" s="8">
        <v>1</v>
      </c>
      <c r="I12711" s="8">
        <v>0</v>
      </c>
      <c r="J12711" s="8">
        <v>1</v>
      </c>
      <c r="K12711" s="9">
        <v>39</v>
      </c>
      <c r="L12711" s="6" t="s">
        <v>51</v>
      </c>
    </row>
    <row r="12712" spans="1:12">
      <c r="A12712" s="6" t="s">
        <v>49</v>
      </c>
      <c r="B12712" s="6"/>
      <c r="C12712" s="6" t="s">
        <v>12736</v>
      </c>
      <c r="D12712" s="6"/>
      <c r="E12712" s="6" t="s">
        <v>9</v>
      </c>
      <c r="F12712" s="7">
        <v>38657</v>
      </c>
      <c r="G12712" s="8">
        <v>1</v>
      </c>
      <c r="H12712" s="8">
        <v>1</v>
      </c>
      <c r="I12712" s="8">
        <v>0</v>
      </c>
      <c r="J12712" s="8">
        <v>1</v>
      </c>
      <c r="K12712" s="9">
        <v>52</v>
      </c>
      <c r="L12712" s="6" t="s">
        <v>51</v>
      </c>
    </row>
    <row r="12713" spans="1:12">
      <c r="A12713" s="6" t="s">
        <v>49</v>
      </c>
      <c r="B12713" s="6"/>
      <c r="C12713" s="6" t="s">
        <v>12737</v>
      </c>
      <c r="D12713" s="6"/>
      <c r="E12713" s="6" t="s">
        <v>9</v>
      </c>
      <c r="F12713" s="7">
        <v>38657</v>
      </c>
      <c r="G12713" s="8">
        <v>1</v>
      </c>
      <c r="H12713" s="8">
        <v>1</v>
      </c>
      <c r="I12713" s="8">
        <v>0</v>
      </c>
      <c r="J12713" s="8">
        <v>1</v>
      </c>
      <c r="K12713" s="9">
        <v>53</v>
      </c>
      <c r="L12713" s="6" t="s">
        <v>51</v>
      </c>
    </row>
    <row r="12714" spans="1:12">
      <c r="A12714" s="6" t="s">
        <v>49</v>
      </c>
      <c r="B12714" s="6"/>
      <c r="C12714" s="6" t="s">
        <v>12738</v>
      </c>
      <c r="D12714" s="6"/>
      <c r="E12714" s="6" t="s">
        <v>9</v>
      </c>
      <c r="F12714" s="7">
        <v>38657</v>
      </c>
      <c r="G12714" s="8">
        <v>1</v>
      </c>
      <c r="H12714" s="8">
        <v>1</v>
      </c>
      <c r="I12714" s="8">
        <v>0</v>
      </c>
      <c r="J12714" s="8">
        <v>1</v>
      </c>
      <c r="K12714" s="9">
        <v>30</v>
      </c>
      <c r="L12714" s="6" t="s">
        <v>51</v>
      </c>
    </row>
    <row r="12715" spans="1:12">
      <c r="A12715" s="6" t="s">
        <v>49</v>
      </c>
      <c r="B12715" s="6"/>
      <c r="C12715" s="6" t="s">
        <v>12739</v>
      </c>
      <c r="D12715" s="6"/>
      <c r="E12715" s="6" t="s">
        <v>9</v>
      </c>
      <c r="F12715" s="7">
        <v>38657</v>
      </c>
      <c r="G12715" s="8">
        <v>1</v>
      </c>
      <c r="H12715" s="8">
        <v>1</v>
      </c>
      <c r="I12715" s="8">
        <v>0</v>
      </c>
      <c r="J12715" s="8">
        <v>1</v>
      </c>
      <c r="K12715" s="9">
        <v>59</v>
      </c>
      <c r="L12715" s="6" t="s">
        <v>51</v>
      </c>
    </row>
    <row r="12716" spans="1:12">
      <c r="A12716" s="6" t="s">
        <v>49</v>
      </c>
      <c r="B12716" s="6"/>
      <c r="C12716" s="6" t="s">
        <v>12740</v>
      </c>
      <c r="D12716" s="6"/>
      <c r="E12716" s="6" t="s">
        <v>9</v>
      </c>
      <c r="F12716" s="7">
        <v>38657</v>
      </c>
      <c r="G12716" s="8">
        <v>1</v>
      </c>
      <c r="H12716" s="8">
        <v>1</v>
      </c>
      <c r="I12716" s="8">
        <v>0</v>
      </c>
      <c r="J12716" s="8">
        <v>1</v>
      </c>
      <c r="K12716" s="9">
        <v>71</v>
      </c>
      <c r="L12716" s="6" t="s">
        <v>51</v>
      </c>
    </row>
    <row r="12717" spans="1:12">
      <c r="A12717" s="6" t="s">
        <v>49</v>
      </c>
      <c r="B12717" s="6"/>
      <c r="C12717" s="6" t="s">
        <v>12741</v>
      </c>
      <c r="D12717" s="6"/>
      <c r="E12717" s="6" t="s">
        <v>9</v>
      </c>
      <c r="F12717" s="7">
        <v>38657</v>
      </c>
      <c r="G12717" s="8">
        <v>1</v>
      </c>
      <c r="H12717" s="8">
        <v>1</v>
      </c>
      <c r="I12717" s="8">
        <v>0</v>
      </c>
      <c r="J12717" s="8">
        <v>1</v>
      </c>
      <c r="K12717" s="9">
        <v>33</v>
      </c>
      <c r="L12717" s="6" t="s">
        <v>51</v>
      </c>
    </row>
    <row r="12718" spans="1:12">
      <c r="A12718" s="6" t="s">
        <v>49</v>
      </c>
      <c r="B12718" s="6"/>
      <c r="C12718" s="6" t="s">
        <v>12742</v>
      </c>
      <c r="D12718" s="6"/>
      <c r="E12718" s="6" t="s">
        <v>9</v>
      </c>
      <c r="F12718" s="7">
        <v>38657</v>
      </c>
      <c r="G12718" s="8">
        <v>1</v>
      </c>
      <c r="H12718" s="8">
        <v>1</v>
      </c>
      <c r="I12718" s="8">
        <v>0</v>
      </c>
      <c r="J12718" s="8">
        <v>1</v>
      </c>
      <c r="K12718" s="9">
        <v>36.36</v>
      </c>
      <c r="L12718" s="6" t="s">
        <v>51</v>
      </c>
    </row>
    <row r="12719" spans="1:12">
      <c r="A12719" s="6" t="s">
        <v>49</v>
      </c>
      <c r="B12719" s="6"/>
      <c r="C12719" s="6" t="s">
        <v>12743</v>
      </c>
      <c r="D12719" s="6"/>
      <c r="E12719" s="6" t="s">
        <v>9</v>
      </c>
      <c r="F12719" s="7">
        <v>38657</v>
      </c>
      <c r="G12719" s="8">
        <v>1</v>
      </c>
      <c r="H12719" s="8">
        <v>1</v>
      </c>
      <c r="I12719" s="8">
        <v>0</v>
      </c>
      <c r="J12719" s="8">
        <v>1</v>
      </c>
      <c r="K12719" s="9">
        <v>28</v>
      </c>
      <c r="L12719" s="6" t="s">
        <v>51</v>
      </c>
    </row>
    <row r="12720" spans="1:12">
      <c r="A12720" s="6" t="s">
        <v>49</v>
      </c>
      <c r="B12720" s="6"/>
      <c r="C12720" s="6" t="s">
        <v>12744</v>
      </c>
      <c r="D12720" s="6"/>
      <c r="E12720" s="6" t="s">
        <v>9</v>
      </c>
      <c r="F12720" s="7">
        <v>38657</v>
      </c>
      <c r="G12720" s="8">
        <v>1</v>
      </c>
      <c r="H12720" s="8">
        <v>1</v>
      </c>
      <c r="I12720" s="8">
        <v>0</v>
      </c>
      <c r="J12720" s="8">
        <v>1</v>
      </c>
      <c r="K12720" s="9">
        <v>46</v>
      </c>
      <c r="L12720" s="6" t="s">
        <v>51</v>
      </c>
    </row>
    <row r="12721" spans="1:12">
      <c r="A12721" s="6" t="s">
        <v>49</v>
      </c>
      <c r="B12721" s="6"/>
      <c r="C12721" s="6" t="s">
        <v>12745</v>
      </c>
      <c r="D12721" s="6"/>
      <c r="E12721" s="6" t="s">
        <v>9</v>
      </c>
      <c r="F12721" s="7">
        <v>38657</v>
      </c>
      <c r="G12721" s="8">
        <v>1</v>
      </c>
      <c r="H12721" s="8">
        <v>1</v>
      </c>
      <c r="I12721" s="8">
        <v>0</v>
      </c>
      <c r="J12721" s="8">
        <v>1</v>
      </c>
      <c r="K12721" s="9">
        <v>42</v>
      </c>
      <c r="L12721" s="6" t="s">
        <v>51</v>
      </c>
    </row>
    <row r="12722" spans="1:12">
      <c r="A12722" s="6" t="s">
        <v>49</v>
      </c>
      <c r="B12722" s="6"/>
      <c r="C12722" s="6" t="s">
        <v>12746</v>
      </c>
      <c r="D12722" s="6"/>
      <c r="E12722" s="6" t="s">
        <v>9</v>
      </c>
      <c r="F12722" s="7">
        <v>38657</v>
      </c>
      <c r="G12722" s="8">
        <v>1</v>
      </c>
      <c r="H12722" s="8">
        <v>1</v>
      </c>
      <c r="I12722" s="8">
        <v>0</v>
      </c>
      <c r="J12722" s="8">
        <v>1</v>
      </c>
      <c r="K12722" s="9">
        <v>6.45</v>
      </c>
      <c r="L12722" s="6" t="s">
        <v>51</v>
      </c>
    </row>
    <row r="12723" spans="1:12">
      <c r="A12723" s="6" t="s">
        <v>49</v>
      </c>
      <c r="B12723" s="6"/>
      <c r="C12723" s="6" t="s">
        <v>12747</v>
      </c>
      <c r="D12723" s="6"/>
      <c r="E12723" s="6" t="s">
        <v>9</v>
      </c>
      <c r="F12723" s="7">
        <v>38657</v>
      </c>
      <c r="G12723" s="8">
        <v>1</v>
      </c>
      <c r="H12723" s="8">
        <v>1</v>
      </c>
      <c r="I12723" s="8">
        <v>0</v>
      </c>
      <c r="J12723" s="8">
        <v>1</v>
      </c>
      <c r="K12723" s="9">
        <v>46</v>
      </c>
      <c r="L12723" s="6" t="s">
        <v>51</v>
      </c>
    </row>
    <row r="12724" spans="1:12">
      <c r="A12724" s="6" t="s">
        <v>49</v>
      </c>
      <c r="B12724" s="6"/>
      <c r="C12724" s="6" t="s">
        <v>12748</v>
      </c>
      <c r="D12724" s="6"/>
      <c r="E12724" s="6" t="s">
        <v>9</v>
      </c>
      <c r="F12724" s="7">
        <v>38657</v>
      </c>
      <c r="G12724" s="8">
        <v>1</v>
      </c>
      <c r="H12724" s="8">
        <v>1</v>
      </c>
      <c r="I12724" s="8">
        <v>0</v>
      </c>
      <c r="J12724" s="8">
        <v>1</v>
      </c>
      <c r="K12724" s="9">
        <v>66</v>
      </c>
      <c r="L12724" s="6" t="s">
        <v>51</v>
      </c>
    </row>
    <row r="12725" spans="1:12">
      <c r="A12725" s="6" t="s">
        <v>49</v>
      </c>
      <c r="B12725" s="6"/>
      <c r="C12725" s="6" t="s">
        <v>12749</v>
      </c>
      <c r="D12725" s="6"/>
      <c r="E12725" s="6" t="s">
        <v>9</v>
      </c>
      <c r="F12725" s="7">
        <v>38657</v>
      </c>
      <c r="G12725" s="8">
        <v>1</v>
      </c>
      <c r="H12725" s="8">
        <v>1</v>
      </c>
      <c r="I12725" s="8">
        <v>0</v>
      </c>
      <c r="J12725" s="8">
        <v>1</v>
      </c>
      <c r="K12725" s="9">
        <v>54</v>
      </c>
      <c r="L12725" s="6" t="s">
        <v>51</v>
      </c>
    </row>
    <row r="12726" spans="1:12">
      <c r="A12726" s="6" t="s">
        <v>49</v>
      </c>
      <c r="B12726" s="6"/>
      <c r="C12726" s="6" t="s">
        <v>12750</v>
      </c>
      <c r="D12726" s="6"/>
      <c r="E12726" s="6" t="s">
        <v>9</v>
      </c>
      <c r="F12726" s="7">
        <v>38657</v>
      </c>
      <c r="G12726" s="8">
        <v>1</v>
      </c>
      <c r="H12726" s="8">
        <v>1</v>
      </c>
      <c r="I12726" s="8">
        <v>0</v>
      </c>
      <c r="J12726" s="8">
        <v>1</v>
      </c>
      <c r="K12726" s="9">
        <v>71</v>
      </c>
      <c r="L12726" s="6" t="s">
        <v>51</v>
      </c>
    </row>
    <row r="12727" spans="1:12">
      <c r="A12727" s="6" t="s">
        <v>49</v>
      </c>
      <c r="B12727" s="6"/>
      <c r="C12727" s="6" t="s">
        <v>12751</v>
      </c>
      <c r="D12727" s="6"/>
      <c r="E12727" s="6" t="s">
        <v>9</v>
      </c>
      <c r="F12727" s="7">
        <v>38657</v>
      </c>
      <c r="G12727" s="8">
        <v>1</v>
      </c>
      <c r="H12727" s="8">
        <v>1</v>
      </c>
      <c r="I12727" s="8">
        <v>0</v>
      </c>
      <c r="J12727" s="8">
        <v>1</v>
      </c>
      <c r="K12727" s="9">
        <v>54</v>
      </c>
      <c r="L12727" s="6" t="s">
        <v>51</v>
      </c>
    </row>
    <row r="12728" spans="1:12">
      <c r="A12728" s="6" t="s">
        <v>49</v>
      </c>
      <c r="B12728" s="6"/>
      <c r="C12728" s="6" t="s">
        <v>12752</v>
      </c>
      <c r="D12728" s="6"/>
      <c r="E12728" s="6" t="s">
        <v>9</v>
      </c>
      <c r="F12728" s="7">
        <v>38657</v>
      </c>
      <c r="G12728" s="8">
        <v>1</v>
      </c>
      <c r="H12728" s="8">
        <v>1</v>
      </c>
      <c r="I12728" s="8">
        <v>0</v>
      </c>
      <c r="J12728" s="8">
        <v>1</v>
      </c>
      <c r="K12728" s="9">
        <v>66</v>
      </c>
      <c r="L12728" s="6" t="s">
        <v>51</v>
      </c>
    </row>
    <row r="12729" spans="1:12">
      <c r="A12729" s="6" t="s">
        <v>49</v>
      </c>
      <c r="B12729" s="6"/>
      <c r="C12729" s="6" t="s">
        <v>12753</v>
      </c>
      <c r="D12729" s="6"/>
      <c r="E12729" s="6" t="s">
        <v>9</v>
      </c>
      <c r="F12729" s="7">
        <v>38657</v>
      </c>
      <c r="G12729" s="8">
        <v>1</v>
      </c>
      <c r="H12729" s="8">
        <v>1</v>
      </c>
      <c r="I12729" s="8">
        <v>0</v>
      </c>
      <c r="J12729" s="8">
        <v>1</v>
      </c>
      <c r="K12729" s="9">
        <v>79</v>
      </c>
      <c r="L12729" s="6" t="s">
        <v>51</v>
      </c>
    </row>
    <row r="12730" spans="1:12">
      <c r="A12730" s="6" t="s">
        <v>49</v>
      </c>
      <c r="B12730" s="6"/>
      <c r="C12730" s="6" t="s">
        <v>12754</v>
      </c>
      <c r="D12730" s="6"/>
      <c r="E12730" s="6" t="s">
        <v>9</v>
      </c>
      <c r="F12730" s="7">
        <v>38657</v>
      </c>
      <c r="G12730" s="8">
        <v>1</v>
      </c>
      <c r="H12730" s="8">
        <v>1</v>
      </c>
      <c r="I12730" s="8">
        <v>0</v>
      </c>
      <c r="J12730" s="8">
        <v>1</v>
      </c>
      <c r="K12730" s="9">
        <v>54</v>
      </c>
      <c r="L12730" s="6" t="s">
        <v>51</v>
      </c>
    </row>
    <row r="12731" spans="1:12">
      <c r="A12731" s="6" t="s">
        <v>49</v>
      </c>
      <c r="B12731" s="6"/>
      <c r="C12731" s="6" t="s">
        <v>12755</v>
      </c>
      <c r="D12731" s="6"/>
      <c r="E12731" s="6" t="s">
        <v>9</v>
      </c>
      <c r="F12731" s="7">
        <v>38657</v>
      </c>
      <c r="G12731" s="8">
        <v>1</v>
      </c>
      <c r="H12731" s="8">
        <v>1</v>
      </c>
      <c r="I12731" s="8">
        <v>0</v>
      </c>
      <c r="J12731" s="8">
        <v>1</v>
      </c>
      <c r="K12731" s="9">
        <v>61</v>
      </c>
      <c r="L12731" s="6" t="s">
        <v>51</v>
      </c>
    </row>
    <row r="12732" spans="1:12">
      <c r="A12732" s="6" t="s">
        <v>49</v>
      </c>
      <c r="B12732" s="6"/>
      <c r="C12732" s="6" t="s">
        <v>12756</v>
      </c>
      <c r="D12732" s="6"/>
      <c r="E12732" s="6" t="s">
        <v>9</v>
      </c>
      <c r="F12732" s="7">
        <v>38657</v>
      </c>
      <c r="G12732" s="8">
        <v>1</v>
      </c>
      <c r="H12732" s="8">
        <v>1</v>
      </c>
      <c r="I12732" s="8">
        <v>0</v>
      </c>
      <c r="J12732" s="8">
        <v>1</v>
      </c>
      <c r="K12732" s="9">
        <v>54</v>
      </c>
      <c r="L12732" s="6" t="s">
        <v>51</v>
      </c>
    </row>
    <row r="12733" spans="1:12">
      <c r="A12733" s="6" t="s">
        <v>49</v>
      </c>
      <c r="B12733" s="6"/>
      <c r="C12733" s="6" t="s">
        <v>12757</v>
      </c>
      <c r="D12733" s="6"/>
      <c r="E12733" s="6" t="s">
        <v>9</v>
      </c>
      <c r="F12733" s="7">
        <v>38657</v>
      </c>
      <c r="G12733" s="8">
        <v>1</v>
      </c>
      <c r="H12733" s="8">
        <v>1</v>
      </c>
      <c r="I12733" s="8">
        <v>0</v>
      </c>
      <c r="J12733" s="8">
        <v>1</v>
      </c>
      <c r="K12733" s="9">
        <v>56</v>
      </c>
      <c r="L12733" s="6" t="s">
        <v>51</v>
      </c>
    </row>
    <row r="12734" spans="1:12">
      <c r="A12734" s="6" t="s">
        <v>49</v>
      </c>
      <c r="B12734" s="6"/>
      <c r="C12734" s="6" t="s">
        <v>12758</v>
      </c>
      <c r="D12734" s="6"/>
      <c r="E12734" s="6" t="s">
        <v>9</v>
      </c>
      <c r="F12734" s="7">
        <v>38657</v>
      </c>
      <c r="G12734" s="8">
        <v>1</v>
      </c>
      <c r="H12734" s="8">
        <v>1</v>
      </c>
      <c r="I12734" s="8">
        <v>0</v>
      </c>
      <c r="J12734" s="8">
        <v>1</v>
      </c>
      <c r="K12734" s="9">
        <v>54</v>
      </c>
      <c r="L12734" s="6" t="s">
        <v>51</v>
      </c>
    </row>
    <row r="12735" spans="1:12">
      <c r="A12735" s="6" t="s">
        <v>49</v>
      </c>
      <c r="B12735" s="6"/>
      <c r="C12735" s="6" t="s">
        <v>12759</v>
      </c>
      <c r="D12735" s="6"/>
      <c r="E12735" s="6" t="s">
        <v>9</v>
      </c>
      <c r="F12735" s="7">
        <v>38657</v>
      </c>
      <c r="G12735" s="8">
        <v>1</v>
      </c>
      <c r="H12735" s="8">
        <v>1</v>
      </c>
      <c r="I12735" s="8">
        <v>0</v>
      </c>
      <c r="J12735" s="8">
        <v>1</v>
      </c>
      <c r="K12735" s="9">
        <v>50</v>
      </c>
      <c r="L12735" s="6" t="s">
        <v>51</v>
      </c>
    </row>
    <row r="12736" spans="1:12">
      <c r="A12736" s="6" t="s">
        <v>49</v>
      </c>
      <c r="B12736" s="6"/>
      <c r="C12736" s="6" t="s">
        <v>12760</v>
      </c>
      <c r="D12736" s="6"/>
      <c r="E12736" s="6" t="s">
        <v>9</v>
      </c>
      <c r="F12736" s="7">
        <v>38657</v>
      </c>
      <c r="G12736" s="8">
        <v>1</v>
      </c>
      <c r="H12736" s="8">
        <v>1</v>
      </c>
      <c r="I12736" s="8">
        <v>0</v>
      </c>
      <c r="J12736" s="8">
        <v>1</v>
      </c>
      <c r="K12736" s="9">
        <v>54</v>
      </c>
      <c r="L12736" s="6" t="s">
        <v>51</v>
      </c>
    </row>
    <row r="12737" spans="1:12">
      <c r="A12737" s="6" t="s">
        <v>49</v>
      </c>
      <c r="B12737" s="6"/>
      <c r="C12737" s="6" t="s">
        <v>12761</v>
      </c>
      <c r="D12737" s="6"/>
      <c r="E12737" s="6" t="s">
        <v>9</v>
      </c>
      <c r="F12737" s="7">
        <v>38657</v>
      </c>
      <c r="G12737" s="8">
        <v>1</v>
      </c>
      <c r="H12737" s="8">
        <v>1</v>
      </c>
      <c r="I12737" s="8">
        <v>0</v>
      </c>
      <c r="J12737" s="8">
        <v>1</v>
      </c>
      <c r="K12737" s="9">
        <v>45</v>
      </c>
      <c r="L12737" s="6" t="s">
        <v>51</v>
      </c>
    </row>
    <row r="12738" spans="1:12">
      <c r="A12738" s="6" t="s">
        <v>49</v>
      </c>
      <c r="B12738" s="6"/>
      <c r="C12738" s="6" t="s">
        <v>12762</v>
      </c>
      <c r="D12738" s="6"/>
      <c r="E12738" s="6" t="s">
        <v>9</v>
      </c>
      <c r="F12738" s="7">
        <v>38657</v>
      </c>
      <c r="G12738" s="8">
        <v>1</v>
      </c>
      <c r="H12738" s="8">
        <v>1</v>
      </c>
      <c r="I12738" s="8">
        <v>0</v>
      </c>
      <c r="J12738" s="8">
        <v>1</v>
      </c>
      <c r="K12738" s="9">
        <v>54</v>
      </c>
      <c r="L12738" s="6" t="s">
        <v>51</v>
      </c>
    </row>
    <row r="12739" spans="1:12">
      <c r="A12739" s="6" t="s">
        <v>49</v>
      </c>
      <c r="B12739" s="6"/>
      <c r="C12739" s="6" t="s">
        <v>12763</v>
      </c>
      <c r="D12739" s="6"/>
      <c r="E12739" s="6" t="s">
        <v>9</v>
      </c>
      <c r="F12739" s="7">
        <v>38657</v>
      </c>
      <c r="G12739" s="8">
        <v>1</v>
      </c>
      <c r="H12739" s="8">
        <v>1</v>
      </c>
      <c r="I12739" s="8">
        <v>0</v>
      </c>
      <c r="J12739" s="8">
        <v>1</v>
      </c>
      <c r="K12739" s="9">
        <v>54</v>
      </c>
      <c r="L12739" s="6" t="s">
        <v>51</v>
      </c>
    </row>
    <row r="12740" spans="1:12">
      <c r="A12740" s="6" t="s">
        <v>49</v>
      </c>
      <c r="B12740" s="6"/>
      <c r="C12740" s="6" t="s">
        <v>12764</v>
      </c>
      <c r="D12740" s="6"/>
      <c r="E12740" s="6" t="s">
        <v>9</v>
      </c>
      <c r="F12740" s="7">
        <v>38657</v>
      </c>
      <c r="G12740" s="8">
        <v>1</v>
      </c>
      <c r="H12740" s="8">
        <v>1</v>
      </c>
      <c r="I12740" s="8">
        <v>0</v>
      </c>
      <c r="J12740" s="8">
        <v>1</v>
      </c>
      <c r="K12740" s="9">
        <v>76.03</v>
      </c>
      <c r="L12740" s="6" t="s">
        <v>51</v>
      </c>
    </row>
    <row r="12741" spans="1:12">
      <c r="A12741" s="6" t="s">
        <v>49</v>
      </c>
      <c r="B12741" s="6"/>
      <c r="C12741" s="6" t="s">
        <v>12765</v>
      </c>
      <c r="D12741" s="6"/>
      <c r="E12741" s="6" t="s">
        <v>9</v>
      </c>
      <c r="F12741" s="7">
        <v>38657</v>
      </c>
      <c r="G12741" s="8">
        <v>1</v>
      </c>
      <c r="H12741" s="8">
        <v>1</v>
      </c>
      <c r="I12741" s="8">
        <v>0</v>
      </c>
      <c r="J12741" s="8">
        <v>1</v>
      </c>
      <c r="K12741" s="9">
        <v>54</v>
      </c>
      <c r="L12741" s="6" t="s">
        <v>51</v>
      </c>
    </row>
    <row r="12742" spans="1:12">
      <c r="A12742" s="6" t="s">
        <v>49</v>
      </c>
      <c r="B12742" s="6"/>
      <c r="C12742" s="6" t="s">
        <v>12766</v>
      </c>
      <c r="D12742" s="6"/>
      <c r="E12742" s="6" t="s">
        <v>9</v>
      </c>
      <c r="F12742" s="7">
        <v>38657</v>
      </c>
      <c r="G12742" s="8">
        <v>1</v>
      </c>
      <c r="H12742" s="8">
        <v>1</v>
      </c>
      <c r="I12742" s="8">
        <v>0</v>
      </c>
      <c r="J12742" s="8">
        <v>1</v>
      </c>
      <c r="K12742" s="9">
        <v>35</v>
      </c>
      <c r="L12742" s="6" t="s">
        <v>51</v>
      </c>
    </row>
    <row r="12743" spans="1:12">
      <c r="A12743" s="6" t="s">
        <v>49</v>
      </c>
      <c r="B12743" s="6"/>
      <c r="C12743" s="6" t="s">
        <v>12767</v>
      </c>
      <c r="D12743" s="6"/>
      <c r="E12743" s="6" t="s">
        <v>9</v>
      </c>
      <c r="F12743" s="7">
        <v>38657</v>
      </c>
      <c r="G12743" s="8">
        <v>1</v>
      </c>
      <c r="H12743" s="8">
        <v>1</v>
      </c>
      <c r="I12743" s="8">
        <v>0</v>
      </c>
      <c r="J12743" s="8">
        <v>1</v>
      </c>
      <c r="K12743" s="9">
        <v>54</v>
      </c>
      <c r="L12743" s="6" t="s">
        <v>51</v>
      </c>
    </row>
    <row r="12744" spans="1:12">
      <c r="A12744" s="6" t="s">
        <v>49</v>
      </c>
      <c r="B12744" s="6"/>
      <c r="C12744" s="6" t="s">
        <v>12768</v>
      </c>
      <c r="D12744" s="6"/>
      <c r="E12744" s="6" t="s">
        <v>9</v>
      </c>
      <c r="F12744" s="7">
        <v>38657</v>
      </c>
      <c r="G12744" s="8">
        <v>1</v>
      </c>
      <c r="H12744" s="8">
        <v>1</v>
      </c>
      <c r="I12744" s="8">
        <v>0</v>
      </c>
      <c r="J12744" s="8">
        <v>1</v>
      </c>
      <c r="K12744" s="9">
        <v>47</v>
      </c>
      <c r="L12744" s="6" t="s">
        <v>51</v>
      </c>
    </row>
    <row r="12745" spans="1:12">
      <c r="A12745" s="6" t="s">
        <v>49</v>
      </c>
      <c r="B12745" s="6"/>
      <c r="C12745" s="6" t="s">
        <v>12769</v>
      </c>
      <c r="D12745" s="6"/>
      <c r="E12745" s="6" t="s">
        <v>9</v>
      </c>
      <c r="F12745" s="7">
        <v>38657</v>
      </c>
      <c r="G12745" s="8">
        <v>1</v>
      </c>
      <c r="H12745" s="8">
        <v>1</v>
      </c>
      <c r="I12745" s="8">
        <v>0</v>
      </c>
      <c r="J12745" s="8">
        <v>1</v>
      </c>
      <c r="K12745" s="9">
        <v>15</v>
      </c>
      <c r="L12745" s="6" t="s">
        <v>51</v>
      </c>
    </row>
    <row r="12746" spans="1:12">
      <c r="A12746" s="6" t="s">
        <v>49</v>
      </c>
      <c r="B12746" s="6"/>
      <c r="C12746" s="6" t="s">
        <v>12770</v>
      </c>
      <c r="D12746" s="6"/>
      <c r="E12746" s="6" t="s">
        <v>9</v>
      </c>
      <c r="F12746" s="7">
        <v>38657</v>
      </c>
      <c r="G12746" s="8">
        <v>1</v>
      </c>
      <c r="H12746" s="8">
        <v>1</v>
      </c>
      <c r="I12746" s="8">
        <v>0</v>
      </c>
      <c r="J12746" s="8">
        <v>1</v>
      </c>
      <c r="K12746" s="9">
        <v>7.98</v>
      </c>
      <c r="L12746" s="6" t="s">
        <v>51</v>
      </c>
    </row>
    <row r="12747" spans="1:12">
      <c r="A12747" s="6" t="s">
        <v>49</v>
      </c>
      <c r="B12747" s="6"/>
      <c r="C12747" s="6" t="s">
        <v>12771</v>
      </c>
      <c r="D12747" s="6"/>
      <c r="E12747" s="6" t="s">
        <v>9</v>
      </c>
      <c r="F12747" s="7">
        <v>38657</v>
      </c>
      <c r="G12747" s="8">
        <v>1</v>
      </c>
      <c r="H12747" s="8">
        <v>1</v>
      </c>
      <c r="I12747" s="8">
        <v>0</v>
      </c>
      <c r="J12747" s="8">
        <v>1</v>
      </c>
      <c r="K12747" s="9">
        <v>693</v>
      </c>
      <c r="L12747" s="6" t="s">
        <v>51</v>
      </c>
    </row>
    <row r="12748" spans="1:12">
      <c r="A12748" s="6" t="s">
        <v>49</v>
      </c>
      <c r="B12748" s="6"/>
      <c r="C12748" s="6" t="s">
        <v>12772</v>
      </c>
      <c r="D12748" s="6"/>
      <c r="E12748" s="6" t="s">
        <v>9</v>
      </c>
      <c r="F12748" s="7">
        <v>38657</v>
      </c>
      <c r="G12748" s="8">
        <v>1</v>
      </c>
      <c r="H12748" s="8">
        <v>1</v>
      </c>
      <c r="I12748" s="8">
        <v>0</v>
      </c>
      <c r="J12748" s="8">
        <v>1</v>
      </c>
      <c r="K12748" s="9">
        <v>616</v>
      </c>
      <c r="L12748" s="6" t="s">
        <v>51</v>
      </c>
    </row>
    <row r="12749" spans="1:12">
      <c r="A12749" s="6" t="s">
        <v>49</v>
      </c>
      <c r="B12749" s="6"/>
      <c r="C12749" s="6" t="s">
        <v>12773</v>
      </c>
      <c r="D12749" s="6"/>
      <c r="E12749" s="6" t="s">
        <v>9</v>
      </c>
      <c r="F12749" s="7">
        <v>38657</v>
      </c>
      <c r="G12749" s="8">
        <v>1</v>
      </c>
      <c r="H12749" s="8">
        <v>1</v>
      </c>
      <c r="I12749" s="8">
        <v>0</v>
      </c>
      <c r="J12749" s="8">
        <v>1</v>
      </c>
      <c r="K12749" s="9">
        <v>66</v>
      </c>
      <c r="L12749" s="6" t="s">
        <v>51</v>
      </c>
    </row>
    <row r="12750" spans="1:12">
      <c r="A12750" s="6" t="s">
        <v>49</v>
      </c>
      <c r="B12750" s="6"/>
      <c r="C12750" s="6" t="s">
        <v>12774</v>
      </c>
      <c r="D12750" s="6"/>
      <c r="E12750" s="6" t="s">
        <v>9</v>
      </c>
      <c r="F12750" s="7">
        <v>38657</v>
      </c>
      <c r="G12750" s="8">
        <v>1</v>
      </c>
      <c r="H12750" s="8">
        <v>1</v>
      </c>
      <c r="I12750" s="8">
        <v>0</v>
      </c>
      <c r="J12750" s="8">
        <v>1</v>
      </c>
      <c r="K12750" s="9">
        <v>94</v>
      </c>
      <c r="L12750" s="6" t="s">
        <v>51</v>
      </c>
    </row>
    <row r="12751" spans="1:12">
      <c r="A12751" s="6" t="s">
        <v>49</v>
      </c>
      <c r="B12751" s="6"/>
      <c r="C12751" s="6" t="s">
        <v>12775</v>
      </c>
      <c r="D12751" s="6"/>
      <c r="E12751" s="6" t="s">
        <v>9</v>
      </c>
      <c r="F12751" s="7">
        <v>38657</v>
      </c>
      <c r="G12751" s="8">
        <v>1</v>
      </c>
      <c r="H12751" s="8">
        <v>1</v>
      </c>
      <c r="I12751" s="8">
        <v>0</v>
      </c>
      <c r="J12751" s="8">
        <v>1</v>
      </c>
      <c r="K12751" s="9">
        <v>6.49</v>
      </c>
      <c r="L12751" s="6" t="s">
        <v>51</v>
      </c>
    </row>
    <row r="12752" spans="1:12">
      <c r="A12752" s="6" t="s">
        <v>49</v>
      </c>
      <c r="B12752" s="6"/>
      <c r="C12752" s="6" t="s">
        <v>12776</v>
      </c>
      <c r="D12752" s="6"/>
      <c r="E12752" s="6" t="s">
        <v>9</v>
      </c>
      <c r="F12752" s="7">
        <v>38657</v>
      </c>
      <c r="G12752" s="8">
        <v>1</v>
      </c>
      <c r="H12752" s="8">
        <v>1</v>
      </c>
      <c r="I12752" s="8">
        <v>0</v>
      </c>
      <c r="J12752" s="8">
        <v>1</v>
      </c>
      <c r="K12752" s="9">
        <v>22</v>
      </c>
      <c r="L12752" s="6" t="s">
        <v>51</v>
      </c>
    </row>
    <row r="12753" spans="1:12">
      <c r="A12753" s="6" t="s">
        <v>49</v>
      </c>
      <c r="B12753" s="6"/>
      <c r="C12753" s="6" t="s">
        <v>12777</v>
      </c>
      <c r="D12753" s="6"/>
      <c r="E12753" s="6" t="s">
        <v>9</v>
      </c>
      <c r="F12753" s="7">
        <v>38657</v>
      </c>
      <c r="G12753" s="8">
        <v>1</v>
      </c>
      <c r="H12753" s="8">
        <v>1</v>
      </c>
      <c r="I12753" s="8">
        <v>0</v>
      </c>
      <c r="J12753" s="8">
        <v>1</v>
      </c>
      <c r="K12753" s="9">
        <v>59</v>
      </c>
      <c r="L12753" s="6" t="s">
        <v>51</v>
      </c>
    </row>
    <row r="12754" spans="1:12">
      <c r="A12754" s="6" t="s">
        <v>49</v>
      </c>
      <c r="B12754" s="6"/>
      <c r="C12754" s="6" t="s">
        <v>12778</v>
      </c>
      <c r="D12754" s="6"/>
      <c r="E12754" s="6" t="s">
        <v>9</v>
      </c>
      <c r="F12754" s="7">
        <v>38657</v>
      </c>
      <c r="G12754" s="8">
        <v>1</v>
      </c>
      <c r="H12754" s="8">
        <v>1</v>
      </c>
      <c r="I12754" s="8">
        <v>0</v>
      </c>
      <c r="J12754" s="8">
        <v>1</v>
      </c>
      <c r="K12754" s="9">
        <v>39</v>
      </c>
      <c r="L12754" s="6" t="s">
        <v>51</v>
      </c>
    </row>
    <row r="12755" spans="1:12">
      <c r="A12755" s="6" t="s">
        <v>49</v>
      </c>
      <c r="B12755" s="6"/>
      <c r="C12755" s="6" t="s">
        <v>12779</v>
      </c>
      <c r="D12755" s="6"/>
      <c r="E12755" s="6" t="s">
        <v>9</v>
      </c>
      <c r="F12755" s="7">
        <v>38657</v>
      </c>
      <c r="G12755" s="8">
        <v>1</v>
      </c>
      <c r="H12755" s="8">
        <v>1</v>
      </c>
      <c r="I12755" s="8">
        <v>0</v>
      </c>
      <c r="J12755" s="8">
        <v>1</v>
      </c>
      <c r="K12755" s="9">
        <v>28</v>
      </c>
      <c r="L12755" s="6" t="s">
        <v>51</v>
      </c>
    </row>
    <row r="12756" spans="1:12">
      <c r="A12756" s="6" t="s">
        <v>49</v>
      </c>
      <c r="B12756" s="6"/>
      <c r="C12756" s="6" t="s">
        <v>12780</v>
      </c>
      <c r="D12756" s="6"/>
      <c r="E12756" s="6" t="s">
        <v>9</v>
      </c>
      <c r="F12756" s="7">
        <v>38657</v>
      </c>
      <c r="G12756" s="8">
        <v>1</v>
      </c>
      <c r="H12756" s="8">
        <v>1</v>
      </c>
      <c r="I12756" s="8">
        <v>0</v>
      </c>
      <c r="J12756" s="8">
        <v>1</v>
      </c>
      <c r="K12756" s="9">
        <v>67</v>
      </c>
      <c r="L12756" s="6" t="s">
        <v>51</v>
      </c>
    </row>
    <row r="12757" spans="1:12">
      <c r="A12757" s="6" t="s">
        <v>49</v>
      </c>
      <c r="B12757" s="6"/>
      <c r="C12757" s="6" t="s">
        <v>12781</v>
      </c>
      <c r="D12757" s="6"/>
      <c r="E12757" s="6" t="s">
        <v>9</v>
      </c>
      <c r="F12757" s="7">
        <v>38657</v>
      </c>
      <c r="G12757" s="8">
        <v>1</v>
      </c>
      <c r="H12757" s="8">
        <v>1</v>
      </c>
      <c r="I12757" s="8">
        <v>0</v>
      </c>
      <c r="J12757" s="8">
        <v>1</v>
      </c>
      <c r="K12757" s="9">
        <v>990</v>
      </c>
      <c r="L12757" s="6" t="s">
        <v>51</v>
      </c>
    </row>
    <row r="12758" spans="1:12">
      <c r="A12758" s="6" t="s">
        <v>49</v>
      </c>
      <c r="B12758" s="6"/>
      <c r="C12758" s="6" t="s">
        <v>12782</v>
      </c>
      <c r="D12758" s="6"/>
      <c r="E12758" s="6" t="s">
        <v>9</v>
      </c>
      <c r="F12758" s="7">
        <v>38657</v>
      </c>
      <c r="G12758" s="8">
        <v>1</v>
      </c>
      <c r="H12758" s="8">
        <v>1</v>
      </c>
      <c r="I12758" s="8">
        <v>0</v>
      </c>
      <c r="J12758" s="8">
        <v>1</v>
      </c>
      <c r="K12758" s="9">
        <v>616</v>
      </c>
      <c r="L12758" s="6" t="s">
        <v>51</v>
      </c>
    </row>
    <row r="12759" spans="1:12">
      <c r="A12759" s="6" t="s">
        <v>49</v>
      </c>
      <c r="B12759" s="6"/>
      <c r="C12759" s="6" t="s">
        <v>12783</v>
      </c>
      <c r="D12759" s="6"/>
      <c r="E12759" s="6" t="s">
        <v>9</v>
      </c>
      <c r="F12759" s="7">
        <v>38657</v>
      </c>
      <c r="G12759" s="8">
        <v>1</v>
      </c>
      <c r="H12759" s="8">
        <v>1</v>
      </c>
      <c r="I12759" s="8">
        <v>0</v>
      </c>
      <c r="J12759" s="8">
        <v>1</v>
      </c>
      <c r="K12759" s="9">
        <v>754</v>
      </c>
      <c r="L12759" s="6" t="s">
        <v>51</v>
      </c>
    </row>
    <row r="12760" spans="1:12">
      <c r="A12760" s="6" t="s">
        <v>49</v>
      </c>
      <c r="B12760" s="6"/>
      <c r="C12760" s="6" t="s">
        <v>12784</v>
      </c>
      <c r="D12760" s="6"/>
      <c r="E12760" s="6" t="s">
        <v>9</v>
      </c>
      <c r="F12760" s="7">
        <v>38657</v>
      </c>
      <c r="G12760" s="8">
        <v>1</v>
      </c>
      <c r="H12760" s="8">
        <v>1</v>
      </c>
      <c r="I12760" s="8">
        <v>0</v>
      </c>
      <c r="J12760" s="8">
        <v>1</v>
      </c>
      <c r="K12760" s="9">
        <v>258</v>
      </c>
      <c r="L12760" s="6" t="s">
        <v>51</v>
      </c>
    </row>
    <row r="12761" spans="1:12">
      <c r="A12761" s="6" t="s">
        <v>49</v>
      </c>
      <c r="B12761" s="6"/>
      <c r="C12761" s="6" t="s">
        <v>12785</v>
      </c>
      <c r="D12761" s="6"/>
      <c r="E12761" s="6" t="s">
        <v>9</v>
      </c>
      <c r="F12761" s="7">
        <v>38657</v>
      </c>
      <c r="G12761" s="8">
        <v>1</v>
      </c>
      <c r="H12761" s="8">
        <v>1</v>
      </c>
      <c r="I12761" s="8">
        <v>0</v>
      </c>
      <c r="J12761" s="8">
        <v>1</v>
      </c>
      <c r="K12761" s="9">
        <v>279</v>
      </c>
      <c r="L12761" s="6" t="s">
        <v>51</v>
      </c>
    </row>
    <row r="12762" spans="1:12">
      <c r="A12762" s="6" t="s">
        <v>49</v>
      </c>
      <c r="B12762" s="6"/>
      <c r="C12762" s="6" t="s">
        <v>12786</v>
      </c>
      <c r="D12762" s="6"/>
      <c r="E12762" s="6" t="s">
        <v>9</v>
      </c>
      <c r="F12762" s="7">
        <v>38657</v>
      </c>
      <c r="G12762" s="8">
        <v>1</v>
      </c>
      <c r="H12762" s="8">
        <v>1</v>
      </c>
      <c r="I12762" s="8">
        <v>0</v>
      </c>
      <c r="J12762" s="8">
        <v>1</v>
      </c>
      <c r="K12762" s="9">
        <v>1.1100000000000001</v>
      </c>
      <c r="L12762" s="6" t="s">
        <v>51</v>
      </c>
    </row>
    <row r="12763" spans="1:12">
      <c r="A12763" s="6" t="s">
        <v>49</v>
      </c>
      <c r="B12763" s="6"/>
      <c r="C12763" s="6" t="s">
        <v>12787</v>
      </c>
      <c r="D12763" s="6"/>
      <c r="E12763" s="6" t="s">
        <v>9</v>
      </c>
      <c r="F12763" s="7">
        <v>38657</v>
      </c>
      <c r="G12763" s="8">
        <v>1</v>
      </c>
      <c r="H12763" s="8">
        <v>1</v>
      </c>
      <c r="I12763" s="8">
        <v>0</v>
      </c>
      <c r="J12763" s="8">
        <v>1</v>
      </c>
      <c r="K12763" s="9">
        <v>434</v>
      </c>
      <c r="L12763" s="6" t="s">
        <v>51</v>
      </c>
    </row>
    <row r="12764" spans="1:12">
      <c r="A12764" s="6" t="s">
        <v>49</v>
      </c>
      <c r="B12764" s="6"/>
      <c r="C12764" s="6" t="s">
        <v>12788</v>
      </c>
      <c r="D12764" s="6"/>
      <c r="E12764" s="6" t="s">
        <v>9</v>
      </c>
      <c r="F12764" s="7">
        <v>38657</v>
      </c>
      <c r="G12764" s="8">
        <v>1</v>
      </c>
      <c r="H12764" s="8">
        <v>1</v>
      </c>
      <c r="I12764" s="8">
        <v>0</v>
      </c>
      <c r="J12764" s="8">
        <v>1</v>
      </c>
      <c r="K12764" s="9">
        <v>430</v>
      </c>
      <c r="L12764" s="6" t="s">
        <v>51</v>
      </c>
    </row>
    <row r="12765" spans="1:12">
      <c r="A12765" s="6" t="s">
        <v>49</v>
      </c>
      <c r="B12765" s="6"/>
      <c r="C12765" s="6" t="s">
        <v>12789</v>
      </c>
      <c r="D12765" s="6"/>
      <c r="E12765" s="6" t="s">
        <v>9</v>
      </c>
      <c r="F12765" s="7">
        <v>38657</v>
      </c>
      <c r="G12765" s="8">
        <v>1</v>
      </c>
      <c r="H12765" s="8">
        <v>1</v>
      </c>
      <c r="I12765" s="8">
        <v>0</v>
      </c>
      <c r="J12765" s="8">
        <v>1</v>
      </c>
      <c r="K12765" s="9">
        <v>766</v>
      </c>
      <c r="L12765" s="6" t="s">
        <v>51</v>
      </c>
    </row>
    <row r="12766" spans="1:12">
      <c r="A12766" s="6" t="s">
        <v>49</v>
      </c>
      <c r="B12766" s="6"/>
      <c r="C12766" s="6" t="s">
        <v>12790</v>
      </c>
      <c r="D12766" s="6"/>
      <c r="E12766" s="6" t="s">
        <v>9</v>
      </c>
      <c r="F12766" s="7">
        <v>38657</v>
      </c>
      <c r="G12766" s="8">
        <v>1</v>
      </c>
      <c r="H12766" s="8">
        <v>1</v>
      </c>
      <c r="I12766" s="8">
        <v>0</v>
      </c>
      <c r="J12766" s="8">
        <v>1</v>
      </c>
      <c r="K12766" s="9">
        <v>897</v>
      </c>
      <c r="L12766" s="6" t="s">
        <v>51</v>
      </c>
    </row>
    <row r="12767" spans="1:12">
      <c r="A12767" s="6" t="s">
        <v>49</v>
      </c>
      <c r="B12767" s="6"/>
      <c r="C12767" s="6" t="s">
        <v>12791</v>
      </c>
      <c r="D12767" s="6"/>
      <c r="E12767" s="6" t="s">
        <v>9</v>
      </c>
      <c r="F12767" s="7">
        <v>38657</v>
      </c>
      <c r="G12767" s="8">
        <v>1</v>
      </c>
      <c r="H12767" s="8">
        <v>1</v>
      </c>
      <c r="I12767" s="8">
        <v>0</v>
      </c>
      <c r="J12767" s="8">
        <v>1</v>
      </c>
      <c r="K12767" s="9">
        <v>4.7300000000000004</v>
      </c>
      <c r="L12767" s="6" t="s">
        <v>51</v>
      </c>
    </row>
    <row r="12768" spans="1:12">
      <c r="A12768" s="6" t="s">
        <v>49</v>
      </c>
      <c r="B12768" s="6"/>
      <c r="C12768" s="6" t="s">
        <v>12792</v>
      </c>
      <c r="D12768" s="6"/>
      <c r="E12768" s="6" t="s">
        <v>9</v>
      </c>
      <c r="F12768" s="7">
        <v>38657</v>
      </c>
      <c r="G12768" s="8">
        <v>1</v>
      </c>
      <c r="H12768" s="8">
        <v>1</v>
      </c>
      <c r="I12768" s="8">
        <v>0</v>
      </c>
      <c r="J12768" s="8">
        <v>1</v>
      </c>
      <c r="K12768" s="9">
        <v>264</v>
      </c>
      <c r="L12768" s="6" t="s">
        <v>51</v>
      </c>
    </row>
    <row r="12769" spans="1:12">
      <c r="A12769" s="6" t="s">
        <v>49</v>
      </c>
      <c r="B12769" s="6"/>
      <c r="C12769" s="6" t="s">
        <v>12793</v>
      </c>
      <c r="D12769" s="6"/>
      <c r="E12769" s="6" t="s">
        <v>9</v>
      </c>
      <c r="F12769" s="7">
        <v>38657</v>
      </c>
      <c r="G12769" s="8">
        <v>1</v>
      </c>
      <c r="H12769" s="8">
        <v>1</v>
      </c>
      <c r="I12769" s="8">
        <v>0</v>
      </c>
      <c r="J12769" s="8">
        <v>1</v>
      </c>
      <c r="K12769" s="9">
        <v>7.56</v>
      </c>
      <c r="L12769" s="6" t="s">
        <v>51</v>
      </c>
    </row>
    <row r="12770" spans="1:12">
      <c r="A12770" s="6" t="s">
        <v>49</v>
      </c>
      <c r="B12770" s="6"/>
      <c r="C12770" s="6" t="s">
        <v>12794</v>
      </c>
      <c r="D12770" s="6"/>
      <c r="E12770" s="6" t="s">
        <v>9</v>
      </c>
      <c r="F12770" s="7">
        <v>38657</v>
      </c>
      <c r="G12770" s="8">
        <v>1</v>
      </c>
      <c r="H12770" s="8">
        <v>1</v>
      </c>
      <c r="I12770" s="8">
        <v>0</v>
      </c>
      <c r="J12770" s="8">
        <v>1</v>
      </c>
      <c r="K12770" s="9">
        <v>42</v>
      </c>
      <c r="L12770" s="6" t="s">
        <v>51</v>
      </c>
    </row>
    <row r="12771" spans="1:12">
      <c r="A12771" s="6" t="s">
        <v>49</v>
      </c>
      <c r="B12771" s="6"/>
      <c r="C12771" s="6" t="s">
        <v>12795</v>
      </c>
      <c r="D12771" s="6"/>
      <c r="E12771" s="6" t="s">
        <v>9</v>
      </c>
      <c r="F12771" s="7">
        <v>38657</v>
      </c>
      <c r="G12771" s="8">
        <v>1</v>
      </c>
      <c r="H12771" s="8">
        <v>1</v>
      </c>
      <c r="I12771" s="8">
        <v>0</v>
      </c>
      <c r="J12771" s="8">
        <v>1</v>
      </c>
      <c r="K12771" s="9">
        <v>0.61</v>
      </c>
      <c r="L12771" s="6" t="s">
        <v>51</v>
      </c>
    </row>
    <row r="12772" spans="1:12">
      <c r="A12772" s="6" t="s">
        <v>49</v>
      </c>
      <c r="B12772" s="6"/>
      <c r="C12772" s="6" t="s">
        <v>12796</v>
      </c>
      <c r="D12772" s="6"/>
      <c r="E12772" s="6" t="s">
        <v>9</v>
      </c>
      <c r="F12772" s="7">
        <v>38657</v>
      </c>
      <c r="G12772" s="8">
        <v>1</v>
      </c>
      <c r="H12772" s="8">
        <v>1</v>
      </c>
      <c r="I12772" s="8">
        <v>0</v>
      </c>
      <c r="J12772" s="8">
        <v>1</v>
      </c>
      <c r="K12772" s="9">
        <v>15.01</v>
      </c>
      <c r="L12772" s="6" t="s">
        <v>51</v>
      </c>
    </row>
    <row r="12773" spans="1:12">
      <c r="A12773" s="6" t="s">
        <v>49</v>
      </c>
      <c r="B12773" s="6"/>
      <c r="C12773" s="6" t="s">
        <v>12797</v>
      </c>
      <c r="D12773" s="6"/>
      <c r="E12773" s="6" t="s">
        <v>9</v>
      </c>
      <c r="F12773" s="7">
        <v>38657</v>
      </c>
      <c r="G12773" s="8">
        <v>1</v>
      </c>
      <c r="H12773" s="8">
        <v>1</v>
      </c>
      <c r="I12773" s="8">
        <v>0</v>
      </c>
      <c r="J12773" s="8">
        <v>1</v>
      </c>
      <c r="K12773" s="9">
        <v>137</v>
      </c>
      <c r="L12773" s="6" t="s">
        <v>51</v>
      </c>
    </row>
    <row r="12774" spans="1:12">
      <c r="A12774" s="6" t="s">
        <v>49</v>
      </c>
      <c r="B12774" s="6"/>
      <c r="C12774" s="6" t="s">
        <v>12798</v>
      </c>
      <c r="D12774" s="6"/>
      <c r="E12774" s="6" t="s">
        <v>9</v>
      </c>
      <c r="F12774" s="7">
        <v>38657</v>
      </c>
      <c r="G12774" s="8">
        <v>1</v>
      </c>
      <c r="H12774" s="8">
        <v>1</v>
      </c>
      <c r="I12774" s="8">
        <v>0</v>
      </c>
      <c r="J12774" s="8">
        <v>1</v>
      </c>
      <c r="K12774" s="9">
        <v>35</v>
      </c>
      <c r="L12774" s="6" t="s">
        <v>51</v>
      </c>
    </row>
    <row r="12775" spans="1:12">
      <c r="A12775" s="6" t="s">
        <v>49</v>
      </c>
      <c r="B12775" s="6"/>
      <c r="C12775" s="6" t="s">
        <v>12799</v>
      </c>
      <c r="D12775" s="6"/>
      <c r="E12775" s="6" t="s">
        <v>9</v>
      </c>
      <c r="F12775" s="7">
        <v>38657</v>
      </c>
      <c r="G12775" s="8">
        <v>1</v>
      </c>
      <c r="H12775" s="8">
        <v>1</v>
      </c>
      <c r="I12775" s="8">
        <v>0</v>
      </c>
      <c r="J12775" s="8">
        <v>1</v>
      </c>
      <c r="K12775" s="9">
        <v>19</v>
      </c>
      <c r="L12775" s="6" t="s">
        <v>51</v>
      </c>
    </row>
    <row r="12776" spans="1:12">
      <c r="A12776" s="6" t="s">
        <v>49</v>
      </c>
      <c r="B12776" s="6"/>
      <c r="C12776" s="6" t="s">
        <v>12800</v>
      </c>
      <c r="D12776" s="6"/>
      <c r="E12776" s="6" t="s">
        <v>9</v>
      </c>
      <c r="F12776" s="7">
        <v>41082</v>
      </c>
      <c r="G12776" s="8">
        <v>1</v>
      </c>
      <c r="H12776" s="8">
        <v>1</v>
      </c>
      <c r="I12776" s="8">
        <v>0</v>
      </c>
      <c r="J12776" s="8">
        <v>1</v>
      </c>
      <c r="K12776" s="9">
        <v>9.16</v>
      </c>
      <c r="L12776" s="6" t="s">
        <v>51</v>
      </c>
    </row>
    <row r="12777" spans="1:12">
      <c r="A12777" s="6" t="s">
        <v>49</v>
      </c>
      <c r="B12777" s="6"/>
      <c r="C12777" s="6" t="s">
        <v>12801</v>
      </c>
      <c r="D12777" s="6"/>
      <c r="E12777" s="6" t="s">
        <v>9</v>
      </c>
      <c r="F12777" s="7">
        <v>38657</v>
      </c>
      <c r="G12777" s="8">
        <v>1</v>
      </c>
      <c r="H12777" s="8">
        <v>1</v>
      </c>
      <c r="I12777" s="8">
        <v>0</v>
      </c>
      <c r="J12777" s="8">
        <v>1</v>
      </c>
      <c r="K12777" s="9">
        <v>6.72</v>
      </c>
      <c r="L12777" s="6" t="s">
        <v>51</v>
      </c>
    </row>
    <row r="12778" spans="1:12">
      <c r="A12778" s="6" t="s">
        <v>49</v>
      </c>
      <c r="B12778" s="6"/>
      <c r="C12778" s="6" t="s">
        <v>12802</v>
      </c>
      <c r="D12778" s="6"/>
      <c r="E12778" s="6" t="s">
        <v>9</v>
      </c>
      <c r="F12778" s="7">
        <v>38657</v>
      </c>
      <c r="G12778" s="8">
        <v>1</v>
      </c>
      <c r="H12778" s="8">
        <v>1</v>
      </c>
      <c r="I12778" s="8">
        <v>0</v>
      </c>
      <c r="J12778" s="8">
        <v>1</v>
      </c>
      <c r="K12778" s="9">
        <v>6.69</v>
      </c>
      <c r="L12778" s="6" t="s">
        <v>51</v>
      </c>
    </row>
    <row r="12779" spans="1:12">
      <c r="A12779" s="6" t="s">
        <v>49</v>
      </c>
      <c r="B12779" s="6"/>
      <c r="C12779" s="6" t="s">
        <v>12803</v>
      </c>
      <c r="D12779" s="6"/>
      <c r="E12779" s="6" t="s">
        <v>9</v>
      </c>
      <c r="F12779" s="7">
        <v>38657</v>
      </c>
      <c r="G12779" s="8">
        <v>1</v>
      </c>
      <c r="H12779" s="8">
        <v>1</v>
      </c>
      <c r="I12779" s="8">
        <v>0</v>
      </c>
      <c r="J12779" s="8">
        <v>1</v>
      </c>
      <c r="K12779" s="9">
        <v>14</v>
      </c>
      <c r="L12779" s="6" t="s">
        <v>51</v>
      </c>
    </row>
    <row r="12780" spans="1:12">
      <c r="A12780" s="6" t="s">
        <v>49</v>
      </c>
      <c r="B12780" s="6"/>
      <c r="C12780" s="6" t="s">
        <v>12804</v>
      </c>
      <c r="D12780" s="6"/>
      <c r="E12780" s="6" t="s">
        <v>9</v>
      </c>
      <c r="F12780" s="7">
        <v>38657</v>
      </c>
      <c r="G12780" s="8">
        <v>1</v>
      </c>
      <c r="H12780" s="8">
        <v>1</v>
      </c>
      <c r="I12780" s="8">
        <v>0</v>
      </c>
      <c r="J12780" s="8">
        <v>1</v>
      </c>
      <c r="K12780" s="9">
        <v>15</v>
      </c>
      <c r="L12780" s="6" t="s">
        <v>51</v>
      </c>
    </row>
    <row r="12781" spans="1:12">
      <c r="A12781" s="6" t="s">
        <v>49</v>
      </c>
      <c r="B12781" s="6"/>
      <c r="C12781" s="6" t="s">
        <v>12805</v>
      </c>
      <c r="D12781" s="6"/>
      <c r="E12781" s="6" t="s">
        <v>9</v>
      </c>
      <c r="F12781" s="7">
        <v>38657</v>
      </c>
      <c r="G12781" s="8">
        <v>1</v>
      </c>
      <c r="H12781" s="8">
        <v>1</v>
      </c>
      <c r="I12781" s="8">
        <v>0</v>
      </c>
      <c r="J12781" s="8">
        <v>1</v>
      </c>
      <c r="K12781" s="9">
        <v>63</v>
      </c>
      <c r="L12781" s="6" t="s">
        <v>51</v>
      </c>
    </row>
    <row r="12782" spans="1:12">
      <c r="A12782" s="6" t="s">
        <v>49</v>
      </c>
      <c r="B12782" s="6"/>
      <c r="C12782" s="6" t="s">
        <v>12806</v>
      </c>
      <c r="D12782" s="6"/>
      <c r="E12782" s="6" t="s">
        <v>9</v>
      </c>
      <c r="F12782" s="7">
        <v>38657</v>
      </c>
      <c r="G12782" s="8">
        <v>1</v>
      </c>
      <c r="H12782" s="8">
        <v>1</v>
      </c>
      <c r="I12782" s="8">
        <v>0</v>
      </c>
      <c r="J12782" s="8">
        <v>1</v>
      </c>
      <c r="K12782" s="9">
        <v>8.68</v>
      </c>
      <c r="L12782" s="6" t="s">
        <v>51</v>
      </c>
    </row>
    <row r="12783" spans="1:12">
      <c r="A12783" s="6" t="s">
        <v>49</v>
      </c>
      <c r="B12783" s="6"/>
      <c r="C12783" s="6" t="s">
        <v>12807</v>
      </c>
      <c r="D12783" s="6"/>
      <c r="E12783" s="6" t="s">
        <v>9</v>
      </c>
      <c r="F12783" s="7">
        <v>38657</v>
      </c>
      <c r="G12783" s="8">
        <v>1</v>
      </c>
      <c r="H12783" s="8">
        <v>1</v>
      </c>
      <c r="I12783" s="8">
        <v>0</v>
      </c>
      <c r="J12783" s="8">
        <v>1</v>
      </c>
      <c r="K12783" s="9">
        <v>30</v>
      </c>
      <c r="L12783" s="6" t="s">
        <v>51</v>
      </c>
    </row>
    <row r="12784" spans="1:12">
      <c r="A12784" s="6" t="s">
        <v>49</v>
      </c>
      <c r="B12784" s="6"/>
      <c r="C12784" s="6" t="s">
        <v>12808</v>
      </c>
      <c r="D12784" s="6"/>
      <c r="E12784" s="6" t="s">
        <v>9</v>
      </c>
      <c r="F12784" s="7">
        <v>38657</v>
      </c>
      <c r="G12784" s="8">
        <v>1</v>
      </c>
      <c r="H12784" s="8">
        <v>1</v>
      </c>
      <c r="I12784" s="8">
        <v>0</v>
      </c>
      <c r="J12784" s="8">
        <v>1</v>
      </c>
      <c r="K12784" s="9">
        <v>5.52</v>
      </c>
      <c r="L12784" s="6" t="s">
        <v>51</v>
      </c>
    </row>
    <row r="12785" spans="1:12">
      <c r="A12785" s="6" t="s">
        <v>49</v>
      </c>
      <c r="B12785" s="6"/>
      <c r="C12785" s="6" t="s">
        <v>12809</v>
      </c>
      <c r="D12785" s="6"/>
      <c r="E12785" s="6" t="s">
        <v>9</v>
      </c>
      <c r="F12785" s="7">
        <v>38657</v>
      </c>
      <c r="G12785" s="8">
        <v>1</v>
      </c>
      <c r="H12785" s="8">
        <v>1</v>
      </c>
      <c r="I12785" s="8">
        <v>0</v>
      </c>
      <c r="J12785" s="8">
        <v>1</v>
      </c>
      <c r="K12785" s="9">
        <v>20</v>
      </c>
      <c r="L12785" s="6" t="s">
        <v>51</v>
      </c>
    </row>
    <row r="12786" spans="1:12">
      <c r="A12786" s="6" t="s">
        <v>49</v>
      </c>
      <c r="B12786" s="6"/>
      <c r="C12786" s="6" t="s">
        <v>12810</v>
      </c>
      <c r="D12786" s="6"/>
      <c r="E12786" s="6" t="s">
        <v>9</v>
      </c>
      <c r="F12786" s="7">
        <v>38657</v>
      </c>
      <c r="G12786" s="8">
        <v>1</v>
      </c>
      <c r="H12786" s="8">
        <v>1</v>
      </c>
      <c r="I12786" s="8">
        <v>0</v>
      </c>
      <c r="J12786" s="8">
        <v>1</v>
      </c>
      <c r="K12786" s="9">
        <v>31</v>
      </c>
      <c r="L12786" s="6" t="s">
        <v>51</v>
      </c>
    </row>
    <row r="12787" spans="1:12">
      <c r="A12787" s="6" t="s">
        <v>49</v>
      </c>
      <c r="B12787" s="6"/>
      <c r="C12787" s="6" t="s">
        <v>12811</v>
      </c>
      <c r="D12787" s="6"/>
      <c r="E12787" s="6" t="s">
        <v>9</v>
      </c>
      <c r="F12787" s="7">
        <v>38657</v>
      </c>
      <c r="G12787" s="8">
        <v>1</v>
      </c>
      <c r="H12787" s="8">
        <v>1</v>
      </c>
      <c r="I12787" s="8">
        <v>0</v>
      </c>
      <c r="J12787" s="8">
        <v>1</v>
      </c>
      <c r="K12787" s="9">
        <v>8.67</v>
      </c>
      <c r="L12787" s="6" t="s">
        <v>51</v>
      </c>
    </row>
    <row r="12788" spans="1:12">
      <c r="A12788" s="6" t="s">
        <v>49</v>
      </c>
      <c r="B12788" s="6"/>
      <c r="C12788" s="6" t="s">
        <v>12812</v>
      </c>
      <c r="D12788" s="6"/>
      <c r="E12788" s="6" t="s">
        <v>9</v>
      </c>
      <c r="F12788" s="7">
        <v>38657</v>
      </c>
      <c r="G12788" s="8">
        <v>1</v>
      </c>
      <c r="H12788" s="8">
        <v>1</v>
      </c>
      <c r="I12788" s="8">
        <v>0</v>
      </c>
      <c r="J12788" s="8">
        <v>1</v>
      </c>
      <c r="K12788" s="9">
        <v>6.14</v>
      </c>
      <c r="L12788" s="6" t="s">
        <v>51</v>
      </c>
    </row>
    <row r="12789" spans="1:12">
      <c r="A12789" s="6" t="s">
        <v>49</v>
      </c>
      <c r="B12789" s="6"/>
      <c r="C12789" s="6" t="s">
        <v>12813</v>
      </c>
      <c r="D12789" s="6"/>
      <c r="E12789" s="6" t="s">
        <v>9</v>
      </c>
      <c r="F12789" s="7">
        <v>38657</v>
      </c>
      <c r="G12789" s="8">
        <v>1</v>
      </c>
      <c r="H12789" s="8">
        <v>1</v>
      </c>
      <c r="I12789" s="8">
        <v>0</v>
      </c>
      <c r="J12789" s="8">
        <v>1</v>
      </c>
      <c r="K12789" s="9">
        <v>10</v>
      </c>
      <c r="L12789" s="6" t="s">
        <v>51</v>
      </c>
    </row>
    <row r="12790" spans="1:12">
      <c r="A12790" s="6" t="s">
        <v>49</v>
      </c>
      <c r="B12790" s="6"/>
      <c r="C12790" s="6" t="s">
        <v>12814</v>
      </c>
      <c r="D12790" s="6"/>
      <c r="E12790" s="6" t="s">
        <v>9</v>
      </c>
      <c r="F12790" s="7">
        <v>38657</v>
      </c>
      <c r="G12790" s="8">
        <v>1</v>
      </c>
      <c r="H12790" s="8">
        <v>1</v>
      </c>
      <c r="I12790" s="8">
        <v>0</v>
      </c>
      <c r="J12790" s="8">
        <v>1</v>
      </c>
      <c r="K12790" s="9">
        <v>8.82</v>
      </c>
      <c r="L12790" s="6" t="s">
        <v>51</v>
      </c>
    </row>
    <row r="12791" spans="1:12">
      <c r="A12791" s="6" t="s">
        <v>49</v>
      </c>
      <c r="B12791" s="6"/>
      <c r="C12791" s="6" t="s">
        <v>12815</v>
      </c>
      <c r="D12791" s="6"/>
      <c r="E12791" s="6" t="s">
        <v>9</v>
      </c>
      <c r="F12791" s="7">
        <v>38657</v>
      </c>
      <c r="G12791" s="8">
        <v>1</v>
      </c>
      <c r="H12791" s="8">
        <v>1</v>
      </c>
      <c r="I12791" s="8">
        <v>0</v>
      </c>
      <c r="J12791" s="8">
        <v>1</v>
      </c>
      <c r="K12791" s="9">
        <v>26</v>
      </c>
      <c r="L12791" s="6" t="s">
        <v>51</v>
      </c>
    </row>
    <row r="12792" spans="1:12">
      <c r="A12792" s="6" t="s">
        <v>49</v>
      </c>
      <c r="B12792" s="6"/>
      <c r="C12792" s="6" t="s">
        <v>12816</v>
      </c>
      <c r="D12792" s="6"/>
      <c r="E12792" s="6" t="s">
        <v>9</v>
      </c>
      <c r="F12792" s="7">
        <v>38657</v>
      </c>
      <c r="G12792" s="8">
        <v>1</v>
      </c>
      <c r="H12792" s="8">
        <v>1</v>
      </c>
      <c r="I12792" s="8">
        <v>0</v>
      </c>
      <c r="J12792" s="8">
        <v>1</v>
      </c>
      <c r="K12792" s="9">
        <v>17</v>
      </c>
      <c r="L12792" s="6" t="s">
        <v>51</v>
      </c>
    </row>
    <row r="12793" spans="1:12">
      <c r="A12793" s="6" t="s">
        <v>49</v>
      </c>
      <c r="B12793" s="6"/>
      <c r="C12793" s="6" t="s">
        <v>12817</v>
      </c>
      <c r="D12793" s="6"/>
      <c r="E12793" s="6" t="s">
        <v>9</v>
      </c>
      <c r="F12793" s="7">
        <v>38657</v>
      </c>
      <c r="G12793" s="8">
        <v>1</v>
      </c>
      <c r="H12793" s="8">
        <v>1</v>
      </c>
      <c r="I12793" s="8">
        <v>0</v>
      </c>
      <c r="J12793" s="8">
        <v>1</v>
      </c>
      <c r="K12793" s="9">
        <v>4.9400000000000004</v>
      </c>
      <c r="L12793" s="6" t="s">
        <v>51</v>
      </c>
    </row>
    <row r="12794" spans="1:12">
      <c r="A12794" s="6" t="s">
        <v>49</v>
      </c>
      <c r="B12794" s="6"/>
      <c r="C12794" s="6" t="s">
        <v>12818</v>
      </c>
      <c r="D12794" s="6"/>
      <c r="E12794" s="6" t="s">
        <v>9</v>
      </c>
      <c r="F12794" s="7">
        <v>38657</v>
      </c>
      <c r="G12794" s="8">
        <v>1</v>
      </c>
      <c r="H12794" s="8">
        <v>1</v>
      </c>
      <c r="I12794" s="8">
        <v>0</v>
      </c>
      <c r="J12794" s="8">
        <v>1</v>
      </c>
      <c r="K12794" s="9">
        <v>33</v>
      </c>
      <c r="L12794" s="6" t="s">
        <v>51</v>
      </c>
    </row>
    <row r="12795" spans="1:12">
      <c r="A12795" s="6" t="s">
        <v>49</v>
      </c>
      <c r="B12795" s="6"/>
      <c r="C12795" s="6" t="s">
        <v>12819</v>
      </c>
      <c r="D12795" s="6"/>
      <c r="E12795" s="6" t="s">
        <v>9</v>
      </c>
      <c r="F12795" s="7">
        <v>38657</v>
      </c>
      <c r="G12795" s="8">
        <v>1</v>
      </c>
      <c r="H12795" s="8">
        <v>1</v>
      </c>
      <c r="I12795" s="8">
        <v>0</v>
      </c>
      <c r="J12795" s="8">
        <v>1</v>
      </c>
      <c r="K12795" s="9">
        <v>9.57</v>
      </c>
      <c r="L12795" s="6" t="s">
        <v>51</v>
      </c>
    </row>
    <row r="12796" spans="1:12">
      <c r="A12796" s="6" t="s">
        <v>49</v>
      </c>
      <c r="B12796" s="6"/>
      <c r="C12796" s="6" t="s">
        <v>12820</v>
      </c>
      <c r="D12796" s="6"/>
      <c r="E12796" s="6" t="s">
        <v>9</v>
      </c>
      <c r="F12796" s="7">
        <v>38657</v>
      </c>
      <c r="G12796" s="8">
        <v>1</v>
      </c>
      <c r="H12796" s="8">
        <v>1</v>
      </c>
      <c r="I12796" s="8">
        <v>0</v>
      </c>
      <c r="J12796" s="8">
        <v>1</v>
      </c>
      <c r="K12796" s="9">
        <v>16</v>
      </c>
      <c r="L12796" s="6" t="s">
        <v>51</v>
      </c>
    </row>
    <row r="12797" spans="1:12">
      <c r="A12797" s="6" t="s">
        <v>49</v>
      </c>
      <c r="B12797" s="6"/>
      <c r="C12797" s="6" t="s">
        <v>12821</v>
      </c>
      <c r="D12797" s="6"/>
      <c r="E12797" s="6" t="s">
        <v>9</v>
      </c>
      <c r="F12797" s="7">
        <v>38657</v>
      </c>
      <c r="G12797" s="8">
        <v>1</v>
      </c>
      <c r="H12797" s="8">
        <v>1</v>
      </c>
      <c r="I12797" s="8">
        <v>0</v>
      </c>
      <c r="J12797" s="8">
        <v>1</v>
      </c>
      <c r="K12797" s="9">
        <v>3.91</v>
      </c>
      <c r="L12797" s="6" t="s">
        <v>51</v>
      </c>
    </row>
    <row r="12798" spans="1:12">
      <c r="A12798" s="6" t="s">
        <v>49</v>
      </c>
      <c r="B12798" s="6"/>
      <c r="C12798" s="6" t="s">
        <v>12822</v>
      </c>
      <c r="D12798" s="6"/>
      <c r="E12798" s="6" t="s">
        <v>9</v>
      </c>
      <c r="F12798" s="7">
        <v>38657</v>
      </c>
      <c r="G12798" s="8">
        <v>1</v>
      </c>
      <c r="H12798" s="8">
        <v>1</v>
      </c>
      <c r="I12798" s="8">
        <v>0</v>
      </c>
      <c r="J12798" s="8">
        <v>1</v>
      </c>
      <c r="K12798" s="9">
        <v>13</v>
      </c>
      <c r="L12798" s="6" t="s">
        <v>51</v>
      </c>
    </row>
    <row r="12799" spans="1:12">
      <c r="A12799" s="6" t="s">
        <v>49</v>
      </c>
      <c r="B12799" s="6"/>
      <c r="C12799" s="6" t="s">
        <v>12823</v>
      </c>
      <c r="D12799" s="6"/>
      <c r="E12799" s="6" t="s">
        <v>9</v>
      </c>
      <c r="F12799" s="7">
        <v>38657</v>
      </c>
      <c r="G12799" s="8">
        <v>1</v>
      </c>
      <c r="H12799" s="8">
        <v>1</v>
      </c>
      <c r="I12799" s="8">
        <v>0</v>
      </c>
      <c r="J12799" s="8">
        <v>1</v>
      </c>
      <c r="K12799" s="9">
        <v>7.59</v>
      </c>
      <c r="L12799" s="6" t="s">
        <v>51</v>
      </c>
    </row>
    <row r="12800" spans="1:12">
      <c r="A12800" s="6" t="s">
        <v>49</v>
      </c>
      <c r="B12800" s="6"/>
      <c r="C12800" s="6" t="s">
        <v>12824</v>
      </c>
      <c r="D12800" s="6"/>
      <c r="E12800" s="6" t="s">
        <v>9</v>
      </c>
      <c r="F12800" s="7">
        <v>38657</v>
      </c>
      <c r="G12800" s="8">
        <v>1</v>
      </c>
      <c r="H12800" s="8">
        <v>1</v>
      </c>
      <c r="I12800" s="8">
        <v>0</v>
      </c>
      <c r="J12800" s="8">
        <v>1</v>
      </c>
      <c r="K12800" s="9">
        <v>57</v>
      </c>
      <c r="L12800" s="6" t="s">
        <v>51</v>
      </c>
    </row>
    <row r="12801" spans="1:12">
      <c r="A12801" s="6" t="s">
        <v>49</v>
      </c>
      <c r="B12801" s="6"/>
      <c r="C12801" s="6" t="s">
        <v>12825</v>
      </c>
      <c r="D12801" s="6"/>
      <c r="E12801" s="6" t="s">
        <v>9</v>
      </c>
      <c r="F12801" s="7">
        <v>38657</v>
      </c>
      <c r="G12801" s="8">
        <v>1</v>
      </c>
      <c r="H12801" s="8">
        <v>1</v>
      </c>
      <c r="I12801" s="8">
        <v>0</v>
      </c>
      <c r="J12801" s="8">
        <v>1</v>
      </c>
      <c r="K12801" s="9">
        <v>5.56</v>
      </c>
      <c r="L12801" s="6" t="s">
        <v>51</v>
      </c>
    </row>
    <row r="12802" spans="1:12">
      <c r="A12802" s="6" t="s">
        <v>49</v>
      </c>
      <c r="B12802" s="6"/>
      <c r="C12802" s="6" t="s">
        <v>12826</v>
      </c>
      <c r="D12802" s="6"/>
      <c r="E12802" s="6" t="s">
        <v>9</v>
      </c>
      <c r="F12802" s="7">
        <v>38657</v>
      </c>
      <c r="G12802" s="8">
        <v>1</v>
      </c>
      <c r="H12802" s="8">
        <v>1</v>
      </c>
      <c r="I12802" s="8">
        <v>0</v>
      </c>
      <c r="J12802" s="8">
        <v>1</v>
      </c>
      <c r="K12802" s="9">
        <v>43</v>
      </c>
      <c r="L12802" s="6" t="s">
        <v>51</v>
      </c>
    </row>
    <row r="12803" spans="1:12">
      <c r="A12803" s="6" t="s">
        <v>49</v>
      </c>
      <c r="B12803" s="6"/>
      <c r="C12803" s="6" t="s">
        <v>12827</v>
      </c>
      <c r="D12803" s="6"/>
      <c r="E12803" s="6" t="s">
        <v>9</v>
      </c>
      <c r="F12803" s="7">
        <v>38657</v>
      </c>
      <c r="G12803" s="8">
        <v>1</v>
      </c>
      <c r="H12803" s="8">
        <v>1</v>
      </c>
      <c r="I12803" s="8">
        <v>0</v>
      </c>
      <c r="J12803" s="8">
        <v>1</v>
      </c>
      <c r="K12803" s="9">
        <v>37</v>
      </c>
      <c r="L12803" s="6" t="s">
        <v>51</v>
      </c>
    </row>
    <row r="12804" spans="1:12">
      <c r="A12804" s="6" t="s">
        <v>49</v>
      </c>
      <c r="B12804" s="6"/>
      <c r="C12804" s="6" t="s">
        <v>12828</v>
      </c>
      <c r="D12804" s="6"/>
      <c r="E12804" s="6" t="s">
        <v>9</v>
      </c>
      <c r="F12804" s="7">
        <v>38657</v>
      </c>
      <c r="G12804" s="8">
        <v>1</v>
      </c>
      <c r="H12804" s="8">
        <v>1</v>
      </c>
      <c r="I12804" s="8">
        <v>0</v>
      </c>
      <c r="J12804" s="8">
        <v>1</v>
      </c>
      <c r="K12804" s="9">
        <v>25</v>
      </c>
      <c r="L12804" s="6" t="s">
        <v>51</v>
      </c>
    </row>
    <row r="12805" spans="1:12">
      <c r="A12805" s="6" t="s">
        <v>49</v>
      </c>
      <c r="B12805" s="6"/>
      <c r="C12805" s="6" t="s">
        <v>12829</v>
      </c>
      <c r="D12805" s="6"/>
      <c r="E12805" s="6" t="s">
        <v>9</v>
      </c>
      <c r="F12805" s="7">
        <v>38657</v>
      </c>
      <c r="G12805" s="8">
        <v>1</v>
      </c>
      <c r="H12805" s="8">
        <v>1</v>
      </c>
      <c r="I12805" s="8">
        <v>0</v>
      </c>
      <c r="J12805" s="8">
        <v>1</v>
      </c>
      <c r="K12805" s="9">
        <v>42</v>
      </c>
      <c r="L12805" s="6" t="s">
        <v>51</v>
      </c>
    </row>
    <row r="12806" spans="1:12">
      <c r="A12806" s="6" t="s">
        <v>49</v>
      </c>
      <c r="B12806" s="6"/>
      <c r="C12806" s="6" t="s">
        <v>12830</v>
      </c>
      <c r="D12806" s="6"/>
      <c r="E12806" s="6" t="s">
        <v>9</v>
      </c>
      <c r="F12806" s="7">
        <v>38657</v>
      </c>
      <c r="G12806" s="8">
        <v>1</v>
      </c>
      <c r="H12806" s="8">
        <v>1</v>
      </c>
      <c r="I12806" s="8">
        <v>0</v>
      </c>
      <c r="J12806" s="8">
        <v>1</v>
      </c>
      <c r="K12806" s="9">
        <v>26</v>
      </c>
      <c r="L12806" s="6" t="s">
        <v>51</v>
      </c>
    </row>
    <row r="12807" spans="1:12">
      <c r="A12807" s="6" t="s">
        <v>49</v>
      </c>
      <c r="B12807" s="6"/>
      <c r="C12807" s="6" t="s">
        <v>12831</v>
      </c>
      <c r="D12807" s="6"/>
      <c r="E12807" s="6" t="s">
        <v>9</v>
      </c>
      <c r="F12807" s="7">
        <v>38657</v>
      </c>
      <c r="G12807" s="8">
        <v>1</v>
      </c>
      <c r="H12807" s="8">
        <v>1</v>
      </c>
      <c r="I12807" s="8">
        <v>0</v>
      </c>
      <c r="J12807" s="8">
        <v>1</v>
      </c>
      <c r="K12807" s="9">
        <v>3.3</v>
      </c>
      <c r="L12807" s="6" t="s">
        <v>51</v>
      </c>
    </row>
    <row r="12808" spans="1:12">
      <c r="A12808" s="6" t="s">
        <v>49</v>
      </c>
      <c r="B12808" s="6"/>
      <c r="C12808" s="6" t="s">
        <v>12832</v>
      </c>
      <c r="D12808" s="6"/>
      <c r="E12808" s="6" t="s">
        <v>9</v>
      </c>
      <c r="F12808" s="7">
        <v>38657</v>
      </c>
      <c r="G12808" s="8">
        <v>1</v>
      </c>
      <c r="H12808" s="8">
        <v>1</v>
      </c>
      <c r="I12808" s="8">
        <v>0</v>
      </c>
      <c r="J12808" s="8">
        <v>1</v>
      </c>
      <c r="K12808" s="9">
        <v>64</v>
      </c>
      <c r="L12808" s="6" t="s">
        <v>51</v>
      </c>
    </row>
    <row r="12809" spans="1:12">
      <c r="A12809" s="6" t="s">
        <v>49</v>
      </c>
      <c r="B12809" s="6"/>
      <c r="C12809" s="6" t="s">
        <v>12833</v>
      </c>
      <c r="D12809" s="6"/>
      <c r="E12809" s="6" t="s">
        <v>9</v>
      </c>
      <c r="F12809" s="7">
        <v>38657</v>
      </c>
      <c r="G12809" s="8">
        <v>1</v>
      </c>
      <c r="H12809" s="8">
        <v>1</v>
      </c>
      <c r="I12809" s="8">
        <v>0</v>
      </c>
      <c r="J12809" s="8">
        <v>1</v>
      </c>
      <c r="K12809" s="9">
        <v>68</v>
      </c>
      <c r="L12809" s="6" t="s">
        <v>51</v>
      </c>
    </row>
    <row r="12810" spans="1:12">
      <c r="A12810" s="6" t="s">
        <v>49</v>
      </c>
      <c r="B12810" s="6"/>
      <c r="C12810" s="6" t="s">
        <v>12834</v>
      </c>
      <c r="D12810" s="6"/>
      <c r="E12810" s="6" t="s">
        <v>9</v>
      </c>
      <c r="F12810" s="7">
        <v>38657</v>
      </c>
      <c r="G12810" s="8">
        <v>1</v>
      </c>
      <c r="H12810" s="8">
        <v>1</v>
      </c>
      <c r="I12810" s="8">
        <v>0</v>
      </c>
      <c r="J12810" s="8">
        <v>1</v>
      </c>
      <c r="K12810" s="9">
        <v>3.07</v>
      </c>
      <c r="L12810" s="6" t="s">
        <v>51</v>
      </c>
    </row>
    <row r="12811" spans="1:12">
      <c r="A12811" s="6" t="s">
        <v>49</v>
      </c>
      <c r="B12811" s="6"/>
      <c r="C12811" s="6" t="s">
        <v>12835</v>
      </c>
      <c r="D12811" s="6"/>
      <c r="E12811" s="6" t="s">
        <v>9</v>
      </c>
      <c r="F12811" s="7">
        <v>38657</v>
      </c>
      <c r="G12811" s="8">
        <v>1</v>
      </c>
      <c r="H12811" s="8">
        <v>1</v>
      </c>
      <c r="I12811" s="8">
        <v>0</v>
      </c>
      <c r="J12811" s="8">
        <v>1</v>
      </c>
      <c r="K12811" s="9">
        <v>4.57</v>
      </c>
      <c r="L12811" s="6" t="s">
        <v>51</v>
      </c>
    </row>
    <row r="12812" spans="1:12">
      <c r="A12812" s="6" t="s">
        <v>49</v>
      </c>
      <c r="B12812" s="6"/>
      <c r="C12812" s="6" t="s">
        <v>12836</v>
      </c>
      <c r="D12812" s="6"/>
      <c r="E12812" s="6" t="s">
        <v>9</v>
      </c>
      <c r="F12812" s="7">
        <v>38657</v>
      </c>
      <c r="G12812" s="8">
        <v>1</v>
      </c>
      <c r="H12812" s="8">
        <v>1</v>
      </c>
      <c r="I12812" s="8">
        <v>0</v>
      </c>
      <c r="J12812" s="8">
        <v>1</v>
      </c>
      <c r="K12812" s="9">
        <v>15</v>
      </c>
      <c r="L12812" s="6" t="s">
        <v>51</v>
      </c>
    </row>
    <row r="12813" spans="1:12">
      <c r="A12813" s="6" t="s">
        <v>49</v>
      </c>
      <c r="B12813" s="6"/>
      <c r="C12813" s="6" t="s">
        <v>12837</v>
      </c>
      <c r="D12813" s="6"/>
      <c r="E12813" s="6" t="s">
        <v>9</v>
      </c>
      <c r="F12813" s="7">
        <v>38657</v>
      </c>
      <c r="G12813" s="8">
        <v>1</v>
      </c>
      <c r="H12813" s="8">
        <v>1</v>
      </c>
      <c r="I12813" s="8">
        <v>0</v>
      </c>
      <c r="J12813" s="8">
        <v>1</v>
      </c>
      <c r="K12813" s="9">
        <v>10</v>
      </c>
      <c r="L12813" s="6" t="s">
        <v>51</v>
      </c>
    </row>
    <row r="12814" spans="1:12">
      <c r="A12814" s="6" t="s">
        <v>49</v>
      </c>
      <c r="B12814" s="6"/>
      <c r="C12814" s="6" t="s">
        <v>12838</v>
      </c>
      <c r="D12814" s="6"/>
      <c r="E12814" s="6" t="s">
        <v>9</v>
      </c>
      <c r="F12814" s="7">
        <v>38657</v>
      </c>
      <c r="G12814" s="8">
        <v>1</v>
      </c>
      <c r="H12814" s="8">
        <v>1</v>
      </c>
      <c r="I12814" s="8">
        <v>0</v>
      </c>
      <c r="J12814" s="8">
        <v>1</v>
      </c>
      <c r="K12814" s="9">
        <v>17</v>
      </c>
      <c r="L12814" s="6" t="s">
        <v>51</v>
      </c>
    </row>
    <row r="12815" spans="1:12">
      <c r="A12815" s="6" t="s">
        <v>49</v>
      </c>
      <c r="B12815" s="6"/>
      <c r="C12815" s="6" t="s">
        <v>12839</v>
      </c>
      <c r="D12815" s="6"/>
      <c r="E12815" s="6" t="s">
        <v>9</v>
      </c>
      <c r="F12815" s="7">
        <v>38657</v>
      </c>
      <c r="G12815" s="8">
        <v>1</v>
      </c>
      <c r="H12815" s="8">
        <v>1</v>
      </c>
      <c r="I12815" s="8">
        <v>0</v>
      </c>
      <c r="J12815" s="8">
        <v>1</v>
      </c>
      <c r="K12815" s="9">
        <v>21</v>
      </c>
      <c r="L12815" s="6" t="s">
        <v>51</v>
      </c>
    </row>
    <row r="12816" spans="1:12">
      <c r="A12816" s="6" t="s">
        <v>49</v>
      </c>
      <c r="B12816" s="6"/>
      <c r="C12816" s="6" t="s">
        <v>12840</v>
      </c>
      <c r="D12816" s="6"/>
      <c r="E12816" s="6" t="s">
        <v>9</v>
      </c>
      <c r="F12816" s="7">
        <v>38657</v>
      </c>
      <c r="G12816" s="8">
        <v>1</v>
      </c>
      <c r="H12816" s="8">
        <v>1</v>
      </c>
      <c r="I12816" s="8">
        <v>0</v>
      </c>
      <c r="J12816" s="8">
        <v>1</v>
      </c>
      <c r="K12816" s="9">
        <v>5.3</v>
      </c>
      <c r="L12816" s="6" t="s">
        <v>51</v>
      </c>
    </row>
    <row r="12817" spans="1:12">
      <c r="A12817" s="6" t="s">
        <v>49</v>
      </c>
      <c r="B12817" s="6"/>
      <c r="C12817" s="6" t="s">
        <v>12841</v>
      </c>
      <c r="D12817" s="6"/>
      <c r="E12817" s="6" t="s">
        <v>9</v>
      </c>
      <c r="F12817" s="7">
        <v>38657</v>
      </c>
      <c r="G12817" s="8">
        <v>1</v>
      </c>
      <c r="H12817" s="8">
        <v>1</v>
      </c>
      <c r="I12817" s="8">
        <v>0</v>
      </c>
      <c r="J12817" s="8">
        <v>1</v>
      </c>
      <c r="K12817" s="9">
        <v>4.53</v>
      </c>
      <c r="L12817" s="6" t="s">
        <v>51</v>
      </c>
    </row>
    <row r="12818" spans="1:12">
      <c r="A12818" s="6" t="s">
        <v>49</v>
      </c>
      <c r="B12818" s="6"/>
      <c r="C12818" s="6" t="s">
        <v>12842</v>
      </c>
      <c r="D12818" s="6"/>
      <c r="E12818" s="6" t="s">
        <v>9</v>
      </c>
      <c r="F12818" s="7">
        <v>38657</v>
      </c>
      <c r="G12818" s="8">
        <v>1</v>
      </c>
      <c r="H12818" s="8">
        <v>1</v>
      </c>
      <c r="I12818" s="8">
        <v>0</v>
      </c>
      <c r="J12818" s="8">
        <v>1</v>
      </c>
      <c r="K12818" s="9">
        <v>56</v>
      </c>
      <c r="L12818" s="6" t="s">
        <v>51</v>
      </c>
    </row>
    <row r="12819" spans="1:12">
      <c r="A12819" s="6" t="s">
        <v>49</v>
      </c>
      <c r="B12819" s="6"/>
      <c r="C12819" s="6" t="s">
        <v>12843</v>
      </c>
      <c r="D12819" s="6"/>
      <c r="E12819" s="6" t="s">
        <v>9</v>
      </c>
      <c r="F12819" s="7">
        <v>38657</v>
      </c>
      <c r="G12819" s="8">
        <v>1</v>
      </c>
      <c r="H12819" s="8">
        <v>1</v>
      </c>
      <c r="I12819" s="8">
        <v>0</v>
      </c>
      <c r="J12819" s="8">
        <v>1</v>
      </c>
      <c r="K12819" s="9">
        <v>0.21</v>
      </c>
      <c r="L12819" s="6" t="s">
        <v>51</v>
      </c>
    </row>
    <row r="12820" spans="1:12">
      <c r="A12820" s="6" t="s">
        <v>49</v>
      </c>
      <c r="B12820" s="6"/>
      <c r="C12820" s="6" t="s">
        <v>12844</v>
      </c>
      <c r="D12820" s="6"/>
      <c r="E12820" s="6" t="s">
        <v>9</v>
      </c>
      <c r="F12820" s="7">
        <v>38657</v>
      </c>
      <c r="G12820" s="8">
        <v>1</v>
      </c>
      <c r="H12820" s="8">
        <v>1</v>
      </c>
      <c r="I12820" s="8">
        <v>0</v>
      </c>
      <c r="J12820" s="8">
        <v>1</v>
      </c>
      <c r="K12820" s="9">
        <v>10</v>
      </c>
      <c r="L12820" s="6" t="s">
        <v>51</v>
      </c>
    </row>
    <row r="12821" spans="1:12">
      <c r="A12821" s="6" t="s">
        <v>49</v>
      </c>
      <c r="B12821" s="6"/>
      <c r="C12821" s="6" t="s">
        <v>12845</v>
      </c>
      <c r="D12821" s="6"/>
      <c r="E12821" s="6" t="s">
        <v>9</v>
      </c>
      <c r="F12821" s="7">
        <v>38657</v>
      </c>
      <c r="G12821" s="8">
        <v>1</v>
      </c>
      <c r="H12821" s="8">
        <v>1</v>
      </c>
      <c r="I12821" s="8">
        <v>0</v>
      </c>
      <c r="J12821" s="8">
        <v>1</v>
      </c>
      <c r="K12821" s="9">
        <v>7.21</v>
      </c>
      <c r="L12821" s="6" t="s">
        <v>51</v>
      </c>
    </row>
    <row r="12822" spans="1:12">
      <c r="A12822" s="6" t="s">
        <v>49</v>
      </c>
      <c r="B12822" s="6"/>
      <c r="C12822" s="6" t="s">
        <v>12846</v>
      </c>
      <c r="D12822" s="6"/>
      <c r="E12822" s="6" t="s">
        <v>9</v>
      </c>
      <c r="F12822" s="7">
        <v>38657</v>
      </c>
      <c r="G12822" s="8">
        <v>1</v>
      </c>
      <c r="H12822" s="8">
        <v>1</v>
      </c>
      <c r="I12822" s="8">
        <v>0</v>
      </c>
      <c r="J12822" s="8">
        <v>1</v>
      </c>
      <c r="K12822" s="9">
        <v>10</v>
      </c>
      <c r="L12822" s="6" t="s">
        <v>51</v>
      </c>
    </row>
    <row r="12823" spans="1:12">
      <c r="A12823" s="6" t="s">
        <v>49</v>
      </c>
      <c r="B12823" s="6"/>
      <c r="C12823" s="6" t="s">
        <v>12847</v>
      </c>
      <c r="D12823" s="6"/>
      <c r="E12823" s="6" t="s">
        <v>9</v>
      </c>
      <c r="F12823" s="7">
        <v>38657</v>
      </c>
      <c r="G12823" s="8">
        <v>1</v>
      </c>
      <c r="H12823" s="8">
        <v>1</v>
      </c>
      <c r="I12823" s="8">
        <v>0</v>
      </c>
      <c r="J12823" s="8">
        <v>1</v>
      </c>
      <c r="K12823" s="9">
        <v>2.44</v>
      </c>
      <c r="L12823" s="6" t="s">
        <v>51</v>
      </c>
    </row>
    <row r="12824" spans="1:12">
      <c r="A12824" s="6" t="s">
        <v>49</v>
      </c>
      <c r="B12824" s="6"/>
      <c r="C12824" s="6" t="s">
        <v>12848</v>
      </c>
      <c r="D12824" s="6"/>
      <c r="E12824" s="6" t="s">
        <v>9</v>
      </c>
      <c r="F12824" s="7">
        <v>38657</v>
      </c>
      <c r="G12824" s="8">
        <v>1</v>
      </c>
      <c r="H12824" s="8">
        <v>1</v>
      </c>
      <c r="I12824" s="8">
        <v>0</v>
      </c>
      <c r="J12824" s="8">
        <v>1</v>
      </c>
      <c r="K12824" s="9">
        <v>89</v>
      </c>
      <c r="L12824" s="6" t="s">
        <v>51</v>
      </c>
    </row>
    <row r="12825" spans="1:12">
      <c r="A12825" s="6" t="s">
        <v>49</v>
      </c>
      <c r="B12825" s="6"/>
      <c r="C12825" s="6" t="s">
        <v>12849</v>
      </c>
      <c r="D12825" s="6"/>
      <c r="E12825" s="6" t="s">
        <v>9</v>
      </c>
      <c r="F12825" s="7">
        <v>38657</v>
      </c>
      <c r="G12825" s="8">
        <v>1</v>
      </c>
      <c r="H12825" s="8">
        <v>1</v>
      </c>
      <c r="I12825" s="8">
        <v>0</v>
      </c>
      <c r="J12825" s="8">
        <v>1</v>
      </c>
      <c r="K12825" s="9">
        <v>18</v>
      </c>
      <c r="L12825" s="6" t="s">
        <v>51</v>
      </c>
    </row>
    <row r="12826" spans="1:12">
      <c r="A12826" s="6" t="s">
        <v>49</v>
      </c>
      <c r="B12826" s="6"/>
      <c r="C12826" s="6" t="s">
        <v>12850</v>
      </c>
      <c r="D12826" s="6"/>
      <c r="E12826" s="6" t="s">
        <v>9</v>
      </c>
      <c r="F12826" s="7">
        <v>38657</v>
      </c>
      <c r="G12826" s="8">
        <v>1</v>
      </c>
      <c r="H12826" s="8">
        <v>1</v>
      </c>
      <c r="I12826" s="8">
        <v>0</v>
      </c>
      <c r="J12826" s="8">
        <v>1</v>
      </c>
      <c r="K12826" s="9">
        <v>63</v>
      </c>
      <c r="L12826" s="6" t="s">
        <v>51</v>
      </c>
    </row>
    <row r="12827" spans="1:12">
      <c r="A12827" s="6" t="s">
        <v>49</v>
      </c>
      <c r="B12827" s="6"/>
      <c r="C12827" s="6" t="s">
        <v>12851</v>
      </c>
      <c r="D12827" s="6"/>
      <c r="E12827" s="6" t="s">
        <v>9</v>
      </c>
      <c r="F12827" s="7">
        <v>38657</v>
      </c>
      <c r="G12827" s="8">
        <v>1</v>
      </c>
      <c r="H12827" s="8">
        <v>1</v>
      </c>
      <c r="I12827" s="8">
        <v>0</v>
      </c>
      <c r="J12827" s="8">
        <v>1</v>
      </c>
      <c r="K12827" s="9">
        <v>0.27</v>
      </c>
      <c r="L12827" s="6" t="s">
        <v>51</v>
      </c>
    </row>
    <row r="12828" spans="1:12">
      <c r="A12828" s="6" t="s">
        <v>49</v>
      </c>
      <c r="B12828" s="6"/>
      <c r="C12828" s="6" t="s">
        <v>12852</v>
      </c>
      <c r="D12828" s="6"/>
      <c r="E12828" s="6" t="s">
        <v>9</v>
      </c>
      <c r="F12828" s="7">
        <v>38657</v>
      </c>
      <c r="G12828" s="8">
        <v>1</v>
      </c>
      <c r="H12828" s="8">
        <v>1</v>
      </c>
      <c r="I12828" s="8">
        <v>0</v>
      </c>
      <c r="J12828" s="8">
        <v>1</v>
      </c>
      <c r="K12828" s="9">
        <v>0.91</v>
      </c>
      <c r="L12828" s="6" t="s">
        <v>51</v>
      </c>
    </row>
    <row r="12829" spans="1:12">
      <c r="A12829" s="6" t="s">
        <v>49</v>
      </c>
      <c r="B12829" s="6"/>
      <c r="C12829" s="6" t="s">
        <v>12853</v>
      </c>
      <c r="D12829" s="6"/>
      <c r="E12829" s="6" t="s">
        <v>9</v>
      </c>
      <c r="F12829" s="7">
        <v>38657</v>
      </c>
      <c r="G12829" s="8">
        <v>1</v>
      </c>
      <c r="H12829" s="8">
        <v>1</v>
      </c>
      <c r="I12829" s="8">
        <v>0</v>
      </c>
      <c r="J12829" s="8">
        <v>1</v>
      </c>
      <c r="K12829" s="9">
        <v>19</v>
      </c>
      <c r="L12829" s="6" t="s">
        <v>51</v>
      </c>
    </row>
    <row r="12830" spans="1:12">
      <c r="A12830" s="6" t="s">
        <v>49</v>
      </c>
      <c r="B12830" s="6"/>
      <c r="C12830" s="6" t="s">
        <v>12854</v>
      </c>
      <c r="D12830" s="6"/>
      <c r="E12830" s="6" t="s">
        <v>9</v>
      </c>
      <c r="F12830" s="7">
        <v>38657</v>
      </c>
      <c r="G12830" s="8">
        <v>1</v>
      </c>
      <c r="H12830" s="8">
        <v>1</v>
      </c>
      <c r="I12830" s="8">
        <v>0</v>
      </c>
      <c r="J12830" s="8">
        <v>1</v>
      </c>
      <c r="K12830" s="9">
        <v>0.27</v>
      </c>
      <c r="L12830" s="6" t="s">
        <v>51</v>
      </c>
    </row>
    <row r="12831" spans="1:12">
      <c r="A12831" s="6" t="s">
        <v>49</v>
      </c>
      <c r="B12831" s="6"/>
      <c r="C12831" s="6" t="s">
        <v>12855</v>
      </c>
      <c r="D12831" s="6"/>
      <c r="E12831" s="6" t="s">
        <v>9</v>
      </c>
      <c r="F12831" s="7">
        <v>38657</v>
      </c>
      <c r="G12831" s="8">
        <v>1</v>
      </c>
      <c r="H12831" s="8">
        <v>1</v>
      </c>
      <c r="I12831" s="8">
        <v>0</v>
      </c>
      <c r="J12831" s="8">
        <v>1</v>
      </c>
      <c r="K12831" s="9">
        <v>1.69</v>
      </c>
      <c r="L12831" s="6" t="s">
        <v>51</v>
      </c>
    </row>
    <row r="12832" spans="1:12">
      <c r="A12832" s="6" t="s">
        <v>49</v>
      </c>
      <c r="B12832" s="6"/>
      <c r="C12832" s="6" t="s">
        <v>12856</v>
      </c>
      <c r="D12832" s="6"/>
      <c r="E12832" s="6" t="s">
        <v>9</v>
      </c>
      <c r="F12832" s="7">
        <v>38657</v>
      </c>
      <c r="G12832" s="8">
        <v>1</v>
      </c>
      <c r="H12832" s="8">
        <v>1</v>
      </c>
      <c r="I12832" s="8">
        <v>0</v>
      </c>
      <c r="J12832" s="8">
        <v>1</v>
      </c>
      <c r="K12832" s="9">
        <v>1.05</v>
      </c>
      <c r="L12832" s="6" t="s">
        <v>51</v>
      </c>
    </row>
    <row r="12833" spans="1:12">
      <c r="A12833" s="6" t="s">
        <v>49</v>
      </c>
      <c r="B12833" s="6"/>
      <c r="C12833" s="6" t="s">
        <v>12857</v>
      </c>
      <c r="D12833" s="6"/>
      <c r="E12833" s="6" t="s">
        <v>9</v>
      </c>
      <c r="F12833" s="7">
        <v>38657</v>
      </c>
      <c r="G12833" s="8">
        <v>1</v>
      </c>
      <c r="H12833" s="8">
        <v>1</v>
      </c>
      <c r="I12833" s="8">
        <v>0</v>
      </c>
      <c r="J12833" s="8">
        <v>1</v>
      </c>
      <c r="K12833" s="9">
        <v>0.31</v>
      </c>
      <c r="L12833" s="6" t="s">
        <v>51</v>
      </c>
    </row>
    <row r="12834" spans="1:12">
      <c r="A12834" s="6" t="s">
        <v>49</v>
      </c>
      <c r="B12834" s="6"/>
      <c r="C12834" s="6" t="s">
        <v>12858</v>
      </c>
      <c r="D12834" s="6"/>
      <c r="E12834" s="6" t="s">
        <v>9</v>
      </c>
      <c r="F12834" s="7">
        <v>38657</v>
      </c>
      <c r="G12834" s="8">
        <v>1</v>
      </c>
      <c r="H12834" s="8">
        <v>1</v>
      </c>
      <c r="I12834" s="8">
        <v>0</v>
      </c>
      <c r="J12834" s="8">
        <v>1</v>
      </c>
      <c r="K12834" s="9">
        <v>0.54</v>
      </c>
      <c r="L12834" s="6" t="s">
        <v>51</v>
      </c>
    </row>
    <row r="12835" spans="1:12">
      <c r="A12835" s="6" t="s">
        <v>49</v>
      </c>
      <c r="B12835" s="6"/>
      <c r="C12835" s="6" t="s">
        <v>12859</v>
      </c>
      <c r="D12835" s="6"/>
      <c r="E12835" s="6" t="s">
        <v>9</v>
      </c>
      <c r="F12835" s="7">
        <v>38657</v>
      </c>
      <c r="G12835" s="8">
        <v>1</v>
      </c>
      <c r="H12835" s="8">
        <v>1</v>
      </c>
      <c r="I12835" s="8">
        <v>0</v>
      </c>
      <c r="J12835" s="8">
        <v>1</v>
      </c>
      <c r="K12835" s="9">
        <v>0.89</v>
      </c>
      <c r="L12835" s="6" t="s">
        <v>51</v>
      </c>
    </row>
    <row r="12836" spans="1:12">
      <c r="A12836" s="6" t="s">
        <v>49</v>
      </c>
      <c r="B12836" s="6"/>
      <c r="C12836" s="6" t="s">
        <v>12860</v>
      </c>
      <c r="D12836" s="6"/>
      <c r="E12836" s="6" t="s">
        <v>9</v>
      </c>
      <c r="F12836" s="7">
        <v>38657</v>
      </c>
      <c r="G12836" s="8">
        <v>1</v>
      </c>
      <c r="H12836" s="8">
        <v>1</v>
      </c>
      <c r="I12836" s="8">
        <v>0</v>
      </c>
      <c r="J12836" s="8">
        <v>1</v>
      </c>
      <c r="K12836" s="9">
        <v>0.23</v>
      </c>
      <c r="L12836" s="6" t="s">
        <v>51</v>
      </c>
    </row>
    <row r="12837" spans="1:12">
      <c r="A12837" s="6" t="s">
        <v>49</v>
      </c>
      <c r="B12837" s="6"/>
      <c r="C12837" s="6" t="s">
        <v>12861</v>
      </c>
      <c r="D12837" s="6"/>
      <c r="E12837" s="6" t="s">
        <v>9</v>
      </c>
      <c r="F12837" s="7">
        <v>38657</v>
      </c>
      <c r="G12837" s="8">
        <v>1</v>
      </c>
      <c r="H12837" s="8">
        <v>1</v>
      </c>
      <c r="I12837" s="8">
        <v>0</v>
      </c>
      <c r="J12837" s="8">
        <v>1</v>
      </c>
      <c r="K12837" s="9">
        <v>9.6199999999999903</v>
      </c>
      <c r="L12837" s="6" t="s">
        <v>51</v>
      </c>
    </row>
    <row r="12838" spans="1:12">
      <c r="A12838" s="6" t="s">
        <v>49</v>
      </c>
      <c r="B12838" s="6"/>
      <c r="C12838" s="6" t="s">
        <v>12862</v>
      </c>
      <c r="D12838" s="6"/>
      <c r="E12838" s="6" t="s">
        <v>9</v>
      </c>
      <c r="F12838" s="7">
        <v>38657</v>
      </c>
      <c r="G12838" s="8">
        <v>1</v>
      </c>
      <c r="H12838" s="8">
        <v>1</v>
      </c>
      <c r="I12838" s="8">
        <v>0</v>
      </c>
      <c r="J12838" s="8">
        <v>1</v>
      </c>
      <c r="K12838" s="9">
        <v>1.21</v>
      </c>
      <c r="L12838" s="6" t="s">
        <v>51</v>
      </c>
    </row>
    <row r="12839" spans="1:12">
      <c r="A12839" s="6" t="s">
        <v>49</v>
      </c>
      <c r="B12839" s="6"/>
      <c r="C12839" s="6" t="s">
        <v>12863</v>
      </c>
      <c r="D12839" s="6"/>
      <c r="E12839" s="6" t="s">
        <v>9</v>
      </c>
      <c r="F12839" s="7">
        <v>38657</v>
      </c>
      <c r="G12839" s="8">
        <v>1</v>
      </c>
      <c r="H12839" s="8">
        <v>1</v>
      </c>
      <c r="I12839" s="8">
        <v>0</v>
      </c>
      <c r="J12839" s="8">
        <v>1</v>
      </c>
      <c r="K12839" s="9">
        <v>8.8800000000000008</v>
      </c>
      <c r="L12839" s="6" t="s">
        <v>51</v>
      </c>
    </row>
    <row r="12840" spans="1:12">
      <c r="A12840" s="6" t="s">
        <v>49</v>
      </c>
      <c r="B12840" s="6"/>
      <c r="C12840" s="6" t="s">
        <v>12864</v>
      </c>
      <c r="D12840" s="6"/>
      <c r="E12840" s="6" t="s">
        <v>9</v>
      </c>
      <c r="F12840" s="7">
        <v>38657</v>
      </c>
      <c r="G12840" s="8">
        <v>1</v>
      </c>
      <c r="H12840" s="8">
        <v>1</v>
      </c>
      <c r="I12840" s="8">
        <v>0</v>
      </c>
      <c r="J12840" s="8">
        <v>1</v>
      </c>
      <c r="K12840" s="9">
        <v>13</v>
      </c>
      <c r="L12840" s="6" t="s">
        <v>51</v>
      </c>
    </row>
    <row r="12841" spans="1:12">
      <c r="A12841" s="6" t="s">
        <v>49</v>
      </c>
      <c r="B12841" s="6"/>
      <c r="C12841" s="6" t="s">
        <v>12865</v>
      </c>
      <c r="D12841" s="6"/>
      <c r="E12841" s="6" t="s">
        <v>9</v>
      </c>
      <c r="F12841" s="7">
        <v>38657</v>
      </c>
      <c r="G12841" s="8">
        <v>1</v>
      </c>
      <c r="H12841" s="8">
        <v>1</v>
      </c>
      <c r="I12841" s="8">
        <v>0</v>
      </c>
      <c r="J12841" s="8">
        <v>1</v>
      </c>
      <c r="K12841" s="9">
        <v>8.64</v>
      </c>
      <c r="L12841" s="6" t="s">
        <v>51</v>
      </c>
    </row>
    <row r="12842" spans="1:12">
      <c r="A12842" s="6" t="s">
        <v>49</v>
      </c>
      <c r="B12842" s="6"/>
      <c r="C12842" s="6" t="s">
        <v>12866</v>
      </c>
      <c r="D12842" s="6"/>
      <c r="E12842" s="6" t="s">
        <v>9</v>
      </c>
      <c r="F12842" s="7">
        <v>38657</v>
      </c>
      <c r="G12842" s="8">
        <v>1</v>
      </c>
      <c r="H12842" s="8">
        <v>1</v>
      </c>
      <c r="I12842" s="8">
        <v>0</v>
      </c>
      <c r="J12842" s="8">
        <v>1</v>
      </c>
      <c r="K12842" s="9">
        <v>5.04</v>
      </c>
      <c r="L12842" s="6" t="s">
        <v>51</v>
      </c>
    </row>
    <row r="12843" spans="1:12">
      <c r="A12843" s="6" t="s">
        <v>49</v>
      </c>
      <c r="B12843" s="6"/>
      <c r="C12843" s="6" t="s">
        <v>12867</v>
      </c>
      <c r="D12843" s="6"/>
      <c r="E12843" s="6" t="s">
        <v>9</v>
      </c>
      <c r="F12843" s="7">
        <v>38657</v>
      </c>
      <c r="G12843" s="8">
        <v>1</v>
      </c>
      <c r="H12843" s="8">
        <v>1</v>
      </c>
      <c r="I12843" s="8">
        <v>0</v>
      </c>
      <c r="J12843" s="8">
        <v>1</v>
      </c>
      <c r="K12843" s="9">
        <v>2.4</v>
      </c>
      <c r="L12843" s="6" t="s">
        <v>51</v>
      </c>
    </row>
    <row r="12844" spans="1:12">
      <c r="A12844" s="6" t="s">
        <v>49</v>
      </c>
      <c r="B12844" s="6"/>
      <c r="C12844" s="6" t="s">
        <v>12868</v>
      </c>
      <c r="D12844" s="6"/>
      <c r="E12844" s="6" t="s">
        <v>9</v>
      </c>
      <c r="F12844" s="7">
        <v>38657</v>
      </c>
      <c r="G12844" s="8">
        <v>1</v>
      </c>
      <c r="H12844" s="8">
        <v>1</v>
      </c>
      <c r="I12844" s="8">
        <v>0</v>
      </c>
      <c r="J12844" s="8">
        <v>1</v>
      </c>
      <c r="K12844" s="9">
        <v>10</v>
      </c>
      <c r="L12844" s="6" t="s">
        <v>51</v>
      </c>
    </row>
    <row r="12845" spans="1:12">
      <c r="A12845" s="6" t="s">
        <v>49</v>
      </c>
      <c r="B12845" s="6"/>
      <c r="C12845" s="6" t="s">
        <v>12869</v>
      </c>
      <c r="D12845" s="6"/>
      <c r="E12845" s="6" t="s">
        <v>9</v>
      </c>
      <c r="F12845" s="7">
        <v>38657</v>
      </c>
      <c r="G12845" s="8">
        <v>1</v>
      </c>
      <c r="H12845" s="8">
        <v>1</v>
      </c>
      <c r="I12845" s="8">
        <v>0</v>
      </c>
      <c r="J12845" s="8">
        <v>1</v>
      </c>
      <c r="K12845" s="9">
        <v>1.65</v>
      </c>
      <c r="L12845" s="6" t="s">
        <v>51</v>
      </c>
    </row>
    <row r="12846" spans="1:12">
      <c r="A12846" s="6" t="s">
        <v>49</v>
      </c>
      <c r="B12846" s="6"/>
      <c r="C12846" s="6" t="s">
        <v>12870</v>
      </c>
      <c r="D12846" s="6"/>
      <c r="E12846" s="6" t="s">
        <v>9</v>
      </c>
      <c r="F12846" s="7">
        <v>38657</v>
      </c>
      <c r="G12846" s="8">
        <v>1</v>
      </c>
      <c r="H12846" s="8">
        <v>1</v>
      </c>
      <c r="I12846" s="8">
        <v>0</v>
      </c>
      <c r="J12846" s="8">
        <v>1</v>
      </c>
      <c r="K12846" s="9">
        <v>7.29</v>
      </c>
      <c r="L12846" s="6" t="s">
        <v>51</v>
      </c>
    </row>
    <row r="12847" spans="1:12">
      <c r="A12847" s="6" t="s">
        <v>49</v>
      </c>
      <c r="B12847" s="6"/>
      <c r="C12847" s="6" t="s">
        <v>12871</v>
      </c>
      <c r="D12847" s="6"/>
      <c r="E12847" s="6" t="s">
        <v>9</v>
      </c>
      <c r="F12847" s="7">
        <v>38657</v>
      </c>
      <c r="G12847" s="8">
        <v>1</v>
      </c>
      <c r="H12847" s="8">
        <v>1</v>
      </c>
      <c r="I12847" s="8">
        <v>0</v>
      </c>
      <c r="J12847" s="8">
        <v>1</v>
      </c>
      <c r="K12847" s="9">
        <v>44</v>
      </c>
      <c r="L12847" s="6" t="s">
        <v>51</v>
      </c>
    </row>
    <row r="12848" spans="1:12">
      <c r="A12848" s="6" t="s">
        <v>49</v>
      </c>
      <c r="B12848" s="6"/>
      <c r="C12848" s="6" t="s">
        <v>12872</v>
      </c>
      <c r="D12848" s="6"/>
      <c r="E12848" s="6" t="s">
        <v>9</v>
      </c>
      <c r="F12848" s="7">
        <v>38657</v>
      </c>
      <c r="G12848" s="8">
        <v>1</v>
      </c>
      <c r="H12848" s="8">
        <v>1</v>
      </c>
      <c r="I12848" s="8">
        <v>0</v>
      </c>
      <c r="J12848" s="8">
        <v>1</v>
      </c>
      <c r="K12848" s="9">
        <v>75</v>
      </c>
      <c r="L12848" s="6" t="s">
        <v>51</v>
      </c>
    </row>
    <row r="12849" spans="1:12">
      <c r="A12849" s="6" t="s">
        <v>49</v>
      </c>
      <c r="B12849" s="6"/>
      <c r="C12849" s="6" t="s">
        <v>12873</v>
      </c>
      <c r="D12849" s="6"/>
      <c r="E12849" s="6" t="s">
        <v>9</v>
      </c>
      <c r="F12849" s="7">
        <v>38657</v>
      </c>
      <c r="G12849" s="8">
        <v>1</v>
      </c>
      <c r="H12849" s="8">
        <v>1</v>
      </c>
      <c r="I12849" s="8">
        <v>0</v>
      </c>
      <c r="J12849" s="8">
        <v>1</v>
      </c>
      <c r="K12849" s="9">
        <v>2.75</v>
      </c>
      <c r="L12849" s="6" t="s">
        <v>51</v>
      </c>
    </row>
    <row r="12850" spans="1:12">
      <c r="A12850" s="6" t="s">
        <v>49</v>
      </c>
      <c r="B12850" s="6"/>
      <c r="C12850" s="6" t="s">
        <v>12874</v>
      </c>
      <c r="D12850" s="6"/>
      <c r="E12850" s="6" t="s">
        <v>9</v>
      </c>
      <c r="F12850" s="7">
        <v>38657</v>
      </c>
      <c r="G12850" s="8">
        <v>1</v>
      </c>
      <c r="H12850" s="8">
        <v>1</v>
      </c>
      <c r="I12850" s="8">
        <v>0</v>
      </c>
      <c r="J12850" s="8">
        <v>1</v>
      </c>
      <c r="K12850" s="9">
        <v>2.74</v>
      </c>
      <c r="L12850" s="6" t="s">
        <v>51</v>
      </c>
    </row>
    <row r="12851" spans="1:12">
      <c r="A12851" s="6" t="s">
        <v>49</v>
      </c>
      <c r="B12851" s="6"/>
      <c r="C12851" s="6" t="s">
        <v>12875</v>
      </c>
      <c r="D12851" s="6"/>
      <c r="E12851" s="6" t="s">
        <v>9</v>
      </c>
      <c r="F12851" s="7">
        <v>38657</v>
      </c>
      <c r="G12851" s="8">
        <v>1</v>
      </c>
      <c r="H12851" s="8">
        <v>1</v>
      </c>
      <c r="I12851" s="8">
        <v>0</v>
      </c>
      <c r="J12851" s="8">
        <v>1</v>
      </c>
      <c r="K12851" s="9">
        <v>3.3</v>
      </c>
      <c r="L12851" s="6" t="s">
        <v>51</v>
      </c>
    </row>
    <row r="12852" spans="1:12">
      <c r="A12852" s="6" t="s">
        <v>49</v>
      </c>
      <c r="B12852" s="6"/>
      <c r="C12852" s="6" t="s">
        <v>12876</v>
      </c>
      <c r="D12852" s="6"/>
      <c r="E12852" s="6" t="s">
        <v>9</v>
      </c>
      <c r="F12852" s="7">
        <v>38657</v>
      </c>
      <c r="G12852" s="8">
        <v>1</v>
      </c>
      <c r="H12852" s="8">
        <v>1</v>
      </c>
      <c r="I12852" s="8">
        <v>0</v>
      </c>
      <c r="J12852" s="8">
        <v>1</v>
      </c>
      <c r="K12852" s="9">
        <v>10</v>
      </c>
      <c r="L12852" s="6" t="s">
        <v>51</v>
      </c>
    </row>
    <row r="12853" spans="1:12">
      <c r="A12853" s="6" t="s">
        <v>49</v>
      </c>
      <c r="B12853" s="6"/>
      <c r="C12853" s="6" t="s">
        <v>12877</v>
      </c>
      <c r="D12853" s="6"/>
      <c r="E12853" s="6" t="s">
        <v>9</v>
      </c>
      <c r="F12853" s="7">
        <v>38657</v>
      </c>
      <c r="G12853" s="8">
        <v>1</v>
      </c>
      <c r="H12853" s="8">
        <v>1</v>
      </c>
      <c r="I12853" s="8">
        <v>0</v>
      </c>
      <c r="J12853" s="8">
        <v>1</v>
      </c>
      <c r="K12853" s="9">
        <v>42</v>
      </c>
      <c r="L12853" s="6" t="s">
        <v>51</v>
      </c>
    </row>
    <row r="12854" spans="1:12">
      <c r="A12854" s="6" t="s">
        <v>49</v>
      </c>
      <c r="B12854" s="6"/>
      <c r="C12854" s="6" t="s">
        <v>12878</v>
      </c>
      <c r="D12854" s="6"/>
      <c r="E12854" s="6" t="s">
        <v>9</v>
      </c>
      <c r="F12854" s="7">
        <v>38657</v>
      </c>
      <c r="G12854" s="8">
        <v>1</v>
      </c>
      <c r="H12854" s="8">
        <v>1</v>
      </c>
      <c r="I12854" s="8">
        <v>0</v>
      </c>
      <c r="J12854" s="8">
        <v>1</v>
      </c>
      <c r="K12854" s="9">
        <v>2.4</v>
      </c>
      <c r="L12854" s="6" t="s">
        <v>51</v>
      </c>
    </row>
    <row r="12855" spans="1:12">
      <c r="A12855" s="6" t="s">
        <v>49</v>
      </c>
      <c r="B12855" s="6"/>
      <c r="C12855" s="6" t="s">
        <v>12879</v>
      </c>
      <c r="D12855" s="6"/>
      <c r="E12855" s="6" t="s">
        <v>9</v>
      </c>
      <c r="F12855" s="7">
        <v>38657</v>
      </c>
      <c r="G12855" s="8">
        <v>1</v>
      </c>
      <c r="H12855" s="8">
        <v>1</v>
      </c>
      <c r="I12855" s="8">
        <v>0</v>
      </c>
      <c r="J12855" s="8">
        <v>1</v>
      </c>
      <c r="K12855" s="9">
        <v>44</v>
      </c>
      <c r="L12855" s="6" t="s">
        <v>51</v>
      </c>
    </row>
    <row r="12856" spans="1:12">
      <c r="A12856" s="6" t="s">
        <v>49</v>
      </c>
      <c r="B12856" s="6"/>
      <c r="C12856" s="6" t="s">
        <v>12880</v>
      </c>
      <c r="D12856" s="6"/>
      <c r="E12856" s="6" t="s">
        <v>9</v>
      </c>
      <c r="F12856" s="7">
        <v>38657</v>
      </c>
      <c r="G12856" s="8">
        <v>1</v>
      </c>
      <c r="H12856" s="8">
        <v>1</v>
      </c>
      <c r="I12856" s="8">
        <v>0</v>
      </c>
      <c r="J12856" s="8">
        <v>1</v>
      </c>
      <c r="K12856" s="9">
        <v>11</v>
      </c>
      <c r="L12856" s="6" t="s">
        <v>51</v>
      </c>
    </row>
    <row r="12857" spans="1:12">
      <c r="A12857" s="6" t="s">
        <v>49</v>
      </c>
      <c r="B12857" s="6"/>
      <c r="C12857" s="6" t="s">
        <v>12881</v>
      </c>
      <c r="D12857" s="6"/>
      <c r="E12857" s="6" t="s">
        <v>9</v>
      </c>
      <c r="F12857" s="7">
        <v>38657</v>
      </c>
      <c r="G12857" s="8">
        <v>1</v>
      </c>
      <c r="H12857" s="8">
        <v>1</v>
      </c>
      <c r="I12857" s="8">
        <v>0</v>
      </c>
      <c r="J12857" s="8">
        <v>1</v>
      </c>
      <c r="K12857" s="9">
        <v>69</v>
      </c>
      <c r="L12857" s="6" t="s">
        <v>51</v>
      </c>
    </row>
    <row r="12858" spans="1:12">
      <c r="A12858" s="6" t="s">
        <v>49</v>
      </c>
      <c r="B12858" s="6"/>
      <c r="C12858" s="6" t="s">
        <v>12882</v>
      </c>
      <c r="D12858" s="6"/>
      <c r="E12858" s="6" t="s">
        <v>9</v>
      </c>
      <c r="F12858" s="7">
        <v>38657</v>
      </c>
      <c r="G12858" s="8">
        <v>1</v>
      </c>
      <c r="H12858" s="8">
        <v>1</v>
      </c>
      <c r="I12858" s="8">
        <v>0</v>
      </c>
      <c r="J12858" s="8">
        <v>1</v>
      </c>
      <c r="K12858" s="9">
        <v>7.45</v>
      </c>
      <c r="L12858" s="6" t="s">
        <v>51</v>
      </c>
    </row>
    <row r="12859" spans="1:12">
      <c r="A12859" s="6" t="s">
        <v>49</v>
      </c>
      <c r="B12859" s="6"/>
      <c r="C12859" s="6" t="s">
        <v>12883</v>
      </c>
      <c r="D12859" s="6"/>
      <c r="E12859" s="6" t="s">
        <v>9</v>
      </c>
      <c r="F12859" s="7">
        <v>38657</v>
      </c>
      <c r="G12859" s="8">
        <v>1</v>
      </c>
      <c r="H12859" s="8">
        <v>1</v>
      </c>
      <c r="I12859" s="8">
        <v>0</v>
      </c>
      <c r="J12859" s="8">
        <v>1</v>
      </c>
      <c r="K12859" s="9">
        <v>53</v>
      </c>
      <c r="L12859" s="6" t="s">
        <v>51</v>
      </c>
    </row>
    <row r="12860" spans="1:12">
      <c r="A12860" s="6" t="s">
        <v>49</v>
      </c>
      <c r="B12860" s="6"/>
      <c r="C12860" s="6" t="s">
        <v>12884</v>
      </c>
      <c r="D12860" s="6"/>
      <c r="E12860" s="6" t="s">
        <v>9</v>
      </c>
      <c r="F12860" s="7">
        <v>38657</v>
      </c>
      <c r="G12860" s="8">
        <v>1</v>
      </c>
      <c r="H12860" s="8">
        <v>1</v>
      </c>
      <c r="I12860" s="8">
        <v>0</v>
      </c>
      <c r="J12860" s="8">
        <v>1</v>
      </c>
      <c r="K12860" s="9">
        <v>51</v>
      </c>
      <c r="L12860" s="6" t="s">
        <v>51</v>
      </c>
    </row>
    <row r="12861" spans="1:12">
      <c r="A12861" s="6" t="s">
        <v>49</v>
      </c>
      <c r="B12861" s="6"/>
      <c r="C12861" s="6" t="s">
        <v>12885</v>
      </c>
      <c r="D12861" s="6"/>
      <c r="E12861" s="6" t="s">
        <v>9</v>
      </c>
      <c r="F12861" s="7">
        <v>38657</v>
      </c>
      <c r="G12861" s="8">
        <v>1</v>
      </c>
      <c r="H12861" s="8">
        <v>1</v>
      </c>
      <c r="I12861" s="8">
        <v>0</v>
      </c>
      <c r="J12861" s="8">
        <v>1</v>
      </c>
      <c r="K12861" s="9">
        <v>49</v>
      </c>
      <c r="L12861" s="6" t="s">
        <v>51</v>
      </c>
    </row>
    <row r="12862" spans="1:12">
      <c r="A12862" s="6" t="s">
        <v>49</v>
      </c>
      <c r="B12862" s="6"/>
      <c r="C12862" s="6" t="s">
        <v>12886</v>
      </c>
      <c r="D12862" s="6"/>
      <c r="E12862" s="6" t="s">
        <v>9</v>
      </c>
      <c r="F12862" s="7">
        <v>38657</v>
      </c>
      <c r="G12862" s="8">
        <v>1</v>
      </c>
      <c r="H12862" s="8">
        <v>1</v>
      </c>
      <c r="I12862" s="8">
        <v>0</v>
      </c>
      <c r="J12862" s="8">
        <v>1</v>
      </c>
      <c r="K12862" s="9">
        <v>33</v>
      </c>
      <c r="L12862" s="6" t="s">
        <v>51</v>
      </c>
    </row>
    <row r="12863" spans="1:12">
      <c r="A12863" s="6" t="s">
        <v>49</v>
      </c>
      <c r="B12863" s="6"/>
      <c r="C12863" s="6" t="s">
        <v>12887</v>
      </c>
      <c r="D12863" s="6"/>
      <c r="E12863" s="6" t="s">
        <v>9</v>
      </c>
      <c r="F12863" s="7">
        <v>38657</v>
      </c>
      <c r="G12863" s="8">
        <v>1</v>
      </c>
      <c r="H12863" s="8">
        <v>1</v>
      </c>
      <c r="I12863" s="8">
        <v>0</v>
      </c>
      <c r="J12863" s="8">
        <v>1</v>
      </c>
      <c r="K12863" s="9">
        <v>49</v>
      </c>
      <c r="L12863" s="6" t="s">
        <v>51</v>
      </c>
    </row>
    <row r="12864" spans="1:12">
      <c r="A12864" s="6" t="s">
        <v>49</v>
      </c>
      <c r="B12864" s="6"/>
      <c r="C12864" s="6" t="s">
        <v>12888</v>
      </c>
      <c r="D12864" s="6"/>
      <c r="E12864" s="6" t="s">
        <v>9</v>
      </c>
      <c r="F12864" s="7">
        <v>38657</v>
      </c>
      <c r="G12864" s="8">
        <v>1</v>
      </c>
      <c r="H12864" s="8">
        <v>1</v>
      </c>
      <c r="I12864" s="8">
        <v>0</v>
      </c>
      <c r="J12864" s="8">
        <v>1</v>
      </c>
      <c r="K12864" s="9">
        <v>53</v>
      </c>
      <c r="L12864" s="6" t="s">
        <v>51</v>
      </c>
    </row>
    <row r="12865" spans="1:12">
      <c r="A12865" s="6" t="s">
        <v>49</v>
      </c>
      <c r="B12865" s="6"/>
      <c r="C12865" s="6" t="s">
        <v>12889</v>
      </c>
      <c r="D12865" s="6"/>
      <c r="E12865" s="6" t="s">
        <v>9</v>
      </c>
      <c r="F12865" s="7">
        <v>38657</v>
      </c>
      <c r="G12865" s="8">
        <v>1</v>
      </c>
      <c r="H12865" s="8">
        <v>1</v>
      </c>
      <c r="I12865" s="8">
        <v>0</v>
      </c>
      <c r="J12865" s="8">
        <v>1</v>
      </c>
      <c r="K12865" s="9">
        <v>29</v>
      </c>
      <c r="L12865" s="6" t="s">
        <v>51</v>
      </c>
    </row>
    <row r="12866" spans="1:12">
      <c r="A12866" s="6" t="s">
        <v>49</v>
      </c>
      <c r="B12866" s="6"/>
      <c r="C12866" s="6" t="s">
        <v>12890</v>
      </c>
      <c r="D12866" s="6"/>
      <c r="E12866" s="6" t="s">
        <v>9</v>
      </c>
      <c r="F12866" s="7">
        <v>40027</v>
      </c>
      <c r="G12866" s="8">
        <v>1</v>
      </c>
      <c r="H12866" s="8">
        <v>1</v>
      </c>
      <c r="I12866" s="8">
        <v>0</v>
      </c>
      <c r="J12866" s="8">
        <v>1</v>
      </c>
      <c r="K12866" s="9">
        <v>41</v>
      </c>
      <c r="L12866" s="6" t="s">
        <v>51</v>
      </c>
    </row>
    <row r="12867" spans="1:12">
      <c r="A12867" s="6" t="s">
        <v>49</v>
      </c>
      <c r="B12867" s="6"/>
      <c r="C12867" s="6" t="s">
        <v>12891</v>
      </c>
      <c r="D12867" s="6"/>
      <c r="E12867" s="6" t="s">
        <v>9</v>
      </c>
      <c r="F12867" s="7">
        <v>38657</v>
      </c>
      <c r="G12867" s="8">
        <v>1</v>
      </c>
      <c r="H12867" s="8">
        <v>1</v>
      </c>
      <c r="I12867" s="8">
        <v>0</v>
      </c>
      <c r="J12867" s="8">
        <v>1</v>
      </c>
      <c r="K12867" s="9">
        <v>50</v>
      </c>
      <c r="L12867" s="6" t="s">
        <v>51</v>
      </c>
    </row>
    <row r="12868" spans="1:12">
      <c r="A12868" s="6" t="s">
        <v>49</v>
      </c>
      <c r="B12868" s="6"/>
      <c r="C12868" s="6" t="s">
        <v>12892</v>
      </c>
      <c r="D12868" s="6"/>
      <c r="E12868" s="6" t="s">
        <v>9</v>
      </c>
      <c r="F12868" s="7">
        <v>40027</v>
      </c>
      <c r="G12868" s="8">
        <v>1</v>
      </c>
      <c r="H12868" s="8">
        <v>1</v>
      </c>
      <c r="I12868" s="8">
        <v>0</v>
      </c>
      <c r="J12868" s="8">
        <v>1</v>
      </c>
      <c r="K12868" s="9">
        <v>26</v>
      </c>
      <c r="L12868" s="6" t="s">
        <v>51</v>
      </c>
    </row>
    <row r="12869" spans="1:12">
      <c r="A12869" s="6" t="s">
        <v>49</v>
      </c>
      <c r="B12869" s="6"/>
      <c r="C12869" s="6" t="s">
        <v>12893</v>
      </c>
      <c r="D12869" s="6"/>
      <c r="E12869" s="6" t="s">
        <v>9</v>
      </c>
      <c r="F12869" s="7">
        <v>38657</v>
      </c>
      <c r="G12869" s="8">
        <v>1</v>
      </c>
      <c r="H12869" s="8">
        <v>1</v>
      </c>
      <c r="I12869" s="8">
        <v>0</v>
      </c>
      <c r="J12869" s="8">
        <v>1</v>
      </c>
      <c r="K12869" s="9">
        <v>63</v>
      </c>
      <c r="L12869" s="6" t="s">
        <v>51</v>
      </c>
    </row>
    <row r="12870" spans="1:12">
      <c r="A12870" s="6" t="s">
        <v>49</v>
      </c>
      <c r="B12870" s="6"/>
      <c r="C12870" s="6" t="s">
        <v>12894</v>
      </c>
      <c r="D12870" s="6"/>
      <c r="E12870" s="6" t="s">
        <v>9</v>
      </c>
      <c r="F12870" s="7">
        <v>40027</v>
      </c>
      <c r="G12870" s="8">
        <v>1</v>
      </c>
      <c r="H12870" s="8">
        <v>1</v>
      </c>
      <c r="I12870" s="8">
        <v>0</v>
      </c>
      <c r="J12870" s="8">
        <v>1</v>
      </c>
      <c r="K12870" s="9">
        <v>36</v>
      </c>
      <c r="L12870" s="6" t="s">
        <v>51</v>
      </c>
    </row>
    <row r="12871" spans="1:12">
      <c r="A12871" s="6" t="s">
        <v>49</v>
      </c>
      <c r="B12871" s="6"/>
      <c r="C12871" s="6" t="s">
        <v>12895</v>
      </c>
      <c r="D12871" s="6"/>
      <c r="E12871" s="6" t="s">
        <v>9</v>
      </c>
      <c r="F12871" s="7">
        <v>38657</v>
      </c>
      <c r="G12871" s="8">
        <v>1</v>
      </c>
      <c r="H12871" s="8">
        <v>1</v>
      </c>
      <c r="I12871" s="8">
        <v>0</v>
      </c>
      <c r="J12871" s="8">
        <v>1</v>
      </c>
      <c r="K12871" s="9">
        <v>56</v>
      </c>
      <c r="L12871" s="6" t="s">
        <v>51</v>
      </c>
    </row>
    <row r="12872" spans="1:12">
      <c r="A12872" s="6" t="s">
        <v>49</v>
      </c>
      <c r="B12872" s="6"/>
      <c r="C12872" s="6" t="s">
        <v>12896</v>
      </c>
      <c r="D12872" s="6"/>
      <c r="E12872" s="6" t="s">
        <v>9</v>
      </c>
      <c r="F12872" s="7">
        <v>40027</v>
      </c>
      <c r="G12872" s="8">
        <v>1</v>
      </c>
      <c r="H12872" s="8">
        <v>1</v>
      </c>
      <c r="I12872" s="8">
        <v>0</v>
      </c>
      <c r="J12872" s="8">
        <v>1</v>
      </c>
      <c r="K12872" s="9">
        <v>49</v>
      </c>
      <c r="L12872" s="6" t="s">
        <v>51</v>
      </c>
    </row>
    <row r="12873" spans="1:12">
      <c r="A12873" s="6" t="s">
        <v>49</v>
      </c>
      <c r="B12873" s="6"/>
      <c r="C12873" s="6" t="s">
        <v>12897</v>
      </c>
      <c r="D12873" s="6"/>
      <c r="E12873" s="6" t="s">
        <v>9</v>
      </c>
      <c r="F12873" s="7">
        <v>38657</v>
      </c>
      <c r="G12873" s="8">
        <v>1</v>
      </c>
      <c r="H12873" s="8">
        <v>1</v>
      </c>
      <c r="I12873" s="8">
        <v>0</v>
      </c>
      <c r="J12873" s="8">
        <v>1</v>
      </c>
      <c r="K12873" s="9">
        <v>19</v>
      </c>
      <c r="L12873" s="6" t="s">
        <v>51</v>
      </c>
    </row>
    <row r="12874" spans="1:12">
      <c r="A12874" s="6" t="s">
        <v>49</v>
      </c>
      <c r="B12874" s="6"/>
      <c r="C12874" s="6" t="s">
        <v>12898</v>
      </c>
      <c r="D12874" s="6"/>
      <c r="E12874" s="6" t="s">
        <v>9</v>
      </c>
      <c r="F12874" s="7">
        <v>38657</v>
      </c>
      <c r="G12874" s="8">
        <v>1</v>
      </c>
      <c r="H12874" s="8">
        <v>1</v>
      </c>
      <c r="I12874" s="8">
        <v>0</v>
      </c>
      <c r="J12874" s="8">
        <v>1</v>
      </c>
      <c r="K12874" s="9">
        <v>55</v>
      </c>
      <c r="L12874" s="6" t="s">
        <v>51</v>
      </c>
    </row>
    <row r="12875" spans="1:12">
      <c r="A12875" s="6" t="s">
        <v>49</v>
      </c>
      <c r="B12875" s="6"/>
      <c r="C12875" s="6" t="s">
        <v>12899</v>
      </c>
      <c r="D12875" s="6"/>
      <c r="E12875" s="6" t="s">
        <v>9</v>
      </c>
      <c r="F12875" s="7">
        <v>40027</v>
      </c>
      <c r="G12875" s="8">
        <v>1</v>
      </c>
      <c r="H12875" s="8">
        <v>1</v>
      </c>
      <c r="I12875" s="8">
        <v>0</v>
      </c>
      <c r="J12875" s="8">
        <v>1</v>
      </c>
      <c r="K12875" s="9">
        <v>60</v>
      </c>
      <c r="L12875" s="6" t="s">
        <v>51</v>
      </c>
    </row>
    <row r="12876" spans="1:12">
      <c r="A12876" s="6" t="s">
        <v>49</v>
      </c>
      <c r="B12876" s="6"/>
      <c r="C12876" s="6" t="s">
        <v>12900</v>
      </c>
      <c r="D12876" s="6"/>
      <c r="E12876" s="6" t="s">
        <v>9</v>
      </c>
      <c r="F12876" s="7">
        <v>38657</v>
      </c>
      <c r="G12876" s="8">
        <v>1</v>
      </c>
      <c r="H12876" s="8">
        <v>1</v>
      </c>
      <c r="I12876" s="8">
        <v>0</v>
      </c>
      <c r="J12876" s="8">
        <v>1</v>
      </c>
      <c r="K12876" s="9">
        <v>52</v>
      </c>
      <c r="L12876" s="6" t="s">
        <v>51</v>
      </c>
    </row>
    <row r="12877" spans="1:12">
      <c r="A12877" s="6" t="s">
        <v>49</v>
      </c>
      <c r="B12877" s="6"/>
      <c r="C12877" s="6" t="s">
        <v>12901</v>
      </c>
      <c r="D12877" s="6"/>
      <c r="E12877" s="6" t="s">
        <v>9</v>
      </c>
      <c r="F12877" s="7">
        <v>40027</v>
      </c>
      <c r="G12877" s="8">
        <v>1</v>
      </c>
      <c r="H12877" s="8">
        <v>1</v>
      </c>
      <c r="I12877" s="8">
        <v>0</v>
      </c>
      <c r="J12877" s="8">
        <v>1</v>
      </c>
      <c r="K12877" s="9">
        <v>67</v>
      </c>
      <c r="L12877" s="6" t="s">
        <v>51</v>
      </c>
    </row>
    <row r="12878" spans="1:12">
      <c r="A12878" s="6" t="s">
        <v>49</v>
      </c>
      <c r="B12878" s="6"/>
      <c r="C12878" s="6" t="s">
        <v>12902</v>
      </c>
      <c r="D12878" s="6"/>
      <c r="E12878" s="6" t="s">
        <v>9</v>
      </c>
      <c r="F12878" s="7">
        <v>38657</v>
      </c>
      <c r="G12878" s="8">
        <v>1</v>
      </c>
      <c r="H12878" s="8">
        <v>1</v>
      </c>
      <c r="I12878" s="8">
        <v>0</v>
      </c>
      <c r="J12878" s="8">
        <v>1</v>
      </c>
      <c r="K12878" s="9">
        <v>54</v>
      </c>
      <c r="L12878" s="6" t="s">
        <v>51</v>
      </c>
    </row>
    <row r="12879" spans="1:12">
      <c r="A12879" s="6" t="s">
        <v>49</v>
      </c>
      <c r="B12879" s="6"/>
      <c r="C12879" s="6" t="s">
        <v>12903</v>
      </c>
      <c r="D12879" s="6"/>
      <c r="E12879" s="6" t="s">
        <v>9</v>
      </c>
      <c r="F12879" s="7">
        <v>40027</v>
      </c>
      <c r="G12879" s="8">
        <v>1</v>
      </c>
      <c r="H12879" s="8">
        <v>1</v>
      </c>
      <c r="I12879" s="8">
        <v>0</v>
      </c>
      <c r="J12879" s="8">
        <v>1</v>
      </c>
      <c r="K12879" s="9">
        <v>68</v>
      </c>
      <c r="L12879" s="6" t="s">
        <v>51</v>
      </c>
    </row>
    <row r="12880" spans="1:12">
      <c r="A12880" s="6" t="s">
        <v>49</v>
      </c>
      <c r="B12880" s="6"/>
      <c r="C12880" s="6" t="s">
        <v>12904</v>
      </c>
      <c r="D12880" s="6"/>
      <c r="E12880" s="6" t="s">
        <v>9</v>
      </c>
      <c r="F12880" s="7">
        <v>38657</v>
      </c>
      <c r="G12880" s="8">
        <v>1</v>
      </c>
      <c r="H12880" s="8">
        <v>1</v>
      </c>
      <c r="I12880" s="8">
        <v>0</v>
      </c>
      <c r="J12880" s="8">
        <v>1</v>
      </c>
      <c r="K12880" s="9">
        <v>55</v>
      </c>
      <c r="L12880" s="6" t="s">
        <v>51</v>
      </c>
    </row>
    <row r="12881" spans="1:12">
      <c r="A12881" s="6" t="s">
        <v>49</v>
      </c>
      <c r="B12881" s="6"/>
      <c r="C12881" s="6" t="s">
        <v>12905</v>
      </c>
      <c r="D12881" s="6"/>
      <c r="E12881" s="6" t="s">
        <v>9</v>
      </c>
      <c r="F12881" s="7">
        <v>40027</v>
      </c>
      <c r="G12881" s="8">
        <v>1</v>
      </c>
      <c r="H12881" s="8">
        <v>1</v>
      </c>
      <c r="I12881" s="8">
        <v>0</v>
      </c>
      <c r="J12881" s="8">
        <v>1</v>
      </c>
      <c r="K12881" s="9">
        <v>72</v>
      </c>
      <c r="L12881" s="6" t="s">
        <v>51</v>
      </c>
    </row>
    <row r="12882" spans="1:12">
      <c r="A12882" s="6" t="s">
        <v>49</v>
      </c>
      <c r="B12882" s="6"/>
      <c r="C12882" s="6" t="s">
        <v>12906</v>
      </c>
      <c r="D12882" s="6"/>
      <c r="E12882" s="6" t="s">
        <v>9</v>
      </c>
      <c r="F12882" s="7">
        <v>38657</v>
      </c>
      <c r="G12882" s="8">
        <v>1</v>
      </c>
      <c r="H12882" s="8">
        <v>1</v>
      </c>
      <c r="I12882" s="8">
        <v>0</v>
      </c>
      <c r="J12882" s="8">
        <v>1</v>
      </c>
      <c r="K12882" s="9">
        <v>62</v>
      </c>
      <c r="L12882" s="6" t="s">
        <v>51</v>
      </c>
    </row>
    <row r="12883" spans="1:12">
      <c r="A12883" s="6" t="s">
        <v>49</v>
      </c>
      <c r="B12883" s="6"/>
      <c r="C12883" s="6" t="s">
        <v>12907</v>
      </c>
      <c r="D12883" s="6"/>
      <c r="E12883" s="6" t="s">
        <v>9</v>
      </c>
      <c r="F12883" s="7">
        <v>40027</v>
      </c>
      <c r="G12883" s="8">
        <v>1</v>
      </c>
      <c r="H12883" s="8">
        <v>1</v>
      </c>
      <c r="I12883" s="8">
        <v>0</v>
      </c>
      <c r="J12883" s="8">
        <v>1</v>
      </c>
      <c r="K12883" s="9">
        <v>72</v>
      </c>
      <c r="L12883" s="6" t="s">
        <v>51</v>
      </c>
    </row>
    <row r="12884" spans="1:12">
      <c r="A12884" s="6" t="s">
        <v>49</v>
      </c>
      <c r="B12884" s="6"/>
      <c r="C12884" s="6" t="s">
        <v>12908</v>
      </c>
      <c r="D12884" s="6"/>
      <c r="E12884" s="6" t="s">
        <v>9</v>
      </c>
      <c r="F12884" s="7">
        <v>38657</v>
      </c>
      <c r="G12884" s="8">
        <v>1</v>
      </c>
      <c r="H12884" s="8">
        <v>1</v>
      </c>
      <c r="I12884" s="8">
        <v>0</v>
      </c>
      <c r="J12884" s="8">
        <v>1</v>
      </c>
      <c r="K12884" s="9">
        <v>6.61</v>
      </c>
      <c r="L12884" s="6" t="s">
        <v>51</v>
      </c>
    </row>
    <row r="12885" spans="1:12">
      <c r="A12885" s="6" t="s">
        <v>49</v>
      </c>
      <c r="B12885" s="6"/>
      <c r="C12885" s="6" t="s">
        <v>12909</v>
      </c>
      <c r="D12885" s="6"/>
      <c r="E12885" s="6" t="s">
        <v>9</v>
      </c>
      <c r="F12885" s="7">
        <v>38657</v>
      </c>
      <c r="G12885" s="8">
        <v>1</v>
      </c>
      <c r="H12885" s="8">
        <v>1</v>
      </c>
      <c r="I12885" s="8">
        <v>0</v>
      </c>
      <c r="J12885" s="8">
        <v>1</v>
      </c>
      <c r="K12885" s="9">
        <v>57</v>
      </c>
      <c r="L12885" s="6" t="s">
        <v>51</v>
      </c>
    </row>
    <row r="12886" spans="1:12">
      <c r="A12886" s="6" t="s">
        <v>49</v>
      </c>
      <c r="B12886" s="6"/>
      <c r="C12886" s="6" t="s">
        <v>12910</v>
      </c>
      <c r="D12886" s="6"/>
      <c r="E12886" s="6" t="s">
        <v>9</v>
      </c>
      <c r="F12886" s="7">
        <v>40027</v>
      </c>
      <c r="G12886" s="8">
        <v>1</v>
      </c>
      <c r="H12886" s="8">
        <v>1</v>
      </c>
      <c r="I12886" s="8">
        <v>0</v>
      </c>
      <c r="J12886" s="8">
        <v>1</v>
      </c>
      <c r="K12886" s="9">
        <v>81</v>
      </c>
      <c r="L12886" s="6" t="s">
        <v>51</v>
      </c>
    </row>
    <row r="12887" spans="1:12">
      <c r="A12887" s="6" t="s">
        <v>49</v>
      </c>
      <c r="B12887" s="6"/>
      <c r="C12887" s="6" t="s">
        <v>12911</v>
      </c>
      <c r="D12887" s="6"/>
      <c r="E12887" s="6" t="s">
        <v>9</v>
      </c>
      <c r="F12887" s="7">
        <v>38657</v>
      </c>
      <c r="G12887" s="8">
        <v>1</v>
      </c>
      <c r="H12887" s="8">
        <v>1</v>
      </c>
      <c r="I12887" s="8">
        <v>0</v>
      </c>
      <c r="J12887" s="8">
        <v>1</v>
      </c>
      <c r="K12887" s="9">
        <v>56</v>
      </c>
      <c r="L12887" s="6" t="s">
        <v>51</v>
      </c>
    </row>
    <row r="12888" spans="1:12">
      <c r="A12888" s="6" t="s">
        <v>49</v>
      </c>
      <c r="B12888" s="6"/>
      <c r="C12888" s="6" t="s">
        <v>12912</v>
      </c>
      <c r="D12888" s="6"/>
      <c r="E12888" s="6" t="s">
        <v>9</v>
      </c>
      <c r="F12888" s="7">
        <v>40027</v>
      </c>
      <c r="G12888" s="8">
        <v>1</v>
      </c>
      <c r="H12888" s="8">
        <v>1</v>
      </c>
      <c r="I12888" s="8">
        <v>0</v>
      </c>
      <c r="J12888" s="8">
        <v>1</v>
      </c>
      <c r="K12888" s="9">
        <v>87</v>
      </c>
      <c r="L12888" s="6" t="s">
        <v>51</v>
      </c>
    </row>
    <row r="12889" spans="1:12">
      <c r="A12889" s="6" t="s">
        <v>49</v>
      </c>
      <c r="B12889" s="6"/>
      <c r="C12889" s="6" t="s">
        <v>12913</v>
      </c>
      <c r="D12889" s="6"/>
      <c r="E12889" s="6" t="s">
        <v>9</v>
      </c>
      <c r="F12889" s="7">
        <v>38657</v>
      </c>
      <c r="G12889" s="8">
        <v>1</v>
      </c>
      <c r="H12889" s="8">
        <v>1</v>
      </c>
      <c r="I12889" s="8">
        <v>0</v>
      </c>
      <c r="J12889" s="8">
        <v>1</v>
      </c>
      <c r="K12889" s="9">
        <v>57</v>
      </c>
      <c r="L12889" s="6" t="s">
        <v>51</v>
      </c>
    </row>
    <row r="12890" spans="1:12">
      <c r="A12890" s="6" t="s">
        <v>49</v>
      </c>
      <c r="B12890" s="6"/>
      <c r="C12890" s="6" t="s">
        <v>12914</v>
      </c>
      <c r="D12890" s="6"/>
      <c r="E12890" s="6" t="s">
        <v>9</v>
      </c>
      <c r="F12890" s="7">
        <v>40027</v>
      </c>
      <c r="G12890" s="8">
        <v>1</v>
      </c>
      <c r="H12890" s="8">
        <v>1</v>
      </c>
      <c r="I12890" s="8">
        <v>0</v>
      </c>
      <c r="J12890" s="8">
        <v>1</v>
      </c>
      <c r="K12890" s="9">
        <v>90</v>
      </c>
      <c r="L12890" s="6" t="s">
        <v>51</v>
      </c>
    </row>
    <row r="12891" spans="1:12">
      <c r="A12891" s="6" t="s">
        <v>49</v>
      </c>
      <c r="B12891" s="6"/>
      <c r="C12891" s="6" t="s">
        <v>12915</v>
      </c>
      <c r="D12891" s="6"/>
      <c r="E12891" s="6" t="s">
        <v>9</v>
      </c>
      <c r="F12891" s="7">
        <v>38657</v>
      </c>
      <c r="G12891" s="8">
        <v>1</v>
      </c>
      <c r="H12891" s="8">
        <v>1</v>
      </c>
      <c r="I12891" s="8">
        <v>0</v>
      </c>
      <c r="J12891" s="8">
        <v>1</v>
      </c>
      <c r="K12891" s="9">
        <v>58</v>
      </c>
      <c r="L12891" s="6" t="s">
        <v>51</v>
      </c>
    </row>
    <row r="12892" spans="1:12">
      <c r="A12892" s="6" t="s">
        <v>49</v>
      </c>
      <c r="B12892" s="6"/>
      <c r="C12892" s="6" t="s">
        <v>12916</v>
      </c>
      <c r="D12892" s="6"/>
      <c r="E12892" s="6" t="s">
        <v>9</v>
      </c>
      <c r="F12892" s="7">
        <v>40027</v>
      </c>
      <c r="G12892" s="8">
        <v>1</v>
      </c>
      <c r="H12892" s="8">
        <v>1</v>
      </c>
      <c r="I12892" s="8">
        <v>0</v>
      </c>
      <c r="J12892" s="8">
        <v>1</v>
      </c>
      <c r="K12892" s="9">
        <v>90</v>
      </c>
      <c r="L12892" s="6" t="s">
        <v>51</v>
      </c>
    </row>
    <row r="12893" spans="1:12">
      <c r="A12893" s="6" t="s">
        <v>49</v>
      </c>
      <c r="B12893" s="6"/>
      <c r="C12893" s="6" t="s">
        <v>12917</v>
      </c>
      <c r="D12893" s="6"/>
      <c r="E12893" s="6" t="s">
        <v>9</v>
      </c>
      <c r="F12893" s="7">
        <v>38657</v>
      </c>
      <c r="G12893" s="8">
        <v>1</v>
      </c>
      <c r="H12893" s="8">
        <v>1</v>
      </c>
      <c r="I12893" s="8">
        <v>0</v>
      </c>
      <c r="J12893" s="8">
        <v>1</v>
      </c>
      <c r="K12893" s="9">
        <v>80</v>
      </c>
      <c r="L12893" s="6" t="s">
        <v>51</v>
      </c>
    </row>
    <row r="12894" spans="1:12">
      <c r="A12894" s="6" t="s">
        <v>49</v>
      </c>
      <c r="B12894" s="6"/>
      <c r="C12894" s="6" t="s">
        <v>12918</v>
      </c>
      <c r="D12894" s="6"/>
      <c r="E12894" s="6" t="s">
        <v>9</v>
      </c>
      <c r="F12894" s="7">
        <v>40027</v>
      </c>
      <c r="G12894" s="8">
        <v>1</v>
      </c>
      <c r="H12894" s="8">
        <v>1</v>
      </c>
      <c r="I12894" s="8">
        <v>0</v>
      </c>
      <c r="J12894" s="8">
        <v>1</v>
      </c>
      <c r="K12894" s="9">
        <v>202</v>
      </c>
      <c r="L12894" s="6" t="s">
        <v>51</v>
      </c>
    </row>
    <row r="12895" spans="1:12">
      <c r="A12895" s="6" t="s">
        <v>49</v>
      </c>
      <c r="B12895" s="6"/>
      <c r="C12895" s="6" t="s">
        <v>12919</v>
      </c>
      <c r="D12895" s="6"/>
      <c r="E12895" s="6" t="s">
        <v>9</v>
      </c>
      <c r="F12895" s="7">
        <v>38657</v>
      </c>
      <c r="G12895" s="8">
        <v>1</v>
      </c>
      <c r="H12895" s="8">
        <v>1</v>
      </c>
      <c r="I12895" s="8">
        <v>0</v>
      </c>
      <c r="J12895" s="8">
        <v>1</v>
      </c>
      <c r="K12895" s="9">
        <v>3.3</v>
      </c>
      <c r="L12895" s="6" t="s">
        <v>51</v>
      </c>
    </row>
    <row r="12896" spans="1:12">
      <c r="A12896" s="6" t="s">
        <v>49</v>
      </c>
      <c r="B12896" s="6"/>
      <c r="C12896" s="6" t="s">
        <v>12920</v>
      </c>
      <c r="D12896" s="6"/>
      <c r="E12896" s="6" t="s">
        <v>9</v>
      </c>
      <c r="F12896" s="7">
        <v>38657</v>
      </c>
      <c r="G12896" s="8">
        <v>1</v>
      </c>
      <c r="H12896" s="8">
        <v>1</v>
      </c>
      <c r="I12896" s="8">
        <v>0</v>
      </c>
      <c r="J12896" s="8">
        <v>1</v>
      </c>
      <c r="K12896" s="9">
        <v>65</v>
      </c>
      <c r="L12896" s="6" t="s">
        <v>51</v>
      </c>
    </row>
    <row r="12897" spans="1:12">
      <c r="A12897" s="6" t="s">
        <v>49</v>
      </c>
      <c r="B12897" s="6"/>
      <c r="C12897" s="6" t="s">
        <v>12921</v>
      </c>
      <c r="D12897" s="6"/>
      <c r="E12897" s="6" t="s">
        <v>9</v>
      </c>
      <c r="F12897" s="7">
        <v>38657</v>
      </c>
      <c r="G12897" s="8">
        <v>1</v>
      </c>
      <c r="H12897" s="8">
        <v>1</v>
      </c>
      <c r="I12897" s="8">
        <v>0</v>
      </c>
      <c r="J12897" s="8">
        <v>1</v>
      </c>
      <c r="K12897" s="9">
        <v>57</v>
      </c>
      <c r="L12897" s="6" t="s">
        <v>51</v>
      </c>
    </row>
    <row r="12898" spans="1:12">
      <c r="A12898" s="6" t="s">
        <v>49</v>
      </c>
      <c r="B12898" s="6"/>
      <c r="C12898" s="6" t="s">
        <v>12922</v>
      </c>
      <c r="D12898" s="6"/>
      <c r="E12898" s="6" t="s">
        <v>9</v>
      </c>
      <c r="F12898" s="7">
        <v>38657</v>
      </c>
      <c r="G12898" s="8">
        <v>1</v>
      </c>
      <c r="H12898" s="8">
        <v>1</v>
      </c>
      <c r="I12898" s="8">
        <v>0</v>
      </c>
      <c r="J12898" s="8">
        <v>1</v>
      </c>
      <c r="K12898" s="9">
        <v>56</v>
      </c>
      <c r="L12898" s="6" t="s">
        <v>51</v>
      </c>
    </row>
    <row r="12899" spans="1:12">
      <c r="A12899" s="6" t="s">
        <v>49</v>
      </c>
      <c r="B12899" s="6"/>
      <c r="C12899" s="6" t="s">
        <v>12923</v>
      </c>
      <c r="D12899" s="6"/>
      <c r="E12899" s="6" t="s">
        <v>9</v>
      </c>
      <c r="F12899" s="7">
        <v>38657</v>
      </c>
      <c r="G12899" s="8">
        <v>1</v>
      </c>
      <c r="H12899" s="8">
        <v>1</v>
      </c>
      <c r="I12899" s="8">
        <v>0</v>
      </c>
      <c r="J12899" s="8">
        <v>1</v>
      </c>
      <c r="K12899" s="9">
        <v>56</v>
      </c>
      <c r="L12899" s="6" t="s">
        <v>51</v>
      </c>
    </row>
    <row r="12900" spans="1:12">
      <c r="A12900" s="6" t="s">
        <v>49</v>
      </c>
      <c r="B12900" s="6"/>
      <c r="C12900" s="6" t="s">
        <v>12924</v>
      </c>
      <c r="D12900" s="6"/>
      <c r="E12900" s="6" t="s">
        <v>9</v>
      </c>
      <c r="F12900" s="7">
        <v>38657</v>
      </c>
      <c r="G12900" s="8">
        <v>1</v>
      </c>
      <c r="H12900" s="8">
        <v>1</v>
      </c>
      <c r="I12900" s="8">
        <v>0</v>
      </c>
      <c r="J12900" s="8">
        <v>1</v>
      </c>
      <c r="K12900" s="9">
        <v>55</v>
      </c>
      <c r="L12900" s="6" t="s">
        <v>51</v>
      </c>
    </row>
    <row r="12901" spans="1:12">
      <c r="A12901" s="6" t="s">
        <v>49</v>
      </c>
      <c r="B12901" s="6"/>
      <c r="C12901" s="6" t="s">
        <v>12925</v>
      </c>
      <c r="D12901" s="6"/>
      <c r="E12901" s="6" t="s">
        <v>9</v>
      </c>
      <c r="F12901" s="7">
        <v>38657</v>
      </c>
      <c r="G12901" s="8">
        <v>1</v>
      </c>
      <c r="H12901" s="8">
        <v>1</v>
      </c>
      <c r="I12901" s="8">
        <v>0</v>
      </c>
      <c r="J12901" s="8">
        <v>1</v>
      </c>
      <c r="K12901" s="9">
        <v>55</v>
      </c>
      <c r="L12901" s="6" t="s">
        <v>51</v>
      </c>
    </row>
    <row r="12902" spans="1:12">
      <c r="A12902" s="6" t="s">
        <v>49</v>
      </c>
      <c r="B12902" s="6"/>
      <c r="C12902" s="6" t="s">
        <v>12926</v>
      </c>
      <c r="D12902" s="6"/>
      <c r="E12902" s="6" t="s">
        <v>9</v>
      </c>
      <c r="F12902" s="7">
        <v>38657</v>
      </c>
      <c r="G12902" s="8">
        <v>1</v>
      </c>
      <c r="H12902" s="8">
        <v>1</v>
      </c>
      <c r="I12902" s="8">
        <v>0</v>
      </c>
      <c r="J12902" s="8">
        <v>1</v>
      </c>
      <c r="K12902" s="9">
        <v>66</v>
      </c>
      <c r="L12902" s="6" t="s">
        <v>51</v>
      </c>
    </row>
    <row r="12903" spans="1:12">
      <c r="A12903" s="6" t="s">
        <v>49</v>
      </c>
      <c r="B12903" s="6"/>
      <c r="C12903" s="6" t="s">
        <v>12927</v>
      </c>
      <c r="D12903" s="6"/>
      <c r="E12903" s="6" t="s">
        <v>9</v>
      </c>
      <c r="F12903" s="7">
        <v>38657</v>
      </c>
      <c r="G12903" s="8">
        <v>1</v>
      </c>
      <c r="H12903" s="8">
        <v>1</v>
      </c>
      <c r="I12903" s="8">
        <v>0</v>
      </c>
      <c r="J12903" s="8">
        <v>1</v>
      </c>
      <c r="K12903" s="9">
        <v>63</v>
      </c>
      <c r="L12903" s="6" t="s">
        <v>51</v>
      </c>
    </row>
    <row r="12904" spans="1:12">
      <c r="A12904" s="6" t="s">
        <v>49</v>
      </c>
      <c r="B12904" s="6"/>
      <c r="C12904" s="6" t="s">
        <v>12928</v>
      </c>
      <c r="D12904" s="6"/>
      <c r="E12904" s="6" t="s">
        <v>9</v>
      </c>
      <c r="F12904" s="7">
        <v>38657</v>
      </c>
      <c r="G12904" s="8">
        <v>1</v>
      </c>
      <c r="H12904" s="8">
        <v>1</v>
      </c>
      <c r="I12904" s="8">
        <v>0</v>
      </c>
      <c r="J12904" s="8">
        <v>1</v>
      </c>
      <c r="K12904" s="9">
        <v>65</v>
      </c>
      <c r="L12904" s="6" t="s">
        <v>51</v>
      </c>
    </row>
    <row r="12905" spans="1:12">
      <c r="A12905" s="6" t="s">
        <v>49</v>
      </c>
      <c r="B12905" s="6"/>
      <c r="C12905" s="6" t="s">
        <v>12929</v>
      </c>
      <c r="D12905" s="6"/>
      <c r="E12905" s="6" t="s">
        <v>9</v>
      </c>
      <c r="F12905" s="7">
        <v>38657</v>
      </c>
      <c r="G12905" s="8">
        <v>1</v>
      </c>
      <c r="H12905" s="8">
        <v>1</v>
      </c>
      <c r="I12905" s="8">
        <v>0</v>
      </c>
      <c r="J12905" s="8">
        <v>1</v>
      </c>
      <c r="K12905" s="9">
        <v>64</v>
      </c>
      <c r="L12905" s="6" t="s">
        <v>51</v>
      </c>
    </row>
    <row r="12906" spans="1:12">
      <c r="A12906" s="6" t="s">
        <v>49</v>
      </c>
      <c r="B12906" s="6"/>
      <c r="C12906" s="6" t="s">
        <v>12930</v>
      </c>
      <c r="D12906" s="6"/>
      <c r="E12906" s="6" t="s">
        <v>9</v>
      </c>
      <c r="F12906" s="7">
        <v>38657</v>
      </c>
      <c r="G12906" s="8">
        <v>1</v>
      </c>
      <c r="H12906" s="8">
        <v>1</v>
      </c>
      <c r="I12906" s="8">
        <v>0</v>
      </c>
      <c r="J12906" s="8">
        <v>1</v>
      </c>
      <c r="K12906" s="9">
        <v>314</v>
      </c>
      <c r="L12906" s="6" t="s">
        <v>51</v>
      </c>
    </row>
    <row r="12907" spans="1:12">
      <c r="A12907" s="6" t="s">
        <v>49</v>
      </c>
      <c r="B12907" s="6"/>
      <c r="C12907" s="6" t="s">
        <v>12931</v>
      </c>
      <c r="D12907" s="6"/>
      <c r="E12907" s="6" t="s">
        <v>9</v>
      </c>
      <c r="F12907" s="7">
        <v>38657</v>
      </c>
      <c r="G12907" s="8">
        <v>1</v>
      </c>
      <c r="H12907" s="8">
        <v>1</v>
      </c>
      <c r="I12907" s="8">
        <v>0</v>
      </c>
      <c r="J12907" s="8">
        <v>1</v>
      </c>
      <c r="K12907" s="9">
        <v>66</v>
      </c>
      <c r="L12907" s="6" t="s">
        <v>51</v>
      </c>
    </row>
    <row r="12908" spans="1:12">
      <c r="A12908" s="6" t="s">
        <v>49</v>
      </c>
      <c r="B12908" s="6"/>
      <c r="C12908" s="6" t="s">
        <v>12932</v>
      </c>
      <c r="D12908" s="6"/>
      <c r="E12908" s="6" t="s">
        <v>9</v>
      </c>
      <c r="F12908" s="7">
        <v>38657</v>
      </c>
      <c r="G12908" s="8">
        <v>1</v>
      </c>
      <c r="H12908" s="8">
        <v>1</v>
      </c>
      <c r="I12908" s="8">
        <v>0</v>
      </c>
      <c r="J12908" s="8">
        <v>1</v>
      </c>
      <c r="K12908" s="9">
        <v>66</v>
      </c>
      <c r="L12908" s="6" t="s">
        <v>51</v>
      </c>
    </row>
    <row r="12909" spans="1:12">
      <c r="A12909" s="6" t="s">
        <v>49</v>
      </c>
      <c r="B12909" s="6"/>
      <c r="C12909" s="6" t="s">
        <v>12933</v>
      </c>
      <c r="D12909" s="6"/>
      <c r="E12909" s="6" t="s">
        <v>9</v>
      </c>
      <c r="F12909" s="7">
        <v>38657</v>
      </c>
      <c r="G12909" s="8">
        <v>1</v>
      </c>
      <c r="H12909" s="8">
        <v>1</v>
      </c>
      <c r="I12909" s="8">
        <v>0</v>
      </c>
      <c r="J12909" s="8">
        <v>1</v>
      </c>
      <c r="K12909" s="9">
        <v>66</v>
      </c>
      <c r="L12909" s="6" t="s">
        <v>51</v>
      </c>
    </row>
    <row r="12910" spans="1:12">
      <c r="A12910" s="6" t="s">
        <v>49</v>
      </c>
      <c r="B12910" s="6"/>
      <c r="C12910" s="6" t="s">
        <v>12934</v>
      </c>
      <c r="D12910" s="6"/>
      <c r="E12910" s="6" t="s">
        <v>9</v>
      </c>
      <c r="F12910" s="7">
        <v>38657</v>
      </c>
      <c r="G12910" s="8">
        <v>1</v>
      </c>
      <c r="H12910" s="8">
        <v>1</v>
      </c>
      <c r="I12910" s="8">
        <v>0</v>
      </c>
      <c r="J12910" s="8">
        <v>1</v>
      </c>
      <c r="K12910" s="9">
        <v>60</v>
      </c>
      <c r="L12910" s="6" t="s">
        <v>51</v>
      </c>
    </row>
    <row r="12911" spans="1:12">
      <c r="A12911" s="6" t="s">
        <v>49</v>
      </c>
      <c r="B12911" s="6"/>
      <c r="C12911" s="6" t="s">
        <v>12935</v>
      </c>
      <c r="D12911" s="6"/>
      <c r="E12911" s="6" t="s">
        <v>9</v>
      </c>
      <c r="F12911" s="7">
        <v>38657</v>
      </c>
      <c r="G12911" s="8">
        <v>1</v>
      </c>
      <c r="H12911" s="8">
        <v>1</v>
      </c>
      <c r="I12911" s="8">
        <v>0</v>
      </c>
      <c r="J12911" s="8">
        <v>1</v>
      </c>
      <c r="K12911" s="9">
        <v>60</v>
      </c>
      <c r="L12911" s="6" t="s">
        <v>51</v>
      </c>
    </row>
    <row r="12912" spans="1:12">
      <c r="A12912" s="6" t="s">
        <v>49</v>
      </c>
      <c r="B12912" s="6"/>
      <c r="C12912" s="6" t="s">
        <v>12936</v>
      </c>
      <c r="D12912" s="6"/>
      <c r="E12912" s="6" t="s">
        <v>9</v>
      </c>
      <c r="F12912" s="7">
        <v>38657</v>
      </c>
      <c r="G12912" s="8">
        <v>1</v>
      </c>
      <c r="H12912" s="8">
        <v>1</v>
      </c>
      <c r="I12912" s="8">
        <v>0</v>
      </c>
      <c r="J12912" s="8">
        <v>1</v>
      </c>
      <c r="K12912" s="9">
        <v>61</v>
      </c>
      <c r="L12912" s="6" t="s">
        <v>51</v>
      </c>
    </row>
    <row r="12913" spans="1:12">
      <c r="A12913" s="6" t="s">
        <v>49</v>
      </c>
      <c r="B12913" s="6"/>
      <c r="C12913" s="6" t="s">
        <v>12937</v>
      </c>
      <c r="D12913" s="6"/>
      <c r="E12913" s="6" t="s">
        <v>9</v>
      </c>
      <c r="F12913" s="7">
        <v>38657</v>
      </c>
      <c r="G12913" s="8">
        <v>1</v>
      </c>
      <c r="H12913" s="8">
        <v>1</v>
      </c>
      <c r="I12913" s="8">
        <v>0</v>
      </c>
      <c r="J12913" s="8">
        <v>1</v>
      </c>
      <c r="K12913" s="9">
        <v>60</v>
      </c>
      <c r="L12913" s="6" t="s">
        <v>51</v>
      </c>
    </row>
    <row r="12914" spans="1:12">
      <c r="A12914" s="6" t="s">
        <v>49</v>
      </c>
      <c r="B12914" s="6"/>
      <c r="C12914" s="6" t="s">
        <v>12938</v>
      </c>
      <c r="D12914" s="6"/>
      <c r="E12914" s="6" t="s">
        <v>9</v>
      </c>
      <c r="F12914" s="7">
        <v>38657</v>
      </c>
      <c r="G12914" s="8">
        <v>1</v>
      </c>
      <c r="H12914" s="8">
        <v>1</v>
      </c>
      <c r="I12914" s="8">
        <v>0</v>
      </c>
      <c r="J12914" s="8">
        <v>1</v>
      </c>
      <c r="K12914" s="9">
        <v>57</v>
      </c>
      <c r="L12914" s="6" t="s">
        <v>51</v>
      </c>
    </row>
    <row r="12915" spans="1:12">
      <c r="A12915" s="6" t="s">
        <v>49</v>
      </c>
      <c r="B12915" s="6"/>
      <c r="C12915" s="6" t="s">
        <v>12939</v>
      </c>
      <c r="D12915" s="6"/>
      <c r="E12915" s="6" t="s">
        <v>9</v>
      </c>
      <c r="F12915" s="7">
        <v>38657</v>
      </c>
      <c r="G12915" s="8">
        <v>1</v>
      </c>
      <c r="H12915" s="8">
        <v>1</v>
      </c>
      <c r="I12915" s="8">
        <v>0</v>
      </c>
      <c r="J12915" s="8">
        <v>1</v>
      </c>
      <c r="K12915" s="9">
        <v>57</v>
      </c>
      <c r="L12915" s="6" t="s">
        <v>51</v>
      </c>
    </row>
    <row r="12916" spans="1:12">
      <c r="A12916" s="6" t="s">
        <v>49</v>
      </c>
      <c r="B12916" s="6"/>
      <c r="C12916" s="6" t="s">
        <v>12940</v>
      </c>
      <c r="D12916" s="6"/>
      <c r="E12916" s="6" t="s">
        <v>9</v>
      </c>
      <c r="F12916" s="7">
        <v>38657</v>
      </c>
      <c r="G12916" s="8">
        <v>1</v>
      </c>
      <c r="H12916" s="8">
        <v>1</v>
      </c>
      <c r="I12916" s="8">
        <v>0</v>
      </c>
      <c r="J12916" s="8">
        <v>1</v>
      </c>
      <c r="K12916" s="9">
        <v>59</v>
      </c>
      <c r="L12916" s="6" t="s">
        <v>51</v>
      </c>
    </row>
    <row r="12917" spans="1:12">
      <c r="A12917" s="6" t="s">
        <v>49</v>
      </c>
      <c r="B12917" s="6"/>
      <c r="C12917" s="6" t="s">
        <v>12941</v>
      </c>
      <c r="D12917" s="6"/>
      <c r="E12917" s="6" t="s">
        <v>9</v>
      </c>
      <c r="F12917" s="7">
        <v>38657</v>
      </c>
      <c r="G12917" s="8">
        <v>1</v>
      </c>
      <c r="H12917" s="8">
        <v>1</v>
      </c>
      <c r="I12917" s="8">
        <v>0</v>
      </c>
      <c r="J12917" s="8">
        <v>1</v>
      </c>
      <c r="K12917" s="9">
        <v>16</v>
      </c>
      <c r="L12917" s="6" t="s">
        <v>51</v>
      </c>
    </row>
    <row r="12918" spans="1:12">
      <c r="A12918" s="6" t="s">
        <v>49</v>
      </c>
      <c r="B12918" s="6"/>
      <c r="C12918" s="6" t="s">
        <v>12942</v>
      </c>
      <c r="D12918" s="6"/>
      <c r="E12918" s="6" t="s">
        <v>9</v>
      </c>
      <c r="F12918" s="7">
        <v>38657</v>
      </c>
      <c r="G12918" s="8">
        <v>1</v>
      </c>
      <c r="H12918" s="8">
        <v>1</v>
      </c>
      <c r="I12918" s="8">
        <v>0</v>
      </c>
      <c r="J12918" s="8">
        <v>1</v>
      </c>
      <c r="K12918" s="9">
        <v>13</v>
      </c>
      <c r="L12918" s="6" t="s">
        <v>51</v>
      </c>
    </row>
    <row r="12919" spans="1:12">
      <c r="A12919" s="6" t="s">
        <v>49</v>
      </c>
      <c r="B12919" s="6"/>
      <c r="C12919" s="6" t="s">
        <v>12943</v>
      </c>
      <c r="D12919" s="6"/>
      <c r="E12919" s="6" t="s">
        <v>9</v>
      </c>
      <c r="F12919" s="7">
        <v>38657</v>
      </c>
      <c r="G12919" s="8">
        <v>1</v>
      </c>
      <c r="H12919" s="8">
        <v>1</v>
      </c>
      <c r="I12919" s="8">
        <v>0</v>
      </c>
      <c r="J12919" s="8">
        <v>1</v>
      </c>
      <c r="K12919" s="9">
        <v>59</v>
      </c>
      <c r="L12919" s="6" t="s">
        <v>51</v>
      </c>
    </row>
    <row r="12920" spans="1:12">
      <c r="A12920" s="6" t="s">
        <v>49</v>
      </c>
      <c r="B12920" s="6"/>
      <c r="C12920" s="6" t="s">
        <v>12944</v>
      </c>
      <c r="D12920" s="6"/>
      <c r="E12920" s="6" t="s">
        <v>9</v>
      </c>
      <c r="F12920" s="7">
        <v>38657</v>
      </c>
      <c r="G12920" s="8">
        <v>1</v>
      </c>
      <c r="H12920" s="8">
        <v>1</v>
      </c>
      <c r="I12920" s="8">
        <v>0</v>
      </c>
      <c r="J12920" s="8">
        <v>1</v>
      </c>
      <c r="K12920" s="9">
        <v>60</v>
      </c>
      <c r="L12920" s="6" t="s">
        <v>51</v>
      </c>
    </row>
    <row r="12921" spans="1:12">
      <c r="A12921" s="6" t="s">
        <v>49</v>
      </c>
      <c r="B12921" s="6"/>
      <c r="C12921" s="6" t="s">
        <v>12945</v>
      </c>
      <c r="D12921" s="6"/>
      <c r="E12921" s="6" t="s">
        <v>9</v>
      </c>
      <c r="F12921" s="7">
        <v>38657</v>
      </c>
      <c r="G12921" s="8">
        <v>1</v>
      </c>
      <c r="H12921" s="8">
        <v>1</v>
      </c>
      <c r="I12921" s="8">
        <v>0</v>
      </c>
      <c r="J12921" s="8">
        <v>1</v>
      </c>
      <c r="K12921" s="9">
        <v>59</v>
      </c>
      <c r="L12921" s="6" t="s">
        <v>51</v>
      </c>
    </row>
    <row r="12922" spans="1:12">
      <c r="A12922" s="6" t="s">
        <v>49</v>
      </c>
      <c r="B12922" s="6"/>
      <c r="C12922" s="6" t="s">
        <v>12946</v>
      </c>
      <c r="D12922" s="6"/>
      <c r="E12922" s="6" t="s">
        <v>9</v>
      </c>
      <c r="F12922" s="7">
        <v>38657</v>
      </c>
      <c r="G12922" s="8">
        <v>1</v>
      </c>
      <c r="H12922" s="8">
        <v>1</v>
      </c>
      <c r="I12922" s="8">
        <v>0</v>
      </c>
      <c r="J12922" s="8">
        <v>1</v>
      </c>
      <c r="K12922" s="9">
        <v>57</v>
      </c>
      <c r="L12922" s="6" t="s">
        <v>51</v>
      </c>
    </row>
    <row r="12923" spans="1:12">
      <c r="A12923" s="6" t="s">
        <v>49</v>
      </c>
      <c r="B12923" s="6"/>
      <c r="C12923" s="6" t="s">
        <v>12947</v>
      </c>
      <c r="D12923" s="6"/>
      <c r="E12923" s="6" t="s">
        <v>9</v>
      </c>
      <c r="F12923" s="7">
        <v>38657</v>
      </c>
      <c r="G12923" s="8">
        <v>1</v>
      </c>
      <c r="H12923" s="8">
        <v>1</v>
      </c>
      <c r="I12923" s="8">
        <v>0</v>
      </c>
      <c r="J12923" s="8">
        <v>1</v>
      </c>
      <c r="K12923" s="9">
        <v>63</v>
      </c>
      <c r="L12923" s="6" t="s">
        <v>51</v>
      </c>
    </row>
    <row r="12924" spans="1:12">
      <c r="A12924" s="6" t="s">
        <v>49</v>
      </c>
      <c r="B12924" s="6"/>
      <c r="C12924" s="6" t="s">
        <v>12948</v>
      </c>
      <c r="D12924" s="6"/>
      <c r="E12924" s="6" t="s">
        <v>9</v>
      </c>
      <c r="F12924" s="7">
        <v>38657</v>
      </c>
      <c r="G12924" s="8">
        <v>1</v>
      </c>
      <c r="H12924" s="8">
        <v>1</v>
      </c>
      <c r="I12924" s="8">
        <v>0</v>
      </c>
      <c r="J12924" s="8">
        <v>1</v>
      </c>
      <c r="K12924" s="9">
        <v>57</v>
      </c>
      <c r="L12924" s="6" t="s">
        <v>51</v>
      </c>
    </row>
    <row r="12925" spans="1:12">
      <c r="A12925" s="6" t="s">
        <v>49</v>
      </c>
      <c r="B12925" s="6"/>
      <c r="C12925" s="6" t="s">
        <v>12949</v>
      </c>
      <c r="D12925" s="6"/>
      <c r="E12925" s="6" t="s">
        <v>9</v>
      </c>
      <c r="F12925" s="7">
        <v>38657</v>
      </c>
      <c r="G12925" s="8">
        <v>1</v>
      </c>
      <c r="H12925" s="8">
        <v>1</v>
      </c>
      <c r="I12925" s="8">
        <v>0</v>
      </c>
      <c r="J12925" s="8">
        <v>1</v>
      </c>
      <c r="K12925" s="9">
        <v>58</v>
      </c>
      <c r="L12925" s="6" t="s">
        <v>51</v>
      </c>
    </row>
    <row r="12926" spans="1:12">
      <c r="A12926" s="6" t="s">
        <v>49</v>
      </c>
      <c r="B12926" s="6"/>
      <c r="C12926" s="6" t="s">
        <v>12950</v>
      </c>
      <c r="D12926" s="6"/>
      <c r="E12926" s="6" t="s">
        <v>9</v>
      </c>
      <c r="F12926" s="7">
        <v>38657</v>
      </c>
      <c r="G12926" s="8">
        <v>1</v>
      </c>
      <c r="H12926" s="8">
        <v>1</v>
      </c>
      <c r="I12926" s="8">
        <v>0</v>
      </c>
      <c r="J12926" s="8">
        <v>1</v>
      </c>
      <c r="K12926" s="9">
        <v>59</v>
      </c>
      <c r="L12926" s="6" t="s">
        <v>51</v>
      </c>
    </row>
    <row r="12927" spans="1:12">
      <c r="A12927" s="6" t="s">
        <v>49</v>
      </c>
      <c r="B12927" s="6"/>
      <c r="C12927" s="6" t="s">
        <v>12951</v>
      </c>
      <c r="D12927" s="6"/>
      <c r="E12927" s="6" t="s">
        <v>9</v>
      </c>
      <c r="F12927" s="7">
        <v>38657</v>
      </c>
      <c r="G12927" s="8">
        <v>1</v>
      </c>
      <c r="H12927" s="8">
        <v>1</v>
      </c>
      <c r="I12927" s="8">
        <v>0</v>
      </c>
      <c r="J12927" s="8">
        <v>1</v>
      </c>
      <c r="K12927" s="9">
        <v>57</v>
      </c>
      <c r="L12927" s="6" t="s">
        <v>51</v>
      </c>
    </row>
    <row r="12928" spans="1:12">
      <c r="A12928" s="6" t="s">
        <v>49</v>
      </c>
      <c r="B12928" s="6"/>
      <c r="C12928" s="6" t="s">
        <v>12952</v>
      </c>
      <c r="D12928" s="6"/>
      <c r="E12928" s="6" t="s">
        <v>9</v>
      </c>
      <c r="F12928" s="7">
        <v>38657</v>
      </c>
      <c r="G12928" s="8">
        <v>1</v>
      </c>
      <c r="H12928" s="8">
        <v>1</v>
      </c>
      <c r="I12928" s="8">
        <v>0</v>
      </c>
      <c r="J12928" s="8">
        <v>1</v>
      </c>
      <c r="K12928" s="9">
        <v>57</v>
      </c>
      <c r="L12928" s="6" t="s">
        <v>51</v>
      </c>
    </row>
    <row r="12929" spans="1:12">
      <c r="A12929" s="6" t="s">
        <v>49</v>
      </c>
      <c r="B12929" s="6"/>
      <c r="C12929" s="6" t="s">
        <v>12953</v>
      </c>
      <c r="D12929" s="6"/>
      <c r="E12929" s="6" t="s">
        <v>9</v>
      </c>
      <c r="F12929" s="7">
        <v>38657</v>
      </c>
      <c r="G12929" s="8">
        <v>1</v>
      </c>
      <c r="H12929" s="8">
        <v>1</v>
      </c>
      <c r="I12929" s="8">
        <v>0</v>
      </c>
      <c r="J12929" s="8">
        <v>1</v>
      </c>
      <c r="K12929" s="9">
        <v>42</v>
      </c>
      <c r="L12929" s="6" t="s">
        <v>51</v>
      </c>
    </row>
    <row r="12930" spans="1:12">
      <c r="A12930" s="6" t="s">
        <v>49</v>
      </c>
      <c r="B12930" s="6"/>
      <c r="C12930" s="6" t="s">
        <v>12954</v>
      </c>
      <c r="D12930" s="6"/>
      <c r="E12930" s="6" t="s">
        <v>9</v>
      </c>
      <c r="F12930" s="7">
        <v>38657</v>
      </c>
      <c r="G12930" s="8">
        <v>1</v>
      </c>
      <c r="H12930" s="8">
        <v>1</v>
      </c>
      <c r="I12930" s="8">
        <v>0</v>
      </c>
      <c r="J12930" s="8">
        <v>1</v>
      </c>
      <c r="K12930" s="9">
        <v>66</v>
      </c>
      <c r="L12930" s="6" t="s">
        <v>51</v>
      </c>
    </row>
    <row r="12931" spans="1:12">
      <c r="A12931" s="6" t="s">
        <v>49</v>
      </c>
      <c r="B12931" s="6"/>
      <c r="C12931" s="6" t="s">
        <v>12955</v>
      </c>
      <c r="D12931" s="6"/>
      <c r="E12931" s="6" t="s">
        <v>9</v>
      </c>
      <c r="F12931" s="7">
        <v>38657</v>
      </c>
      <c r="G12931" s="8">
        <v>1</v>
      </c>
      <c r="H12931" s="8">
        <v>1</v>
      </c>
      <c r="I12931" s="8">
        <v>0</v>
      </c>
      <c r="J12931" s="8">
        <v>1</v>
      </c>
      <c r="K12931" s="9">
        <v>30</v>
      </c>
      <c r="L12931" s="6" t="s">
        <v>51</v>
      </c>
    </row>
    <row r="12932" spans="1:12">
      <c r="A12932" s="6" t="s">
        <v>49</v>
      </c>
      <c r="B12932" s="6"/>
      <c r="C12932" s="6" t="s">
        <v>12956</v>
      </c>
      <c r="D12932" s="6"/>
      <c r="E12932" s="6" t="s">
        <v>9</v>
      </c>
      <c r="F12932" s="7">
        <v>38657</v>
      </c>
      <c r="G12932" s="8">
        <v>1</v>
      </c>
      <c r="H12932" s="8">
        <v>1</v>
      </c>
      <c r="I12932" s="8">
        <v>0</v>
      </c>
      <c r="J12932" s="8">
        <v>1</v>
      </c>
      <c r="K12932" s="9">
        <v>30</v>
      </c>
      <c r="L12932" s="6" t="s">
        <v>51</v>
      </c>
    </row>
    <row r="12933" spans="1:12">
      <c r="A12933" s="6" t="s">
        <v>49</v>
      </c>
      <c r="B12933" s="6"/>
      <c r="C12933" s="6" t="s">
        <v>12957</v>
      </c>
      <c r="D12933" s="6"/>
      <c r="E12933" s="6" t="s">
        <v>9</v>
      </c>
      <c r="F12933" s="7">
        <v>38657</v>
      </c>
      <c r="G12933" s="8">
        <v>1</v>
      </c>
      <c r="H12933" s="8">
        <v>1</v>
      </c>
      <c r="I12933" s="8">
        <v>0</v>
      </c>
      <c r="J12933" s="8">
        <v>1</v>
      </c>
      <c r="K12933" s="9">
        <v>60</v>
      </c>
      <c r="L12933" s="6" t="s">
        <v>51</v>
      </c>
    </row>
    <row r="12934" spans="1:12">
      <c r="A12934" s="6" t="s">
        <v>49</v>
      </c>
      <c r="B12934" s="6"/>
      <c r="C12934" s="6" t="s">
        <v>12958</v>
      </c>
      <c r="D12934" s="6"/>
      <c r="E12934" s="6" t="s">
        <v>9</v>
      </c>
      <c r="F12934" s="7">
        <v>38657</v>
      </c>
      <c r="G12934" s="8">
        <v>1</v>
      </c>
      <c r="H12934" s="8">
        <v>1</v>
      </c>
      <c r="I12934" s="8">
        <v>0</v>
      </c>
      <c r="J12934" s="8">
        <v>1</v>
      </c>
      <c r="K12934" s="9">
        <v>61</v>
      </c>
      <c r="L12934" s="6" t="s">
        <v>51</v>
      </c>
    </row>
    <row r="12935" spans="1:12">
      <c r="A12935" s="6" t="s">
        <v>49</v>
      </c>
      <c r="B12935" s="6"/>
      <c r="C12935" s="6" t="s">
        <v>12959</v>
      </c>
      <c r="D12935" s="6"/>
      <c r="E12935" s="6" t="s">
        <v>9</v>
      </c>
      <c r="F12935" s="7">
        <v>38657</v>
      </c>
      <c r="G12935" s="8">
        <v>1</v>
      </c>
      <c r="H12935" s="8">
        <v>1</v>
      </c>
      <c r="I12935" s="8">
        <v>0</v>
      </c>
      <c r="J12935" s="8">
        <v>1</v>
      </c>
      <c r="K12935" s="9">
        <v>61</v>
      </c>
      <c r="L12935" s="6" t="s">
        <v>51</v>
      </c>
    </row>
    <row r="12936" spans="1:12">
      <c r="A12936" s="6" t="s">
        <v>49</v>
      </c>
      <c r="B12936" s="6"/>
      <c r="C12936" s="6" t="s">
        <v>12960</v>
      </c>
      <c r="D12936" s="6"/>
      <c r="E12936" s="6" t="s">
        <v>9</v>
      </c>
      <c r="F12936" s="7">
        <v>38657</v>
      </c>
      <c r="G12936" s="8">
        <v>1</v>
      </c>
      <c r="H12936" s="8">
        <v>1</v>
      </c>
      <c r="I12936" s="8">
        <v>0</v>
      </c>
      <c r="J12936" s="8">
        <v>1</v>
      </c>
      <c r="K12936" s="9">
        <v>61</v>
      </c>
      <c r="L12936" s="6" t="s">
        <v>51</v>
      </c>
    </row>
    <row r="12937" spans="1:12">
      <c r="A12937" s="6" t="s">
        <v>49</v>
      </c>
      <c r="B12937" s="6"/>
      <c r="C12937" s="6" t="s">
        <v>12961</v>
      </c>
      <c r="D12937" s="6"/>
      <c r="E12937" s="6" t="s">
        <v>9</v>
      </c>
      <c r="F12937" s="7">
        <v>38657</v>
      </c>
      <c r="G12937" s="8">
        <v>1</v>
      </c>
      <c r="H12937" s="8">
        <v>1</v>
      </c>
      <c r="I12937" s="8">
        <v>0</v>
      </c>
      <c r="J12937" s="8">
        <v>1</v>
      </c>
      <c r="K12937" s="9">
        <v>63</v>
      </c>
      <c r="L12937" s="6" t="s">
        <v>51</v>
      </c>
    </row>
    <row r="12938" spans="1:12">
      <c r="A12938" s="6" t="s">
        <v>49</v>
      </c>
      <c r="B12938" s="6"/>
      <c r="C12938" s="6" t="s">
        <v>12962</v>
      </c>
      <c r="D12938" s="6"/>
      <c r="E12938" s="6" t="s">
        <v>9</v>
      </c>
      <c r="F12938" s="7">
        <v>38657</v>
      </c>
      <c r="G12938" s="8">
        <v>1</v>
      </c>
      <c r="H12938" s="8">
        <v>1</v>
      </c>
      <c r="I12938" s="8">
        <v>0</v>
      </c>
      <c r="J12938" s="8">
        <v>1</v>
      </c>
      <c r="K12938" s="9">
        <v>58</v>
      </c>
      <c r="L12938" s="6" t="s">
        <v>51</v>
      </c>
    </row>
    <row r="12939" spans="1:12">
      <c r="A12939" s="6" t="s">
        <v>49</v>
      </c>
      <c r="B12939" s="6"/>
      <c r="C12939" s="6" t="s">
        <v>12963</v>
      </c>
      <c r="D12939" s="6"/>
      <c r="E12939" s="6" t="s">
        <v>9</v>
      </c>
      <c r="F12939" s="7">
        <v>38657</v>
      </c>
      <c r="G12939" s="8">
        <v>1</v>
      </c>
      <c r="H12939" s="8">
        <v>1</v>
      </c>
      <c r="I12939" s="8">
        <v>0</v>
      </c>
      <c r="J12939" s="8">
        <v>1</v>
      </c>
      <c r="K12939" s="9">
        <v>58</v>
      </c>
      <c r="L12939" s="6" t="s">
        <v>51</v>
      </c>
    </row>
    <row r="12940" spans="1:12">
      <c r="A12940" s="6" t="s">
        <v>49</v>
      </c>
      <c r="B12940" s="6"/>
      <c r="C12940" s="6" t="s">
        <v>12964</v>
      </c>
      <c r="D12940" s="6"/>
      <c r="E12940" s="6" t="s">
        <v>9</v>
      </c>
      <c r="F12940" s="7">
        <v>38657</v>
      </c>
      <c r="G12940" s="8">
        <v>1</v>
      </c>
      <c r="H12940" s="8">
        <v>1</v>
      </c>
      <c r="I12940" s="8">
        <v>0</v>
      </c>
      <c r="J12940" s="8">
        <v>1</v>
      </c>
      <c r="K12940" s="9">
        <v>66</v>
      </c>
      <c r="L12940" s="6" t="s">
        <v>51</v>
      </c>
    </row>
    <row r="12941" spans="1:12">
      <c r="A12941" s="6" t="s">
        <v>49</v>
      </c>
      <c r="B12941" s="6"/>
      <c r="C12941" s="6" t="s">
        <v>12965</v>
      </c>
      <c r="D12941" s="6"/>
      <c r="E12941" s="6" t="s">
        <v>9</v>
      </c>
      <c r="F12941" s="7">
        <v>38657</v>
      </c>
      <c r="G12941" s="8">
        <v>1</v>
      </c>
      <c r="H12941" s="8">
        <v>1</v>
      </c>
      <c r="I12941" s="8">
        <v>0</v>
      </c>
      <c r="J12941" s="8">
        <v>1</v>
      </c>
      <c r="K12941" s="9">
        <v>59</v>
      </c>
      <c r="L12941" s="6" t="s">
        <v>51</v>
      </c>
    </row>
    <row r="12942" spans="1:12">
      <c r="A12942" s="6" t="s">
        <v>49</v>
      </c>
      <c r="B12942" s="6"/>
      <c r="C12942" s="6" t="s">
        <v>12966</v>
      </c>
      <c r="D12942" s="6"/>
      <c r="E12942" s="6" t="s">
        <v>9</v>
      </c>
      <c r="F12942" s="7">
        <v>38657</v>
      </c>
      <c r="G12942" s="8">
        <v>1</v>
      </c>
      <c r="H12942" s="8">
        <v>1</v>
      </c>
      <c r="I12942" s="8">
        <v>0</v>
      </c>
      <c r="J12942" s="8">
        <v>1</v>
      </c>
      <c r="K12942" s="9">
        <v>60</v>
      </c>
      <c r="L12942" s="6" t="s">
        <v>51</v>
      </c>
    </row>
    <row r="12943" spans="1:12">
      <c r="A12943" s="6" t="s">
        <v>49</v>
      </c>
      <c r="B12943" s="6"/>
      <c r="C12943" s="6" t="s">
        <v>12967</v>
      </c>
      <c r="D12943" s="6"/>
      <c r="E12943" s="6" t="s">
        <v>9</v>
      </c>
      <c r="F12943" s="7">
        <v>38657</v>
      </c>
      <c r="G12943" s="8">
        <v>1</v>
      </c>
      <c r="H12943" s="8">
        <v>1</v>
      </c>
      <c r="I12943" s="8">
        <v>0</v>
      </c>
      <c r="J12943" s="8">
        <v>1</v>
      </c>
      <c r="K12943" s="9">
        <v>61</v>
      </c>
      <c r="L12943" s="6" t="s">
        <v>51</v>
      </c>
    </row>
    <row r="12944" spans="1:12">
      <c r="A12944" s="6" t="s">
        <v>49</v>
      </c>
      <c r="B12944" s="6"/>
      <c r="C12944" s="6" t="s">
        <v>12968</v>
      </c>
      <c r="D12944" s="6"/>
      <c r="E12944" s="6" t="s">
        <v>9</v>
      </c>
      <c r="F12944" s="7">
        <v>38657</v>
      </c>
      <c r="G12944" s="8">
        <v>1</v>
      </c>
      <c r="H12944" s="8">
        <v>1</v>
      </c>
      <c r="I12944" s="8">
        <v>0</v>
      </c>
      <c r="J12944" s="8">
        <v>1</v>
      </c>
      <c r="K12944" s="9">
        <v>34</v>
      </c>
      <c r="L12944" s="6" t="s">
        <v>51</v>
      </c>
    </row>
    <row r="12945" spans="1:12">
      <c r="A12945" s="6" t="s">
        <v>49</v>
      </c>
      <c r="B12945" s="6"/>
      <c r="C12945" s="6" t="s">
        <v>12969</v>
      </c>
      <c r="D12945" s="6"/>
      <c r="E12945" s="6" t="s">
        <v>9</v>
      </c>
      <c r="F12945" s="7">
        <v>38657</v>
      </c>
      <c r="G12945" s="8">
        <v>1</v>
      </c>
      <c r="H12945" s="8">
        <v>1</v>
      </c>
      <c r="I12945" s="8">
        <v>0</v>
      </c>
      <c r="J12945" s="8">
        <v>1</v>
      </c>
      <c r="K12945" s="9">
        <v>34</v>
      </c>
      <c r="L12945" s="6" t="s">
        <v>51</v>
      </c>
    </row>
    <row r="12946" spans="1:12">
      <c r="A12946" s="6" t="s">
        <v>49</v>
      </c>
      <c r="B12946" s="6"/>
      <c r="C12946" s="6" t="s">
        <v>12970</v>
      </c>
      <c r="D12946" s="6"/>
      <c r="E12946" s="6" t="s">
        <v>9</v>
      </c>
      <c r="F12946" s="7">
        <v>38657</v>
      </c>
      <c r="G12946" s="8">
        <v>1</v>
      </c>
      <c r="H12946" s="8">
        <v>1</v>
      </c>
      <c r="I12946" s="8">
        <v>0</v>
      </c>
      <c r="J12946" s="8">
        <v>1</v>
      </c>
      <c r="K12946" s="9">
        <v>69</v>
      </c>
      <c r="L12946" s="6" t="s">
        <v>51</v>
      </c>
    </row>
    <row r="12947" spans="1:12">
      <c r="A12947" s="6" t="s">
        <v>49</v>
      </c>
      <c r="B12947" s="6"/>
      <c r="C12947" s="6" t="s">
        <v>12971</v>
      </c>
      <c r="D12947" s="6"/>
      <c r="E12947" s="6" t="s">
        <v>9</v>
      </c>
      <c r="F12947" s="7">
        <v>38657</v>
      </c>
      <c r="G12947" s="8">
        <v>1</v>
      </c>
      <c r="H12947" s="8">
        <v>1</v>
      </c>
      <c r="I12947" s="8">
        <v>0</v>
      </c>
      <c r="J12947" s="8">
        <v>1</v>
      </c>
      <c r="K12947" s="9">
        <v>30</v>
      </c>
      <c r="L12947" s="6" t="s">
        <v>51</v>
      </c>
    </row>
    <row r="12948" spans="1:12">
      <c r="A12948" s="6" t="s">
        <v>49</v>
      </c>
      <c r="B12948" s="6"/>
      <c r="C12948" s="6" t="s">
        <v>12972</v>
      </c>
      <c r="D12948" s="6"/>
      <c r="E12948" s="6" t="s">
        <v>9</v>
      </c>
      <c r="F12948" s="7">
        <v>38657</v>
      </c>
      <c r="G12948" s="8">
        <v>1</v>
      </c>
      <c r="H12948" s="8">
        <v>1</v>
      </c>
      <c r="I12948" s="8">
        <v>0</v>
      </c>
      <c r="J12948" s="8">
        <v>1</v>
      </c>
      <c r="K12948" s="9">
        <v>23</v>
      </c>
      <c r="L12948" s="6" t="s">
        <v>51</v>
      </c>
    </row>
    <row r="12949" spans="1:12">
      <c r="A12949" s="6" t="s">
        <v>49</v>
      </c>
      <c r="B12949" s="6"/>
      <c r="C12949" s="6" t="s">
        <v>12973</v>
      </c>
      <c r="D12949" s="6"/>
      <c r="E12949" s="6" t="s">
        <v>9</v>
      </c>
      <c r="F12949" s="7">
        <v>38657</v>
      </c>
      <c r="G12949" s="8">
        <v>1</v>
      </c>
      <c r="H12949" s="8">
        <v>1</v>
      </c>
      <c r="I12949" s="8">
        <v>0</v>
      </c>
      <c r="J12949" s="8">
        <v>1</v>
      </c>
      <c r="K12949" s="9">
        <v>43</v>
      </c>
      <c r="L12949" s="6" t="s">
        <v>51</v>
      </c>
    </row>
    <row r="12950" spans="1:12">
      <c r="A12950" s="6" t="s">
        <v>49</v>
      </c>
      <c r="B12950" s="6"/>
      <c r="C12950" s="6" t="s">
        <v>12974</v>
      </c>
      <c r="D12950" s="6"/>
      <c r="E12950" s="6" t="s">
        <v>9</v>
      </c>
      <c r="F12950" s="7">
        <v>38657</v>
      </c>
      <c r="G12950" s="8">
        <v>1</v>
      </c>
      <c r="H12950" s="8">
        <v>1</v>
      </c>
      <c r="I12950" s="8">
        <v>0</v>
      </c>
      <c r="J12950" s="8">
        <v>1</v>
      </c>
      <c r="K12950" s="9">
        <v>42</v>
      </c>
      <c r="L12950" s="6" t="s">
        <v>51</v>
      </c>
    </row>
    <row r="12951" spans="1:12">
      <c r="A12951" s="6" t="s">
        <v>49</v>
      </c>
      <c r="B12951" s="6"/>
      <c r="C12951" s="6" t="s">
        <v>12975</v>
      </c>
      <c r="D12951" s="6"/>
      <c r="E12951" s="6" t="s">
        <v>9</v>
      </c>
      <c r="F12951" s="7">
        <v>38657</v>
      </c>
      <c r="G12951" s="8">
        <v>1</v>
      </c>
      <c r="H12951" s="8">
        <v>1</v>
      </c>
      <c r="I12951" s="8">
        <v>0</v>
      </c>
      <c r="J12951" s="8">
        <v>1</v>
      </c>
      <c r="K12951" s="9">
        <v>99</v>
      </c>
      <c r="L12951" s="6" t="s">
        <v>51</v>
      </c>
    </row>
    <row r="12952" spans="1:12">
      <c r="A12952" s="6" t="s">
        <v>49</v>
      </c>
      <c r="B12952" s="6"/>
      <c r="C12952" s="6" t="s">
        <v>12976</v>
      </c>
      <c r="D12952" s="6"/>
      <c r="E12952" s="6" t="s">
        <v>9</v>
      </c>
      <c r="F12952" s="7">
        <v>38657</v>
      </c>
      <c r="G12952" s="8">
        <v>1</v>
      </c>
      <c r="H12952" s="8">
        <v>1</v>
      </c>
      <c r="I12952" s="8">
        <v>0</v>
      </c>
      <c r="J12952" s="8">
        <v>1</v>
      </c>
      <c r="K12952" s="9">
        <v>58</v>
      </c>
      <c r="L12952" s="6" t="s">
        <v>51</v>
      </c>
    </row>
    <row r="12953" spans="1:12">
      <c r="A12953" s="6" t="s">
        <v>49</v>
      </c>
      <c r="B12953" s="6"/>
      <c r="C12953" s="6" t="s">
        <v>12977</v>
      </c>
      <c r="D12953" s="6"/>
      <c r="E12953" s="6" t="s">
        <v>9</v>
      </c>
      <c r="F12953" s="7">
        <v>38657</v>
      </c>
      <c r="G12953" s="8">
        <v>1</v>
      </c>
      <c r="H12953" s="8">
        <v>1</v>
      </c>
      <c r="I12953" s="8">
        <v>0</v>
      </c>
      <c r="J12953" s="8">
        <v>1</v>
      </c>
      <c r="K12953" s="9">
        <v>58</v>
      </c>
      <c r="L12953" s="6" t="s">
        <v>51</v>
      </c>
    </row>
    <row r="12954" spans="1:12">
      <c r="A12954" s="6" t="s">
        <v>49</v>
      </c>
      <c r="B12954" s="6"/>
      <c r="C12954" s="6" t="s">
        <v>12978</v>
      </c>
      <c r="D12954" s="6"/>
      <c r="E12954" s="6" t="s">
        <v>9</v>
      </c>
      <c r="F12954" s="7">
        <v>38657</v>
      </c>
      <c r="G12954" s="8">
        <v>1</v>
      </c>
      <c r="H12954" s="8">
        <v>1</v>
      </c>
      <c r="I12954" s="8">
        <v>0</v>
      </c>
      <c r="J12954" s="8">
        <v>1</v>
      </c>
      <c r="K12954" s="9">
        <v>28</v>
      </c>
      <c r="L12954" s="6" t="s">
        <v>51</v>
      </c>
    </row>
    <row r="12955" spans="1:12">
      <c r="A12955" s="6" t="s">
        <v>49</v>
      </c>
      <c r="B12955" s="6"/>
      <c r="C12955" s="6" t="s">
        <v>12979</v>
      </c>
      <c r="D12955" s="6"/>
      <c r="E12955" s="6" t="s">
        <v>9</v>
      </c>
      <c r="F12955" s="7">
        <v>38657</v>
      </c>
      <c r="G12955" s="8">
        <v>1</v>
      </c>
      <c r="H12955" s="8">
        <v>1</v>
      </c>
      <c r="I12955" s="8">
        <v>0</v>
      </c>
      <c r="J12955" s="8">
        <v>1</v>
      </c>
      <c r="K12955" s="9">
        <v>30</v>
      </c>
      <c r="L12955" s="6" t="s">
        <v>51</v>
      </c>
    </row>
    <row r="12956" spans="1:12">
      <c r="A12956" s="6" t="s">
        <v>49</v>
      </c>
      <c r="B12956" s="6"/>
      <c r="C12956" s="6" t="s">
        <v>12980</v>
      </c>
      <c r="D12956" s="6"/>
      <c r="E12956" s="6" t="s">
        <v>9</v>
      </c>
      <c r="F12956" s="7">
        <v>38657</v>
      </c>
      <c r="G12956" s="8">
        <v>1</v>
      </c>
      <c r="H12956" s="8">
        <v>1</v>
      </c>
      <c r="I12956" s="8">
        <v>0</v>
      </c>
      <c r="J12956" s="8">
        <v>1</v>
      </c>
      <c r="K12956" s="9">
        <v>58</v>
      </c>
      <c r="L12956" s="6" t="s">
        <v>51</v>
      </c>
    </row>
    <row r="12957" spans="1:12">
      <c r="A12957" s="6" t="s">
        <v>49</v>
      </c>
      <c r="B12957" s="6"/>
      <c r="C12957" s="6" t="s">
        <v>12981</v>
      </c>
      <c r="D12957" s="6"/>
      <c r="E12957" s="6" t="s">
        <v>9</v>
      </c>
      <c r="F12957" s="7">
        <v>38657</v>
      </c>
      <c r="G12957" s="8">
        <v>1</v>
      </c>
      <c r="H12957" s="8">
        <v>1</v>
      </c>
      <c r="I12957" s="8">
        <v>0</v>
      </c>
      <c r="J12957" s="8">
        <v>1</v>
      </c>
      <c r="K12957" s="9">
        <v>58</v>
      </c>
      <c r="L12957" s="6" t="s">
        <v>51</v>
      </c>
    </row>
    <row r="12958" spans="1:12">
      <c r="A12958" s="6" t="s">
        <v>49</v>
      </c>
      <c r="B12958" s="6"/>
      <c r="C12958" s="6" t="s">
        <v>12982</v>
      </c>
      <c r="D12958" s="6"/>
      <c r="E12958" s="6" t="s">
        <v>9</v>
      </c>
      <c r="F12958" s="7">
        <v>38657</v>
      </c>
      <c r="G12958" s="8">
        <v>1</v>
      </c>
      <c r="H12958" s="8">
        <v>1</v>
      </c>
      <c r="I12958" s="8">
        <v>0</v>
      </c>
      <c r="J12958" s="8">
        <v>1</v>
      </c>
      <c r="K12958" s="9">
        <v>29</v>
      </c>
      <c r="L12958" s="6" t="s">
        <v>51</v>
      </c>
    </row>
    <row r="12959" spans="1:12">
      <c r="A12959" s="6" t="s">
        <v>49</v>
      </c>
      <c r="B12959" s="6"/>
      <c r="C12959" s="6" t="s">
        <v>12983</v>
      </c>
      <c r="D12959" s="6"/>
      <c r="E12959" s="6" t="s">
        <v>9</v>
      </c>
      <c r="F12959" s="7">
        <v>38657</v>
      </c>
      <c r="G12959" s="8">
        <v>1</v>
      </c>
      <c r="H12959" s="8">
        <v>1</v>
      </c>
      <c r="I12959" s="8">
        <v>0</v>
      </c>
      <c r="J12959" s="8">
        <v>1</v>
      </c>
      <c r="K12959" s="9">
        <v>35</v>
      </c>
      <c r="L12959" s="6" t="s">
        <v>51</v>
      </c>
    </row>
    <row r="12960" spans="1:12">
      <c r="A12960" s="6" t="s">
        <v>49</v>
      </c>
      <c r="B12960" s="6"/>
      <c r="C12960" s="6" t="s">
        <v>12984</v>
      </c>
      <c r="D12960" s="6"/>
      <c r="E12960" s="6" t="s">
        <v>9</v>
      </c>
      <c r="F12960" s="7">
        <v>38657</v>
      </c>
      <c r="G12960" s="8">
        <v>1</v>
      </c>
      <c r="H12960" s="8">
        <v>1</v>
      </c>
      <c r="I12960" s="8">
        <v>0</v>
      </c>
      <c r="J12960" s="8">
        <v>1</v>
      </c>
      <c r="K12960" s="9">
        <v>54</v>
      </c>
      <c r="L12960" s="6" t="s">
        <v>51</v>
      </c>
    </row>
    <row r="12961" spans="1:12">
      <c r="A12961" s="6" t="s">
        <v>49</v>
      </c>
      <c r="B12961" s="6"/>
      <c r="C12961" s="6" t="s">
        <v>12985</v>
      </c>
      <c r="D12961" s="6"/>
      <c r="E12961" s="6" t="s">
        <v>9</v>
      </c>
      <c r="F12961" s="7">
        <v>38657</v>
      </c>
      <c r="G12961" s="8">
        <v>1</v>
      </c>
      <c r="H12961" s="8">
        <v>1</v>
      </c>
      <c r="I12961" s="8">
        <v>0</v>
      </c>
      <c r="J12961" s="8">
        <v>1</v>
      </c>
      <c r="K12961" s="9">
        <v>54</v>
      </c>
      <c r="L12961" s="6" t="s">
        <v>51</v>
      </c>
    </row>
    <row r="12962" spans="1:12">
      <c r="A12962" s="6" t="s">
        <v>49</v>
      </c>
      <c r="B12962" s="6"/>
      <c r="C12962" s="6" t="s">
        <v>12986</v>
      </c>
      <c r="D12962" s="6"/>
      <c r="E12962" s="6" t="s">
        <v>9</v>
      </c>
      <c r="F12962" s="7">
        <v>38657</v>
      </c>
      <c r="G12962" s="8">
        <v>1</v>
      </c>
      <c r="H12962" s="8">
        <v>1</v>
      </c>
      <c r="I12962" s="8">
        <v>0</v>
      </c>
      <c r="J12962" s="8">
        <v>1</v>
      </c>
      <c r="K12962" s="9">
        <v>89</v>
      </c>
      <c r="L12962" s="6" t="s">
        <v>51</v>
      </c>
    </row>
    <row r="12963" spans="1:12">
      <c r="A12963" s="6" t="s">
        <v>49</v>
      </c>
      <c r="B12963" s="6"/>
      <c r="C12963" s="6" t="s">
        <v>12987</v>
      </c>
      <c r="D12963" s="6"/>
      <c r="E12963" s="6" t="s">
        <v>9</v>
      </c>
      <c r="F12963" s="7">
        <v>38657</v>
      </c>
      <c r="G12963" s="8">
        <v>1</v>
      </c>
      <c r="H12963" s="8">
        <v>1</v>
      </c>
      <c r="I12963" s="8">
        <v>0</v>
      </c>
      <c r="J12963" s="8">
        <v>1</v>
      </c>
      <c r="K12963" s="9">
        <v>54</v>
      </c>
      <c r="L12963" s="6" t="s">
        <v>51</v>
      </c>
    </row>
    <row r="12964" spans="1:12">
      <c r="A12964" s="6" t="s">
        <v>49</v>
      </c>
      <c r="B12964" s="6"/>
      <c r="C12964" s="6" t="s">
        <v>12988</v>
      </c>
      <c r="D12964" s="6"/>
      <c r="E12964" s="6" t="s">
        <v>9</v>
      </c>
      <c r="F12964" s="7">
        <v>38657</v>
      </c>
      <c r="G12964" s="8">
        <v>1</v>
      </c>
      <c r="H12964" s="8">
        <v>1</v>
      </c>
      <c r="I12964" s="8">
        <v>0</v>
      </c>
      <c r="J12964" s="8">
        <v>1</v>
      </c>
      <c r="K12964" s="9">
        <v>54</v>
      </c>
      <c r="L12964" s="6" t="s">
        <v>51</v>
      </c>
    </row>
    <row r="12965" spans="1:12">
      <c r="A12965" s="6" t="s">
        <v>49</v>
      </c>
      <c r="B12965" s="6"/>
      <c r="C12965" s="6" t="s">
        <v>12989</v>
      </c>
      <c r="D12965" s="6"/>
      <c r="E12965" s="6" t="s">
        <v>9</v>
      </c>
      <c r="F12965" s="7">
        <v>38657</v>
      </c>
      <c r="G12965" s="8">
        <v>1</v>
      </c>
      <c r="H12965" s="8">
        <v>1</v>
      </c>
      <c r="I12965" s="8">
        <v>0</v>
      </c>
      <c r="J12965" s="8">
        <v>1</v>
      </c>
      <c r="K12965" s="9">
        <v>54</v>
      </c>
      <c r="L12965" s="6" t="s">
        <v>51</v>
      </c>
    </row>
    <row r="12966" spans="1:12">
      <c r="A12966" s="6" t="s">
        <v>49</v>
      </c>
      <c r="B12966" s="6"/>
      <c r="C12966" s="6" t="s">
        <v>12990</v>
      </c>
      <c r="D12966" s="6"/>
      <c r="E12966" s="6" t="s">
        <v>9</v>
      </c>
      <c r="F12966" s="7">
        <v>38657</v>
      </c>
      <c r="G12966" s="8">
        <v>1</v>
      </c>
      <c r="H12966" s="8">
        <v>1</v>
      </c>
      <c r="I12966" s="8">
        <v>0</v>
      </c>
      <c r="J12966" s="8">
        <v>1</v>
      </c>
      <c r="K12966" s="9">
        <v>60</v>
      </c>
      <c r="L12966" s="6" t="s">
        <v>51</v>
      </c>
    </row>
    <row r="12967" spans="1:12">
      <c r="A12967" s="6" t="s">
        <v>49</v>
      </c>
      <c r="B12967" s="6"/>
      <c r="C12967" s="6" t="s">
        <v>12991</v>
      </c>
      <c r="D12967" s="6"/>
      <c r="E12967" s="6" t="s">
        <v>9</v>
      </c>
      <c r="F12967" s="7">
        <v>38657</v>
      </c>
      <c r="G12967" s="8">
        <v>1</v>
      </c>
      <c r="H12967" s="8">
        <v>1</v>
      </c>
      <c r="I12967" s="8">
        <v>0</v>
      </c>
      <c r="J12967" s="8">
        <v>1</v>
      </c>
      <c r="K12967" s="9">
        <v>57</v>
      </c>
      <c r="L12967" s="6" t="s">
        <v>51</v>
      </c>
    </row>
    <row r="12968" spans="1:12">
      <c r="A12968" s="6" t="s">
        <v>49</v>
      </c>
      <c r="B12968" s="6"/>
      <c r="C12968" s="6" t="s">
        <v>12992</v>
      </c>
      <c r="D12968" s="6"/>
      <c r="E12968" s="6" t="s">
        <v>9</v>
      </c>
      <c r="F12968" s="7">
        <v>38657</v>
      </c>
      <c r="G12968" s="8">
        <v>1</v>
      </c>
      <c r="H12968" s="8">
        <v>1</v>
      </c>
      <c r="I12968" s="8">
        <v>0</v>
      </c>
      <c r="J12968" s="8">
        <v>1</v>
      </c>
      <c r="K12968" s="9">
        <v>28</v>
      </c>
      <c r="L12968" s="6" t="s">
        <v>51</v>
      </c>
    </row>
    <row r="12969" spans="1:12">
      <c r="A12969" s="6" t="s">
        <v>49</v>
      </c>
      <c r="B12969" s="6"/>
      <c r="C12969" s="6" t="s">
        <v>12993</v>
      </c>
      <c r="D12969" s="6"/>
      <c r="E12969" s="6" t="s">
        <v>9</v>
      </c>
      <c r="F12969" s="7">
        <v>38657</v>
      </c>
      <c r="G12969" s="8">
        <v>1</v>
      </c>
      <c r="H12969" s="8">
        <v>1</v>
      </c>
      <c r="I12969" s="8">
        <v>0</v>
      </c>
      <c r="J12969" s="8">
        <v>1</v>
      </c>
      <c r="K12969" s="9">
        <v>28</v>
      </c>
      <c r="L12969" s="6" t="s">
        <v>51</v>
      </c>
    </row>
    <row r="12970" spans="1:12">
      <c r="A12970" s="6" t="s">
        <v>49</v>
      </c>
      <c r="B12970" s="6"/>
      <c r="C12970" s="6" t="s">
        <v>12994</v>
      </c>
      <c r="D12970" s="6"/>
      <c r="E12970" s="6" t="s">
        <v>9</v>
      </c>
      <c r="F12970" s="7">
        <v>38657</v>
      </c>
      <c r="G12970" s="8">
        <v>1</v>
      </c>
      <c r="H12970" s="8">
        <v>1</v>
      </c>
      <c r="I12970" s="8">
        <v>0</v>
      </c>
      <c r="J12970" s="8">
        <v>1</v>
      </c>
      <c r="K12970" s="9">
        <v>56</v>
      </c>
      <c r="L12970" s="6" t="s">
        <v>51</v>
      </c>
    </row>
    <row r="12971" spans="1:12">
      <c r="A12971" s="6" t="s">
        <v>49</v>
      </c>
      <c r="B12971" s="6"/>
      <c r="C12971" s="6" t="s">
        <v>12995</v>
      </c>
      <c r="D12971" s="6"/>
      <c r="E12971" s="6" t="s">
        <v>9</v>
      </c>
      <c r="F12971" s="7">
        <v>38657</v>
      </c>
      <c r="G12971" s="8">
        <v>1</v>
      </c>
      <c r="H12971" s="8">
        <v>1</v>
      </c>
      <c r="I12971" s="8">
        <v>0</v>
      </c>
      <c r="J12971" s="8">
        <v>1</v>
      </c>
      <c r="K12971" s="9">
        <v>10</v>
      </c>
      <c r="L12971" s="6" t="s">
        <v>51</v>
      </c>
    </row>
    <row r="12972" spans="1:12">
      <c r="A12972" s="6" t="s">
        <v>49</v>
      </c>
      <c r="B12972" s="6"/>
      <c r="C12972" s="6" t="s">
        <v>12996</v>
      </c>
      <c r="D12972" s="6"/>
      <c r="E12972" s="6" t="s">
        <v>9</v>
      </c>
      <c r="F12972" s="7">
        <v>38657</v>
      </c>
      <c r="G12972" s="8">
        <v>1</v>
      </c>
      <c r="H12972" s="8">
        <v>1</v>
      </c>
      <c r="I12972" s="8">
        <v>0</v>
      </c>
      <c r="J12972" s="8">
        <v>1</v>
      </c>
      <c r="K12972" s="9">
        <v>45</v>
      </c>
      <c r="L12972" s="6" t="s">
        <v>51</v>
      </c>
    </row>
    <row r="12973" spans="1:12">
      <c r="A12973" s="6" t="s">
        <v>49</v>
      </c>
      <c r="B12973" s="6"/>
      <c r="C12973" s="6" t="s">
        <v>12997</v>
      </c>
      <c r="D12973" s="6"/>
      <c r="E12973" s="6" t="s">
        <v>9</v>
      </c>
      <c r="F12973" s="7">
        <v>38657</v>
      </c>
      <c r="G12973" s="8">
        <v>1</v>
      </c>
      <c r="H12973" s="8">
        <v>1</v>
      </c>
      <c r="I12973" s="8">
        <v>0</v>
      </c>
      <c r="J12973" s="8">
        <v>1</v>
      </c>
      <c r="K12973" s="9">
        <v>125</v>
      </c>
      <c r="L12973" s="6" t="s">
        <v>51</v>
      </c>
    </row>
    <row r="12974" spans="1:12">
      <c r="A12974" s="6" t="s">
        <v>49</v>
      </c>
      <c r="B12974" s="6"/>
      <c r="C12974" s="6" t="s">
        <v>12998</v>
      </c>
      <c r="D12974" s="6"/>
      <c r="E12974" s="6" t="s">
        <v>9</v>
      </c>
      <c r="F12974" s="7">
        <v>38657</v>
      </c>
      <c r="G12974" s="8">
        <v>1</v>
      </c>
      <c r="H12974" s="8">
        <v>1</v>
      </c>
      <c r="I12974" s="8">
        <v>0</v>
      </c>
      <c r="J12974" s="8">
        <v>1</v>
      </c>
      <c r="K12974" s="9">
        <v>54</v>
      </c>
      <c r="L12974" s="6" t="s">
        <v>51</v>
      </c>
    </row>
    <row r="12975" spans="1:12">
      <c r="A12975" s="6" t="s">
        <v>49</v>
      </c>
      <c r="B12975" s="6"/>
      <c r="C12975" s="6" t="s">
        <v>12999</v>
      </c>
      <c r="D12975" s="6"/>
      <c r="E12975" s="6" t="s">
        <v>9</v>
      </c>
      <c r="F12975" s="7">
        <v>38657</v>
      </c>
      <c r="G12975" s="8">
        <v>1</v>
      </c>
      <c r="H12975" s="8">
        <v>1</v>
      </c>
      <c r="I12975" s="8">
        <v>0</v>
      </c>
      <c r="J12975" s="8">
        <v>1</v>
      </c>
      <c r="K12975" s="9">
        <v>60</v>
      </c>
      <c r="L12975" s="6" t="s">
        <v>51</v>
      </c>
    </row>
    <row r="12976" spans="1:12">
      <c r="A12976" s="6" t="s">
        <v>49</v>
      </c>
      <c r="B12976" s="6"/>
      <c r="C12976" s="6" t="s">
        <v>13000</v>
      </c>
      <c r="D12976" s="6"/>
      <c r="E12976" s="6" t="s">
        <v>9</v>
      </c>
      <c r="F12976" s="7">
        <v>38657</v>
      </c>
      <c r="G12976" s="8">
        <v>1</v>
      </c>
      <c r="H12976" s="8">
        <v>1</v>
      </c>
      <c r="I12976" s="8">
        <v>0</v>
      </c>
      <c r="J12976" s="8">
        <v>1</v>
      </c>
      <c r="K12976" s="9">
        <v>54</v>
      </c>
      <c r="L12976" s="6" t="s">
        <v>51</v>
      </c>
    </row>
    <row r="12977" spans="1:12">
      <c r="A12977" s="6" t="s">
        <v>49</v>
      </c>
      <c r="B12977" s="6"/>
      <c r="C12977" s="6" t="s">
        <v>13001</v>
      </c>
      <c r="D12977" s="6"/>
      <c r="E12977" s="6" t="s">
        <v>9</v>
      </c>
      <c r="F12977" s="7">
        <v>38657</v>
      </c>
      <c r="G12977" s="8">
        <v>1</v>
      </c>
      <c r="H12977" s="8">
        <v>1</v>
      </c>
      <c r="I12977" s="8">
        <v>0</v>
      </c>
      <c r="J12977" s="8">
        <v>1</v>
      </c>
      <c r="K12977" s="9">
        <v>53</v>
      </c>
      <c r="L12977" s="6" t="s">
        <v>51</v>
      </c>
    </row>
    <row r="12978" spans="1:12">
      <c r="A12978" s="6" t="s">
        <v>49</v>
      </c>
      <c r="B12978" s="6"/>
      <c r="C12978" s="6" t="s">
        <v>13002</v>
      </c>
      <c r="D12978" s="6"/>
      <c r="E12978" s="6" t="s">
        <v>9</v>
      </c>
      <c r="F12978" s="7">
        <v>38657</v>
      </c>
      <c r="G12978" s="8">
        <v>1</v>
      </c>
      <c r="H12978" s="8">
        <v>1</v>
      </c>
      <c r="I12978" s="8">
        <v>0</v>
      </c>
      <c r="J12978" s="8">
        <v>1</v>
      </c>
      <c r="K12978" s="9">
        <v>57</v>
      </c>
      <c r="L12978" s="6" t="s">
        <v>51</v>
      </c>
    </row>
    <row r="12979" spans="1:12">
      <c r="A12979" s="6" t="s">
        <v>49</v>
      </c>
      <c r="B12979" s="6"/>
      <c r="C12979" s="6" t="s">
        <v>13003</v>
      </c>
      <c r="D12979" s="6"/>
      <c r="E12979" s="6" t="s">
        <v>9</v>
      </c>
      <c r="F12979" s="7">
        <v>38657</v>
      </c>
      <c r="G12979" s="8">
        <v>1</v>
      </c>
      <c r="H12979" s="8">
        <v>1</v>
      </c>
      <c r="I12979" s="8">
        <v>0</v>
      </c>
      <c r="J12979" s="8">
        <v>1</v>
      </c>
      <c r="K12979" s="9">
        <v>58</v>
      </c>
      <c r="L12979" s="6" t="s">
        <v>51</v>
      </c>
    </row>
    <row r="12980" spans="1:12">
      <c r="A12980" s="6" t="s">
        <v>49</v>
      </c>
      <c r="B12980" s="6"/>
      <c r="C12980" s="6" t="s">
        <v>13004</v>
      </c>
      <c r="D12980" s="6"/>
      <c r="E12980" s="6" t="s">
        <v>9</v>
      </c>
      <c r="F12980" s="7">
        <v>38657</v>
      </c>
      <c r="G12980" s="8">
        <v>1</v>
      </c>
      <c r="H12980" s="8">
        <v>1</v>
      </c>
      <c r="I12980" s="8">
        <v>0</v>
      </c>
      <c r="J12980" s="8">
        <v>1</v>
      </c>
      <c r="K12980" s="9">
        <v>58</v>
      </c>
      <c r="L12980" s="6" t="s">
        <v>51</v>
      </c>
    </row>
    <row r="12981" spans="1:12">
      <c r="A12981" s="6" t="s">
        <v>49</v>
      </c>
      <c r="B12981" s="6"/>
      <c r="C12981" s="6" t="s">
        <v>13005</v>
      </c>
      <c r="D12981" s="6"/>
      <c r="E12981" s="6" t="s">
        <v>9</v>
      </c>
      <c r="F12981" s="7">
        <v>38657</v>
      </c>
      <c r="G12981" s="8">
        <v>1</v>
      </c>
      <c r="H12981" s="8">
        <v>1</v>
      </c>
      <c r="I12981" s="8">
        <v>0</v>
      </c>
      <c r="J12981" s="8">
        <v>1</v>
      </c>
      <c r="K12981" s="9">
        <v>57</v>
      </c>
      <c r="L12981" s="6" t="s">
        <v>51</v>
      </c>
    </row>
    <row r="12982" spans="1:12">
      <c r="A12982" s="6" t="s">
        <v>49</v>
      </c>
      <c r="B12982" s="6"/>
      <c r="C12982" s="6" t="s">
        <v>13006</v>
      </c>
      <c r="D12982" s="6"/>
      <c r="E12982" s="6" t="s">
        <v>9</v>
      </c>
      <c r="F12982" s="7">
        <v>38657</v>
      </c>
      <c r="G12982" s="8">
        <v>1</v>
      </c>
      <c r="H12982" s="8">
        <v>1</v>
      </c>
      <c r="I12982" s="8">
        <v>0</v>
      </c>
      <c r="J12982" s="8">
        <v>1</v>
      </c>
      <c r="K12982" s="9">
        <v>56</v>
      </c>
      <c r="L12982" s="6" t="s">
        <v>51</v>
      </c>
    </row>
    <row r="12983" spans="1:12">
      <c r="A12983" s="6" t="s">
        <v>49</v>
      </c>
      <c r="B12983" s="6"/>
      <c r="C12983" s="6" t="s">
        <v>13007</v>
      </c>
      <c r="D12983" s="6"/>
      <c r="E12983" s="6" t="s">
        <v>9</v>
      </c>
      <c r="F12983" s="7">
        <v>38657</v>
      </c>
      <c r="G12983" s="8">
        <v>1</v>
      </c>
      <c r="H12983" s="8">
        <v>1</v>
      </c>
      <c r="I12983" s="8">
        <v>0</v>
      </c>
      <c r="J12983" s="8">
        <v>1</v>
      </c>
      <c r="K12983" s="9">
        <v>58</v>
      </c>
      <c r="L12983" s="6" t="s">
        <v>51</v>
      </c>
    </row>
    <row r="12984" spans="1:12">
      <c r="A12984" s="6" t="s">
        <v>49</v>
      </c>
      <c r="B12984" s="6"/>
      <c r="C12984" s="6" t="s">
        <v>13008</v>
      </c>
      <c r="D12984" s="6"/>
      <c r="E12984" s="6" t="s">
        <v>9</v>
      </c>
      <c r="F12984" s="7">
        <v>38657</v>
      </c>
      <c r="G12984" s="8">
        <v>1</v>
      </c>
      <c r="H12984" s="8">
        <v>1</v>
      </c>
      <c r="I12984" s="8">
        <v>0</v>
      </c>
      <c r="J12984" s="8">
        <v>1</v>
      </c>
      <c r="K12984" s="9">
        <v>16</v>
      </c>
      <c r="L12984" s="6" t="s">
        <v>51</v>
      </c>
    </row>
    <row r="12985" spans="1:12">
      <c r="A12985" s="6" t="s">
        <v>49</v>
      </c>
      <c r="B12985" s="6"/>
      <c r="C12985" s="6" t="s">
        <v>13009</v>
      </c>
      <c r="D12985" s="6"/>
      <c r="E12985" s="6" t="s">
        <v>9</v>
      </c>
      <c r="F12985" s="7">
        <v>38657</v>
      </c>
      <c r="G12985" s="8">
        <v>1</v>
      </c>
      <c r="H12985" s="8">
        <v>1</v>
      </c>
      <c r="I12985" s="8">
        <v>0</v>
      </c>
      <c r="J12985" s="8">
        <v>1</v>
      </c>
      <c r="K12985" s="9">
        <v>58</v>
      </c>
      <c r="L12985" s="6" t="s">
        <v>51</v>
      </c>
    </row>
    <row r="12986" spans="1:12">
      <c r="A12986" s="6" t="s">
        <v>49</v>
      </c>
      <c r="B12986" s="6"/>
      <c r="C12986" s="6" t="s">
        <v>13010</v>
      </c>
      <c r="D12986" s="6"/>
      <c r="E12986" s="6" t="s">
        <v>9</v>
      </c>
      <c r="F12986" s="7">
        <v>38657</v>
      </c>
      <c r="G12986" s="8">
        <v>1</v>
      </c>
      <c r="H12986" s="8">
        <v>1</v>
      </c>
      <c r="I12986" s="8">
        <v>0</v>
      </c>
      <c r="J12986" s="8">
        <v>1</v>
      </c>
      <c r="K12986" s="9">
        <v>57</v>
      </c>
      <c r="L12986" s="6" t="s">
        <v>51</v>
      </c>
    </row>
    <row r="12987" spans="1:12">
      <c r="A12987" s="6" t="s">
        <v>49</v>
      </c>
      <c r="B12987" s="6"/>
      <c r="C12987" s="6" t="s">
        <v>13011</v>
      </c>
      <c r="D12987" s="6"/>
      <c r="E12987" s="6" t="s">
        <v>9</v>
      </c>
      <c r="F12987" s="7">
        <v>38657</v>
      </c>
      <c r="G12987" s="8">
        <v>1</v>
      </c>
      <c r="H12987" s="8">
        <v>1</v>
      </c>
      <c r="I12987" s="8">
        <v>0</v>
      </c>
      <c r="J12987" s="8">
        <v>1</v>
      </c>
      <c r="K12987" s="9">
        <v>59</v>
      </c>
      <c r="L12987" s="6" t="s">
        <v>51</v>
      </c>
    </row>
    <row r="12988" spans="1:12">
      <c r="A12988" s="6" t="s">
        <v>49</v>
      </c>
      <c r="B12988" s="6"/>
      <c r="C12988" s="6" t="s">
        <v>13012</v>
      </c>
      <c r="D12988" s="6"/>
      <c r="E12988" s="6" t="s">
        <v>9</v>
      </c>
      <c r="F12988" s="7">
        <v>38657</v>
      </c>
      <c r="G12988" s="8">
        <v>1</v>
      </c>
      <c r="H12988" s="8">
        <v>1</v>
      </c>
      <c r="I12988" s="8">
        <v>0</v>
      </c>
      <c r="J12988" s="8">
        <v>1</v>
      </c>
      <c r="K12988" s="9">
        <v>63</v>
      </c>
      <c r="L12988" s="6" t="s">
        <v>51</v>
      </c>
    </row>
    <row r="12989" spans="1:12">
      <c r="A12989" s="6" t="s">
        <v>49</v>
      </c>
      <c r="B12989" s="6"/>
      <c r="C12989" s="6" t="s">
        <v>13013</v>
      </c>
      <c r="D12989" s="6"/>
      <c r="E12989" s="6" t="s">
        <v>9</v>
      </c>
      <c r="F12989" s="7">
        <v>38657</v>
      </c>
      <c r="G12989" s="8">
        <v>1</v>
      </c>
      <c r="H12989" s="8">
        <v>1</v>
      </c>
      <c r="I12989" s="8">
        <v>0</v>
      </c>
      <c r="J12989" s="8">
        <v>1</v>
      </c>
      <c r="K12989" s="9">
        <v>56</v>
      </c>
      <c r="L12989" s="6" t="s">
        <v>51</v>
      </c>
    </row>
    <row r="12990" spans="1:12">
      <c r="A12990" s="6" t="s">
        <v>49</v>
      </c>
      <c r="B12990" s="6"/>
      <c r="C12990" s="6" t="s">
        <v>13014</v>
      </c>
      <c r="D12990" s="6"/>
      <c r="E12990" s="6" t="s">
        <v>9</v>
      </c>
      <c r="F12990" s="7">
        <v>38657</v>
      </c>
      <c r="G12990" s="8">
        <v>1</v>
      </c>
      <c r="H12990" s="8">
        <v>1</v>
      </c>
      <c r="I12990" s="8">
        <v>0</v>
      </c>
      <c r="J12990" s="8">
        <v>1</v>
      </c>
      <c r="K12990" s="9">
        <v>58</v>
      </c>
      <c r="L12990" s="6" t="s">
        <v>51</v>
      </c>
    </row>
    <row r="12991" spans="1:12">
      <c r="A12991" s="6" t="s">
        <v>49</v>
      </c>
      <c r="B12991" s="6"/>
      <c r="C12991" s="6" t="s">
        <v>13015</v>
      </c>
      <c r="D12991" s="6"/>
      <c r="E12991" s="6" t="s">
        <v>9</v>
      </c>
      <c r="F12991" s="7">
        <v>38657</v>
      </c>
      <c r="G12991" s="8">
        <v>1</v>
      </c>
      <c r="H12991" s="8">
        <v>1</v>
      </c>
      <c r="I12991" s="8">
        <v>0</v>
      </c>
      <c r="J12991" s="8">
        <v>1</v>
      </c>
      <c r="K12991" s="9">
        <v>58</v>
      </c>
      <c r="L12991" s="6" t="s">
        <v>51</v>
      </c>
    </row>
    <row r="12992" spans="1:12">
      <c r="A12992" s="6" t="s">
        <v>49</v>
      </c>
      <c r="B12992" s="6"/>
      <c r="C12992" s="6" t="s">
        <v>13016</v>
      </c>
      <c r="D12992" s="6"/>
      <c r="E12992" s="6" t="s">
        <v>9</v>
      </c>
      <c r="F12992" s="7">
        <v>38657</v>
      </c>
      <c r="G12992" s="8">
        <v>1</v>
      </c>
      <c r="H12992" s="8">
        <v>1</v>
      </c>
      <c r="I12992" s="8">
        <v>0</v>
      </c>
      <c r="J12992" s="8">
        <v>1</v>
      </c>
      <c r="K12992" s="9">
        <v>58</v>
      </c>
      <c r="L12992" s="6" t="s">
        <v>51</v>
      </c>
    </row>
    <row r="12993" spans="1:12">
      <c r="A12993" s="6" t="s">
        <v>49</v>
      </c>
      <c r="B12993" s="6"/>
      <c r="C12993" s="6" t="s">
        <v>13017</v>
      </c>
      <c r="D12993" s="6"/>
      <c r="E12993" s="6" t="s">
        <v>9</v>
      </c>
      <c r="F12993" s="7">
        <v>38657</v>
      </c>
      <c r="G12993" s="8">
        <v>1</v>
      </c>
      <c r="H12993" s="8">
        <v>1</v>
      </c>
      <c r="I12993" s="8">
        <v>0</v>
      </c>
      <c r="J12993" s="8">
        <v>1</v>
      </c>
      <c r="K12993" s="9">
        <v>58</v>
      </c>
      <c r="L12993" s="6" t="s">
        <v>51</v>
      </c>
    </row>
    <row r="12994" spans="1:12">
      <c r="A12994" s="6" t="s">
        <v>49</v>
      </c>
      <c r="B12994" s="6"/>
      <c r="C12994" s="6" t="s">
        <v>13018</v>
      </c>
      <c r="D12994" s="6"/>
      <c r="E12994" s="6" t="s">
        <v>9</v>
      </c>
      <c r="F12994" s="7">
        <v>38657</v>
      </c>
      <c r="G12994" s="8">
        <v>1</v>
      </c>
      <c r="H12994" s="8">
        <v>1</v>
      </c>
      <c r="I12994" s="8">
        <v>0</v>
      </c>
      <c r="J12994" s="8">
        <v>1</v>
      </c>
      <c r="K12994" s="9">
        <v>64</v>
      </c>
      <c r="L12994" s="6" t="s">
        <v>51</v>
      </c>
    </row>
    <row r="12995" spans="1:12">
      <c r="A12995" s="6" t="s">
        <v>49</v>
      </c>
      <c r="B12995" s="6"/>
      <c r="C12995" s="6" t="s">
        <v>13019</v>
      </c>
      <c r="D12995" s="6"/>
      <c r="E12995" s="6" t="s">
        <v>9</v>
      </c>
      <c r="F12995" s="7">
        <v>38657</v>
      </c>
      <c r="G12995" s="8">
        <v>1</v>
      </c>
      <c r="H12995" s="8">
        <v>1</v>
      </c>
      <c r="I12995" s="8">
        <v>0</v>
      </c>
      <c r="J12995" s="8">
        <v>1</v>
      </c>
      <c r="K12995" s="9">
        <v>178</v>
      </c>
      <c r="L12995" s="6" t="s">
        <v>51</v>
      </c>
    </row>
    <row r="12996" spans="1:12">
      <c r="A12996" s="6" t="s">
        <v>49</v>
      </c>
      <c r="B12996" s="6"/>
      <c r="C12996" s="6" t="s">
        <v>13020</v>
      </c>
      <c r="D12996" s="6"/>
      <c r="E12996" s="6" t="s">
        <v>9</v>
      </c>
      <c r="F12996" s="7">
        <v>38657</v>
      </c>
      <c r="G12996" s="8">
        <v>1</v>
      </c>
      <c r="H12996" s="8">
        <v>1</v>
      </c>
      <c r="I12996" s="8">
        <v>0</v>
      </c>
      <c r="J12996" s="8">
        <v>1</v>
      </c>
      <c r="K12996" s="9">
        <v>58</v>
      </c>
      <c r="L12996" s="6" t="s">
        <v>51</v>
      </c>
    </row>
    <row r="12997" spans="1:12">
      <c r="A12997" s="6" t="s">
        <v>49</v>
      </c>
      <c r="B12997" s="6"/>
      <c r="C12997" s="6" t="s">
        <v>13021</v>
      </c>
      <c r="D12997" s="6"/>
      <c r="E12997" s="6" t="s">
        <v>9</v>
      </c>
      <c r="F12997" s="7">
        <v>38657</v>
      </c>
      <c r="G12997" s="8">
        <v>1</v>
      </c>
      <c r="H12997" s="8">
        <v>1</v>
      </c>
      <c r="I12997" s="8">
        <v>0</v>
      </c>
      <c r="J12997" s="8">
        <v>1</v>
      </c>
      <c r="K12997" s="9">
        <v>57</v>
      </c>
      <c r="L12997" s="6" t="s">
        <v>51</v>
      </c>
    </row>
    <row r="12998" spans="1:12">
      <c r="A12998" s="6" t="s">
        <v>49</v>
      </c>
      <c r="B12998" s="6"/>
      <c r="C12998" s="6" t="s">
        <v>13022</v>
      </c>
      <c r="D12998" s="6"/>
      <c r="E12998" s="6" t="s">
        <v>9</v>
      </c>
      <c r="F12998" s="7">
        <v>38657</v>
      </c>
      <c r="G12998" s="8">
        <v>1</v>
      </c>
      <c r="H12998" s="8">
        <v>1</v>
      </c>
      <c r="I12998" s="8">
        <v>0</v>
      </c>
      <c r="J12998" s="8">
        <v>1</v>
      </c>
      <c r="K12998" s="9">
        <v>43</v>
      </c>
      <c r="L12998" s="6" t="s">
        <v>51</v>
      </c>
    </row>
    <row r="12999" spans="1:12">
      <c r="A12999" s="6" t="s">
        <v>49</v>
      </c>
      <c r="B12999" s="6"/>
      <c r="C12999" s="6" t="s">
        <v>13023</v>
      </c>
      <c r="D12999" s="6"/>
      <c r="E12999" s="6" t="s">
        <v>9</v>
      </c>
      <c r="F12999" s="7">
        <v>38657</v>
      </c>
      <c r="G12999" s="8">
        <v>1</v>
      </c>
      <c r="H12999" s="8">
        <v>1</v>
      </c>
      <c r="I12999" s="8">
        <v>0</v>
      </c>
      <c r="J12999" s="8">
        <v>1</v>
      </c>
      <c r="K12999" s="9">
        <v>12</v>
      </c>
      <c r="L12999" s="6" t="s">
        <v>51</v>
      </c>
    </row>
    <row r="13000" spans="1:12">
      <c r="A13000" s="6" t="s">
        <v>49</v>
      </c>
      <c r="B13000" s="6"/>
      <c r="C13000" s="6" t="s">
        <v>13024</v>
      </c>
      <c r="D13000" s="6"/>
      <c r="E13000" s="6" t="s">
        <v>9</v>
      </c>
      <c r="F13000" s="7">
        <v>38657</v>
      </c>
      <c r="G13000" s="8">
        <v>1</v>
      </c>
      <c r="H13000" s="8">
        <v>1</v>
      </c>
      <c r="I13000" s="8">
        <v>0</v>
      </c>
      <c r="J13000" s="8">
        <v>1</v>
      </c>
      <c r="K13000" s="9">
        <v>53</v>
      </c>
      <c r="L13000" s="6" t="s">
        <v>51</v>
      </c>
    </row>
    <row r="13001" spans="1:12">
      <c r="A13001" s="6" t="s">
        <v>49</v>
      </c>
      <c r="B13001" s="6"/>
      <c r="C13001" s="6" t="s">
        <v>13025</v>
      </c>
      <c r="D13001" s="6"/>
      <c r="E13001" s="6" t="s">
        <v>9</v>
      </c>
      <c r="F13001" s="7">
        <v>38657</v>
      </c>
      <c r="G13001" s="8">
        <v>1</v>
      </c>
      <c r="H13001" s="8">
        <v>1</v>
      </c>
      <c r="I13001" s="8">
        <v>0</v>
      </c>
      <c r="J13001" s="8">
        <v>1</v>
      </c>
      <c r="K13001" s="9">
        <v>54</v>
      </c>
      <c r="L13001" s="6" t="s">
        <v>51</v>
      </c>
    </row>
    <row r="13002" spans="1:12">
      <c r="A13002" s="6" t="s">
        <v>49</v>
      </c>
      <c r="B13002" s="6"/>
      <c r="C13002" s="6" t="s">
        <v>13026</v>
      </c>
      <c r="D13002" s="6"/>
      <c r="E13002" s="6" t="s">
        <v>9</v>
      </c>
      <c r="F13002" s="7">
        <v>38657</v>
      </c>
      <c r="G13002" s="8">
        <v>1</v>
      </c>
      <c r="H13002" s="8">
        <v>1</v>
      </c>
      <c r="I13002" s="8">
        <v>0</v>
      </c>
      <c r="J13002" s="8">
        <v>1</v>
      </c>
      <c r="K13002" s="9">
        <v>58</v>
      </c>
      <c r="L13002" s="6" t="s">
        <v>51</v>
      </c>
    </row>
    <row r="13003" spans="1:12">
      <c r="A13003" s="6" t="s">
        <v>49</v>
      </c>
      <c r="B13003" s="6"/>
      <c r="C13003" s="6" t="s">
        <v>13027</v>
      </c>
      <c r="D13003" s="6"/>
      <c r="E13003" s="6" t="s">
        <v>9</v>
      </c>
      <c r="F13003" s="7">
        <v>38657</v>
      </c>
      <c r="G13003" s="8">
        <v>1</v>
      </c>
      <c r="H13003" s="8">
        <v>1</v>
      </c>
      <c r="I13003" s="8">
        <v>0</v>
      </c>
      <c r="J13003" s="8">
        <v>1</v>
      </c>
      <c r="K13003" s="9">
        <v>80</v>
      </c>
      <c r="L13003" s="6" t="s">
        <v>51</v>
      </c>
    </row>
    <row r="13004" spans="1:12">
      <c r="A13004" s="6" t="s">
        <v>49</v>
      </c>
      <c r="B13004" s="6"/>
      <c r="C13004" s="6" t="s">
        <v>13028</v>
      </c>
      <c r="D13004" s="6"/>
      <c r="E13004" s="6" t="s">
        <v>9</v>
      </c>
      <c r="F13004" s="7">
        <v>40027</v>
      </c>
      <c r="G13004" s="8">
        <v>1</v>
      </c>
      <c r="H13004" s="8">
        <v>1</v>
      </c>
      <c r="I13004" s="8">
        <v>0</v>
      </c>
      <c r="J13004" s="8">
        <v>1</v>
      </c>
      <c r="K13004" s="9">
        <v>194</v>
      </c>
      <c r="L13004" s="6" t="s">
        <v>51</v>
      </c>
    </row>
    <row r="13005" spans="1:12">
      <c r="A13005" s="6" t="s">
        <v>49</v>
      </c>
      <c r="B13005" s="6"/>
      <c r="C13005" s="6" t="s">
        <v>13029</v>
      </c>
      <c r="D13005" s="6"/>
      <c r="E13005" s="6" t="s">
        <v>9</v>
      </c>
      <c r="F13005" s="7">
        <v>38657</v>
      </c>
      <c r="G13005" s="8">
        <v>1</v>
      </c>
      <c r="H13005" s="8">
        <v>1</v>
      </c>
      <c r="I13005" s="8">
        <v>0</v>
      </c>
      <c r="J13005" s="8">
        <v>1</v>
      </c>
      <c r="K13005" s="9">
        <v>62</v>
      </c>
      <c r="L13005" s="6" t="s">
        <v>51</v>
      </c>
    </row>
    <row r="13006" spans="1:12">
      <c r="A13006" s="6" t="s">
        <v>49</v>
      </c>
      <c r="B13006" s="6"/>
      <c r="C13006" s="6" t="s">
        <v>13030</v>
      </c>
      <c r="D13006" s="6"/>
      <c r="E13006" s="6" t="s">
        <v>9</v>
      </c>
      <c r="F13006" s="7">
        <v>38657</v>
      </c>
      <c r="G13006" s="8">
        <v>1</v>
      </c>
      <c r="H13006" s="8">
        <v>1</v>
      </c>
      <c r="I13006" s="8">
        <v>0</v>
      </c>
      <c r="J13006" s="8">
        <v>1</v>
      </c>
      <c r="K13006" s="9">
        <v>161</v>
      </c>
      <c r="L13006" s="6" t="s">
        <v>51</v>
      </c>
    </row>
    <row r="13007" spans="1:12">
      <c r="A13007" s="6" t="s">
        <v>49</v>
      </c>
      <c r="B13007" s="6"/>
      <c r="C13007" s="6" t="s">
        <v>13031</v>
      </c>
      <c r="D13007" s="6"/>
      <c r="E13007" s="6" t="s">
        <v>9</v>
      </c>
      <c r="F13007" s="7">
        <v>40027</v>
      </c>
      <c r="G13007" s="8">
        <v>1</v>
      </c>
      <c r="H13007" s="8">
        <v>1</v>
      </c>
      <c r="I13007" s="8">
        <v>0</v>
      </c>
      <c r="J13007" s="8">
        <v>1</v>
      </c>
      <c r="K13007" s="9">
        <v>80</v>
      </c>
      <c r="L13007" s="6" t="s">
        <v>51</v>
      </c>
    </row>
    <row r="13008" spans="1:12">
      <c r="A13008" s="6" t="s">
        <v>49</v>
      </c>
      <c r="B13008" s="6"/>
      <c r="C13008" s="6" t="s">
        <v>13032</v>
      </c>
      <c r="D13008" s="6"/>
      <c r="E13008" s="6" t="s">
        <v>9</v>
      </c>
      <c r="F13008" s="7">
        <v>38657</v>
      </c>
      <c r="G13008" s="8">
        <v>1</v>
      </c>
      <c r="H13008" s="8">
        <v>1</v>
      </c>
      <c r="I13008" s="8">
        <v>0</v>
      </c>
      <c r="J13008" s="8">
        <v>1</v>
      </c>
      <c r="K13008" s="9">
        <v>61</v>
      </c>
      <c r="L13008" s="6" t="s">
        <v>51</v>
      </c>
    </row>
    <row r="13009" spans="1:12">
      <c r="A13009" s="6" t="s">
        <v>49</v>
      </c>
      <c r="B13009" s="6"/>
      <c r="C13009" s="6" t="s">
        <v>13033</v>
      </c>
      <c r="D13009" s="6"/>
      <c r="E13009" s="6" t="s">
        <v>9</v>
      </c>
      <c r="F13009" s="7">
        <v>40027</v>
      </c>
      <c r="G13009" s="8">
        <v>1</v>
      </c>
      <c r="H13009" s="8">
        <v>1</v>
      </c>
      <c r="I13009" s="8">
        <v>0</v>
      </c>
      <c r="J13009" s="8">
        <v>1</v>
      </c>
      <c r="K13009" s="9">
        <v>81</v>
      </c>
      <c r="L13009" s="6" t="s">
        <v>51</v>
      </c>
    </row>
    <row r="13010" spans="1:12">
      <c r="A13010" s="6" t="s">
        <v>49</v>
      </c>
      <c r="B13010" s="6"/>
      <c r="C13010" s="6" t="s">
        <v>13034</v>
      </c>
      <c r="D13010" s="6"/>
      <c r="E13010" s="6" t="s">
        <v>9</v>
      </c>
      <c r="F13010" s="7">
        <v>38657</v>
      </c>
      <c r="G13010" s="8">
        <v>1</v>
      </c>
      <c r="H13010" s="8">
        <v>1</v>
      </c>
      <c r="I13010" s="8">
        <v>0</v>
      </c>
      <c r="J13010" s="8">
        <v>1</v>
      </c>
      <c r="K13010" s="9">
        <v>61</v>
      </c>
      <c r="L13010" s="6" t="s">
        <v>51</v>
      </c>
    </row>
    <row r="13011" spans="1:12">
      <c r="A13011" s="6" t="s">
        <v>49</v>
      </c>
      <c r="B13011" s="6"/>
      <c r="C13011" s="6" t="s">
        <v>13035</v>
      </c>
      <c r="D13011" s="6"/>
      <c r="E13011" s="6" t="s">
        <v>9</v>
      </c>
      <c r="F13011" s="7">
        <v>40027</v>
      </c>
      <c r="G13011" s="8">
        <v>1</v>
      </c>
      <c r="H13011" s="8">
        <v>1</v>
      </c>
      <c r="I13011" s="8">
        <v>0</v>
      </c>
      <c r="J13011" s="8">
        <v>1</v>
      </c>
      <c r="K13011" s="9">
        <v>81</v>
      </c>
      <c r="L13011" s="6" t="s">
        <v>51</v>
      </c>
    </row>
    <row r="13012" spans="1:12">
      <c r="A13012" s="6" t="s">
        <v>49</v>
      </c>
      <c r="B13012" s="6"/>
      <c r="C13012" s="6" t="s">
        <v>13036</v>
      </c>
      <c r="D13012" s="6"/>
      <c r="E13012" s="6" t="s">
        <v>9</v>
      </c>
      <c r="F13012" s="7">
        <v>38657</v>
      </c>
      <c r="G13012" s="8">
        <v>1</v>
      </c>
      <c r="H13012" s="8">
        <v>1</v>
      </c>
      <c r="I13012" s="8">
        <v>0</v>
      </c>
      <c r="J13012" s="8">
        <v>1</v>
      </c>
      <c r="K13012" s="9">
        <v>30</v>
      </c>
      <c r="L13012" s="6" t="s">
        <v>51</v>
      </c>
    </row>
    <row r="13013" spans="1:12">
      <c r="A13013" s="6" t="s">
        <v>49</v>
      </c>
      <c r="B13013" s="6"/>
      <c r="C13013" s="6" t="s">
        <v>13037</v>
      </c>
      <c r="D13013" s="6"/>
      <c r="E13013" s="6" t="s">
        <v>9</v>
      </c>
      <c r="F13013" s="7">
        <v>40027</v>
      </c>
      <c r="G13013" s="8">
        <v>1</v>
      </c>
      <c r="H13013" s="8">
        <v>1</v>
      </c>
      <c r="I13013" s="8">
        <v>0</v>
      </c>
      <c r="J13013" s="8">
        <v>1</v>
      </c>
      <c r="K13013" s="9">
        <v>40</v>
      </c>
      <c r="L13013" s="6" t="s">
        <v>51</v>
      </c>
    </row>
    <row r="13014" spans="1:12">
      <c r="A13014" s="6" t="s">
        <v>49</v>
      </c>
      <c r="B13014" s="6"/>
      <c r="C13014" s="6" t="s">
        <v>13038</v>
      </c>
      <c r="D13014" s="6"/>
      <c r="E13014" s="6" t="s">
        <v>9</v>
      </c>
      <c r="F13014" s="7">
        <v>38657</v>
      </c>
      <c r="G13014" s="8">
        <v>1</v>
      </c>
      <c r="H13014" s="8">
        <v>1</v>
      </c>
      <c r="I13014" s="8">
        <v>0</v>
      </c>
      <c r="J13014" s="8">
        <v>1</v>
      </c>
      <c r="K13014" s="9">
        <v>30</v>
      </c>
      <c r="L13014" s="6" t="s">
        <v>51</v>
      </c>
    </row>
    <row r="13015" spans="1:12">
      <c r="A13015" s="6" t="s">
        <v>49</v>
      </c>
      <c r="B13015" s="6"/>
      <c r="C13015" s="6" t="s">
        <v>13039</v>
      </c>
      <c r="D13015" s="6"/>
      <c r="E13015" s="6" t="s">
        <v>9</v>
      </c>
      <c r="F13015" s="7">
        <v>40027</v>
      </c>
      <c r="G13015" s="8">
        <v>1</v>
      </c>
      <c r="H13015" s="8">
        <v>1</v>
      </c>
      <c r="I13015" s="8">
        <v>0</v>
      </c>
      <c r="J13015" s="8">
        <v>1</v>
      </c>
      <c r="K13015" s="9">
        <v>40</v>
      </c>
      <c r="L13015" s="6" t="s">
        <v>51</v>
      </c>
    </row>
    <row r="13016" spans="1:12">
      <c r="A13016" s="6" t="s">
        <v>49</v>
      </c>
      <c r="B13016" s="6"/>
      <c r="C13016" s="6" t="s">
        <v>13040</v>
      </c>
      <c r="D13016" s="6"/>
      <c r="E13016" s="6" t="s">
        <v>9</v>
      </c>
      <c r="F13016" s="7">
        <v>38657</v>
      </c>
      <c r="G13016" s="8">
        <v>1</v>
      </c>
      <c r="H13016" s="8">
        <v>1</v>
      </c>
      <c r="I13016" s="8">
        <v>0</v>
      </c>
      <c r="J13016" s="8">
        <v>1</v>
      </c>
      <c r="K13016" s="9">
        <v>65</v>
      </c>
      <c r="L13016" s="6" t="s">
        <v>51</v>
      </c>
    </row>
    <row r="13017" spans="1:12">
      <c r="A13017" s="6" t="s">
        <v>49</v>
      </c>
      <c r="B13017" s="6"/>
      <c r="C13017" s="6" t="s">
        <v>13041</v>
      </c>
      <c r="D13017" s="6"/>
      <c r="E13017" s="6" t="s">
        <v>9</v>
      </c>
      <c r="F13017" s="7">
        <v>38657</v>
      </c>
      <c r="G13017" s="8">
        <v>1</v>
      </c>
      <c r="H13017" s="8">
        <v>1</v>
      </c>
      <c r="I13017" s="8">
        <v>0</v>
      </c>
      <c r="J13017" s="8">
        <v>1</v>
      </c>
      <c r="K13017" s="9">
        <v>231</v>
      </c>
      <c r="L13017" s="6" t="s">
        <v>51</v>
      </c>
    </row>
    <row r="13018" spans="1:12">
      <c r="A13018" s="6" t="s">
        <v>49</v>
      </c>
      <c r="B13018" s="6"/>
      <c r="C13018" s="6" t="s">
        <v>13042</v>
      </c>
      <c r="D13018" s="6"/>
      <c r="E13018" s="6" t="s">
        <v>9</v>
      </c>
      <c r="F13018" s="7">
        <v>40027</v>
      </c>
      <c r="G13018" s="8">
        <v>1</v>
      </c>
      <c r="H13018" s="8">
        <v>1</v>
      </c>
      <c r="I13018" s="8">
        <v>0</v>
      </c>
      <c r="J13018" s="8">
        <v>1</v>
      </c>
      <c r="K13018" s="9">
        <v>71</v>
      </c>
      <c r="L13018" s="6" t="s">
        <v>51</v>
      </c>
    </row>
    <row r="13019" spans="1:12">
      <c r="A13019" s="6" t="s">
        <v>49</v>
      </c>
      <c r="B13019" s="6"/>
      <c r="C13019" s="6" t="s">
        <v>13043</v>
      </c>
      <c r="D13019" s="6"/>
      <c r="E13019" s="6" t="s">
        <v>9</v>
      </c>
      <c r="F13019" s="7">
        <v>38657</v>
      </c>
      <c r="G13019" s="8">
        <v>1</v>
      </c>
      <c r="H13019" s="8">
        <v>1</v>
      </c>
      <c r="I13019" s="8">
        <v>0</v>
      </c>
      <c r="J13019" s="8">
        <v>1</v>
      </c>
      <c r="K13019" s="9">
        <v>59</v>
      </c>
      <c r="L13019" s="6" t="s">
        <v>51</v>
      </c>
    </row>
    <row r="13020" spans="1:12">
      <c r="A13020" s="6" t="s">
        <v>49</v>
      </c>
      <c r="B13020" s="6"/>
      <c r="C13020" s="6" t="s">
        <v>13044</v>
      </c>
      <c r="D13020" s="6"/>
      <c r="E13020" s="6" t="s">
        <v>9</v>
      </c>
      <c r="F13020" s="7">
        <v>40027</v>
      </c>
      <c r="G13020" s="8">
        <v>1</v>
      </c>
      <c r="H13020" s="8">
        <v>1</v>
      </c>
      <c r="I13020" s="8">
        <v>0</v>
      </c>
      <c r="J13020" s="8">
        <v>1</v>
      </c>
      <c r="K13020" s="9">
        <v>66</v>
      </c>
      <c r="L13020" s="6" t="s">
        <v>51</v>
      </c>
    </row>
    <row r="13021" spans="1:12">
      <c r="A13021" s="6" t="s">
        <v>49</v>
      </c>
      <c r="B13021" s="6"/>
      <c r="C13021" s="6" t="s">
        <v>13045</v>
      </c>
      <c r="D13021" s="6"/>
      <c r="E13021" s="6" t="s">
        <v>9</v>
      </c>
      <c r="F13021" s="7">
        <v>38657</v>
      </c>
      <c r="G13021" s="8">
        <v>1</v>
      </c>
      <c r="H13021" s="8">
        <v>1</v>
      </c>
      <c r="I13021" s="8">
        <v>0</v>
      </c>
      <c r="J13021" s="8">
        <v>1</v>
      </c>
      <c r="K13021" s="9">
        <v>61</v>
      </c>
      <c r="L13021" s="6" t="s">
        <v>51</v>
      </c>
    </row>
    <row r="13022" spans="1:12">
      <c r="A13022" s="6" t="s">
        <v>49</v>
      </c>
      <c r="B13022" s="6"/>
      <c r="C13022" s="6" t="s">
        <v>13046</v>
      </c>
      <c r="D13022" s="6"/>
      <c r="E13022" s="6" t="s">
        <v>9</v>
      </c>
      <c r="F13022" s="7">
        <v>40027</v>
      </c>
      <c r="G13022" s="8">
        <v>1</v>
      </c>
      <c r="H13022" s="8">
        <v>1</v>
      </c>
      <c r="I13022" s="8">
        <v>0</v>
      </c>
      <c r="J13022" s="8">
        <v>1</v>
      </c>
      <c r="K13022" s="9">
        <v>56</v>
      </c>
      <c r="L13022" s="6" t="s">
        <v>51</v>
      </c>
    </row>
    <row r="13023" spans="1:12">
      <c r="A13023" s="6" t="s">
        <v>49</v>
      </c>
      <c r="B13023" s="6"/>
      <c r="C13023" s="6" t="s">
        <v>13047</v>
      </c>
      <c r="D13023" s="6"/>
      <c r="E13023" s="6" t="s">
        <v>9</v>
      </c>
      <c r="F13023" s="7">
        <v>38657</v>
      </c>
      <c r="G13023" s="8">
        <v>1</v>
      </c>
      <c r="H13023" s="8">
        <v>1</v>
      </c>
      <c r="I13023" s="8">
        <v>0</v>
      </c>
      <c r="J13023" s="8">
        <v>1</v>
      </c>
      <c r="K13023" s="9">
        <v>60</v>
      </c>
      <c r="L13023" s="6" t="s">
        <v>51</v>
      </c>
    </row>
    <row r="13024" spans="1:12">
      <c r="A13024" s="6" t="s">
        <v>49</v>
      </c>
      <c r="B13024" s="6"/>
      <c r="C13024" s="6" t="s">
        <v>13048</v>
      </c>
      <c r="D13024" s="6"/>
      <c r="E13024" s="6" t="s">
        <v>9</v>
      </c>
      <c r="F13024" s="7">
        <v>40027</v>
      </c>
      <c r="G13024" s="8">
        <v>1</v>
      </c>
      <c r="H13024" s="8">
        <v>1</v>
      </c>
      <c r="I13024" s="8">
        <v>0</v>
      </c>
      <c r="J13024" s="8">
        <v>1</v>
      </c>
      <c r="K13024" s="9">
        <v>56</v>
      </c>
      <c r="L13024" s="6" t="s">
        <v>51</v>
      </c>
    </row>
    <row r="13025" spans="1:12">
      <c r="A13025" s="6" t="s">
        <v>49</v>
      </c>
      <c r="B13025" s="6"/>
      <c r="C13025" s="6" t="s">
        <v>13049</v>
      </c>
      <c r="D13025" s="6"/>
      <c r="E13025" s="6" t="s">
        <v>9</v>
      </c>
      <c r="F13025" s="7">
        <v>38657</v>
      </c>
      <c r="G13025" s="8">
        <v>1</v>
      </c>
      <c r="H13025" s="8">
        <v>1</v>
      </c>
      <c r="I13025" s="8">
        <v>0</v>
      </c>
      <c r="J13025" s="8">
        <v>1</v>
      </c>
      <c r="K13025" s="9">
        <v>61</v>
      </c>
      <c r="L13025" s="6" t="s">
        <v>51</v>
      </c>
    </row>
    <row r="13026" spans="1:12">
      <c r="A13026" s="6" t="s">
        <v>49</v>
      </c>
      <c r="B13026" s="6"/>
      <c r="C13026" s="6" t="s">
        <v>13050</v>
      </c>
      <c r="D13026" s="6"/>
      <c r="E13026" s="6" t="s">
        <v>9</v>
      </c>
      <c r="F13026" s="7">
        <v>40027</v>
      </c>
      <c r="G13026" s="8">
        <v>1</v>
      </c>
      <c r="H13026" s="8">
        <v>1</v>
      </c>
      <c r="I13026" s="8">
        <v>0</v>
      </c>
      <c r="J13026" s="8">
        <v>1</v>
      </c>
      <c r="K13026" s="9">
        <v>60</v>
      </c>
      <c r="L13026" s="6" t="s">
        <v>51</v>
      </c>
    </row>
    <row r="13027" spans="1:12">
      <c r="A13027" s="6" t="s">
        <v>49</v>
      </c>
      <c r="B13027" s="6"/>
      <c r="C13027" s="6" t="s">
        <v>13051</v>
      </c>
      <c r="D13027" s="6"/>
      <c r="E13027" s="6" t="s">
        <v>9</v>
      </c>
      <c r="F13027" s="7">
        <v>38657</v>
      </c>
      <c r="G13027" s="8">
        <v>1</v>
      </c>
      <c r="H13027" s="8">
        <v>1</v>
      </c>
      <c r="I13027" s="8">
        <v>0</v>
      </c>
      <c r="J13027" s="8">
        <v>1</v>
      </c>
      <c r="K13027" s="9">
        <v>63</v>
      </c>
      <c r="L13027" s="6" t="s">
        <v>51</v>
      </c>
    </row>
    <row r="13028" spans="1:12">
      <c r="A13028" s="6" t="s">
        <v>49</v>
      </c>
      <c r="B13028" s="6"/>
      <c r="C13028" s="6" t="s">
        <v>13052</v>
      </c>
      <c r="D13028" s="6"/>
      <c r="E13028" s="6" t="s">
        <v>9</v>
      </c>
      <c r="F13028" s="7">
        <v>38657</v>
      </c>
      <c r="G13028" s="8">
        <v>1</v>
      </c>
      <c r="H13028" s="8">
        <v>1</v>
      </c>
      <c r="I13028" s="8">
        <v>0</v>
      </c>
      <c r="J13028" s="8">
        <v>1</v>
      </c>
      <c r="K13028" s="9">
        <v>16</v>
      </c>
      <c r="L13028" s="6" t="s">
        <v>51</v>
      </c>
    </row>
    <row r="13029" spans="1:12">
      <c r="A13029" s="6" t="s">
        <v>49</v>
      </c>
      <c r="B13029" s="6"/>
      <c r="C13029" s="6" t="s">
        <v>13053</v>
      </c>
      <c r="D13029" s="6"/>
      <c r="E13029" s="6" t="s">
        <v>9</v>
      </c>
      <c r="F13029" s="7">
        <v>38657</v>
      </c>
      <c r="G13029" s="8">
        <v>1</v>
      </c>
      <c r="H13029" s="8">
        <v>1</v>
      </c>
      <c r="I13029" s="8">
        <v>0</v>
      </c>
      <c r="J13029" s="8">
        <v>1</v>
      </c>
      <c r="K13029" s="9">
        <v>119</v>
      </c>
      <c r="L13029" s="6" t="s">
        <v>51</v>
      </c>
    </row>
    <row r="13030" spans="1:12">
      <c r="A13030" s="6" t="s">
        <v>49</v>
      </c>
      <c r="B13030" s="6"/>
      <c r="C13030" s="6" t="s">
        <v>13054</v>
      </c>
      <c r="D13030" s="6"/>
      <c r="E13030" s="6" t="s">
        <v>9</v>
      </c>
      <c r="F13030" s="7">
        <v>40027</v>
      </c>
      <c r="G13030" s="8">
        <v>1</v>
      </c>
      <c r="H13030" s="8">
        <v>1</v>
      </c>
      <c r="I13030" s="8">
        <v>0</v>
      </c>
      <c r="J13030" s="8">
        <v>1</v>
      </c>
      <c r="K13030" s="9">
        <v>67</v>
      </c>
      <c r="L13030" s="6" t="s">
        <v>51</v>
      </c>
    </row>
    <row r="13031" spans="1:12">
      <c r="A13031" s="6" t="s">
        <v>49</v>
      </c>
      <c r="B13031" s="6"/>
      <c r="C13031" s="6" t="s">
        <v>13055</v>
      </c>
      <c r="D13031" s="6"/>
      <c r="E13031" s="6" t="s">
        <v>9</v>
      </c>
      <c r="F13031" s="7">
        <v>38657</v>
      </c>
      <c r="G13031" s="8">
        <v>1</v>
      </c>
      <c r="H13031" s="8">
        <v>1</v>
      </c>
      <c r="I13031" s="8">
        <v>0</v>
      </c>
      <c r="J13031" s="8">
        <v>1</v>
      </c>
      <c r="K13031" s="9">
        <v>66</v>
      </c>
      <c r="L13031" s="6" t="s">
        <v>51</v>
      </c>
    </row>
    <row r="13032" spans="1:12">
      <c r="A13032" s="6" t="s">
        <v>49</v>
      </c>
      <c r="B13032" s="6"/>
      <c r="C13032" s="6" t="s">
        <v>13056</v>
      </c>
      <c r="D13032" s="6"/>
      <c r="E13032" s="6" t="s">
        <v>9</v>
      </c>
      <c r="F13032" s="7">
        <v>40027</v>
      </c>
      <c r="G13032" s="8">
        <v>1</v>
      </c>
      <c r="H13032" s="8">
        <v>1</v>
      </c>
      <c r="I13032" s="8">
        <v>0</v>
      </c>
      <c r="J13032" s="8">
        <v>1</v>
      </c>
      <c r="K13032" s="9">
        <v>75</v>
      </c>
      <c r="L13032" s="6" t="s">
        <v>51</v>
      </c>
    </row>
    <row r="13033" spans="1:12">
      <c r="A13033" s="6" t="s">
        <v>49</v>
      </c>
      <c r="B13033" s="6"/>
      <c r="C13033" s="6" t="s">
        <v>13057</v>
      </c>
      <c r="D13033" s="6"/>
      <c r="E13033" s="6" t="s">
        <v>9</v>
      </c>
      <c r="F13033" s="7">
        <v>38657</v>
      </c>
      <c r="G13033" s="8">
        <v>1</v>
      </c>
      <c r="H13033" s="8">
        <v>1</v>
      </c>
      <c r="I13033" s="8">
        <v>0</v>
      </c>
      <c r="J13033" s="8">
        <v>1</v>
      </c>
      <c r="K13033" s="9">
        <v>69</v>
      </c>
      <c r="L13033" s="6" t="s">
        <v>51</v>
      </c>
    </row>
    <row r="13034" spans="1:12">
      <c r="A13034" s="6" t="s">
        <v>49</v>
      </c>
      <c r="B13034" s="6"/>
      <c r="C13034" s="6" t="s">
        <v>13058</v>
      </c>
      <c r="D13034" s="6"/>
      <c r="E13034" s="6" t="s">
        <v>9</v>
      </c>
      <c r="F13034" s="7">
        <v>40027</v>
      </c>
      <c r="G13034" s="8">
        <v>1</v>
      </c>
      <c r="H13034" s="8">
        <v>1</v>
      </c>
      <c r="I13034" s="8">
        <v>0</v>
      </c>
      <c r="J13034" s="8">
        <v>1</v>
      </c>
      <c r="K13034" s="9">
        <v>94</v>
      </c>
      <c r="L13034" s="6" t="s">
        <v>51</v>
      </c>
    </row>
    <row r="13035" spans="1:12">
      <c r="A13035" s="6" t="s">
        <v>49</v>
      </c>
      <c r="B13035" s="6"/>
      <c r="C13035" s="6" t="s">
        <v>13059</v>
      </c>
      <c r="D13035" s="6"/>
      <c r="E13035" s="6" t="s">
        <v>9</v>
      </c>
      <c r="F13035" s="7">
        <v>38657</v>
      </c>
      <c r="G13035" s="8">
        <v>1</v>
      </c>
      <c r="H13035" s="8">
        <v>1</v>
      </c>
      <c r="I13035" s="8">
        <v>0</v>
      </c>
      <c r="J13035" s="8">
        <v>1</v>
      </c>
      <c r="K13035" s="9">
        <v>88</v>
      </c>
      <c r="L13035" s="6" t="s">
        <v>51</v>
      </c>
    </row>
    <row r="13036" spans="1:12">
      <c r="A13036" s="6" t="s">
        <v>49</v>
      </c>
      <c r="B13036" s="6"/>
      <c r="C13036" s="6" t="s">
        <v>13060</v>
      </c>
      <c r="D13036" s="6"/>
      <c r="E13036" s="6" t="s">
        <v>9</v>
      </c>
      <c r="F13036" s="7">
        <v>40027</v>
      </c>
      <c r="G13036" s="8">
        <v>1</v>
      </c>
      <c r="H13036" s="8">
        <v>1</v>
      </c>
      <c r="I13036" s="8">
        <v>0</v>
      </c>
      <c r="J13036" s="8">
        <v>1</v>
      </c>
      <c r="K13036" s="9">
        <v>94</v>
      </c>
      <c r="L13036" s="6" t="s">
        <v>51</v>
      </c>
    </row>
    <row r="13037" spans="1:12">
      <c r="A13037" s="6" t="s">
        <v>49</v>
      </c>
      <c r="B13037" s="6"/>
      <c r="C13037" s="6" t="s">
        <v>13061</v>
      </c>
      <c r="D13037" s="6"/>
      <c r="E13037" s="6" t="s">
        <v>9</v>
      </c>
      <c r="F13037" s="7">
        <v>38657</v>
      </c>
      <c r="G13037" s="8">
        <v>1</v>
      </c>
      <c r="H13037" s="8">
        <v>1</v>
      </c>
      <c r="I13037" s="8">
        <v>0</v>
      </c>
      <c r="J13037" s="8">
        <v>1</v>
      </c>
      <c r="K13037" s="9">
        <v>71</v>
      </c>
      <c r="L13037" s="6" t="s">
        <v>51</v>
      </c>
    </row>
    <row r="13038" spans="1:12">
      <c r="A13038" s="6" t="s">
        <v>49</v>
      </c>
      <c r="B13038" s="6"/>
      <c r="C13038" s="6" t="s">
        <v>13062</v>
      </c>
      <c r="D13038" s="6"/>
      <c r="E13038" s="6" t="s">
        <v>9</v>
      </c>
      <c r="F13038" s="7">
        <v>40027</v>
      </c>
      <c r="G13038" s="8">
        <v>1</v>
      </c>
      <c r="H13038" s="8">
        <v>1</v>
      </c>
      <c r="I13038" s="8">
        <v>0</v>
      </c>
      <c r="J13038" s="8">
        <v>1</v>
      </c>
      <c r="K13038" s="9">
        <v>61</v>
      </c>
      <c r="L13038" s="6" t="s">
        <v>51</v>
      </c>
    </row>
    <row r="13039" spans="1:12">
      <c r="A13039" s="6" t="s">
        <v>49</v>
      </c>
      <c r="B13039" s="6"/>
      <c r="C13039" s="6" t="s">
        <v>13063</v>
      </c>
      <c r="D13039" s="6"/>
      <c r="E13039" s="6" t="s">
        <v>9</v>
      </c>
      <c r="F13039" s="7">
        <v>38657</v>
      </c>
      <c r="G13039" s="8">
        <v>1</v>
      </c>
      <c r="H13039" s="8">
        <v>1</v>
      </c>
      <c r="I13039" s="8">
        <v>0</v>
      </c>
      <c r="J13039" s="8">
        <v>1</v>
      </c>
      <c r="K13039" s="9">
        <v>62</v>
      </c>
      <c r="L13039" s="6" t="s">
        <v>51</v>
      </c>
    </row>
    <row r="13040" spans="1:12">
      <c r="A13040" s="6" t="s">
        <v>49</v>
      </c>
      <c r="B13040" s="6"/>
      <c r="C13040" s="6" t="s">
        <v>13064</v>
      </c>
      <c r="D13040" s="6"/>
      <c r="E13040" s="6" t="s">
        <v>9</v>
      </c>
      <c r="F13040" s="7">
        <v>38657</v>
      </c>
      <c r="G13040" s="8">
        <v>1</v>
      </c>
      <c r="H13040" s="8">
        <v>1</v>
      </c>
      <c r="I13040" s="8">
        <v>0</v>
      </c>
      <c r="J13040" s="8">
        <v>1</v>
      </c>
      <c r="K13040" s="9">
        <v>115</v>
      </c>
      <c r="L13040" s="6" t="s">
        <v>51</v>
      </c>
    </row>
    <row r="13041" spans="1:12">
      <c r="A13041" s="6" t="s">
        <v>49</v>
      </c>
      <c r="B13041" s="6"/>
      <c r="C13041" s="6" t="s">
        <v>13065</v>
      </c>
      <c r="D13041" s="6"/>
      <c r="E13041" s="6" t="s">
        <v>9</v>
      </c>
      <c r="F13041" s="7">
        <v>38657</v>
      </c>
      <c r="G13041" s="8">
        <v>1</v>
      </c>
      <c r="H13041" s="8">
        <v>1</v>
      </c>
      <c r="I13041" s="8">
        <v>0</v>
      </c>
      <c r="J13041" s="8">
        <v>1</v>
      </c>
      <c r="K13041" s="9">
        <v>13</v>
      </c>
      <c r="L13041" s="6" t="s">
        <v>51</v>
      </c>
    </row>
    <row r="13042" spans="1:12">
      <c r="A13042" s="6" t="s">
        <v>49</v>
      </c>
      <c r="B13042" s="6"/>
      <c r="C13042" s="6" t="s">
        <v>13066</v>
      </c>
      <c r="D13042" s="6"/>
      <c r="E13042" s="6" t="s">
        <v>9</v>
      </c>
      <c r="F13042" s="7">
        <v>41624</v>
      </c>
      <c r="G13042" s="8">
        <v>1</v>
      </c>
      <c r="H13042" s="8">
        <v>1</v>
      </c>
      <c r="I13042" s="8">
        <v>0</v>
      </c>
      <c r="J13042" s="8">
        <v>1</v>
      </c>
      <c r="K13042" s="9">
        <v>4.22</v>
      </c>
      <c r="L13042" s="6" t="s">
        <v>51</v>
      </c>
    </row>
    <row r="13043" spans="1:12">
      <c r="A13043" s="6" t="s">
        <v>49</v>
      </c>
      <c r="B13043" s="6"/>
      <c r="C13043" s="6" t="s">
        <v>13067</v>
      </c>
      <c r="D13043" s="6"/>
      <c r="E13043" s="6" t="s">
        <v>9</v>
      </c>
      <c r="F13043" s="7">
        <v>38657</v>
      </c>
      <c r="G13043" s="8">
        <v>1</v>
      </c>
      <c r="H13043" s="8">
        <v>1</v>
      </c>
      <c r="I13043" s="8">
        <v>0</v>
      </c>
      <c r="J13043" s="8">
        <v>1</v>
      </c>
      <c r="K13043" s="9">
        <v>2.50999999999999</v>
      </c>
      <c r="L13043" s="6" t="s">
        <v>51</v>
      </c>
    </row>
    <row r="13044" spans="1:12">
      <c r="A13044" s="6" t="s">
        <v>49</v>
      </c>
      <c r="B13044" s="6"/>
      <c r="C13044" s="6" t="s">
        <v>13068</v>
      </c>
      <c r="D13044" s="6"/>
      <c r="E13044" s="6" t="s">
        <v>9</v>
      </c>
      <c r="F13044" s="7">
        <v>38657</v>
      </c>
      <c r="G13044" s="8">
        <v>1</v>
      </c>
      <c r="H13044" s="8">
        <v>1</v>
      </c>
      <c r="I13044" s="8">
        <v>0</v>
      </c>
      <c r="J13044" s="8">
        <v>1</v>
      </c>
      <c r="K13044" s="9">
        <v>30</v>
      </c>
      <c r="L13044" s="6" t="s">
        <v>51</v>
      </c>
    </row>
    <row r="13045" spans="1:12">
      <c r="A13045" s="6" t="s">
        <v>49</v>
      </c>
      <c r="B13045" s="6"/>
      <c r="C13045" s="6" t="s">
        <v>13069</v>
      </c>
      <c r="D13045" s="6"/>
      <c r="E13045" s="6" t="s">
        <v>9</v>
      </c>
      <c r="F13045" s="7">
        <v>38657</v>
      </c>
      <c r="G13045" s="8">
        <v>1</v>
      </c>
      <c r="H13045" s="8">
        <v>1</v>
      </c>
      <c r="I13045" s="8">
        <v>0</v>
      </c>
      <c r="J13045" s="8">
        <v>1</v>
      </c>
      <c r="K13045" s="9">
        <v>37</v>
      </c>
      <c r="L13045" s="6" t="s">
        <v>51</v>
      </c>
    </row>
    <row r="13046" spans="1:12">
      <c r="A13046" s="6" t="s">
        <v>49</v>
      </c>
      <c r="B13046" s="6"/>
      <c r="C13046" s="6" t="s">
        <v>13070</v>
      </c>
      <c r="D13046" s="6"/>
      <c r="E13046" s="6" t="s">
        <v>9</v>
      </c>
      <c r="F13046" s="7">
        <v>38657</v>
      </c>
      <c r="G13046" s="8">
        <v>1</v>
      </c>
      <c r="H13046" s="8">
        <v>1</v>
      </c>
      <c r="I13046" s="8">
        <v>0</v>
      </c>
      <c r="J13046" s="8">
        <v>1</v>
      </c>
      <c r="K13046" s="9">
        <v>35</v>
      </c>
      <c r="L13046" s="6" t="s">
        <v>51</v>
      </c>
    </row>
    <row r="13047" spans="1:12">
      <c r="A13047" s="6" t="s">
        <v>49</v>
      </c>
      <c r="B13047" s="6"/>
      <c r="C13047" s="6" t="s">
        <v>13071</v>
      </c>
      <c r="D13047" s="6"/>
      <c r="E13047" s="6" t="s">
        <v>9</v>
      </c>
      <c r="F13047" s="7">
        <v>38657</v>
      </c>
      <c r="G13047" s="8">
        <v>1</v>
      </c>
      <c r="H13047" s="8">
        <v>1</v>
      </c>
      <c r="I13047" s="8">
        <v>0</v>
      </c>
      <c r="J13047" s="8">
        <v>1</v>
      </c>
      <c r="K13047" s="9">
        <v>3.43</v>
      </c>
      <c r="L13047" s="6" t="s">
        <v>51</v>
      </c>
    </row>
    <row r="13048" spans="1:12">
      <c r="A13048" s="6" t="s">
        <v>49</v>
      </c>
      <c r="B13048" s="6"/>
      <c r="C13048" s="6" t="s">
        <v>13072</v>
      </c>
      <c r="D13048" s="6"/>
      <c r="E13048" s="6" t="s">
        <v>9</v>
      </c>
      <c r="F13048" s="7">
        <v>38657</v>
      </c>
      <c r="G13048" s="8">
        <v>1</v>
      </c>
      <c r="H13048" s="8">
        <v>1</v>
      </c>
      <c r="I13048" s="8">
        <v>0</v>
      </c>
      <c r="J13048" s="8">
        <v>1</v>
      </c>
      <c r="K13048" s="9">
        <v>27</v>
      </c>
      <c r="L13048" s="6" t="s">
        <v>51</v>
      </c>
    </row>
    <row r="13049" spans="1:12">
      <c r="A13049" s="6" t="s">
        <v>49</v>
      </c>
      <c r="B13049" s="6"/>
      <c r="C13049" s="6" t="s">
        <v>13073</v>
      </c>
      <c r="D13049" s="6"/>
      <c r="E13049" s="6" t="s">
        <v>9</v>
      </c>
      <c r="F13049" s="7">
        <v>38657</v>
      </c>
      <c r="G13049" s="8">
        <v>1</v>
      </c>
      <c r="H13049" s="8">
        <v>1</v>
      </c>
      <c r="I13049" s="8">
        <v>0</v>
      </c>
      <c r="J13049" s="8">
        <v>1</v>
      </c>
      <c r="K13049" s="9">
        <v>25</v>
      </c>
      <c r="L13049" s="6" t="s">
        <v>51</v>
      </c>
    </row>
    <row r="13050" spans="1:12">
      <c r="A13050" s="6" t="s">
        <v>49</v>
      </c>
      <c r="B13050" s="6"/>
      <c r="C13050" s="6" t="s">
        <v>13074</v>
      </c>
      <c r="D13050" s="6"/>
      <c r="E13050" s="6" t="s">
        <v>9</v>
      </c>
      <c r="F13050" s="7">
        <v>38657</v>
      </c>
      <c r="G13050" s="8">
        <v>1</v>
      </c>
      <c r="H13050" s="8">
        <v>1</v>
      </c>
      <c r="I13050" s="8">
        <v>0</v>
      </c>
      <c r="J13050" s="8">
        <v>1</v>
      </c>
      <c r="K13050" s="9">
        <v>1.99</v>
      </c>
      <c r="L13050" s="6" t="s">
        <v>51</v>
      </c>
    </row>
    <row r="13051" spans="1:12">
      <c r="A13051" s="6" t="s">
        <v>49</v>
      </c>
      <c r="B13051" s="6"/>
      <c r="C13051" s="6" t="s">
        <v>13075</v>
      </c>
      <c r="D13051" s="6"/>
      <c r="E13051" s="6" t="s">
        <v>9</v>
      </c>
      <c r="F13051" s="7">
        <v>38657</v>
      </c>
      <c r="G13051" s="8">
        <v>1</v>
      </c>
      <c r="H13051" s="8">
        <v>1</v>
      </c>
      <c r="I13051" s="8">
        <v>0</v>
      </c>
      <c r="J13051" s="8">
        <v>1</v>
      </c>
      <c r="K13051" s="9">
        <v>122</v>
      </c>
      <c r="L13051" s="6" t="s">
        <v>51</v>
      </c>
    </row>
    <row r="13052" spans="1:12">
      <c r="A13052" s="6" t="s">
        <v>49</v>
      </c>
      <c r="B13052" s="6"/>
      <c r="C13052" s="6" t="s">
        <v>13076</v>
      </c>
      <c r="D13052" s="6"/>
      <c r="E13052" s="6" t="s">
        <v>9</v>
      </c>
      <c r="F13052" s="7">
        <v>38657</v>
      </c>
      <c r="G13052" s="8">
        <v>1</v>
      </c>
      <c r="H13052" s="8">
        <v>1</v>
      </c>
      <c r="I13052" s="8">
        <v>0</v>
      </c>
      <c r="J13052" s="8">
        <v>1</v>
      </c>
      <c r="K13052" s="9">
        <v>14</v>
      </c>
      <c r="L13052" s="6" t="s">
        <v>51</v>
      </c>
    </row>
    <row r="13053" spans="1:12">
      <c r="A13053" s="6" t="s">
        <v>49</v>
      </c>
      <c r="B13053" s="6"/>
      <c r="C13053" s="6" t="s">
        <v>13077</v>
      </c>
      <c r="D13053" s="6"/>
      <c r="E13053" s="6" t="s">
        <v>9</v>
      </c>
      <c r="F13053" s="7">
        <v>38657</v>
      </c>
      <c r="G13053" s="8">
        <v>1</v>
      </c>
      <c r="H13053" s="8">
        <v>1</v>
      </c>
      <c r="I13053" s="8">
        <v>0</v>
      </c>
      <c r="J13053" s="8">
        <v>1</v>
      </c>
      <c r="K13053" s="9">
        <v>12</v>
      </c>
      <c r="L13053" s="6" t="s">
        <v>51</v>
      </c>
    </row>
    <row r="13054" spans="1:12">
      <c r="A13054" s="6" t="s">
        <v>49</v>
      </c>
      <c r="B13054" s="6"/>
      <c r="C13054" s="6" t="s">
        <v>13078</v>
      </c>
      <c r="D13054" s="6"/>
      <c r="E13054" s="6" t="s">
        <v>9</v>
      </c>
      <c r="F13054" s="7">
        <v>38657</v>
      </c>
      <c r="G13054" s="8">
        <v>1</v>
      </c>
      <c r="H13054" s="8">
        <v>1</v>
      </c>
      <c r="I13054" s="8">
        <v>0</v>
      </c>
      <c r="J13054" s="8">
        <v>1</v>
      </c>
      <c r="K13054" s="9">
        <v>1.99</v>
      </c>
      <c r="L13054" s="6" t="s">
        <v>51</v>
      </c>
    </row>
    <row r="13055" spans="1:12">
      <c r="A13055" s="6" t="s">
        <v>49</v>
      </c>
      <c r="B13055" s="6"/>
      <c r="C13055" s="6" t="s">
        <v>13079</v>
      </c>
      <c r="D13055" s="6"/>
      <c r="E13055" s="6" t="s">
        <v>9</v>
      </c>
      <c r="F13055" s="7">
        <v>38657</v>
      </c>
      <c r="G13055" s="8">
        <v>1</v>
      </c>
      <c r="H13055" s="8">
        <v>1</v>
      </c>
      <c r="I13055" s="8">
        <v>0</v>
      </c>
      <c r="J13055" s="8">
        <v>1</v>
      </c>
      <c r="K13055" s="9">
        <v>0.28000000000000003</v>
      </c>
      <c r="L13055" s="6" t="s">
        <v>51</v>
      </c>
    </row>
    <row r="13056" spans="1:12">
      <c r="A13056" s="6" t="s">
        <v>49</v>
      </c>
      <c r="B13056" s="6"/>
      <c r="C13056" s="6" t="s">
        <v>13080</v>
      </c>
      <c r="D13056" s="6"/>
      <c r="E13056" s="6" t="s">
        <v>9</v>
      </c>
      <c r="F13056" s="7">
        <v>38657</v>
      </c>
      <c r="G13056" s="8">
        <v>1</v>
      </c>
      <c r="H13056" s="8">
        <v>1</v>
      </c>
      <c r="I13056" s="8">
        <v>0</v>
      </c>
      <c r="J13056" s="8">
        <v>1</v>
      </c>
      <c r="K13056" s="9">
        <v>1.48</v>
      </c>
      <c r="L13056" s="6" t="s">
        <v>51</v>
      </c>
    </row>
    <row r="13057" spans="1:12">
      <c r="A13057" s="6" t="s">
        <v>49</v>
      </c>
      <c r="B13057" s="6"/>
      <c r="C13057" s="6" t="s">
        <v>13081</v>
      </c>
      <c r="D13057" s="6"/>
      <c r="E13057" s="6" t="s">
        <v>9</v>
      </c>
      <c r="F13057" s="7">
        <v>38657</v>
      </c>
      <c r="G13057" s="8">
        <v>1</v>
      </c>
      <c r="H13057" s="8">
        <v>1</v>
      </c>
      <c r="I13057" s="8">
        <v>0</v>
      </c>
      <c r="J13057" s="8">
        <v>1</v>
      </c>
      <c r="K13057" s="9">
        <v>2.14</v>
      </c>
      <c r="L13057" s="6" t="s">
        <v>51</v>
      </c>
    </row>
    <row r="13058" spans="1:12">
      <c r="A13058" s="6" t="s">
        <v>49</v>
      </c>
      <c r="B13058" s="6"/>
      <c r="C13058" s="6" t="s">
        <v>13082</v>
      </c>
      <c r="D13058" s="6"/>
      <c r="E13058" s="6" t="s">
        <v>9</v>
      </c>
      <c r="F13058" s="7">
        <v>38657</v>
      </c>
      <c r="G13058" s="8">
        <v>1</v>
      </c>
      <c r="H13058" s="8">
        <v>1</v>
      </c>
      <c r="I13058" s="8">
        <v>0</v>
      </c>
      <c r="J13058" s="8">
        <v>1</v>
      </c>
      <c r="K13058" s="9">
        <v>49</v>
      </c>
      <c r="L13058" s="6" t="s">
        <v>51</v>
      </c>
    </row>
    <row r="13059" spans="1:12">
      <c r="A13059" s="6" t="s">
        <v>49</v>
      </c>
      <c r="B13059" s="6"/>
      <c r="C13059" s="6" t="s">
        <v>13083</v>
      </c>
      <c r="D13059" s="6"/>
      <c r="E13059" s="6" t="s">
        <v>9</v>
      </c>
      <c r="F13059" s="7">
        <v>38657</v>
      </c>
      <c r="G13059" s="8">
        <v>1</v>
      </c>
      <c r="H13059" s="8">
        <v>1</v>
      </c>
      <c r="I13059" s="8">
        <v>0</v>
      </c>
      <c r="J13059" s="8">
        <v>1</v>
      </c>
      <c r="K13059" s="9">
        <v>10</v>
      </c>
      <c r="L13059" s="6" t="s">
        <v>51</v>
      </c>
    </row>
    <row r="13060" spans="1:12">
      <c r="A13060" s="6" t="s">
        <v>49</v>
      </c>
      <c r="B13060" s="6"/>
      <c r="C13060" s="6" t="s">
        <v>13084</v>
      </c>
      <c r="D13060" s="6"/>
      <c r="E13060" s="6" t="s">
        <v>9</v>
      </c>
      <c r="F13060" s="7">
        <v>38657</v>
      </c>
      <c r="G13060" s="8">
        <v>1</v>
      </c>
      <c r="H13060" s="8">
        <v>1</v>
      </c>
      <c r="I13060" s="8">
        <v>0</v>
      </c>
      <c r="J13060" s="8">
        <v>1</v>
      </c>
      <c r="K13060" s="9">
        <v>12</v>
      </c>
      <c r="L13060" s="6" t="s">
        <v>51</v>
      </c>
    </row>
    <row r="13061" spans="1:12">
      <c r="A13061" s="6" t="s">
        <v>49</v>
      </c>
      <c r="B13061" s="6"/>
      <c r="C13061" s="6" t="s">
        <v>13085</v>
      </c>
      <c r="D13061" s="6"/>
      <c r="E13061" s="6" t="s">
        <v>9</v>
      </c>
      <c r="F13061" s="7">
        <v>38657</v>
      </c>
      <c r="G13061" s="8">
        <v>1</v>
      </c>
      <c r="H13061" s="8">
        <v>1</v>
      </c>
      <c r="I13061" s="8">
        <v>0</v>
      </c>
      <c r="J13061" s="8">
        <v>1</v>
      </c>
      <c r="K13061" s="9">
        <v>3.3</v>
      </c>
      <c r="L13061" s="6" t="s">
        <v>51</v>
      </c>
    </row>
    <row r="13062" spans="1:12">
      <c r="A13062" s="6" t="s">
        <v>49</v>
      </c>
      <c r="B13062" s="6"/>
      <c r="C13062" s="6" t="s">
        <v>13086</v>
      </c>
      <c r="D13062" s="6"/>
      <c r="E13062" s="6" t="s">
        <v>9</v>
      </c>
      <c r="F13062" s="7">
        <v>38657</v>
      </c>
      <c r="G13062" s="8">
        <v>1</v>
      </c>
      <c r="H13062" s="8">
        <v>1</v>
      </c>
      <c r="I13062" s="8">
        <v>0</v>
      </c>
      <c r="J13062" s="8">
        <v>1</v>
      </c>
      <c r="K13062" s="9">
        <v>109</v>
      </c>
      <c r="L13062" s="6" t="s">
        <v>51</v>
      </c>
    </row>
    <row r="13063" spans="1:12">
      <c r="A13063" s="6" t="s">
        <v>49</v>
      </c>
      <c r="B13063" s="6"/>
      <c r="C13063" s="6" t="s">
        <v>13087</v>
      </c>
      <c r="D13063" s="6"/>
      <c r="E13063" s="6" t="s">
        <v>9</v>
      </c>
      <c r="F13063" s="7">
        <v>38657</v>
      </c>
      <c r="G13063" s="8">
        <v>1</v>
      </c>
      <c r="H13063" s="8">
        <v>1</v>
      </c>
      <c r="I13063" s="8">
        <v>0</v>
      </c>
      <c r="J13063" s="8">
        <v>1</v>
      </c>
      <c r="K13063" s="9">
        <v>1.89</v>
      </c>
      <c r="L13063" s="6" t="s">
        <v>51</v>
      </c>
    </row>
    <row r="13064" spans="1:12">
      <c r="A13064" s="6" t="s">
        <v>49</v>
      </c>
      <c r="B13064" s="6"/>
      <c r="C13064" s="6" t="s">
        <v>13088</v>
      </c>
      <c r="D13064" s="6"/>
      <c r="E13064" s="6" t="s">
        <v>9</v>
      </c>
      <c r="F13064" s="7">
        <v>38657</v>
      </c>
      <c r="G13064" s="8">
        <v>1</v>
      </c>
      <c r="H13064" s="8">
        <v>1</v>
      </c>
      <c r="I13064" s="8">
        <v>0</v>
      </c>
      <c r="J13064" s="8">
        <v>1</v>
      </c>
      <c r="K13064" s="9">
        <v>24</v>
      </c>
      <c r="L13064" s="6" t="s">
        <v>51</v>
      </c>
    </row>
    <row r="13065" spans="1:12">
      <c r="A13065" s="6" t="s">
        <v>49</v>
      </c>
      <c r="B13065" s="6"/>
      <c r="C13065" s="6" t="s">
        <v>13089</v>
      </c>
      <c r="D13065" s="6"/>
      <c r="E13065" s="6" t="s">
        <v>9</v>
      </c>
      <c r="F13065" s="7">
        <v>38657</v>
      </c>
      <c r="G13065" s="8">
        <v>1</v>
      </c>
      <c r="H13065" s="8">
        <v>1</v>
      </c>
      <c r="I13065" s="8">
        <v>0</v>
      </c>
      <c r="J13065" s="8">
        <v>1</v>
      </c>
      <c r="K13065" s="9">
        <v>4.46</v>
      </c>
      <c r="L13065" s="6" t="s">
        <v>51</v>
      </c>
    </row>
    <row r="13066" spans="1:12">
      <c r="A13066" s="6" t="s">
        <v>49</v>
      </c>
      <c r="B13066" s="6"/>
      <c r="C13066" s="6" t="s">
        <v>13090</v>
      </c>
      <c r="D13066" s="6"/>
      <c r="E13066" s="6" t="s">
        <v>9</v>
      </c>
      <c r="F13066" s="7">
        <v>38657</v>
      </c>
      <c r="G13066" s="8">
        <v>1</v>
      </c>
      <c r="H13066" s="8">
        <v>1</v>
      </c>
      <c r="I13066" s="8">
        <v>0</v>
      </c>
      <c r="J13066" s="8">
        <v>1</v>
      </c>
      <c r="K13066" s="9">
        <v>2.17</v>
      </c>
      <c r="L13066" s="6" t="s">
        <v>51</v>
      </c>
    </row>
    <row r="13067" spans="1:12">
      <c r="A13067" s="6" t="s">
        <v>49</v>
      </c>
      <c r="B13067" s="6"/>
      <c r="C13067" s="6" t="s">
        <v>13091</v>
      </c>
      <c r="D13067" s="6"/>
      <c r="E13067" s="6" t="s">
        <v>9</v>
      </c>
      <c r="F13067" s="7">
        <v>38657</v>
      </c>
      <c r="G13067" s="8">
        <v>1</v>
      </c>
      <c r="H13067" s="8">
        <v>1</v>
      </c>
      <c r="I13067" s="8">
        <v>0</v>
      </c>
      <c r="J13067" s="8">
        <v>1</v>
      </c>
      <c r="K13067" s="9">
        <v>7.63</v>
      </c>
      <c r="L13067" s="6" t="s">
        <v>51</v>
      </c>
    </row>
    <row r="13068" spans="1:12">
      <c r="A13068" s="6" t="s">
        <v>49</v>
      </c>
      <c r="B13068" s="6"/>
      <c r="C13068" s="6" t="s">
        <v>13092</v>
      </c>
      <c r="D13068" s="6"/>
      <c r="E13068" s="6" t="s">
        <v>9</v>
      </c>
      <c r="F13068" s="7">
        <v>38657</v>
      </c>
      <c r="G13068" s="8">
        <v>1</v>
      </c>
      <c r="H13068" s="8">
        <v>1</v>
      </c>
      <c r="I13068" s="8">
        <v>0</v>
      </c>
      <c r="J13068" s="8">
        <v>1</v>
      </c>
      <c r="K13068" s="9">
        <v>20</v>
      </c>
      <c r="L13068" s="6" t="s">
        <v>51</v>
      </c>
    </row>
    <row r="13069" spans="1:12">
      <c r="A13069" s="6" t="s">
        <v>49</v>
      </c>
      <c r="B13069" s="6"/>
      <c r="C13069" s="6" t="s">
        <v>13093</v>
      </c>
      <c r="D13069" s="6"/>
      <c r="E13069" s="6" t="s">
        <v>9</v>
      </c>
      <c r="F13069" s="7">
        <v>38657</v>
      </c>
      <c r="G13069" s="8">
        <v>1</v>
      </c>
      <c r="H13069" s="8">
        <v>1</v>
      </c>
      <c r="I13069" s="8">
        <v>0</v>
      </c>
      <c r="J13069" s="8">
        <v>1</v>
      </c>
      <c r="K13069" s="9">
        <v>7.56</v>
      </c>
      <c r="L13069" s="6" t="s">
        <v>51</v>
      </c>
    </row>
    <row r="13070" spans="1:12">
      <c r="A13070" s="6" t="s">
        <v>49</v>
      </c>
      <c r="B13070" s="6"/>
      <c r="C13070" s="6" t="s">
        <v>13094</v>
      </c>
      <c r="D13070" s="6"/>
      <c r="E13070" s="6" t="s">
        <v>9</v>
      </c>
      <c r="F13070" s="7">
        <v>38657</v>
      </c>
      <c r="G13070" s="8">
        <v>1</v>
      </c>
      <c r="H13070" s="8">
        <v>1</v>
      </c>
      <c r="I13070" s="8">
        <v>0</v>
      </c>
      <c r="J13070" s="8">
        <v>1</v>
      </c>
      <c r="K13070" s="9">
        <v>21</v>
      </c>
      <c r="L13070" s="6" t="s">
        <v>51</v>
      </c>
    </row>
    <row r="13071" spans="1:12">
      <c r="A13071" s="6" t="s">
        <v>49</v>
      </c>
      <c r="B13071" s="6"/>
      <c r="C13071" s="6" t="s">
        <v>13095</v>
      </c>
      <c r="D13071" s="6"/>
      <c r="E13071" s="6" t="s">
        <v>9</v>
      </c>
      <c r="F13071" s="7">
        <v>38657</v>
      </c>
      <c r="G13071" s="8">
        <v>1</v>
      </c>
      <c r="H13071" s="8">
        <v>1</v>
      </c>
      <c r="I13071" s="8">
        <v>0</v>
      </c>
      <c r="J13071" s="8">
        <v>1</v>
      </c>
      <c r="K13071" s="9">
        <v>33</v>
      </c>
      <c r="L13071" s="6" t="s">
        <v>51</v>
      </c>
    </row>
    <row r="13072" spans="1:12">
      <c r="A13072" s="6" t="s">
        <v>49</v>
      </c>
      <c r="B13072" s="6"/>
      <c r="C13072" s="6" t="s">
        <v>13096</v>
      </c>
      <c r="D13072" s="6"/>
      <c r="E13072" s="6" t="s">
        <v>9</v>
      </c>
      <c r="F13072" s="7">
        <v>38657</v>
      </c>
      <c r="G13072" s="8">
        <v>1</v>
      </c>
      <c r="H13072" s="8">
        <v>1</v>
      </c>
      <c r="I13072" s="8">
        <v>0</v>
      </c>
      <c r="J13072" s="8">
        <v>1</v>
      </c>
      <c r="K13072" s="9">
        <v>3.96</v>
      </c>
      <c r="L13072" s="6" t="s">
        <v>51</v>
      </c>
    </row>
    <row r="13073" spans="1:12">
      <c r="A13073" s="6" t="s">
        <v>49</v>
      </c>
      <c r="B13073" s="6"/>
      <c r="C13073" s="6" t="s">
        <v>13097</v>
      </c>
      <c r="D13073" s="6"/>
      <c r="E13073" s="6" t="s">
        <v>9</v>
      </c>
      <c r="F13073" s="7">
        <v>38657</v>
      </c>
      <c r="G13073" s="8">
        <v>1</v>
      </c>
      <c r="H13073" s="8">
        <v>1</v>
      </c>
      <c r="I13073" s="8">
        <v>0</v>
      </c>
      <c r="J13073" s="8">
        <v>1</v>
      </c>
      <c r="K13073" s="9">
        <v>6.61</v>
      </c>
      <c r="L13073" s="6" t="s">
        <v>51</v>
      </c>
    </row>
    <row r="13074" spans="1:12">
      <c r="A13074" s="6" t="s">
        <v>49</v>
      </c>
      <c r="B13074" s="6"/>
      <c r="C13074" s="6" t="s">
        <v>13098</v>
      </c>
      <c r="D13074" s="6"/>
      <c r="E13074" s="6" t="s">
        <v>9</v>
      </c>
      <c r="F13074" s="7">
        <v>38657</v>
      </c>
      <c r="G13074" s="8">
        <v>1</v>
      </c>
      <c r="H13074" s="8">
        <v>1</v>
      </c>
      <c r="I13074" s="8">
        <v>0</v>
      </c>
      <c r="J13074" s="8">
        <v>1</v>
      </c>
      <c r="K13074" s="9">
        <v>2.66</v>
      </c>
      <c r="L13074" s="6" t="s">
        <v>51</v>
      </c>
    </row>
    <row r="13075" spans="1:12">
      <c r="A13075" s="6" t="s">
        <v>49</v>
      </c>
      <c r="B13075" s="6"/>
      <c r="C13075" s="6" t="s">
        <v>13099</v>
      </c>
      <c r="D13075" s="6"/>
      <c r="E13075" s="6" t="s">
        <v>9</v>
      </c>
      <c r="F13075" s="7">
        <v>38657</v>
      </c>
      <c r="G13075" s="8">
        <v>1</v>
      </c>
      <c r="H13075" s="8">
        <v>1</v>
      </c>
      <c r="I13075" s="8">
        <v>0</v>
      </c>
      <c r="J13075" s="8">
        <v>1</v>
      </c>
      <c r="K13075" s="9">
        <v>40</v>
      </c>
      <c r="L13075" s="6" t="s">
        <v>51</v>
      </c>
    </row>
    <row r="13076" spans="1:12">
      <c r="A13076" s="6" t="s">
        <v>49</v>
      </c>
      <c r="B13076" s="6"/>
      <c r="C13076" s="6" t="s">
        <v>13100</v>
      </c>
      <c r="D13076" s="6"/>
      <c r="E13076" s="6" t="s">
        <v>9</v>
      </c>
      <c r="F13076" s="7">
        <v>38657</v>
      </c>
      <c r="G13076" s="8">
        <v>1</v>
      </c>
      <c r="H13076" s="8">
        <v>1</v>
      </c>
      <c r="I13076" s="8">
        <v>0</v>
      </c>
      <c r="J13076" s="8">
        <v>1</v>
      </c>
      <c r="K13076" s="9">
        <v>55</v>
      </c>
      <c r="L13076" s="6" t="s">
        <v>51</v>
      </c>
    </row>
    <row r="13077" spans="1:12">
      <c r="A13077" s="6" t="s">
        <v>49</v>
      </c>
      <c r="B13077" s="6"/>
      <c r="C13077" s="6" t="s">
        <v>13101</v>
      </c>
      <c r="D13077" s="6"/>
      <c r="E13077" s="6" t="s">
        <v>9</v>
      </c>
      <c r="F13077" s="7">
        <v>38657</v>
      </c>
      <c r="G13077" s="8">
        <v>1</v>
      </c>
      <c r="H13077" s="8">
        <v>1</v>
      </c>
      <c r="I13077" s="8">
        <v>0</v>
      </c>
      <c r="J13077" s="8">
        <v>1</v>
      </c>
      <c r="K13077" s="9">
        <v>3.13</v>
      </c>
      <c r="L13077" s="6" t="s">
        <v>51</v>
      </c>
    </row>
    <row r="13078" spans="1:12">
      <c r="A13078" s="6" t="s">
        <v>49</v>
      </c>
      <c r="B13078" s="6"/>
      <c r="C13078" s="6" t="s">
        <v>13102</v>
      </c>
      <c r="D13078" s="6"/>
      <c r="E13078" s="6" t="s">
        <v>9</v>
      </c>
      <c r="F13078" s="7">
        <v>38657</v>
      </c>
      <c r="G13078" s="8">
        <v>1</v>
      </c>
      <c r="H13078" s="8">
        <v>1</v>
      </c>
      <c r="I13078" s="8">
        <v>0</v>
      </c>
      <c r="J13078" s="8">
        <v>1</v>
      </c>
      <c r="K13078" s="9">
        <v>20</v>
      </c>
      <c r="L13078" s="6" t="s">
        <v>51</v>
      </c>
    </row>
    <row r="13079" spans="1:12">
      <c r="A13079" s="6" t="s">
        <v>49</v>
      </c>
      <c r="B13079" s="6"/>
      <c r="C13079" s="6" t="s">
        <v>13103</v>
      </c>
      <c r="D13079" s="6"/>
      <c r="E13079" s="6" t="s">
        <v>9</v>
      </c>
      <c r="F13079" s="7">
        <v>38657</v>
      </c>
      <c r="G13079" s="8">
        <v>1</v>
      </c>
      <c r="H13079" s="8">
        <v>1</v>
      </c>
      <c r="I13079" s="8">
        <v>0</v>
      </c>
      <c r="J13079" s="8">
        <v>1</v>
      </c>
      <c r="K13079" s="9">
        <v>30</v>
      </c>
      <c r="L13079" s="6" t="s">
        <v>51</v>
      </c>
    </row>
    <row r="13080" spans="1:12">
      <c r="A13080" s="6" t="s">
        <v>49</v>
      </c>
      <c r="B13080" s="6"/>
      <c r="C13080" s="6" t="s">
        <v>13104</v>
      </c>
      <c r="D13080" s="6"/>
      <c r="E13080" s="6" t="s">
        <v>9</v>
      </c>
      <c r="F13080" s="7">
        <v>38657</v>
      </c>
      <c r="G13080" s="8">
        <v>1</v>
      </c>
      <c r="H13080" s="8">
        <v>1</v>
      </c>
      <c r="I13080" s="8">
        <v>0</v>
      </c>
      <c r="J13080" s="8">
        <v>1</v>
      </c>
      <c r="K13080" s="9">
        <v>4.22</v>
      </c>
      <c r="L13080" s="6" t="s">
        <v>51</v>
      </c>
    </row>
    <row r="13081" spans="1:12">
      <c r="A13081" s="6" t="s">
        <v>49</v>
      </c>
      <c r="B13081" s="6"/>
      <c r="C13081" s="6" t="s">
        <v>13105</v>
      </c>
      <c r="D13081" s="6"/>
      <c r="E13081" s="6" t="s">
        <v>9</v>
      </c>
      <c r="F13081" s="7">
        <v>38657</v>
      </c>
      <c r="G13081" s="8">
        <v>1</v>
      </c>
      <c r="H13081" s="8">
        <v>1</v>
      </c>
      <c r="I13081" s="8">
        <v>0</v>
      </c>
      <c r="J13081" s="8">
        <v>1</v>
      </c>
      <c r="K13081" s="9">
        <v>25</v>
      </c>
      <c r="L13081" s="6" t="s">
        <v>51</v>
      </c>
    </row>
    <row r="13082" spans="1:12">
      <c r="A13082" s="6" t="s">
        <v>49</v>
      </c>
      <c r="B13082" s="6"/>
      <c r="C13082" s="6" t="s">
        <v>13106</v>
      </c>
      <c r="D13082" s="6"/>
      <c r="E13082" s="6" t="s">
        <v>9</v>
      </c>
      <c r="F13082" s="7">
        <v>38657</v>
      </c>
      <c r="G13082" s="8">
        <v>1</v>
      </c>
      <c r="H13082" s="8">
        <v>1</v>
      </c>
      <c r="I13082" s="8">
        <v>0</v>
      </c>
      <c r="J13082" s="8">
        <v>1</v>
      </c>
      <c r="K13082" s="9">
        <v>18</v>
      </c>
      <c r="L13082" s="6" t="s">
        <v>51</v>
      </c>
    </row>
    <row r="13083" spans="1:12">
      <c r="A13083" s="6" t="s">
        <v>49</v>
      </c>
      <c r="B13083" s="6"/>
      <c r="C13083" s="6" t="s">
        <v>13107</v>
      </c>
      <c r="D13083" s="6"/>
      <c r="E13083" s="6" t="s">
        <v>9</v>
      </c>
      <c r="F13083" s="7">
        <v>38657</v>
      </c>
      <c r="G13083" s="8">
        <v>1</v>
      </c>
      <c r="H13083" s="8">
        <v>1</v>
      </c>
      <c r="I13083" s="8">
        <v>0</v>
      </c>
      <c r="J13083" s="8">
        <v>1</v>
      </c>
      <c r="K13083" s="9">
        <v>36</v>
      </c>
      <c r="L13083" s="6" t="s">
        <v>51</v>
      </c>
    </row>
    <row r="13084" spans="1:12">
      <c r="A13084" s="6" t="s">
        <v>49</v>
      </c>
      <c r="B13084" s="6"/>
      <c r="C13084" s="6" t="s">
        <v>13108</v>
      </c>
      <c r="D13084" s="6"/>
      <c r="E13084" s="6" t="s">
        <v>9</v>
      </c>
      <c r="F13084" s="7">
        <v>38657</v>
      </c>
      <c r="G13084" s="8">
        <v>1</v>
      </c>
      <c r="H13084" s="8">
        <v>1</v>
      </c>
      <c r="I13084" s="8">
        <v>0</v>
      </c>
      <c r="J13084" s="8">
        <v>1</v>
      </c>
      <c r="K13084" s="9">
        <v>89</v>
      </c>
      <c r="L13084" s="6" t="s">
        <v>51</v>
      </c>
    </row>
    <row r="13085" spans="1:12">
      <c r="A13085" s="6" t="s">
        <v>49</v>
      </c>
      <c r="B13085" s="6"/>
      <c r="C13085" s="6" t="s">
        <v>13109</v>
      </c>
      <c r="D13085" s="6"/>
      <c r="E13085" s="6" t="s">
        <v>9</v>
      </c>
      <c r="F13085" s="7">
        <v>38657</v>
      </c>
      <c r="G13085" s="8">
        <v>1</v>
      </c>
      <c r="H13085" s="8">
        <v>1</v>
      </c>
      <c r="I13085" s="8">
        <v>0</v>
      </c>
      <c r="J13085" s="8">
        <v>1</v>
      </c>
      <c r="K13085" s="9">
        <v>36</v>
      </c>
      <c r="L13085" s="6" t="s">
        <v>51</v>
      </c>
    </row>
    <row r="13086" spans="1:12">
      <c r="A13086" s="6" t="s">
        <v>49</v>
      </c>
      <c r="B13086" s="6"/>
      <c r="C13086" s="6" t="s">
        <v>13110</v>
      </c>
      <c r="D13086" s="6"/>
      <c r="E13086" s="6" t="s">
        <v>9</v>
      </c>
      <c r="F13086" s="7">
        <v>38657</v>
      </c>
      <c r="G13086" s="8">
        <v>1</v>
      </c>
      <c r="H13086" s="8">
        <v>1</v>
      </c>
      <c r="I13086" s="8">
        <v>0</v>
      </c>
      <c r="J13086" s="8">
        <v>1</v>
      </c>
      <c r="K13086" s="9">
        <v>21</v>
      </c>
      <c r="L13086" s="6" t="s">
        <v>51</v>
      </c>
    </row>
    <row r="13087" spans="1:12">
      <c r="A13087" s="6" t="s">
        <v>49</v>
      </c>
      <c r="B13087" s="6"/>
      <c r="C13087" s="6" t="s">
        <v>13111</v>
      </c>
      <c r="D13087" s="6"/>
      <c r="E13087" s="6" t="s">
        <v>9</v>
      </c>
      <c r="F13087" s="7">
        <v>38657</v>
      </c>
      <c r="G13087" s="8">
        <v>1</v>
      </c>
      <c r="H13087" s="8">
        <v>1</v>
      </c>
      <c r="I13087" s="8">
        <v>0</v>
      </c>
      <c r="J13087" s="8">
        <v>1</v>
      </c>
      <c r="K13087" s="9">
        <v>27</v>
      </c>
      <c r="L13087" s="6" t="s">
        <v>51</v>
      </c>
    </row>
    <row r="13088" spans="1:12">
      <c r="A13088" s="6" t="s">
        <v>49</v>
      </c>
      <c r="B13088" s="6"/>
      <c r="C13088" s="6" t="s">
        <v>13112</v>
      </c>
      <c r="D13088" s="6"/>
      <c r="E13088" s="6" t="s">
        <v>9</v>
      </c>
      <c r="F13088" s="7">
        <v>38657</v>
      </c>
      <c r="G13088" s="8">
        <v>1</v>
      </c>
      <c r="H13088" s="8">
        <v>1</v>
      </c>
      <c r="I13088" s="8">
        <v>0</v>
      </c>
      <c r="J13088" s="8">
        <v>1</v>
      </c>
      <c r="K13088" s="9">
        <v>21</v>
      </c>
      <c r="L13088" s="6" t="s">
        <v>51</v>
      </c>
    </row>
    <row r="13089" spans="1:12">
      <c r="A13089" s="6" t="s">
        <v>49</v>
      </c>
      <c r="B13089" s="6"/>
      <c r="C13089" s="6" t="s">
        <v>13113</v>
      </c>
      <c r="D13089" s="6"/>
      <c r="E13089" s="6" t="s">
        <v>9</v>
      </c>
      <c r="F13089" s="7">
        <v>38657</v>
      </c>
      <c r="G13089" s="8">
        <v>1</v>
      </c>
      <c r="H13089" s="8">
        <v>1</v>
      </c>
      <c r="I13089" s="8">
        <v>0</v>
      </c>
      <c r="J13089" s="8">
        <v>1</v>
      </c>
      <c r="K13089" s="9">
        <v>27</v>
      </c>
      <c r="L13089" s="6" t="s">
        <v>51</v>
      </c>
    </row>
    <row r="13090" spans="1:12">
      <c r="A13090" s="6" t="s">
        <v>49</v>
      </c>
      <c r="B13090" s="6"/>
      <c r="C13090" s="6" t="s">
        <v>13114</v>
      </c>
      <c r="D13090" s="6"/>
      <c r="E13090" s="6" t="s">
        <v>9</v>
      </c>
      <c r="F13090" s="7">
        <v>38657</v>
      </c>
      <c r="G13090" s="8">
        <v>1</v>
      </c>
      <c r="H13090" s="8">
        <v>1</v>
      </c>
      <c r="I13090" s="8">
        <v>0</v>
      </c>
      <c r="J13090" s="8">
        <v>1</v>
      </c>
      <c r="K13090" s="9">
        <v>22</v>
      </c>
      <c r="L13090" s="6" t="s">
        <v>51</v>
      </c>
    </row>
    <row r="13091" spans="1:12">
      <c r="A13091" s="6" t="s">
        <v>49</v>
      </c>
      <c r="B13091" s="6"/>
      <c r="C13091" s="6" t="s">
        <v>13115</v>
      </c>
      <c r="D13091" s="6"/>
      <c r="E13091" s="6" t="s">
        <v>9</v>
      </c>
      <c r="F13091" s="7">
        <v>38657</v>
      </c>
      <c r="G13091" s="8">
        <v>1</v>
      </c>
      <c r="H13091" s="8">
        <v>1</v>
      </c>
      <c r="I13091" s="8">
        <v>0</v>
      </c>
      <c r="J13091" s="8">
        <v>1</v>
      </c>
      <c r="K13091" s="9">
        <v>29</v>
      </c>
      <c r="L13091" s="6" t="s">
        <v>51</v>
      </c>
    </row>
    <row r="13092" spans="1:12">
      <c r="A13092" s="6" t="s">
        <v>49</v>
      </c>
      <c r="B13092" s="6"/>
      <c r="C13092" s="6" t="s">
        <v>13116</v>
      </c>
      <c r="D13092" s="6"/>
      <c r="E13092" s="6" t="s">
        <v>9</v>
      </c>
      <c r="F13092" s="7">
        <v>38657</v>
      </c>
      <c r="G13092" s="8">
        <v>1</v>
      </c>
      <c r="H13092" s="8">
        <v>1</v>
      </c>
      <c r="I13092" s="8">
        <v>0</v>
      </c>
      <c r="J13092" s="8">
        <v>1</v>
      </c>
      <c r="K13092" s="9">
        <v>21</v>
      </c>
      <c r="L13092" s="6" t="s">
        <v>51</v>
      </c>
    </row>
    <row r="13093" spans="1:12">
      <c r="A13093" s="6" t="s">
        <v>49</v>
      </c>
      <c r="B13093" s="6"/>
      <c r="C13093" s="6" t="s">
        <v>13117</v>
      </c>
      <c r="D13093" s="6"/>
      <c r="E13093" s="6" t="s">
        <v>9</v>
      </c>
      <c r="F13093" s="7">
        <v>38657</v>
      </c>
      <c r="G13093" s="8">
        <v>1</v>
      </c>
      <c r="H13093" s="8">
        <v>1</v>
      </c>
      <c r="I13093" s="8">
        <v>0</v>
      </c>
      <c r="J13093" s="8">
        <v>1</v>
      </c>
      <c r="K13093" s="9">
        <v>26</v>
      </c>
      <c r="L13093" s="6" t="s">
        <v>51</v>
      </c>
    </row>
    <row r="13094" spans="1:12">
      <c r="A13094" s="6" t="s">
        <v>49</v>
      </c>
      <c r="B13094" s="6"/>
      <c r="C13094" s="6" t="s">
        <v>13118</v>
      </c>
      <c r="D13094" s="6"/>
      <c r="E13094" s="6" t="s">
        <v>9</v>
      </c>
      <c r="F13094" s="7">
        <v>38657</v>
      </c>
      <c r="G13094" s="8">
        <v>1</v>
      </c>
      <c r="H13094" s="8">
        <v>1</v>
      </c>
      <c r="I13094" s="8">
        <v>0</v>
      </c>
      <c r="J13094" s="8">
        <v>1</v>
      </c>
      <c r="K13094" s="9">
        <v>28</v>
      </c>
      <c r="L13094" s="6" t="s">
        <v>51</v>
      </c>
    </row>
    <row r="13095" spans="1:12">
      <c r="A13095" s="6" t="s">
        <v>49</v>
      </c>
      <c r="B13095" s="6"/>
      <c r="C13095" s="6" t="s">
        <v>13119</v>
      </c>
      <c r="D13095" s="6"/>
      <c r="E13095" s="6" t="s">
        <v>9</v>
      </c>
      <c r="F13095" s="7">
        <v>38657</v>
      </c>
      <c r="G13095" s="8">
        <v>1</v>
      </c>
      <c r="H13095" s="8">
        <v>1</v>
      </c>
      <c r="I13095" s="8">
        <v>0</v>
      </c>
      <c r="J13095" s="8">
        <v>1</v>
      </c>
      <c r="K13095" s="9">
        <v>19</v>
      </c>
      <c r="L13095" s="6" t="s">
        <v>51</v>
      </c>
    </row>
    <row r="13096" spans="1:12">
      <c r="A13096" s="6" t="s">
        <v>49</v>
      </c>
      <c r="B13096" s="6"/>
      <c r="C13096" s="6" t="s">
        <v>13120</v>
      </c>
      <c r="D13096" s="6"/>
      <c r="E13096" s="6" t="s">
        <v>9</v>
      </c>
      <c r="F13096" s="7">
        <v>38657</v>
      </c>
      <c r="G13096" s="8">
        <v>1</v>
      </c>
      <c r="H13096" s="8">
        <v>1</v>
      </c>
      <c r="I13096" s="8">
        <v>0</v>
      </c>
      <c r="J13096" s="8">
        <v>1</v>
      </c>
      <c r="K13096" s="9">
        <v>29</v>
      </c>
      <c r="L13096" s="6" t="s">
        <v>51</v>
      </c>
    </row>
    <row r="13097" spans="1:12">
      <c r="A13097" s="6" t="s">
        <v>49</v>
      </c>
      <c r="B13097" s="6"/>
      <c r="C13097" s="6" t="s">
        <v>13121</v>
      </c>
      <c r="D13097" s="6"/>
      <c r="E13097" s="6" t="s">
        <v>9</v>
      </c>
      <c r="F13097" s="7">
        <v>38657</v>
      </c>
      <c r="G13097" s="8">
        <v>1</v>
      </c>
      <c r="H13097" s="8">
        <v>1</v>
      </c>
      <c r="I13097" s="8">
        <v>0</v>
      </c>
      <c r="J13097" s="8">
        <v>1</v>
      </c>
      <c r="K13097" s="9">
        <v>18</v>
      </c>
      <c r="L13097" s="6" t="s">
        <v>51</v>
      </c>
    </row>
    <row r="13098" spans="1:12">
      <c r="A13098" s="6" t="s">
        <v>49</v>
      </c>
      <c r="B13098" s="6"/>
      <c r="C13098" s="6" t="s">
        <v>13122</v>
      </c>
      <c r="D13098" s="6"/>
      <c r="E13098" s="6" t="s">
        <v>9</v>
      </c>
      <c r="F13098" s="7">
        <v>38657</v>
      </c>
      <c r="G13098" s="8">
        <v>1</v>
      </c>
      <c r="H13098" s="8">
        <v>1</v>
      </c>
      <c r="I13098" s="8">
        <v>0</v>
      </c>
      <c r="J13098" s="8">
        <v>1</v>
      </c>
      <c r="K13098" s="9">
        <v>55</v>
      </c>
      <c r="L13098" s="6" t="s">
        <v>51</v>
      </c>
    </row>
    <row r="13099" spans="1:12">
      <c r="A13099" s="6" t="s">
        <v>49</v>
      </c>
      <c r="B13099" s="6"/>
      <c r="C13099" s="6" t="s">
        <v>13123</v>
      </c>
      <c r="D13099" s="6"/>
      <c r="E13099" s="6" t="s">
        <v>9</v>
      </c>
      <c r="F13099" s="7">
        <v>38657</v>
      </c>
      <c r="G13099" s="8">
        <v>1</v>
      </c>
      <c r="H13099" s="8">
        <v>1</v>
      </c>
      <c r="I13099" s="8">
        <v>0</v>
      </c>
      <c r="J13099" s="8">
        <v>1</v>
      </c>
      <c r="K13099" s="9">
        <v>13</v>
      </c>
      <c r="L13099" s="6" t="s">
        <v>51</v>
      </c>
    </row>
    <row r="13100" spans="1:12">
      <c r="A13100" s="6" t="s">
        <v>49</v>
      </c>
      <c r="B13100" s="6"/>
      <c r="C13100" s="6" t="s">
        <v>13124</v>
      </c>
      <c r="D13100" s="6"/>
      <c r="E13100" s="6" t="s">
        <v>9</v>
      </c>
      <c r="F13100" s="7">
        <v>38657</v>
      </c>
      <c r="G13100" s="8">
        <v>1</v>
      </c>
      <c r="H13100" s="8">
        <v>1</v>
      </c>
      <c r="I13100" s="8">
        <v>0</v>
      </c>
      <c r="J13100" s="8">
        <v>1</v>
      </c>
      <c r="K13100" s="9">
        <v>22</v>
      </c>
      <c r="L13100" s="6" t="s">
        <v>51</v>
      </c>
    </row>
    <row r="13101" spans="1:12">
      <c r="A13101" s="6" t="s">
        <v>49</v>
      </c>
      <c r="B13101" s="6"/>
      <c r="C13101" s="6" t="s">
        <v>13125</v>
      </c>
      <c r="D13101" s="6"/>
      <c r="E13101" s="6" t="s">
        <v>9</v>
      </c>
      <c r="F13101" s="7">
        <v>38657</v>
      </c>
      <c r="G13101" s="8">
        <v>1</v>
      </c>
      <c r="H13101" s="8">
        <v>1</v>
      </c>
      <c r="I13101" s="8">
        <v>0</v>
      </c>
      <c r="J13101" s="8">
        <v>1</v>
      </c>
      <c r="K13101" s="9">
        <v>526</v>
      </c>
      <c r="L13101" s="6" t="s">
        <v>51</v>
      </c>
    </row>
    <row r="13102" spans="1:12">
      <c r="A13102" s="6" t="s">
        <v>49</v>
      </c>
      <c r="B13102" s="6"/>
      <c r="C13102" s="6" t="s">
        <v>13126</v>
      </c>
      <c r="D13102" s="6"/>
      <c r="E13102" s="6" t="s">
        <v>9</v>
      </c>
      <c r="F13102" s="7">
        <v>38657</v>
      </c>
      <c r="G13102" s="8">
        <v>1</v>
      </c>
      <c r="H13102" s="8">
        <v>1</v>
      </c>
      <c r="I13102" s="8">
        <v>0</v>
      </c>
      <c r="J13102" s="8">
        <v>1</v>
      </c>
      <c r="K13102" s="9">
        <v>166</v>
      </c>
      <c r="L13102" s="6" t="s">
        <v>51</v>
      </c>
    </row>
    <row r="13103" spans="1:12">
      <c r="A13103" s="6" t="s">
        <v>49</v>
      </c>
      <c r="B13103" s="6"/>
      <c r="C13103" s="6" t="s">
        <v>13127</v>
      </c>
      <c r="D13103" s="6"/>
      <c r="E13103" s="6" t="s">
        <v>9</v>
      </c>
      <c r="F13103" s="7">
        <v>38657</v>
      </c>
      <c r="G13103" s="8">
        <v>1</v>
      </c>
      <c r="H13103" s="8">
        <v>1</v>
      </c>
      <c r="I13103" s="8">
        <v>0</v>
      </c>
      <c r="J13103" s="8">
        <v>1</v>
      </c>
      <c r="K13103" s="9">
        <v>300</v>
      </c>
      <c r="L13103" s="6" t="s">
        <v>51</v>
      </c>
    </row>
    <row r="13104" spans="1:12">
      <c r="A13104" s="6" t="s">
        <v>49</v>
      </c>
      <c r="B13104" s="6"/>
      <c r="C13104" s="6" t="s">
        <v>13128</v>
      </c>
      <c r="D13104" s="6"/>
      <c r="E13104" s="6" t="s">
        <v>9</v>
      </c>
      <c r="F13104" s="7">
        <v>38657</v>
      </c>
      <c r="G13104" s="8">
        <v>1</v>
      </c>
      <c r="H13104" s="8">
        <v>1</v>
      </c>
      <c r="I13104" s="8">
        <v>0</v>
      </c>
      <c r="J13104" s="8">
        <v>1</v>
      </c>
      <c r="K13104" s="9">
        <v>276</v>
      </c>
      <c r="L13104" s="6" t="s">
        <v>51</v>
      </c>
    </row>
    <row r="13105" spans="1:12">
      <c r="A13105" s="6" t="s">
        <v>49</v>
      </c>
      <c r="B13105" s="6"/>
      <c r="C13105" s="6" t="s">
        <v>13129</v>
      </c>
      <c r="D13105" s="6"/>
      <c r="E13105" s="6" t="s">
        <v>9</v>
      </c>
      <c r="F13105" s="7">
        <v>38657</v>
      </c>
      <c r="G13105" s="8">
        <v>1</v>
      </c>
      <c r="H13105" s="8">
        <v>1</v>
      </c>
      <c r="I13105" s="8">
        <v>0</v>
      </c>
      <c r="J13105" s="8">
        <v>1</v>
      </c>
      <c r="K13105" s="9">
        <v>266</v>
      </c>
      <c r="L13105" s="6" t="s">
        <v>51</v>
      </c>
    </row>
    <row r="13106" spans="1:12">
      <c r="A13106" s="6" t="s">
        <v>49</v>
      </c>
      <c r="B13106" s="6"/>
      <c r="C13106" s="6" t="s">
        <v>13130</v>
      </c>
      <c r="D13106" s="6"/>
      <c r="E13106" s="6" t="s">
        <v>9</v>
      </c>
      <c r="F13106" s="7">
        <v>38657</v>
      </c>
      <c r="G13106" s="8">
        <v>1</v>
      </c>
      <c r="H13106" s="8">
        <v>1</v>
      </c>
      <c r="I13106" s="8">
        <v>0</v>
      </c>
      <c r="J13106" s="8">
        <v>1</v>
      </c>
      <c r="K13106" s="9">
        <v>102</v>
      </c>
      <c r="L13106" s="6" t="s">
        <v>51</v>
      </c>
    </row>
    <row r="13107" spans="1:12">
      <c r="A13107" s="6" t="s">
        <v>49</v>
      </c>
      <c r="B13107" s="6"/>
      <c r="C13107" s="6" t="s">
        <v>13131</v>
      </c>
      <c r="D13107" s="6"/>
      <c r="E13107" s="6" t="s">
        <v>9</v>
      </c>
      <c r="F13107" s="7">
        <v>38657</v>
      </c>
      <c r="G13107" s="8">
        <v>1</v>
      </c>
      <c r="H13107" s="8">
        <v>1</v>
      </c>
      <c r="I13107" s="8">
        <v>0</v>
      </c>
      <c r="J13107" s="8">
        <v>1</v>
      </c>
      <c r="K13107" s="9">
        <v>183</v>
      </c>
      <c r="L13107" s="6" t="s">
        <v>51</v>
      </c>
    </row>
    <row r="13108" spans="1:12">
      <c r="A13108" s="6" t="s">
        <v>49</v>
      </c>
      <c r="B13108" s="6"/>
      <c r="C13108" s="6" t="s">
        <v>13132</v>
      </c>
      <c r="D13108" s="6"/>
      <c r="E13108" s="6" t="s">
        <v>9</v>
      </c>
      <c r="F13108" s="7">
        <v>38657</v>
      </c>
      <c r="G13108" s="8">
        <v>1</v>
      </c>
      <c r="H13108" s="8">
        <v>1</v>
      </c>
      <c r="I13108" s="8">
        <v>0</v>
      </c>
      <c r="J13108" s="8">
        <v>1</v>
      </c>
      <c r="K13108" s="9">
        <v>364</v>
      </c>
      <c r="L13108" s="6" t="s">
        <v>51</v>
      </c>
    </row>
    <row r="13109" spans="1:12">
      <c r="A13109" s="6" t="s">
        <v>49</v>
      </c>
      <c r="B13109" s="6"/>
      <c r="C13109" s="6" t="s">
        <v>13133</v>
      </c>
      <c r="D13109" s="6"/>
      <c r="E13109" s="6" t="s">
        <v>9</v>
      </c>
      <c r="F13109" s="7">
        <v>38657</v>
      </c>
      <c r="G13109" s="8">
        <v>1</v>
      </c>
      <c r="H13109" s="8">
        <v>1</v>
      </c>
      <c r="I13109" s="8">
        <v>0</v>
      </c>
      <c r="J13109" s="8">
        <v>1</v>
      </c>
      <c r="K13109" s="9">
        <v>364</v>
      </c>
      <c r="L13109" s="6" t="s">
        <v>51</v>
      </c>
    </row>
    <row r="13110" spans="1:12">
      <c r="A13110" s="6" t="s">
        <v>49</v>
      </c>
      <c r="B13110" s="6"/>
      <c r="C13110" s="6" t="s">
        <v>13134</v>
      </c>
      <c r="D13110" s="6"/>
      <c r="E13110" s="6" t="s">
        <v>9</v>
      </c>
      <c r="F13110" s="7">
        <v>38657</v>
      </c>
      <c r="G13110" s="8">
        <v>1</v>
      </c>
      <c r="H13110" s="8">
        <v>1</v>
      </c>
      <c r="I13110" s="8">
        <v>0</v>
      </c>
      <c r="J13110" s="8">
        <v>1</v>
      </c>
      <c r="K13110" s="9">
        <v>350</v>
      </c>
      <c r="L13110" s="6" t="s">
        <v>51</v>
      </c>
    </row>
    <row r="13111" spans="1:12">
      <c r="A13111" s="6" t="s">
        <v>49</v>
      </c>
      <c r="B13111" s="6"/>
      <c r="C13111" s="6" t="s">
        <v>13135</v>
      </c>
      <c r="D13111" s="6"/>
      <c r="E13111" s="6" t="s">
        <v>9</v>
      </c>
      <c r="F13111" s="7">
        <v>38657</v>
      </c>
      <c r="G13111" s="8">
        <v>1</v>
      </c>
      <c r="H13111" s="8">
        <v>1</v>
      </c>
      <c r="I13111" s="8">
        <v>0</v>
      </c>
      <c r="J13111" s="8">
        <v>1</v>
      </c>
      <c r="K13111" s="9">
        <v>412</v>
      </c>
      <c r="L13111" s="6" t="s">
        <v>51</v>
      </c>
    </row>
    <row r="13112" spans="1:12">
      <c r="A13112" s="6" t="s">
        <v>49</v>
      </c>
      <c r="B13112" s="6"/>
      <c r="C13112" s="6" t="s">
        <v>13136</v>
      </c>
      <c r="D13112" s="6"/>
      <c r="E13112" s="6" t="s">
        <v>9</v>
      </c>
      <c r="F13112" s="7">
        <v>38657</v>
      </c>
      <c r="G13112" s="8">
        <v>1</v>
      </c>
      <c r="H13112" s="8">
        <v>1</v>
      </c>
      <c r="I13112" s="8">
        <v>0</v>
      </c>
      <c r="J13112" s="8">
        <v>1</v>
      </c>
      <c r="K13112" s="9">
        <v>275</v>
      </c>
      <c r="L13112" s="6" t="s">
        <v>51</v>
      </c>
    </row>
    <row r="13113" spans="1:12">
      <c r="A13113" s="6" t="s">
        <v>49</v>
      </c>
      <c r="B13113" s="6"/>
      <c r="C13113" s="6" t="s">
        <v>13137</v>
      </c>
      <c r="D13113" s="6"/>
      <c r="E13113" s="6" t="s">
        <v>9</v>
      </c>
      <c r="F13113" s="7">
        <v>38657</v>
      </c>
      <c r="G13113" s="8">
        <v>1</v>
      </c>
      <c r="H13113" s="8">
        <v>1</v>
      </c>
      <c r="I13113" s="8">
        <v>0</v>
      </c>
      <c r="J13113" s="8">
        <v>1</v>
      </c>
      <c r="K13113" s="9">
        <v>506</v>
      </c>
      <c r="L13113" s="6" t="s">
        <v>51</v>
      </c>
    </row>
    <row r="13114" spans="1:12">
      <c r="A13114" s="6" t="s">
        <v>49</v>
      </c>
      <c r="B13114" s="6"/>
      <c r="C13114" s="6" t="s">
        <v>13138</v>
      </c>
      <c r="D13114" s="6"/>
      <c r="E13114" s="6" t="s">
        <v>9</v>
      </c>
      <c r="F13114" s="7">
        <v>38657</v>
      </c>
      <c r="G13114" s="8">
        <v>1</v>
      </c>
      <c r="H13114" s="8">
        <v>1</v>
      </c>
      <c r="I13114" s="8">
        <v>0</v>
      </c>
      <c r="J13114" s="8">
        <v>1</v>
      </c>
      <c r="K13114" s="9">
        <v>295</v>
      </c>
      <c r="L13114" s="6" t="s">
        <v>51</v>
      </c>
    </row>
    <row r="13115" spans="1:12">
      <c r="A13115" s="6" t="s">
        <v>49</v>
      </c>
      <c r="B13115" s="6"/>
      <c r="C13115" s="6" t="s">
        <v>13139</v>
      </c>
      <c r="D13115" s="6"/>
      <c r="E13115" s="6" t="s">
        <v>9</v>
      </c>
      <c r="F13115" s="7">
        <v>38657</v>
      </c>
      <c r="G13115" s="8">
        <v>1</v>
      </c>
      <c r="H13115" s="8">
        <v>1</v>
      </c>
      <c r="I13115" s="8">
        <v>0</v>
      </c>
      <c r="J13115" s="8">
        <v>1</v>
      </c>
      <c r="K13115" s="9">
        <v>295</v>
      </c>
      <c r="L13115" s="6" t="s">
        <v>51</v>
      </c>
    </row>
    <row r="13116" spans="1:12">
      <c r="A13116" s="6" t="s">
        <v>49</v>
      </c>
      <c r="B13116" s="6"/>
      <c r="C13116" s="6" t="s">
        <v>13140</v>
      </c>
      <c r="D13116" s="6"/>
      <c r="E13116" s="6" t="s">
        <v>9</v>
      </c>
      <c r="F13116" s="7">
        <v>38657</v>
      </c>
      <c r="G13116" s="8">
        <v>1</v>
      </c>
      <c r="H13116" s="8">
        <v>1</v>
      </c>
      <c r="I13116" s="8">
        <v>0</v>
      </c>
      <c r="J13116" s="8">
        <v>1</v>
      </c>
      <c r="K13116" s="9">
        <v>454</v>
      </c>
      <c r="L13116" s="6" t="s">
        <v>51</v>
      </c>
    </row>
    <row r="13117" spans="1:12">
      <c r="A13117" s="6" t="s">
        <v>49</v>
      </c>
      <c r="B13117" s="6"/>
      <c r="C13117" s="6" t="s">
        <v>13141</v>
      </c>
      <c r="D13117" s="6"/>
      <c r="E13117" s="6" t="s">
        <v>9</v>
      </c>
      <c r="F13117" s="7">
        <v>38657</v>
      </c>
      <c r="G13117" s="8">
        <v>1</v>
      </c>
      <c r="H13117" s="8">
        <v>1</v>
      </c>
      <c r="I13117" s="8">
        <v>0</v>
      </c>
      <c r="J13117" s="8">
        <v>1</v>
      </c>
      <c r="K13117" s="9">
        <v>42</v>
      </c>
      <c r="L13117" s="6" t="s">
        <v>51</v>
      </c>
    </row>
    <row r="13118" spans="1:12">
      <c r="A13118" s="6" t="s">
        <v>49</v>
      </c>
      <c r="B13118" s="6"/>
      <c r="C13118" s="6" t="s">
        <v>13142</v>
      </c>
      <c r="D13118" s="6"/>
      <c r="E13118" s="6" t="s">
        <v>9</v>
      </c>
      <c r="F13118" s="7">
        <v>38657</v>
      </c>
      <c r="G13118" s="8">
        <v>1</v>
      </c>
      <c r="H13118" s="8">
        <v>1</v>
      </c>
      <c r="I13118" s="8">
        <v>0</v>
      </c>
      <c r="J13118" s="8">
        <v>1</v>
      </c>
      <c r="K13118" s="9">
        <v>462</v>
      </c>
      <c r="L13118" s="6" t="s">
        <v>51</v>
      </c>
    </row>
    <row r="13119" spans="1:12">
      <c r="A13119" s="6" t="s">
        <v>49</v>
      </c>
      <c r="B13119" s="6"/>
      <c r="C13119" s="6" t="s">
        <v>13143</v>
      </c>
      <c r="D13119" s="6"/>
      <c r="E13119" s="6" t="s">
        <v>9</v>
      </c>
      <c r="F13119" s="7">
        <v>38657</v>
      </c>
      <c r="G13119" s="8">
        <v>1</v>
      </c>
      <c r="H13119" s="8">
        <v>1</v>
      </c>
      <c r="I13119" s="8">
        <v>0</v>
      </c>
      <c r="J13119" s="8">
        <v>1</v>
      </c>
      <c r="K13119" s="9">
        <v>455</v>
      </c>
      <c r="L13119" s="6" t="s">
        <v>51</v>
      </c>
    </row>
    <row r="13120" spans="1:12">
      <c r="A13120" s="6" t="s">
        <v>49</v>
      </c>
      <c r="B13120" s="6"/>
      <c r="C13120" s="6" t="s">
        <v>13144</v>
      </c>
      <c r="D13120" s="6"/>
      <c r="E13120" s="6" t="s">
        <v>9</v>
      </c>
      <c r="F13120" s="7">
        <v>38657</v>
      </c>
      <c r="G13120" s="8">
        <v>1</v>
      </c>
      <c r="H13120" s="8">
        <v>1</v>
      </c>
      <c r="I13120" s="8">
        <v>0</v>
      </c>
      <c r="J13120" s="8">
        <v>1</v>
      </c>
      <c r="K13120" s="9">
        <v>410</v>
      </c>
      <c r="L13120" s="6" t="s">
        <v>51</v>
      </c>
    </row>
    <row r="13121" spans="1:12">
      <c r="A13121" s="6" t="s">
        <v>49</v>
      </c>
      <c r="B13121" s="6"/>
      <c r="C13121" s="6" t="s">
        <v>13145</v>
      </c>
      <c r="D13121" s="6"/>
      <c r="E13121" s="6" t="s">
        <v>9</v>
      </c>
      <c r="F13121" s="7">
        <v>38657</v>
      </c>
      <c r="G13121" s="8">
        <v>1</v>
      </c>
      <c r="H13121" s="8">
        <v>1</v>
      </c>
      <c r="I13121" s="8">
        <v>0</v>
      </c>
      <c r="J13121" s="8">
        <v>1</v>
      </c>
      <c r="K13121" s="9">
        <v>385</v>
      </c>
      <c r="L13121" s="6" t="s">
        <v>51</v>
      </c>
    </row>
    <row r="13122" spans="1:12">
      <c r="A13122" s="6" t="s">
        <v>49</v>
      </c>
      <c r="B13122" s="6"/>
      <c r="C13122" s="6" t="s">
        <v>13146</v>
      </c>
      <c r="D13122" s="6"/>
      <c r="E13122" s="6" t="s">
        <v>9</v>
      </c>
      <c r="F13122" s="7">
        <v>38657</v>
      </c>
      <c r="G13122" s="8">
        <v>1</v>
      </c>
      <c r="H13122" s="8">
        <v>1</v>
      </c>
      <c r="I13122" s="8">
        <v>0</v>
      </c>
      <c r="J13122" s="8">
        <v>1</v>
      </c>
      <c r="K13122" s="9">
        <v>22</v>
      </c>
      <c r="L13122" s="6" t="s">
        <v>51</v>
      </c>
    </row>
    <row r="13123" spans="1:12">
      <c r="A13123" s="6" t="s">
        <v>49</v>
      </c>
      <c r="B13123" s="6"/>
      <c r="C13123" s="6" t="s">
        <v>13147</v>
      </c>
      <c r="D13123" s="6"/>
      <c r="E13123" s="6" t="s">
        <v>9</v>
      </c>
      <c r="F13123" s="7">
        <v>38657</v>
      </c>
      <c r="G13123" s="8">
        <v>1</v>
      </c>
      <c r="H13123" s="8">
        <v>1</v>
      </c>
      <c r="I13123" s="8">
        <v>0</v>
      </c>
      <c r="J13123" s="8">
        <v>1</v>
      </c>
      <c r="K13123" s="9">
        <v>35</v>
      </c>
      <c r="L13123" s="6" t="s">
        <v>51</v>
      </c>
    </row>
    <row r="13124" spans="1:12">
      <c r="A13124" s="6" t="s">
        <v>49</v>
      </c>
      <c r="B13124" s="6"/>
      <c r="C13124" s="6" t="s">
        <v>13148</v>
      </c>
      <c r="D13124" s="6"/>
      <c r="E13124" s="6" t="s">
        <v>9</v>
      </c>
      <c r="F13124" s="7">
        <v>38657</v>
      </c>
      <c r="G13124" s="8">
        <v>1</v>
      </c>
      <c r="H13124" s="8">
        <v>1</v>
      </c>
      <c r="I13124" s="8">
        <v>0</v>
      </c>
      <c r="J13124" s="8">
        <v>1</v>
      </c>
      <c r="K13124" s="9">
        <v>19</v>
      </c>
      <c r="L13124" s="6" t="s">
        <v>51</v>
      </c>
    </row>
    <row r="13125" spans="1:12">
      <c r="A13125" s="6" t="s">
        <v>49</v>
      </c>
      <c r="B13125" s="6"/>
      <c r="C13125" s="6" t="s">
        <v>13149</v>
      </c>
      <c r="D13125" s="6"/>
      <c r="E13125" s="6" t="s">
        <v>9</v>
      </c>
      <c r="F13125" s="7">
        <v>38657</v>
      </c>
      <c r="G13125" s="8">
        <v>1</v>
      </c>
      <c r="H13125" s="8">
        <v>1</v>
      </c>
      <c r="I13125" s="8">
        <v>0</v>
      </c>
      <c r="J13125" s="8">
        <v>1</v>
      </c>
      <c r="K13125" s="9">
        <v>1.71</v>
      </c>
      <c r="L13125" s="6" t="s">
        <v>51</v>
      </c>
    </row>
    <row r="13126" spans="1:12">
      <c r="A13126" s="6" t="s">
        <v>49</v>
      </c>
      <c r="B13126" s="6"/>
      <c r="C13126" s="6" t="s">
        <v>13150</v>
      </c>
      <c r="D13126" s="6"/>
      <c r="E13126" s="6" t="s">
        <v>9</v>
      </c>
      <c r="F13126" s="7">
        <v>38657</v>
      </c>
      <c r="G13126" s="8">
        <v>1</v>
      </c>
      <c r="H13126" s="8">
        <v>1</v>
      </c>
      <c r="I13126" s="8">
        <v>0</v>
      </c>
      <c r="J13126" s="8">
        <v>1</v>
      </c>
      <c r="K13126" s="9">
        <v>16.03</v>
      </c>
      <c r="L13126" s="6" t="s">
        <v>51</v>
      </c>
    </row>
    <row r="13127" spans="1:12">
      <c r="A13127" s="6" t="s">
        <v>49</v>
      </c>
      <c r="B13127" s="6"/>
      <c r="C13127" s="6" t="s">
        <v>13151</v>
      </c>
      <c r="D13127" s="6"/>
      <c r="E13127" s="6" t="s">
        <v>9</v>
      </c>
      <c r="F13127" s="7">
        <v>38657</v>
      </c>
      <c r="G13127" s="8">
        <v>1</v>
      </c>
      <c r="H13127" s="8">
        <v>1</v>
      </c>
      <c r="I13127" s="8">
        <v>0</v>
      </c>
      <c r="J13127" s="8">
        <v>1</v>
      </c>
      <c r="K13127" s="9">
        <v>181</v>
      </c>
      <c r="L13127" s="6" t="s">
        <v>51</v>
      </c>
    </row>
    <row r="13128" spans="1:12">
      <c r="A13128" s="6" t="s">
        <v>49</v>
      </c>
      <c r="B13128" s="6"/>
      <c r="C13128" s="6" t="s">
        <v>13152</v>
      </c>
      <c r="D13128" s="6"/>
      <c r="E13128" s="6" t="s">
        <v>9</v>
      </c>
      <c r="F13128" s="7">
        <v>38657</v>
      </c>
      <c r="G13128" s="8">
        <v>1</v>
      </c>
      <c r="H13128" s="8">
        <v>1</v>
      </c>
      <c r="I13128" s="8">
        <v>0</v>
      </c>
      <c r="J13128" s="8">
        <v>1</v>
      </c>
      <c r="K13128" s="9">
        <v>112</v>
      </c>
      <c r="L13128" s="6" t="s">
        <v>51</v>
      </c>
    </row>
    <row r="13129" spans="1:12">
      <c r="A13129" s="6" t="s">
        <v>49</v>
      </c>
      <c r="B13129" s="6"/>
      <c r="C13129" s="6" t="s">
        <v>13153</v>
      </c>
      <c r="D13129" s="6"/>
      <c r="E13129" s="6" t="s">
        <v>9</v>
      </c>
      <c r="F13129" s="7">
        <v>38657</v>
      </c>
      <c r="G13129" s="8">
        <v>1</v>
      </c>
      <c r="H13129" s="8">
        <v>1</v>
      </c>
      <c r="I13129" s="8">
        <v>0</v>
      </c>
      <c r="J13129" s="8">
        <v>1</v>
      </c>
      <c r="K13129" s="9">
        <v>83</v>
      </c>
      <c r="L13129" s="6" t="s">
        <v>51</v>
      </c>
    </row>
    <row r="13130" spans="1:12">
      <c r="A13130" s="6" t="s">
        <v>49</v>
      </c>
      <c r="B13130" s="6"/>
      <c r="C13130" s="6" t="s">
        <v>13154</v>
      </c>
      <c r="D13130" s="6"/>
      <c r="E13130" s="6" t="s">
        <v>9</v>
      </c>
      <c r="F13130" s="7">
        <v>38657</v>
      </c>
      <c r="G13130" s="8">
        <v>1</v>
      </c>
      <c r="H13130" s="8">
        <v>1</v>
      </c>
      <c r="I13130" s="8">
        <v>0</v>
      </c>
      <c r="J13130" s="8">
        <v>1</v>
      </c>
      <c r="K13130" s="9">
        <v>25</v>
      </c>
      <c r="L13130" s="6" t="s">
        <v>51</v>
      </c>
    </row>
    <row r="13131" spans="1:12">
      <c r="A13131" s="6" t="s">
        <v>49</v>
      </c>
      <c r="B13131" s="6"/>
      <c r="C13131" s="6" t="s">
        <v>13155</v>
      </c>
      <c r="D13131" s="6"/>
      <c r="E13131" s="6" t="s">
        <v>9</v>
      </c>
      <c r="F13131" s="7">
        <v>38657</v>
      </c>
      <c r="G13131" s="8">
        <v>1</v>
      </c>
      <c r="H13131" s="8">
        <v>1</v>
      </c>
      <c r="I13131" s="8">
        <v>0</v>
      </c>
      <c r="J13131" s="8">
        <v>1</v>
      </c>
      <c r="K13131" s="9">
        <v>6.27</v>
      </c>
      <c r="L13131" s="6" t="s">
        <v>51</v>
      </c>
    </row>
    <row r="13132" spans="1:12">
      <c r="A13132" s="6" t="s">
        <v>49</v>
      </c>
      <c r="B13132" s="6"/>
      <c r="C13132" s="6" t="s">
        <v>13156</v>
      </c>
      <c r="D13132" s="6"/>
      <c r="E13132" s="6" t="s">
        <v>9</v>
      </c>
      <c r="F13132" s="7">
        <v>38657</v>
      </c>
      <c r="G13132" s="8">
        <v>1</v>
      </c>
      <c r="H13132" s="8">
        <v>1</v>
      </c>
      <c r="I13132" s="8">
        <v>0</v>
      </c>
      <c r="J13132" s="8">
        <v>1</v>
      </c>
      <c r="K13132" s="9">
        <v>754</v>
      </c>
      <c r="L13132" s="6" t="s">
        <v>51</v>
      </c>
    </row>
    <row r="13133" spans="1:12">
      <c r="A13133" s="6" t="s">
        <v>49</v>
      </c>
      <c r="B13133" s="6"/>
      <c r="C13133" s="6" t="s">
        <v>13157</v>
      </c>
      <c r="D13133" s="6"/>
      <c r="E13133" s="6" t="s">
        <v>9</v>
      </c>
      <c r="F13133" s="7">
        <v>38657</v>
      </c>
      <c r="G13133" s="8">
        <v>1</v>
      </c>
      <c r="H13133" s="8">
        <v>1</v>
      </c>
      <c r="I13133" s="8">
        <v>0</v>
      </c>
      <c r="J13133" s="8">
        <v>1</v>
      </c>
      <c r="K13133" s="9">
        <v>484</v>
      </c>
      <c r="L13133" s="6" t="s">
        <v>51</v>
      </c>
    </row>
    <row r="13134" spans="1:12">
      <c r="A13134" s="6" t="s">
        <v>49</v>
      </c>
      <c r="B13134" s="6"/>
      <c r="C13134" s="6" t="s">
        <v>13158</v>
      </c>
      <c r="D13134" s="6"/>
      <c r="E13134" s="6" t="s">
        <v>9</v>
      </c>
      <c r="F13134" s="7">
        <v>38657</v>
      </c>
      <c r="G13134" s="8">
        <v>1</v>
      </c>
      <c r="H13134" s="8">
        <v>1</v>
      </c>
      <c r="I13134" s="8">
        <v>0</v>
      </c>
      <c r="J13134" s="8">
        <v>1</v>
      </c>
      <c r="K13134" s="9">
        <v>680</v>
      </c>
      <c r="L13134" s="6" t="s">
        <v>51</v>
      </c>
    </row>
    <row r="13135" spans="1:12">
      <c r="A13135" s="6" t="s">
        <v>49</v>
      </c>
      <c r="B13135" s="6"/>
      <c r="C13135" s="6" t="s">
        <v>13159</v>
      </c>
      <c r="D13135" s="6"/>
      <c r="E13135" s="6" t="s">
        <v>9</v>
      </c>
      <c r="F13135" s="7">
        <v>38657</v>
      </c>
      <c r="G13135" s="8">
        <v>1</v>
      </c>
      <c r="H13135" s="8">
        <v>1</v>
      </c>
      <c r="I13135" s="8">
        <v>0</v>
      </c>
      <c r="J13135" s="8">
        <v>1</v>
      </c>
      <c r="K13135" s="9">
        <v>758</v>
      </c>
      <c r="L13135" s="6" t="s">
        <v>51</v>
      </c>
    </row>
    <row r="13136" spans="1:12">
      <c r="A13136" s="6" t="s">
        <v>49</v>
      </c>
      <c r="B13136" s="6"/>
      <c r="C13136" s="6" t="s">
        <v>13160</v>
      </c>
      <c r="D13136" s="6"/>
      <c r="E13136" s="6" t="s">
        <v>9</v>
      </c>
      <c r="F13136" s="7">
        <v>38657</v>
      </c>
      <c r="G13136" s="8">
        <v>1</v>
      </c>
      <c r="H13136" s="8">
        <v>1</v>
      </c>
      <c r="I13136" s="8">
        <v>0</v>
      </c>
      <c r="J13136" s="8">
        <v>1</v>
      </c>
      <c r="K13136" s="9">
        <v>330</v>
      </c>
      <c r="L13136" s="6" t="s">
        <v>51</v>
      </c>
    </row>
    <row r="13137" spans="1:12">
      <c r="A13137" s="6" t="s">
        <v>49</v>
      </c>
      <c r="B13137" s="6"/>
      <c r="C13137" s="6" t="s">
        <v>13161</v>
      </c>
      <c r="D13137" s="6"/>
      <c r="E13137" s="6" t="s">
        <v>9</v>
      </c>
      <c r="F13137" s="7">
        <v>38657</v>
      </c>
      <c r="G13137" s="8">
        <v>1</v>
      </c>
      <c r="H13137" s="8">
        <v>1</v>
      </c>
      <c r="I13137" s="8">
        <v>0</v>
      </c>
      <c r="J13137" s="8">
        <v>1</v>
      </c>
      <c r="K13137" s="9">
        <v>1096</v>
      </c>
      <c r="L13137" s="6" t="s">
        <v>51</v>
      </c>
    </row>
    <row r="13138" spans="1:12">
      <c r="A13138" s="6" t="s">
        <v>49</v>
      </c>
      <c r="B13138" s="6"/>
      <c r="C13138" s="6" t="s">
        <v>13162</v>
      </c>
      <c r="D13138" s="6"/>
      <c r="E13138" s="6" t="s">
        <v>9</v>
      </c>
      <c r="F13138" s="7">
        <v>38657</v>
      </c>
      <c r="G13138" s="8">
        <v>1</v>
      </c>
      <c r="H13138" s="8">
        <v>1</v>
      </c>
      <c r="I13138" s="8">
        <v>0</v>
      </c>
      <c r="J13138" s="8">
        <v>1</v>
      </c>
      <c r="K13138" s="9">
        <v>1.6</v>
      </c>
      <c r="L13138" s="6" t="s">
        <v>51</v>
      </c>
    </row>
    <row r="13139" spans="1:12">
      <c r="A13139" s="6" t="s">
        <v>49</v>
      </c>
      <c r="B13139" s="6"/>
      <c r="C13139" s="6" t="s">
        <v>13163</v>
      </c>
      <c r="D13139" s="6"/>
      <c r="E13139" s="6" t="s">
        <v>9</v>
      </c>
      <c r="F13139" s="7">
        <v>38657</v>
      </c>
      <c r="G13139" s="8">
        <v>1</v>
      </c>
      <c r="H13139" s="8">
        <v>1</v>
      </c>
      <c r="I13139" s="8">
        <v>0</v>
      </c>
      <c r="J13139" s="8">
        <v>1</v>
      </c>
      <c r="K13139" s="9">
        <v>26</v>
      </c>
      <c r="L13139" s="6" t="s">
        <v>51</v>
      </c>
    </row>
    <row r="13140" spans="1:12">
      <c r="A13140" s="6" t="s">
        <v>49</v>
      </c>
      <c r="B13140" s="6"/>
      <c r="C13140" s="6" t="s">
        <v>13164</v>
      </c>
      <c r="D13140" s="6"/>
      <c r="E13140" s="6" t="s">
        <v>9</v>
      </c>
      <c r="F13140" s="7">
        <v>38657</v>
      </c>
      <c r="G13140" s="8">
        <v>1</v>
      </c>
      <c r="H13140" s="8">
        <v>1</v>
      </c>
      <c r="I13140" s="8">
        <v>0</v>
      </c>
      <c r="J13140" s="8">
        <v>1</v>
      </c>
      <c r="K13140" s="9">
        <v>62</v>
      </c>
      <c r="L13140" s="6" t="s">
        <v>51</v>
      </c>
    </row>
    <row r="13141" spans="1:12">
      <c r="A13141" s="6" t="s">
        <v>49</v>
      </c>
      <c r="B13141" s="6"/>
      <c r="C13141" s="6" t="s">
        <v>13165</v>
      </c>
      <c r="D13141" s="6"/>
      <c r="E13141" s="6" t="s">
        <v>9</v>
      </c>
      <c r="F13141" s="7">
        <v>38657</v>
      </c>
      <c r="G13141" s="8">
        <v>1</v>
      </c>
      <c r="H13141" s="8">
        <v>1</v>
      </c>
      <c r="I13141" s="8">
        <v>0</v>
      </c>
      <c r="J13141" s="8">
        <v>1</v>
      </c>
      <c r="K13141" s="9">
        <v>746</v>
      </c>
      <c r="L13141" s="6" t="s">
        <v>51</v>
      </c>
    </row>
    <row r="13142" spans="1:12">
      <c r="A13142" s="6" t="s">
        <v>49</v>
      </c>
      <c r="B13142" s="6"/>
      <c r="C13142" s="6" t="s">
        <v>13166</v>
      </c>
      <c r="D13142" s="6"/>
      <c r="E13142" s="6" t="s">
        <v>9</v>
      </c>
      <c r="F13142" s="7">
        <v>38657</v>
      </c>
      <c r="G13142" s="8">
        <v>1</v>
      </c>
      <c r="H13142" s="8">
        <v>1</v>
      </c>
      <c r="I13142" s="8">
        <v>0</v>
      </c>
      <c r="J13142" s="8">
        <v>1</v>
      </c>
      <c r="K13142" s="9">
        <v>759</v>
      </c>
      <c r="L13142" s="6" t="s">
        <v>51</v>
      </c>
    </row>
    <row r="13143" spans="1:12">
      <c r="A13143" s="6" t="s">
        <v>49</v>
      </c>
      <c r="B13143" s="6"/>
      <c r="C13143" s="6" t="s">
        <v>13167</v>
      </c>
      <c r="D13143" s="6"/>
      <c r="E13143" s="6" t="s">
        <v>9</v>
      </c>
      <c r="F13143" s="7">
        <v>38657</v>
      </c>
      <c r="G13143" s="8">
        <v>1</v>
      </c>
      <c r="H13143" s="8">
        <v>1</v>
      </c>
      <c r="I13143" s="8">
        <v>0</v>
      </c>
      <c r="J13143" s="8">
        <v>1</v>
      </c>
      <c r="K13143" s="9">
        <v>629</v>
      </c>
      <c r="L13143" s="6" t="s">
        <v>51</v>
      </c>
    </row>
    <row r="13144" spans="1:12">
      <c r="A13144" s="6" t="s">
        <v>49</v>
      </c>
      <c r="B13144" s="6"/>
      <c r="C13144" s="6" t="s">
        <v>13168</v>
      </c>
      <c r="D13144" s="6"/>
      <c r="E13144" s="6" t="s">
        <v>9</v>
      </c>
      <c r="F13144" s="7">
        <v>38657</v>
      </c>
      <c r="G13144" s="8">
        <v>1</v>
      </c>
      <c r="H13144" s="8">
        <v>1</v>
      </c>
      <c r="I13144" s="8">
        <v>0</v>
      </c>
      <c r="J13144" s="8">
        <v>1</v>
      </c>
      <c r="K13144" s="9">
        <v>642</v>
      </c>
      <c r="L13144" s="6" t="s">
        <v>51</v>
      </c>
    </row>
    <row r="13145" spans="1:12">
      <c r="A13145" s="6" t="s">
        <v>49</v>
      </c>
      <c r="B13145" s="6"/>
      <c r="C13145" s="6" t="s">
        <v>13169</v>
      </c>
      <c r="D13145" s="6"/>
      <c r="E13145" s="6" t="s">
        <v>9</v>
      </c>
      <c r="F13145" s="7">
        <v>38657</v>
      </c>
      <c r="G13145" s="8">
        <v>1</v>
      </c>
      <c r="H13145" s="8">
        <v>1</v>
      </c>
      <c r="I13145" s="8">
        <v>0</v>
      </c>
      <c r="J13145" s="8">
        <v>1</v>
      </c>
      <c r="K13145" s="9">
        <v>634</v>
      </c>
      <c r="L13145" s="6" t="s">
        <v>51</v>
      </c>
    </row>
    <row r="13146" spans="1:12">
      <c r="A13146" s="6" t="s">
        <v>49</v>
      </c>
      <c r="B13146" s="6"/>
      <c r="C13146" s="6" t="s">
        <v>13170</v>
      </c>
      <c r="D13146" s="6"/>
      <c r="E13146" s="6" t="s">
        <v>9</v>
      </c>
      <c r="F13146" s="7">
        <v>38657</v>
      </c>
      <c r="G13146" s="8">
        <v>1</v>
      </c>
      <c r="H13146" s="8">
        <v>1</v>
      </c>
      <c r="I13146" s="8">
        <v>0</v>
      </c>
      <c r="J13146" s="8">
        <v>1</v>
      </c>
      <c r="K13146" s="9">
        <v>648</v>
      </c>
      <c r="L13146" s="6" t="s">
        <v>51</v>
      </c>
    </row>
    <row r="13147" spans="1:12">
      <c r="A13147" s="6" t="s">
        <v>49</v>
      </c>
      <c r="B13147" s="6"/>
      <c r="C13147" s="6" t="s">
        <v>13171</v>
      </c>
      <c r="D13147" s="6"/>
      <c r="E13147" s="6" t="s">
        <v>9</v>
      </c>
      <c r="F13147" s="7">
        <v>38657</v>
      </c>
      <c r="G13147" s="8">
        <v>1</v>
      </c>
      <c r="H13147" s="8">
        <v>1</v>
      </c>
      <c r="I13147" s="8">
        <v>0</v>
      </c>
      <c r="J13147" s="8">
        <v>1</v>
      </c>
      <c r="K13147" s="9">
        <v>171</v>
      </c>
      <c r="L13147" s="6" t="s">
        <v>51</v>
      </c>
    </row>
    <row r="13148" spans="1:12">
      <c r="A13148" s="6" t="s">
        <v>49</v>
      </c>
      <c r="B13148" s="6"/>
      <c r="C13148" s="6" t="s">
        <v>13172</v>
      </c>
      <c r="D13148" s="6"/>
      <c r="E13148" s="6" t="s">
        <v>9</v>
      </c>
      <c r="F13148" s="7">
        <v>38657</v>
      </c>
      <c r="G13148" s="8">
        <v>1</v>
      </c>
      <c r="H13148" s="8">
        <v>1</v>
      </c>
      <c r="I13148" s="8">
        <v>0</v>
      </c>
      <c r="J13148" s="8">
        <v>1</v>
      </c>
      <c r="K13148" s="9">
        <v>135</v>
      </c>
      <c r="L13148" s="6" t="s">
        <v>51</v>
      </c>
    </row>
    <row r="13149" spans="1:12">
      <c r="A13149" s="6" t="s">
        <v>49</v>
      </c>
      <c r="B13149" s="6"/>
      <c r="C13149" s="6" t="s">
        <v>13173</v>
      </c>
      <c r="D13149" s="6"/>
      <c r="E13149" s="6" t="s">
        <v>9</v>
      </c>
      <c r="F13149" s="7">
        <v>38657</v>
      </c>
      <c r="G13149" s="8">
        <v>1</v>
      </c>
      <c r="H13149" s="8">
        <v>1</v>
      </c>
      <c r="I13149" s="8">
        <v>0</v>
      </c>
      <c r="J13149" s="8">
        <v>1</v>
      </c>
      <c r="K13149" s="9">
        <v>745</v>
      </c>
      <c r="L13149" s="6" t="s">
        <v>51</v>
      </c>
    </row>
    <row r="13150" spans="1:12">
      <c r="A13150" s="6" t="s">
        <v>49</v>
      </c>
      <c r="B13150" s="6"/>
      <c r="C13150" s="6" t="s">
        <v>13174</v>
      </c>
      <c r="D13150" s="6"/>
      <c r="E13150" s="6" t="s">
        <v>9</v>
      </c>
      <c r="F13150" s="7">
        <v>38657</v>
      </c>
      <c r="G13150" s="8">
        <v>1</v>
      </c>
      <c r="H13150" s="8">
        <v>1</v>
      </c>
      <c r="I13150" s="8">
        <v>0</v>
      </c>
      <c r="J13150" s="8">
        <v>1</v>
      </c>
      <c r="K13150" s="9">
        <v>757</v>
      </c>
      <c r="L13150" s="6" t="s">
        <v>51</v>
      </c>
    </row>
    <row r="13151" spans="1:12">
      <c r="A13151" s="6" t="s">
        <v>49</v>
      </c>
      <c r="B13151" s="6"/>
      <c r="C13151" s="6" t="s">
        <v>13175</v>
      </c>
      <c r="D13151" s="6"/>
      <c r="E13151" s="6" t="s">
        <v>9</v>
      </c>
      <c r="F13151" s="7">
        <v>38657</v>
      </c>
      <c r="G13151" s="8">
        <v>1</v>
      </c>
      <c r="H13151" s="8">
        <v>1</v>
      </c>
      <c r="I13151" s="8">
        <v>0</v>
      </c>
      <c r="J13151" s="8">
        <v>1</v>
      </c>
      <c r="K13151" s="9">
        <v>105</v>
      </c>
      <c r="L13151" s="6" t="s">
        <v>51</v>
      </c>
    </row>
    <row r="13152" spans="1:12">
      <c r="A13152" s="6" t="s">
        <v>49</v>
      </c>
      <c r="B13152" s="6"/>
      <c r="C13152" s="6" t="s">
        <v>13176</v>
      </c>
      <c r="D13152" s="6"/>
      <c r="E13152" s="6" t="s">
        <v>9</v>
      </c>
      <c r="F13152" s="7">
        <v>38657</v>
      </c>
      <c r="G13152" s="8">
        <v>1</v>
      </c>
      <c r="H13152" s="8">
        <v>1</v>
      </c>
      <c r="I13152" s="8">
        <v>0</v>
      </c>
      <c r="J13152" s="8">
        <v>1</v>
      </c>
      <c r="K13152" s="9">
        <v>754</v>
      </c>
      <c r="L13152" s="6" t="s">
        <v>51</v>
      </c>
    </row>
    <row r="13153" spans="1:12">
      <c r="A13153" s="6" t="s">
        <v>49</v>
      </c>
      <c r="B13153" s="6"/>
      <c r="C13153" s="6" t="s">
        <v>13177</v>
      </c>
      <c r="D13153" s="6"/>
      <c r="E13153" s="6" t="s">
        <v>9</v>
      </c>
      <c r="F13153" s="7">
        <v>38657</v>
      </c>
      <c r="G13153" s="8">
        <v>1</v>
      </c>
      <c r="H13153" s="8">
        <v>1</v>
      </c>
      <c r="I13153" s="8">
        <v>0</v>
      </c>
      <c r="J13153" s="8">
        <v>1</v>
      </c>
      <c r="K13153" s="9">
        <v>751</v>
      </c>
      <c r="L13153" s="6" t="s">
        <v>51</v>
      </c>
    </row>
    <row r="13154" spans="1:12">
      <c r="A13154" s="6" t="s">
        <v>49</v>
      </c>
      <c r="B13154" s="6"/>
      <c r="C13154" s="6" t="s">
        <v>13178</v>
      </c>
      <c r="D13154" s="6"/>
      <c r="E13154" s="6" t="s">
        <v>9</v>
      </c>
      <c r="F13154" s="7">
        <v>38657</v>
      </c>
      <c r="G13154" s="8">
        <v>1</v>
      </c>
      <c r="H13154" s="8">
        <v>1</v>
      </c>
      <c r="I13154" s="8">
        <v>0</v>
      </c>
      <c r="J13154" s="8">
        <v>1</v>
      </c>
      <c r="K13154" s="9">
        <v>749</v>
      </c>
      <c r="L13154" s="6" t="s">
        <v>51</v>
      </c>
    </row>
    <row r="13155" spans="1:12">
      <c r="A13155" s="6" t="s">
        <v>49</v>
      </c>
      <c r="B13155" s="6"/>
      <c r="C13155" s="6" t="s">
        <v>13179</v>
      </c>
      <c r="D13155" s="6"/>
      <c r="E13155" s="6" t="s">
        <v>9</v>
      </c>
      <c r="F13155" s="7">
        <v>38657</v>
      </c>
      <c r="G13155" s="8">
        <v>1</v>
      </c>
      <c r="H13155" s="8">
        <v>1</v>
      </c>
      <c r="I13155" s="8">
        <v>0</v>
      </c>
      <c r="J13155" s="8">
        <v>1</v>
      </c>
      <c r="K13155" s="9">
        <v>754</v>
      </c>
      <c r="L13155" s="6" t="s">
        <v>51</v>
      </c>
    </row>
    <row r="13156" spans="1:12">
      <c r="A13156" s="6" t="s">
        <v>49</v>
      </c>
      <c r="B13156" s="6"/>
      <c r="C13156" s="6" t="s">
        <v>13180</v>
      </c>
      <c r="D13156" s="6"/>
      <c r="E13156" s="6" t="s">
        <v>9</v>
      </c>
      <c r="F13156" s="7">
        <v>38657</v>
      </c>
      <c r="G13156" s="8">
        <v>1</v>
      </c>
      <c r="H13156" s="8">
        <v>1</v>
      </c>
      <c r="I13156" s="8">
        <v>0</v>
      </c>
      <c r="J13156" s="8">
        <v>1</v>
      </c>
      <c r="K13156" s="9">
        <v>1150</v>
      </c>
      <c r="L13156" s="6" t="s">
        <v>51</v>
      </c>
    </row>
    <row r="13157" spans="1:12">
      <c r="A13157" s="6" t="s">
        <v>49</v>
      </c>
      <c r="B13157" s="6"/>
      <c r="C13157" s="6" t="s">
        <v>13181</v>
      </c>
      <c r="D13157" s="6"/>
      <c r="E13157" s="6" t="s">
        <v>9</v>
      </c>
      <c r="F13157" s="7">
        <v>38657</v>
      </c>
      <c r="G13157" s="8">
        <v>1</v>
      </c>
      <c r="H13157" s="8">
        <v>1</v>
      </c>
      <c r="I13157" s="8">
        <v>0</v>
      </c>
      <c r="J13157" s="8">
        <v>1</v>
      </c>
      <c r="K13157" s="9">
        <v>360</v>
      </c>
      <c r="L13157" s="6" t="s">
        <v>51</v>
      </c>
    </row>
    <row r="13158" spans="1:12">
      <c r="A13158" s="6" t="s">
        <v>49</v>
      </c>
      <c r="B13158" s="6"/>
      <c r="C13158" s="6" t="s">
        <v>13182</v>
      </c>
      <c r="D13158" s="6"/>
      <c r="E13158" s="6" t="s">
        <v>9</v>
      </c>
      <c r="F13158" s="7">
        <v>38657</v>
      </c>
      <c r="G13158" s="8">
        <v>1</v>
      </c>
      <c r="H13158" s="8">
        <v>1</v>
      </c>
      <c r="I13158" s="8">
        <v>0</v>
      </c>
      <c r="J13158" s="8">
        <v>1</v>
      </c>
      <c r="K13158" s="9">
        <v>735</v>
      </c>
      <c r="L13158" s="6" t="s">
        <v>51</v>
      </c>
    </row>
    <row r="13159" spans="1:12">
      <c r="A13159" s="6" t="s">
        <v>49</v>
      </c>
      <c r="B13159" s="6"/>
      <c r="C13159" s="6" t="s">
        <v>13183</v>
      </c>
      <c r="D13159" s="6"/>
      <c r="E13159" s="6" t="s">
        <v>9</v>
      </c>
      <c r="F13159" s="7">
        <v>38657</v>
      </c>
      <c r="G13159" s="8">
        <v>1</v>
      </c>
      <c r="H13159" s="8">
        <v>1</v>
      </c>
      <c r="I13159" s="8">
        <v>0</v>
      </c>
      <c r="J13159" s="8">
        <v>1</v>
      </c>
      <c r="K13159" s="9">
        <v>770</v>
      </c>
      <c r="L13159" s="6" t="s">
        <v>51</v>
      </c>
    </row>
    <row r="13160" spans="1:12">
      <c r="A13160" s="6" t="s">
        <v>49</v>
      </c>
      <c r="B13160" s="6"/>
      <c r="C13160" s="6" t="s">
        <v>13184</v>
      </c>
      <c r="D13160" s="6"/>
      <c r="E13160" s="6" t="s">
        <v>9</v>
      </c>
      <c r="F13160" s="7">
        <v>38657</v>
      </c>
      <c r="G13160" s="8">
        <v>1</v>
      </c>
      <c r="H13160" s="8">
        <v>1</v>
      </c>
      <c r="I13160" s="8">
        <v>0</v>
      </c>
      <c r="J13160" s="8">
        <v>1</v>
      </c>
      <c r="K13160" s="9">
        <v>751</v>
      </c>
      <c r="L13160" s="6" t="s">
        <v>51</v>
      </c>
    </row>
    <row r="13161" spans="1:12">
      <c r="A13161" s="6" t="s">
        <v>49</v>
      </c>
      <c r="B13161" s="6"/>
      <c r="C13161" s="6" t="s">
        <v>13185</v>
      </c>
      <c r="D13161" s="6"/>
      <c r="E13161" s="6" t="s">
        <v>9</v>
      </c>
      <c r="F13161" s="7">
        <v>38657</v>
      </c>
      <c r="G13161" s="8">
        <v>1</v>
      </c>
      <c r="H13161" s="8">
        <v>1</v>
      </c>
      <c r="I13161" s="8">
        <v>0</v>
      </c>
      <c r="J13161" s="8">
        <v>1</v>
      </c>
      <c r="K13161" s="9">
        <v>750</v>
      </c>
      <c r="L13161" s="6" t="s">
        <v>51</v>
      </c>
    </row>
    <row r="13162" spans="1:12">
      <c r="A13162" s="6" t="s">
        <v>49</v>
      </c>
      <c r="B13162" s="6"/>
      <c r="C13162" s="6" t="s">
        <v>13186</v>
      </c>
      <c r="D13162" s="6"/>
      <c r="E13162" s="6" t="s">
        <v>9</v>
      </c>
      <c r="F13162" s="7">
        <v>38657</v>
      </c>
      <c r="G13162" s="8">
        <v>1</v>
      </c>
      <c r="H13162" s="8">
        <v>1</v>
      </c>
      <c r="I13162" s="8">
        <v>0</v>
      </c>
      <c r="J13162" s="8">
        <v>1</v>
      </c>
      <c r="K13162" s="9">
        <v>62</v>
      </c>
      <c r="L13162" s="6" t="s">
        <v>51</v>
      </c>
    </row>
    <row r="13163" spans="1:12">
      <c r="A13163" s="6" t="s">
        <v>49</v>
      </c>
      <c r="B13163" s="6"/>
      <c r="C13163" s="6" t="s">
        <v>13187</v>
      </c>
      <c r="D13163" s="6"/>
      <c r="E13163" s="6" t="s">
        <v>9</v>
      </c>
      <c r="F13163" s="7">
        <v>38657</v>
      </c>
      <c r="G13163" s="8">
        <v>1</v>
      </c>
      <c r="H13163" s="8">
        <v>1</v>
      </c>
      <c r="I13163" s="8">
        <v>0</v>
      </c>
      <c r="J13163" s="8">
        <v>1</v>
      </c>
      <c r="K13163" s="9">
        <v>4.5</v>
      </c>
      <c r="L13163" s="6" t="s">
        <v>51</v>
      </c>
    </row>
    <row r="13164" spans="1:12">
      <c r="A13164" s="6" t="s">
        <v>49</v>
      </c>
      <c r="B13164" s="6"/>
      <c r="C13164" s="6" t="s">
        <v>13188</v>
      </c>
      <c r="D13164" s="6"/>
      <c r="E13164" s="6" t="s">
        <v>9</v>
      </c>
      <c r="F13164" s="7">
        <v>38657</v>
      </c>
      <c r="G13164" s="8">
        <v>1</v>
      </c>
      <c r="H13164" s="8">
        <v>1</v>
      </c>
      <c r="I13164" s="8">
        <v>0</v>
      </c>
      <c r="J13164" s="8">
        <v>1</v>
      </c>
      <c r="K13164" s="9">
        <v>4.5</v>
      </c>
      <c r="L13164" s="6" t="s">
        <v>51</v>
      </c>
    </row>
    <row r="13165" spans="1:12">
      <c r="A13165" s="6" t="s">
        <v>49</v>
      </c>
      <c r="B13165" s="6"/>
      <c r="C13165" s="6" t="s">
        <v>13189</v>
      </c>
      <c r="D13165" s="6"/>
      <c r="E13165" s="6" t="s">
        <v>9</v>
      </c>
      <c r="F13165" s="7">
        <v>38657</v>
      </c>
      <c r="G13165" s="8">
        <v>1</v>
      </c>
      <c r="H13165" s="8">
        <v>1</v>
      </c>
      <c r="I13165" s="8">
        <v>0</v>
      </c>
      <c r="J13165" s="8">
        <v>1</v>
      </c>
      <c r="K13165" s="9">
        <v>0.85</v>
      </c>
      <c r="L13165" s="6" t="s">
        <v>51</v>
      </c>
    </row>
    <row r="13166" spans="1:12">
      <c r="A13166" s="6" t="s">
        <v>49</v>
      </c>
      <c r="B13166" s="6"/>
      <c r="C13166" s="6" t="s">
        <v>13190</v>
      </c>
      <c r="D13166" s="6"/>
      <c r="E13166" s="6" t="s">
        <v>9</v>
      </c>
      <c r="F13166" s="7">
        <v>38657</v>
      </c>
      <c r="G13166" s="8">
        <v>1</v>
      </c>
      <c r="H13166" s="8">
        <v>1</v>
      </c>
      <c r="I13166" s="8">
        <v>0</v>
      </c>
      <c r="J13166" s="8">
        <v>1</v>
      </c>
      <c r="K13166" s="9">
        <v>10</v>
      </c>
      <c r="L13166" s="6" t="s">
        <v>51</v>
      </c>
    </row>
    <row r="13167" spans="1:12">
      <c r="A13167" s="6" t="s">
        <v>49</v>
      </c>
      <c r="B13167" s="6"/>
      <c r="C13167" s="6" t="s">
        <v>13191</v>
      </c>
      <c r="D13167" s="6"/>
      <c r="E13167" s="6" t="s">
        <v>9</v>
      </c>
      <c r="F13167" s="7">
        <v>38657</v>
      </c>
      <c r="G13167" s="8">
        <v>1</v>
      </c>
      <c r="H13167" s="8">
        <v>1</v>
      </c>
      <c r="I13167" s="8">
        <v>0</v>
      </c>
      <c r="J13167" s="8">
        <v>1</v>
      </c>
      <c r="K13167" s="9">
        <v>2.77</v>
      </c>
      <c r="L13167" s="6" t="s">
        <v>51</v>
      </c>
    </row>
    <row r="13168" spans="1:12">
      <c r="A13168" s="6" t="s">
        <v>49</v>
      </c>
      <c r="B13168" s="6"/>
      <c r="C13168" s="6" t="s">
        <v>13192</v>
      </c>
      <c r="D13168" s="6"/>
      <c r="E13168" s="6" t="s">
        <v>9</v>
      </c>
      <c r="F13168" s="7">
        <v>38657</v>
      </c>
      <c r="G13168" s="8">
        <v>1</v>
      </c>
      <c r="H13168" s="8">
        <v>1</v>
      </c>
      <c r="I13168" s="8">
        <v>0</v>
      </c>
      <c r="J13168" s="8">
        <v>1</v>
      </c>
      <c r="K13168" s="9">
        <v>8.8800000000000008</v>
      </c>
      <c r="L13168" s="6" t="s">
        <v>51</v>
      </c>
    </row>
    <row r="13169" spans="1:12">
      <c r="A13169" s="6" t="s">
        <v>49</v>
      </c>
      <c r="B13169" s="6"/>
      <c r="C13169" s="6" t="s">
        <v>13193</v>
      </c>
      <c r="D13169" s="6"/>
      <c r="E13169" s="6" t="s">
        <v>9</v>
      </c>
      <c r="F13169" s="7">
        <v>38657</v>
      </c>
      <c r="G13169" s="8">
        <v>1</v>
      </c>
      <c r="H13169" s="8">
        <v>1</v>
      </c>
      <c r="I13169" s="8">
        <v>0</v>
      </c>
      <c r="J13169" s="8">
        <v>1</v>
      </c>
      <c r="K13169" s="9">
        <v>2.50999999999999</v>
      </c>
      <c r="L13169" s="6" t="s">
        <v>51</v>
      </c>
    </row>
    <row r="13170" spans="1:12">
      <c r="A13170" s="6" t="s">
        <v>49</v>
      </c>
      <c r="B13170" s="6"/>
      <c r="C13170" s="6" t="s">
        <v>13194</v>
      </c>
      <c r="D13170" s="6"/>
      <c r="E13170" s="6" t="s">
        <v>9</v>
      </c>
      <c r="F13170" s="7">
        <v>38657</v>
      </c>
      <c r="G13170" s="8">
        <v>1</v>
      </c>
      <c r="H13170" s="8">
        <v>1</v>
      </c>
      <c r="I13170" s="8">
        <v>0</v>
      </c>
      <c r="J13170" s="8">
        <v>1</v>
      </c>
      <c r="K13170" s="9">
        <v>20</v>
      </c>
      <c r="L13170" s="6" t="s">
        <v>51</v>
      </c>
    </row>
    <row r="13171" spans="1:12">
      <c r="A13171" s="6" t="s">
        <v>49</v>
      </c>
      <c r="B13171" s="6"/>
      <c r="C13171" s="6" t="s">
        <v>13195</v>
      </c>
      <c r="D13171" s="6"/>
      <c r="E13171" s="6" t="s">
        <v>9</v>
      </c>
      <c r="F13171" s="7">
        <v>38657</v>
      </c>
      <c r="G13171" s="8">
        <v>1</v>
      </c>
      <c r="H13171" s="8">
        <v>1</v>
      </c>
      <c r="I13171" s="8">
        <v>0</v>
      </c>
      <c r="J13171" s="8">
        <v>1</v>
      </c>
      <c r="K13171" s="9">
        <v>41</v>
      </c>
      <c r="L13171" s="6" t="s">
        <v>51</v>
      </c>
    </row>
    <row r="13172" spans="1:12">
      <c r="A13172" s="6" t="s">
        <v>49</v>
      </c>
      <c r="B13172" s="6"/>
      <c r="C13172" s="6" t="s">
        <v>13196</v>
      </c>
      <c r="D13172" s="6"/>
      <c r="E13172" s="6" t="s">
        <v>9</v>
      </c>
      <c r="F13172" s="7">
        <v>38657</v>
      </c>
      <c r="G13172" s="8">
        <v>1</v>
      </c>
      <c r="H13172" s="8">
        <v>1</v>
      </c>
      <c r="I13172" s="8">
        <v>0</v>
      </c>
      <c r="J13172" s="8">
        <v>1</v>
      </c>
      <c r="K13172" s="9">
        <v>0.67</v>
      </c>
      <c r="L13172" s="6" t="s">
        <v>51</v>
      </c>
    </row>
    <row r="13173" spans="1:12">
      <c r="A13173" s="6" t="s">
        <v>49</v>
      </c>
      <c r="B13173" s="6"/>
      <c r="C13173" s="6" t="s">
        <v>13197</v>
      </c>
      <c r="D13173" s="6"/>
      <c r="E13173" s="6" t="s">
        <v>9</v>
      </c>
      <c r="F13173" s="7">
        <v>38657</v>
      </c>
      <c r="G13173" s="8">
        <v>1</v>
      </c>
      <c r="H13173" s="8">
        <v>1</v>
      </c>
      <c r="I13173" s="8">
        <v>0</v>
      </c>
      <c r="J13173" s="8">
        <v>1</v>
      </c>
      <c r="K13173" s="9">
        <v>95</v>
      </c>
      <c r="L13173" s="6" t="s">
        <v>51</v>
      </c>
    </row>
    <row r="13174" spans="1:12">
      <c r="A13174" s="6" t="s">
        <v>49</v>
      </c>
      <c r="B13174" s="6"/>
      <c r="C13174" s="6" t="s">
        <v>13198</v>
      </c>
      <c r="D13174" s="6"/>
      <c r="E13174" s="6" t="s">
        <v>9</v>
      </c>
      <c r="F13174" s="7">
        <v>38657</v>
      </c>
      <c r="G13174" s="8">
        <v>1</v>
      </c>
      <c r="H13174" s="8">
        <v>1</v>
      </c>
      <c r="I13174" s="8">
        <v>0</v>
      </c>
      <c r="J13174" s="8">
        <v>1</v>
      </c>
      <c r="K13174" s="9">
        <v>261</v>
      </c>
      <c r="L13174" s="6" t="s">
        <v>51</v>
      </c>
    </row>
    <row r="13175" spans="1:12">
      <c r="A13175" s="6" t="s">
        <v>49</v>
      </c>
      <c r="B13175" s="6"/>
      <c r="C13175" s="6" t="s">
        <v>13199</v>
      </c>
      <c r="D13175" s="6"/>
      <c r="E13175" s="6" t="s">
        <v>9</v>
      </c>
      <c r="F13175" s="7">
        <v>38657</v>
      </c>
      <c r="G13175" s="8">
        <v>1</v>
      </c>
      <c r="H13175" s="8">
        <v>1</v>
      </c>
      <c r="I13175" s="8">
        <v>0</v>
      </c>
      <c r="J13175" s="8">
        <v>1</v>
      </c>
      <c r="K13175" s="9">
        <v>119</v>
      </c>
      <c r="L13175" s="6" t="s">
        <v>51</v>
      </c>
    </row>
    <row r="13176" spans="1:12">
      <c r="A13176" s="6" t="s">
        <v>49</v>
      </c>
      <c r="B13176" s="6"/>
      <c r="C13176" s="6" t="s">
        <v>13200</v>
      </c>
      <c r="D13176" s="6"/>
      <c r="E13176" s="6" t="s">
        <v>9</v>
      </c>
      <c r="F13176" s="7">
        <v>38657</v>
      </c>
      <c r="G13176" s="8">
        <v>1</v>
      </c>
      <c r="H13176" s="8">
        <v>1</v>
      </c>
      <c r="I13176" s="8">
        <v>0</v>
      </c>
      <c r="J13176" s="8">
        <v>1</v>
      </c>
      <c r="K13176" s="9">
        <v>139</v>
      </c>
      <c r="L13176" s="6" t="s">
        <v>51</v>
      </c>
    </row>
    <row r="13177" spans="1:12">
      <c r="A13177" s="6" t="s">
        <v>49</v>
      </c>
      <c r="B13177" s="6"/>
      <c r="C13177" s="6" t="s">
        <v>13201</v>
      </c>
      <c r="D13177" s="6"/>
      <c r="E13177" s="6" t="s">
        <v>9</v>
      </c>
      <c r="F13177" s="7">
        <v>38657</v>
      </c>
      <c r="G13177" s="8">
        <v>1</v>
      </c>
      <c r="H13177" s="8">
        <v>1</v>
      </c>
      <c r="I13177" s="8">
        <v>0</v>
      </c>
      <c r="J13177" s="8">
        <v>1</v>
      </c>
      <c r="K13177" s="9">
        <v>213</v>
      </c>
      <c r="L13177" s="6" t="s">
        <v>51</v>
      </c>
    </row>
    <row r="13178" spans="1:12">
      <c r="A13178" s="6" t="s">
        <v>49</v>
      </c>
      <c r="B13178" s="6"/>
      <c r="C13178" s="6" t="s">
        <v>13202</v>
      </c>
      <c r="D13178" s="6"/>
      <c r="E13178" s="6" t="s">
        <v>9</v>
      </c>
      <c r="F13178" s="7">
        <v>38657</v>
      </c>
      <c r="G13178" s="8">
        <v>1</v>
      </c>
      <c r="H13178" s="8">
        <v>1</v>
      </c>
      <c r="I13178" s="8">
        <v>0</v>
      </c>
      <c r="J13178" s="8">
        <v>1</v>
      </c>
      <c r="K13178" s="9">
        <v>1541</v>
      </c>
      <c r="L13178" s="6" t="s">
        <v>51</v>
      </c>
    </row>
    <row r="13179" spans="1:12">
      <c r="A13179" s="6" t="s">
        <v>49</v>
      </c>
      <c r="B13179" s="6"/>
      <c r="C13179" s="6" t="s">
        <v>13203</v>
      </c>
      <c r="D13179" s="6"/>
      <c r="E13179" s="6" t="s">
        <v>9</v>
      </c>
      <c r="F13179" s="7">
        <v>38657</v>
      </c>
      <c r="G13179" s="8">
        <v>1</v>
      </c>
      <c r="H13179" s="8">
        <v>1</v>
      </c>
      <c r="I13179" s="8">
        <v>0</v>
      </c>
      <c r="J13179" s="8">
        <v>1</v>
      </c>
      <c r="K13179" s="9">
        <v>781</v>
      </c>
      <c r="L13179" s="6" t="s">
        <v>51</v>
      </c>
    </row>
    <row r="13180" spans="1:12">
      <c r="A13180" s="6" t="s">
        <v>49</v>
      </c>
      <c r="B13180" s="6"/>
      <c r="C13180" s="6" t="s">
        <v>13204</v>
      </c>
      <c r="D13180" s="6"/>
      <c r="E13180" s="6" t="s">
        <v>9</v>
      </c>
      <c r="F13180" s="7">
        <v>38657</v>
      </c>
      <c r="G13180" s="8">
        <v>1</v>
      </c>
      <c r="H13180" s="8">
        <v>1</v>
      </c>
      <c r="I13180" s="8">
        <v>0</v>
      </c>
      <c r="J13180" s="8">
        <v>1</v>
      </c>
      <c r="K13180" s="9">
        <v>586</v>
      </c>
      <c r="L13180" s="6" t="s">
        <v>51</v>
      </c>
    </row>
    <row r="13181" spans="1:12">
      <c r="A13181" s="6" t="s">
        <v>49</v>
      </c>
      <c r="B13181" s="6"/>
      <c r="C13181" s="6" t="s">
        <v>13205</v>
      </c>
      <c r="D13181" s="6"/>
      <c r="E13181" s="6" t="s">
        <v>9</v>
      </c>
      <c r="F13181" s="7">
        <v>38657</v>
      </c>
      <c r="G13181" s="8">
        <v>1</v>
      </c>
      <c r="H13181" s="8">
        <v>1</v>
      </c>
      <c r="I13181" s="8">
        <v>0</v>
      </c>
      <c r="J13181" s="8">
        <v>1</v>
      </c>
      <c r="K13181" s="9">
        <v>215</v>
      </c>
      <c r="L13181" s="6" t="s">
        <v>51</v>
      </c>
    </row>
    <row r="13182" spans="1:12">
      <c r="A13182" s="6" t="s">
        <v>49</v>
      </c>
      <c r="B13182" s="6"/>
      <c r="C13182" s="6" t="s">
        <v>13206</v>
      </c>
      <c r="D13182" s="6"/>
      <c r="E13182" s="6" t="s">
        <v>9</v>
      </c>
      <c r="F13182" s="7">
        <v>38657</v>
      </c>
      <c r="G13182" s="8">
        <v>1</v>
      </c>
      <c r="H13182" s="8">
        <v>1</v>
      </c>
      <c r="I13182" s="8">
        <v>0</v>
      </c>
      <c r="J13182" s="8">
        <v>1</v>
      </c>
      <c r="K13182" s="9">
        <v>1271</v>
      </c>
      <c r="L13182" s="6" t="s">
        <v>51</v>
      </c>
    </row>
    <row r="13183" spans="1:12">
      <c r="A13183" s="6" t="s">
        <v>49</v>
      </c>
      <c r="B13183" s="6"/>
      <c r="C13183" s="6" t="s">
        <v>13207</v>
      </c>
      <c r="D13183" s="6"/>
      <c r="E13183" s="6" t="s">
        <v>9</v>
      </c>
      <c r="F13183" s="7">
        <v>38657</v>
      </c>
      <c r="G13183" s="8">
        <v>1</v>
      </c>
      <c r="H13183" s="8">
        <v>1</v>
      </c>
      <c r="I13183" s="8">
        <v>0</v>
      </c>
      <c r="J13183" s="8">
        <v>1</v>
      </c>
      <c r="K13183" s="9">
        <v>135</v>
      </c>
      <c r="L13183" s="6" t="s">
        <v>51</v>
      </c>
    </row>
    <row r="13184" spans="1:12">
      <c r="A13184" s="6" t="s">
        <v>49</v>
      </c>
      <c r="B13184" s="6"/>
      <c r="C13184" s="6" t="s">
        <v>13208</v>
      </c>
      <c r="D13184" s="6"/>
      <c r="E13184" s="6" t="s">
        <v>9</v>
      </c>
      <c r="F13184" s="7">
        <v>38657</v>
      </c>
      <c r="G13184" s="8">
        <v>1</v>
      </c>
      <c r="H13184" s="8">
        <v>1</v>
      </c>
      <c r="I13184" s="8">
        <v>0</v>
      </c>
      <c r="J13184" s="8">
        <v>1</v>
      </c>
      <c r="K13184" s="9">
        <v>52</v>
      </c>
      <c r="L13184" s="6" t="s">
        <v>51</v>
      </c>
    </row>
    <row r="13185" spans="1:12">
      <c r="A13185" s="6" t="s">
        <v>49</v>
      </c>
      <c r="B13185" s="6"/>
      <c r="C13185" s="6" t="s">
        <v>13209</v>
      </c>
      <c r="D13185" s="6"/>
      <c r="E13185" s="6" t="s">
        <v>9</v>
      </c>
      <c r="F13185" s="7">
        <v>38657</v>
      </c>
      <c r="G13185" s="8">
        <v>1</v>
      </c>
      <c r="H13185" s="8">
        <v>1</v>
      </c>
      <c r="I13185" s="8">
        <v>0</v>
      </c>
      <c r="J13185" s="8">
        <v>1</v>
      </c>
      <c r="K13185" s="9">
        <v>272</v>
      </c>
      <c r="L13185" s="6" t="s">
        <v>51</v>
      </c>
    </row>
    <row r="13186" spans="1:12">
      <c r="A13186" s="6" t="s">
        <v>49</v>
      </c>
      <c r="B13186" s="6"/>
      <c r="C13186" s="6" t="s">
        <v>13210</v>
      </c>
      <c r="D13186" s="6"/>
      <c r="E13186" s="6" t="s">
        <v>9</v>
      </c>
      <c r="F13186" s="7">
        <v>38657</v>
      </c>
      <c r="G13186" s="8">
        <v>1</v>
      </c>
      <c r="H13186" s="8">
        <v>1</v>
      </c>
      <c r="I13186" s="8">
        <v>0</v>
      </c>
      <c r="J13186" s="8">
        <v>1</v>
      </c>
      <c r="K13186" s="9">
        <v>865</v>
      </c>
      <c r="L13186" s="6" t="s">
        <v>51</v>
      </c>
    </row>
    <row r="13187" spans="1:12">
      <c r="A13187" s="6" t="s">
        <v>49</v>
      </c>
      <c r="B13187" s="6"/>
      <c r="C13187" s="6" t="s">
        <v>13211</v>
      </c>
      <c r="D13187" s="6"/>
      <c r="E13187" s="6" t="s">
        <v>9</v>
      </c>
      <c r="F13187" s="7">
        <v>38657</v>
      </c>
      <c r="G13187" s="8">
        <v>1</v>
      </c>
      <c r="H13187" s="8">
        <v>1</v>
      </c>
      <c r="I13187" s="8">
        <v>0</v>
      </c>
      <c r="J13187" s="8">
        <v>1</v>
      </c>
      <c r="K13187" s="9">
        <v>533</v>
      </c>
      <c r="L13187" s="6" t="s">
        <v>51</v>
      </c>
    </row>
    <row r="13188" spans="1:12">
      <c r="A13188" s="6" t="s">
        <v>49</v>
      </c>
      <c r="B13188" s="6"/>
      <c r="C13188" s="6" t="s">
        <v>13212</v>
      </c>
      <c r="D13188" s="6"/>
      <c r="E13188" s="6" t="s">
        <v>9</v>
      </c>
      <c r="F13188" s="7">
        <v>38657</v>
      </c>
      <c r="G13188" s="8">
        <v>1</v>
      </c>
      <c r="H13188" s="8">
        <v>1</v>
      </c>
      <c r="I13188" s="8">
        <v>0</v>
      </c>
      <c r="J13188" s="8">
        <v>1</v>
      </c>
      <c r="K13188" s="9">
        <v>522</v>
      </c>
      <c r="L13188" s="6" t="s">
        <v>51</v>
      </c>
    </row>
    <row r="13189" spans="1:12">
      <c r="A13189" s="6" t="s">
        <v>49</v>
      </c>
      <c r="B13189" s="6"/>
      <c r="C13189" s="6" t="s">
        <v>13213</v>
      </c>
      <c r="D13189" s="6"/>
      <c r="E13189" s="6" t="s">
        <v>9</v>
      </c>
      <c r="F13189" s="7">
        <v>38657</v>
      </c>
      <c r="G13189" s="8">
        <v>1</v>
      </c>
      <c r="H13189" s="8">
        <v>1</v>
      </c>
      <c r="I13189" s="8">
        <v>0</v>
      </c>
      <c r="J13189" s="8">
        <v>1</v>
      </c>
      <c r="K13189" s="9">
        <v>7.73</v>
      </c>
      <c r="L13189" s="6" t="s">
        <v>51</v>
      </c>
    </row>
    <row r="13190" spans="1:12">
      <c r="A13190" s="6" t="s">
        <v>49</v>
      </c>
      <c r="B13190" s="6"/>
      <c r="C13190" s="6" t="s">
        <v>13214</v>
      </c>
      <c r="D13190" s="6"/>
      <c r="E13190" s="6" t="s">
        <v>9</v>
      </c>
      <c r="F13190" s="7">
        <v>38657</v>
      </c>
      <c r="G13190" s="8">
        <v>1</v>
      </c>
      <c r="H13190" s="8">
        <v>1</v>
      </c>
      <c r="I13190" s="8">
        <v>0</v>
      </c>
      <c r="J13190" s="8">
        <v>1</v>
      </c>
      <c r="K13190" s="9">
        <v>27</v>
      </c>
      <c r="L13190" s="6" t="s">
        <v>51</v>
      </c>
    </row>
    <row r="13191" spans="1:12">
      <c r="A13191" s="6" t="s">
        <v>49</v>
      </c>
      <c r="B13191" s="6"/>
      <c r="C13191" s="6" t="s">
        <v>13215</v>
      </c>
      <c r="D13191" s="6"/>
      <c r="E13191" s="6" t="s">
        <v>9</v>
      </c>
      <c r="F13191" s="7">
        <v>38657</v>
      </c>
      <c r="G13191" s="8">
        <v>1</v>
      </c>
      <c r="H13191" s="8">
        <v>1</v>
      </c>
      <c r="I13191" s="8">
        <v>0</v>
      </c>
      <c r="J13191" s="8">
        <v>1</v>
      </c>
      <c r="K13191" s="9">
        <v>28</v>
      </c>
      <c r="L13191" s="6" t="s">
        <v>51</v>
      </c>
    </row>
    <row r="13192" spans="1:12">
      <c r="A13192" s="6" t="s">
        <v>49</v>
      </c>
      <c r="B13192" s="6"/>
      <c r="C13192" s="6" t="s">
        <v>13216</v>
      </c>
      <c r="D13192" s="6"/>
      <c r="E13192" s="6" t="s">
        <v>9</v>
      </c>
      <c r="F13192" s="7">
        <v>38657</v>
      </c>
      <c r="G13192" s="8">
        <v>1</v>
      </c>
      <c r="H13192" s="8">
        <v>1</v>
      </c>
      <c r="I13192" s="8">
        <v>0</v>
      </c>
      <c r="J13192" s="8">
        <v>1</v>
      </c>
      <c r="K13192" s="9">
        <v>14</v>
      </c>
      <c r="L13192" s="6" t="s">
        <v>51</v>
      </c>
    </row>
    <row r="13193" spans="1:12">
      <c r="A13193" s="6" t="s">
        <v>49</v>
      </c>
      <c r="B13193" s="6"/>
      <c r="C13193" s="6" t="s">
        <v>13217</v>
      </c>
      <c r="D13193" s="6"/>
      <c r="E13193" s="6" t="s">
        <v>9</v>
      </c>
      <c r="F13193" s="7">
        <v>38657</v>
      </c>
      <c r="G13193" s="8">
        <v>1</v>
      </c>
      <c r="H13193" s="8">
        <v>1</v>
      </c>
      <c r="I13193" s="8">
        <v>0</v>
      </c>
      <c r="J13193" s="8">
        <v>1</v>
      </c>
      <c r="K13193" s="9">
        <v>150</v>
      </c>
      <c r="L13193" s="6" t="s">
        <v>51</v>
      </c>
    </row>
    <row r="13194" spans="1:12">
      <c r="A13194" s="6" t="s">
        <v>49</v>
      </c>
      <c r="B13194" s="6"/>
      <c r="C13194" s="6" t="s">
        <v>13218</v>
      </c>
      <c r="D13194" s="6"/>
      <c r="E13194" s="6" t="s">
        <v>9</v>
      </c>
      <c r="F13194" s="7">
        <v>38657</v>
      </c>
      <c r="G13194" s="8">
        <v>1</v>
      </c>
      <c r="H13194" s="8">
        <v>1</v>
      </c>
      <c r="I13194" s="8">
        <v>0</v>
      </c>
      <c r="J13194" s="8">
        <v>1</v>
      </c>
      <c r="K13194" s="9">
        <v>27</v>
      </c>
      <c r="L13194" s="6" t="s">
        <v>51</v>
      </c>
    </row>
    <row r="13195" spans="1:12">
      <c r="A13195" s="6" t="s">
        <v>49</v>
      </c>
      <c r="B13195" s="6"/>
      <c r="C13195" s="6" t="s">
        <v>13219</v>
      </c>
      <c r="D13195" s="6"/>
      <c r="E13195" s="6" t="s">
        <v>9</v>
      </c>
      <c r="F13195" s="7">
        <v>38657</v>
      </c>
      <c r="G13195" s="8">
        <v>1</v>
      </c>
      <c r="H13195" s="8">
        <v>1</v>
      </c>
      <c r="I13195" s="8">
        <v>0</v>
      </c>
      <c r="J13195" s="8">
        <v>1</v>
      </c>
      <c r="K13195" s="9">
        <v>99</v>
      </c>
      <c r="L13195" s="6" t="s">
        <v>51</v>
      </c>
    </row>
    <row r="13196" spans="1:12">
      <c r="A13196" s="6" t="s">
        <v>49</v>
      </c>
      <c r="B13196" s="6"/>
      <c r="C13196" s="6" t="s">
        <v>13220</v>
      </c>
      <c r="D13196" s="6"/>
      <c r="E13196" s="6" t="s">
        <v>9</v>
      </c>
      <c r="F13196" s="7">
        <v>38657</v>
      </c>
      <c r="G13196" s="8">
        <v>1</v>
      </c>
      <c r="H13196" s="8">
        <v>1</v>
      </c>
      <c r="I13196" s="8">
        <v>0</v>
      </c>
      <c r="J13196" s="8">
        <v>1</v>
      </c>
      <c r="K13196" s="9">
        <v>28</v>
      </c>
      <c r="L13196" s="6" t="s">
        <v>51</v>
      </c>
    </row>
    <row r="13197" spans="1:12">
      <c r="A13197" s="6" t="s">
        <v>49</v>
      </c>
      <c r="B13197" s="6"/>
      <c r="C13197" s="6" t="s">
        <v>13221</v>
      </c>
      <c r="D13197" s="6"/>
      <c r="E13197" s="6" t="s">
        <v>9</v>
      </c>
      <c r="F13197" s="7">
        <v>38657</v>
      </c>
      <c r="G13197" s="8">
        <v>1</v>
      </c>
      <c r="H13197" s="8">
        <v>1</v>
      </c>
      <c r="I13197" s="8">
        <v>0</v>
      </c>
      <c r="J13197" s="8">
        <v>1</v>
      </c>
      <c r="K13197" s="9">
        <v>258</v>
      </c>
      <c r="L13197" s="6" t="s">
        <v>51</v>
      </c>
    </row>
    <row r="13198" spans="1:12">
      <c r="A13198" s="6" t="s">
        <v>49</v>
      </c>
      <c r="B13198" s="6"/>
      <c r="C13198" s="6" t="s">
        <v>13222</v>
      </c>
      <c r="D13198" s="6"/>
      <c r="E13198" s="6" t="s">
        <v>9</v>
      </c>
      <c r="F13198" s="7">
        <v>38657</v>
      </c>
      <c r="G13198" s="8">
        <v>1</v>
      </c>
      <c r="H13198" s="8">
        <v>1</v>
      </c>
      <c r="I13198" s="8">
        <v>0</v>
      </c>
      <c r="J13198" s="8">
        <v>1</v>
      </c>
      <c r="K13198" s="9">
        <v>56</v>
      </c>
      <c r="L13198" s="6" t="s">
        <v>51</v>
      </c>
    </row>
    <row r="13199" spans="1:12">
      <c r="A13199" s="6" t="s">
        <v>49</v>
      </c>
      <c r="B13199" s="6"/>
      <c r="C13199" s="6" t="s">
        <v>13223</v>
      </c>
      <c r="D13199" s="6"/>
      <c r="E13199" s="6" t="s">
        <v>9</v>
      </c>
      <c r="F13199" s="7">
        <v>38657</v>
      </c>
      <c r="G13199" s="8">
        <v>1</v>
      </c>
      <c r="H13199" s="8">
        <v>1</v>
      </c>
      <c r="I13199" s="8">
        <v>0</v>
      </c>
      <c r="J13199" s="8">
        <v>1</v>
      </c>
      <c r="K13199" s="9">
        <v>37</v>
      </c>
      <c r="L13199" s="6" t="s">
        <v>51</v>
      </c>
    </row>
    <row r="13200" spans="1:12">
      <c r="A13200" s="6" t="s">
        <v>49</v>
      </c>
      <c r="B13200" s="6"/>
      <c r="C13200" s="6" t="s">
        <v>13224</v>
      </c>
      <c r="D13200" s="6"/>
      <c r="E13200" s="6" t="s">
        <v>9</v>
      </c>
      <c r="F13200" s="7">
        <v>38657</v>
      </c>
      <c r="G13200" s="8">
        <v>1</v>
      </c>
      <c r="H13200" s="8">
        <v>1</v>
      </c>
      <c r="I13200" s="8">
        <v>0</v>
      </c>
      <c r="J13200" s="8">
        <v>1</v>
      </c>
      <c r="K13200" s="9">
        <v>18</v>
      </c>
      <c r="L13200" s="6" t="s">
        <v>51</v>
      </c>
    </row>
    <row r="13201" spans="1:12">
      <c r="A13201" s="6" t="s">
        <v>49</v>
      </c>
      <c r="B13201" s="6"/>
      <c r="C13201" s="6" t="s">
        <v>13225</v>
      </c>
      <c r="D13201" s="6"/>
      <c r="E13201" s="6" t="s">
        <v>9</v>
      </c>
      <c r="F13201" s="7">
        <v>38657</v>
      </c>
      <c r="G13201" s="8">
        <v>1</v>
      </c>
      <c r="H13201" s="8">
        <v>1</v>
      </c>
      <c r="I13201" s="8">
        <v>0</v>
      </c>
      <c r="J13201" s="8">
        <v>1</v>
      </c>
      <c r="K13201" s="9">
        <v>24</v>
      </c>
      <c r="L13201" s="6" t="s">
        <v>51</v>
      </c>
    </row>
    <row r="13202" spans="1:12">
      <c r="A13202" s="6" t="s">
        <v>49</v>
      </c>
      <c r="B13202" s="6"/>
      <c r="C13202" s="6" t="s">
        <v>13226</v>
      </c>
      <c r="D13202" s="6"/>
      <c r="E13202" s="6" t="s">
        <v>9</v>
      </c>
      <c r="F13202" s="7">
        <v>38657</v>
      </c>
      <c r="G13202" s="8">
        <v>1</v>
      </c>
      <c r="H13202" s="8">
        <v>1</v>
      </c>
      <c r="I13202" s="8">
        <v>0</v>
      </c>
      <c r="J13202" s="8">
        <v>1</v>
      </c>
      <c r="K13202" s="9">
        <v>31</v>
      </c>
      <c r="L13202" s="6" t="s">
        <v>51</v>
      </c>
    </row>
    <row r="13203" spans="1:12">
      <c r="A13203" s="6" t="s">
        <v>49</v>
      </c>
      <c r="B13203" s="6"/>
      <c r="C13203" s="6" t="s">
        <v>13227</v>
      </c>
      <c r="D13203" s="6"/>
      <c r="E13203" s="6" t="s">
        <v>9</v>
      </c>
      <c r="F13203" s="7">
        <v>38657</v>
      </c>
      <c r="G13203" s="8">
        <v>1</v>
      </c>
      <c r="H13203" s="8">
        <v>1</v>
      </c>
      <c r="I13203" s="8">
        <v>0</v>
      </c>
      <c r="J13203" s="8">
        <v>1</v>
      </c>
      <c r="K13203" s="9">
        <v>1.02</v>
      </c>
      <c r="L13203" s="6" t="s">
        <v>51</v>
      </c>
    </row>
    <row r="13204" spans="1:12">
      <c r="A13204" s="6" t="s">
        <v>49</v>
      </c>
      <c r="B13204" s="6"/>
      <c r="C13204" s="6" t="s">
        <v>13228</v>
      </c>
      <c r="D13204" s="6"/>
      <c r="E13204" s="6" t="s">
        <v>9</v>
      </c>
      <c r="F13204" s="7">
        <v>38657</v>
      </c>
      <c r="G13204" s="8">
        <v>1</v>
      </c>
      <c r="H13204" s="8">
        <v>1</v>
      </c>
      <c r="I13204" s="8">
        <v>0</v>
      </c>
      <c r="J13204" s="8">
        <v>1</v>
      </c>
      <c r="K13204" s="9">
        <v>17</v>
      </c>
      <c r="L13204" s="6" t="s">
        <v>51</v>
      </c>
    </row>
    <row r="13205" spans="1:12">
      <c r="A13205" s="6" t="s">
        <v>49</v>
      </c>
      <c r="B13205" s="6"/>
      <c r="C13205" s="6" t="s">
        <v>13229</v>
      </c>
      <c r="D13205" s="6"/>
      <c r="E13205" s="6" t="s">
        <v>9</v>
      </c>
      <c r="F13205" s="7">
        <v>38657</v>
      </c>
      <c r="G13205" s="8">
        <v>1</v>
      </c>
      <c r="H13205" s="8">
        <v>1</v>
      </c>
      <c r="I13205" s="8">
        <v>0</v>
      </c>
      <c r="J13205" s="8">
        <v>1</v>
      </c>
      <c r="K13205" s="9">
        <v>24</v>
      </c>
      <c r="L13205" s="6" t="s">
        <v>51</v>
      </c>
    </row>
    <row r="13206" spans="1:12">
      <c r="A13206" s="6" t="s">
        <v>49</v>
      </c>
      <c r="B13206" s="6"/>
      <c r="C13206" s="6" t="s">
        <v>13230</v>
      </c>
      <c r="D13206" s="6"/>
      <c r="E13206" s="6" t="s">
        <v>9</v>
      </c>
      <c r="F13206" s="7">
        <v>38657</v>
      </c>
      <c r="G13206" s="8">
        <v>1</v>
      </c>
      <c r="H13206" s="8">
        <v>1</v>
      </c>
      <c r="I13206" s="8">
        <v>0</v>
      </c>
      <c r="J13206" s="8">
        <v>1</v>
      </c>
      <c r="K13206" s="9">
        <v>59</v>
      </c>
      <c r="L13206" s="6" t="s">
        <v>51</v>
      </c>
    </row>
    <row r="13207" spans="1:12">
      <c r="A13207" s="6" t="s">
        <v>49</v>
      </c>
      <c r="B13207" s="6"/>
      <c r="C13207" s="6" t="s">
        <v>13231</v>
      </c>
      <c r="D13207" s="6"/>
      <c r="E13207" s="6" t="s">
        <v>9</v>
      </c>
      <c r="F13207" s="7">
        <v>38657</v>
      </c>
      <c r="G13207" s="8">
        <v>1</v>
      </c>
      <c r="H13207" s="8">
        <v>1</v>
      </c>
      <c r="I13207" s="8">
        <v>0</v>
      </c>
      <c r="J13207" s="8">
        <v>1</v>
      </c>
      <c r="K13207" s="9">
        <v>3.74</v>
      </c>
      <c r="L13207" s="6" t="s">
        <v>51</v>
      </c>
    </row>
    <row r="13208" spans="1:12">
      <c r="A13208" s="6" t="s">
        <v>49</v>
      </c>
      <c r="B13208" s="6"/>
      <c r="C13208" s="6" t="s">
        <v>13232</v>
      </c>
      <c r="D13208" s="6"/>
      <c r="E13208" s="6" t="s">
        <v>9</v>
      </c>
      <c r="F13208" s="7">
        <v>38657</v>
      </c>
      <c r="G13208" s="8">
        <v>1</v>
      </c>
      <c r="H13208" s="8">
        <v>1</v>
      </c>
      <c r="I13208" s="8">
        <v>0</v>
      </c>
      <c r="J13208" s="8">
        <v>1</v>
      </c>
      <c r="K13208" s="9">
        <v>3.62</v>
      </c>
      <c r="L13208" s="6" t="s">
        <v>51</v>
      </c>
    </row>
    <row r="13209" spans="1:12">
      <c r="A13209" s="6" t="s">
        <v>49</v>
      </c>
      <c r="B13209" s="6"/>
      <c r="C13209" s="6" t="s">
        <v>13233</v>
      </c>
      <c r="D13209" s="6"/>
      <c r="E13209" s="6" t="s">
        <v>9</v>
      </c>
      <c r="F13209" s="7">
        <v>38657</v>
      </c>
      <c r="G13209" s="8">
        <v>1</v>
      </c>
      <c r="H13209" s="8">
        <v>1</v>
      </c>
      <c r="I13209" s="8">
        <v>0</v>
      </c>
      <c r="J13209" s="8">
        <v>1</v>
      </c>
      <c r="K13209" s="9">
        <v>27</v>
      </c>
      <c r="L13209" s="6" t="s">
        <v>51</v>
      </c>
    </row>
    <row r="13210" spans="1:12">
      <c r="A13210" s="6" t="s">
        <v>49</v>
      </c>
      <c r="B13210" s="6"/>
      <c r="C13210" s="6" t="s">
        <v>13234</v>
      </c>
      <c r="D13210" s="6"/>
      <c r="E13210" s="6" t="s">
        <v>9</v>
      </c>
      <c r="F13210" s="7">
        <v>38657</v>
      </c>
      <c r="G13210" s="8">
        <v>1</v>
      </c>
      <c r="H13210" s="8">
        <v>1</v>
      </c>
      <c r="I13210" s="8">
        <v>0</v>
      </c>
      <c r="J13210" s="8">
        <v>1</v>
      </c>
      <c r="K13210" s="9">
        <v>17</v>
      </c>
      <c r="L13210" s="6" t="s">
        <v>51</v>
      </c>
    </row>
    <row r="13211" spans="1:12">
      <c r="A13211" s="6" t="s">
        <v>49</v>
      </c>
      <c r="B13211" s="6"/>
      <c r="C13211" s="6" t="s">
        <v>13235</v>
      </c>
      <c r="D13211" s="6"/>
      <c r="E13211" s="6" t="s">
        <v>9</v>
      </c>
      <c r="F13211" s="7">
        <v>38657</v>
      </c>
      <c r="G13211" s="8">
        <v>1</v>
      </c>
      <c r="H13211" s="8">
        <v>1</v>
      </c>
      <c r="I13211" s="8">
        <v>0</v>
      </c>
      <c r="J13211" s="8">
        <v>1</v>
      </c>
      <c r="K13211" s="9">
        <v>5.73</v>
      </c>
      <c r="L13211" s="6" t="s">
        <v>51</v>
      </c>
    </row>
    <row r="13212" spans="1:12">
      <c r="A13212" s="6" t="s">
        <v>49</v>
      </c>
      <c r="B13212" s="6"/>
      <c r="C13212" s="6" t="s">
        <v>13236</v>
      </c>
      <c r="D13212" s="6"/>
      <c r="E13212" s="6" t="s">
        <v>9</v>
      </c>
      <c r="F13212" s="7">
        <v>38657</v>
      </c>
      <c r="G13212" s="8">
        <v>1</v>
      </c>
      <c r="H13212" s="8">
        <v>1</v>
      </c>
      <c r="I13212" s="8">
        <v>0</v>
      </c>
      <c r="J13212" s="8">
        <v>1</v>
      </c>
      <c r="K13212" s="9">
        <v>28</v>
      </c>
      <c r="L13212" s="6" t="s">
        <v>51</v>
      </c>
    </row>
    <row r="13213" spans="1:12">
      <c r="A13213" s="6" t="s">
        <v>49</v>
      </c>
      <c r="B13213" s="6"/>
      <c r="C13213" s="6" t="s">
        <v>13237</v>
      </c>
      <c r="D13213" s="6"/>
      <c r="E13213" s="6" t="s">
        <v>9</v>
      </c>
      <c r="F13213" s="7">
        <v>38657</v>
      </c>
      <c r="G13213" s="8">
        <v>1</v>
      </c>
      <c r="H13213" s="8">
        <v>1</v>
      </c>
      <c r="I13213" s="8">
        <v>0</v>
      </c>
      <c r="J13213" s="8">
        <v>1</v>
      </c>
      <c r="K13213" s="9">
        <v>113</v>
      </c>
      <c r="L13213" s="6" t="s">
        <v>51</v>
      </c>
    </row>
    <row r="13214" spans="1:12">
      <c r="A13214" s="6" t="s">
        <v>49</v>
      </c>
      <c r="B13214" s="6"/>
      <c r="C13214" s="6" t="s">
        <v>13238</v>
      </c>
      <c r="D13214" s="6"/>
      <c r="E13214" s="6" t="s">
        <v>9</v>
      </c>
      <c r="F13214" s="7">
        <v>38657</v>
      </c>
      <c r="G13214" s="8">
        <v>1</v>
      </c>
      <c r="H13214" s="8">
        <v>1</v>
      </c>
      <c r="I13214" s="8">
        <v>0</v>
      </c>
      <c r="J13214" s="8">
        <v>1</v>
      </c>
      <c r="K13214" s="9">
        <v>112</v>
      </c>
      <c r="L13214" s="6" t="s">
        <v>51</v>
      </c>
    </row>
    <row r="13215" spans="1:12">
      <c r="A13215" s="6" t="s">
        <v>49</v>
      </c>
      <c r="B13215" s="6"/>
      <c r="C13215" s="6" t="s">
        <v>13239</v>
      </c>
      <c r="D13215" s="6"/>
      <c r="E13215" s="6" t="s">
        <v>9</v>
      </c>
      <c r="F13215" s="7">
        <v>38657</v>
      </c>
      <c r="G13215" s="8">
        <v>1</v>
      </c>
      <c r="H13215" s="8">
        <v>1</v>
      </c>
      <c r="I13215" s="8">
        <v>0</v>
      </c>
      <c r="J13215" s="8">
        <v>1</v>
      </c>
      <c r="K13215" s="9">
        <v>21</v>
      </c>
      <c r="L13215" s="6" t="s">
        <v>51</v>
      </c>
    </row>
    <row r="13216" spans="1:12">
      <c r="A13216" s="6" t="s">
        <v>49</v>
      </c>
      <c r="B13216" s="6"/>
      <c r="C13216" s="6" t="s">
        <v>13240</v>
      </c>
      <c r="D13216" s="6"/>
      <c r="E13216" s="6" t="s">
        <v>9</v>
      </c>
      <c r="F13216" s="7">
        <v>38657</v>
      </c>
      <c r="G13216" s="8">
        <v>1</v>
      </c>
      <c r="H13216" s="8">
        <v>1</v>
      </c>
      <c r="I13216" s="8">
        <v>0</v>
      </c>
      <c r="J13216" s="8">
        <v>1</v>
      </c>
      <c r="K13216" s="9">
        <v>4.1900000000000004</v>
      </c>
      <c r="L13216" s="6" t="s">
        <v>51</v>
      </c>
    </row>
    <row r="13217" spans="1:12">
      <c r="A13217" s="6" t="s">
        <v>49</v>
      </c>
      <c r="B13217" s="6"/>
      <c r="C13217" s="6" t="s">
        <v>13241</v>
      </c>
      <c r="D13217" s="6"/>
      <c r="E13217" s="6" t="s">
        <v>9</v>
      </c>
      <c r="F13217" s="7">
        <v>38657</v>
      </c>
      <c r="G13217" s="8">
        <v>1</v>
      </c>
      <c r="H13217" s="8">
        <v>1</v>
      </c>
      <c r="I13217" s="8">
        <v>0</v>
      </c>
      <c r="J13217" s="8">
        <v>1</v>
      </c>
      <c r="K13217" s="9">
        <v>99</v>
      </c>
      <c r="L13217" s="6" t="s">
        <v>51</v>
      </c>
    </row>
    <row r="13218" spans="1:12">
      <c r="A13218" s="6" t="s">
        <v>49</v>
      </c>
      <c r="B13218" s="6"/>
      <c r="C13218" s="6" t="s">
        <v>13242</v>
      </c>
      <c r="D13218" s="6"/>
      <c r="E13218" s="6" t="s">
        <v>9</v>
      </c>
      <c r="F13218" s="7">
        <v>38657</v>
      </c>
      <c r="G13218" s="8">
        <v>1</v>
      </c>
      <c r="H13218" s="8">
        <v>1</v>
      </c>
      <c r="I13218" s="8">
        <v>0</v>
      </c>
      <c r="J13218" s="8">
        <v>1</v>
      </c>
      <c r="K13218" s="9">
        <v>3.9</v>
      </c>
      <c r="L13218" s="6" t="s">
        <v>51</v>
      </c>
    </row>
    <row r="13219" spans="1:12">
      <c r="A13219" s="6" t="s">
        <v>49</v>
      </c>
      <c r="B13219" s="6"/>
      <c r="C13219" s="6" t="s">
        <v>13243</v>
      </c>
      <c r="D13219" s="6"/>
      <c r="E13219" s="6" t="s">
        <v>9</v>
      </c>
      <c r="F13219" s="7">
        <v>38657</v>
      </c>
      <c r="G13219" s="8">
        <v>1</v>
      </c>
      <c r="H13219" s="8">
        <v>1</v>
      </c>
      <c r="I13219" s="8">
        <v>0</v>
      </c>
      <c r="J13219" s="8">
        <v>1</v>
      </c>
      <c r="K13219" s="9">
        <v>3.9</v>
      </c>
      <c r="L13219" s="6" t="s">
        <v>51</v>
      </c>
    </row>
    <row r="13220" spans="1:12">
      <c r="A13220" s="6" t="s">
        <v>49</v>
      </c>
      <c r="B13220" s="6"/>
      <c r="C13220" s="6" t="s">
        <v>13244</v>
      </c>
      <c r="D13220" s="6"/>
      <c r="E13220" s="6" t="s">
        <v>9</v>
      </c>
      <c r="F13220" s="7">
        <v>38657</v>
      </c>
      <c r="G13220" s="8">
        <v>1</v>
      </c>
      <c r="H13220" s="8">
        <v>1</v>
      </c>
      <c r="I13220" s="8">
        <v>0</v>
      </c>
      <c r="J13220" s="8">
        <v>1</v>
      </c>
      <c r="K13220" s="9">
        <v>3.21</v>
      </c>
      <c r="L13220" s="6" t="s">
        <v>51</v>
      </c>
    </row>
    <row r="13221" spans="1:12">
      <c r="A13221" s="6" t="s">
        <v>49</v>
      </c>
      <c r="B13221" s="6"/>
      <c r="C13221" s="6" t="s">
        <v>13245</v>
      </c>
      <c r="D13221" s="6"/>
      <c r="E13221" s="6" t="s">
        <v>9</v>
      </c>
      <c r="F13221" s="7">
        <v>38657</v>
      </c>
      <c r="G13221" s="8">
        <v>1</v>
      </c>
      <c r="H13221" s="8">
        <v>1</v>
      </c>
      <c r="I13221" s="8">
        <v>0</v>
      </c>
      <c r="J13221" s="8">
        <v>1</v>
      </c>
      <c r="K13221" s="9">
        <v>2.91</v>
      </c>
      <c r="L13221" s="6" t="s">
        <v>51</v>
      </c>
    </row>
    <row r="13222" spans="1:12">
      <c r="A13222" s="6" t="s">
        <v>49</v>
      </c>
      <c r="B13222" s="6"/>
      <c r="C13222" s="6" t="s">
        <v>13246</v>
      </c>
      <c r="D13222" s="6"/>
      <c r="E13222" s="6" t="s">
        <v>9</v>
      </c>
      <c r="F13222" s="7">
        <v>38657</v>
      </c>
      <c r="G13222" s="8">
        <v>1</v>
      </c>
      <c r="H13222" s="8">
        <v>1</v>
      </c>
      <c r="I13222" s="8">
        <v>0</v>
      </c>
      <c r="J13222" s="8">
        <v>1</v>
      </c>
      <c r="K13222" s="9">
        <v>5.94</v>
      </c>
      <c r="L13222" s="6" t="s">
        <v>51</v>
      </c>
    </row>
    <row r="13223" spans="1:12">
      <c r="A13223" s="6" t="s">
        <v>49</v>
      </c>
      <c r="B13223" s="6"/>
      <c r="C13223" s="6" t="s">
        <v>13247</v>
      </c>
      <c r="D13223" s="6"/>
      <c r="E13223" s="6" t="s">
        <v>9</v>
      </c>
      <c r="F13223" s="7">
        <v>38657</v>
      </c>
      <c r="G13223" s="8">
        <v>1</v>
      </c>
      <c r="H13223" s="8">
        <v>1</v>
      </c>
      <c r="I13223" s="8">
        <v>0</v>
      </c>
      <c r="J13223" s="8">
        <v>1</v>
      </c>
      <c r="K13223" s="9">
        <v>4.47</v>
      </c>
      <c r="L13223" s="6" t="s">
        <v>51</v>
      </c>
    </row>
    <row r="13224" spans="1:12">
      <c r="A13224" s="6" t="s">
        <v>49</v>
      </c>
      <c r="B13224" s="6"/>
      <c r="C13224" s="6" t="s">
        <v>13248</v>
      </c>
      <c r="D13224" s="6"/>
      <c r="E13224" s="6" t="s">
        <v>9</v>
      </c>
      <c r="F13224" s="7">
        <v>38657</v>
      </c>
      <c r="G13224" s="8">
        <v>1</v>
      </c>
      <c r="H13224" s="8">
        <v>1</v>
      </c>
      <c r="I13224" s="8">
        <v>0</v>
      </c>
      <c r="J13224" s="8">
        <v>1</v>
      </c>
      <c r="K13224" s="9">
        <v>3.96</v>
      </c>
      <c r="L13224" s="6" t="s">
        <v>51</v>
      </c>
    </row>
    <row r="13225" spans="1:12">
      <c r="A13225" s="6" t="s">
        <v>49</v>
      </c>
      <c r="B13225" s="6"/>
      <c r="C13225" s="6" t="s">
        <v>13249</v>
      </c>
      <c r="D13225" s="6"/>
      <c r="E13225" s="6" t="s">
        <v>9</v>
      </c>
      <c r="F13225" s="7">
        <v>38657</v>
      </c>
      <c r="G13225" s="8">
        <v>1</v>
      </c>
      <c r="H13225" s="8">
        <v>1</v>
      </c>
      <c r="I13225" s="8">
        <v>0</v>
      </c>
      <c r="J13225" s="8">
        <v>1</v>
      </c>
      <c r="K13225" s="9">
        <v>3.93</v>
      </c>
      <c r="L13225" s="6" t="s">
        <v>51</v>
      </c>
    </row>
    <row r="13226" spans="1:12">
      <c r="A13226" s="6" t="s">
        <v>49</v>
      </c>
      <c r="B13226" s="6"/>
      <c r="C13226" s="6" t="s">
        <v>13250</v>
      </c>
      <c r="D13226" s="6"/>
      <c r="E13226" s="6" t="s">
        <v>9</v>
      </c>
      <c r="F13226" s="7">
        <v>38657</v>
      </c>
      <c r="G13226" s="8">
        <v>1</v>
      </c>
      <c r="H13226" s="8">
        <v>1</v>
      </c>
      <c r="I13226" s="8">
        <v>0</v>
      </c>
      <c r="J13226" s="8">
        <v>1</v>
      </c>
      <c r="K13226" s="9">
        <v>1231</v>
      </c>
      <c r="L13226" s="6" t="s">
        <v>51</v>
      </c>
    </row>
    <row r="13227" spans="1:12">
      <c r="A13227" s="6" t="s">
        <v>49</v>
      </c>
      <c r="B13227" s="6"/>
      <c r="C13227" s="6" t="s">
        <v>13251</v>
      </c>
      <c r="D13227" s="6"/>
      <c r="E13227" s="6" t="s">
        <v>9</v>
      </c>
      <c r="F13227" s="7">
        <v>38657</v>
      </c>
      <c r="G13227" s="8">
        <v>1</v>
      </c>
      <c r="H13227" s="8">
        <v>1</v>
      </c>
      <c r="I13227" s="8">
        <v>0</v>
      </c>
      <c r="J13227" s="8">
        <v>1</v>
      </c>
      <c r="K13227" s="9">
        <v>1743</v>
      </c>
      <c r="L13227" s="6" t="s">
        <v>51</v>
      </c>
    </row>
    <row r="13228" spans="1:12">
      <c r="A13228" s="6" t="s">
        <v>49</v>
      </c>
      <c r="B13228" s="6"/>
      <c r="C13228" s="6" t="s">
        <v>13252</v>
      </c>
      <c r="D13228" s="6"/>
      <c r="E13228" s="6" t="s">
        <v>9</v>
      </c>
      <c r="F13228" s="7">
        <v>38657</v>
      </c>
      <c r="G13228" s="8">
        <v>1</v>
      </c>
      <c r="H13228" s="8">
        <v>1</v>
      </c>
      <c r="I13228" s="8">
        <v>0</v>
      </c>
      <c r="J13228" s="8">
        <v>1</v>
      </c>
      <c r="K13228" s="9">
        <v>56</v>
      </c>
      <c r="L13228" s="6" t="s">
        <v>51</v>
      </c>
    </row>
    <row r="13229" spans="1:12">
      <c r="A13229" s="6" t="s">
        <v>49</v>
      </c>
      <c r="B13229" s="6"/>
      <c r="C13229" s="6" t="s">
        <v>13253</v>
      </c>
      <c r="D13229" s="6"/>
      <c r="E13229" s="6" t="s">
        <v>9</v>
      </c>
      <c r="F13229" s="7">
        <v>38657</v>
      </c>
      <c r="G13229" s="8">
        <v>1</v>
      </c>
      <c r="H13229" s="8">
        <v>1</v>
      </c>
      <c r="I13229" s="8">
        <v>0</v>
      </c>
      <c r="J13229" s="8">
        <v>1</v>
      </c>
      <c r="K13229" s="9">
        <v>653</v>
      </c>
      <c r="L13229" s="6" t="s">
        <v>51</v>
      </c>
    </row>
    <row r="13230" spans="1:12">
      <c r="A13230" s="6" t="s">
        <v>49</v>
      </c>
      <c r="B13230" s="6"/>
      <c r="C13230" s="6" t="s">
        <v>13254</v>
      </c>
      <c r="D13230" s="6"/>
      <c r="E13230" s="6" t="s">
        <v>9</v>
      </c>
      <c r="F13230" s="7">
        <v>38657</v>
      </c>
      <c r="G13230" s="8">
        <v>1</v>
      </c>
      <c r="H13230" s="8">
        <v>1</v>
      </c>
      <c r="I13230" s="8">
        <v>0</v>
      </c>
      <c r="J13230" s="8">
        <v>1</v>
      </c>
      <c r="K13230" s="9">
        <v>21</v>
      </c>
      <c r="L13230" s="6" t="s">
        <v>51</v>
      </c>
    </row>
    <row r="13231" spans="1:12">
      <c r="A13231" s="6" t="s">
        <v>49</v>
      </c>
      <c r="B13231" s="6"/>
      <c r="C13231" s="6" t="s">
        <v>13255</v>
      </c>
      <c r="D13231" s="6"/>
      <c r="E13231" s="6" t="s">
        <v>9</v>
      </c>
      <c r="F13231" s="7">
        <v>38657</v>
      </c>
      <c r="G13231" s="8">
        <v>1</v>
      </c>
      <c r="H13231" s="8">
        <v>1</v>
      </c>
      <c r="I13231" s="8">
        <v>0</v>
      </c>
      <c r="J13231" s="8">
        <v>1</v>
      </c>
      <c r="K13231" s="9">
        <v>2.41</v>
      </c>
      <c r="L13231" s="6" t="s">
        <v>51</v>
      </c>
    </row>
    <row r="13232" spans="1:12">
      <c r="A13232" s="6" t="s">
        <v>49</v>
      </c>
      <c r="B13232" s="6"/>
      <c r="C13232" s="6" t="s">
        <v>13256</v>
      </c>
      <c r="D13232" s="6"/>
      <c r="E13232" s="6" t="s">
        <v>9</v>
      </c>
      <c r="F13232" s="7">
        <v>38657</v>
      </c>
      <c r="G13232" s="8">
        <v>1</v>
      </c>
      <c r="H13232" s="8">
        <v>1</v>
      </c>
      <c r="I13232" s="8">
        <v>0</v>
      </c>
      <c r="J13232" s="8">
        <v>1</v>
      </c>
      <c r="K13232" s="9">
        <v>10</v>
      </c>
      <c r="L13232" s="6" t="s">
        <v>51</v>
      </c>
    </row>
    <row r="13233" spans="1:12">
      <c r="A13233" s="6" t="s">
        <v>49</v>
      </c>
      <c r="B13233" s="6"/>
      <c r="C13233" s="6" t="s">
        <v>13257</v>
      </c>
      <c r="D13233" s="6"/>
      <c r="E13233" s="6" t="s">
        <v>9</v>
      </c>
      <c r="F13233" s="7">
        <v>38657</v>
      </c>
      <c r="G13233" s="8">
        <v>1</v>
      </c>
      <c r="H13233" s="8">
        <v>1</v>
      </c>
      <c r="I13233" s="8">
        <v>0</v>
      </c>
      <c r="J13233" s="8">
        <v>1</v>
      </c>
      <c r="K13233" s="9">
        <v>1.97</v>
      </c>
      <c r="L13233" s="6" t="s">
        <v>51</v>
      </c>
    </row>
    <row r="13234" spans="1:12">
      <c r="A13234" s="6" t="s">
        <v>49</v>
      </c>
      <c r="B13234" s="6"/>
      <c r="C13234" s="6" t="s">
        <v>13258</v>
      </c>
      <c r="D13234" s="6"/>
      <c r="E13234" s="6" t="s">
        <v>9</v>
      </c>
      <c r="F13234" s="7">
        <v>38657</v>
      </c>
      <c r="G13234" s="8">
        <v>1</v>
      </c>
      <c r="H13234" s="8">
        <v>1</v>
      </c>
      <c r="I13234" s="8">
        <v>0</v>
      </c>
      <c r="J13234" s="8">
        <v>1</v>
      </c>
      <c r="K13234" s="9">
        <v>295</v>
      </c>
      <c r="L13234" s="6" t="s">
        <v>51</v>
      </c>
    </row>
    <row r="13235" spans="1:12">
      <c r="A13235" s="6" t="s">
        <v>49</v>
      </c>
      <c r="B13235" s="6"/>
      <c r="C13235" s="6" t="s">
        <v>13259</v>
      </c>
      <c r="D13235" s="6"/>
      <c r="E13235" s="6" t="s">
        <v>9</v>
      </c>
      <c r="F13235" s="7">
        <v>38657</v>
      </c>
      <c r="G13235" s="8">
        <v>1</v>
      </c>
      <c r="H13235" s="8">
        <v>1</v>
      </c>
      <c r="I13235" s="8">
        <v>0</v>
      </c>
      <c r="J13235" s="8">
        <v>1</v>
      </c>
      <c r="K13235" s="9">
        <v>208</v>
      </c>
      <c r="L13235" s="6" t="s">
        <v>51</v>
      </c>
    </row>
    <row r="13236" spans="1:12">
      <c r="A13236" s="6" t="s">
        <v>49</v>
      </c>
      <c r="B13236" s="6"/>
      <c r="C13236" s="6" t="s">
        <v>13260</v>
      </c>
      <c r="D13236" s="6"/>
      <c r="E13236" s="6" t="s">
        <v>9</v>
      </c>
      <c r="F13236" s="7">
        <v>38657</v>
      </c>
      <c r="G13236" s="8">
        <v>1</v>
      </c>
      <c r="H13236" s="8">
        <v>1</v>
      </c>
      <c r="I13236" s="8">
        <v>0</v>
      </c>
      <c r="J13236" s="8">
        <v>1</v>
      </c>
      <c r="K13236" s="9">
        <v>49</v>
      </c>
      <c r="L13236" s="6" t="s">
        <v>51</v>
      </c>
    </row>
    <row r="13237" spans="1:12">
      <c r="A13237" s="6" t="s">
        <v>49</v>
      </c>
      <c r="B13237" s="6"/>
      <c r="C13237" s="6" t="s">
        <v>13261</v>
      </c>
      <c r="D13237" s="6"/>
      <c r="E13237" s="6" t="s">
        <v>9</v>
      </c>
      <c r="F13237" s="7">
        <v>38657</v>
      </c>
      <c r="G13237" s="8">
        <v>1</v>
      </c>
      <c r="H13237" s="8">
        <v>1</v>
      </c>
      <c r="I13237" s="8">
        <v>0</v>
      </c>
      <c r="J13237" s="8">
        <v>1</v>
      </c>
      <c r="K13237" s="9">
        <v>299</v>
      </c>
      <c r="L13237" s="6" t="s">
        <v>51</v>
      </c>
    </row>
    <row r="13238" spans="1:12">
      <c r="A13238" s="6" t="s">
        <v>49</v>
      </c>
      <c r="B13238" s="6"/>
      <c r="C13238" s="6" t="s">
        <v>13262</v>
      </c>
      <c r="D13238" s="6"/>
      <c r="E13238" s="6" t="s">
        <v>9</v>
      </c>
      <c r="F13238" s="7">
        <v>38657</v>
      </c>
      <c r="G13238" s="8">
        <v>1</v>
      </c>
      <c r="H13238" s="8">
        <v>1</v>
      </c>
      <c r="I13238" s="8">
        <v>0</v>
      </c>
      <c r="J13238" s="8">
        <v>1</v>
      </c>
      <c r="K13238" s="9">
        <v>231</v>
      </c>
      <c r="L13238" s="6" t="s">
        <v>51</v>
      </c>
    </row>
    <row r="13239" spans="1:12">
      <c r="A13239" s="6" t="s">
        <v>49</v>
      </c>
      <c r="B13239" s="6"/>
      <c r="C13239" s="6" t="s">
        <v>13263</v>
      </c>
      <c r="D13239" s="6"/>
      <c r="E13239" s="6" t="s">
        <v>9</v>
      </c>
      <c r="F13239" s="7">
        <v>38657</v>
      </c>
      <c r="G13239" s="8">
        <v>1</v>
      </c>
      <c r="H13239" s="8">
        <v>1</v>
      </c>
      <c r="I13239" s="8">
        <v>0</v>
      </c>
      <c r="J13239" s="8">
        <v>1</v>
      </c>
      <c r="K13239" s="9">
        <v>105</v>
      </c>
      <c r="L13239" s="6" t="s">
        <v>51</v>
      </c>
    </row>
    <row r="13240" spans="1:12">
      <c r="A13240" s="6" t="s">
        <v>49</v>
      </c>
      <c r="B13240" s="6"/>
      <c r="C13240" s="6" t="s">
        <v>13264</v>
      </c>
      <c r="D13240" s="6"/>
      <c r="E13240" s="6" t="s">
        <v>9</v>
      </c>
      <c r="F13240" s="7">
        <v>38657</v>
      </c>
      <c r="G13240" s="8">
        <v>1</v>
      </c>
      <c r="H13240" s="8">
        <v>1</v>
      </c>
      <c r="I13240" s="8">
        <v>0</v>
      </c>
      <c r="J13240" s="8">
        <v>1</v>
      </c>
      <c r="K13240" s="9">
        <v>415</v>
      </c>
      <c r="L13240" s="6" t="s">
        <v>51</v>
      </c>
    </row>
    <row r="13241" spans="1:12">
      <c r="A13241" s="6" t="s">
        <v>49</v>
      </c>
      <c r="B13241" s="6"/>
      <c r="C13241" s="6" t="s">
        <v>13265</v>
      </c>
      <c r="D13241" s="6"/>
      <c r="E13241" s="6" t="s">
        <v>9</v>
      </c>
      <c r="F13241" s="7">
        <v>38657</v>
      </c>
      <c r="G13241" s="8">
        <v>1</v>
      </c>
      <c r="H13241" s="8">
        <v>1</v>
      </c>
      <c r="I13241" s="8">
        <v>0</v>
      </c>
      <c r="J13241" s="8">
        <v>1</v>
      </c>
      <c r="K13241" s="9">
        <v>343</v>
      </c>
      <c r="L13241" s="6" t="s">
        <v>51</v>
      </c>
    </row>
    <row r="13242" spans="1:12">
      <c r="A13242" s="6" t="s">
        <v>49</v>
      </c>
      <c r="B13242" s="6"/>
      <c r="C13242" s="6" t="s">
        <v>13266</v>
      </c>
      <c r="D13242" s="6"/>
      <c r="E13242" s="6" t="s">
        <v>9</v>
      </c>
      <c r="F13242" s="7">
        <v>38657</v>
      </c>
      <c r="G13242" s="8">
        <v>1</v>
      </c>
      <c r="H13242" s="8">
        <v>1</v>
      </c>
      <c r="I13242" s="8">
        <v>0</v>
      </c>
      <c r="J13242" s="8">
        <v>1</v>
      </c>
      <c r="K13242" s="9">
        <v>317</v>
      </c>
      <c r="L13242" s="6" t="s">
        <v>51</v>
      </c>
    </row>
    <row r="13243" spans="1:12">
      <c r="A13243" s="6" t="s">
        <v>49</v>
      </c>
      <c r="B13243" s="6"/>
      <c r="C13243" s="6" t="s">
        <v>13267</v>
      </c>
      <c r="D13243" s="6"/>
      <c r="E13243" s="6" t="s">
        <v>9</v>
      </c>
      <c r="F13243" s="7">
        <v>38657</v>
      </c>
      <c r="G13243" s="8">
        <v>1</v>
      </c>
      <c r="H13243" s="8">
        <v>1</v>
      </c>
      <c r="I13243" s="8">
        <v>0</v>
      </c>
      <c r="J13243" s="8">
        <v>1</v>
      </c>
      <c r="K13243" s="9">
        <v>8.2899999999999903</v>
      </c>
      <c r="L13243" s="6" t="s">
        <v>51</v>
      </c>
    </row>
    <row r="13244" spans="1:12">
      <c r="A13244" s="6" t="s">
        <v>49</v>
      </c>
      <c r="B13244" s="6"/>
      <c r="C13244" s="6" t="s">
        <v>13268</v>
      </c>
      <c r="D13244" s="6"/>
      <c r="E13244" s="6" t="s">
        <v>9</v>
      </c>
      <c r="F13244" s="7">
        <v>38657</v>
      </c>
      <c r="G13244" s="8">
        <v>1</v>
      </c>
      <c r="H13244" s="8">
        <v>1</v>
      </c>
      <c r="I13244" s="8">
        <v>0</v>
      </c>
      <c r="J13244" s="8">
        <v>1</v>
      </c>
      <c r="K13244" s="9">
        <v>1048</v>
      </c>
      <c r="L13244" s="6" t="s">
        <v>51</v>
      </c>
    </row>
    <row r="13245" spans="1:12">
      <c r="A13245" s="6" t="s">
        <v>49</v>
      </c>
      <c r="B13245" s="6"/>
      <c r="C13245" s="6" t="s">
        <v>13269</v>
      </c>
      <c r="D13245" s="6"/>
      <c r="E13245" s="6" t="s">
        <v>9</v>
      </c>
      <c r="F13245" s="7">
        <v>38657</v>
      </c>
      <c r="G13245" s="8">
        <v>1</v>
      </c>
      <c r="H13245" s="8">
        <v>1</v>
      </c>
      <c r="I13245" s="8">
        <v>0</v>
      </c>
      <c r="J13245" s="8">
        <v>1</v>
      </c>
      <c r="K13245" s="9">
        <v>849</v>
      </c>
      <c r="L13245" s="6" t="s">
        <v>51</v>
      </c>
    </row>
    <row r="13246" spans="1:12">
      <c r="A13246" s="6" t="s">
        <v>49</v>
      </c>
      <c r="B13246" s="6"/>
      <c r="C13246" s="6" t="s">
        <v>13270</v>
      </c>
      <c r="D13246" s="6"/>
      <c r="E13246" s="6" t="s">
        <v>9</v>
      </c>
      <c r="F13246" s="7">
        <v>38657</v>
      </c>
      <c r="G13246" s="8">
        <v>1</v>
      </c>
      <c r="H13246" s="8">
        <v>1</v>
      </c>
      <c r="I13246" s="8">
        <v>0</v>
      </c>
      <c r="J13246" s="8">
        <v>1</v>
      </c>
      <c r="K13246" s="9">
        <v>4463</v>
      </c>
      <c r="L13246" s="6" t="s">
        <v>51</v>
      </c>
    </row>
    <row r="13247" spans="1:12">
      <c r="A13247" s="6" t="s">
        <v>49</v>
      </c>
      <c r="B13247" s="6"/>
      <c r="C13247" s="6" t="s">
        <v>13271</v>
      </c>
      <c r="D13247" s="6"/>
      <c r="E13247" s="6" t="s">
        <v>9</v>
      </c>
      <c r="F13247" s="7">
        <v>38657</v>
      </c>
      <c r="G13247" s="8">
        <v>1</v>
      </c>
      <c r="H13247" s="8">
        <v>1</v>
      </c>
      <c r="I13247" s="8">
        <v>0</v>
      </c>
      <c r="J13247" s="8">
        <v>1</v>
      </c>
      <c r="K13247" s="9">
        <v>323</v>
      </c>
      <c r="L13247" s="6" t="s">
        <v>51</v>
      </c>
    </row>
    <row r="13248" spans="1:12">
      <c r="A13248" s="6" t="s">
        <v>49</v>
      </c>
      <c r="B13248" s="6"/>
      <c r="C13248" s="6" t="s">
        <v>13272</v>
      </c>
      <c r="D13248" s="6"/>
      <c r="E13248" s="6" t="s">
        <v>9</v>
      </c>
      <c r="F13248" s="7">
        <v>38657</v>
      </c>
      <c r="G13248" s="8">
        <v>1</v>
      </c>
      <c r="H13248" s="8">
        <v>1</v>
      </c>
      <c r="I13248" s="8">
        <v>0</v>
      </c>
      <c r="J13248" s="8">
        <v>1</v>
      </c>
      <c r="K13248" s="9">
        <v>22</v>
      </c>
      <c r="L13248" s="6" t="s">
        <v>51</v>
      </c>
    </row>
    <row r="13249" spans="1:12">
      <c r="A13249" s="6" t="s">
        <v>49</v>
      </c>
      <c r="B13249" s="6"/>
      <c r="C13249" s="6" t="s">
        <v>13273</v>
      </c>
      <c r="D13249" s="6"/>
      <c r="E13249" s="6" t="s">
        <v>9</v>
      </c>
      <c r="F13249" s="7">
        <v>38657</v>
      </c>
      <c r="G13249" s="8">
        <v>1</v>
      </c>
      <c r="H13249" s="8">
        <v>1</v>
      </c>
      <c r="I13249" s="8">
        <v>0</v>
      </c>
      <c r="J13249" s="8">
        <v>1</v>
      </c>
      <c r="K13249" s="9">
        <v>27</v>
      </c>
      <c r="L13249" s="6" t="s">
        <v>51</v>
      </c>
    </row>
    <row r="13250" spans="1:12">
      <c r="A13250" s="6" t="s">
        <v>49</v>
      </c>
      <c r="B13250" s="6"/>
      <c r="C13250" s="6" t="s">
        <v>13274</v>
      </c>
      <c r="D13250" s="6"/>
      <c r="E13250" s="6" t="s">
        <v>9</v>
      </c>
      <c r="F13250" s="7">
        <v>38657</v>
      </c>
      <c r="G13250" s="8">
        <v>1</v>
      </c>
      <c r="H13250" s="8">
        <v>1</v>
      </c>
      <c r="I13250" s="8">
        <v>0</v>
      </c>
      <c r="J13250" s="8">
        <v>1</v>
      </c>
      <c r="K13250" s="9">
        <v>23</v>
      </c>
      <c r="L13250" s="6" t="s">
        <v>51</v>
      </c>
    </row>
    <row r="13251" spans="1:12">
      <c r="A13251" s="6" t="s">
        <v>49</v>
      </c>
      <c r="B13251" s="6"/>
      <c r="C13251" s="6" t="s">
        <v>13275</v>
      </c>
      <c r="D13251" s="6"/>
      <c r="E13251" s="6" t="s">
        <v>9</v>
      </c>
      <c r="F13251" s="7">
        <v>38657</v>
      </c>
      <c r="G13251" s="8">
        <v>1</v>
      </c>
      <c r="H13251" s="8">
        <v>1</v>
      </c>
      <c r="I13251" s="8">
        <v>0</v>
      </c>
      <c r="J13251" s="8">
        <v>1</v>
      </c>
      <c r="K13251" s="9">
        <v>62</v>
      </c>
      <c r="L13251" s="6" t="s">
        <v>51</v>
      </c>
    </row>
    <row r="13252" spans="1:12">
      <c r="A13252" s="6" t="s">
        <v>49</v>
      </c>
      <c r="B13252" s="6"/>
      <c r="C13252" s="6" t="s">
        <v>13276</v>
      </c>
      <c r="D13252" s="6"/>
      <c r="E13252" s="6" t="s">
        <v>9</v>
      </c>
      <c r="F13252" s="7">
        <v>38657</v>
      </c>
      <c r="G13252" s="8">
        <v>1</v>
      </c>
      <c r="H13252" s="8">
        <v>1</v>
      </c>
      <c r="I13252" s="8">
        <v>0</v>
      </c>
      <c r="J13252" s="8">
        <v>1</v>
      </c>
      <c r="K13252" s="9">
        <v>158</v>
      </c>
      <c r="L13252" s="6" t="s">
        <v>51</v>
      </c>
    </row>
    <row r="13253" spans="1:12">
      <c r="A13253" s="6" t="s">
        <v>49</v>
      </c>
      <c r="B13253" s="6"/>
      <c r="C13253" s="6" t="s">
        <v>13277</v>
      </c>
      <c r="D13253" s="6"/>
      <c r="E13253" s="6" t="s">
        <v>9</v>
      </c>
      <c r="F13253" s="7">
        <v>38657</v>
      </c>
      <c r="G13253" s="8">
        <v>1</v>
      </c>
      <c r="H13253" s="8">
        <v>1</v>
      </c>
      <c r="I13253" s="8">
        <v>0</v>
      </c>
      <c r="J13253" s="8">
        <v>1</v>
      </c>
      <c r="K13253" s="9">
        <v>1181</v>
      </c>
      <c r="L13253" s="6" t="s">
        <v>51</v>
      </c>
    </row>
    <row r="13254" spans="1:12">
      <c r="A13254" s="6" t="s">
        <v>49</v>
      </c>
      <c r="B13254" s="6"/>
      <c r="C13254" s="6" t="s">
        <v>13278</v>
      </c>
      <c r="D13254" s="6"/>
      <c r="E13254" s="6" t="s">
        <v>9</v>
      </c>
      <c r="F13254" s="7">
        <v>38657</v>
      </c>
      <c r="G13254" s="8">
        <v>1</v>
      </c>
      <c r="H13254" s="8">
        <v>1</v>
      </c>
      <c r="I13254" s="8">
        <v>0</v>
      </c>
      <c r="J13254" s="8">
        <v>1</v>
      </c>
      <c r="K13254" s="9">
        <v>926</v>
      </c>
      <c r="L13254" s="6" t="s">
        <v>51</v>
      </c>
    </row>
    <row r="13255" spans="1:12">
      <c r="A13255" s="6" t="s">
        <v>49</v>
      </c>
      <c r="B13255" s="6"/>
      <c r="C13255" s="6" t="s">
        <v>13279</v>
      </c>
      <c r="D13255" s="6"/>
      <c r="E13255" s="6" t="s">
        <v>9</v>
      </c>
      <c r="F13255" s="7">
        <v>38657</v>
      </c>
      <c r="G13255" s="8">
        <v>1</v>
      </c>
      <c r="H13255" s="8">
        <v>1</v>
      </c>
      <c r="I13255" s="8">
        <v>0</v>
      </c>
      <c r="J13255" s="8">
        <v>1</v>
      </c>
      <c r="K13255" s="9">
        <v>922</v>
      </c>
      <c r="L13255" s="6" t="s">
        <v>51</v>
      </c>
    </row>
    <row r="13256" spans="1:12">
      <c r="A13256" s="6" t="s">
        <v>49</v>
      </c>
      <c r="B13256" s="6"/>
      <c r="C13256" s="6" t="s">
        <v>13280</v>
      </c>
      <c r="D13256" s="6"/>
      <c r="E13256" s="6" t="s">
        <v>9</v>
      </c>
      <c r="F13256" s="7">
        <v>38657</v>
      </c>
      <c r="G13256" s="8">
        <v>1</v>
      </c>
      <c r="H13256" s="8">
        <v>1</v>
      </c>
      <c r="I13256" s="8">
        <v>0</v>
      </c>
      <c r="J13256" s="8">
        <v>1</v>
      </c>
      <c r="K13256" s="9">
        <v>3875</v>
      </c>
      <c r="L13256" s="6" t="s">
        <v>51</v>
      </c>
    </row>
    <row r="13257" spans="1:12">
      <c r="A13257" s="6" t="s">
        <v>49</v>
      </c>
      <c r="B13257" s="6"/>
      <c r="C13257" s="6" t="s">
        <v>13281</v>
      </c>
      <c r="D13257" s="6"/>
      <c r="E13257" s="6" t="s">
        <v>9</v>
      </c>
      <c r="F13257" s="7">
        <v>38657</v>
      </c>
      <c r="G13257" s="8">
        <v>1</v>
      </c>
      <c r="H13257" s="8">
        <v>1</v>
      </c>
      <c r="I13257" s="8">
        <v>0</v>
      </c>
      <c r="J13257" s="8">
        <v>1</v>
      </c>
      <c r="K13257" s="9">
        <v>1066</v>
      </c>
      <c r="L13257" s="6" t="s">
        <v>51</v>
      </c>
    </row>
    <row r="13258" spans="1:12">
      <c r="A13258" s="6" t="s">
        <v>49</v>
      </c>
      <c r="B13258" s="6"/>
      <c r="C13258" s="6" t="s">
        <v>13282</v>
      </c>
      <c r="D13258" s="6"/>
      <c r="E13258" s="6" t="s">
        <v>9</v>
      </c>
      <c r="F13258" s="7">
        <v>38657</v>
      </c>
      <c r="G13258" s="8">
        <v>1</v>
      </c>
      <c r="H13258" s="8">
        <v>1</v>
      </c>
      <c r="I13258" s="8">
        <v>0</v>
      </c>
      <c r="J13258" s="8">
        <v>1</v>
      </c>
      <c r="K13258" s="9">
        <v>1488</v>
      </c>
      <c r="L13258" s="6" t="s">
        <v>51</v>
      </c>
    </row>
    <row r="13259" spans="1:12">
      <c r="A13259" s="6" t="s">
        <v>49</v>
      </c>
      <c r="B13259" s="6"/>
      <c r="C13259" s="6" t="s">
        <v>13283</v>
      </c>
      <c r="D13259" s="6"/>
      <c r="E13259" s="6" t="s">
        <v>9</v>
      </c>
      <c r="F13259" s="7">
        <v>38657</v>
      </c>
      <c r="G13259" s="8">
        <v>1</v>
      </c>
      <c r="H13259" s="8">
        <v>1</v>
      </c>
      <c r="I13259" s="8">
        <v>0</v>
      </c>
      <c r="J13259" s="8">
        <v>1</v>
      </c>
      <c r="K13259" s="9">
        <v>4339</v>
      </c>
      <c r="L13259" s="6" t="s">
        <v>51</v>
      </c>
    </row>
    <row r="13260" spans="1:12">
      <c r="A13260" s="6" t="s">
        <v>49</v>
      </c>
      <c r="B13260" s="6"/>
      <c r="C13260" s="6" t="s">
        <v>13284</v>
      </c>
      <c r="D13260" s="6"/>
      <c r="E13260" s="6" t="s">
        <v>9</v>
      </c>
      <c r="F13260" s="7">
        <v>38657</v>
      </c>
      <c r="G13260" s="8">
        <v>1</v>
      </c>
      <c r="H13260" s="8">
        <v>1</v>
      </c>
      <c r="I13260" s="8">
        <v>0</v>
      </c>
      <c r="J13260" s="8">
        <v>1</v>
      </c>
      <c r="K13260" s="9">
        <v>821</v>
      </c>
      <c r="L13260" s="6" t="s">
        <v>51</v>
      </c>
    </row>
    <row r="13261" spans="1:12">
      <c r="A13261" s="6" t="s">
        <v>49</v>
      </c>
      <c r="B13261" s="6"/>
      <c r="C13261" s="6" t="s">
        <v>13285</v>
      </c>
      <c r="D13261" s="6"/>
      <c r="E13261" s="6" t="s">
        <v>9</v>
      </c>
      <c r="F13261" s="7">
        <v>38657</v>
      </c>
      <c r="G13261" s="8">
        <v>1</v>
      </c>
      <c r="H13261" s="8">
        <v>1</v>
      </c>
      <c r="I13261" s="8">
        <v>0</v>
      </c>
      <c r="J13261" s="8">
        <v>1</v>
      </c>
      <c r="K13261" s="9">
        <v>490</v>
      </c>
      <c r="L13261" s="6" t="s">
        <v>51</v>
      </c>
    </row>
    <row r="13262" spans="1:12">
      <c r="A13262" s="6" t="s">
        <v>49</v>
      </c>
      <c r="B13262" s="6"/>
      <c r="C13262" s="6" t="s">
        <v>13286</v>
      </c>
      <c r="D13262" s="6"/>
      <c r="E13262" s="6" t="s">
        <v>9</v>
      </c>
      <c r="F13262" s="7">
        <v>38657</v>
      </c>
      <c r="G13262" s="8">
        <v>1</v>
      </c>
      <c r="H13262" s="8">
        <v>1</v>
      </c>
      <c r="I13262" s="8">
        <v>0</v>
      </c>
      <c r="J13262" s="8">
        <v>1</v>
      </c>
      <c r="K13262" s="9">
        <v>112</v>
      </c>
      <c r="L13262" s="6" t="s">
        <v>51</v>
      </c>
    </row>
    <row r="13263" spans="1:12">
      <c r="A13263" s="6" t="s">
        <v>49</v>
      </c>
      <c r="B13263" s="6"/>
      <c r="C13263" s="6" t="s">
        <v>13287</v>
      </c>
      <c r="D13263" s="6"/>
      <c r="E13263" s="6" t="s">
        <v>9</v>
      </c>
      <c r="F13263" s="7">
        <v>38657</v>
      </c>
      <c r="G13263" s="8">
        <v>1</v>
      </c>
      <c r="H13263" s="8">
        <v>1</v>
      </c>
      <c r="I13263" s="8">
        <v>0</v>
      </c>
      <c r="J13263" s="8">
        <v>1</v>
      </c>
      <c r="K13263" s="9">
        <v>156</v>
      </c>
      <c r="L13263" s="6" t="s">
        <v>51</v>
      </c>
    </row>
    <row r="13264" spans="1:12">
      <c r="A13264" s="6" t="s">
        <v>49</v>
      </c>
      <c r="B13264" s="6"/>
      <c r="C13264" s="6" t="s">
        <v>13288</v>
      </c>
      <c r="D13264" s="6"/>
      <c r="E13264" s="6" t="s">
        <v>9</v>
      </c>
      <c r="F13264" s="7">
        <v>38657</v>
      </c>
      <c r="G13264" s="8">
        <v>1</v>
      </c>
      <c r="H13264" s="8">
        <v>1</v>
      </c>
      <c r="I13264" s="8">
        <v>0</v>
      </c>
      <c r="J13264" s="8">
        <v>1</v>
      </c>
      <c r="K13264" s="9">
        <v>1192</v>
      </c>
      <c r="L13264" s="6" t="s">
        <v>51</v>
      </c>
    </row>
    <row r="13265" spans="1:12">
      <c r="A13265" s="6" t="s">
        <v>49</v>
      </c>
      <c r="B13265" s="6"/>
      <c r="C13265" s="6" t="s">
        <v>13289</v>
      </c>
      <c r="D13265" s="6"/>
      <c r="E13265" s="6" t="s">
        <v>9</v>
      </c>
      <c r="F13265" s="7">
        <v>38657</v>
      </c>
      <c r="G13265" s="8">
        <v>1</v>
      </c>
      <c r="H13265" s="8">
        <v>1</v>
      </c>
      <c r="I13265" s="8">
        <v>0</v>
      </c>
      <c r="J13265" s="8">
        <v>1</v>
      </c>
      <c r="K13265" s="9">
        <v>143</v>
      </c>
      <c r="L13265" s="6" t="s">
        <v>51</v>
      </c>
    </row>
    <row r="13266" spans="1:12">
      <c r="A13266" s="6" t="s">
        <v>49</v>
      </c>
      <c r="B13266" s="6"/>
      <c r="C13266" s="6" t="s">
        <v>13290</v>
      </c>
      <c r="D13266" s="6"/>
      <c r="E13266" s="6" t="s">
        <v>9</v>
      </c>
      <c r="F13266" s="7">
        <v>38657</v>
      </c>
      <c r="G13266" s="8">
        <v>1</v>
      </c>
      <c r="H13266" s="8">
        <v>1</v>
      </c>
      <c r="I13266" s="8">
        <v>0</v>
      </c>
      <c r="J13266" s="8">
        <v>1</v>
      </c>
      <c r="K13266" s="9">
        <v>994</v>
      </c>
      <c r="L13266" s="6" t="s">
        <v>51</v>
      </c>
    </row>
    <row r="13267" spans="1:12">
      <c r="A13267" s="6" t="s">
        <v>49</v>
      </c>
      <c r="B13267" s="6"/>
      <c r="C13267" s="6" t="s">
        <v>13291</v>
      </c>
      <c r="D13267" s="6"/>
      <c r="E13267" s="6" t="s">
        <v>9</v>
      </c>
      <c r="F13267" s="7">
        <v>38657</v>
      </c>
      <c r="G13267" s="8">
        <v>1</v>
      </c>
      <c r="H13267" s="8">
        <v>1</v>
      </c>
      <c r="I13267" s="8">
        <v>0</v>
      </c>
      <c r="J13267" s="8">
        <v>1</v>
      </c>
      <c r="K13267" s="9">
        <v>1031</v>
      </c>
      <c r="L13267" s="6" t="s">
        <v>51</v>
      </c>
    </row>
    <row r="13268" spans="1:12">
      <c r="A13268" s="6" t="s">
        <v>49</v>
      </c>
      <c r="B13268" s="6"/>
      <c r="C13268" s="6" t="s">
        <v>13292</v>
      </c>
      <c r="D13268" s="6"/>
      <c r="E13268" s="6" t="s">
        <v>9</v>
      </c>
      <c r="F13268" s="7">
        <v>38657</v>
      </c>
      <c r="G13268" s="8">
        <v>1</v>
      </c>
      <c r="H13268" s="8">
        <v>1</v>
      </c>
      <c r="I13268" s="8">
        <v>0</v>
      </c>
      <c r="J13268" s="8">
        <v>1</v>
      </c>
      <c r="K13268" s="9">
        <v>1084</v>
      </c>
      <c r="L13268" s="6" t="s">
        <v>51</v>
      </c>
    </row>
    <row r="13269" spans="1:12">
      <c r="A13269" s="6" t="s">
        <v>49</v>
      </c>
      <c r="B13269" s="6"/>
      <c r="C13269" s="6" t="s">
        <v>13293</v>
      </c>
      <c r="D13269" s="6"/>
      <c r="E13269" s="6" t="s">
        <v>9</v>
      </c>
      <c r="F13269" s="7">
        <v>38657</v>
      </c>
      <c r="G13269" s="8">
        <v>1</v>
      </c>
      <c r="H13269" s="8">
        <v>1</v>
      </c>
      <c r="I13269" s="8">
        <v>0</v>
      </c>
      <c r="J13269" s="8">
        <v>1</v>
      </c>
      <c r="K13269" s="9">
        <v>2938</v>
      </c>
      <c r="L13269" s="6" t="s">
        <v>51</v>
      </c>
    </row>
    <row r="13270" spans="1:12">
      <c r="A13270" s="6" t="s">
        <v>49</v>
      </c>
      <c r="B13270" s="6"/>
      <c r="C13270" s="6" t="s">
        <v>13294</v>
      </c>
      <c r="D13270" s="6"/>
      <c r="E13270" s="6" t="s">
        <v>9</v>
      </c>
      <c r="F13270" s="7">
        <v>38657</v>
      </c>
      <c r="G13270" s="8">
        <v>1</v>
      </c>
      <c r="H13270" s="8">
        <v>1</v>
      </c>
      <c r="I13270" s="8">
        <v>0</v>
      </c>
      <c r="J13270" s="8">
        <v>1</v>
      </c>
      <c r="K13270" s="9">
        <v>1029</v>
      </c>
      <c r="L13270" s="6" t="s">
        <v>51</v>
      </c>
    </row>
    <row r="13271" spans="1:12">
      <c r="A13271" s="6" t="s">
        <v>49</v>
      </c>
      <c r="B13271" s="6"/>
      <c r="C13271" s="6" t="s">
        <v>13295</v>
      </c>
      <c r="D13271" s="6"/>
      <c r="E13271" s="6" t="s">
        <v>9</v>
      </c>
      <c r="F13271" s="7">
        <v>38657</v>
      </c>
      <c r="G13271" s="8">
        <v>1</v>
      </c>
      <c r="H13271" s="8">
        <v>1</v>
      </c>
      <c r="I13271" s="8">
        <v>0</v>
      </c>
      <c r="J13271" s="8">
        <v>1</v>
      </c>
      <c r="K13271" s="9">
        <v>1046</v>
      </c>
      <c r="L13271" s="6" t="s">
        <v>51</v>
      </c>
    </row>
    <row r="13272" spans="1:12">
      <c r="A13272" s="6" t="s">
        <v>49</v>
      </c>
      <c r="B13272" s="6"/>
      <c r="C13272" s="6" t="s">
        <v>13296</v>
      </c>
      <c r="D13272" s="6"/>
      <c r="E13272" s="6" t="s">
        <v>9</v>
      </c>
      <c r="F13272" s="7">
        <v>38657</v>
      </c>
      <c r="G13272" s="8">
        <v>1</v>
      </c>
      <c r="H13272" s="8">
        <v>1</v>
      </c>
      <c r="I13272" s="8">
        <v>0</v>
      </c>
      <c r="J13272" s="8">
        <v>1</v>
      </c>
      <c r="K13272" s="9">
        <v>217</v>
      </c>
      <c r="L13272" s="6" t="s">
        <v>51</v>
      </c>
    </row>
    <row r="13273" spans="1:12">
      <c r="A13273" s="6" t="s">
        <v>49</v>
      </c>
      <c r="B13273" s="6"/>
      <c r="C13273" s="6" t="s">
        <v>13297</v>
      </c>
      <c r="D13273" s="6"/>
      <c r="E13273" s="6" t="s">
        <v>9</v>
      </c>
      <c r="F13273" s="7">
        <v>38657</v>
      </c>
      <c r="G13273" s="8">
        <v>1</v>
      </c>
      <c r="H13273" s="8">
        <v>1</v>
      </c>
      <c r="I13273" s="8">
        <v>0</v>
      </c>
      <c r="J13273" s="8">
        <v>1</v>
      </c>
      <c r="K13273" s="9">
        <v>59</v>
      </c>
      <c r="L13273" s="6" t="s">
        <v>51</v>
      </c>
    </row>
    <row r="13274" spans="1:12">
      <c r="A13274" s="6" t="s">
        <v>49</v>
      </c>
      <c r="B13274" s="6"/>
      <c r="C13274" s="6" t="s">
        <v>13298</v>
      </c>
      <c r="D13274" s="6"/>
      <c r="E13274" s="6" t="s">
        <v>9</v>
      </c>
      <c r="F13274" s="7">
        <v>38657</v>
      </c>
      <c r="G13274" s="8">
        <v>1</v>
      </c>
      <c r="H13274" s="8">
        <v>1</v>
      </c>
      <c r="I13274" s="8">
        <v>0</v>
      </c>
      <c r="J13274" s="8">
        <v>1</v>
      </c>
      <c r="K13274" s="9">
        <v>1132</v>
      </c>
      <c r="L13274" s="6" t="s">
        <v>51</v>
      </c>
    </row>
    <row r="13275" spans="1:12">
      <c r="A13275" s="6" t="s">
        <v>49</v>
      </c>
      <c r="B13275" s="6"/>
      <c r="C13275" s="6" t="s">
        <v>13299</v>
      </c>
      <c r="D13275" s="6"/>
      <c r="E13275" s="6" t="s">
        <v>9</v>
      </c>
      <c r="F13275" s="7">
        <v>38657</v>
      </c>
      <c r="G13275" s="8">
        <v>1</v>
      </c>
      <c r="H13275" s="8">
        <v>1</v>
      </c>
      <c r="I13275" s="8">
        <v>0</v>
      </c>
      <c r="J13275" s="8">
        <v>1</v>
      </c>
      <c r="K13275" s="9">
        <v>683</v>
      </c>
      <c r="L13275" s="6" t="s">
        <v>51</v>
      </c>
    </row>
    <row r="13276" spans="1:12">
      <c r="A13276" s="6" t="s">
        <v>49</v>
      </c>
      <c r="B13276" s="6"/>
      <c r="C13276" s="6" t="s">
        <v>13300</v>
      </c>
      <c r="D13276" s="6"/>
      <c r="E13276" s="6" t="s">
        <v>9</v>
      </c>
      <c r="F13276" s="7">
        <v>38657</v>
      </c>
      <c r="G13276" s="8">
        <v>1</v>
      </c>
      <c r="H13276" s="8">
        <v>1</v>
      </c>
      <c r="I13276" s="8">
        <v>0</v>
      </c>
      <c r="J13276" s="8">
        <v>1</v>
      </c>
      <c r="K13276" s="9">
        <v>653</v>
      </c>
      <c r="L13276" s="6" t="s">
        <v>51</v>
      </c>
    </row>
    <row r="13277" spans="1:12">
      <c r="A13277" s="6" t="s">
        <v>49</v>
      </c>
      <c r="B13277" s="6"/>
      <c r="C13277" s="6" t="s">
        <v>13301</v>
      </c>
      <c r="D13277" s="6"/>
      <c r="E13277" s="6" t="s">
        <v>9</v>
      </c>
      <c r="F13277" s="7">
        <v>38657</v>
      </c>
      <c r="G13277" s="8">
        <v>1</v>
      </c>
      <c r="H13277" s="8">
        <v>1</v>
      </c>
      <c r="I13277" s="8">
        <v>0</v>
      </c>
      <c r="J13277" s="8">
        <v>1</v>
      </c>
      <c r="K13277" s="9">
        <v>980</v>
      </c>
      <c r="L13277" s="6" t="s">
        <v>51</v>
      </c>
    </row>
    <row r="13278" spans="1:12">
      <c r="A13278" s="6" t="s">
        <v>49</v>
      </c>
      <c r="B13278" s="6"/>
      <c r="C13278" s="6" t="s">
        <v>13302</v>
      </c>
      <c r="D13278" s="6"/>
      <c r="E13278" s="6" t="s">
        <v>9</v>
      </c>
      <c r="F13278" s="7">
        <v>38657</v>
      </c>
      <c r="G13278" s="8">
        <v>1</v>
      </c>
      <c r="H13278" s="8">
        <v>1</v>
      </c>
      <c r="I13278" s="8">
        <v>0</v>
      </c>
      <c r="J13278" s="8">
        <v>1</v>
      </c>
      <c r="K13278" s="9">
        <v>648</v>
      </c>
      <c r="L13278" s="6" t="s">
        <v>51</v>
      </c>
    </row>
    <row r="13279" spans="1:12">
      <c r="A13279" s="6" t="s">
        <v>49</v>
      </c>
      <c r="B13279" s="6"/>
      <c r="C13279" s="6" t="s">
        <v>13303</v>
      </c>
      <c r="D13279" s="6"/>
      <c r="E13279" s="6" t="s">
        <v>9</v>
      </c>
      <c r="F13279" s="7">
        <v>38657</v>
      </c>
      <c r="G13279" s="8">
        <v>1</v>
      </c>
      <c r="H13279" s="8">
        <v>1</v>
      </c>
      <c r="I13279" s="8">
        <v>0</v>
      </c>
      <c r="J13279" s="8">
        <v>1</v>
      </c>
      <c r="K13279" s="9">
        <v>364</v>
      </c>
      <c r="L13279" s="6" t="s">
        <v>51</v>
      </c>
    </row>
    <row r="13280" spans="1:12">
      <c r="A13280" s="6" t="s">
        <v>49</v>
      </c>
      <c r="B13280" s="6"/>
      <c r="C13280" s="6" t="s">
        <v>13304</v>
      </c>
      <c r="D13280" s="6"/>
      <c r="E13280" s="6" t="s">
        <v>9</v>
      </c>
      <c r="F13280" s="7">
        <v>38657</v>
      </c>
      <c r="G13280" s="8">
        <v>1</v>
      </c>
      <c r="H13280" s="8">
        <v>1</v>
      </c>
      <c r="I13280" s="8">
        <v>0</v>
      </c>
      <c r="J13280" s="8">
        <v>1</v>
      </c>
      <c r="K13280" s="9">
        <v>228</v>
      </c>
      <c r="L13280" s="6" t="s">
        <v>51</v>
      </c>
    </row>
    <row r="13281" spans="1:12">
      <c r="A13281" s="6" t="s">
        <v>49</v>
      </c>
      <c r="B13281" s="6"/>
      <c r="C13281" s="6" t="s">
        <v>13305</v>
      </c>
      <c r="D13281" s="6"/>
      <c r="E13281" s="6" t="s">
        <v>9</v>
      </c>
      <c r="F13281" s="7">
        <v>38657</v>
      </c>
      <c r="G13281" s="8">
        <v>1</v>
      </c>
      <c r="H13281" s="8">
        <v>1</v>
      </c>
      <c r="I13281" s="8">
        <v>0</v>
      </c>
      <c r="J13281" s="8">
        <v>1</v>
      </c>
      <c r="K13281" s="9">
        <v>465</v>
      </c>
      <c r="L13281" s="6" t="s">
        <v>51</v>
      </c>
    </row>
    <row r="13282" spans="1:12">
      <c r="A13282" s="6" t="s">
        <v>49</v>
      </c>
      <c r="B13282" s="6"/>
      <c r="C13282" s="6" t="s">
        <v>13306</v>
      </c>
      <c r="D13282" s="6"/>
      <c r="E13282" s="6" t="s">
        <v>9</v>
      </c>
      <c r="F13282" s="7">
        <v>38657</v>
      </c>
      <c r="G13282" s="8">
        <v>1</v>
      </c>
      <c r="H13282" s="8">
        <v>1</v>
      </c>
      <c r="I13282" s="8">
        <v>0</v>
      </c>
      <c r="J13282" s="8">
        <v>1</v>
      </c>
      <c r="K13282" s="9">
        <v>31</v>
      </c>
      <c r="L13282" s="6" t="s">
        <v>51</v>
      </c>
    </row>
    <row r="13283" spans="1:12">
      <c r="A13283" s="6" t="s">
        <v>49</v>
      </c>
      <c r="B13283" s="6"/>
      <c r="C13283" s="6" t="s">
        <v>13307</v>
      </c>
      <c r="D13283" s="6"/>
      <c r="E13283" s="6" t="s">
        <v>9</v>
      </c>
      <c r="F13283" s="7">
        <v>38657</v>
      </c>
      <c r="G13283" s="8">
        <v>1</v>
      </c>
      <c r="H13283" s="8">
        <v>1</v>
      </c>
      <c r="I13283" s="8">
        <v>0</v>
      </c>
      <c r="J13283" s="8">
        <v>1</v>
      </c>
      <c r="K13283" s="9">
        <v>19</v>
      </c>
      <c r="L13283" s="6" t="s">
        <v>51</v>
      </c>
    </row>
    <row r="13284" spans="1:12">
      <c r="A13284" s="6" t="s">
        <v>49</v>
      </c>
      <c r="B13284" s="6"/>
      <c r="C13284" s="6" t="s">
        <v>13308</v>
      </c>
      <c r="D13284" s="6"/>
      <c r="E13284" s="6" t="s">
        <v>9</v>
      </c>
      <c r="F13284" s="7">
        <v>38657</v>
      </c>
      <c r="G13284" s="8">
        <v>1</v>
      </c>
      <c r="H13284" s="8">
        <v>1</v>
      </c>
      <c r="I13284" s="8">
        <v>0</v>
      </c>
      <c r="J13284" s="8">
        <v>1</v>
      </c>
      <c r="K13284" s="9">
        <v>112</v>
      </c>
      <c r="L13284" s="6" t="s">
        <v>51</v>
      </c>
    </row>
    <row r="13285" spans="1:12">
      <c r="A13285" s="6" t="s">
        <v>49</v>
      </c>
      <c r="B13285" s="6"/>
      <c r="C13285" s="6" t="s">
        <v>13309</v>
      </c>
      <c r="D13285" s="6"/>
      <c r="E13285" s="6" t="s">
        <v>9</v>
      </c>
      <c r="F13285" s="7">
        <v>38657</v>
      </c>
      <c r="G13285" s="8">
        <v>1</v>
      </c>
      <c r="H13285" s="8">
        <v>1</v>
      </c>
      <c r="I13285" s="8">
        <v>0</v>
      </c>
      <c r="J13285" s="8">
        <v>1</v>
      </c>
      <c r="K13285" s="9">
        <v>13</v>
      </c>
      <c r="L13285" s="6" t="s">
        <v>51</v>
      </c>
    </row>
    <row r="13286" spans="1:12">
      <c r="A13286" s="6" t="s">
        <v>49</v>
      </c>
      <c r="B13286" s="6"/>
      <c r="C13286" s="6" t="s">
        <v>13310</v>
      </c>
      <c r="D13286" s="6"/>
      <c r="E13286" s="6" t="s">
        <v>9</v>
      </c>
      <c r="F13286" s="7">
        <v>38657</v>
      </c>
      <c r="G13286" s="8">
        <v>1</v>
      </c>
      <c r="H13286" s="8">
        <v>1</v>
      </c>
      <c r="I13286" s="8">
        <v>0</v>
      </c>
      <c r="J13286" s="8">
        <v>1</v>
      </c>
      <c r="K13286" s="9">
        <v>4.79</v>
      </c>
      <c r="L13286" s="6" t="s">
        <v>51</v>
      </c>
    </row>
    <row r="13287" spans="1:12">
      <c r="A13287" s="6" t="s">
        <v>49</v>
      </c>
      <c r="B13287" s="6"/>
      <c r="C13287" s="6" t="s">
        <v>13311</v>
      </c>
      <c r="D13287" s="6"/>
      <c r="E13287" s="6" t="s">
        <v>9</v>
      </c>
      <c r="F13287" s="7">
        <v>38657</v>
      </c>
      <c r="G13287" s="8">
        <v>1</v>
      </c>
      <c r="H13287" s="8">
        <v>1</v>
      </c>
      <c r="I13287" s="8">
        <v>0</v>
      </c>
      <c r="J13287" s="8">
        <v>1</v>
      </c>
      <c r="K13287" s="9">
        <v>3.86</v>
      </c>
      <c r="L13287" s="6" t="s">
        <v>51</v>
      </c>
    </row>
    <row r="13288" spans="1:12">
      <c r="A13288" s="6" t="s">
        <v>49</v>
      </c>
      <c r="B13288" s="6"/>
      <c r="C13288" s="6" t="s">
        <v>13312</v>
      </c>
      <c r="D13288" s="6"/>
      <c r="E13288" s="6" t="s">
        <v>9</v>
      </c>
      <c r="F13288" s="7">
        <v>38657</v>
      </c>
      <c r="G13288" s="8">
        <v>1</v>
      </c>
      <c r="H13288" s="8">
        <v>1</v>
      </c>
      <c r="I13288" s="8">
        <v>0</v>
      </c>
      <c r="J13288" s="8">
        <v>1</v>
      </c>
      <c r="K13288" s="9">
        <v>15</v>
      </c>
      <c r="L13288" s="6" t="s">
        <v>51</v>
      </c>
    </row>
    <row r="13289" spans="1:12">
      <c r="A13289" s="6" t="s">
        <v>49</v>
      </c>
      <c r="B13289" s="6"/>
      <c r="C13289" s="6" t="s">
        <v>13313</v>
      </c>
      <c r="D13289" s="6"/>
      <c r="E13289" s="6" t="s">
        <v>9</v>
      </c>
      <c r="F13289" s="7">
        <v>38657</v>
      </c>
      <c r="G13289" s="8">
        <v>1</v>
      </c>
      <c r="H13289" s="8">
        <v>1</v>
      </c>
      <c r="I13289" s="8">
        <v>0</v>
      </c>
      <c r="J13289" s="8">
        <v>1</v>
      </c>
      <c r="K13289" s="9">
        <v>124</v>
      </c>
      <c r="L13289" s="6" t="s">
        <v>51</v>
      </c>
    </row>
    <row r="13290" spans="1:12">
      <c r="A13290" s="6" t="s">
        <v>49</v>
      </c>
      <c r="B13290" s="6"/>
      <c r="C13290" s="6" t="s">
        <v>13314</v>
      </c>
      <c r="D13290" s="6"/>
      <c r="E13290" s="6" t="s">
        <v>9</v>
      </c>
      <c r="F13290" s="7">
        <v>38657</v>
      </c>
      <c r="G13290" s="8">
        <v>1</v>
      </c>
      <c r="H13290" s="8">
        <v>1</v>
      </c>
      <c r="I13290" s="8">
        <v>0</v>
      </c>
      <c r="J13290" s="8">
        <v>1</v>
      </c>
      <c r="K13290" s="9">
        <v>58</v>
      </c>
      <c r="L13290" s="6" t="s">
        <v>51</v>
      </c>
    </row>
    <row r="13291" spans="1:12">
      <c r="A13291" s="6" t="s">
        <v>49</v>
      </c>
      <c r="B13291" s="6"/>
      <c r="C13291" s="6" t="s">
        <v>13315</v>
      </c>
      <c r="D13291" s="6"/>
      <c r="E13291" s="6" t="s">
        <v>9</v>
      </c>
      <c r="F13291" s="7">
        <v>38657</v>
      </c>
      <c r="G13291" s="8">
        <v>1</v>
      </c>
      <c r="H13291" s="8">
        <v>1</v>
      </c>
      <c r="I13291" s="8">
        <v>0</v>
      </c>
      <c r="J13291" s="8">
        <v>1</v>
      </c>
      <c r="K13291" s="9">
        <v>191</v>
      </c>
      <c r="L13291" s="6" t="s">
        <v>51</v>
      </c>
    </row>
    <row r="13292" spans="1:12">
      <c r="A13292" s="6" t="s">
        <v>49</v>
      </c>
      <c r="B13292" s="6"/>
      <c r="C13292" s="6" t="s">
        <v>13316</v>
      </c>
      <c r="D13292" s="6"/>
      <c r="E13292" s="6" t="s">
        <v>9</v>
      </c>
      <c r="F13292" s="7">
        <v>38657</v>
      </c>
      <c r="G13292" s="8">
        <v>1</v>
      </c>
      <c r="H13292" s="8">
        <v>1</v>
      </c>
      <c r="I13292" s="8">
        <v>0</v>
      </c>
      <c r="J13292" s="8">
        <v>1</v>
      </c>
      <c r="K13292" s="9">
        <v>105</v>
      </c>
      <c r="L13292" s="6" t="s">
        <v>51</v>
      </c>
    </row>
    <row r="13293" spans="1:12">
      <c r="A13293" s="6" t="s">
        <v>49</v>
      </c>
      <c r="B13293" s="6"/>
      <c r="C13293" s="6" t="s">
        <v>13317</v>
      </c>
      <c r="D13293" s="6"/>
      <c r="E13293" s="6" t="s">
        <v>9</v>
      </c>
      <c r="F13293" s="7">
        <v>38657</v>
      </c>
      <c r="G13293" s="8">
        <v>1</v>
      </c>
      <c r="H13293" s="8">
        <v>1</v>
      </c>
      <c r="I13293" s="8">
        <v>0</v>
      </c>
      <c r="J13293" s="8">
        <v>1</v>
      </c>
      <c r="K13293" s="9">
        <v>4.2300000000000004</v>
      </c>
      <c r="L13293" s="6" t="s">
        <v>51</v>
      </c>
    </row>
    <row r="13294" spans="1:12">
      <c r="A13294" s="6" t="s">
        <v>49</v>
      </c>
      <c r="B13294" s="6"/>
      <c r="C13294" s="6" t="s">
        <v>13318</v>
      </c>
      <c r="D13294" s="6"/>
      <c r="E13294" s="6" t="s">
        <v>9</v>
      </c>
      <c r="F13294" s="7">
        <v>38657</v>
      </c>
      <c r="G13294" s="8">
        <v>1</v>
      </c>
      <c r="H13294" s="8">
        <v>1</v>
      </c>
      <c r="I13294" s="8">
        <v>0</v>
      </c>
      <c r="J13294" s="8">
        <v>1</v>
      </c>
      <c r="K13294" s="9">
        <v>4.2</v>
      </c>
      <c r="L13294" s="6" t="s">
        <v>51</v>
      </c>
    </row>
    <row r="13295" spans="1:12">
      <c r="A13295" s="6" t="s">
        <v>49</v>
      </c>
      <c r="B13295" s="6"/>
      <c r="C13295" s="6" t="s">
        <v>13319</v>
      </c>
      <c r="D13295" s="6"/>
      <c r="E13295" s="6" t="s">
        <v>9</v>
      </c>
      <c r="F13295" s="7">
        <v>38657</v>
      </c>
      <c r="G13295" s="8">
        <v>1</v>
      </c>
      <c r="H13295" s="8">
        <v>1</v>
      </c>
      <c r="I13295" s="8">
        <v>0</v>
      </c>
      <c r="J13295" s="8">
        <v>1</v>
      </c>
      <c r="K13295" s="9">
        <v>62</v>
      </c>
      <c r="L13295" s="6" t="s">
        <v>51</v>
      </c>
    </row>
    <row r="13296" spans="1:12">
      <c r="A13296" s="6" t="s">
        <v>49</v>
      </c>
      <c r="B13296" s="6"/>
      <c r="C13296" s="6" t="s">
        <v>13320</v>
      </c>
      <c r="D13296" s="6"/>
      <c r="E13296" s="6" t="s">
        <v>9</v>
      </c>
      <c r="F13296" s="7">
        <v>38657</v>
      </c>
      <c r="G13296" s="8">
        <v>1</v>
      </c>
      <c r="H13296" s="8">
        <v>1</v>
      </c>
      <c r="I13296" s="8">
        <v>0</v>
      </c>
      <c r="J13296" s="8">
        <v>1</v>
      </c>
      <c r="K13296" s="9">
        <v>29</v>
      </c>
      <c r="L13296" s="6" t="s">
        <v>51</v>
      </c>
    </row>
    <row r="13297" spans="1:12">
      <c r="A13297" s="6" t="s">
        <v>49</v>
      </c>
      <c r="B13297" s="6"/>
      <c r="C13297" s="6" t="s">
        <v>13321</v>
      </c>
      <c r="D13297" s="6"/>
      <c r="E13297" s="6" t="s">
        <v>9</v>
      </c>
      <c r="F13297" s="7">
        <v>38657</v>
      </c>
      <c r="G13297" s="8">
        <v>1</v>
      </c>
      <c r="H13297" s="8">
        <v>1</v>
      </c>
      <c r="I13297" s="8">
        <v>0</v>
      </c>
      <c r="J13297" s="8">
        <v>1</v>
      </c>
      <c r="K13297" s="9">
        <v>8.3800000000000008</v>
      </c>
      <c r="L13297" s="6" t="s">
        <v>51</v>
      </c>
    </row>
    <row r="13298" spans="1:12">
      <c r="A13298" s="6" t="s">
        <v>49</v>
      </c>
      <c r="B13298" s="6"/>
      <c r="C13298" s="6" t="s">
        <v>13322</v>
      </c>
      <c r="D13298" s="6"/>
      <c r="E13298" s="6" t="s">
        <v>9</v>
      </c>
      <c r="F13298" s="7">
        <v>38657</v>
      </c>
      <c r="G13298" s="8">
        <v>1</v>
      </c>
      <c r="H13298" s="8">
        <v>1</v>
      </c>
      <c r="I13298" s="8">
        <v>0</v>
      </c>
      <c r="J13298" s="8">
        <v>1</v>
      </c>
      <c r="K13298" s="9">
        <v>1.31</v>
      </c>
      <c r="L13298" s="6" t="s">
        <v>51</v>
      </c>
    </row>
    <row r="13299" spans="1:12">
      <c r="A13299" s="6" t="s">
        <v>49</v>
      </c>
      <c r="B13299" s="6"/>
      <c r="C13299" s="6" t="s">
        <v>13323</v>
      </c>
      <c r="D13299" s="6"/>
      <c r="E13299" s="6" t="s">
        <v>9</v>
      </c>
      <c r="F13299" s="7">
        <v>38657</v>
      </c>
      <c r="G13299" s="8">
        <v>1</v>
      </c>
      <c r="H13299" s="8">
        <v>1</v>
      </c>
      <c r="I13299" s="8">
        <v>0</v>
      </c>
      <c r="J13299" s="8">
        <v>1</v>
      </c>
      <c r="K13299" s="9">
        <v>1.1100000000000001</v>
      </c>
      <c r="L13299" s="6" t="s">
        <v>51</v>
      </c>
    </row>
    <row r="13300" spans="1:12">
      <c r="A13300" s="6" t="s">
        <v>49</v>
      </c>
      <c r="B13300" s="6"/>
      <c r="C13300" s="6" t="s">
        <v>13324</v>
      </c>
      <c r="D13300" s="6"/>
      <c r="E13300" s="6" t="s">
        <v>9</v>
      </c>
      <c r="F13300" s="7">
        <v>38657</v>
      </c>
      <c r="G13300" s="8">
        <v>1</v>
      </c>
      <c r="H13300" s="8">
        <v>1</v>
      </c>
      <c r="I13300" s="8">
        <v>0</v>
      </c>
      <c r="J13300" s="8">
        <v>1</v>
      </c>
      <c r="K13300" s="9">
        <v>5.57</v>
      </c>
      <c r="L13300" s="6" t="s">
        <v>51</v>
      </c>
    </row>
    <row r="13301" spans="1:12">
      <c r="A13301" s="6" t="s">
        <v>49</v>
      </c>
      <c r="B13301" s="6"/>
      <c r="C13301" s="6" t="s">
        <v>13325</v>
      </c>
      <c r="D13301" s="6"/>
      <c r="E13301" s="6" t="s">
        <v>9</v>
      </c>
      <c r="F13301" s="7">
        <v>38657</v>
      </c>
      <c r="G13301" s="8">
        <v>1</v>
      </c>
      <c r="H13301" s="8">
        <v>1</v>
      </c>
      <c r="I13301" s="8">
        <v>0</v>
      </c>
      <c r="J13301" s="8">
        <v>1</v>
      </c>
      <c r="K13301" s="9">
        <v>1.25</v>
      </c>
      <c r="L13301" s="6" t="s">
        <v>51</v>
      </c>
    </row>
    <row r="13302" spans="1:12">
      <c r="A13302" s="6" t="s">
        <v>49</v>
      </c>
      <c r="B13302" s="6"/>
      <c r="C13302" s="6" t="s">
        <v>13326</v>
      </c>
      <c r="D13302" s="6"/>
      <c r="E13302" s="6" t="s">
        <v>9</v>
      </c>
      <c r="F13302" s="7">
        <v>38657</v>
      </c>
      <c r="G13302" s="8">
        <v>1</v>
      </c>
      <c r="H13302" s="8">
        <v>1</v>
      </c>
      <c r="I13302" s="8">
        <v>0</v>
      </c>
      <c r="J13302" s="8">
        <v>1</v>
      </c>
      <c r="K13302" s="9">
        <v>2.09</v>
      </c>
      <c r="L13302" s="6" t="s">
        <v>51</v>
      </c>
    </row>
    <row r="13303" spans="1:12">
      <c r="A13303" s="6" t="s">
        <v>49</v>
      </c>
      <c r="B13303" s="6"/>
      <c r="C13303" s="6" t="s">
        <v>13327</v>
      </c>
      <c r="D13303" s="6"/>
      <c r="E13303" s="6" t="s">
        <v>9</v>
      </c>
      <c r="F13303" s="7">
        <v>38657</v>
      </c>
      <c r="G13303" s="8">
        <v>1</v>
      </c>
      <c r="H13303" s="8">
        <v>1</v>
      </c>
      <c r="I13303" s="8">
        <v>0</v>
      </c>
      <c r="J13303" s="8">
        <v>1</v>
      </c>
      <c r="K13303" s="9">
        <v>70</v>
      </c>
      <c r="L13303" s="6" t="s">
        <v>51</v>
      </c>
    </row>
    <row r="13304" spans="1:12">
      <c r="A13304" s="6" t="s">
        <v>49</v>
      </c>
      <c r="B13304" s="6"/>
      <c r="C13304" s="6" t="s">
        <v>13328</v>
      </c>
      <c r="D13304" s="6"/>
      <c r="E13304" s="6" t="s">
        <v>9</v>
      </c>
      <c r="F13304" s="7">
        <v>38657</v>
      </c>
      <c r="G13304" s="8">
        <v>1</v>
      </c>
      <c r="H13304" s="8">
        <v>1</v>
      </c>
      <c r="I13304" s="8">
        <v>0</v>
      </c>
      <c r="J13304" s="8">
        <v>1</v>
      </c>
      <c r="K13304" s="9">
        <v>71</v>
      </c>
      <c r="L13304" s="6" t="s">
        <v>51</v>
      </c>
    </row>
    <row r="13305" spans="1:12">
      <c r="A13305" s="6" t="s">
        <v>49</v>
      </c>
      <c r="B13305" s="6"/>
      <c r="C13305" s="6" t="s">
        <v>13329</v>
      </c>
      <c r="D13305" s="6"/>
      <c r="E13305" s="6" t="s">
        <v>9</v>
      </c>
      <c r="F13305" s="7">
        <v>38657</v>
      </c>
      <c r="G13305" s="8">
        <v>1</v>
      </c>
      <c r="H13305" s="8">
        <v>1</v>
      </c>
      <c r="I13305" s="8">
        <v>0</v>
      </c>
      <c r="J13305" s="8">
        <v>1</v>
      </c>
      <c r="K13305" s="9">
        <v>85</v>
      </c>
      <c r="L13305" s="6" t="s">
        <v>51</v>
      </c>
    </row>
    <row r="13306" spans="1:12">
      <c r="A13306" s="6" t="s">
        <v>49</v>
      </c>
      <c r="B13306" s="6"/>
      <c r="C13306" s="6" t="s">
        <v>13330</v>
      </c>
      <c r="D13306" s="6"/>
      <c r="E13306" s="6" t="s">
        <v>9</v>
      </c>
      <c r="F13306" s="7">
        <v>38657</v>
      </c>
      <c r="G13306" s="8">
        <v>1</v>
      </c>
      <c r="H13306" s="8">
        <v>1</v>
      </c>
      <c r="I13306" s="8">
        <v>0</v>
      </c>
      <c r="J13306" s="8">
        <v>1</v>
      </c>
      <c r="K13306" s="9">
        <v>49</v>
      </c>
      <c r="L13306" s="6" t="s">
        <v>51</v>
      </c>
    </row>
    <row r="13307" spans="1:12">
      <c r="A13307" s="6" t="s">
        <v>49</v>
      </c>
      <c r="B13307" s="6"/>
      <c r="C13307" s="6" t="s">
        <v>13331</v>
      </c>
      <c r="D13307" s="6"/>
      <c r="E13307" s="6" t="s">
        <v>9</v>
      </c>
      <c r="F13307" s="7">
        <v>38657</v>
      </c>
      <c r="G13307" s="8">
        <v>1</v>
      </c>
      <c r="H13307" s="8">
        <v>1</v>
      </c>
      <c r="I13307" s="8">
        <v>0</v>
      </c>
      <c r="J13307" s="8">
        <v>1</v>
      </c>
      <c r="K13307" s="9">
        <v>92</v>
      </c>
      <c r="L13307" s="6" t="s">
        <v>51</v>
      </c>
    </row>
    <row r="13308" spans="1:12">
      <c r="A13308" s="6" t="s">
        <v>49</v>
      </c>
      <c r="B13308" s="6"/>
      <c r="C13308" s="6" t="s">
        <v>13332</v>
      </c>
      <c r="D13308" s="6"/>
      <c r="E13308" s="6" t="s">
        <v>9</v>
      </c>
      <c r="F13308" s="7">
        <v>38657</v>
      </c>
      <c r="G13308" s="8">
        <v>1</v>
      </c>
      <c r="H13308" s="8">
        <v>1</v>
      </c>
      <c r="I13308" s="8">
        <v>0</v>
      </c>
      <c r="J13308" s="8">
        <v>1</v>
      </c>
      <c r="K13308" s="9">
        <v>44</v>
      </c>
      <c r="L13308" s="6" t="s">
        <v>51</v>
      </c>
    </row>
    <row r="13309" spans="1:12">
      <c r="A13309" s="6" t="s">
        <v>49</v>
      </c>
      <c r="B13309" s="6"/>
      <c r="C13309" s="6" t="s">
        <v>13333</v>
      </c>
      <c r="D13309" s="6"/>
      <c r="E13309" s="6" t="s">
        <v>9</v>
      </c>
      <c r="F13309" s="7">
        <v>38657</v>
      </c>
      <c r="G13309" s="8">
        <v>1</v>
      </c>
      <c r="H13309" s="8">
        <v>1</v>
      </c>
      <c r="I13309" s="8">
        <v>0</v>
      </c>
      <c r="J13309" s="8">
        <v>1</v>
      </c>
      <c r="K13309" s="9">
        <v>11</v>
      </c>
      <c r="L13309" s="6" t="s">
        <v>51</v>
      </c>
    </row>
    <row r="13310" spans="1:12">
      <c r="A13310" s="6" t="s">
        <v>49</v>
      </c>
      <c r="B13310" s="6"/>
      <c r="C13310" s="6" t="s">
        <v>13334</v>
      </c>
      <c r="D13310" s="6"/>
      <c r="E13310" s="6" t="s">
        <v>9</v>
      </c>
      <c r="F13310" s="7">
        <v>38657</v>
      </c>
      <c r="G13310" s="8">
        <v>1</v>
      </c>
      <c r="H13310" s="8">
        <v>1</v>
      </c>
      <c r="I13310" s="8">
        <v>0</v>
      </c>
      <c r="J13310" s="8">
        <v>1</v>
      </c>
      <c r="K13310" s="9">
        <v>15</v>
      </c>
      <c r="L13310" s="6" t="s">
        <v>51</v>
      </c>
    </row>
    <row r="13311" spans="1:12">
      <c r="A13311" s="6" t="s">
        <v>49</v>
      </c>
      <c r="B13311" s="6"/>
      <c r="C13311" s="6" t="s">
        <v>13335</v>
      </c>
      <c r="D13311" s="6"/>
      <c r="E13311" s="6" t="s">
        <v>9</v>
      </c>
      <c r="F13311" s="7">
        <v>38657</v>
      </c>
      <c r="G13311" s="8">
        <v>1</v>
      </c>
      <c r="H13311" s="8">
        <v>1</v>
      </c>
      <c r="I13311" s="8">
        <v>0</v>
      </c>
      <c r="J13311" s="8">
        <v>1</v>
      </c>
      <c r="K13311" s="9">
        <v>6.97</v>
      </c>
      <c r="L13311" s="6" t="s">
        <v>51</v>
      </c>
    </row>
    <row r="13312" spans="1:12">
      <c r="A13312" s="6" t="s">
        <v>49</v>
      </c>
      <c r="B13312" s="6"/>
      <c r="C13312" s="6" t="s">
        <v>13336</v>
      </c>
      <c r="D13312" s="6"/>
      <c r="E13312" s="6" t="s">
        <v>9</v>
      </c>
      <c r="F13312" s="7">
        <v>38657</v>
      </c>
      <c r="G13312" s="8">
        <v>1</v>
      </c>
      <c r="H13312" s="8">
        <v>1</v>
      </c>
      <c r="I13312" s="8">
        <v>0</v>
      </c>
      <c r="J13312" s="8">
        <v>1</v>
      </c>
      <c r="K13312" s="9">
        <v>21</v>
      </c>
      <c r="L13312" s="6" t="s">
        <v>51</v>
      </c>
    </row>
    <row r="13313" spans="1:12">
      <c r="A13313" s="6" t="s">
        <v>49</v>
      </c>
      <c r="B13313" s="6"/>
      <c r="C13313" s="6" t="s">
        <v>13337</v>
      </c>
      <c r="D13313" s="6"/>
      <c r="E13313" s="6" t="s">
        <v>9</v>
      </c>
      <c r="F13313" s="7">
        <v>38657</v>
      </c>
      <c r="G13313" s="8">
        <v>1</v>
      </c>
      <c r="H13313" s="8">
        <v>1</v>
      </c>
      <c r="I13313" s="8">
        <v>0</v>
      </c>
      <c r="J13313" s="8">
        <v>1</v>
      </c>
      <c r="K13313" s="9">
        <v>1.9</v>
      </c>
      <c r="L13313" s="6" t="s">
        <v>51</v>
      </c>
    </row>
    <row r="13314" spans="1:12">
      <c r="A13314" s="6" t="s">
        <v>49</v>
      </c>
      <c r="B13314" s="6"/>
      <c r="C13314" s="6" t="s">
        <v>13338</v>
      </c>
      <c r="D13314" s="6"/>
      <c r="E13314" s="6" t="s">
        <v>9</v>
      </c>
      <c r="F13314" s="7">
        <v>38657</v>
      </c>
      <c r="G13314" s="8">
        <v>1</v>
      </c>
      <c r="H13314" s="8">
        <v>1</v>
      </c>
      <c r="I13314" s="8">
        <v>0</v>
      </c>
      <c r="J13314" s="8">
        <v>1</v>
      </c>
      <c r="K13314" s="9">
        <v>11</v>
      </c>
      <c r="L13314" s="6" t="s">
        <v>51</v>
      </c>
    </row>
    <row r="13315" spans="1:12">
      <c r="A13315" s="6" t="s">
        <v>49</v>
      </c>
      <c r="B13315" s="6"/>
      <c r="C13315" s="6" t="s">
        <v>13339</v>
      </c>
      <c r="D13315" s="6"/>
      <c r="E13315" s="6" t="s">
        <v>9</v>
      </c>
      <c r="F13315" s="7">
        <v>38657</v>
      </c>
      <c r="G13315" s="8">
        <v>1</v>
      </c>
      <c r="H13315" s="8">
        <v>1</v>
      </c>
      <c r="I13315" s="8">
        <v>0</v>
      </c>
      <c r="J13315" s="8">
        <v>1</v>
      </c>
      <c r="K13315" s="9">
        <v>2.4500000000000002</v>
      </c>
      <c r="L13315" s="6" t="s">
        <v>51</v>
      </c>
    </row>
    <row r="13316" spans="1:12">
      <c r="A13316" s="6" t="s">
        <v>49</v>
      </c>
      <c r="B13316" s="6"/>
      <c r="C13316" s="6" t="s">
        <v>13340</v>
      </c>
      <c r="D13316" s="6"/>
      <c r="E13316" s="6" t="s">
        <v>9</v>
      </c>
      <c r="F13316" s="7">
        <v>38657</v>
      </c>
      <c r="G13316" s="8">
        <v>1</v>
      </c>
      <c r="H13316" s="8">
        <v>1</v>
      </c>
      <c r="I13316" s="8">
        <v>0</v>
      </c>
      <c r="J13316" s="8">
        <v>1</v>
      </c>
      <c r="K13316" s="9">
        <v>2.68</v>
      </c>
      <c r="L13316" s="6" t="s">
        <v>51</v>
      </c>
    </row>
    <row r="13317" spans="1:12">
      <c r="A13317" s="6" t="s">
        <v>49</v>
      </c>
      <c r="B13317" s="6"/>
      <c r="C13317" s="6" t="s">
        <v>13341</v>
      </c>
      <c r="D13317" s="6"/>
      <c r="E13317" s="6" t="s">
        <v>9</v>
      </c>
      <c r="F13317" s="7">
        <v>38657</v>
      </c>
      <c r="G13317" s="8">
        <v>1</v>
      </c>
      <c r="H13317" s="8">
        <v>1</v>
      </c>
      <c r="I13317" s="8">
        <v>0</v>
      </c>
      <c r="J13317" s="8">
        <v>1</v>
      </c>
      <c r="K13317" s="9">
        <v>109</v>
      </c>
      <c r="L13317" s="6" t="s">
        <v>51</v>
      </c>
    </row>
    <row r="13318" spans="1:12">
      <c r="A13318" s="6" t="s">
        <v>49</v>
      </c>
      <c r="B13318" s="6"/>
      <c r="C13318" s="6" t="s">
        <v>13342</v>
      </c>
      <c r="D13318" s="6"/>
      <c r="E13318" s="6" t="s">
        <v>9</v>
      </c>
      <c r="F13318" s="7">
        <v>38657</v>
      </c>
      <c r="G13318" s="8">
        <v>1</v>
      </c>
      <c r="H13318" s="8">
        <v>1</v>
      </c>
      <c r="I13318" s="8">
        <v>0</v>
      </c>
      <c r="J13318" s="8">
        <v>1</v>
      </c>
      <c r="K13318" s="9">
        <v>2.73</v>
      </c>
      <c r="L13318" s="6" t="s">
        <v>51</v>
      </c>
    </row>
    <row r="13319" spans="1:12">
      <c r="A13319" s="6" t="s">
        <v>49</v>
      </c>
      <c r="B13319" s="6"/>
      <c r="C13319" s="6" t="s">
        <v>13343</v>
      </c>
      <c r="D13319" s="6"/>
      <c r="E13319" s="6" t="s">
        <v>9</v>
      </c>
      <c r="F13319" s="7">
        <v>38657</v>
      </c>
      <c r="G13319" s="8">
        <v>1</v>
      </c>
      <c r="H13319" s="8">
        <v>1</v>
      </c>
      <c r="I13319" s="8">
        <v>0</v>
      </c>
      <c r="J13319" s="8">
        <v>1</v>
      </c>
      <c r="K13319" s="9">
        <v>2.37</v>
      </c>
      <c r="L13319" s="6" t="s">
        <v>51</v>
      </c>
    </row>
    <row r="13320" spans="1:12">
      <c r="A13320" s="6" t="s">
        <v>49</v>
      </c>
      <c r="B13320" s="6"/>
      <c r="C13320" s="6" t="s">
        <v>13344</v>
      </c>
      <c r="D13320" s="6"/>
      <c r="E13320" s="6" t="s">
        <v>9</v>
      </c>
      <c r="F13320" s="7">
        <v>38657</v>
      </c>
      <c r="G13320" s="8">
        <v>1</v>
      </c>
      <c r="H13320" s="8">
        <v>1</v>
      </c>
      <c r="I13320" s="8">
        <v>0</v>
      </c>
      <c r="J13320" s="8">
        <v>1</v>
      </c>
      <c r="K13320" s="9">
        <v>7.18</v>
      </c>
      <c r="L13320" s="6" t="s">
        <v>51</v>
      </c>
    </row>
    <row r="13321" spans="1:12">
      <c r="A13321" s="6" t="s">
        <v>49</v>
      </c>
      <c r="B13321" s="6"/>
      <c r="C13321" s="6" t="s">
        <v>13345</v>
      </c>
      <c r="D13321" s="6"/>
      <c r="E13321" s="6" t="s">
        <v>9</v>
      </c>
      <c r="F13321" s="7">
        <v>38657</v>
      </c>
      <c r="G13321" s="8">
        <v>1</v>
      </c>
      <c r="H13321" s="8">
        <v>1</v>
      </c>
      <c r="I13321" s="8">
        <v>0</v>
      </c>
      <c r="J13321" s="8">
        <v>1</v>
      </c>
      <c r="K13321" s="9">
        <v>10</v>
      </c>
      <c r="L13321" s="6" t="s">
        <v>51</v>
      </c>
    </row>
    <row r="13322" spans="1:12">
      <c r="A13322" s="6" t="s">
        <v>49</v>
      </c>
      <c r="B13322" s="6"/>
      <c r="C13322" s="6" t="s">
        <v>13346</v>
      </c>
      <c r="D13322" s="6"/>
      <c r="E13322" s="6" t="s">
        <v>9</v>
      </c>
      <c r="F13322" s="7">
        <v>38657</v>
      </c>
      <c r="G13322" s="8">
        <v>1</v>
      </c>
      <c r="H13322" s="8">
        <v>1</v>
      </c>
      <c r="I13322" s="8">
        <v>0</v>
      </c>
      <c r="J13322" s="8">
        <v>1</v>
      </c>
      <c r="K13322" s="9">
        <v>9.91</v>
      </c>
      <c r="L13322" s="6" t="s">
        <v>51</v>
      </c>
    </row>
    <row r="13323" spans="1:12">
      <c r="A13323" s="6" t="s">
        <v>49</v>
      </c>
      <c r="B13323" s="6"/>
      <c r="C13323" s="6" t="s">
        <v>13347</v>
      </c>
      <c r="D13323" s="6"/>
      <c r="E13323" s="6" t="s">
        <v>9</v>
      </c>
      <c r="F13323" s="7">
        <v>38657</v>
      </c>
      <c r="G13323" s="8">
        <v>1</v>
      </c>
      <c r="H13323" s="8">
        <v>1</v>
      </c>
      <c r="I13323" s="8">
        <v>0</v>
      </c>
      <c r="J13323" s="8">
        <v>1</v>
      </c>
      <c r="K13323" s="9">
        <v>10</v>
      </c>
      <c r="L13323" s="6" t="s">
        <v>51</v>
      </c>
    </row>
    <row r="13324" spans="1:12">
      <c r="A13324" s="6" t="s">
        <v>49</v>
      </c>
      <c r="B13324" s="6"/>
      <c r="C13324" s="6" t="s">
        <v>13348</v>
      </c>
      <c r="D13324" s="6"/>
      <c r="E13324" s="6" t="s">
        <v>9</v>
      </c>
      <c r="F13324" s="7">
        <v>38657</v>
      </c>
      <c r="G13324" s="8">
        <v>1</v>
      </c>
      <c r="H13324" s="8">
        <v>1</v>
      </c>
      <c r="I13324" s="8">
        <v>0</v>
      </c>
      <c r="J13324" s="8">
        <v>1</v>
      </c>
      <c r="K13324" s="9">
        <v>3.36</v>
      </c>
      <c r="L13324" s="6" t="s">
        <v>51</v>
      </c>
    </row>
    <row r="13325" spans="1:12">
      <c r="A13325" s="6" t="s">
        <v>49</v>
      </c>
      <c r="B13325" s="6"/>
      <c r="C13325" s="6" t="s">
        <v>13349</v>
      </c>
      <c r="D13325" s="6"/>
      <c r="E13325" s="6" t="s">
        <v>9</v>
      </c>
      <c r="F13325" s="7">
        <v>38657</v>
      </c>
      <c r="G13325" s="8">
        <v>1</v>
      </c>
      <c r="H13325" s="8">
        <v>1</v>
      </c>
      <c r="I13325" s="8">
        <v>0</v>
      </c>
      <c r="J13325" s="8">
        <v>1</v>
      </c>
      <c r="K13325" s="9">
        <v>3.45</v>
      </c>
      <c r="L13325" s="6" t="s">
        <v>51</v>
      </c>
    </row>
    <row r="13326" spans="1:12">
      <c r="A13326" s="6" t="s">
        <v>49</v>
      </c>
      <c r="B13326" s="6"/>
      <c r="C13326" s="6" t="s">
        <v>13350</v>
      </c>
      <c r="D13326" s="6"/>
      <c r="E13326" s="6" t="s">
        <v>9</v>
      </c>
      <c r="F13326" s="7">
        <v>38657</v>
      </c>
      <c r="G13326" s="8">
        <v>1</v>
      </c>
      <c r="H13326" s="8">
        <v>1</v>
      </c>
      <c r="I13326" s="8">
        <v>0</v>
      </c>
      <c r="J13326" s="8">
        <v>1</v>
      </c>
      <c r="K13326" s="9">
        <v>5.13</v>
      </c>
      <c r="L13326" s="6" t="s">
        <v>51</v>
      </c>
    </row>
    <row r="13327" spans="1:12">
      <c r="A13327" s="6" t="s">
        <v>49</v>
      </c>
      <c r="B13327" s="6"/>
      <c r="C13327" s="6" t="s">
        <v>13351</v>
      </c>
      <c r="D13327" s="6"/>
      <c r="E13327" s="6" t="s">
        <v>9</v>
      </c>
      <c r="F13327" s="7">
        <v>38657</v>
      </c>
      <c r="G13327" s="8">
        <v>1</v>
      </c>
      <c r="H13327" s="8">
        <v>1</v>
      </c>
      <c r="I13327" s="8">
        <v>0</v>
      </c>
      <c r="J13327" s="8">
        <v>1</v>
      </c>
      <c r="K13327" s="9">
        <v>5.4</v>
      </c>
      <c r="L13327" s="6" t="s">
        <v>51</v>
      </c>
    </row>
    <row r="13328" spans="1:12">
      <c r="A13328" s="6" t="s">
        <v>49</v>
      </c>
      <c r="B13328" s="6"/>
      <c r="C13328" s="6" t="s">
        <v>13352</v>
      </c>
      <c r="D13328" s="6"/>
      <c r="E13328" s="6" t="s">
        <v>9</v>
      </c>
      <c r="F13328" s="7">
        <v>38657</v>
      </c>
      <c r="G13328" s="8">
        <v>1</v>
      </c>
      <c r="H13328" s="8">
        <v>1</v>
      </c>
      <c r="I13328" s="8">
        <v>0</v>
      </c>
      <c r="J13328" s="8">
        <v>1</v>
      </c>
      <c r="K13328" s="9">
        <v>13</v>
      </c>
      <c r="L13328" s="6" t="s">
        <v>51</v>
      </c>
    </row>
    <row r="13329" spans="1:12">
      <c r="A13329" s="6" t="s">
        <v>49</v>
      </c>
      <c r="B13329" s="6"/>
      <c r="C13329" s="6" t="s">
        <v>13353</v>
      </c>
      <c r="D13329" s="6"/>
      <c r="E13329" s="6" t="s">
        <v>9</v>
      </c>
      <c r="F13329" s="7">
        <v>38657</v>
      </c>
      <c r="G13329" s="8">
        <v>1</v>
      </c>
      <c r="H13329" s="8">
        <v>1</v>
      </c>
      <c r="I13329" s="8">
        <v>0</v>
      </c>
      <c r="J13329" s="8">
        <v>1</v>
      </c>
      <c r="K13329" s="9">
        <v>3.93</v>
      </c>
      <c r="L13329" s="6" t="s">
        <v>51</v>
      </c>
    </row>
    <row r="13330" spans="1:12">
      <c r="A13330" s="6" t="s">
        <v>49</v>
      </c>
      <c r="B13330" s="6"/>
      <c r="C13330" s="6" t="s">
        <v>13354</v>
      </c>
      <c r="D13330" s="6"/>
      <c r="E13330" s="6" t="s">
        <v>9</v>
      </c>
      <c r="F13330" s="7">
        <v>38657</v>
      </c>
      <c r="G13330" s="8">
        <v>1</v>
      </c>
      <c r="H13330" s="8">
        <v>1</v>
      </c>
      <c r="I13330" s="8">
        <v>0</v>
      </c>
      <c r="J13330" s="8">
        <v>1</v>
      </c>
      <c r="K13330" s="9">
        <v>11</v>
      </c>
      <c r="L13330" s="6" t="s">
        <v>51</v>
      </c>
    </row>
    <row r="13331" spans="1:12">
      <c r="A13331" s="6" t="s">
        <v>49</v>
      </c>
      <c r="B13331" s="6"/>
      <c r="C13331" s="6" t="s">
        <v>13355</v>
      </c>
      <c r="D13331" s="6"/>
      <c r="E13331" s="6" t="s">
        <v>9</v>
      </c>
      <c r="F13331" s="7">
        <v>38657</v>
      </c>
      <c r="G13331" s="8">
        <v>1</v>
      </c>
      <c r="H13331" s="8">
        <v>1</v>
      </c>
      <c r="I13331" s="8">
        <v>0</v>
      </c>
      <c r="J13331" s="8">
        <v>1</v>
      </c>
      <c r="K13331" s="9">
        <v>45</v>
      </c>
      <c r="L13331" s="6" t="s">
        <v>51</v>
      </c>
    </row>
    <row r="13332" spans="1:12">
      <c r="A13332" s="6" t="s">
        <v>49</v>
      </c>
      <c r="B13332" s="6"/>
      <c r="C13332" s="6" t="s">
        <v>13356</v>
      </c>
      <c r="D13332" s="6"/>
      <c r="E13332" s="6" t="s">
        <v>9</v>
      </c>
      <c r="F13332" s="7">
        <v>38657</v>
      </c>
      <c r="G13332" s="8">
        <v>1</v>
      </c>
      <c r="H13332" s="8">
        <v>1</v>
      </c>
      <c r="I13332" s="8">
        <v>0</v>
      </c>
      <c r="J13332" s="8">
        <v>1</v>
      </c>
      <c r="K13332" s="9">
        <v>1.72</v>
      </c>
      <c r="L13332" s="6" t="s">
        <v>51</v>
      </c>
    </row>
    <row r="13333" spans="1:12">
      <c r="A13333" s="6" t="s">
        <v>49</v>
      </c>
      <c r="B13333" s="6"/>
      <c r="C13333" s="6" t="s">
        <v>13357</v>
      </c>
      <c r="D13333" s="6"/>
      <c r="E13333" s="6" t="s">
        <v>9</v>
      </c>
      <c r="F13333" s="7">
        <v>38657</v>
      </c>
      <c r="G13333" s="8">
        <v>1</v>
      </c>
      <c r="H13333" s="8">
        <v>1</v>
      </c>
      <c r="I13333" s="8">
        <v>0</v>
      </c>
      <c r="J13333" s="8">
        <v>1</v>
      </c>
      <c r="K13333" s="9">
        <v>14</v>
      </c>
      <c r="L13333" s="6" t="s">
        <v>51</v>
      </c>
    </row>
    <row r="13334" spans="1:12">
      <c r="A13334" s="6" t="s">
        <v>49</v>
      </c>
      <c r="B13334" s="6"/>
      <c r="C13334" s="6" t="s">
        <v>13358</v>
      </c>
      <c r="D13334" s="6"/>
      <c r="E13334" s="6" t="s">
        <v>9</v>
      </c>
      <c r="F13334" s="7">
        <v>38657</v>
      </c>
      <c r="G13334" s="8">
        <v>1</v>
      </c>
      <c r="H13334" s="8">
        <v>1</v>
      </c>
      <c r="I13334" s="8">
        <v>0</v>
      </c>
      <c r="J13334" s="8">
        <v>1</v>
      </c>
      <c r="K13334" s="9">
        <v>6.47</v>
      </c>
      <c r="L13334" s="6" t="s">
        <v>51</v>
      </c>
    </row>
    <row r="13335" spans="1:12">
      <c r="A13335" s="6" t="s">
        <v>49</v>
      </c>
      <c r="B13335" s="6"/>
      <c r="C13335" s="6" t="s">
        <v>13359</v>
      </c>
      <c r="D13335" s="6"/>
      <c r="E13335" s="6" t="s">
        <v>9</v>
      </c>
      <c r="F13335" s="7">
        <v>38657</v>
      </c>
      <c r="G13335" s="8">
        <v>1</v>
      </c>
      <c r="H13335" s="8">
        <v>1</v>
      </c>
      <c r="I13335" s="8">
        <v>0</v>
      </c>
      <c r="J13335" s="8">
        <v>1</v>
      </c>
      <c r="K13335" s="9">
        <v>6.01</v>
      </c>
      <c r="L13335" s="6" t="s">
        <v>51</v>
      </c>
    </row>
    <row r="13336" spans="1:12">
      <c r="A13336" s="6" t="s">
        <v>49</v>
      </c>
      <c r="B13336" s="6"/>
      <c r="C13336" s="6" t="s">
        <v>13360</v>
      </c>
      <c r="D13336" s="6"/>
      <c r="E13336" s="6" t="s">
        <v>9</v>
      </c>
      <c r="F13336" s="7">
        <v>38657</v>
      </c>
      <c r="G13336" s="8">
        <v>1</v>
      </c>
      <c r="H13336" s="8">
        <v>1</v>
      </c>
      <c r="I13336" s="8">
        <v>0</v>
      </c>
      <c r="J13336" s="8">
        <v>1</v>
      </c>
      <c r="K13336" s="9">
        <v>21</v>
      </c>
      <c r="L13336" s="6" t="s">
        <v>51</v>
      </c>
    </row>
    <row r="13337" spans="1:12">
      <c r="A13337" s="6" t="s">
        <v>49</v>
      </c>
      <c r="B13337" s="6"/>
      <c r="C13337" s="6" t="s">
        <v>13361</v>
      </c>
      <c r="D13337" s="6"/>
      <c r="E13337" s="6" t="s">
        <v>9</v>
      </c>
      <c r="F13337" s="7">
        <v>38657</v>
      </c>
      <c r="G13337" s="8">
        <v>1</v>
      </c>
      <c r="H13337" s="8">
        <v>1</v>
      </c>
      <c r="I13337" s="8">
        <v>0</v>
      </c>
      <c r="J13337" s="8">
        <v>1</v>
      </c>
      <c r="K13337" s="9">
        <v>23</v>
      </c>
      <c r="L13337" s="6" t="s">
        <v>51</v>
      </c>
    </row>
    <row r="13338" spans="1:12">
      <c r="A13338" s="6" t="s">
        <v>49</v>
      </c>
      <c r="B13338" s="6"/>
      <c r="C13338" s="6" t="s">
        <v>13362</v>
      </c>
      <c r="D13338" s="6"/>
      <c r="E13338" s="6" t="s">
        <v>9</v>
      </c>
      <c r="F13338" s="7">
        <v>38657</v>
      </c>
      <c r="G13338" s="8">
        <v>1</v>
      </c>
      <c r="H13338" s="8">
        <v>1</v>
      </c>
      <c r="I13338" s="8">
        <v>0</v>
      </c>
      <c r="J13338" s="8">
        <v>1</v>
      </c>
      <c r="K13338" s="9">
        <v>12</v>
      </c>
      <c r="L13338" s="6" t="s">
        <v>51</v>
      </c>
    </row>
    <row r="13339" spans="1:12">
      <c r="A13339" s="6" t="s">
        <v>49</v>
      </c>
      <c r="B13339" s="6"/>
      <c r="C13339" s="6" t="s">
        <v>13363</v>
      </c>
      <c r="D13339" s="6"/>
      <c r="E13339" s="6" t="s">
        <v>9</v>
      </c>
      <c r="F13339" s="7">
        <v>38657</v>
      </c>
      <c r="G13339" s="8">
        <v>1</v>
      </c>
      <c r="H13339" s="8">
        <v>1</v>
      </c>
      <c r="I13339" s="8">
        <v>0</v>
      </c>
      <c r="J13339" s="8">
        <v>1</v>
      </c>
      <c r="K13339" s="9">
        <v>115</v>
      </c>
      <c r="L13339" s="6" t="s">
        <v>51</v>
      </c>
    </row>
    <row r="13340" spans="1:12">
      <c r="A13340" s="6" t="s">
        <v>49</v>
      </c>
      <c r="B13340" s="6"/>
      <c r="C13340" s="6" t="s">
        <v>13364</v>
      </c>
      <c r="D13340" s="6"/>
      <c r="E13340" s="6" t="s">
        <v>9</v>
      </c>
      <c r="F13340" s="7">
        <v>38657</v>
      </c>
      <c r="G13340" s="8">
        <v>1</v>
      </c>
      <c r="H13340" s="8">
        <v>1</v>
      </c>
      <c r="I13340" s="8">
        <v>0</v>
      </c>
      <c r="J13340" s="8">
        <v>1</v>
      </c>
      <c r="K13340" s="9">
        <v>15</v>
      </c>
      <c r="L13340" s="6" t="s">
        <v>51</v>
      </c>
    </row>
    <row r="13341" spans="1:12">
      <c r="A13341" s="6" t="s">
        <v>49</v>
      </c>
      <c r="B13341" s="6"/>
      <c r="C13341" s="6" t="s">
        <v>13365</v>
      </c>
      <c r="D13341" s="6"/>
      <c r="E13341" s="6" t="s">
        <v>9</v>
      </c>
      <c r="F13341" s="7">
        <v>38657</v>
      </c>
      <c r="G13341" s="8">
        <v>1</v>
      </c>
      <c r="H13341" s="8">
        <v>1</v>
      </c>
      <c r="I13341" s="8">
        <v>0</v>
      </c>
      <c r="J13341" s="8">
        <v>1</v>
      </c>
      <c r="K13341" s="9">
        <v>20</v>
      </c>
      <c r="L13341" s="6" t="s">
        <v>51</v>
      </c>
    </row>
    <row r="13342" spans="1:12">
      <c r="A13342" s="6" t="s">
        <v>49</v>
      </c>
      <c r="B13342" s="6"/>
      <c r="C13342" s="6" t="s">
        <v>13366</v>
      </c>
      <c r="D13342" s="6"/>
      <c r="E13342" s="6" t="s">
        <v>9</v>
      </c>
      <c r="F13342" s="7">
        <v>38657</v>
      </c>
      <c r="G13342" s="8">
        <v>1</v>
      </c>
      <c r="H13342" s="8">
        <v>1</v>
      </c>
      <c r="I13342" s="8">
        <v>0</v>
      </c>
      <c r="J13342" s="8">
        <v>1</v>
      </c>
      <c r="K13342" s="9">
        <v>28</v>
      </c>
      <c r="L13342" s="6" t="s">
        <v>51</v>
      </c>
    </row>
    <row r="13343" spans="1:12">
      <c r="A13343" s="6" t="s">
        <v>49</v>
      </c>
      <c r="B13343" s="6"/>
      <c r="C13343" s="6" t="s">
        <v>13367</v>
      </c>
      <c r="D13343" s="6"/>
      <c r="E13343" s="6" t="s">
        <v>9</v>
      </c>
      <c r="F13343" s="7">
        <v>38657</v>
      </c>
      <c r="G13343" s="8">
        <v>1</v>
      </c>
      <c r="H13343" s="8">
        <v>1</v>
      </c>
      <c r="I13343" s="8">
        <v>0</v>
      </c>
      <c r="J13343" s="8">
        <v>1</v>
      </c>
      <c r="K13343" s="9">
        <v>7.24</v>
      </c>
      <c r="L13343" s="6" t="s">
        <v>51</v>
      </c>
    </row>
    <row r="13344" spans="1:12">
      <c r="A13344" s="6" t="s">
        <v>49</v>
      </c>
      <c r="B13344" s="6"/>
      <c r="C13344" s="6" t="s">
        <v>13368</v>
      </c>
      <c r="D13344" s="6"/>
      <c r="E13344" s="6" t="s">
        <v>9</v>
      </c>
      <c r="F13344" s="7">
        <v>38657</v>
      </c>
      <c r="G13344" s="8">
        <v>1</v>
      </c>
      <c r="H13344" s="8">
        <v>1</v>
      </c>
      <c r="I13344" s="8">
        <v>0</v>
      </c>
      <c r="J13344" s="8">
        <v>1</v>
      </c>
      <c r="K13344" s="9">
        <v>41</v>
      </c>
      <c r="L13344" s="6" t="s">
        <v>51</v>
      </c>
    </row>
    <row r="13345" spans="1:12">
      <c r="A13345" s="6" t="s">
        <v>49</v>
      </c>
      <c r="B13345" s="6"/>
      <c r="C13345" s="6" t="s">
        <v>13369</v>
      </c>
      <c r="D13345" s="6"/>
      <c r="E13345" s="6" t="s">
        <v>9</v>
      </c>
      <c r="F13345" s="7">
        <v>38657</v>
      </c>
      <c r="G13345" s="8">
        <v>1</v>
      </c>
      <c r="H13345" s="8">
        <v>1</v>
      </c>
      <c r="I13345" s="8">
        <v>0</v>
      </c>
      <c r="J13345" s="8">
        <v>1</v>
      </c>
      <c r="K13345" s="9">
        <v>51</v>
      </c>
      <c r="L13345" s="6" t="s">
        <v>51</v>
      </c>
    </row>
    <row r="13346" spans="1:12">
      <c r="A13346" s="6" t="s">
        <v>49</v>
      </c>
      <c r="B13346" s="6"/>
      <c r="C13346" s="6" t="s">
        <v>13370</v>
      </c>
      <c r="D13346" s="6"/>
      <c r="E13346" s="6" t="s">
        <v>9</v>
      </c>
      <c r="F13346" s="7">
        <v>38657</v>
      </c>
      <c r="G13346" s="8">
        <v>1</v>
      </c>
      <c r="H13346" s="8">
        <v>1</v>
      </c>
      <c r="I13346" s="8">
        <v>0</v>
      </c>
      <c r="J13346" s="8">
        <v>1</v>
      </c>
      <c r="K13346" s="9">
        <v>36</v>
      </c>
      <c r="L13346" s="6" t="s">
        <v>51</v>
      </c>
    </row>
    <row r="13347" spans="1:12">
      <c r="A13347" s="6" t="s">
        <v>49</v>
      </c>
      <c r="B13347" s="6"/>
      <c r="C13347" s="6" t="s">
        <v>13371</v>
      </c>
      <c r="D13347" s="6"/>
      <c r="E13347" s="6" t="s">
        <v>9</v>
      </c>
      <c r="F13347" s="7">
        <v>38657</v>
      </c>
      <c r="G13347" s="8">
        <v>1</v>
      </c>
      <c r="H13347" s="8">
        <v>1</v>
      </c>
      <c r="I13347" s="8">
        <v>0</v>
      </c>
      <c r="J13347" s="8">
        <v>1</v>
      </c>
      <c r="K13347" s="9">
        <v>27</v>
      </c>
      <c r="L13347" s="6" t="s">
        <v>51</v>
      </c>
    </row>
    <row r="13348" spans="1:12">
      <c r="A13348" s="6" t="s">
        <v>49</v>
      </c>
      <c r="B13348" s="6"/>
      <c r="C13348" s="6" t="s">
        <v>13372</v>
      </c>
      <c r="D13348" s="6"/>
      <c r="E13348" s="6" t="s">
        <v>9</v>
      </c>
      <c r="F13348" s="7">
        <v>38657</v>
      </c>
      <c r="G13348" s="8">
        <v>1</v>
      </c>
      <c r="H13348" s="8">
        <v>1</v>
      </c>
      <c r="I13348" s="8">
        <v>0</v>
      </c>
      <c r="J13348" s="8">
        <v>1</v>
      </c>
      <c r="K13348" s="9">
        <v>2.74</v>
      </c>
      <c r="L13348" s="6" t="s">
        <v>51</v>
      </c>
    </row>
    <row r="13349" spans="1:12">
      <c r="A13349" s="6" t="s">
        <v>49</v>
      </c>
      <c r="B13349" s="6"/>
      <c r="C13349" s="6" t="s">
        <v>13373</v>
      </c>
      <c r="D13349" s="6"/>
      <c r="E13349" s="6" t="s">
        <v>9</v>
      </c>
      <c r="F13349" s="7">
        <v>38657</v>
      </c>
      <c r="G13349" s="8">
        <v>1</v>
      </c>
      <c r="H13349" s="8">
        <v>1</v>
      </c>
      <c r="I13349" s="8">
        <v>0</v>
      </c>
      <c r="J13349" s="8">
        <v>1</v>
      </c>
      <c r="K13349" s="9">
        <v>6.59</v>
      </c>
      <c r="L13349" s="6" t="s">
        <v>51</v>
      </c>
    </row>
    <row r="13350" spans="1:12">
      <c r="A13350" s="6" t="s">
        <v>49</v>
      </c>
      <c r="B13350" s="6"/>
      <c r="C13350" s="6" t="s">
        <v>13374</v>
      </c>
      <c r="D13350" s="6"/>
      <c r="E13350" s="6" t="s">
        <v>9</v>
      </c>
      <c r="F13350" s="7">
        <v>38657</v>
      </c>
      <c r="G13350" s="8">
        <v>1</v>
      </c>
      <c r="H13350" s="8">
        <v>1</v>
      </c>
      <c r="I13350" s="8">
        <v>0</v>
      </c>
      <c r="J13350" s="8">
        <v>1</v>
      </c>
      <c r="K13350" s="9">
        <v>115</v>
      </c>
      <c r="L13350" s="6" t="s">
        <v>51</v>
      </c>
    </row>
    <row r="13351" spans="1:12">
      <c r="A13351" s="6" t="s">
        <v>49</v>
      </c>
      <c r="B13351" s="6"/>
      <c r="C13351" s="6" t="s">
        <v>13375</v>
      </c>
      <c r="D13351" s="6"/>
      <c r="E13351" s="6" t="s">
        <v>9</v>
      </c>
      <c r="F13351" s="7">
        <v>38657</v>
      </c>
      <c r="G13351" s="8">
        <v>1</v>
      </c>
      <c r="H13351" s="8">
        <v>1</v>
      </c>
      <c r="I13351" s="8">
        <v>0</v>
      </c>
      <c r="J13351" s="8">
        <v>1</v>
      </c>
      <c r="K13351" s="9">
        <v>1.46</v>
      </c>
      <c r="L13351" s="6" t="s">
        <v>51</v>
      </c>
    </row>
    <row r="13352" spans="1:12">
      <c r="A13352" s="6" t="s">
        <v>49</v>
      </c>
      <c r="B13352" s="6"/>
      <c r="C13352" s="6" t="s">
        <v>13376</v>
      </c>
      <c r="D13352" s="6"/>
      <c r="E13352" s="6" t="s">
        <v>9</v>
      </c>
      <c r="F13352" s="7">
        <v>38657</v>
      </c>
      <c r="G13352" s="8">
        <v>1</v>
      </c>
      <c r="H13352" s="8">
        <v>1</v>
      </c>
      <c r="I13352" s="8">
        <v>0</v>
      </c>
      <c r="J13352" s="8">
        <v>1</v>
      </c>
      <c r="K13352" s="9">
        <v>3.71</v>
      </c>
      <c r="L13352" s="6" t="s">
        <v>51</v>
      </c>
    </row>
    <row r="13353" spans="1:12">
      <c r="A13353" s="6" t="s">
        <v>49</v>
      </c>
      <c r="B13353" s="6"/>
      <c r="C13353" s="6" t="s">
        <v>13377</v>
      </c>
      <c r="D13353" s="6"/>
      <c r="E13353" s="6" t="s">
        <v>9</v>
      </c>
      <c r="F13353" s="7">
        <v>38657</v>
      </c>
      <c r="G13353" s="8">
        <v>1</v>
      </c>
      <c r="H13353" s="8">
        <v>1</v>
      </c>
      <c r="I13353" s="8">
        <v>0</v>
      </c>
      <c r="J13353" s="8">
        <v>1</v>
      </c>
      <c r="K13353" s="9">
        <v>35</v>
      </c>
      <c r="L13353" s="6" t="s">
        <v>51</v>
      </c>
    </row>
    <row r="13354" spans="1:12">
      <c r="A13354" s="6" t="s">
        <v>49</v>
      </c>
      <c r="B13354" s="6"/>
      <c r="C13354" s="6" t="s">
        <v>13378</v>
      </c>
      <c r="D13354" s="6"/>
      <c r="E13354" s="6" t="s">
        <v>9</v>
      </c>
      <c r="F13354" s="7">
        <v>38657</v>
      </c>
      <c r="G13354" s="8">
        <v>1</v>
      </c>
      <c r="H13354" s="8">
        <v>1</v>
      </c>
      <c r="I13354" s="8">
        <v>0</v>
      </c>
      <c r="J13354" s="8">
        <v>1</v>
      </c>
      <c r="K13354" s="9">
        <v>6.82</v>
      </c>
      <c r="L13354" s="6" t="s">
        <v>51</v>
      </c>
    </row>
    <row r="13355" spans="1:12">
      <c r="A13355" s="6" t="s">
        <v>49</v>
      </c>
      <c r="B13355" s="6"/>
      <c r="C13355" s="6" t="s">
        <v>13379</v>
      </c>
      <c r="D13355" s="6"/>
      <c r="E13355" s="6" t="s">
        <v>9</v>
      </c>
      <c r="F13355" s="7">
        <v>38657</v>
      </c>
      <c r="G13355" s="8">
        <v>1</v>
      </c>
      <c r="H13355" s="8">
        <v>1</v>
      </c>
      <c r="I13355" s="8">
        <v>0</v>
      </c>
      <c r="J13355" s="8">
        <v>1</v>
      </c>
      <c r="K13355" s="9">
        <v>68</v>
      </c>
      <c r="L13355" s="6" t="s">
        <v>51</v>
      </c>
    </row>
    <row r="13356" spans="1:12">
      <c r="A13356" s="6" t="s">
        <v>49</v>
      </c>
      <c r="B13356" s="6"/>
      <c r="C13356" s="6" t="s">
        <v>13380</v>
      </c>
      <c r="D13356" s="6"/>
      <c r="E13356" s="6" t="s">
        <v>9</v>
      </c>
      <c r="F13356" s="7">
        <v>38657</v>
      </c>
      <c r="G13356" s="8">
        <v>1</v>
      </c>
      <c r="H13356" s="8">
        <v>1</v>
      </c>
      <c r="I13356" s="8">
        <v>0</v>
      </c>
      <c r="J13356" s="8">
        <v>1</v>
      </c>
      <c r="K13356" s="9">
        <v>23</v>
      </c>
      <c r="L13356" s="6" t="s">
        <v>51</v>
      </c>
    </row>
    <row r="13357" spans="1:12">
      <c r="A13357" s="6" t="s">
        <v>49</v>
      </c>
      <c r="B13357" s="6"/>
      <c r="C13357" s="6" t="s">
        <v>13381</v>
      </c>
      <c r="D13357" s="6"/>
      <c r="E13357" s="6" t="s">
        <v>9</v>
      </c>
      <c r="F13357" s="7">
        <v>38657</v>
      </c>
      <c r="G13357" s="8">
        <v>1</v>
      </c>
      <c r="H13357" s="8">
        <v>1</v>
      </c>
      <c r="I13357" s="8">
        <v>0</v>
      </c>
      <c r="J13357" s="8">
        <v>1</v>
      </c>
      <c r="K13357" s="9">
        <v>4.8099999999999898</v>
      </c>
      <c r="L13357" s="6" t="s">
        <v>51</v>
      </c>
    </row>
    <row r="13358" spans="1:12">
      <c r="A13358" s="6" t="s">
        <v>49</v>
      </c>
      <c r="B13358" s="6"/>
      <c r="C13358" s="6" t="s">
        <v>13382</v>
      </c>
      <c r="D13358" s="6"/>
      <c r="E13358" s="6" t="s">
        <v>9</v>
      </c>
      <c r="F13358" s="7">
        <v>38657</v>
      </c>
      <c r="G13358" s="8">
        <v>1</v>
      </c>
      <c r="H13358" s="8">
        <v>1</v>
      </c>
      <c r="I13358" s="8">
        <v>0</v>
      </c>
      <c r="J13358" s="8">
        <v>1</v>
      </c>
      <c r="K13358" s="9">
        <v>1.1499999999999899</v>
      </c>
      <c r="L13358" s="6" t="s">
        <v>51</v>
      </c>
    </row>
    <row r="13359" spans="1:12">
      <c r="A13359" s="6" t="s">
        <v>49</v>
      </c>
      <c r="B13359" s="6"/>
      <c r="C13359" s="6" t="s">
        <v>13383</v>
      </c>
      <c r="D13359" s="6"/>
      <c r="E13359" s="6" t="s">
        <v>9</v>
      </c>
      <c r="F13359" s="7">
        <v>38657</v>
      </c>
      <c r="G13359" s="8">
        <v>1</v>
      </c>
      <c r="H13359" s="8">
        <v>1</v>
      </c>
      <c r="I13359" s="8">
        <v>0</v>
      </c>
      <c r="J13359" s="8">
        <v>1</v>
      </c>
      <c r="K13359" s="9">
        <v>1.1599999999999899</v>
      </c>
      <c r="L13359" s="6" t="s">
        <v>51</v>
      </c>
    </row>
    <row r="13360" spans="1:12">
      <c r="A13360" s="6" t="s">
        <v>49</v>
      </c>
      <c r="B13360" s="6"/>
      <c r="C13360" s="6" t="s">
        <v>13384</v>
      </c>
      <c r="D13360" s="6"/>
      <c r="E13360" s="6" t="s">
        <v>9</v>
      </c>
      <c r="F13360" s="7">
        <v>38657</v>
      </c>
      <c r="G13360" s="8">
        <v>1</v>
      </c>
      <c r="H13360" s="8">
        <v>1</v>
      </c>
      <c r="I13360" s="8">
        <v>0</v>
      </c>
      <c r="J13360" s="8">
        <v>1</v>
      </c>
      <c r="K13360" s="9">
        <v>1.45</v>
      </c>
      <c r="L13360" s="6" t="s">
        <v>51</v>
      </c>
    </row>
    <row r="13361" spans="1:12">
      <c r="A13361" s="6" t="s">
        <v>49</v>
      </c>
      <c r="B13361" s="6"/>
      <c r="C13361" s="6" t="s">
        <v>13385</v>
      </c>
      <c r="D13361" s="6"/>
      <c r="E13361" s="6" t="s">
        <v>9</v>
      </c>
      <c r="F13361" s="7">
        <v>38657</v>
      </c>
      <c r="G13361" s="8">
        <v>1</v>
      </c>
      <c r="H13361" s="8">
        <v>1</v>
      </c>
      <c r="I13361" s="8">
        <v>0</v>
      </c>
      <c r="J13361" s="8">
        <v>1</v>
      </c>
      <c r="K13361" s="9">
        <v>89</v>
      </c>
      <c r="L13361" s="6" t="s">
        <v>51</v>
      </c>
    </row>
    <row r="13362" spans="1:12">
      <c r="A13362" s="6" t="s">
        <v>49</v>
      </c>
      <c r="B13362" s="6"/>
      <c r="C13362" s="6" t="s">
        <v>13386</v>
      </c>
      <c r="D13362" s="6"/>
      <c r="E13362" s="6" t="s">
        <v>9</v>
      </c>
      <c r="F13362" s="7">
        <v>38657</v>
      </c>
      <c r="G13362" s="8">
        <v>1</v>
      </c>
      <c r="H13362" s="8">
        <v>1</v>
      </c>
      <c r="I13362" s="8">
        <v>0</v>
      </c>
      <c r="J13362" s="8">
        <v>1</v>
      </c>
      <c r="K13362" s="9">
        <v>277</v>
      </c>
      <c r="L13362" s="6" t="s">
        <v>51</v>
      </c>
    </row>
    <row r="13363" spans="1:12">
      <c r="A13363" s="6" t="s">
        <v>49</v>
      </c>
      <c r="B13363" s="6"/>
      <c r="C13363" s="6" t="s">
        <v>13387</v>
      </c>
      <c r="D13363" s="6"/>
      <c r="E13363" s="6" t="s">
        <v>9</v>
      </c>
      <c r="F13363" s="7">
        <v>38657</v>
      </c>
      <c r="G13363" s="8">
        <v>1</v>
      </c>
      <c r="H13363" s="8">
        <v>1</v>
      </c>
      <c r="I13363" s="8">
        <v>0</v>
      </c>
      <c r="J13363" s="8">
        <v>1</v>
      </c>
      <c r="K13363" s="9">
        <v>115</v>
      </c>
      <c r="L13363" s="6" t="s">
        <v>51</v>
      </c>
    </row>
    <row r="13364" spans="1:12">
      <c r="A13364" s="6" t="s">
        <v>49</v>
      </c>
      <c r="B13364" s="6"/>
      <c r="C13364" s="6" t="s">
        <v>13388</v>
      </c>
      <c r="D13364" s="6"/>
      <c r="E13364" s="6" t="s">
        <v>9</v>
      </c>
      <c r="F13364" s="7">
        <v>38657</v>
      </c>
      <c r="G13364" s="8">
        <v>1</v>
      </c>
      <c r="H13364" s="8">
        <v>1</v>
      </c>
      <c r="I13364" s="8">
        <v>0</v>
      </c>
      <c r="J13364" s="8">
        <v>1</v>
      </c>
      <c r="K13364" s="9">
        <v>5</v>
      </c>
      <c r="L13364" s="6" t="s">
        <v>51</v>
      </c>
    </row>
    <row r="13365" spans="1:12">
      <c r="A13365" s="6" t="s">
        <v>49</v>
      </c>
      <c r="B13365" s="6"/>
      <c r="C13365" s="6" t="s">
        <v>13389</v>
      </c>
      <c r="D13365" s="6"/>
      <c r="E13365" s="6" t="s">
        <v>9</v>
      </c>
      <c r="F13365" s="7">
        <v>38657</v>
      </c>
      <c r="G13365" s="8">
        <v>1</v>
      </c>
      <c r="H13365" s="8">
        <v>1</v>
      </c>
      <c r="I13365" s="8">
        <v>0</v>
      </c>
      <c r="J13365" s="8">
        <v>1</v>
      </c>
      <c r="K13365" s="9">
        <v>3.14</v>
      </c>
      <c r="L13365" s="6" t="s">
        <v>51</v>
      </c>
    </row>
    <row r="13366" spans="1:12">
      <c r="A13366" s="6" t="s">
        <v>49</v>
      </c>
      <c r="B13366" s="6"/>
      <c r="C13366" s="6" t="s">
        <v>13390</v>
      </c>
      <c r="D13366" s="6"/>
      <c r="E13366" s="6" t="s">
        <v>9</v>
      </c>
      <c r="F13366" s="7">
        <v>38657</v>
      </c>
      <c r="G13366" s="8">
        <v>1</v>
      </c>
      <c r="H13366" s="8">
        <v>1</v>
      </c>
      <c r="I13366" s="8">
        <v>0</v>
      </c>
      <c r="J13366" s="8">
        <v>1</v>
      </c>
      <c r="K13366" s="9">
        <v>34</v>
      </c>
      <c r="L13366" s="6" t="s">
        <v>51</v>
      </c>
    </row>
    <row r="13367" spans="1:12">
      <c r="A13367" s="6" t="s">
        <v>49</v>
      </c>
      <c r="B13367" s="6"/>
      <c r="C13367" s="6" t="s">
        <v>13391</v>
      </c>
      <c r="D13367" s="6"/>
      <c r="E13367" s="6" t="s">
        <v>9</v>
      </c>
      <c r="F13367" s="7">
        <v>38657</v>
      </c>
      <c r="G13367" s="8">
        <v>1</v>
      </c>
      <c r="H13367" s="8">
        <v>1</v>
      </c>
      <c r="I13367" s="8">
        <v>0</v>
      </c>
      <c r="J13367" s="8">
        <v>1</v>
      </c>
      <c r="K13367" s="9">
        <v>7.81</v>
      </c>
      <c r="L13367" s="6" t="s">
        <v>51</v>
      </c>
    </row>
    <row r="13368" spans="1:12">
      <c r="A13368" s="6" t="s">
        <v>49</v>
      </c>
      <c r="B13368" s="6"/>
      <c r="C13368" s="6" t="s">
        <v>13392</v>
      </c>
      <c r="D13368" s="6"/>
      <c r="E13368" s="6" t="s">
        <v>9</v>
      </c>
      <c r="F13368" s="7">
        <v>38657</v>
      </c>
      <c r="G13368" s="8">
        <v>1</v>
      </c>
      <c r="H13368" s="8">
        <v>1</v>
      </c>
      <c r="I13368" s="8">
        <v>0</v>
      </c>
      <c r="J13368" s="8">
        <v>1</v>
      </c>
      <c r="K13368" s="9">
        <v>13</v>
      </c>
      <c r="L13368" s="6" t="s">
        <v>51</v>
      </c>
    </row>
    <row r="13369" spans="1:12">
      <c r="A13369" s="6" t="s">
        <v>49</v>
      </c>
      <c r="B13369" s="6"/>
      <c r="C13369" s="6" t="s">
        <v>13393</v>
      </c>
      <c r="D13369" s="6"/>
      <c r="E13369" s="6" t="s">
        <v>9</v>
      </c>
      <c r="F13369" s="7">
        <v>38657</v>
      </c>
      <c r="G13369" s="8">
        <v>1</v>
      </c>
      <c r="H13369" s="8">
        <v>1</v>
      </c>
      <c r="I13369" s="8">
        <v>0</v>
      </c>
      <c r="J13369" s="8">
        <v>1</v>
      </c>
      <c r="K13369" s="9">
        <v>17</v>
      </c>
      <c r="L13369" s="6" t="s">
        <v>51</v>
      </c>
    </row>
    <row r="13370" spans="1:12">
      <c r="A13370" s="6" t="s">
        <v>49</v>
      </c>
      <c r="B13370" s="6"/>
      <c r="C13370" s="6" t="s">
        <v>13394</v>
      </c>
      <c r="D13370" s="6"/>
      <c r="E13370" s="6" t="s">
        <v>9</v>
      </c>
      <c r="F13370" s="7">
        <v>38657</v>
      </c>
      <c r="G13370" s="8">
        <v>1</v>
      </c>
      <c r="H13370" s="8">
        <v>1</v>
      </c>
      <c r="I13370" s="8">
        <v>0</v>
      </c>
      <c r="J13370" s="8">
        <v>1</v>
      </c>
      <c r="K13370" s="9">
        <v>7.47</v>
      </c>
      <c r="L13370" s="6" t="s">
        <v>51</v>
      </c>
    </row>
    <row r="13371" spans="1:12">
      <c r="A13371" s="6" t="s">
        <v>49</v>
      </c>
      <c r="B13371" s="6"/>
      <c r="C13371" s="6" t="s">
        <v>13395</v>
      </c>
      <c r="D13371" s="6"/>
      <c r="E13371" s="6" t="s">
        <v>9</v>
      </c>
      <c r="F13371" s="7">
        <v>38657</v>
      </c>
      <c r="G13371" s="8">
        <v>1</v>
      </c>
      <c r="H13371" s="8">
        <v>1</v>
      </c>
      <c r="I13371" s="8">
        <v>0</v>
      </c>
      <c r="J13371" s="8">
        <v>1</v>
      </c>
      <c r="K13371" s="9">
        <v>0.37</v>
      </c>
      <c r="L13371" s="6" t="s">
        <v>51</v>
      </c>
    </row>
    <row r="13372" spans="1:12">
      <c r="A13372" s="6" t="s">
        <v>49</v>
      </c>
      <c r="B13372" s="6"/>
      <c r="C13372" s="6" t="s">
        <v>13396</v>
      </c>
      <c r="D13372" s="6"/>
      <c r="E13372" s="6" t="s">
        <v>9</v>
      </c>
      <c r="F13372" s="7">
        <v>38657</v>
      </c>
      <c r="G13372" s="8">
        <v>1</v>
      </c>
      <c r="H13372" s="8">
        <v>1</v>
      </c>
      <c r="I13372" s="8">
        <v>0</v>
      </c>
      <c r="J13372" s="8">
        <v>1</v>
      </c>
      <c r="K13372" s="9">
        <v>11</v>
      </c>
      <c r="L13372" s="6" t="s">
        <v>51</v>
      </c>
    </row>
    <row r="13373" spans="1:12">
      <c r="A13373" s="6" t="s">
        <v>49</v>
      </c>
      <c r="B13373" s="6"/>
      <c r="C13373" s="6" t="s">
        <v>13397</v>
      </c>
      <c r="D13373" s="6"/>
      <c r="E13373" s="6" t="s">
        <v>9</v>
      </c>
      <c r="F13373" s="7">
        <v>38657</v>
      </c>
      <c r="G13373" s="8">
        <v>1</v>
      </c>
      <c r="H13373" s="8">
        <v>1</v>
      </c>
      <c r="I13373" s="8">
        <v>0</v>
      </c>
      <c r="J13373" s="8">
        <v>1</v>
      </c>
      <c r="K13373" s="9">
        <v>9.67</v>
      </c>
      <c r="L13373" s="6" t="s">
        <v>51</v>
      </c>
    </row>
    <row r="13374" spans="1:12">
      <c r="A13374" s="6" t="s">
        <v>49</v>
      </c>
      <c r="B13374" s="6"/>
      <c r="C13374" s="6" t="s">
        <v>13398</v>
      </c>
      <c r="D13374" s="6"/>
      <c r="E13374" s="6" t="s">
        <v>9</v>
      </c>
      <c r="F13374" s="7">
        <v>38657</v>
      </c>
      <c r="G13374" s="8">
        <v>1</v>
      </c>
      <c r="H13374" s="8">
        <v>1</v>
      </c>
      <c r="I13374" s="8">
        <v>0</v>
      </c>
      <c r="J13374" s="8">
        <v>1</v>
      </c>
      <c r="K13374" s="9">
        <v>112</v>
      </c>
      <c r="L13374" s="6" t="s">
        <v>51</v>
      </c>
    </row>
    <row r="13375" spans="1:12">
      <c r="A13375" s="6" t="s">
        <v>49</v>
      </c>
      <c r="B13375" s="6"/>
      <c r="C13375" s="6" t="s">
        <v>13399</v>
      </c>
      <c r="D13375" s="6"/>
      <c r="E13375" s="6" t="s">
        <v>9</v>
      </c>
      <c r="F13375" s="7">
        <v>38657</v>
      </c>
      <c r="G13375" s="8">
        <v>1</v>
      </c>
      <c r="H13375" s="8">
        <v>1</v>
      </c>
      <c r="I13375" s="8">
        <v>0</v>
      </c>
      <c r="J13375" s="8">
        <v>1</v>
      </c>
      <c r="K13375" s="9">
        <v>6.61</v>
      </c>
      <c r="L13375" s="6" t="s">
        <v>51</v>
      </c>
    </row>
    <row r="13376" spans="1:12">
      <c r="A13376" s="6" t="s">
        <v>49</v>
      </c>
      <c r="B13376" s="6"/>
      <c r="C13376" s="6" t="s">
        <v>13400</v>
      </c>
      <c r="D13376" s="6"/>
      <c r="E13376" s="6" t="s">
        <v>9</v>
      </c>
      <c r="F13376" s="7">
        <v>38657</v>
      </c>
      <c r="G13376" s="8">
        <v>1</v>
      </c>
      <c r="H13376" s="8">
        <v>1</v>
      </c>
      <c r="I13376" s="8">
        <v>0</v>
      </c>
      <c r="J13376" s="8">
        <v>1</v>
      </c>
      <c r="K13376" s="9">
        <v>6.61</v>
      </c>
      <c r="L13376" s="6" t="s">
        <v>51</v>
      </c>
    </row>
    <row r="13377" spans="1:12">
      <c r="A13377" s="6" t="s">
        <v>49</v>
      </c>
      <c r="B13377" s="6"/>
      <c r="C13377" s="6" t="s">
        <v>13401</v>
      </c>
      <c r="D13377" s="6"/>
      <c r="E13377" s="6" t="s">
        <v>9</v>
      </c>
      <c r="F13377" s="7">
        <v>38657</v>
      </c>
      <c r="G13377" s="8">
        <v>1</v>
      </c>
      <c r="H13377" s="8">
        <v>1</v>
      </c>
      <c r="I13377" s="8">
        <v>0</v>
      </c>
      <c r="J13377" s="8">
        <v>1</v>
      </c>
      <c r="K13377" s="9">
        <v>25</v>
      </c>
      <c r="L13377" s="6" t="s">
        <v>51</v>
      </c>
    </row>
    <row r="13378" spans="1:12">
      <c r="A13378" s="6" t="s">
        <v>49</v>
      </c>
      <c r="B13378" s="6"/>
      <c r="C13378" s="6" t="s">
        <v>13402</v>
      </c>
      <c r="D13378" s="6"/>
      <c r="E13378" s="6" t="s">
        <v>9</v>
      </c>
      <c r="F13378" s="7">
        <v>38657</v>
      </c>
      <c r="G13378" s="8">
        <v>1</v>
      </c>
      <c r="H13378" s="8">
        <v>1</v>
      </c>
      <c r="I13378" s="8">
        <v>0</v>
      </c>
      <c r="J13378" s="8">
        <v>1</v>
      </c>
      <c r="K13378" s="9">
        <v>59</v>
      </c>
      <c r="L13378" s="6" t="s">
        <v>51</v>
      </c>
    </row>
    <row r="13379" spans="1:12">
      <c r="A13379" s="6" t="s">
        <v>49</v>
      </c>
      <c r="B13379" s="6"/>
      <c r="C13379" s="6" t="s">
        <v>13403</v>
      </c>
      <c r="D13379" s="6"/>
      <c r="E13379" s="6" t="s">
        <v>9</v>
      </c>
      <c r="F13379" s="7">
        <v>38657</v>
      </c>
      <c r="G13379" s="8">
        <v>1</v>
      </c>
      <c r="H13379" s="8">
        <v>1</v>
      </c>
      <c r="I13379" s="8">
        <v>0</v>
      </c>
      <c r="J13379" s="8">
        <v>1</v>
      </c>
      <c r="K13379" s="9">
        <v>77.78</v>
      </c>
      <c r="L13379" s="6" t="s">
        <v>51</v>
      </c>
    </row>
    <row r="13380" spans="1:12">
      <c r="A13380" s="6" t="s">
        <v>49</v>
      </c>
      <c r="B13380" s="6"/>
      <c r="C13380" s="6" t="s">
        <v>13404</v>
      </c>
      <c r="D13380" s="6"/>
      <c r="E13380" s="6" t="s">
        <v>9</v>
      </c>
      <c r="F13380" s="7">
        <v>38657</v>
      </c>
      <c r="G13380" s="8">
        <v>1</v>
      </c>
      <c r="H13380" s="8">
        <v>1</v>
      </c>
      <c r="I13380" s="8">
        <v>0</v>
      </c>
      <c r="J13380" s="8">
        <v>1</v>
      </c>
      <c r="K13380" s="9">
        <v>52</v>
      </c>
      <c r="L13380" s="6" t="s">
        <v>51</v>
      </c>
    </row>
    <row r="13381" spans="1:12">
      <c r="A13381" s="6" t="s">
        <v>49</v>
      </c>
      <c r="B13381" s="6"/>
      <c r="C13381" s="6" t="s">
        <v>13405</v>
      </c>
      <c r="D13381" s="6"/>
      <c r="E13381" s="6" t="s">
        <v>9</v>
      </c>
      <c r="F13381" s="7">
        <v>38657</v>
      </c>
      <c r="G13381" s="8">
        <v>1</v>
      </c>
      <c r="H13381" s="8">
        <v>1</v>
      </c>
      <c r="I13381" s="8">
        <v>0</v>
      </c>
      <c r="J13381" s="8">
        <v>1</v>
      </c>
      <c r="K13381" s="9">
        <v>82</v>
      </c>
      <c r="L13381" s="6" t="s">
        <v>51</v>
      </c>
    </row>
    <row r="13382" spans="1:12">
      <c r="A13382" s="6" t="s">
        <v>49</v>
      </c>
      <c r="B13382" s="6"/>
      <c r="C13382" s="6" t="s">
        <v>13406</v>
      </c>
      <c r="D13382" s="6"/>
      <c r="E13382" s="6" t="s">
        <v>9</v>
      </c>
      <c r="F13382" s="7">
        <v>38657</v>
      </c>
      <c r="G13382" s="8">
        <v>1</v>
      </c>
      <c r="H13382" s="8">
        <v>1</v>
      </c>
      <c r="I13382" s="8">
        <v>0</v>
      </c>
      <c r="J13382" s="8">
        <v>1</v>
      </c>
      <c r="K13382" s="9">
        <v>16</v>
      </c>
      <c r="L13382" s="6" t="s">
        <v>51</v>
      </c>
    </row>
    <row r="13383" spans="1:12">
      <c r="A13383" s="6" t="s">
        <v>49</v>
      </c>
      <c r="B13383" s="6"/>
      <c r="C13383" s="6" t="s">
        <v>13407</v>
      </c>
      <c r="D13383" s="6"/>
      <c r="E13383" s="6" t="s">
        <v>9</v>
      </c>
      <c r="F13383" s="7">
        <v>38657</v>
      </c>
      <c r="G13383" s="8">
        <v>1</v>
      </c>
      <c r="H13383" s="8">
        <v>1</v>
      </c>
      <c r="I13383" s="8">
        <v>0</v>
      </c>
      <c r="J13383" s="8">
        <v>1</v>
      </c>
      <c r="K13383" s="9">
        <v>2.64</v>
      </c>
      <c r="L13383" s="6" t="s">
        <v>51</v>
      </c>
    </row>
    <row r="13384" spans="1:12">
      <c r="A13384" s="6" t="s">
        <v>49</v>
      </c>
      <c r="B13384" s="6"/>
      <c r="C13384" s="6" t="s">
        <v>13408</v>
      </c>
      <c r="D13384" s="6"/>
      <c r="E13384" s="6" t="s">
        <v>9</v>
      </c>
      <c r="F13384" s="7">
        <v>38657</v>
      </c>
      <c r="G13384" s="8">
        <v>1</v>
      </c>
      <c r="H13384" s="8">
        <v>1</v>
      </c>
      <c r="I13384" s="8">
        <v>0</v>
      </c>
      <c r="J13384" s="8">
        <v>1</v>
      </c>
      <c r="K13384" s="9">
        <v>29</v>
      </c>
      <c r="L13384" s="6" t="s">
        <v>51</v>
      </c>
    </row>
    <row r="13385" spans="1:12">
      <c r="A13385" s="6" t="s">
        <v>49</v>
      </c>
      <c r="B13385" s="6"/>
      <c r="C13385" s="6" t="s">
        <v>13409</v>
      </c>
      <c r="D13385" s="6"/>
      <c r="E13385" s="6" t="s">
        <v>9</v>
      </c>
      <c r="F13385" s="7">
        <v>38657</v>
      </c>
      <c r="G13385" s="8">
        <v>1</v>
      </c>
      <c r="H13385" s="8">
        <v>1</v>
      </c>
      <c r="I13385" s="8">
        <v>0</v>
      </c>
      <c r="J13385" s="8">
        <v>1</v>
      </c>
      <c r="K13385" s="9">
        <v>115</v>
      </c>
      <c r="L13385" s="6" t="s">
        <v>51</v>
      </c>
    </row>
    <row r="13386" spans="1:12">
      <c r="A13386" s="6" t="s">
        <v>49</v>
      </c>
      <c r="B13386" s="6"/>
      <c r="C13386" s="6" t="s">
        <v>13410</v>
      </c>
      <c r="D13386" s="6"/>
      <c r="E13386" s="6" t="s">
        <v>9</v>
      </c>
      <c r="F13386" s="7">
        <v>38657</v>
      </c>
      <c r="G13386" s="8">
        <v>1</v>
      </c>
      <c r="H13386" s="8">
        <v>1</v>
      </c>
      <c r="I13386" s="8">
        <v>0</v>
      </c>
      <c r="J13386" s="8">
        <v>1</v>
      </c>
      <c r="K13386" s="9">
        <v>132</v>
      </c>
      <c r="L13386" s="6" t="s">
        <v>51</v>
      </c>
    </row>
    <row r="13387" spans="1:12">
      <c r="A13387" s="6" t="s">
        <v>49</v>
      </c>
      <c r="B13387" s="6"/>
      <c r="C13387" s="6" t="s">
        <v>13411</v>
      </c>
      <c r="D13387" s="6"/>
      <c r="E13387" s="6" t="s">
        <v>9</v>
      </c>
      <c r="F13387" s="7">
        <v>38657</v>
      </c>
      <c r="G13387" s="8">
        <v>1</v>
      </c>
      <c r="H13387" s="8">
        <v>1</v>
      </c>
      <c r="I13387" s="8">
        <v>0</v>
      </c>
      <c r="J13387" s="8">
        <v>1</v>
      </c>
      <c r="K13387" s="9">
        <v>1.2</v>
      </c>
      <c r="L13387" s="6" t="s">
        <v>51</v>
      </c>
    </row>
    <row r="13388" spans="1:12">
      <c r="A13388" s="6" t="s">
        <v>49</v>
      </c>
      <c r="B13388" s="6"/>
      <c r="C13388" s="6" t="s">
        <v>13412</v>
      </c>
      <c r="D13388" s="6"/>
      <c r="E13388" s="6" t="s">
        <v>9</v>
      </c>
      <c r="F13388" s="7">
        <v>38657</v>
      </c>
      <c r="G13388" s="8">
        <v>1</v>
      </c>
      <c r="H13388" s="8">
        <v>1</v>
      </c>
      <c r="I13388" s="8">
        <v>0</v>
      </c>
      <c r="J13388" s="8">
        <v>1</v>
      </c>
      <c r="K13388" s="9">
        <v>26</v>
      </c>
      <c r="L13388" s="6" t="s">
        <v>51</v>
      </c>
    </row>
    <row r="13389" spans="1:12">
      <c r="A13389" s="6" t="s">
        <v>49</v>
      </c>
      <c r="B13389" s="6"/>
      <c r="C13389" s="6" t="s">
        <v>13413</v>
      </c>
      <c r="D13389" s="6"/>
      <c r="E13389" s="6" t="s">
        <v>9</v>
      </c>
      <c r="F13389" s="7">
        <v>38657</v>
      </c>
      <c r="G13389" s="8">
        <v>1</v>
      </c>
      <c r="H13389" s="8">
        <v>1</v>
      </c>
      <c r="I13389" s="8">
        <v>0</v>
      </c>
      <c r="J13389" s="8">
        <v>1</v>
      </c>
      <c r="K13389" s="9">
        <v>24</v>
      </c>
      <c r="L13389" s="6" t="s">
        <v>51</v>
      </c>
    </row>
    <row r="13390" spans="1:12">
      <c r="A13390" s="6" t="s">
        <v>49</v>
      </c>
      <c r="B13390" s="6"/>
      <c r="C13390" s="6" t="s">
        <v>13414</v>
      </c>
      <c r="D13390" s="6"/>
      <c r="E13390" s="6" t="s">
        <v>9</v>
      </c>
      <c r="F13390" s="7">
        <v>39640</v>
      </c>
      <c r="G13390" s="8">
        <v>66705</v>
      </c>
      <c r="H13390" s="8">
        <v>66705</v>
      </c>
      <c r="I13390" s="8">
        <v>0</v>
      </c>
      <c r="J13390" s="8">
        <v>66705</v>
      </c>
      <c r="K13390" s="9">
        <v>16</v>
      </c>
      <c r="L13390" s="6" t="s">
        <v>51</v>
      </c>
    </row>
    <row r="13391" spans="1:12">
      <c r="A13391" s="6" t="s">
        <v>49</v>
      </c>
      <c r="B13391" s="6"/>
      <c r="C13391" s="6" t="s">
        <v>13415</v>
      </c>
      <c r="D13391" s="6"/>
      <c r="E13391" s="6" t="s">
        <v>9</v>
      </c>
      <c r="F13391" s="7">
        <v>39558</v>
      </c>
      <c r="G13391" s="8">
        <v>160070</v>
      </c>
      <c r="H13391" s="8">
        <v>160070</v>
      </c>
      <c r="I13391" s="8">
        <v>0</v>
      </c>
      <c r="J13391" s="8">
        <v>160070</v>
      </c>
      <c r="K13391" s="9">
        <v>59</v>
      </c>
      <c r="L13391" s="6" t="s">
        <v>51</v>
      </c>
    </row>
    <row r="13392" spans="1:12">
      <c r="A13392" s="6" t="s">
        <v>49</v>
      </c>
      <c r="B13392" s="6"/>
      <c r="C13392" s="6" t="s">
        <v>13416</v>
      </c>
      <c r="D13392" s="6"/>
      <c r="E13392" s="6" t="s">
        <v>9</v>
      </c>
      <c r="F13392" s="7">
        <v>39558</v>
      </c>
      <c r="G13392" s="8">
        <v>1</v>
      </c>
      <c r="H13392" s="8">
        <v>1</v>
      </c>
      <c r="I13392" s="8">
        <v>0</v>
      </c>
      <c r="J13392" s="8">
        <v>1</v>
      </c>
      <c r="K13392" s="9">
        <v>19</v>
      </c>
      <c r="L13392" s="6" t="s">
        <v>51</v>
      </c>
    </row>
    <row r="13393" spans="1:12">
      <c r="A13393" s="6" t="s">
        <v>49</v>
      </c>
      <c r="B13393" s="6"/>
      <c r="C13393" s="6" t="s">
        <v>13417</v>
      </c>
      <c r="D13393" s="6"/>
      <c r="E13393" s="6" t="s">
        <v>9</v>
      </c>
      <c r="F13393" s="7">
        <v>39539</v>
      </c>
      <c r="G13393" s="8">
        <v>18251</v>
      </c>
      <c r="H13393" s="8">
        <v>18251</v>
      </c>
      <c r="I13393" s="8">
        <v>0</v>
      </c>
      <c r="J13393" s="8">
        <v>18251</v>
      </c>
      <c r="K13393" s="9">
        <v>6.79</v>
      </c>
      <c r="L13393" s="6" t="s">
        <v>51</v>
      </c>
    </row>
    <row r="13394" spans="1:12">
      <c r="A13394" s="6" t="s">
        <v>49</v>
      </c>
      <c r="B13394" s="6"/>
      <c r="C13394" s="6" t="s">
        <v>13418</v>
      </c>
      <c r="D13394" s="6"/>
      <c r="E13394" s="6" t="s">
        <v>9</v>
      </c>
      <c r="F13394" s="7">
        <v>39539</v>
      </c>
      <c r="G13394" s="8">
        <v>1</v>
      </c>
      <c r="H13394" s="8">
        <v>1</v>
      </c>
      <c r="I13394" s="8">
        <v>0</v>
      </c>
      <c r="J13394" s="8">
        <v>1</v>
      </c>
      <c r="K13394" s="9">
        <v>4.76</v>
      </c>
      <c r="L13394" s="6" t="s">
        <v>51</v>
      </c>
    </row>
    <row r="13395" spans="1:12">
      <c r="A13395" s="6" t="s">
        <v>49</v>
      </c>
      <c r="B13395" s="6"/>
      <c r="C13395" s="6" t="s">
        <v>13419</v>
      </c>
      <c r="D13395" s="6"/>
      <c r="E13395" s="6" t="s">
        <v>9</v>
      </c>
      <c r="F13395" s="7">
        <v>38657</v>
      </c>
      <c r="G13395" s="8">
        <v>1</v>
      </c>
      <c r="H13395" s="8">
        <v>1</v>
      </c>
      <c r="I13395" s="8">
        <v>0</v>
      </c>
      <c r="J13395" s="8">
        <v>1</v>
      </c>
      <c r="K13395" s="9">
        <v>15</v>
      </c>
      <c r="L13395" s="6" t="s">
        <v>51</v>
      </c>
    </row>
    <row r="13396" spans="1:12">
      <c r="A13396" s="6" t="s">
        <v>49</v>
      </c>
      <c r="B13396" s="6"/>
      <c r="C13396" s="6" t="s">
        <v>13420</v>
      </c>
      <c r="D13396" s="6"/>
      <c r="E13396" s="6" t="s">
        <v>9</v>
      </c>
      <c r="F13396" s="7">
        <v>38657</v>
      </c>
      <c r="G13396" s="8">
        <v>1</v>
      </c>
      <c r="H13396" s="8">
        <v>1</v>
      </c>
      <c r="I13396" s="8">
        <v>0</v>
      </c>
      <c r="J13396" s="8">
        <v>1</v>
      </c>
      <c r="K13396" s="9">
        <v>165</v>
      </c>
      <c r="L13396" s="6" t="s">
        <v>51</v>
      </c>
    </row>
    <row r="13397" spans="1:12">
      <c r="A13397" s="6" t="s">
        <v>49</v>
      </c>
      <c r="B13397" s="6"/>
      <c r="C13397" s="6" t="s">
        <v>13421</v>
      </c>
      <c r="D13397" s="6"/>
      <c r="E13397" s="6" t="s">
        <v>9</v>
      </c>
      <c r="F13397" s="7">
        <v>39539</v>
      </c>
      <c r="G13397" s="8">
        <v>82837</v>
      </c>
      <c r="H13397" s="8">
        <v>82837</v>
      </c>
      <c r="I13397" s="8">
        <v>0</v>
      </c>
      <c r="J13397" s="8">
        <v>82837</v>
      </c>
      <c r="K13397" s="9">
        <v>20</v>
      </c>
      <c r="L13397" s="6" t="s">
        <v>51</v>
      </c>
    </row>
    <row r="13398" spans="1:12">
      <c r="A13398" s="6" t="s">
        <v>49</v>
      </c>
      <c r="B13398" s="6"/>
      <c r="C13398" s="6" t="s">
        <v>13422</v>
      </c>
      <c r="D13398" s="6"/>
      <c r="E13398" s="6" t="s">
        <v>9</v>
      </c>
      <c r="F13398" s="7">
        <v>38657</v>
      </c>
      <c r="G13398" s="8">
        <v>1</v>
      </c>
      <c r="H13398" s="8">
        <v>1</v>
      </c>
      <c r="I13398" s="8">
        <v>0</v>
      </c>
      <c r="J13398" s="8">
        <v>1</v>
      </c>
      <c r="K13398" s="9">
        <v>18</v>
      </c>
      <c r="L13398" s="6" t="s">
        <v>51</v>
      </c>
    </row>
    <row r="13399" spans="1:12">
      <c r="A13399" s="6" t="s">
        <v>49</v>
      </c>
      <c r="B13399" s="6"/>
      <c r="C13399" s="6" t="s">
        <v>13423</v>
      </c>
      <c r="D13399" s="6"/>
      <c r="E13399" s="6" t="s">
        <v>9</v>
      </c>
      <c r="F13399" s="7">
        <v>38657</v>
      </c>
      <c r="G13399" s="8">
        <v>1</v>
      </c>
      <c r="H13399" s="8">
        <v>1</v>
      </c>
      <c r="I13399" s="8">
        <v>0</v>
      </c>
      <c r="J13399" s="8">
        <v>1</v>
      </c>
      <c r="K13399" s="9">
        <v>25</v>
      </c>
      <c r="L13399" s="6" t="s">
        <v>51</v>
      </c>
    </row>
    <row r="13400" spans="1:12">
      <c r="A13400" s="6" t="s">
        <v>49</v>
      </c>
      <c r="B13400" s="6"/>
      <c r="C13400" s="6" t="s">
        <v>13424</v>
      </c>
      <c r="D13400" s="6"/>
      <c r="E13400" s="6" t="s">
        <v>9</v>
      </c>
      <c r="F13400" s="7">
        <v>38657</v>
      </c>
      <c r="G13400" s="8">
        <v>1</v>
      </c>
      <c r="H13400" s="8">
        <v>1</v>
      </c>
      <c r="I13400" s="8">
        <v>0</v>
      </c>
      <c r="J13400" s="8">
        <v>1</v>
      </c>
      <c r="K13400" s="9">
        <v>20</v>
      </c>
      <c r="L13400" s="6" t="s">
        <v>51</v>
      </c>
    </row>
    <row r="13401" spans="1:12">
      <c r="A13401" s="6" t="s">
        <v>49</v>
      </c>
      <c r="B13401" s="6"/>
      <c r="C13401" s="6" t="s">
        <v>13425</v>
      </c>
      <c r="D13401" s="6"/>
      <c r="E13401" s="6" t="s">
        <v>9</v>
      </c>
      <c r="F13401" s="7">
        <v>38657</v>
      </c>
      <c r="G13401" s="8">
        <v>1</v>
      </c>
      <c r="H13401" s="8">
        <v>1</v>
      </c>
      <c r="I13401" s="8">
        <v>0</v>
      </c>
      <c r="J13401" s="8">
        <v>1</v>
      </c>
      <c r="K13401" s="9">
        <v>72</v>
      </c>
      <c r="L13401" s="6" t="s">
        <v>51</v>
      </c>
    </row>
    <row r="13402" spans="1:12">
      <c r="A13402" s="6" t="s">
        <v>49</v>
      </c>
      <c r="B13402" s="6"/>
      <c r="C13402" s="6" t="s">
        <v>13426</v>
      </c>
      <c r="D13402" s="6"/>
      <c r="E13402" s="6" t="s">
        <v>9</v>
      </c>
      <c r="F13402" s="7">
        <v>38657</v>
      </c>
      <c r="G13402" s="8">
        <v>1</v>
      </c>
      <c r="H13402" s="8">
        <v>1</v>
      </c>
      <c r="I13402" s="8">
        <v>0</v>
      </c>
      <c r="J13402" s="8">
        <v>1</v>
      </c>
      <c r="K13402" s="9">
        <v>49</v>
      </c>
      <c r="L13402" s="6" t="s">
        <v>51</v>
      </c>
    </row>
    <row r="13403" spans="1:12">
      <c r="A13403" s="6" t="s">
        <v>49</v>
      </c>
      <c r="B13403" s="6"/>
      <c r="C13403" s="6" t="s">
        <v>13427</v>
      </c>
      <c r="D13403" s="6"/>
      <c r="E13403" s="6" t="s">
        <v>9</v>
      </c>
      <c r="F13403" s="7">
        <v>38657</v>
      </c>
      <c r="G13403" s="8">
        <v>1</v>
      </c>
      <c r="H13403" s="8">
        <v>1</v>
      </c>
      <c r="I13403" s="8">
        <v>0</v>
      </c>
      <c r="J13403" s="8">
        <v>1</v>
      </c>
      <c r="K13403" s="9">
        <v>56</v>
      </c>
      <c r="L13403" s="6" t="s">
        <v>51</v>
      </c>
    </row>
    <row r="13404" spans="1:12">
      <c r="A13404" s="6" t="s">
        <v>49</v>
      </c>
      <c r="B13404" s="6"/>
      <c r="C13404" s="6" t="s">
        <v>13428</v>
      </c>
      <c r="D13404" s="6"/>
      <c r="E13404" s="6" t="s">
        <v>9</v>
      </c>
      <c r="F13404" s="7">
        <v>38657</v>
      </c>
      <c r="G13404" s="8">
        <v>1</v>
      </c>
      <c r="H13404" s="8">
        <v>1</v>
      </c>
      <c r="I13404" s="8">
        <v>0</v>
      </c>
      <c r="J13404" s="8">
        <v>1</v>
      </c>
      <c r="K13404" s="9">
        <v>1.68</v>
      </c>
      <c r="L13404" s="6" t="s">
        <v>51</v>
      </c>
    </row>
    <row r="13405" spans="1:12">
      <c r="A13405" s="6" t="s">
        <v>49</v>
      </c>
      <c r="B13405" s="6"/>
      <c r="C13405" s="6" t="s">
        <v>13429</v>
      </c>
      <c r="D13405" s="6"/>
      <c r="E13405" s="6" t="s">
        <v>9</v>
      </c>
      <c r="F13405" s="7">
        <v>38657</v>
      </c>
      <c r="G13405" s="8">
        <v>1</v>
      </c>
      <c r="H13405" s="8">
        <v>1</v>
      </c>
      <c r="I13405" s="8">
        <v>0</v>
      </c>
      <c r="J13405" s="8">
        <v>1</v>
      </c>
      <c r="K13405" s="9">
        <v>23</v>
      </c>
      <c r="L13405" s="6" t="s">
        <v>51</v>
      </c>
    </row>
    <row r="13406" spans="1:12">
      <c r="A13406" s="6" t="s">
        <v>49</v>
      </c>
      <c r="B13406" s="6"/>
      <c r="C13406" s="6" t="s">
        <v>13430</v>
      </c>
      <c r="D13406" s="6"/>
      <c r="E13406" s="6" t="s">
        <v>9</v>
      </c>
      <c r="F13406" s="7">
        <v>38657</v>
      </c>
      <c r="G13406" s="8">
        <v>1</v>
      </c>
      <c r="H13406" s="8">
        <v>1</v>
      </c>
      <c r="I13406" s="8">
        <v>0</v>
      </c>
      <c r="J13406" s="8">
        <v>1</v>
      </c>
      <c r="K13406" s="9">
        <v>9.84</v>
      </c>
      <c r="L13406" s="6" t="s">
        <v>51</v>
      </c>
    </row>
    <row r="13407" spans="1:12">
      <c r="A13407" s="6" t="s">
        <v>49</v>
      </c>
      <c r="B13407" s="6"/>
      <c r="C13407" s="6" t="s">
        <v>13431</v>
      </c>
      <c r="D13407" s="6"/>
      <c r="E13407" s="6" t="s">
        <v>9</v>
      </c>
      <c r="F13407" s="7">
        <v>38657</v>
      </c>
      <c r="G13407" s="8">
        <v>1</v>
      </c>
      <c r="H13407" s="8">
        <v>1</v>
      </c>
      <c r="I13407" s="8">
        <v>0</v>
      </c>
      <c r="J13407" s="8">
        <v>1</v>
      </c>
      <c r="K13407" s="9">
        <v>191</v>
      </c>
      <c r="L13407" s="6" t="s">
        <v>51</v>
      </c>
    </row>
    <row r="13408" spans="1:12">
      <c r="A13408" s="6" t="s">
        <v>49</v>
      </c>
      <c r="B13408" s="6"/>
      <c r="C13408" s="6" t="s">
        <v>13432</v>
      </c>
      <c r="D13408" s="6"/>
      <c r="E13408" s="6" t="s">
        <v>9</v>
      </c>
      <c r="F13408" s="7">
        <v>38657</v>
      </c>
      <c r="G13408" s="8">
        <v>1</v>
      </c>
      <c r="H13408" s="8">
        <v>1</v>
      </c>
      <c r="I13408" s="8">
        <v>0</v>
      </c>
      <c r="J13408" s="8">
        <v>1</v>
      </c>
      <c r="K13408" s="9">
        <v>11</v>
      </c>
      <c r="L13408" s="6" t="s">
        <v>51</v>
      </c>
    </row>
    <row r="13409" spans="1:12">
      <c r="A13409" s="6" t="s">
        <v>49</v>
      </c>
      <c r="B13409" s="6"/>
      <c r="C13409" s="6" t="s">
        <v>13433</v>
      </c>
      <c r="D13409" s="6"/>
      <c r="E13409" s="6" t="s">
        <v>9</v>
      </c>
      <c r="F13409" s="7">
        <v>38657</v>
      </c>
      <c r="G13409" s="8">
        <v>1</v>
      </c>
      <c r="H13409" s="8">
        <v>1</v>
      </c>
      <c r="I13409" s="8">
        <v>0</v>
      </c>
      <c r="J13409" s="8">
        <v>1</v>
      </c>
      <c r="K13409" s="9">
        <v>76</v>
      </c>
      <c r="L13409" s="6" t="s">
        <v>51</v>
      </c>
    </row>
    <row r="13410" spans="1:12">
      <c r="A13410" s="6" t="s">
        <v>49</v>
      </c>
      <c r="B13410" s="6"/>
      <c r="C13410" s="6" t="s">
        <v>13434</v>
      </c>
      <c r="D13410" s="6"/>
      <c r="E13410" s="6" t="s">
        <v>9</v>
      </c>
      <c r="F13410" s="7">
        <v>38657</v>
      </c>
      <c r="G13410" s="8">
        <v>1</v>
      </c>
      <c r="H13410" s="8">
        <v>1</v>
      </c>
      <c r="I13410" s="8">
        <v>0</v>
      </c>
      <c r="J13410" s="8">
        <v>1</v>
      </c>
      <c r="K13410" s="9">
        <v>3.3</v>
      </c>
      <c r="L13410" s="6" t="s">
        <v>51</v>
      </c>
    </row>
    <row r="13411" spans="1:12">
      <c r="A13411" s="6" t="s">
        <v>49</v>
      </c>
      <c r="B13411" s="6"/>
      <c r="C13411" s="6" t="s">
        <v>13435</v>
      </c>
      <c r="D13411" s="6"/>
      <c r="E13411" s="6" t="s">
        <v>9</v>
      </c>
      <c r="F13411" s="7">
        <v>38657</v>
      </c>
      <c r="G13411" s="8">
        <v>1</v>
      </c>
      <c r="H13411" s="8">
        <v>1</v>
      </c>
      <c r="I13411" s="8">
        <v>0</v>
      </c>
      <c r="J13411" s="8">
        <v>1</v>
      </c>
      <c r="K13411" s="9">
        <v>27</v>
      </c>
      <c r="L13411" s="6" t="s">
        <v>51</v>
      </c>
    </row>
    <row r="13412" spans="1:12">
      <c r="A13412" s="6" t="s">
        <v>49</v>
      </c>
      <c r="B13412" s="6"/>
      <c r="C13412" s="6" t="s">
        <v>13436</v>
      </c>
      <c r="D13412" s="6"/>
      <c r="E13412" s="6" t="s">
        <v>9</v>
      </c>
      <c r="F13412" s="7">
        <v>38657</v>
      </c>
      <c r="G13412" s="8">
        <v>1</v>
      </c>
      <c r="H13412" s="8">
        <v>1</v>
      </c>
      <c r="I13412" s="8">
        <v>0</v>
      </c>
      <c r="J13412" s="8">
        <v>1</v>
      </c>
      <c r="K13412" s="9">
        <v>254</v>
      </c>
      <c r="L13412" s="6" t="s">
        <v>51</v>
      </c>
    </row>
    <row r="13413" spans="1:12">
      <c r="A13413" s="6" t="s">
        <v>49</v>
      </c>
      <c r="B13413" s="6"/>
      <c r="C13413" s="6" t="s">
        <v>13437</v>
      </c>
      <c r="D13413" s="6"/>
      <c r="E13413" s="6" t="s">
        <v>9</v>
      </c>
      <c r="F13413" s="7">
        <v>38657</v>
      </c>
      <c r="G13413" s="8">
        <v>1</v>
      </c>
      <c r="H13413" s="8">
        <v>1</v>
      </c>
      <c r="I13413" s="8">
        <v>0</v>
      </c>
      <c r="J13413" s="8">
        <v>1</v>
      </c>
      <c r="K13413" s="9">
        <v>29</v>
      </c>
      <c r="L13413" s="6" t="s">
        <v>51</v>
      </c>
    </row>
    <row r="13414" spans="1:12">
      <c r="A13414" s="6" t="s">
        <v>49</v>
      </c>
      <c r="B13414" s="6"/>
      <c r="C13414" s="6" t="s">
        <v>13438</v>
      </c>
      <c r="D13414" s="6"/>
      <c r="E13414" s="6" t="s">
        <v>9</v>
      </c>
      <c r="F13414" s="7">
        <v>38657</v>
      </c>
      <c r="G13414" s="8">
        <v>1</v>
      </c>
      <c r="H13414" s="8">
        <v>1</v>
      </c>
      <c r="I13414" s="8">
        <v>0</v>
      </c>
      <c r="J13414" s="8">
        <v>1</v>
      </c>
      <c r="K13414" s="9">
        <v>13</v>
      </c>
      <c r="L13414" s="6" t="s">
        <v>51</v>
      </c>
    </row>
    <row r="13415" spans="1:12">
      <c r="A13415" s="6" t="s">
        <v>49</v>
      </c>
      <c r="B13415" s="6"/>
      <c r="C13415" s="6" t="s">
        <v>13439</v>
      </c>
      <c r="D13415" s="6"/>
      <c r="E13415" s="6" t="s">
        <v>9</v>
      </c>
      <c r="F13415" s="7">
        <v>38657</v>
      </c>
      <c r="G13415" s="8">
        <v>1</v>
      </c>
      <c r="H13415" s="8">
        <v>1</v>
      </c>
      <c r="I13415" s="8">
        <v>0</v>
      </c>
      <c r="J13415" s="8">
        <v>1</v>
      </c>
      <c r="K13415" s="9">
        <v>33</v>
      </c>
      <c r="L13415" s="6" t="s">
        <v>51</v>
      </c>
    </row>
    <row r="13416" spans="1:12">
      <c r="A13416" s="6" t="s">
        <v>49</v>
      </c>
      <c r="B13416" s="6"/>
      <c r="C13416" s="6" t="s">
        <v>13440</v>
      </c>
      <c r="D13416" s="6"/>
      <c r="E13416" s="6" t="s">
        <v>9</v>
      </c>
      <c r="F13416" s="7">
        <v>38657</v>
      </c>
      <c r="G13416" s="8">
        <v>1</v>
      </c>
      <c r="H13416" s="8">
        <v>1</v>
      </c>
      <c r="I13416" s="8">
        <v>0</v>
      </c>
      <c r="J13416" s="8">
        <v>1</v>
      </c>
      <c r="K13416" s="9">
        <v>18</v>
      </c>
      <c r="L13416" s="6" t="s">
        <v>51</v>
      </c>
    </row>
    <row r="13417" spans="1:12">
      <c r="A13417" s="6" t="s">
        <v>49</v>
      </c>
      <c r="B13417" s="6"/>
      <c r="C13417" s="6" t="s">
        <v>13441</v>
      </c>
      <c r="D13417" s="6"/>
      <c r="E13417" s="6" t="s">
        <v>9</v>
      </c>
      <c r="F13417" s="7">
        <v>38657</v>
      </c>
      <c r="G13417" s="8">
        <v>1</v>
      </c>
      <c r="H13417" s="8">
        <v>1</v>
      </c>
      <c r="I13417" s="8">
        <v>0</v>
      </c>
      <c r="J13417" s="8">
        <v>1</v>
      </c>
      <c r="K13417" s="9">
        <v>27</v>
      </c>
      <c r="L13417" s="6" t="s">
        <v>51</v>
      </c>
    </row>
    <row r="13418" spans="1:12">
      <c r="A13418" s="6" t="s">
        <v>49</v>
      </c>
      <c r="B13418" s="6"/>
      <c r="C13418" s="6" t="s">
        <v>13442</v>
      </c>
      <c r="D13418" s="6"/>
      <c r="E13418" s="6" t="s">
        <v>9</v>
      </c>
      <c r="F13418" s="7">
        <v>38657</v>
      </c>
      <c r="G13418" s="8">
        <v>1</v>
      </c>
      <c r="H13418" s="8">
        <v>1</v>
      </c>
      <c r="I13418" s="8">
        <v>0</v>
      </c>
      <c r="J13418" s="8">
        <v>1</v>
      </c>
      <c r="K13418" s="9">
        <v>148</v>
      </c>
      <c r="L13418" s="6" t="s">
        <v>51</v>
      </c>
    </row>
    <row r="13419" spans="1:12">
      <c r="A13419" s="6" t="s">
        <v>49</v>
      </c>
      <c r="B13419" s="6"/>
      <c r="C13419" s="6" t="s">
        <v>13443</v>
      </c>
      <c r="D13419" s="6"/>
      <c r="E13419" s="6" t="s">
        <v>9</v>
      </c>
      <c r="F13419" s="7">
        <v>38657</v>
      </c>
      <c r="G13419" s="8">
        <v>1</v>
      </c>
      <c r="H13419" s="8">
        <v>1</v>
      </c>
      <c r="I13419" s="8">
        <v>0</v>
      </c>
      <c r="J13419" s="8">
        <v>1</v>
      </c>
      <c r="K13419" s="9">
        <v>9.1</v>
      </c>
      <c r="L13419" s="6" t="s">
        <v>51</v>
      </c>
    </row>
    <row r="13420" spans="1:12">
      <c r="A13420" s="6" t="s">
        <v>49</v>
      </c>
      <c r="B13420" s="6"/>
      <c r="C13420" s="6" t="s">
        <v>13444</v>
      </c>
      <c r="D13420" s="6"/>
      <c r="E13420" s="6" t="s">
        <v>9</v>
      </c>
      <c r="F13420" s="7">
        <v>38657</v>
      </c>
      <c r="G13420" s="8">
        <v>1</v>
      </c>
      <c r="H13420" s="8">
        <v>1</v>
      </c>
      <c r="I13420" s="8">
        <v>0</v>
      </c>
      <c r="J13420" s="8">
        <v>1</v>
      </c>
      <c r="K13420" s="9">
        <v>15</v>
      </c>
      <c r="L13420" s="6" t="s">
        <v>51</v>
      </c>
    </row>
    <row r="13421" spans="1:12">
      <c r="A13421" s="6" t="s">
        <v>49</v>
      </c>
      <c r="B13421" s="6"/>
      <c r="C13421" s="6" t="s">
        <v>13445</v>
      </c>
      <c r="D13421" s="6"/>
      <c r="E13421" s="6" t="s">
        <v>9</v>
      </c>
      <c r="F13421" s="7">
        <v>38657</v>
      </c>
      <c r="G13421" s="8">
        <v>1</v>
      </c>
      <c r="H13421" s="8">
        <v>1</v>
      </c>
      <c r="I13421" s="8">
        <v>0</v>
      </c>
      <c r="J13421" s="8">
        <v>1</v>
      </c>
      <c r="K13421" s="9">
        <v>7.48</v>
      </c>
      <c r="L13421" s="6" t="s">
        <v>51</v>
      </c>
    </row>
    <row r="13422" spans="1:12">
      <c r="A13422" s="6" t="s">
        <v>49</v>
      </c>
      <c r="B13422" s="6"/>
      <c r="C13422" s="6" t="s">
        <v>13446</v>
      </c>
      <c r="D13422" s="6"/>
      <c r="E13422" s="6" t="s">
        <v>9</v>
      </c>
      <c r="F13422" s="7">
        <v>38657</v>
      </c>
      <c r="G13422" s="8">
        <v>1</v>
      </c>
      <c r="H13422" s="8">
        <v>1</v>
      </c>
      <c r="I13422" s="8">
        <v>0</v>
      </c>
      <c r="J13422" s="8">
        <v>1</v>
      </c>
      <c r="K13422" s="9">
        <v>14</v>
      </c>
      <c r="L13422" s="6" t="s">
        <v>51</v>
      </c>
    </row>
    <row r="13423" spans="1:12">
      <c r="A13423" s="6" t="s">
        <v>49</v>
      </c>
      <c r="B13423" s="6"/>
      <c r="C13423" s="6" t="s">
        <v>13447</v>
      </c>
      <c r="D13423" s="6"/>
      <c r="E13423" s="6" t="s">
        <v>9</v>
      </c>
      <c r="F13423" s="7">
        <v>38657</v>
      </c>
      <c r="G13423" s="8">
        <v>1</v>
      </c>
      <c r="H13423" s="8">
        <v>1</v>
      </c>
      <c r="I13423" s="8">
        <v>0</v>
      </c>
      <c r="J13423" s="8">
        <v>1</v>
      </c>
      <c r="K13423" s="9">
        <v>2.77</v>
      </c>
      <c r="L13423" s="6" t="s">
        <v>51</v>
      </c>
    </row>
    <row r="13424" spans="1:12">
      <c r="A13424" s="6" t="s">
        <v>49</v>
      </c>
      <c r="B13424" s="6"/>
      <c r="C13424" s="6" t="s">
        <v>13448</v>
      </c>
      <c r="D13424" s="6"/>
      <c r="E13424" s="6" t="s">
        <v>9</v>
      </c>
      <c r="F13424" s="7">
        <v>38657</v>
      </c>
      <c r="G13424" s="8">
        <v>1</v>
      </c>
      <c r="H13424" s="8">
        <v>1</v>
      </c>
      <c r="I13424" s="8">
        <v>0</v>
      </c>
      <c r="J13424" s="8">
        <v>1</v>
      </c>
      <c r="K13424" s="9">
        <v>12</v>
      </c>
      <c r="L13424" s="6" t="s">
        <v>51</v>
      </c>
    </row>
    <row r="13425" spans="1:12">
      <c r="A13425" s="6" t="s">
        <v>49</v>
      </c>
      <c r="B13425" s="6"/>
      <c r="C13425" s="6" t="s">
        <v>13449</v>
      </c>
      <c r="D13425" s="6"/>
      <c r="E13425" s="6" t="s">
        <v>9</v>
      </c>
      <c r="F13425" s="7">
        <v>38657</v>
      </c>
      <c r="G13425" s="8">
        <v>1</v>
      </c>
      <c r="H13425" s="8">
        <v>1</v>
      </c>
      <c r="I13425" s="8">
        <v>0</v>
      </c>
      <c r="J13425" s="8">
        <v>1</v>
      </c>
      <c r="K13425" s="9">
        <v>2.04</v>
      </c>
      <c r="L13425" s="6" t="s">
        <v>51</v>
      </c>
    </row>
    <row r="13426" spans="1:12">
      <c r="A13426" s="6" t="s">
        <v>49</v>
      </c>
      <c r="B13426" s="6"/>
      <c r="C13426" s="6" t="s">
        <v>13450</v>
      </c>
      <c r="D13426" s="6"/>
      <c r="E13426" s="6" t="s">
        <v>9</v>
      </c>
      <c r="F13426" s="7">
        <v>38657</v>
      </c>
      <c r="G13426" s="8">
        <v>1</v>
      </c>
      <c r="H13426" s="8">
        <v>1</v>
      </c>
      <c r="I13426" s="8">
        <v>0</v>
      </c>
      <c r="J13426" s="8">
        <v>1</v>
      </c>
      <c r="K13426" s="9">
        <v>53</v>
      </c>
      <c r="L13426" s="6" t="s">
        <v>51</v>
      </c>
    </row>
    <row r="13427" spans="1:12">
      <c r="A13427" s="6" t="s">
        <v>49</v>
      </c>
      <c r="B13427" s="6"/>
      <c r="C13427" s="6" t="s">
        <v>13451</v>
      </c>
      <c r="D13427" s="6"/>
      <c r="E13427" s="6" t="s">
        <v>9</v>
      </c>
      <c r="F13427" s="7">
        <v>38657</v>
      </c>
      <c r="G13427" s="8">
        <v>1</v>
      </c>
      <c r="H13427" s="8">
        <v>1</v>
      </c>
      <c r="I13427" s="8">
        <v>0</v>
      </c>
      <c r="J13427" s="8">
        <v>1</v>
      </c>
      <c r="K13427" s="9">
        <v>22</v>
      </c>
      <c r="L13427" s="6" t="s">
        <v>51</v>
      </c>
    </row>
    <row r="13428" spans="1:12">
      <c r="A13428" s="6" t="s">
        <v>49</v>
      </c>
      <c r="B13428" s="6"/>
      <c r="C13428" s="6" t="s">
        <v>13452</v>
      </c>
      <c r="D13428" s="6"/>
      <c r="E13428" s="6" t="s">
        <v>9</v>
      </c>
      <c r="F13428" s="7">
        <v>38657</v>
      </c>
      <c r="G13428" s="8">
        <v>1</v>
      </c>
      <c r="H13428" s="8">
        <v>1</v>
      </c>
      <c r="I13428" s="8">
        <v>0</v>
      </c>
      <c r="J13428" s="8">
        <v>1</v>
      </c>
      <c r="K13428" s="9">
        <v>32</v>
      </c>
      <c r="L13428" s="6" t="s">
        <v>51</v>
      </c>
    </row>
    <row r="13429" spans="1:12">
      <c r="A13429" s="6" t="s">
        <v>49</v>
      </c>
      <c r="B13429" s="6"/>
      <c r="C13429" s="6" t="s">
        <v>13453</v>
      </c>
      <c r="D13429" s="6"/>
      <c r="E13429" s="6" t="s">
        <v>9</v>
      </c>
      <c r="F13429" s="7">
        <v>38657</v>
      </c>
      <c r="G13429" s="8">
        <v>1</v>
      </c>
      <c r="H13429" s="8">
        <v>1</v>
      </c>
      <c r="I13429" s="8">
        <v>0</v>
      </c>
      <c r="J13429" s="8">
        <v>1</v>
      </c>
      <c r="K13429" s="9">
        <v>142</v>
      </c>
      <c r="L13429" s="6" t="s">
        <v>51</v>
      </c>
    </row>
    <row r="13430" spans="1:12">
      <c r="A13430" s="6" t="s">
        <v>49</v>
      </c>
      <c r="B13430" s="6"/>
      <c r="C13430" s="6" t="s">
        <v>13454</v>
      </c>
      <c r="D13430" s="6"/>
      <c r="E13430" s="6" t="s">
        <v>9</v>
      </c>
      <c r="F13430" s="7">
        <v>38657</v>
      </c>
      <c r="G13430" s="8">
        <v>1</v>
      </c>
      <c r="H13430" s="8">
        <v>1</v>
      </c>
      <c r="I13430" s="8">
        <v>0</v>
      </c>
      <c r="J13430" s="8">
        <v>1</v>
      </c>
      <c r="K13430" s="9">
        <v>21</v>
      </c>
      <c r="L13430" s="6" t="s">
        <v>51</v>
      </c>
    </row>
    <row r="13431" spans="1:12">
      <c r="A13431" s="6" t="s">
        <v>49</v>
      </c>
      <c r="B13431" s="6"/>
      <c r="C13431" s="6" t="s">
        <v>13455</v>
      </c>
      <c r="D13431" s="6"/>
      <c r="E13431" s="6" t="s">
        <v>9</v>
      </c>
      <c r="F13431" s="7">
        <v>38657</v>
      </c>
      <c r="G13431" s="8">
        <v>1</v>
      </c>
      <c r="H13431" s="8">
        <v>1</v>
      </c>
      <c r="I13431" s="8">
        <v>0</v>
      </c>
      <c r="J13431" s="8">
        <v>1</v>
      </c>
      <c r="K13431" s="9">
        <v>69</v>
      </c>
      <c r="L13431" s="6" t="s">
        <v>51</v>
      </c>
    </row>
    <row r="13432" spans="1:12">
      <c r="A13432" s="6" t="s">
        <v>49</v>
      </c>
      <c r="B13432" s="6"/>
      <c r="C13432" s="6" t="s">
        <v>13456</v>
      </c>
      <c r="D13432" s="6"/>
      <c r="E13432" s="6" t="s">
        <v>9</v>
      </c>
      <c r="F13432" s="7">
        <v>38657</v>
      </c>
      <c r="G13432" s="8">
        <v>1</v>
      </c>
      <c r="H13432" s="8">
        <v>1</v>
      </c>
      <c r="I13432" s="8">
        <v>0</v>
      </c>
      <c r="J13432" s="8">
        <v>1</v>
      </c>
      <c r="K13432" s="9">
        <v>49</v>
      </c>
      <c r="L13432" s="6" t="s">
        <v>51</v>
      </c>
    </row>
    <row r="13433" spans="1:12">
      <c r="A13433" s="6" t="s">
        <v>49</v>
      </c>
      <c r="B13433" s="6"/>
      <c r="C13433" s="6" t="s">
        <v>13457</v>
      </c>
      <c r="D13433" s="6"/>
      <c r="E13433" s="6" t="s">
        <v>9</v>
      </c>
      <c r="F13433" s="7">
        <v>38657</v>
      </c>
      <c r="G13433" s="8">
        <v>1</v>
      </c>
      <c r="H13433" s="8">
        <v>1</v>
      </c>
      <c r="I13433" s="8">
        <v>0</v>
      </c>
      <c r="J13433" s="8">
        <v>1</v>
      </c>
      <c r="K13433" s="9">
        <v>85</v>
      </c>
      <c r="L13433" s="6" t="s">
        <v>51</v>
      </c>
    </row>
    <row r="13434" spans="1:12">
      <c r="A13434" s="6" t="s">
        <v>49</v>
      </c>
      <c r="B13434" s="6"/>
      <c r="C13434" s="6" t="s">
        <v>13458</v>
      </c>
      <c r="D13434" s="6"/>
      <c r="E13434" s="6" t="s">
        <v>9</v>
      </c>
      <c r="F13434" s="7">
        <v>38657</v>
      </c>
      <c r="G13434" s="8">
        <v>1</v>
      </c>
      <c r="H13434" s="8">
        <v>1</v>
      </c>
      <c r="I13434" s="8">
        <v>0</v>
      </c>
      <c r="J13434" s="8">
        <v>1</v>
      </c>
      <c r="K13434" s="9">
        <v>98.04</v>
      </c>
      <c r="L13434" s="6" t="s">
        <v>51</v>
      </c>
    </row>
    <row r="13435" spans="1:12">
      <c r="A13435" s="6" t="s">
        <v>49</v>
      </c>
      <c r="B13435" s="6"/>
      <c r="C13435" s="6" t="s">
        <v>13459</v>
      </c>
      <c r="D13435" s="6"/>
      <c r="E13435" s="6" t="s">
        <v>9</v>
      </c>
      <c r="F13435" s="7">
        <v>38657</v>
      </c>
      <c r="G13435" s="8">
        <v>1</v>
      </c>
      <c r="H13435" s="8">
        <v>1</v>
      </c>
      <c r="I13435" s="8">
        <v>0</v>
      </c>
      <c r="J13435" s="8">
        <v>1</v>
      </c>
      <c r="K13435" s="9">
        <v>29.42</v>
      </c>
      <c r="L13435" s="6" t="s">
        <v>51</v>
      </c>
    </row>
    <row r="13436" spans="1:12">
      <c r="A13436" s="6" t="s">
        <v>49</v>
      </c>
      <c r="B13436" s="6"/>
      <c r="C13436" s="6" t="s">
        <v>13460</v>
      </c>
      <c r="D13436" s="6"/>
      <c r="E13436" s="6" t="s">
        <v>9</v>
      </c>
      <c r="F13436" s="7">
        <v>38657</v>
      </c>
      <c r="G13436" s="8">
        <v>1</v>
      </c>
      <c r="H13436" s="8">
        <v>1</v>
      </c>
      <c r="I13436" s="8">
        <v>0</v>
      </c>
      <c r="J13436" s="8">
        <v>1</v>
      </c>
      <c r="K13436" s="9">
        <v>86.44</v>
      </c>
      <c r="L13436" s="6" t="s">
        <v>51</v>
      </c>
    </row>
    <row r="13437" spans="1:12">
      <c r="A13437" s="6" t="s">
        <v>49</v>
      </c>
      <c r="B13437" s="6"/>
      <c r="C13437" s="6" t="s">
        <v>13461</v>
      </c>
      <c r="D13437" s="6"/>
      <c r="E13437" s="6" t="s">
        <v>9</v>
      </c>
      <c r="F13437" s="7">
        <v>38657</v>
      </c>
      <c r="G13437" s="8">
        <v>1</v>
      </c>
      <c r="H13437" s="8">
        <v>1</v>
      </c>
      <c r="I13437" s="8">
        <v>0</v>
      </c>
      <c r="J13437" s="8">
        <v>1</v>
      </c>
      <c r="K13437" s="9">
        <v>24</v>
      </c>
      <c r="L13437" s="6" t="s">
        <v>51</v>
      </c>
    </row>
    <row r="13438" spans="1:12">
      <c r="A13438" s="6" t="s">
        <v>49</v>
      </c>
      <c r="B13438" s="6"/>
      <c r="C13438" s="6" t="s">
        <v>13462</v>
      </c>
      <c r="D13438" s="6"/>
      <c r="E13438" s="6" t="s">
        <v>9</v>
      </c>
      <c r="F13438" s="7">
        <v>38657</v>
      </c>
      <c r="G13438" s="8">
        <v>1</v>
      </c>
      <c r="H13438" s="8">
        <v>1</v>
      </c>
      <c r="I13438" s="8">
        <v>0</v>
      </c>
      <c r="J13438" s="8">
        <v>1</v>
      </c>
      <c r="K13438" s="9">
        <v>18</v>
      </c>
      <c r="L13438" s="6" t="s">
        <v>51</v>
      </c>
    </row>
    <row r="13439" spans="1:12">
      <c r="A13439" s="6" t="s">
        <v>49</v>
      </c>
      <c r="B13439" s="6"/>
      <c r="C13439" s="6" t="s">
        <v>13463</v>
      </c>
      <c r="D13439" s="6"/>
      <c r="E13439" s="6" t="s">
        <v>9</v>
      </c>
      <c r="F13439" s="7">
        <v>38657</v>
      </c>
      <c r="G13439" s="8">
        <v>1</v>
      </c>
      <c r="H13439" s="8">
        <v>1</v>
      </c>
      <c r="I13439" s="8">
        <v>0</v>
      </c>
      <c r="J13439" s="8">
        <v>1</v>
      </c>
      <c r="K13439" s="9">
        <v>3.11</v>
      </c>
      <c r="L13439" s="6" t="s">
        <v>51</v>
      </c>
    </row>
    <row r="13440" spans="1:12">
      <c r="A13440" s="6" t="s">
        <v>49</v>
      </c>
      <c r="B13440" s="6"/>
      <c r="C13440" s="6" t="s">
        <v>13464</v>
      </c>
      <c r="D13440" s="6"/>
      <c r="E13440" s="6" t="s">
        <v>9</v>
      </c>
      <c r="F13440" s="7">
        <v>38657</v>
      </c>
      <c r="G13440" s="8">
        <v>1</v>
      </c>
      <c r="H13440" s="8">
        <v>1</v>
      </c>
      <c r="I13440" s="8">
        <v>0</v>
      </c>
      <c r="J13440" s="8">
        <v>1</v>
      </c>
      <c r="K13440" s="9">
        <v>152</v>
      </c>
      <c r="L13440" s="6" t="s">
        <v>51</v>
      </c>
    </row>
    <row r="13441" spans="1:12">
      <c r="A13441" s="6" t="s">
        <v>49</v>
      </c>
      <c r="B13441" s="6"/>
      <c r="C13441" s="6" t="s">
        <v>13465</v>
      </c>
      <c r="D13441" s="6"/>
      <c r="E13441" s="6" t="s">
        <v>9</v>
      </c>
      <c r="F13441" s="7">
        <v>38657</v>
      </c>
      <c r="G13441" s="8">
        <v>1</v>
      </c>
      <c r="H13441" s="8">
        <v>1</v>
      </c>
      <c r="I13441" s="8">
        <v>0</v>
      </c>
      <c r="J13441" s="8">
        <v>1</v>
      </c>
      <c r="K13441" s="9">
        <v>4.1500000000000004</v>
      </c>
      <c r="L13441" s="6" t="s">
        <v>51</v>
      </c>
    </row>
    <row r="13442" spans="1:12">
      <c r="A13442" s="6" t="s">
        <v>49</v>
      </c>
      <c r="B13442" s="6"/>
      <c r="C13442" s="6" t="s">
        <v>13466</v>
      </c>
      <c r="D13442" s="6"/>
      <c r="E13442" s="6" t="s">
        <v>9</v>
      </c>
      <c r="F13442" s="7">
        <v>38657</v>
      </c>
      <c r="G13442" s="8">
        <v>1</v>
      </c>
      <c r="H13442" s="8">
        <v>1</v>
      </c>
      <c r="I13442" s="8">
        <v>0</v>
      </c>
      <c r="J13442" s="8">
        <v>1</v>
      </c>
      <c r="K13442" s="9">
        <v>32</v>
      </c>
      <c r="L13442" s="6" t="s">
        <v>51</v>
      </c>
    </row>
    <row r="13443" spans="1:12">
      <c r="A13443" s="6" t="s">
        <v>49</v>
      </c>
      <c r="B13443" s="6"/>
      <c r="C13443" s="6" t="s">
        <v>13467</v>
      </c>
      <c r="D13443" s="6"/>
      <c r="E13443" s="6" t="s">
        <v>9</v>
      </c>
      <c r="F13443" s="7">
        <v>38657</v>
      </c>
      <c r="G13443" s="8">
        <v>1</v>
      </c>
      <c r="H13443" s="8">
        <v>1</v>
      </c>
      <c r="I13443" s="8">
        <v>0</v>
      </c>
      <c r="J13443" s="8">
        <v>1</v>
      </c>
      <c r="K13443" s="9">
        <v>11</v>
      </c>
      <c r="L13443" s="6" t="s">
        <v>51</v>
      </c>
    </row>
    <row r="13444" spans="1:12">
      <c r="A13444" s="6" t="s">
        <v>49</v>
      </c>
      <c r="B13444" s="6"/>
      <c r="C13444" s="6" t="s">
        <v>13468</v>
      </c>
      <c r="D13444" s="6"/>
      <c r="E13444" s="6" t="s">
        <v>9</v>
      </c>
      <c r="F13444" s="7">
        <v>38657</v>
      </c>
      <c r="G13444" s="8">
        <v>1</v>
      </c>
      <c r="H13444" s="8">
        <v>1</v>
      </c>
      <c r="I13444" s="8">
        <v>0</v>
      </c>
      <c r="J13444" s="8">
        <v>1</v>
      </c>
      <c r="K13444" s="9">
        <v>15</v>
      </c>
      <c r="L13444" s="6" t="s">
        <v>51</v>
      </c>
    </row>
    <row r="13445" spans="1:12">
      <c r="A13445" s="6" t="s">
        <v>49</v>
      </c>
      <c r="B13445" s="6"/>
      <c r="C13445" s="6" t="s">
        <v>13469</v>
      </c>
      <c r="D13445" s="6"/>
      <c r="E13445" s="6" t="s">
        <v>9</v>
      </c>
      <c r="F13445" s="7">
        <v>38657</v>
      </c>
      <c r="G13445" s="8">
        <v>1</v>
      </c>
      <c r="H13445" s="8">
        <v>1</v>
      </c>
      <c r="I13445" s="8">
        <v>0</v>
      </c>
      <c r="J13445" s="8">
        <v>1</v>
      </c>
      <c r="K13445" s="9">
        <v>16</v>
      </c>
      <c r="L13445" s="6" t="s">
        <v>51</v>
      </c>
    </row>
    <row r="13446" spans="1:12">
      <c r="A13446" s="6" t="s">
        <v>49</v>
      </c>
      <c r="B13446" s="6"/>
      <c r="C13446" s="6" t="s">
        <v>13470</v>
      </c>
      <c r="D13446" s="6"/>
      <c r="E13446" s="6" t="s">
        <v>9</v>
      </c>
      <c r="F13446" s="7">
        <v>38657</v>
      </c>
      <c r="G13446" s="8">
        <v>1</v>
      </c>
      <c r="H13446" s="8">
        <v>1</v>
      </c>
      <c r="I13446" s="8">
        <v>0</v>
      </c>
      <c r="J13446" s="8">
        <v>1</v>
      </c>
      <c r="K13446" s="9">
        <v>25</v>
      </c>
      <c r="L13446" s="6" t="s">
        <v>51</v>
      </c>
    </row>
    <row r="13447" spans="1:12">
      <c r="A13447" s="6" t="s">
        <v>49</v>
      </c>
      <c r="B13447" s="6"/>
      <c r="C13447" s="6" t="s">
        <v>13471</v>
      </c>
      <c r="D13447" s="6"/>
      <c r="E13447" s="6" t="s">
        <v>9</v>
      </c>
      <c r="F13447" s="7">
        <v>38657</v>
      </c>
      <c r="G13447" s="8">
        <v>1</v>
      </c>
      <c r="H13447" s="8">
        <v>1</v>
      </c>
      <c r="I13447" s="8">
        <v>0</v>
      </c>
      <c r="J13447" s="8">
        <v>1</v>
      </c>
      <c r="K13447" s="9">
        <v>27</v>
      </c>
      <c r="L13447" s="6" t="s">
        <v>51</v>
      </c>
    </row>
    <row r="13448" spans="1:12">
      <c r="A13448" s="6" t="s">
        <v>49</v>
      </c>
      <c r="B13448" s="6"/>
      <c r="C13448" s="6" t="s">
        <v>13472</v>
      </c>
      <c r="D13448" s="6"/>
      <c r="E13448" s="6" t="s">
        <v>9</v>
      </c>
      <c r="F13448" s="7">
        <v>38657</v>
      </c>
      <c r="G13448" s="8">
        <v>1</v>
      </c>
      <c r="H13448" s="8">
        <v>1</v>
      </c>
      <c r="I13448" s="8">
        <v>0</v>
      </c>
      <c r="J13448" s="8">
        <v>1</v>
      </c>
      <c r="K13448" s="9">
        <v>27</v>
      </c>
      <c r="L13448" s="6" t="s">
        <v>51</v>
      </c>
    </row>
    <row r="13449" spans="1:12">
      <c r="A13449" s="6" t="s">
        <v>49</v>
      </c>
      <c r="B13449" s="6"/>
      <c r="C13449" s="6" t="s">
        <v>13473</v>
      </c>
      <c r="D13449" s="6"/>
      <c r="E13449" s="6" t="s">
        <v>9</v>
      </c>
      <c r="F13449" s="7">
        <v>38657</v>
      </c>
      <c r="G13449" s="8">
        <v>1</v>
      </c>
      <c r="H13449" s="8">
        <v>1</v>
      </c>
      <c r="I13449" s="8">
        <v>0</v>
      </c>
      <c r="J13449" s="8">
        <v>1</v>
      </c>
      <c r="K13449" s="9">
        <v>10</v>
      </c>
      <c r="L13449" s="6" t="s">
        <v>51</v>
      </c>
    </row>
    <row r="13450" spans="1:12">
      <c r="A13450" s="6" t="s">
        <v>49</v>
      </c>
      <c r="B13450" s="6"/>
      <c r="C13450" s="6" t="s">
        <v>13474</v>
      </c>
      <c r="D13450" s="6"/>
      <c r="E13450" s="6" t="s">
        <v>9</v>
      </c>
      <c r="F13450" s="7">
        <v>38657</v>
      </c>
      <c r="G13450" s="8">
        <v>1</v>
      </c>
      <c r="H13450" s="8">
        <v>1</v>
      </c>
      <c r="I13450" s="8">
        <v>0</v>
      </c>
      <c r="J13450" s="8">
        <v>1</v>
      </c>
      <c r="K13450" s="9">
        <v>3.61</v>
      </c>
      <c r="L13450" s="6" t="s">
        <v>51</v>
      </c>
    </row>
    <row r="13451" spans="1:12">
      <c r="A13451" s="6" t="s">
        <v>49</v>
      </c>
      <c r="B13451" s="6"/>
      <c r="C13451" s="6" t="s">
        <v>13475</v>
      </c>
      <c r="D13451" s="6"/>
      <c r="E13451" s="6" t="s">
        <v>9</v>
      </c>
      <c r="F13451" s="7">
        <v>38657</v>
      </c>
      <c r="G13451" s="8">
        <v>1</v>
      </c>
      <c r="H13451" s="8">
        <v>1</v>
      </c>
      <c r="I13451" s="8">
        <v>0</v>
      </c>
      <c r="J13451" s="8">
        <v>1</v>
      </c>
      <c r="K13451" s="9">
        <v>152</v>
      </c>
      <c r="L13451" s="6" t="s">
        <v>51</v>
      </c>
    </row>
    <row r="13452" spans="1:12">
      <c r="A13452" s="6" t="s">
        <v>49</v>
      </c>
      <c r="B13452" s="6"/>
      <c r="C13452" s="6" t="s">
        <v>13476</v>
      </c>
      <c r="D13452" s="6"/>
      <c r="E13452" s="6" t="s">
        <v>9</v>
      </c>
      <c r="F13452" s="7">
        <v>38657</v>
      </c>
      <c r="G13452" s="8">
        <v>1</v>
      </c>
      <c r="H13452" s="8">
        <v>1</v>
      </c>
      <c r="I13452" s="8">
        <v>0</v>
      </c>
      <c r="J13452" s="8">
        <v>1</v>
      </c>
      <c r="K13452" s="9">
        <v>42</v>
      </c>
      <c r="L13452" s="6" t="s">
        <v>51</v>
      </c>
    </row>
    <row r="13453" spans="1:12">
      <c r="A13453" s="6" t="s">
        <v>49</v>
      </c>
      <c r="B13453" s="6"/>
      <c r="C13453" s="6" t="s">
        <v>13477</v>
      </c>
      <c r="D13453" s="6"/>
      <c r="E13453" s="6" t="s">
        <v>9</v>
      </c>
      <c r="F13453" s="7">
        <v>38657</v>
      </c>
      <c r="G13453" s="8">
        <v>1</v>
      </c>
      <c r="H13453" s="8">
        <v>1</v>
      </c>
      <c r="I13453" s="8">
        <v>0</v>
      </c>
      <c r="J13453" s="8">
        <v>1</v>
      </c>
      <c r="K13453" s="9">
        <v>30</v>
      </c>
      <c r="L13453" s="6" t="s">
        <v>51</v>
      </c>
    </row>
    <row r="13454" spans="1:12">
      <c r="A13454" s="6" t="s">
        <v>49</v>
      </c>
      <c r="B13454" s="6"/>
      <c r="C13454" s="6" t="s">
        <v>13478</v>
      </c>
      <c r="D13454" s="6"/>
      <c r="E13454" s="6" t="s">
        <v>9</v>
      </c>
      <c r="F13454" s="7">
        <v>38657</v>
      </c>
      <c r="G13454" s="8">
        <v>1</v>
      </c>
      <c r="H13454" s="8">
        <v>1</v>
      </c>
      <c r="I13454" s="8">
        <v>0</v>
      </c>
      <c r="J13454" s="8">
        <v>1</v>
      </c>
      <c r="K13454" s="9">
        <v>69.75</v>
      </c>
      <c r="L13454" s="6" t="s">
        <v>51</v>
      </c>
    </row>
    <row r="13455" spans="1:12">
      <c r="A13455" s="6" t="s">
        <v>49</v>
      </c>
      <c r="B13455" s="6"/>
      <c r="C13455" s="6" t="s">
        <v>13479</v>
      </c>
      <c r="D13455" s="6"/>
      <c r="E13455" s="6" t="s">
        <v>9</v>
      </c>
      <c r="F13455" s="7">
        <v>38657</v>
      </c>
      <c r="G13455" s="8">
        <v>1</v>
      </c>
      <c r="H13455" s="8">
        <v>1</v>
      </c>
      <c r="I13455" s="8">
        <v>0</v>
      </c>
      <c r="J13455" s="8">
        <v>1</v>
      </c>
      <c r="K13455" s="9">
        <v>26</v>
      </c>
      <c r="L13455" s="6" t="s">
        <v>51</v>
      </c>
    </row>
    <row r="13456" spans="1:12">
      <c r="A13456" s="6" t="s">
        <v>49</v>
      </c>
      <c r="B13456" s="6"/>
      <c r="C13456" s="6" t="s">
        <v>13480</v>
      </c>
      <c r="D13456" s="6"/>
      <c r="E13456" s="6" t="s">
        <v>9</v>
      </c>
      <c r="F13456" s="7">
        <v>38657</v>
      </c>
      <c r="G13456" s="8">
        <v>1</v>
      </c>
      <c r="H13456" s="8">
        <v>1</v>
      </c>
      <c r="I13456" s="8">
        <v>0</v>
      </c>
      <c r="J13456" s="8">
        <v>1</v>
      </c>
      <c r="K13456" s="9">
        <v>21</v>
      </c>
      <c r="L13456" s="6" t="s">
        <v>51</v>
      </c>
    </row>
    <row r="13457" spans="1:12">
      <c r="A13457" s="6" t="s">
        <v>49</v>
      </c>
      <c r="B13457" s="6"/>
      <c r="C13457" s="6" t="s">
        <v>13481</v>
      </c>
      <c r="D13457" s="6"/>
      <c r="E13457" s="6" t="s">
        <v>9</v>
      </c>
      <c r="F13457" s="7">
        <v>38657</v>
      </c>
      <c r="G13457" s="8">
        <v>1</v>
      </c>
      <c r="H13457" s="8">
        <v>1</v>
      </c>
      <c r="I13457" s="8">
        <v>0</v>
      </c>
      <c r="J13457" s="8">
        <v>1</v>
      </c>
      <c r="K13457" s="9">
        <v>4.32</v>
      </c>
      <c r="L13457" s="6" t="s">
        <v>51</v>
      </c>
    </row>
    <row r="13458" spans="1:12">
      <c r="A13458" s="6" t="s">
        <v>49</v>
      </c>
      <c r="B13458" s="6"/>
      <c r="C13458" s="6" t="s">
        <v>13482</v>
      </c>
      <c r="D13458" s="6"/>
      <c r="E13458" s="6" t="s">
        <v>9</v>
      </c>
      <c r="F13458" s="7">
        <v>38657</v>
      </c>
      <c r="G13458" s="8">
        <v>1</v>
      </c>
      <c r="H13458" s="8">
        <v>1</v>
      </c>
      <c r="I13458" s="8">
        <v>0</v>
      </c>
      <c r="J13458" s="8">
        <v>1</v>
      </c>
      <c r="K13458" s="9">
        <v>9.5399999999999903</v>
      </c>
      <c r="L13458" s="6" t="s">
        <v>51</v>
      </c>
    </row>
    <row r="13459" spans="1:12">
      <c r="A13459" s="6" t="s">
        <v>49</v>
      </c>
      <c r="B13459" s="6"/>
      <c r="C13459" s="6" t="s">
        <v>13483</v>
      </c>
      <c r="D13459" s="6"/>
      <c r="E13459" s="6" t="s">
        <v>9</v>
      </c>
      <c r="F13459" s="7">
        <v>38657</v>
      </c>
      <c r="G13459" s="8">
        <v>1</v>
      </c>
      <c r="H13459" s="8">
        <v>1</v>
      </c>
      <c r="I13459" s="8">
        <v>0</v>
      </c>
      <c r="J13459" s="8">
        <v>1</v>
      </c>
      <c r="K13459" s="9">
        <v>8.92</v>
      </c>
      <c r="L13459" s="6" t="s">
        <v>51</v>
      </c>
    </row>
    <row r="13460" spans="1:12">
      <c r="A13460" s="6" t="s">
        <v>49</v>
      </c>
      <c r="B13460" s="6"/>
      <c r="C13460" s="6" t="s">
        <v>13484</v>
      </c>
      <c r="D13460" s="6"/>
      <c r="E13460" s="6" t="s">
        <v>9</v>
      </c>
      <c r="F13460" s="7">
        <v>38657</v>
      </c>
      <c r="G13460" s="8">
        <v>1</v>
      </c>
      <c r="H13460" s="8">
        <v>1</v>
      </c>
      <c r="I13460" s="8">
        <v>0</v>
      </c>
      <c r="J13460" s="8">
        <v>1</v>
      </c>
      <c r="K13460" s="9">
        <v>25.88</v>
      </c>
      <c r="L13460" s="6" t="s">
        <v>51</v>
      </c>
    </row>
    <row r="13461" spans="1:12">
      <c r="A13461" s="6" t="s">
        <v>49</v>
      </c>
      <c r="B13461" s="6"/>
      <c r="C13461" s="6" t="s">
        <v>13485</v>
      </c>
      <c r="D13461" s="6"/>
      <c r="E13461" s="6" t="s">
        <v>9</v>
      </c>
      <c r="F13461" s="7">
        <v>38657</v>
      </c>
      <c r="G13461" s="8">
        <v>1</v>
      </c>
      <c r="H13461" s="8">
        <v>1</v>
      </c>
      <c r="I13461" s="8">
        <v>0</v>
      </c>
      <c r="J13461" s="8">
        <v>1</v>
      </c>
      <c r="K13461" s="9">
        <v>33.119999999999898</v>
      </c>
      <c r="L13461" s="6" t="s">
        <v>51</v>
      </c>
    </row>
    <row r="13462" spans="1:12">
      <c r="A13462" s="6" t="s">
        <v>49</v>
      </c>
      <c r="B13462" s="6"/>
      <c r="C13462" s="6" t="s">
        <v>13486</v>
      </c>
      <c r="D13462" s="6"/>
      <c r="E13462" s="6" t="s">
        <v>9</v>
      </c>
      <c r="F13462" s="7">
        <v>38657</v>
      </c>
      <c r="G13462" s="8">
        <v>1</v>
      </c>
      <c r="H13462" s="8">
        <v>1</v>
      </c>
      <c r="I13462" s="8">
        <v>0</v>
      </c>
      <c r="J13462" s="8">
        <v>1</v>
      </c>
      <c r="K13462" s="9">
        <v>171</v>
      </c>
      <c r="L13462" s="6" t="s">
        <v>51</v>
      </c>
    </row>
    <row r="13463" spans="1:12">
      <c r="A13463" s="6" t="s">
        <v>49</v>
      </c>
      <c r="B13463" s="6"/>
      <c r="C13463" s="6" t="s">
        <v>13487</v>
      </c>
      <c r="D13463" s="6"/>
      <c r="E13463" s="6" t="s">
        <v>9</v>
      </c>
      <c r="F13463" s="7">
        <v>38657</v>
      </c>
      <c r="G13463" s="8">
        <v>1</v>
      </c>
      <c r="H13463" s="8">
        <v>1</v>
      </c>
      <c r="I13463" s="8">
        <v>0</v>
      </c>
      <c r="J13463" s="8">
        <v>1</v>
      </c>
      <c r="K13463" s="9">
        <v>3.3</v>
      </c>
      <c r="L13463" s="6" t="s">
        <v>51</v>
      </c>
    </row>
    <row r="13464" spans="1:12">
      <c r="A13464" s="6" t="s">
        <v>49</v>
      </c>
      <c r="B13464" s="6"/>
      <c r="C13464" s="6" t="s">
        <v>13488</v>
      </c>
      <c r="D13464" s="6"/>
      <c r="E13464" s="6" t="s">
        <v>9</v>
      </c>
      <c r="F13464" s="7">
        <v>38657</v>
      </c>
      <c r="G13464" s="8">
        <v>1</v>
      </c>
      <c r="H13464" s="8">
        <v>1</v>
      </c>
      <c r="I13464" s="8">
        <v>0</v>
      </c>
      <c r="J13464" s="8">
        <v>1</v>
      </c>
      <c r="K13464" s="9">
        <v>18</v>
      </c>
      <c r="L13464" s="6" t="s">
        <v>51</v>
      </c>
    </row>
    <row r="13465" spans="1:12">
      <c r="A13465" s="6" t="s">
        <v>49</v>
      </c>
      <c r="B13465" s="6"/>
      <c r="C13465" s="6" t="s">
        <v>13489</v>
      </c>
      <c r="D13465" s="6"/>
      <c r="E13465" s="6" t="s">
        <v>9</v>
      </c>
      <c r="F13465" s="7">
        <v>38657</v>
      </c>
      <c r="G13465" s="8">
        <v>1</v>
      </c>
      <c r="H13465" s="8">
        <v>1</v>
      </c>
      <c r="I13465" s="8">
        <v>0</v>
      </c>
      <c r="J13465" s="8">
        <v>1</v>
      </c>
      <c r="K13465" s="9">
        <v>5.15</v>
      </c>
      <c r="L13465" s="6" t="s">
        <v>51</v>
      </c>
    </row>
    <row r="13466" spans="1:12">
      <c r="A13466" s="6" t="s">
        <v>49</v>
      </c>
      <c r="B13466" s="6"/>
      <c r="C13466" s="6" t="s">
        <v>13490</v>
      </c>
      <c r="D13466" s="6"/>
      <c r="E13466" s="6" t="s">
        <v>9</v>
      </c>
      <c r="F13466" s="7">
        <v>38657</v>
      </c>
      <c r="G13466" s="8">
        <v>1</v>
      </c>
      <c r="H13466" s="8">
        <v>1</v>
      </c>
      <c r="I13466" s="8">
        <v>0</v>
      </c>
      <c r="J13466" s="8">
        <v>1</v>
      </c>
      <c r="K13466" s="9">
        <v>12</v>
      </c>
      <c r="L13466" s="6" t="s">
        <v>51</v>
      </c>
    </row>
    <row r="13467" spans="1:12">
      <c r="A13467" s="6" t="s">
        <v>49</v>
      </c>
      <c r="B13467" s="6"/>
      <c r="C13467" s="6" t="s">
        <v>13491</v>
      </c>
      <c r="D13467" s="6"/>
      <c r="E13467" s="6" t="s">
        <v>9</v>
      </c>
      <c r="F13467" s="7">
        <v>38657</v>
      </c>
      <c r="G13467" s="8">
        <v>1</v>
      </c>
      <c r="H13467" s="8">
        <v>1</v>
      </c>
      <c r="I13467" s="8">
        <v>0</v>
      </c>
      <c r="J13467" s="8">
        <v>1</v>
      </c>
      <c r="K13467" s="9">
        <v>41</v>
      </c>
      <c r="L13467" s="6" t="s">
        <v>51</v>
      </c>
    </row>
    <row r="13468" spans="1:12">
      <c r="A13468" s="6" t="s">
        <v>49</v>
      </c>
      <c r="B13468" s="6"/>
      <c r="C13468" s="6" t="s">
        <v>13492</v>
      </c>
      <c r="D13468" s="6"/>
      <c r="E13468" s="6" t="s">
        <v>9</v>
      </c>
      <c r="F13468" s="7">
        <v>38657</v>
      </c>
      <c r="G13468" s="8">
        <v>1</v>
      </c>
      <c r="H13468" s="8">
        <v>1</v>
      </c>
      <c r="I13468" s="8">
        <v>0</v>
      </c>
      <c r="J13468" s="8">
        <v>1</v>
      </c>
      <c r="K13468" s="9">
        <v>45</v>
      </c>
      <c r="L13468" s="6" t="s">
        <v>51</v>
      </c>
    </row>
    <row r="13469" spans="1:12">
      <c r="A13469" s="6" t="s">
        <v>49</v>
      </c>
      <c r="B13469" s="6"/>
      <c r="C13469" s="6" t="s">
        <v>13493</v>
      </c>
      <c r="D13469" s="6"/>
      <c r="E13469" s="6" t="s">
        <v>9</v>
      </c>
      <c r="F13469" s="7">
        <v>38657</v>
      </c>
      <c r="G13469" s="8">
        <v>1</v>
      </c>
      <c r="H13469" s="8">
        <v>1</v>
      </c>
      <c r="I13469" s="8">
        <v>0</v>
      </c>
      <c r="J13469" s="8">
        <v>1</v>
      </c>
      <c r="K13469" s="9">
        <v>1.68</v>
      </c>
      <c r="L13469" s="6" t="s">
        <v>51</v>
      </c>
    </row>
    <row r="13470" spans="1:12">
      <c r="A13470" s="6" t="s">
        <v>49</v>
      </c>
      <c r="B13470" s="6"/>
      <c r="C13470" s="6" t="s">
        <v>13494</v>
      </c>
      <c r="D13470" s="6"/>
      <c r="E13470" s="6" t="s">
        <v>9</v>
      </c>
      <c r="F13470" s="7">
        <v>39539</v>
      </c>
      <c r="G13470" s="8">
        <v>25074</v>
      </c>
      <c r="H13470" s="8">
        <v>25074</v>
      </c>
      <c r="I13470" s="8">
        <v>0</v>
      </c>
      <c r="J13470" s="8">
        <v>25074</v>
      </c>
      <c r="K13470" s="9">
        <v>6.34</v>
      </c>
      <c r="L13470" s="6" t="s">
        <v>51</v>
      </c>
    </row>
    <row r="13471" spans="1:12">
      <c r="A13471" s="6" t="s">
        <v>49</v>
      </c>
      <c r="B13471" s="6"/>
      <c r="C13471" s="6" t="s">
        <v>13495</v>
      </c>
      <c r="D13471" s="6"/>
      <c r="E13471" s="6" t="s">
        <v>9</v>
      </c>
      <c r="F13471" s="7">
        <v>39539</v>
      </c>
      <c r="G13471" s="8">
        <v>1</v>
      </c>
      <c r="H13471" s="8">
        <v>1</v>
      </c>
      <c r="I13471" s="8">
        <v>0</v>
      </c>
      <c r="J13471" s="8">
        <v>1</v>
      </c>
      <c r="K13471" s="9">
        <v>1.18</v>
      </c>
      <c r="L13471" s="6" t="s">
        <v>51</v>
      </c>
    </row>
    <row r="13472" spans="1:12">
      <c r="A13472" s="6" t="s">
        <v>49</v>
      </c>
      <c r="B13472" s="6"/>
      <c r="C13472" s="6" t="s">
        <v>13496</v>
      </c>
      <c r="D13472" s="6"/>
      <c r="E13472" s="6" t="s">
        <v>9</v>
      </c>
      <c r="F13472" s="7">
        <v>39539</v>
      </c>
      <c r="G13472" s="8">
        <v>111293</v>
      </c>
      <c r="H13472" s="8">
        <v>111293</v>
      </c>
      <c r="I13472" s="8">
        <v>0</v>
      </c>
      <c r="J13472" s="8">
        <v>111293</v>
      </c>
      <c r="K13472" s="9">
        <v>28</v>
      </c>
      <c r="L13472" s="6" t="s">
        <v>51</v>
      </c>
    </row>
    <row r="13473" spans="1:12">
      <c r="A13473" s="6" t="s">
        <v>49</v>
      </c>
      <c r="B13473" s="6"/>
      <c r="C13473" s="6" t="s">
        <v>13497</v>
      </c>
      <c r="D13473" s="6"/>
      <c r="E13473" s="6" t="s">
        <v>9</v>
      </c>
      <c r="F13473" s="7">
        <v>38657</v>
      </c>
      <c r="G13473" s="8">
        <v>1</v>
      </c>
      <c r="H13473" s="8">
        <v>1</v>
      </c>
      <c r="I13473" s="8">
        <v>0</v>
      </c>
      <c r="J13473" s="8">
        <v>1</v>
      </c>
      <c r="K13473" s="9">
        <v>2</v>
      </c>
      <c r="L13473" s="6" t="s">
        <v>51</v>
      </c>
    </row>
    <row r="13474" spans="1:12">
      <c r="A13474" s="6" t="s">
        <v>49</v>
      </c>
      <c r="B13474" s="6"/>
      <c r="C13474" s="6" t="s">
        <v>13498</v>
      </c>
      <c r="D13474" s="6"/>
      <c r="E13474" s="6" t="s">
        <v>9</v>
      </c>
      <c r="F13474" s="7">
        <v>38657</v>
      </c>
      <c r="G13474" s="8">
        <v>1</v>
      </c>
      <c r="H13474" s="8">
        <v>1</v>
      </c>
      <c r="I13474" s="8">
        <v>0</v>
      </c>
      <c r="J13474" s="8">
        <v>1</v>
      </c>
      <c r="K13474" s="9">
        <v>165</v>
      </c>
      <c r="L13474" s="6" t="s">
        <v>51</v>
      </c>
    </row>
    <row r="13475" spans="1:12">
      <c r="A13475" s="6" t="s">
        <v>49</v>
      </c>
      <c r="B13475" s="6"/>
      <c r="C13475" s="6" t="s">
        <v>13499</v>
      </c>
      <c r="D13475" s="6"/>
      <c r="E13475" s="6" t="s">
        <v>9</v>
      </c>
      <c r="F13475" s="7">
        <v>39539</v>
      </c>
      <c r="G13475" s="8">
        <v>1</v>
      </c>
      <c r="H13475" s="8">
        <v>1</v>
      </c>
      <c r="I13475" s="8">
        <v>0</v>
      </c>
      <c r="J13475" s="8">
        <v>1</v>
      </c>
      <c r="K13475" s="9">
        <v>10</v>
      </c>
      <c r="L13475" s="6" t="s">
        <v>51</v>
      </c>
    </row>
    <row r="13476" spans="1:12">
      <c r="A13476" s="6" t="s">
        <v>49</v>
      </c>
      <c r="B13476" s="6"/>
      <c r="C13476" s="6" t="s">
        <v>13500</v>
      </c>
      <c r="D13476" s="6"/>
      <c r="E13476" s="6" t="s">
        <v>9</v>
      </c>
      <c r="F13476" s="7">
        <v>39539</v>
      </c>
      <c r="G13476" s="8">
        <v>58692</v>
      </c>
      <c r="H13476" s="8">
        <v>58692</v>
      </c>
      <c r="I13476" s="8">
        <v>0</v>
      </c>
      <c r="J13476" s="8">
        <v>58692</v>
      </c>
      <c r="K13476" s="9">
        <v>14</v>
      </c>
      <c r="L13476" s="6" t="s">
        <v>51</v>
      </c>
    </row>
    <row r="13477" spans="1:12">
      <c r="A13477" s="6" t="s">
        <v>49</v>
      </c>
      <c r="B13477" s="6"/>
      <c r="C13477" s="6" t="s">
        <v>13501</v>
      </c>
      <c r="D13477" s="6"/>
      <c r="E13477" s="6" t="s">
        <v>9</v>
      </c>
      <c r="F13477" s="7">
        <v>39539</v>
      </c>
      <c r="G13477" s="8">
        <v>1</v>
      </c>
      <c r="H13477" s="8">
        <v>1</v>
      </c>
      <c r="I13477" s="8">
        <v>0</v>
      </c>
      <c r="J13477" s="8">
        <v>1</v>
      </c>
      <c r="K13477" s="9">
        <v>2.9</v>
      </c>
      <c r="L13477" s="6" t="s">
        <v>51</v>
      </c>
    </row>
    <row r="13478" spans="1:12">
      <c r="A13478" s="6" t="s">
        <v>49</v>
      </c>
      <c r="B13478" s="6"/>
      <c r="C13478" s="6" t="s">
        <v>13502</v>
      </c>
      <c r="D13478" s="6"/>
      <c r="E13478" s="6" t="s">
        <v>9</v>
      </c>
      <c r="F13478" s="7">
        <v>39539</v>
      </c>
      <c r="G13478" s="8">
        <v>53679</v>
      </c>
      <c r="H13478" s="8">
        <v>53679</v>
      </c>
      <c r="I13478" s="8">
        <v>0</v>
      </c>
      <c r="J13478" s="8">
        <v>53679</v>
      </c>
      <c r="K13478" s="9">
        <v>19</v>
      </c>
      <c r="L13478" s="6" t="s">
        <v>51</v>
      </c>
    </row>
    <row r="13479" spans="1:12">
      <c r="A13479" s="6" t="s">
        <v>49</v>
      </c>
      <c r="B13479" s="6"/>
      <c r="C13479" s="6" t="s">
        <v>13503</v>
      </c>
      <c r="D13479" s="6"/>
      <c r="E13479" s="6" t="s">
        <v>9</v>
      </c>
      <c r="F13479" s="7">
        <v>39539</v>
      </c>
      <c r="G13479" s="8">
        <v>1</v>
      </c>
      <c r="H13479" s="8">
        <v>1</v>
      </c>
      <c r="I13479" s="8">
        <v>0</v>
      </c>
      <c r="J13479" s="8">
        <v>1</v>
      </c>
      <c r="K13479" s="9">
        <v>2.74</v>
      </c>
      <c r="L13479" s="6" t="s">
        <v>51</v>
      </c>
    </row>
    <row r="13480" spans="1:12">
      <c r="A13480" s="6" t="s">
        <v>49</v>
      </c>
      <c r="B13480" s="6"/>
      <c r="C13480" s="6" t="s">
        <v>13504</v>
      </c>
      <c r="D13480" s="6"/>
      <c r="E13480" s="6" t="s">
        <v>9</v>
      </c>
      <c r="F13480" s="7">
        <v>39539</v>
      </c>
      <c r="G13480" s="8">
        <v>63168</v>
      </c>
      <c r="H13480" s="8">
        <v>63168</v>
      </c>
      <c r="I13480" s="8">
        <v>0</v>
      </c>
      <c r="J13480" s="8">
        <v>63168</v>
      </c>
      <c r="K13480" s="9">
        <v>23</v>
      </c>
      <c r="L13480" s="6" t="s">
        <v>51</v>
      </c>
    </row>
    <row r="13481" spans="1:12">
      <c r="A13481" s="6" t="s">
        <v>49</v>
      </c>
      <c r="B13481" s="6"/>
      <c r="C13481" s="6" t="s">
        <v>13505</v>
      </c>
      <c r="D13481" s="6"/>
      <c r="E13481" s="6" t="s">
        <v>9</v>
      </c>
      <c r="F13481" s="7">
        <v>39539</v>
      </c>
      <c r="G13481" s="8">
        <v>1</v>
      </c>
      <c r="H13481" s="8">
        <v>1</v>
      </c>
      <c r="I13481" s="8">
        <v>0</v>
      </c>
      <c r="J13481" s="8">
        <v>1</v>
      </c>
      <c r="K13481" s="9">
        <v>2.83</v>
      </c>
      <c r="L13481" s="6" t="s">
        <v>51</v>
      </c>
    </row>
    <row r="13482" spans="1:12">
      <c r="A13482" s="6" t="s">
        <v>49</v>
      </c>
      <c r="B13482" s="6"/>
      <c r="C13482" s="6" t="s">
        <v>13506</v>
      </c>
      <c r="D13482" s="6"/>
      <c r="E13482" s="6" t="s">
        <v>9</v>
      </c>
      <c r="F13482" s="7">
        <v>39539</v>
      </c>
      <c r="G13482" s="8">
        <v>126595</v>
      </c>
      <c r="H13482" s="8">
        <v>126595</v>
      </c>
      <c r="I13482" s="8">
        <v>0</v>
      </c>
      <c r="J13482" s="8">
        <v>126595</v>
      </c>
      <c r="K13482" s="9">
        <v>31</v>
      </c>
      <c r="L13482" s="6" t="s">
        <v>51</v>
      </c>
    </row>
    <row r="13483" spans="1:12">
      <c r="A13483" s="6" t="s">
        <v>49</v>
      </c>
      <c r="B13483" s="6"/>
      <c r="C13483" s="6" t="s">
        <v>13507</v>
      </c>
      <c r="D13483" s="6"/>
      <c r="E13483" s="6" t="s">
        <v>9</v>
      </c>
      <c r="F13483" s="7">
        <v>39539</v>
      </c>
      <c r="G13483" s="8">
        <v>1</v>
      </c>
      <c r="H13483" s="8">
        <v>1</v>
      </c>
      <c r="I13483" s="8">
        <v>0</v>
      </c>
      <c r="J13483" s="8">
        <v>1</v>
      </c>
      <c r="K13483" s="9">
        <v>4.16</v>
      </c>
      <c r="L13483" s="6" t="s">
        <v>51</v>
      </c>
    </row>
    <row r="13484" spans="1:12">
      <c r="A13484" s="6" t="s">
        <v>49</v>
      </c>
      <c r="B13484" s="6"/>
      <c r="C13484" s="6" t="s">
        <v>13508</v>
      </c>
      <c r="D13484" s="6"/>
      <c r="E13484" s="6" t="s">
        <v>9</v>
      </c>
      <c r="F13484" s="7">
        <v>39539</v>
      </c>
      <c r="G13484" s="8">
        <v>4569</v>
      </c>
      <c r="H13484" s="8">
        <v>4569</v>
      </c>
      <c r="I13484" s="8">
        <v>0</v>
      </c>
      <c r="J13484" s="8">
        <v>4569</v>
      </c>
      <c r="K13484" s="9">
        <v>1.7</v>
      </c>
      <c r="L13484" s="6" t="s">
        <v>51</v>
      </c>
    </row>
    <row r="13485" spans="1:12">
      <c r="A13485" s="6" t="s">
        <v>49</v>
      </c>
      <c r="B13485" s="6"/>
      <c r="C13485" s="6" t="s">
        <v>13509</v>
      </c>
      <c r="D13485" s="6"/>
      <c r="E13485" s="6" t="s">
        <v>9</v>
      </c>
      <c r="F13485" s="7">
        <v>38657</v>
      </c>
      <c r="G13485" s="8">
        <v>1</v>
      </c>
      <c r="H13485" s="8">
        <v>1</v>
      </c>
      <c r="I13485" s="8">
        <v>0</v>
      </c>
      <c r="J13485" s="8">
        <v>1</v>
      </c>
      <c r="K13485" s="9">
        <v>13</v>
      </c>
      <c r="L13485" s="6" t="s">
        <v>51</v>
      </c>
    </row>
    <row r="13486" spans="1:12">
      <c r="A13486" s="6" t="s">
        <v>49</v>
      </c>
      <c r="B13486" s="6"/>
      <c r="C13486" s="6" t="s">
        <v>13510</v>
      </c>
      <c r="D13486" s="6"/>
      <c r="E13486" s="6" t="s">
        <v>9</v>
      </c>
      <c r="F13486" s="7">
        <v>39539</v>
      </c>
      <c r="G13486" s="8">
        <v>1</v>
      </c>
      <c r="H13486" s="8">
        <v>1</v>
      </c>
      <c r="I13486" s="8">
        <v>0</v>
      </c>
      <c r="J13486" s="8">
        <v>1</v>
      </c>
      <c r="K13486" s="9">
        <v>0.67</v>
      </c>
      <c r="L13486" s="6" t="s">
        <v>51</v>
      </c>
    </row>
    <row r="13487" spans="1:12">
      <c r="A13487" s="6" t="s">
        <v>49</v>
      </c>
      <c r="B13487" s="6"/>
      <c r="C13487" s="6" t="s">
        <v>13511</v>
      </c>
      <c r="D13487" s="6"/>
      <c r="E13487" s="6" t="s">
        <v>9</v>
      </c>
      <c r="F13487" s="7">
        <v>39539</v>
      </c>
      <c r="G13487" s="8">
        <v>4838</v>
      </c>
      <c r="H13487" s="8">
        <v>4838</v>
      </c>
      <c r="I13487" s="8">
        <v>0</v>
      </c>
      <c r="J13487" s="8">
        <v>4838</v>
      </c>
      <c r="K13487" s="9">
        <v>1.8</v>
      </c>
      <c r="L13487" s="6" t="s">
        <v>51</v>
      </c>
    </row>
    <row r="13488" spans="1:12">
      <c r="A13488" s="6" t="s">
        <v>49</v>
      </c>
      <c r="B13488" s="6"/>
      <c r="C13488" s="6" t="s">
        <v>13512</v>
      </c>
      <c r="D13488" s="6"/>
      <c r="E13488" s="6" t="s">
        <v>9</v>
      </c>
      <c r="F13488" s="7">
        <v>39539</v>
      </c>
      <c r="G13488" s="8">
        <v>1</v>
      </c>
      <c r="H13488" s="8">
        <v>1</v>
      </c>
      <c r="I13488" s="8">
        <v>0</v>
      </c>
      <c r="J13488" s="8">
        <v>1</v>
      </c>
      <c r="K13488" s="9">
        <v>1.17</v>
      </c>
      <c r="L13488" s="6" t="s">
        <v>51</v>
      </c>
    </row>
    <row r="13489" spans="1:12">
      <c r="A13489" s="6" t="s">
        <v>49</v>
      </c>
      <c r="B13489" s="6"/>
      <c r="C13489" s="6" t="s">
        <v>13513</v>
      </c>
      <c r="D13489" s="6"/>
      <c r="E13489" s="6" t="s">
        <v>9</v>
      </c>
      <c r="F13489" s="7">
        <v>38657</v>
      </c>
      <c r="G13489" s="8">
        <v>1</v>
      </c>
      <c r="H13489" s="8">
        <v>1</v>
      </c>
      <c r="I13489" s="8">
        <v>0</v>
      </c>
      <c r="J13489" s="8">
        <v>1</v>
      </c>
      <c r="K13489" s="9">
        <v>2.52999999999999</v>
      </c>
      <c r="L13489" s="6" t="s">
        <v>51</v>
      </c>
    </row>
    <row r="13490" spans="1:12">
      <c r="A13490" s="6" t="s">
        <v>49</v>
      </c>
      <c r="B13490" s="6"/>
      <c r="C13490" s="6" t="s">
        <v>13514</v>
      </c>
      <c r="D13490" s="6"/>
      <c r="E13490" s="6" t="s">
        <v>9</v>
      </c>
      <c r="F13490" s="7">
        <v>38657</v>
      </c>
      <c r="G13490" s="8">
        <v>1</v>
      </c>
      <c r="H13490" s="8">
        <v>1</v>
      </c>
      <c r="I13490" s="8">
        <v>0</v>
      </c>
      <c r="J13490" s="8">
        <v>1</v>
      </c>
      <c r="K13490" s="9">
        <v>5.04</v>
      </c>
      <c r="L13490" s="6" t="s">
        <v>51</v>
      </c>
    </row>
    <row r="13491" spans="1:12">
      <c r="A13491" s="6" t="s">
        <v>49</v>
      </c>
      <c r="B13491" s="6"/>
      <c r="C13491" s="6" t="s">
        <v>13515</v>
      </c>
      <c r="D13491" s="6"/>
      <c r="E13491" s="6" t="s">
        <v>9</v>
      </c>
      <c r="F13491" s="7">
        <v>38657</v>
      </c>
      <c r="G13491" s="8">
        <v>1</v>
      </c>
      <c r="H13491" s="8">
        <v>1</v>
      </c>
      <c r="I13491" s="8">
        <v>0</v>
      </c>
      <c r="J13491" s="8">
        <v>1</v>
      </c>
      <c r="K13491" s="9">
        <v>12</v>
      </c>
      <c r="L13491" s="6" t="s">
        <v>51</v>
      </c>
    </row>
    <row r="13492" spans="1:12">
      <c r="A13492" s="6" t="s">
        <v>49</v>
      </c>
      <c r="B13492" s="6"/>
      <c r="C13492" s="6" t="s">
        <v>13516</v>
      </c>
      <c r="D13492" s="6"/>
      <c r="E13492" s="6" t="s">
        <v>9</v>
      </c>
      <c r="F13492" s="7">
        <v>38657</v>
      </c>
      <c r="G13492" s="8">
        <v>1</v>
      </c>
      <c r="H13492" s="8">
        <v>1</v>
      </c>
      <c r="I13492" s="8">
        <v>0</v>
      </c>
      <c r="J13492" s="8">
        <v>1</v>
      </c>
      <c r="K13492" s="9">
        <v>14.61</v>
      </c>
      <c r="L13492" s="6" t="s">
        <v>51</v>
      </c>
    </row>
    <row r="13493" spans="1:12">
      <c r="A13493" s="6" t="s">
        <v>49</v>
      </c>
      <c r="B13493" s="6"/>
      <c r="C13493" s="6" t="s">
        <v>13517</v>
      </c>
      <c r="D13493" s="6"/>
      <c r="E13493" s="6" t="s">
        <v>9</v>
      </c>
      <c r="F13493" s="7">
        <v>38657</v>
      </c>
      <c r="G13493" s="8">
        <v>1</v>
      </c>
      <c r="H13493" s="8">
        <v>1</v>
      </c>
      <c r="I13493" s="8">
        <v>0</v>
      </c>
      <c r="J13493" s="8">
        <v>1</v>
      </c>
      <c r="K13493" s="9">
        <v>2.77</v>
      </c>
      <c r="L13493" s="6" t="s">
        <v>51</v>
      </c>
    </row>
    <row r="13494" spans="1:12">
      <c r="A13494" s="6" t="s">
        <v>49</v>
      </c>
      <c r="B13494" s="6"/>
      <c r="C13494" s="6" t="s">
        <v>13518</v>
      </c>
      <c r="D13494" s="6"/>
      <c r="E13494" s="6" t="s">
        <v>9</v>
      </c>
      <c r="F13494" s="7">
        <v>38657</v>
      </c>
      <c r="G13494" s="8">
        <v>1</v>
      </c>
      <c r="H13494" s="8">
        <v>1</v>
      </c>
      <c r="I13494" s="8">
        <v>0</v>
      </c>
      <c r="J13494" s="8">
        <v>1</v>
      </c>
      <c r="K13494" s="9">
        <v>22</v>
      </c>
      <c r="L13494" s="6" t="s">
        <v>51</v>
      </c>
    </row>
    <row r="13495" spans="1:12">
      <c r="A13495" s="6" t="s">
        <v>49</v>
      </c>
      <c r="B13495" s="6"/>
      <c r="C13495" s="6" t="s">
        <v>13519</v>
      </c>
      <c r="D13495" s="6"/>
      <c r="E13495" s="6" t="s">
        <v>9</v>
      </c>
      <c r="F13495" s="7">
        <v>38657</v>
      </c>
      <c r="G13495" s="8">
        <v>1</v>
      </c>
      <c r="H13495" s="8">
        <v>1</v>
      </c>
      <c r="I13495" s="8">
        <v>0</v>
      </c>
      <c r="J13495" s="8">
        <v>1</v>
      </c>
      <c r="K13495" s="9">
        <v>19</v>
      </c>
      <c r="L13495" s="6" t="s">
        <v>51</v>
      </c>
    </row>
    <row r="13496" spans="1:12">
      <c r="A13496" s="6" t="s">
        <v>49</v>
      </c>
      <c r="B13496" s="6"/>
      <c r="C13496" s="6" t="s">
        <v>13520</v>
      </c>
      <c r="D13496" s="6"/>
      <c r="E13496" s="6" t="s">
        <v>9</v>
      </c>
      <c r="F13496" s="7">
        <v>38657</v>
      </c>
      <c r="G13496" s="8">
        <v>1</v>
      </c>
      <c r="H13496" s="8">
        <v>1</v>
      </c>
      <c r="I13496" s="8">
        <v>0</v>
      </c>
      <c r="J13496" s="8">
        <v>1</v>
      </c>
      <c r="K13496" s="9">
        <v>9.91</v>
      </c>
      <c r="L13496" s="6" t="s">
        <v>51</v>
      </c>
    </row>
    <row r="13497" spans="1:12">
      <c r="A13497" s="6" t="s">
        <v>49</v>
      </c>
      <c r="B13497" s="6"/>
      <c r="C13497" s="6" t="s">
        <v>13521</v>
      </c>
      <c r="D13497" s="6"/>
      <c r="E13497" s="6" t="s">
        <v>9</v>
      </c>
      <c r="F13497" s="7">
        <v>38657</v>
      </c>
      <c r="G13497" s="8">
        <v>1</v>
      </c>
      <c r="H13497" s="8">
        <v>1</v>
      </c>
      <c r="I13497" s="8">
        <v>0</v>
      </c>
      <c r="J13497" s="8">
        <v>1</v>
      </c>
      <c r="K13497" s="9">
        <v>39</v>
      </c>
      <c r="L13497" s="6" t="s">
        <v>51</v>
      </c>
    </row>
    <row r="13498" spans="1:12">
      <c r="A13498" s="6" t="s">
        <v>49</v>
      </c>
      <c r="B13498" s="6"/>
      <c r="C13498" s="6" t="s">
        <v>13522</v>
      </c>
      <c r="D13498" s="6"/>
      <c r="E13498" s="6" t="s">
        <v>9</v>
      </c>
      <c r="F13498" s="7">
        <v>38657</v>
      </c>
      <c r="G13498" s="8">
        <v>1</v>
      </c>
      <c r="H13498" s="8">
        <v>1</v>
      </c>
      <c r="I13498" s="8">
        <v>0</v>
      </c>
      <c r="J13498" s="8">
        <v>1</v>
      </c>
      <c r="K13498" s="9">
        <v>2.75</v>
      </c>
      <c r="L13498" s="6" t="s">
        <v>51</v>
      </c>
    </row>
    <row r="13499" spans="1:12">
      <c r="A13499" s="6" t="s">
        <v>49</v>
      </c>
      <c r="B13499" s="6"/>
      <c r="C13499" s="6" t="s">
        <v>13523</v>
      </c>
      <c r="D13499" s="6"/>
      <c r="E13499" s="6" t="s">
        <v>9</v>
      </c>
      <c r="F13499" s="7">
        <v>38657</v>
      </c>
      <c r="G13499" s="8">
        <v>1</v>
      </c>
      <c r="H13499" s="8">
        <v>1</v>
      </c>
      <c r="I13499" s="8">
        <v>0</v>
      </c>
      <c r="J13499" s="8">
        <v>1</v>
      </c>
      <c r="K13499" s="9">
        <v>5.94</v>
      </c>
      <c r="L13499" s="6" t="s">
        <v>51</v>
      </c>
    </row>
    <row r="13500" spans="1:12">
      <c r="A13500" s="6" t="s">
        <v>49</v>
      </c>
      <c r="B13500" s="6"/>
      <c r="C13500" s="6" t="s">
        <v>13524</v>
      </c>
      <c r="D13500" s="6"/>
      <c r="E13500" s="6" t="s">
        <v>9</v>
      </c>
      <c r="F13500" s="7">
        <v>38657</v>
      </c>
      <c r="G13500" s="8">
        <v>1</v>
      </c>
      <c r="H13500" s="8">
        <v>1</v>
      </c>
      <c r="I13500" s="8">
        <v>0</v>
      </c>
      <c r="J13500" s="8">
        <v>1</v>
      </c>
      <c r="K13500" s="9">
        <v>16</v>
      </c>
      <c r="L13500" s="6" t="s">
        <v>51</v>
      </c>
    </row>
    <row r="13501" spans="1:12">
      <c r="A13501" s="6" t="s">
        <v>49</v>
      </c>
      <c r="B13501" s="6"/>
      <c r="C13501" s="6" t="s">
        <v>13525</v>
      </c>
      <c r="D13501" s="6"/>
      <c r="E13501" s="6" t="s">
        <v>9</v>
      </c>
      <c r="F13501" s="7">
        <v>38657</v>
      </c>
      <c r="G13501" s="8">
        <v>1</v>
      </c>
      <c r="H13501" s="8">
        <v>1</v>
      </c>
      <c r="I13501" s="8">
        <v>0</v>
      </c>
      <c r="J13501" s="8">
        <v>1</v>
      </c>
      <c r="K13501" s="9">
        <v>2.76</v>
      </c>
      <c r="L13501" s="6" t="s">
        <v>51</v>
      </c>
    </row>
    <row r="13502" spans="1:12">
      <c r="A13502" s="6" t="s">
        <v>49</v>
      </c>
      <c r="B13502" s="6"/>
      <c r="C13502" s="6" t="s">
        <v>13526</v>
      </c>
      <c r="D13502" s="6"/>
      <c r="E13502" s="6" t="s">
        <v>9</v>
      </c>
      <c r="F13502" s="7">
        <v>38657</v>
      </c>
      <c r="G13502" s="8">
        <v>1</v>
      </c>
      <c r="H13502" s="8">
        <v>1</v>
      </c>
      <c r="I13502" s="8">
        <v>0</v>
      </c>
      <c r="J13502" s="8">
        <v>1</v>
      </c>
      <c r="K13502" s="9">
        <v>42</v>
      </c>
      <c r="L13502" s="6" t="s">
        <v>51</v>
      </c>
    </row>
    <row r="13503" spans="1:12">
      <c r="A13503" s="6" t="s">
        <v>49</v>
      </c>
      <c r="B13503" s="6"/>
      <c r="C13503" s="6" t="s">
        <v>13527</v>
      </c>
      <c r="D13503" s="6"/>
      <c r="E13503" s="6" t="s">
        <v>9</v>
      </c>
      <c r="F13503" s="7">
        <v>38657</v>
      </c>
      <c r="G13503" s="8">
        <v>1</v>
      </c>
      <c r="H13503" s="8">
        <v>1</v>
      </c>
      <c r="I13503" s="8">
        <v>0</v>
      </c>
      <c r="J13503" s="8">
        <v>1</v>
      </c>
      <c r="K13503" s="9">
        <v>11</v>
      </c>
      <c r="L13503" s="6" t="s">
        <v>51</v>
      </c>
    </row>
    <row r="13504" spans="1:12">
      <c r="A13504" s="6" t="s">
        <v>49</v>
      </c>
      <c r="B13504" s="6"/>
      <c r="C13504" s="6" t="s">
        <v>13528</v>
      </c>
      <c r="D13504" s="6"/>
      <c r="E13504" s="6" t="s">
        <v>9</v>
      </c>
      <c r="F13504" s="7">
        <v>38657</v>
      </c>
      <c r="G13504" s="8">
        <v>1</v>
      </c>
      <c r="H13504" s="8">
        <v>1</v>
      </c>
      <c r="I13504" s="8">
        <v>0</v>
      </c>
      <c r="J13504" s="8">
        <v>1</v>
      </c>
      <c r="K13504" s="9">
        <v>6.61</v>
      </c>
      <c r="L13504" s="6" t="s">
        <v>51</v>
      </c>
    </row>
    <row r="13505" spans="1:12">
      <c r="A13505" s="6" t="s">
        <v>49</v>
      </c>
      <c r="B13505" s="6"/>
      <c r="C13505" s="6" t="s">
        <v>13529</v>
      </c>
      <c r="D13505" s="6"/>
      <c r="E13505" s="6" t="s">
        <v>9</v>
      </c>
      <c r="F13505" s="7">
        <v>38657</v>
      </c>
      <c r="G13505" s="8">
        <v>1</v>
      </c>
      <c r="H13505" s="8">
        <v>1</v>
      </c>
      <c r="I13505" s="8">
        <v>0</v>
      </c>
      <c r="J13505" s="8">
        <v>1</v>
      </c>
      <c r="K13505" s="9">
        <v>26</v>
      </c>
      <c r="L13505" s="6" t="s">
        <v>51</v>
      </c>
    </row>
    <row r="13506" spans="1:12">
      <c r="A13506" s="6" t="s">
        <v>49</v>
      </c>
      <c r="B13506" s="6"/>
      <c r="C13506" s="6" t="s">
        <v>13530</v>
      </c>
      <c r="D13506" s="6"/>
      <c r="E13506" s="6" t="s">
        <v>9</v>
      </c>
      <c r="F13506" s="7">
        <v>38657</v>
      </c>
      <c r="G13506" s="8">
        <v>1</v>
      </c>
      <c r="H13506" s="8">
        <v>1</v>
      </c>
      <c r="I13506" s="8">
        <v>0</v>
      </c>
      <c r="J13506" s="8">
        <v>1</v>
      </c>
      <c r="K13506" s="9">
        <v>86</v>
      </c>
      <c r="L13506" s="6" t="s">
        <v>51</v>
      </c>
    </row>
    <row r="13507" spans="1:12">
      <c r="A13507" s="6" t="s">
        <v>49</v>
      </c>
      <c r="B13507" s="6"/>
      <c r="C13507" s="6" t="s">
        <v>13531</v>
      </c>
      <c r="D13507" s="6"/>
      <c r="E13507" s="6" t="s">
        <v>9</v>
      </c>
      <c r="F13507" s="7">
        <v>38657</v>
      </c>
      <c r="G13507" s="8">
        <v>1</v>
      </c>
      <c r="H13507" s="8">
        <v>1</v>
      </c>
      <c r="I13507" s="8">
        <v>0</v>
      </c>
      <c r="J13507" s="8">
        <v>1</v>
      </c>
      <c r="K13507" s="9">
        <v>13</v>
      </c>
      <c r="L13507" s="6" t="s">
        <v>51</v>
      </c>
    </row>
    <row r="13508" spans="1:12">
      <c r="A13508" s="6" t="s">
        <v>49</v>
      </c>
      <c r="B13508" s="6"/>
      <c r="C13508" s="6" t="s">
        <v>13532</v>
      </c>
      <c r="D13508" s="6"/>
      <c r="E13508" s="6" t="s">
        <v>9</v>
      </c>
      <c r="F13508" s="7">
        <v>38657</v>
      </c>
      <c r="G13508" s="8">
        <v>1</v>
      </c>
      <c r="H13508" s="8">
        <v>1</v>
      </c>
      <c r="I13508" s="8">
        <v>0</v>
      </c>
      <c r="J13508" s="8">
        <v>1</v>
      </c>
      <c r="K13508" s="9">
        <v>1.95</v>
      </c>
      <c r="L13508" s="6" t="s">
        <v>51</v>
      </c>
    </row>
    <row r="13509" spans="1:12">
      <c r="A13509" s="6" t="s">
        <v>49</v>
      </c>
      <c r="B13509" s="6"/>
      <c r="C13509" s="6" t="s">
        <v>13533</v>
      </c>
      <c r="D13509" s="6"/>
      <c r="E13509" s="6" t="s">
        <v>9</v>
      </c>
      <c r="F13509" s="7">
        <v>38657</v>
      </c>
      <c r="G13509" s="8">
        <v>1</v>
      </c>
      <c r="H13509" s="8">
        <v>1</v>
      </c>
      <c r="I13509" s="8">
        <v>0</v>
      </c>
      <c r="J13509" s="8">
        <v>1</v>
      </c>
      <c r="K13509" s="9">
        <v>14</v>
      </c>
      <c r="L13509" s="6" t="s">
        <v>51</v>
      </c>
    </row>
    <row r="13510" spans="1:12">
      <c r="A13510" s="6" t="s">
        <v>49</v>
      </c>
      <c r="B13510" s="6"/>
      <c r="C13510" s="6" t="s">
        <v>13534</v>
      </c>
      <c r="D13510" s="6"/>
      <c r="E13510" s="6" t="s">
        <v>9</v>
      </c>
      <c r="F13510" s="7">
        <v>38657</v>
      </c>
      <c r="G13510" s="8">
        <v>1</v>
      </c>
      <c r="H13510" s="8">
        <v>1</v>
      </c>
      <c r="I13510" s="8">
        <v>0</v>
      </c>
      <c r="J13510" s="8">
        <v>1</v>
      </c>
      <c r="K13510" s="9">
        <v>79</v>
      </c>
      <c r="L13510" s="6" t="s">
        <v>51</v>
      </c>
    </row>
    <row r="13511" spans="1:12">
      <c r="A13511" s="6" t="s">
        <v>49</v>
      </c>
      <c r="B13511" s="6"/>
      <c r="C13511" s="6" t="s">
        <v>13535</v>
      </c>
      <c r="D13511" s="6"/>
      <c r="E13511" s="6" t="s">
        <v>9</v>
      </c>
      <c r="F13511" s="7">
        <v>38657</v>
      </c>
      <c r="G13511" s="8">
        <v>1</v>
      </c>
      <c r="H13511" s="8">
        <v>1</v>
      </c>
      <c r="I13511" s="8">
        <v>0</v>
      </c>
      <c r="J13511" s="8">
        <v>1</v>
      </c>
      <c r="K13511" s="9">
        <v>9.91</v>
      </c>
      <c r="L13511" s="6" t="s">
        <v>51</v>
      </c>
    </row>
    <row r="13512" spans="1:12">
      <c r="A13512" s="6" t="s">
        <v>49</v>
      </c>
      <c r="B13512" s="6"/>
      <c r="C13512" s="6" t="s">
        <v>13536</v>
      </c>
      <c r="D13512" s="6"/>
      <c r="E13512" s="6" t="s">
        <v>9</v>
      </c>
      <c r="F13512" s="7">
        <v>38657</v>
      </c>
      <c r="G13512" s="8">
        <v>1</v>
      </c>
      <c r="H13512" s="8">
        <v>1</v>
      </c>
      <c r="I13512" s="8">
        <v>0</v>
      </c>
      <c r="J13512" s="8">
        <v>1</v>
      </c>
      <c r="K13512" s="9">
        <v>70</v>
      </c>
      <c r="L13512" s="6" t="s">
        <v>51</v>
      </c>
    </row>
    <row r="13513" spans="1:12">
      <c r="A13513" s="6" t="s">
        <v>49</v>
      </c>
      <c r="B13513" s="6"/>
      <c r="C13513" s="6" t="s">
        <v>13537</v>
      </c>
      <c r="D13513" s="6"/>
      <c r="E13513" s="6" t="s">
        <v>9</v>
      </c>
      <c r="F13513" s="7">
        <v>38657</v>
      </c>
      <c r="G13513" s="8">
        <v>1</v>
      </c>
      <c r="H13513" s="8">
        <v>1</v>
      </c>
      <c r="I13513" s="8">
        <v>0</v>
      </c>
      <c r="J13513" s="8">
        <v>1</v>
      </c>
      <c r="K13513" s="9">
        <v>25</v>
      </c>
      <c r="L13513" s="6" t="s">
        <v>51</v>
      </c>
    </row>
    <row r="13514" spans="1:12">
      <c r="A13514" s="6" t="s">
        <v>49</v>
      </c>
      <c r="B13514" s="6"/>
      <c r="C13514" s="6" t="s">
        <v>13538</v>
      </c>
      <c r="D13514" s="6"/>
      <c r="E13514" s="6" t="s">
        <v>9</v>
      </c>
      <c r="F13514" s="7">
        <v>38657</v>
      </c>
      <c r="G13514" s="8">
        <v>1</v>
      </c>
      <c r="H13514" s="8">
        <v>1</v>
      </c>
      <c r="I13514" s="8">
        <v>0</v>
      </c>
      <c r="J13514" s="8">
        <v>1</v>
      </c>
      <c r="K13514" s="9">
        <v>154</v>
      </c>
      <c r="L13514" s="6" t="s">
        <v>51</v>
      </c>
    </row>
    <row r="13515" spans="1:12">
      <c r="A13515" s="6" t="s">
        <v>49</v>
      </c>
      <c r="B13515" s="6"/>
      <c r="C13515" s="6" t="s">
        <v>13539</v>
      </c>
      <c r="D13515" s="6"/>
      <c r="E13515" s="6" t="s">
        <v>9</v>
      </c>
      <c r="F13515" s="7">
        <v>38657</v>
      </c>
      <c r="G13515" s="8">
        <v>1</v>
      </c>
      <c r="H13515" s="8">
        <v>1</v>
      </c>
      <c r="I13515" s="8">
        <v>0</v>
      </c>
      <c r="J13515" s="8">
        <v>1</v>
      </c>
      <c r="K13515" s="9">
        <v>0.59</v>
      </c>
      <c r="L13515" s="6" t="s">
        <v>51</v>
      </c>
    </row>
    <row r="13516" spans="1:12">
      <c r="A13516" s="6" t="s">
        <v>49</v>
      </c>
      <c r="B13516" s="6"/>
      <c r="C13516" s="6" t="s">
        <v>13540</v>
      </c>
      <c r="D13516" s="6"/>
      <c r="E13516" s="6" t="s">
        <v>9</v>
      </c>
      <c r="F13516" s="7">
        <v>38657</v>
      </c>
      <c r="G13516" s="8">
        <v>1</v>
      </c>
      <c r="H13516" s="8">
        <v>1</v>
      </c>
      <c r="I13516" s="8">
        <v>0</v>
      </c>
      <c r="J13516" s="8">
        <v>1</v>
      </c>
      <c r="K13516" s="9">
        <v>80</v>
      </c>
      <c r="L13516" s="6" t="s">
        <v>51</v>
      </c>
    </row>
    <row r="13517" spans="1:12">
      <c r="A13517" s="6" t="s">
        <v>49</v>
      </c>
      <c r="B13517" s="6"/>
      <c r="C13517" s="6" t="s">
        <v>13541</v>
      </c>
      <c r="D13517" s="6"/>
      <c r="E13517" s="6" t="s">
        <v>9</v>
      </c>
      <c r="F13517" s="7">
        <v>38657</v>
      </c>
      <c r="G13517" s="8">
        <v>1</v>
      </c>
      <c r="H13517" s="8">
        <v>1</v>
      </c>
      <c r="I13517" s="8">
        <v>0</v>
      </c>
      <c r="J13517" s="8">
        <v>1</v>
      </c>
      <c r="K13517" s="9">
        <v>102</v>
      </c>
      <c r="L13517" s="6" t="s">
        <v>51</v>
      </c>
    </row>
    <row r="13518" spans="1:12">
      <c r="A13518" s="6" t="s">
        <v>49</v>
      </c>
      <c r="B13518" s="6"/>
      <c r="C13518" s="6" t="s">
        <v>13542</v>
      </c>
      <c r="D13518" s="6"/>
      <c r="E13518" s="6" t="s">
        <v>9</v>
      </c>
      <c r="F13518" s="7">
        <v>38657</v>
      </c>
      <c r="G13518" s="8">
        <v>1</v>
      </c>
      <c r="H13518" s="8">
        <v>1</v>
      </c>
      <c r="I13518" s="8">
        <v>0</v>
      </c>
      <c r="J13518" s="8">
        <v>1</v>
      </c>
      <c r="K13518" s="9">
        <v>33</v>
      </c>
      <c r="L13518" s="6" t="s">
        <v>51</v>
      </c>
    </row>
    <row r="13519" spans="1:12">
      <c r="A13519" s="6" t="s">
        <v>49</v>
      </c>
      <c r="B13519" s="6"/>
      <c r="C13519" s="6" t="s">
        <v>13543</v>
      </c>
      <c r="D13519" s="6"/>
      <c r="E13519" s="6" t="s">
        <v>9</v>
      </c>
      <c r="F13519" s="7">
        <v>38657</v>
      </c>
      <c r="G13519" s="8">
        <v>1</v>
      </c>
      <c r="H13519" s="8">
        <v>1</v>
      </c>
      <c r="I13519" s="8">
        <v>0</v>
      </c>
      <c r="J13519" s="8">
        <v>1</v>
      </c>
      <c r="K13519" s="9">
        <v>7.43</v>
      </c>
      <c r="L13519" s="6" t="s">
        <v>51</v>
      </c>
    </row>
    <row r="13520" spans="1:12">
      <c r="A13520" s="6" t="s">
        <v>49</v>
      </c>
      <c r="B13520" s="6"/>
      <c r="C13520" s="6" t="s">
        <v>13544</v>
      </c>
      <c r="D13520" s="6"/>
      <c r="E13520" s="6" t="s">
        <v>9</v>
      </c>
      <c r="F13520" s="7">
        <v>38657</v>
      </c>
      <c r="G13520" s="8">
        <v>1</v>
      </c>
      <c r="H13520" s="8">
        <v>1</v>
      </c>
      <c r="I13520" s="8">
        <v>0</v>
      </c>
      <c r="J13520" s="8">
        <v>1</v>
      </c>
      <c r="K13520" s="9">
        <v>100</v>
      </c>
      <c r="L13520" s="6" t="s">
        <v>51</v>
      </c>
    </row>
    <row r="13521" spans="1:12">
      <c r="A13521" s="6" t="s">
        <v>49</v>
      </c>
      <c r="B13521" s="6"/>
      <c r="C13521" s="6" t="s">
        <v>13545</v>
      </c>
      <c r="D13521" s="6"/>
      <c r="E13521" s="6" t="s">
        <v>9</v>
      </c>
      <c r="F13521" s="7">
        <v>38657</v>
      </c>
      <c r="G13521" s="8">
        <v>1</v>
      </c>
      <c r="H13521" s="8">
        <v>1</v>
      </c>
      <c r="I13521" s="8">
        <v>0</v>
      </c>
      <c r="J13521" s="8">
        <v>1</v>
      </c>
      <c r="K13521" s="9">
        <v>21</v>
      </c>
      <c r="L13521" s="6" t="s">
        <v>51</v>
      </c>
    </row>
    <row r="13522" spans="1:12">
      <c r="A13522" s="6" t="s">
        <v>49</v>
      </c>
      <c r="B13522" s="6"/>
      <c r="C13522" s="6" t="s">
        <v>13546</v>
      </c>
      <c r="D13522" s="6"/>
      <c r="E13522" s="6" t="s">
        <v>9</v>
      </c>
      <c r="F13522" s="7">
        <v>38657</v>
      </c>
      <c r="G13522" s="8">
        <v>1</v>
      </c>
      <c r="H13522" s="8">
        <v>1</v>
      </c>
      <c r="I13522" s="8">
        <v>0</v>
      </c>
      <c r="J13522" s="8">
        <v>1</v>
      </c>
      <c r="K13522" s="9">
        <v>33</v>
      </c>
      <c r="L13522" s="6" t="s">
        <v>51</v>
      </c>
    </row>
    <row r="13523" spans="1:12">
      <c r="A13523" s="6" t="s">
        <v>49</v>
      </c>
      <c r="B13523" s="6"/>
      <c r="C13523" s="6" t="s">
        <v>13547</v>
      </c>
      <c r="D13523" s="6"/>
      <c r="E13523" s="6" t="s">
        <v>9</v>
      </c>
      <c r="F13523" s="7">
        <v>38657</v>
      </c>
      <c r="G13523" s="8">
        <v>1</v>
      </c>
      <c r="H13523" s="8">
        <v>1</v>
      </c>
      <c r="I13523" s="8">
        <v>0</v>
      </c>
      <c r="J13523" s="8">
        <v>1</v>
      </c>
      <c r="K13523" s="9">
        <v>23</v>
      </c>
      <c r="L13523" s="6" t="s">
        <v>51</v>
      </c>
    </row>
    <row r="13524" spans="1:12">
      <c r="A13524" s="6" t="s">
        <v>49</v>
      </c>
      <c r="B13524" s="6"/>
      <c r="C13524" s="6" t="s">
        <v>13548</v>
      </c>
      <c r="D13524" s="6"/>
      <c r="E13524" s="6" t="s">
        <v>9</v>
      </c>
      <c r="F13524" s="7">
        <v>38657</v>
      </c>
      <c r="G13524" s="8">
        <v>1</v>
      </c>
      <c r="H13524" s="8">
        <v>1</v>
      </c>
      <c r="I13524" s="8">
        <v>0</v>
      </c>
      <c r="J13524" s="8">
        <v>1</v>
      </c>
      <c r="K13524" s="9">
        <v>16</v>
      </c>
      <c r="L13524" s="6" t="s">
        <v>51</v>
      </c>
    </row>
    <row r="13525" spans="1:12">
      <c r="A13525" s="6" t="s">
        <v>49</v>
      </c>
      <c r="B13525" s="6"/>
      <c r="C13525" s="6" t="s">
        <v>13549</v>
      </c>
      <c r="D13525" s="6"/>
      <c r="E13525" s="6" t="s">
        <v>9</v>
      </c>
      <c r="F13525" s="7">
        <v>38657</v>
      </c>
      <c r="G13525" s="8">
        <v>1</v>
      </c>
      <c r="H13525" s="8">
        <v>1</v>
      </c>
      <c r="I13525" s="8">
        <v>0</v>
      </c>
      <c r="J13525" s="8">
        <v>1</v>
      </c>
      <c r="K13525" s="9">
        <v>67</v>
      </c>
      <c r="L13525" s="6" t="s">
        <v>51</v>
      </c>
    </row>
    <row r="13526" spans="1:12">
      <c r="A13526" s="6" t="s">
        <v>49</v>
      </c>
      <c r="B13526" s="6"/>
      <c r="C13526" s="6" t="s">
        <v>13550</v>
      </c>
      <c r="D13526" s="6"/>
      <c r="E13526" s="6" t="s">
        <v>9</v>
      </c>
      <c r="F13526" s="7">
        <v>38657</v>
      </c>
      <c r="G13526" s="8">
        <v>1</v>
      </c>
      <c r="H13526" s="8">
        <v>1</v>
      </c>
      <c r="I13526" s="8">
        <v>0</v>
      </c>
      <c r="J13526" s="8">
        <v>1</v>
      </c>
      <c r="K13526" s="9">
        <v>16</v>
      </c>
      <c r="L13526" s="6" t="s">
        <v>51</v>
      </c>
    </row>
    <row r="13527" spans="1:12">
      <c r="A13527" s="6" t="s">
        <v>49</v>
      </c>
      <c r="B13527" s="6"/>
      <c r="C13527" s="6" t="s">
        <v>13551</v>
      </c>
      <c r="D13527" s="6"/>
      <c r="E13527" s="6" t="s">
        <v>9</v>
      </c>
      <c r="F13527" s="7">
        <v>38657</v>
      </c>
      <c r="G13527" s="8">
        <v>1</v>
      </c>
      <c r="H13527" s="8">
        <v>1</v>
      </c>
      <c r="I13527" s="8">
        <v>0</v>
      </c>
      <c r="J13527" s="8">
        <v>1</v>
      </c>
      <c r="K13527" s="9">
        <v>19</v>
      </c>
      <c r="L13527" s="6" t="s">
        <v>51</v>
      </c>
    </row>
    <row r="13528" spans="1:12">
      <c r="A13528" s="6" t="s">
        <v>49</v>
      </c>
      <c r="B13528" s="6"/>
      <c r="C13528" s="6" t="s">
        <v>13552</v>
      </c>
      <c r="D13528" s="6"/>
      <c r="E13528" s="6" t="s">
        <v>9</v>
      </c>
      <c r="F13528" s="7">
        <v>38657</v>
      </c>
      <c r="G13528" s="8">
        <v>1</v>
      </c>
      <c r="H13528" s="8">
        <v>1</v>
      </c>
      <c r="I13528" s="8">
        <v>0</v>
      </c>
      <c r="J13528" s="8">
        <v>1</v>
      </c>
      <c r="K13528" s="9">
        <v>6.07</v>
      </c>
      <c r="L13528" s="6" t="s">
        <v>51</v>
      </c>
    </row>
    <row r="13529" spans="1:12">
      <c r="A13529" s="6" t="s">
        <v>49</v>
      </c>
      <c r="B13529" s="6"/>
      <c r="C13529" s="6" t="s">
        <v>13553</v>
      </c>
      <c r="D13529" s="6"/>
      <c r="E13529" s="6" t="s">
        <v>9</v>
      </c>
      <c r="F13529" s="7">
        <v>38657</v>
      </c>
      <c r="G13529" s="8">
        <v>1</v>
      </c>
      <c r="H13529" s="8">
        <v>1</v>
      </c>
      <c r="I13529" s="8">
        <v>0</v>
      </c>
      <c r="J13529" s="8">
        <v>1</v>
      </c>
      <c r="K13529" s="9">
        <v>72</v>
      </c>
      <c r="L13529" s="6" t="s">
        <v>51</v>
      </c>
    </row>
    <row r="13530" spans="1:12">
      <c r="A13530" s="6" t="s">
        <v>49</v>
      </c>
      <c r="B13530" s="6"/>
      <c r="C13530" s="6" t="s">
        <v>13554</v>
      </c>
      <c r="D13530" s="6"/>
      <c r="E13530" s="6" t="s">
        <v>9</v>
      </c>
      <c r="F13530" s="7">
        <v>38657</v>
      </c>
      <c r="G13530" s="8">
        <v>1</v>
      </c>
      <c r="H13530" s="8">
        <v>1</v>
      </c>
      <c r="I13530" s="8">
        <v>0</v>
      </c>
      <c r="J13530" s="8">
        <v>1</v>
      </c>
      <c r="K13530" s="9">
        <v>114</v>
      </c>
      <c r="L13530" s="6" t="s">
        <v>51</v>
      </c>
    </row>
    <row r="13531" spans="1:12">
      <c r="A13531" s="6" t="s">
        <v>49</v>
      </c>
      <c r="B13531" s="6"/>
      <c r="C13531" s="6" t="s">
        <v>13555</v>
      </c>
      <c r="D13531" s="6"/>
      <c r="E13531" s="6" t="s">
        <v>9</v>
      </c>
      <c r="F13531" s="7">
        <v>38657</v>
      </c>
      <c r="G13531" s="8">
        <v>1</v>
      </c>
      <c r="H13531" s="8">
        <v>1</v>
      </c>
      <c r="I13531" s="8">
        <v>0</v>
      </c>
      <c r="J13531" s="8">
        <v>1</v>
      </c>
      <c r="K13531" s="9">
        <v>15</v>
      </c>
      <c r="L13531" s="6" t="s">
        <v>51</v>
      </c>
    </row>
    <row r="13532" spans="1:12">
      <c r="A13532" s="6" t="s">
        <v>49</v>
      </c>
      <c r="B13532" s="6"/>
      <c r="C13532" s="6" t="s">
        <v>13556</v>
      </c>
      <c r="D13532" s="6"/>
      <c r="E13532" s="6" t="s">
        <v>9</v>
      </c>
      <c r="F13532" s="7">
        <v>38657</v>
      </c>
      <c r="G13532" s="8">
        <v>1</v>
      </c>
      <c r="H13532" s="8">
        <v>1</v>
      </c>
      <c r="I13532" s="8">
        <v>0</v>
      </c>
      <c r="J13532" s="8">
        <v>1</v>
      </c>
      <c r="K13532" s="9">
        <v>23</v>
      </c>
      <c r="L13532" s="6" t="s">
        <v>51</v>
      </c>
    </row>
    <row r="13533" spans="1:12">
      <c r="A13533" s="6" t="s">
        <v>49</v>
      </c>
      <c r="B13533" s="6"/>
      <c r="C13533" s="6" t="s">
        <v>13557</v>
      </c>
      <c r="D13533" s="6"/>
      <c r="E13533" s="6" t="s">
        <v>9</v>
      </c>
      <c r="F13533" s="7">
        <v>38657</v>
      </c>
      <c r="G13533" s="8">
        <v>1</v>
      </c>
      <c r="H13533" s="8">
        <v>1</v>
      </c>
      <c r="I13533" s="8">
        <v>0</v>
      </c>
      <c r="J13533" s="8">
        <v>1</v>
      </c>
      <c r="K13533" s="9">
        <v>20</v>
      </c>
      <c r="L13533" s="6" t="s">
        <v>51</v>
      </c>
    </row>
    <row r="13534" spans="1:12">
      <c r="A13534" s="6" t="s">
        <v>49</v>
      </c>
      <c r="B13534" s="6"/>
      <c r="C13534" s="6" t="s">
        <v>13558</v>
      </c>
      <c r="D13534" s="6"/>
      <c r="E13534" s="6" t="s">
        <v>9</v>
      </c>
      <c r="F13534" s="7">
        <v>38657</v>
      </c>
      <c r="G13534" s="8">
        <v>1</v>
      </c>
      <c r="H13534" s="8">
        <v>1</v>
      </c>
      <c r="I13534" s="8">
        <v>0</v>
      </c>
      <c r="J13534" s="8">
        <v>1</v>
      </c>
      <c r="K13534" s="9">
        <v>11</v>
      </c>
      <c r="L13534" s="6" t="s">
        <v>51</v>
      </c>
    </row>
    <row r="13535" spans="1:12">
      <c r="A13535" s="6" t="s">
        <v>49</v>
      </c>
      <c r="B13535" s="6"/>
      <c r="C13535" s="6" t="s">
        <v>13559</v>
      </c>
      <c r="D13535" s="6"/>
      <c r="E13535" s="6" t="s">
        <v>9</v>
      </c>
      <c r="F13535" s="7">
        <v>38657</v>
      </c>
      <c r="G13535" s="8">
        <v>1</v>
      </c>
      <c r="H13535" s="8">
        <v>1</v>
      </c>
      <c r="I13535" s="8">
        <v>0</v>
      </c>
      <c r="J13535" s="8">
        <v>1</v>
      </c>
      <c r="K13535" s="9">
        <v>13</v>
      </c>
      <c r="L13535" s="6" t="s">
        <v>51</v>
      </c>
    </row>
    <row r="13536" spans="1:12">
      <c r="A13536" s="6" t="s">
        <v>49</v>
      </c>
      <c r="B13536" s="6"/>
      <c r="C13536" s="6" t="s">
        <v>13560</v>
      </c>
      <c r="D13536" s="6"/>
      <c r="E13536" s="6" t="s">
        <v>9</v>
      </c>
      <c r="F13536" s="7">
        <v>38657</v>
      </c>
      <c r="G13536" s="8">
        <v>1</v>
      </c>
      <c r="H13536" s="8">
        <v>1</v>
      </c>
      <c r="I13536" s="8">
        <v>0</v>
      </c>
      <c r="J13536" s="8">
        <v>1</v>
      </c>
      <c r="K13536" s="9">
        <v>12</v>
      </c>
      <c r="L13536" s="6" t="s">
        <v>51</v>
      </c>
    </row>
    <row r="13537" spans="1:12">
      <c r="A13537" s="6" t="s">
        <v>49</v>
      </c>
      <c r="B13537" s="6"/>
      <c r="C13537" s="6" t="s">
        <v>13561</v>
      </c>
      <c r="D13537" s="6"/>
      <c r="E13537" s="6" t="s">
        <v>9</v>
      </c>
      <c r="F13537" s="7">
        <v>38657</v>
      </c>
      <c r="G13537" s="8">
        <v>1</v>
      </c>
      <c r="H13537" s="8">
        <v>1</v>
      </c>
      <c r="I13537" s="8">
        <v>0</v>
      </c>
      <c r="J13537" s="8">
        <v>1</v>
      </c>
      <c r="K13537" s="9">
        <v>13</v>
      </c>
      <c r="L13537" s="6" t="s">
        <v>51</v>
      </c>
    </row>
    <row r="13538" spans="1:12">
      <c r="A13538" s="6" t="s">
        <v>49</v>
      </c>
      <c r="B13538" s="6"/>
      <c r="C13538" s="6" t="s">
        <v>13562</v>
      </c>
      <c r="D13538" s="6"/>
      <c r="E13538" s="6" t="s">
        <v>9</v>
      </c>
      <c r="F13538" s="7">
        <v>38657</v>
      </c>
      <c r="G13538" s="8">
        <v>1</v>
      </c>
      <c r="H13538" s="8">
        <v>1</v>
      </c>
      <c r="I13538" s="8">
        <v>0</v>
      </c>
      <c r="J13538" s="8">
        <v>1</v>
      </c>
      <c r="K13538" s="9">
        <v>97</v>
      </c>
      <c r="L13538" s="6" t="s">
        <v>51</v>
      </c>
    </row>
    <row r="13539" spans="1:12">
      <c r="A13539" s="6" t="s">
        <v>49</v>
      </c>
      <c r="B13539" s="6"/>
      <c r="C13539" s="6" t="s">
        <v>13563</v>
      </c>
      <c r="D13539" s="6"/>
      <c r="E13539" s="6" t="s">
        <v>9</v>
      </c>
      <c r="F13539" s="7">
        <v>38657</v>
      </c>
      <c r="G13539" s="8">
        <v>1</v>
      </c>
      <c r="H13539" s="8">
        <v>1</v>
      </c>
      <c r="I13539" s="8">
        <v>0</v>
      </c>
      <c r="J13539" s="8">
        <v>1</v>
      </c>
      <c r="K13539" s="9">
        <v>34</v>
      </c>
      <c r="L13539" s="6" t="s">
        <v>51</v>
      </c>
    </row>
    <row r="13540" spans="1:12">
      <c r="A13540" s="6" t="s">
        <v>49</v>
      </c>
      <c r="B13540" s="6"/>
      <c r="C13540" s="6" t="s">
        <v>13564</v>
      </c>
      <c r="D13540" s="6"/>
      <c r="E13540" s="6" t="s">
        <v>9</v>
      </c>
      <c r="F13540" s="7">
        <v>38657</v>
      </c>
      <c r="G13540" s="8">
        <v>1</v>
      </c>
      <c r="H13540" s="8">
        <v>1</v>
      </c>
      <c r="I13540" s="8">
        <v>0</v>
      </c>
      <c r="J13540" s="8">
        <v>1</v>
      </c>
      <c r="K13540" s="9">
        <v>79</v>
      </c>
      <c r="L13540" s="6" t="s">
        <v>51</v>
      </c>
    </row>
    <row r="13541" spans="1:12">
      <c r="A13541" s="6" t="s">
        <v>49</v>
      </c>
      <c r="B13541" s="6"/>
      <c r="C13541" s="6" t="s">
        <v>13565</v>
      </c>
      <c r="D13541" s="6"/>
      <c r="E13541" s="6" t="s">
        <v>9</v>
      </c>
      <c r="F13541" s="7">
        <v>38657</v>
      </c>
      <c r="G13541" s="8">
        <v>1</v>
      </c>
      <c r="H13541" s="8">
        <v>1</v>
      </c>
      <c r="I13541" s="8">
        <v>0</v>
      </c>
      <c r="J13541" s="8">
        <v>1</v>
      </c>
      <c r="K13541" s="9">
        <v>8.25</v>
      </c>
      <c r="L13541" s="6" t="s">
        <v>51</v>
      </c>
    </row>
    <row r="13542" spans="1:12">
      <c r="A13542" s="6" t="s">
        <v>49</v>
      </c>
      <c r="B13542" s="6"/>
      <c r="C13542" s="6" t="s">
        <v>13566</v>
      </c>
      <c r="D13542" s="6"/>
      <c r="E13542" s="6" t="s">
        <v>9</v>
      </c>
      <c r="F13542" s="7">
        <v>38657</v>
      </c>
      <c r="G13542" s="8">
        <v>1</v>
      </c>
      <c r="H13542" s="8">
        <v>1</v>
      </c>
      <c r="I13542" s="8">
        <v>0</v>
      </c>
      <c r="J13542" s="8">
        <v>1</v>
      </c>
      <c r="K13542" s="9">
        <v>270</v>
      </c>
      <c r="L13542" s="6" t="s">
        <v>51</v>
      </c>
    </row>
    <row r="13543" spans="1:12">
      <c r="A13543" s="6" t="s">
        <v>49</v>
      </c>
      <c r="B13543" s="6"/>
      <c r="C13543" s="6" t="s">
        <v>13567</v>
      </c>
      <c r="D13543" s="6"/>
      <c r="E13543" s="6" t="s">
        <v>9</v>
      </c>
      <c r="F13543" s="7">
        <v>38657</v>
      </c>
      <c r="G13543" s="8">
        <v>1</v>
      </c>
      <c r="H13543" s="8">
        <v>1</v>
      </c>
      <c r="I13543" s="8">
        <v>0</v>
      </c>
      <c r="J13543" s="8">
        <v>1</v>
      </c>
      <c r="K13543" s="9">
        <v>724</v>
      </c>
      <c r="L13543" s="6" t="s">
        <v>51</v>
      </c>
    </row>
    <row r="13544" spans="1:12">
      <c r="A13544" s="6" t="s">
        <v>49</v>
      </c>
      <c r="B13544" s="6"/>
      <c r="C13544" s="6" t="s">
        <v>13568</v>
      </c>
      <c r="D13544" s="6"/>
      <c r="E13544" s="6" t="s">
        <v>9</v>
      </c>
      <c r="F13544" s="7">
        <v>38657</v>
      </c>
      <c r="G13544" s="8">
        <v>1</v>
      </c>
      <c r="H13544" s="8">
        <v>1</v>
      </c>
      <c r="I13544" s="8">
        <v>0</v>
      </c>
      <c r="J13544" s="8">
        <v>1</v>
      </c>
      <c r="K13544" s="9">
        <v>1.23</v>
      </c>
      <c r="L13544" s="6" t="s">
        <v>51</v>
      </c>
    </row>
    <row r="13545" spans="1:12">
      <c r="A13545" s="6" t="s">
        <v>49</v>
      </c>
      <c r="B13545" s="6"/>
      <c r="C13545" s="6" t="s">
        <v>13569</v>
      </c>
      <c r="D13545" s="6"/>
      <c r="E13545" s="6" t="s">
        <v>9</v>
      </c>
      <c r="F13545" s="7">
        <v>38657</v>
      </c>
      <c r="G13545" s="8">
        <v>1</v>
      </c>
      <c r="H13545" s="8">
        <v>1</v>
      </c>
      <c r="I13545" s="8">
        <v>0</v>
      </c>
      <c r="J13545" s="8">
        <v>1</v>
      </c>
      <c r="K13545" s="9">
        <v>217</v>
      </c>
      <c r="L13545" s="6" t="s">
        <v>51</v>
      </c>
    </row>
    <row r="13546" spans="1:12">
      <c r="A13546" s="6" t="s">
        <v>49</v>
      </c>
      <c r="B13546" s="6"/>
      <c r="C13546" s="6" t="s">
        <v>13570</v>
      </c>
      <c r="D13546" s="6"/>
      <c r="E13546" s="6" t="s">
        <v>9</v>
      </c>
      <c r="F13546" s="7">
        <v>38657</v>
      </c>
      <c r="G13546" s="8">
        <v>1</v>
      </c>
      <c r="H13546" s="8">
        <v>1</v>
      </c>
      <c r="I13546" s="8">
        <v>0</v>
      </c>
      <c r="J13546" s="8">
        <v>1</v>
      </c>
      <c r="K13546" s="9">
        <v>6.55</v>
      </c>
      <c r="L13546" s="6" t="s">
        <v>51</v>
      </c>
    </row>
    <row r="13547" spans="1:12">
      <c r="A13547" s="6" t="s">
        <v>49</v>
      </c>
      <c r="B13547" s="6"/>
      <c r="C13547" s="6" t="s">
        <v>13571</v>
      </c>
      <c r="D13547" s="6"/>
      <c r="E13547" s="6" t="s">
        <v>9</v>
      </c>
      <c r="F13547" s="7">
        <v>38657</v>
      </c>
      <c r="G13547" s="8">
        <v>1</v>
      </c>
      <c r="H13547" s="8">
        <v>1</v>
      </c>
      <c r="I13547" s="8">
        <v>0</v>
      </c>
      <c r="J13547" s="8">
        <v>1</v>
      </c>
      <c r="K13547" s="9">
        <v>244</v>
      </c>
      <c r="L13547" s="6" t="s">
        <v>51</v>
      </c>
    </row>
    <row r="13548" spans="1:12">
      <c r="A13548" s="6" t="s">
        <v>49</v>
      </c>
      <c r="B13548" s="6"/>
      <c r="C13548" s="6" t="s">
        <v>13572</v>
      </c>
      <c r="D13548" s="6"/>
      <c r="E13548" s="6" t="s">
        <v>9</v>
      </c>
      <c r="F13548" s="7">
        <v>38657</v>
      </c>
      <c r="G13548" s="8">
        <v>1</v>
      </c>
      <c r="H13548" s="8">
        <v>1</v>
      </c>
      <c r="I13548" s="8">
        <v>0</v>
      </c>
      <c r="J13548" s="8">
        <v>1</v>
      </c>
      <c r="K13548" s="9">
        <v>418</v>
      </c>
      <c r="L13548" s="6" t="s">
        <v>51</v>
      </c>
    </row>
    <row r="13549" spans="1:12">
      <c r="A13549" s="6" t="s">
        <v>49</v>
      </c>
      <c r="B13549" s="6"/>
      <c r="C13549" s="6" t="s">
        <v>13573</v>
      </c>
      <c r="D13549" s="6"/>
      <c r="E13549" s="6" t="s">
        <v>9</v>
      </c>
      <c r="F13549" s="7">
        <v>38657</v>
      </c>
      <c r="G13549" s="8">
        <v>1</v>
      </c>
      <c r="H13549" s="8">
        <v>1</v>
      </c>
      <c r="I13549" s="8">
        <v>0</v>
      </c>
      <c r="J13549" s="8">
        <v>1</v>
      </c>
      <c r="K13549" s="9">
        <v>32</v>
      </c>
      <c r="L13549" s="6" t="s">
        <v>51</v>
      </c>
    </row>
    <row r="13550" spans="1:12">
      <c r="A13550" s="6" t="s">
        <v>49</v>
      </c>
      <c r="B13550" s="6"/>
      <c r="C13550" s="6" t="s">
        <v>13574</v>
      </c>
      <c r="D13550" s="6"/>
      <c r="E13550" s="6" t="s">
        <v>9</v>
      </c>
      <c r="F13550" s="7">
        <v>38657</v>
      </c>
      <c r="G13550" s="8">
        <v>1</v>
      </c>
      <c r="H13550" s="8">
        <v>1</v>
      </c>
      <c r="I13550" s="8">
        <v>0</v>
      </c>
      <c r="J13550" s="8">
        <v>1</v>
      </c>
      <c r="K13550" s="9">
        <v>56</v>
      </c>
      <c r="L13550" s="6" t="s">
        <v>51</v>
      </c>
    </row>
    <row r="13551" spans="1:12">
      <c r="A13551" s="6" t="s">
        <v>49</v>
      </c>
      <c r="B13551" s="6"/>
      <c r="C13551" s="6" t="s">
        <v>13575</v>
      </c>
      <c r="D13551" s="6"/>
      <c r="E13551" s="6" t="s">
        <v>9</v>
      </c>
      <c r="F13551" s="7">
        <v>38657</v>
      </c>
      <c r="G13551" s="8">
        <v>1</v>
      </c>
      <c r="H13551" s="8">
        <v>1</v>
      </c>
      <c r="I13551" s="8">
        <v>0</v>
      </c>
      <c r="J13551" s="8">
        <v>1</v>
      </c>
      <c r="K13551" s="9">
        <v>99</v>
      </c>
      <c r="L13551" s="6" t="s">
        <v>51</v>
      </c>
    </row>
    <row r="13552" spans="1:12">
      <c r="A13552" s="6" t="s">
        <v>49</v>
      </c>
      <c r="B13552" s="6"/>
      <c r="C13552" s="6" t="s">
        <v>13576</v>
      </c>
      <c r="D13552" s="6"/>
      <c r="E13552" s="6" t="s">
        <v>9</v>
      </c>
      <c r="F13552" s="7">
        <v>38657</v>
      </c>
      <c r="G13552" s="8">
        <v>1</v>
      </c>
      <c r="H13552" s="8">
        <v>1</v>
      </c>
      <c r="I13552" s="8">
        <v>0</v>
      </c>
      <c r="J13552" s="8">
        <v>1</v>
      </c>
      <c r="K13552" s="9">
        <v>318</v>
      </c>
      <c r="L13552" s="6" t="s">
        <v>51</v>
      </c>
    </row>
    <row r="13553" spans="1:12">
      <c r="A13553" s="6" t="s">
        <v>49</v>
      </c>
      <c r="B13553" s="6"/>
      <c r="C13553" s="6" t="s">
        <v>13577</v>
      </c>
      <c r="D13553" s="6"/>
      <c r="E13553" s="6" t="s">
        <v>9</v>
      </c>
      <c r="F13553" s="7">
        <v>38657</v>
      </c>
      <c r="G13553" s="8">
        <v>1</v>
      </c>
      <c r="H13553" s="8">
        <v>1</v>
      </c>
      <c r="I13553" s="8">
        <v>0</v>
      </c>
      <c r="J13553" s="8">
        <v>1</v>
      </c>
      <c r="K13553" s="9">
        <v>14</v>
      </c>
      <c r="L13553" s="6" t="s">
        <v>51</v>
      </c>
    </row>
    <row r="13554" spans="1:12">
      <c r="A13554" s="6" t="s">
        <v>49</v>
      </c>
      <c r="B13554" s="6"/>
      <c r="C13554" s="6" t="s">
        <v>13578</v>
      </c>
      <c r="D13554" s="6"/>
      <c r="E13554" s="6" t="s">
        <v>9</v>
      </c>
      <c r="F13554" s="7">
        <v>38657</v>
      </c>
      <c r="G13554" s="8">
        <v>1</v>
      </c>
      <c r="H13554" s="8">
        <v>1</v>
      </c>
      <c r="I13554" s="8">
        <v>0</v>
      </c>
      <c r="J13554" s="8">
        <v>1</v>
      </c>
      <c r="K13554" s="9">
        <v>104</v>
      </c>
      <c r="L13554" s="6" t="s">
        <v>51</v>
      </c>
    </row>
    <row r="13555" spans="1:12">
      <c r="A13555" s="6" t="s">
        <v>49</v>
      </c>
      <c r="B13555" s="6"/>
      <c r="C13555" s="6" t="s">
        <v>13579</v>
      </c>
      <c r="D13555" s="6"/>
      <c r="E13555" s="6" t="s">
        <v>9</v>
      </c>
      <c r="F13555" s="7">
        <v>38657</v>
      </c>
      <c r="G13555" s="8">
        <v>1</v>
      </c>
      <c r="H13555" s="8">
        <v>1</v>
      </c>
      <c r="I13555" s="8">
        <v>0</v>
      </c>
      <c r="J13555" s="8">
        <v>1</v>
      </c>
      <c r="K13555" s="9">
        <v>134</v>
      </c>
      <c r="L13555" s="6" t="s">
        <v>51</v>
      </c>
    </row>
    <row r="13556" spans="1:12">
      <c r="A13556" s="6" t="s">
        <v>49</v>
      </c>
      <c r="B13556" s="6"/>
      <c r="C13556" s="6" t="s">
        <v>13580</v>
      </c>
      <c r="D13556" s="6"/>
      <c r="E13556" s="6" t="s">
        <v>9</v>
      </c>
      <c r="F13556" s="7">
        <v>38657</v>
      </c>
      <c r="G13556" s="8">
        <v>1</v>
      </c>
      <c r="H13556" s="8">
        <v>1</v>
      </c>
      <c r="I13556" s="8">
        <v>0</v>
      </c>
      <c r="J13556" s="8">
        <v>1</v>
      </c>
      <c r="K13556" s="9">
        <v>128</v>
      </c>
      <c r="L13556" s="6" t="s">
        <v>51</v>
      </c>
    </row>
    <row r="13557" spans="1:12">
      <c r="A13557" s="6" t="s">
        <v>49</v>
      </c>
      <c r="B13557" s="6"/>
      <c r="C13557" s="6" t="s">
        <v>13581</v>
      </c>
      <c r="D13557" s="6"/>
      <c r="E13557" s="6" t="s">
        <v>9</v>
      </c>
      <c r="F13557" s="7">
        <v>38657</v>
      </c>
      <c r="G13557" s="8">
        <v>1</v>
      </c>
      <c r="H13557" s="8">
        <v>1</v>
      </c>
      <c r="I13557" s="8">
        <v>0</v>
      </c>
      <c r="J13557" s="8">
        <v>1</v>
      </c>
      <c r="K13557" s="9">
        <v>205</v>
      </c>
      <c r="L13557" s="6" t="s">
        <v>51</v>
      </c>
    </row>
    <row r="13558" spans="1:12">
      <c r="A13558" s="6" t="s">
        <v>49</v>
      </c>
      <c r="B13558" s="6"/>
      <c r="C13558" s="6" t="s">
        <v>13582</v>
      </c>
      <c r="D13558" s="6"/>
      <c r="E13558" s="6" t="s">
        <v>9</v>
      </c>
      <c r="F13558" s="7">
        <v>38657</v>
      </c>
      <c r="G13558" s="8">
        <v>1</v>
      </c>
      <c r="H13558" s="8">
        <v>1</v>
      </c>
      <c r="I13558" s="8">
        <v>0</v>
      </c>
      <c r="J13558" s="8">
        <v>1</v>
      </c>
      <c r="K13558" s="9">
        <v>75</v>
      </c>
      <c r="L13558" s="6" t="s">
        <v>51</v>
      </c>
    </row>
    <row r="13559" spans="1:12">
      <c r="A13559" s="6" t="s">
        <v>49</v>
      </c>
      <c r="B13559" s="6"/>
      <c r="C13559" s="6" t="s">
        <v>13583</v>
      </c>
      <c r="D13559" s="6"/>
      <c r="E13559" s="6" t="s">
        <v>9</v>
      </c>
      <c r="F13559" s="7">
        <v>38657</v>
      </c>
      <c r="G13559" s="8">
        <v>1</v>
      </c>
      <c r="H13559" s="8">
        <v>1</v>
      </c>
      <c r="I13559" s="8">
        <v>0</v>
      </c>
      <c r="J13559" s="8">
        <v>1</v>
      </c>
      <c r="K13559" s="9">
        <v>174</v>
      </c>
      <c r="L13559" s="6" t="s">
        <v>51</v>
      </c>
    </row>
    <row r="13560" spans="1:12">
      <c r="A13560" s="6" t="s">
        <v>49</v>
      </c>
      <c r="B13560" s="6"/>
      <c r="C13560" s="6" t="s">
        <v>13584</v>
      </c>
      <c r="D13560" s="6"/>
      <c r="E13560" s="6" t="s">
        <v>9</v>
      </c>
      <c r="F13560" s="7">
        <v>38657</v>
      </c>
      <c r="G13560" s="8">
        <v>1</v>
      </c>
      <c r="H13560" s="8">
        <v>1</v>
      </c>
      <c r="I13560" s="8">
        <v>0</v>
      </c>
      <c r="J13560" s="8">
        <v>1</v>
      </c>
      <c r="K13560" s="9">
        <v>177</v>
      </c>
      <c r="L13560" s="6" t="s">
        <v>51</v>
      </c>
    </row>
    <row r="13561" spans="1:12">
      <c r="A13561" s="6" t="s">
        <v>49</v>
      </c>
      <c r="B13561" s="6"/>
      <c r="C13561" s="6" t="s">
        <v>13585</v>
      </c>
      <c r="D13561" s="6"/>
      <c r="E13561" s="6" t="s">
        <v>9</v>
      </c>
      <c r="F13561" s="7">
        <v>38657</v>
      </c>
      <c r="G13561" s="8">
        <v>1</v>
      </c>
      <c r="H13561" s="8">
        <v>1</v>
      </c>
      <c r="I13561" s="8">
        <v>0</v>
      </c>
      <c r="J13561" s="8">
        <v>1</v>
      </c>
      <c r="K13561" s="9">
        <v>3.71</v>
      </c>
      <c r="L13561" s="6" t="s">
        <v>51</v>
      </c>
    </row>
    <row r="13562" spans="1:12">
      <c r="A13562" s="6" t="s">
        <v>49</v>
      </c>
      <c r="B13562" s="6"/>
      <c r="C13562" s="6" t="s">
        <v>13586</v>
      </c>
      <c r="D13562" s="6"/>
      <c r="E13562" s="6" t="s">
        <v>9</v>
      </c>
      <c r="F13562" s="7">
        <v>38657</v>
      </c>
      <c r="G13562" s="8">
        <v>1</v>
      </c>
      <c r="H13562" s="8">
        <v>1</v>
      </c>
      <c r="I13562" s="8">
        <v>0</v>
      </c>
      <c r="J13562" s="8">
        <v>1</v>
      </c>
      <c r="K13562" s="9">
        <v>3.3</v>
      </c>
      <c r="L13562" s="6" t="s">
        <v>51</v>
      </c>
    </row>
    <row r="13563" spans="1:12">
      <c r="A13563" s="6" t="s">
        <v>49</v>
      </c>
      <c r="B13563" s="6"/>
      <c r="C13563" s="6" t="s">
        <v>13587</v>
      </c>
      <c r="D13563" s="6"/>
      <c r="E13563" s="6" t="s">
        <v>9</v>
      </c>
      <c r="F13563" s="7">
        <v>38657</v>
      </c>
      <c r="G13563" s="8">
        <v>1</v>
      </c>
      <c r="H13563" s="8">
        <v>1</v>
      </c>
      <c r="I13563" s="8">
        <v>0</v>
      </c>
      <c r="J13563" s="8">
        <v>1</v>
      </c>
      <c r="K13563" s="9">
        <v>25</v>
      </c>
      <c r="L13563" s="6" t="s">
        <v>51</v>
      </c>
    </row>
    <row r="13564" spans="1:12">
      <c r="A13564" s="6" t="s">
        <v>49</v>
      </c>
      <c r="B13564" s="6"/>
      <c r="C13564" s="6" t="s">
        <v>13588</v>
      </c>
      <c r="D13564" s="6"/>
      <c r="E13564" s="6" t="s">
        <v>9</v>
      </c>
      <c r="F13564" s="7">
        <v>38657</v>
      </c>
      <c r="G13564" s="8">
        <v>1</v>
      </c>
      <c r="H13564" s="8">
        <v>1</v>
      </c>
      <c r="I13564" s="8">
        <v>0</v>
      </c>
      <c r="J13564" s="8">
        <v>1</v>
      </c>
      <c r="K13564" s="9">
        <v>6.22</v>
      </c>
      <c r="L13564" s="6" t="s">
        <v>51</v>
      </c>
    </row>
    <row r="13565" spans="1:12">
      <c r="A13565" s="6" t="s">
        <v>49</v>
      </c>
      <c r="B13565" s="6"/>
      <c r="C13565" s="6" t="s">
        <v>13589</v>
      </c>
      <c r="D13565" s="6"/>
      <c r="E13565" s="6" t="s">
        <v>9</v>
      </c>
      <c r="F13565" s="7">
        <v>38657</v>
      </c>
      <c r="G13565" s="8">
        <v>1</v>
      </c>
      <c r="H13565" s="8">
        <v>1</v>
      </c>
      <c r="I13565" s="8">
        <v>0</v>
      </c>
      <c r="J13565" s="8">
        <v>1</v>
      </c>
      <c r="K13565" s="9">
        <v>13</v>
      </c>
      <c r="L13565" s="6" t="s">
        <v>51</v>
      </c>
    </row>
    <row r="13566" spans="1:12">
      <c r="A13566" s="6" t="s">
        <v>49</v>
      </c>
      <c r="B13566" s="6"/>
      <c r="C13566" s="6" t="s">
        <v>13590</v>
      </c>
      <c r="D13566" s="6"/>
      <c r="E13566" s="6" t="s">
        <v>9</v>
      </c>
      <c r="F13566" s="7">
        <v>38657</v>
      </c>
      <c r="G13566" s="8">
        <v>1</v>
      </c>
      <c r="H13566" s="8">
        <v>1</v>
      </c>
      <c r="I13566" s="8">
        <v>0</v>
      </c>
      <c r="J13566" s="8">
        <v>1</v>
      </c>
      <c r="K13566" s="9">
        <v>9.67</v>
      </c>
      <c r="L13566" s="6" t="s">
        <v>51</v>
      </c>
    </row>
    <row r="13567" spans="1:12">
      <c r="A13567" s="6" t="s">
        <v>49</v>
      </c>
      <c r="B13567" s="6"/>
      <c r="C13567" s="6" t="s">
        <v>13591</v>
      </c>
      <c r="D13567" s="6"/>
      <c r="E13567" s="6" t="s">
        <v>9</v>
      </c>
      <c r="F13567" s="7">
        <v>38657</v>
      </c>
      <c r="G13567" s="8">
        <v>1</v>
      </c>
      <c r="H13567" s="8">
        <v>1</v>
      </c>
      <c r="I13567" s="8">
        <v>0</v>
      </c>
      <c r="J13567" s="8">
        <v>1</v>
      </c>
      <c r="K13567" s="9">
        <v>9.99</v>
      </c>
      <c r="L13567" s="6" t="s">
        <v>51</v>
      </c>
    </row>
    <row r="13568" spans="1:12">
      <c r="A13568" s="6" t="s">
        <v>49</v>
      </c>
      <c r="B13568" s="6"/>
      <c r="C13568" s="6" t="s">
        <v>13592</v>
      </c>
      <c r="D13568" s="6"/>
      <c r="E13568" s="6" t="s">
        <v>9</v>
      </c>
      <c r="F13568" s="7">
        <v>38657</v>
      </c>
      <c r="G13568" s="8">
        <v>1</v>
      </c>
      <c r="H13568" s="8">
        <v>1</v>
      </c>
      <c r="I13568" s="8">
        <v>0</v>
      </c>
      <c r="J13568" s="8">
        <v>1</v>
      </c>
      <c r="K13568" s="9">
        <v>10</v>
      </c>
      <c r="L13568" s="6" t="s">
        <v>51</v>
      </c>
    </row>
    <row r="13569" spans="1:12">
      <c r="A13569" s="6" t="s">
        <v>49</v>
      </c>
      <c r="B13569" s="6"/>
      <c r="C13569" s="6" t="s">
        <v>13593</v>
      </c>
      <c r="D13569" s="6"/>
      <c r="E13569" s="6" t="s">
        <v>9</v>
      </c>
      <c r="F13569" s="7">
        <v>38657</v>
      </c>
      <c r="G13569" s="8">
        <v>1</v>
      </c>
      <c r="H13569" s="8">
        <v>1</v>
      </c>
      <c r="I13569" s="8">
        <v>0</v>
      </c>
      <c r="J13569" s="8">
        <v>1</v>
      </c>
      <c r="K13569" s="9">
        <v>17</v>
      </c>
      <c r="L13569" s="6" t="s">
        <v>51</v>
      </c>
    </row>
    <row r="13570" spans="1:12">
      <c r="A13570" s="6" t="s">
        <v>49</v>
      </c>
      <c r="B13570" s="6"/>
      <c r="C13570" s="6" t="s">
        <v>13594</v>
      </c>
      <c r="D13570" s="6"/>
      <c r="E13570" s="6" t="s">
        <v>9</v>
      </c>
      <c r="F13570" s="7">
        <v>38657</v>
      </c>
      <c r="G13570" s="8">
        <v>1</v>
      </c>
      <c r="H13570" s="8">
        <v>1</v>
      </c>
      <c r="I13570" s="8">
        <v>0</v>
      </c>
      <c r="J13570" s="8">
        <v>1</v>
      </c>
      <c r="K13570" s="9">
        <v>10</v>
      </c>
      <c r="L13570" s="6" t="s">
        <v>51</v>
      </c>
    </row>
    <row r="13571" spans="1:12">
      <c r="A13571" s="6" t="s">
        <v>49</v>
      </c>
      <c r="B13571" s="6"/>
      <c r="C13571" s="6" t="s">
        <v>13595</v>
      </c>
      <c r="D13571" s="6"/>
      <c r="E13571" s="6" t="s">
        <v>9</v>
      </c>
      <c r="F13571" s="7">
        <v>38657</v>
      </c>
      <c r="G13571" s="8">
        <v>1</v>
      </c>
      <c r="H13571" s="8">
        <v>1</v>
      </c>
      <c r="I13571" s="8">
        <v>0</v>
      </c>
      <c r="J13571" s="8">
        <v>1</v>
      </c>
      <c r="K13571" s="9">
        <v>29</v>
      </c>
      <c r="L13571" s="6" t="s">
        <v>51</v>
      </c>
    </row>
    <row r="13572" spans="1:12">
      <c r="A13572" s="6" t="s">
        <v>49</v>
      </c>
      <c r="B13572" s="6"/>
      <c r="C13572" s="6" t="s">
        <v>13596</v>
      </c>
      <c r="D13572" s="6"/>
      <c r="E13572" s="6" t="s">
        <v>9</v>
      </c>
      <c r="F13572" s="7">
        <v>38657</v>
      </c>
      <c r="G13572" s="8">
        <v>1</v>
      </c>
      <c r="H13572" s="8">
        <v>1</v>
      </c>
      <c r="I13572" s="8">
        <v>0</v>
      </c>
      <c r="J13572" s="8">
        <v>1</v>
      </c>
      <c r="K13572" s="9">
        <v>45</v>
      </c>
      <c r="L13572" s="6" t="s">
        <v>51</v>
      </c>
    </row>
    <row r="13573" spans="1:12">
      <c r="A13573" s="6" t="s">
        <v>49</v>
      </c>
      <c r="B13573" s="6"/>
      <c r="C13573" s="6" t="s">
        <v>13597</v>
      </c>
      <c r="D13573" s="6"/>
      <c r="E13573" s="6" t="s">
        <v>9</v>
      </c>
      <c r="F13573" s="7">
        <v>38657</v>
      </c>
      <c r="G13573" s="8">
        <v>1</v>
      </c>
      <c r="H13573" s="8">
        <v>1</v>
      </c>
      <c r="I13573" s="8">
        <v>0</v>
      </c>
      <c r="J13573" s="8">
        <v>1</v>
      </c>
      <c r="K13573" s="9">
        <v>9.91</v>
      </c>
      <c r="L13573" s="6" t="s">
        <v>51</v>
      </c>
    </row>
    <row r="13574" spans="1:12">
      <c r="A13574" s="6" t="s">
        <v>49</v>
      </c>
      <c r="B13574" s="6"/>
      <c r="C13574" s="6" t="s">
        <v>13598</v>
      </c>
      <c r="D13574" s="6"/>
      <c r="E13574" s="6" t="s">
        <v>9</v>
      </c>
      <c r="F13574" s="7">
        <v>38657</v>
      </c>
      <c r="G13574" s="8">
        <v>1</v>
      </c>
      <c r="H13574" s="8">
        <v>1</v>
      </c>
      <c r="I13574" s="8">
        <v>0</v>
      </c>
      <c r="J13574" s="8">
        <v>1</v>
      </c>
      <c r="K13574" s="9">
        <v>57.85</v>
      </c>
      <c r="L13574" s="6" t="s">
        <v>51</v>
      </c>
    </row>
    <row r="13575" spans="1:12">
      <c r="A13575" s="6" t="s">
        <v>49</v>
      </c>
      <c r="B13575" s="6"/>
      <c r="C13575" s="6" t="s">
        <v>13599</v>
      </c>
      <c r="D13575" s="6"/>
      <c r="E13575" s="6" t="s">
        <v>9</v>
      </c>
      <c r="F13575" s="7">
        <v>38657</v>
      </c>
      <c r="G13575" s="8">
        <v>1</v>
      </c>
      <c r="H13575" s="8">
        <v>1</v>
      </c>
      <c r="I13575" s="8">
        <v>0</v>
      </c>
      <c r="J13575" s="8">
        <v>1</v>
      </c>
      <c r="K13575" s="9">
        <v>16</v>
      </c>
      <c r="L13575" s="6" t="s">
        <v>51</v>
      </c>
    </row>
    <row r="13576" spans="1:12">
      <c r="A13576" s="6" t="s">
        <v>49</v>
      </c>
      <c r="B13576" s="6"/>
      <c r="C13576" s="6" t="s">
        <v>13600</v>
      </c>
      <c r="D13576" s="6"/>
      <c r="E13576" s="6" t="s">
        <v>9</v>
      </c>
      <c r="F13576" s="7">
        <v>38657</v>
      </c>
      <c r="G13576" s="8">
        <v>1</v>
      </c>
      <c r="H13576" s="8">
        <v>1</v>
      </c>
      <c r="I13576" s="8">
        <v>0</v>
      </c>
      <c r="J13576" s="8">
        <v>1</v>
      </c>
      <c r="K13576" s="9">
        <v>224.79</v>
      </c>
      <c r="L13576" s="6" t="s">
        <v>51</v>
      </c>
    </row>
    <row r="13577" spans="1:12">
      <c r="A13577" s="6" t="s">
        <v>49</v>
      </c>
      <c r="B13577" s="6"/>
      <c r="C13577" s="6" t="s">
        <v>13601</v>
      </c>
      <c r="D13577" s="6"/>
      <c r="E13577" s="6" t="s">
        <v>9</v>
      </c>
      <c r="F13577" s="7">
        <v>38657</v>
      </c>
      <c r="G13577" s="8">
        <v>1</v>
      </c>
      <c r="H13577" s="8">
        <v>1</v>
      </c>
      <c r="I13577" s="8">
        <v>0</v>
      </c>
      <c r="J13577" s="8">
        <v>1</v>
      </c>
      <c r="K13577" s="9">
        <v>198.34</v>
      </c>
      <c r="L13577" s="6" t="s">
        <v>51</v>
      </c>
    </row>
    <row r="13578" spans="1:12">
      <c r="A13578" s="6" t="s">
        <v>49</v>
      </c>
      <c r="B13578" s="6"/>
      <c r="C13578" s="6" t="s">
        <v>13602</v>
      </c>
      <c r="D13578" s="6"/>
      <c r="E13578" s="6" t="s">
        <v>9</v>
      </c>
      <c r="F13578" s="7">
        <v>38657</v>
      </c>
      <c r="G13578" s="8">
        <v>1</v>
      </c>
      <c r="H13578" s="8">
        <v>1</v>
      </c>
      <c r="I13578" s="8">
        <v>0</v>
      </c>
      <c r="J13578" s="8">
        <v>1</v>
      </c>
      <c r="K13578" s="9">
        <v>33</v>
      </c>
      <c r="L13578" s="6" t="s">
        <v>51</v>
      </c>
    </row>
    <row r="13579" spans="1:12">
      <c r="A13579" s="6" t="s">
        <v>49</v>
      </c>
      <c r="B13579" s="6"/>
      <c r="C13579" s="6" t="s">
        <v>13603</v>
      </c>
      <c r="D13579" s="6"/>
      <c r="E13579" s="6" t="s">
        <v>9</v>
      </c>
      <c r="F13579" s="7">
        <v>38657</v>
      </c>
      <c r="G13579" s="8">
        <v>1</v>
      </c>
      <c r="H13579" s="8">
        <v>1</v>
      </c>
      <c r="I13579" s="8">
        <v>0</v>
      </c>
      <c r="J13579" s="8">
        <v>1</v>
      </c>
      <c r="K13579" s="9">
        <v>9.0299999999999905</v>
      </c>
      <c r="L13579" s="6" t="s">
        <v>51</v>
      </c>
    </row>
    <row r="13580" spans="1:12">
      <c r="A13580" s="6" t="s">
        <v>49</v>
      </c>
      <c r="B13580" s="6"/>
      <c r="C13580" s="6" t="s">
        <v>13604</v>
      </c>
      <c r="D13580" s="6"/>
      <c r="E13580" s="6" t="s">
        <v>9</v>
      </c>
      <c r="F13580" s="7">
        <v>38657</v>
      </c>
      <c r="G13580" s="8">
        <v>1</v>
      </c>
      <c r="H13580" s="8">
        <v>1</v>
      </c>
      <c r="I13580" s="8">
        <v>0</v>
      </c>
      <c r="J13580" s="8">
        <v>1</v>
      </c>
      <c r="K13580" s="9">
        <v>26</v>
      </c>
      <c r="L13580" s="6" t="s">
        <v>51</v>
      </c>
    </row>
    <row r="13581" spans="1:12">
      <c r="A13581" s="6" t="s">
        <v>49</v>
      </c>
      <c r="B13581" s="6"/>
      <c r="C13581" s="6" t="s">
        <v>13605</v>
      </c>
      <c r="D13581" s="6"/>
      <c r="E13581" s="6" t="s">
        <v>9</v>
      </c>
      <c r="F13581" s="7">
        <v>38657</v>
      </c>
      <c r="G13581" s="8">
        <v>1</v>
      </c>
      <c r="H13581" s="8">
        <v>1</v>
      </c>
      <c r="I13581" s="8">
        <v>0</v>
      </c>
      <c r="J13581" s="8">
        <v>1</v>
      </c>
      <c r="K13581" s="9">
        <v>34</v>
      </c>
      <c r="L13581" s="6" t="s">
        <v>51</v>
      </c>
    </row>
    <row r="13582" spans="1:12">
      <c r="A13582" s="6" t="s">
        <v>49</v>
      </c>
      <c r="B13582" s="6"/>
      <c r="C13582" s="6" t="s">
        <v>13606</v>
      </c>
      <c r="D13582" s="6"/>
      <c r="E13582" s="6" t="s">
        <v>9</v>
      </c>
      <c r="F13582" s="7">
        <v>38657</v>
      </c>
      <c r="G13582" s="8">
        <v>1</v>
      </c>
      <c r="H13582" s="8">
        <v>1</v>
      </c>
      <c r="I13582" s="8">
        <v>0</v>
      </c>
      <c r="J13582" s="8">
        <v>1</v>
      </c>
      <c r="K13582" s="9">
        <v>28</v>
      </c>
      <c r="L13582" s="6" t="s">
        <v>51</v>
      </c>
    </row>
    <row r="13583" spans="1:12">
      <c r="A13583" s="6" t="s">
        <v>49</v>
      </c>
      <c r="B13583" s="6"/>
      <c r="C13583" s="6" t="s">
        <v>13607</v>
      </c>
      <c r="D13583" s="6"/>
      <c r="E13583" s="6" t="s">
        <v>9</v>
      </c>
      <c r="F13583" s="7">
        <v>38657</v>
      </c>
      <c r="G13583" s="8">
        <v>1</v>
      </c>
      <c r="H13583" s="8">
        <v>1</v>
      </c>
      <c r="I13583" s="8">
        <v>0</v>
      </c>
      <c r="J13583" s="8">
        <v>1</v>
      </c>
      <c r="K13583" s="9">
        <v>13</v>
      </c>
      <c r="L13583" s="6" t="s">
        <v>51</v>
      </c>
    </row>
    <row r="13584" spans="1:12">
      <c r="A13584" s="6" t="s">
        <v>49</v>
      </c>
      <c r="B13584" s="6"/>
      <c r="C13584" s="6" t="s">
        <v>13608</v>
      </c>
      <c r="D13584" s="6"/>
      <c r="E13584" s="6" t="s">
        <v>9</v>
      </c>
      <c r="F13584" s="7">
        <v>38657</v>
      </c>
      <c r="G13584" s="8">
        <v>1</v>
      </c>
      <c r="H13584" s="8">
        <v>1</v>
      </c>
      <c r="I13584" s="8">
        <v>0</v>
      </c>
      <c r="J13584" s="8">
        <v>1</v>
      </c>
      <c r="K13584" s="9">
        <v>26</v>
      </c>
      <c r="L13584" s="6" t="s">
        <v>51</v>
      </c>
    </row>
    <row r="13585" spans="1:12">
      <c r="A13585" s="6" t="s">
        <v>49</v>
      </c>
      <c r="B13585" s="6"/>
      <c r="C13585" s="6" t="s">
        <v>13609</v>
      </c>
      <c r="D13585" s="6"/>
      <c r="E13585" s="6" t="s">
        <v>9</v>
      </c>
      <c r="F13585" s="7">
        <v>38657</v>
      </c>
      <c r="G13585" s="8">
        <v>1</v>
      </c>
      <c r="H13585" s="8">
        <v>1</v>
      </c>
      <c r="I13585" s="8">
        <v>0</v>
      </c>
      <c r="J13585" s="8">
        <v>1</v>
      </c>
      <c r="K13585" s="9">
        <v>9.91</v>
      </c>
      <c r="L13585" s="6" t="s">
        <v>51</v>
      </c>
    </row>
    <row r="13586" spans="1:12">
      <c r="A13586" s="6" t="s">
        <v>49</v>
      </c>
      <c r="B13586" s="6"/>
      <c r="C13586" s="6" t="s">
        <v>13610</v>
      </c>
      <c r="D13586" s="6"/>
      <c r="E13586" s="6" t="s">
        <v>9</v>
      </c>
      <c r="F13586" s="7">
        <v>38657</v>
      </c>
      <c r="G13586" s="8">
        <v>1</v>
      </c>
      <c r="H13586" s="8">
        <v>1</v>
      </c>
      <c r="I13586" s="8">
        <v>0</v>
      </c>
      <c r="J13586" s="8">
        <v>1</v>
      </c>
      <c r="K13586" s="9">
        <v>10</v>
      </c>
      <c r="L13586" s="6" t="s">
        <v>51</v>
      </c>
    </row>
    <row r="13587" spans="1:12">
      <c r="A13587" s="6" t="s">
        <v>49</v>
      </c>
      <c r="B13587" s="6"/>
      <c r="C13587" s="6" t="s">
        <v>13611</v>
      </c>
      <c r="D13587" s="6"/>
      <c r="E13587" s="6" t="s">
        <v>9</v>
      </c>
      <c r="F13587" s="7">
        <v>38657</v>
      </c>
      <c r="G13587" s="8">
        <v>1</v>
      </c>
      <c r="H13587" s="8">
        <v>1</v>
      </c>
      <c r="I13587" s="8">
        <v>0</v>
      </c>
      <c r="J13587" s="8">
        <v>1</v>
      </c>
      <c r="K13587" s="9">
        <v>30</v>
      </c>
      <c r="L13587" s="6" t="s">
        <v>51</v>
      </c>
    </row>
    <row r="13588" spans="1:12">
      <c r="A13588" s="6" t="s">
        <v>49</v>
      </c>
      <c r="B13588" s="6"/>
      <c r="C13588" s="6" t="s">
        <v>13612</v>
      </c>
      <c r="D13588" s="6"/>
      <c r="E13588" s="6" t="s">
        <v>9</v>
      </c>
      <c r="F13588" s="7">
        <v>38657</v>
      </c>
      <c r="G13588" s="8">
        <v>1</v>
      </c>
      <c r="H13588" s="8">
        <v>1</v>
      </c>
      <c r="I13588" s="8">
        <v>0</v>
      </c>
      <c r="J13588" s="8">
        <v>1</v>
      </c>
      <c r="K13588" s="9">
        <v>56</v>
      </c>
      <c r="L13588" s="6" t="s">
        <v>51</v>
      </c>
    </row>
    <row r="13589" spans="1:12">
      <c r="A13589" s="6" t="s">
        <v>49</v>
      </c>
      <c r="B13589" s="6"/>
      <c r="C13589" s="6" t="s">
        <v>13613</v>
      </c>
      <c r="D13589" s="6"/>
      <c r="E13589" s="6" t="s">
        <v>9</v>
      </c>
      <c r="F13589" s="7">
        <v>38657</v>
      </c>
      <c r="G13589" s="8">
        <v>1</v>
      </c>
      <c r="H13589" s="8">
        <v>1</v>
      </c>
      <c r="I13589" s="8">
        <v>0</v>
      </c>
      <c r="J13589" s="8">
        <v>1</v>
      </c>
      <c r="K13589" s="9">
        <v>13</v>
      </c>
      <c r="L13589" s="6" t="s">
        <v>51</v>
      </c>
    </row>
    <row r="13590" spans="1:12">
      <c r="A13590" s="6" t="s">
        <v>49</v>
      </c>
      <c r="B13590" s="6"/>
      <c r="C13590" s="6" t="s">
        <v>13614</v>
      </c>
      <c r="D13590" s="6"/>
      <c r="E13590" s="6" t="s">
        <v>9</v>
      </c>
      <c r="F13590" s="7">
        <v>38657</v>
      </c>
      <c r="G13590" s="8">
        <v>1</v>
      </c>
      <c r="H13590" s="8">
        <v>1</v>
      </c>
      <c r="I13590" s="8">
        <v>0</v>
      </c>
      <c r="J13590" s="8">
        <v>1</v>
      </c>
      <c r="K13590" s="9">
        <v>29</v>
      </c>
      <c r="L13590" s="6" t="s">
        <v>51</v>
      </c>
    </row>
    <row r="13591" spans="1:12">
      <c r="A13591" s="6" t="s">
        <v>49</v>
      </c>
      <c r="B13591" s="6"/>
      <c r="C13591" s="6" t="s">
        <v>13615</v>
      </c>
      <c r="D13591" s="6"/>
      <c r="E13591" s="6" t="s">
        <v>9</v>
      </c>
      <c r="F13591" s="7">
        <v>38657</v>
      </c>
      <c r="G13591" s="8">
        <v>1</v>
      </c>
      <c r="H13591" s="8">
        <v>1</v>
      </c>
      <c r="I13591" s="8">
        <v>0</v>
      </c>
      <c r="J13591" s="8">
        <v>1</v>
      </c>
      <c r="K13591" s="9">
        <v>26</v>
      </c>
      <c r="L13591" s="6" t="s">
        <v>51</v>
      </c>
    </row>
    <row r="13592" spans="1:12">
      <c r="A13592" s="6" t="s">
        <v>49</v>
      </c>
      <c r="B13592" s="6"/>
      <c r="C13592" s="6" t="s">
        <v>13616</v>
      </c>
      <c r="D13592" s="6"/>
      <c r="E13592" s="6" t="s">
        <v>9</v>
      </c>
      <c r="F13592" s="7">
        <v>38657</v>
      </c>
      <c r="G13592" s="8">
        <v>1</v>
      </c>
      <c r="H13592" s="8">
        <v>1</v>
      </c>
      <c r="I13592" s="8">
        <v>0</v>
      </c>
      <c r="J13592" s="8">
        <v>1</v>
      </c>
      <c r="K13592" s="9">
        <v>63</v>
      </c>
      <c r="L13592" s="6" t="s">
        <v>51</v>
      </c>
    </row>
    <row r="13593" spans="1:12">
      <c r="A13593" s="6" t="s">
        <v>49</v>
      </c>
      <c r="B13593" s="6"/>
      <c r="C13593" s="6" t="s">
        <v>13617</v>
      </c>
      <c r="D13593" s="6"/>
      <c r="E13593" s="6" t="s">
        <v>9</v>
      </c>
      <c r="F13593" s="7">
        <v>38657</v>
      </c>
      <c r="G13593" s="8">
        <v>1</v>
      </c>
      <c r="H13593" s="8">
        <v>1</v>
      </c>
      <c r="I13593" s="8">
        <v>0</v>
      </c>
      <c r="J13593" s="8">
        <v>1</v>
      </c>
      <c r="K13593" s="9">
        <v>45</v>
      </c>
      <c r="L13593" s="6" t="s">
        <v>51</v>
      </c>
    </row>
    <row r="13594" spans="1:12">
      <c r="A13594" s="6" t="s">
        <v>49</v>
      </c>
      <c r="B13594" s="6"/>
      <c r="C13594" s="6" t="s">
        <v>13618</v>
      </c>
      <c r="D13594" s="6"/>
      <c r="E13594" s="6" t="s">
        <v>9</v>
      </c>
      <c r="F13594" s="7">
        <v>38657</v>
      </c>
      <c r="G13594" s="8">
        <v>1</v>
      </c>
      <c r="H13594" s="8">
        <v>1</v>
      </c>
      <c r="I13594" s="8">
        <v>0</v>
      </c>
      <c r="J13594" s="8">
        <v>1</v>
      </c>
      <c r="K13594" s="9">
        <v>2.57</v>
      </c>
      <c r="L13594" s="6" t="s">
        <v>51</v>
      </c>
    </row>
    <row r="13595" spans="1:12">
      <c r="A13595" s="6" t="s">
        <v>49</v>
      </c>
      <c r="B13595" s="6"/>
      <c r="C13595" s="6" t="s">
        <v>13619</v>
      </c>
      <c r="D13595" s="6"/>
      <c r="E13595" s="6" t="s">
        <v>9</v>
      </c>
      <c r="F13595" s="7">
        <v>38657</v>
      </c>
      <c r="G13595" s="8">
        <v>1</v>
      </c>
      <c r="H13595" s="8">
        <v>1</v>
      </c>
      <c r="I13595" s="8">
        <v>0</v>
      </c>
      <c r="J13595" s="8">
        <v>1</v>
      </c>
      <c r="K13595" s="9">
        <v>20</v>
      </c>
      <c r="L13595" s="6" t="s">
        <v>51</v>
      </c>
    </row>
    <row r="13596" spans="1:12">
      <c r="A13596" s="6" t="s">
        <v>49</v>
      </c>
      <c r="B13596" s="6"/>
      <c r="C13596" s="6" t="s">
        <v>13620</v>
      </c>
      <c r="D13596" s="6"/>
      <c r="E13596" s="6" t="s">
        <v>9</v>
      </c>
      <c r="F13596" s="7">
        <v>38657</v>
      </c>
      <c r="G13596" s="8">
        <v>1</v>
      </c>
      <c r="H13596" s="8">
        <v>1</v>
      </c>
      <c r="I13596" s="8">
        <v>0</v>
      </c>
      <c r="J13596" s="8">
        <v>1</v>
      </c>
      <c r="K13596" s="9">
        <v>62</v>
      </c>
      <c r="L13596" s="6" t="s">
        <v>51</v>
      </c>
    </row>
    <row r="13597" spans="1:12">
      <c r="A13597" s="6" t="s">
        <v>49</v>
      </c>
      <c r="B13597" s="6"/>
      <c r="C13597" s="6" t="s">
        <v>13621</v>
      </c>
      <c r="D13597" s="6"/>
      <c r="E13597" s="6" t="s">
        <v>9</v>
      </c>
      <c r="F13597" s="7">
        <v>38657</v>
      </c>
      <c r="G13597" s="8">
        <v>1</v>
      </c>
      <c r="H13597" s="8">
        <v>1</v>
      </c>
      <c r="I13597" s="8">
        <v>0</v>
      </c>
      <c r="J13597" s="8">
        <v>1</v>
      </c>
      <c r="K13597" s="9">
        <v>14</v>
      </c>
      <c r="L13597" s="6" t="s">
        <v>51</v>
      </c>
    </row>
    <row r="13598" spans="1:12">
      <c r="A13598" s="6" t="s">
        <v>49</v>
      </c>
      <c r="B13598" s="6"/>
      <c r="C13598" s="6" t="s">
        <v>13622</v>
      </c>
      <c r="D13598" s="6"/>
      <c r="E13598" s="6" t="s">
        <v>9</v>
      </c>
      <c r="F13598" s="7">
        <v>38657</v>
      </c>
      <c r="G13598" s="8">
        <v>1</v>
      </c>
      <c r="H13598" s="8">
        <v>1</v>
      </c>
      <c r="I13598" s="8">
        <v>0</v>
      </c>
      <c r="J13598" s="8">
        <v>1</v>
      </c>
      <c r="K13598" s="9">
        <v>4.4400000000000004</v>
      </c>
      <c r="L13598" s="6" t="s">
        <v>51</v>
      </c>
    </row>
    <row r="13599" spans="1:12">
      <c r="A13599" s="6" t="s">
        <v>49</v>
      </c>
      <c r="B13599" s="6"/>
      <c r="C13599" s="6" t="s">
        <v>13623</v>
      </c>
      <c r="D13599" s="6"/>
      <c r="E13599" s="6" t="s">
        <v>9</v>
      </c>
      <c r="F13599" s="7">
        <v>38657</v>
      </c>
      <c r="G13599" s="8">
        <v>1</v>
      </c>
      <c r="H13599" s="8">
        <v>1</v>
      </c>
      <c r="I13599" s="8">
        <v>0</v>
      </c>
      <c r="J13599" s="8">
        <v>1</v>
      </c>
      <c r="K13599" s="9">
        <v>38</v>
      </c>
      <c r="L13599" s="6" t="s">
        <v>51</v>
      </c>
    </row>
    <row r="13600" spans="1:12">
      <c r="A13600" s="6" t="s">
        <v>49</v>
      </c>
      <c r="B13600" s="6"/>
      <c r="C13600" s="6" t="s">
        <v>13624</v>
      </c>
      <c r="D13600" s="6"/>
      <c r="E13600" s="6" t="s">
        <v>9</v>
      </c>
      <c r="F13600" s="7">
        <v>38657</v>
      </c>
      <c r="G13600" s="8">
        <v>1</v>
      </c>
      <c r="H13600" s="8">
        <v>1</v>
      </c>
      <c r="I13600" s="8">
        <v>0</v>
      </c>
      <c r="J13600" s="8">
        <v>1</v>
      </c>
      <c r="K13600" s="9">
        <v>0.18</v>
      </c>
      <c r="L13600" s="6" t="s">
        <v>51</v>
      </c>
    </row>
    <row r="13601" spans="1:12">
      <c r="A13601" s="6" t="s">
        <v>49</v>
      </c>
      <c r="B13601" s="6"/>
      <c r="C13601" s="6" t="s">
        <v>13625</v>
      </c>
      <c r="D13601" s="6"/>
      <c r="E13601" s="6" t="s">
        <v>9</v>
      </c>
      <c r="F13601" s="7">
        <v>38657</v>
      </c>
      <c r="G13601" s="8">
        <v>1</v>
      </c>
      <c r="H13601" s="8">
        <v>1</v>
      </c>
      <c r="I13601" s="8">
        <v>0</v>
      </c>
      <c r="J13601" s="8">
        <v>1</v>
      </c>
      <c r="K13601" s="9">
        <v>9.91</v>
      </c>
      <c r="L13601" s="6" t="s">
        <v>51</v>
      </c>
    </row>
    <row r="13602" spans="1:12">
      <c r="A13602" s="6" t="s">
        <v>49</v>
      </c>
      <c r="B13602" s="6"/>
      <c r="C13602" s="6" t="s">
        <v>13626</v>
      </c>
      <c r="D13602" s="6"/>
      <c r="E13602" s="6" t="s">
        <v>9</v>
      </c>
      <c r="F13602" s="7">
        <v>38657</v>
      </c>
      <c r="G13602" s="8">
        <v>1</v>
      </c>
      <c r="H13602" s="8">
        <v>1</v>
      </c>
      <c r="I13602" s="8">
        <v>0</v>
      </c>
      <c r="J13602" s="8">
        <v>1</v>
      </c>
      <c r="K13602" s="9">
        <v>9.91</v>
      </c>
      <c r="L13602" s="6" t="s">
        <v>51</v>
      </c>
    </row>
    <row r="13603" spans="1:12">
      <c r="A13603" s="6" t="s">
        <v>49</v>
      </c>
      <c r="B13603" s="6"/>
      <c r="C13603" s="6" t="s">
        <v>13627</v>
      </c>
      <c r="D13603" s="6"/>
      <c r="E13603" s="6" t="s">
        <v>9</v>
      </c>
      <c r="F13603" s="7">
        <v>38657</v>
      </c>
      <c r="G13603" s="8">
        <v>1</v>
      </c>
      <c r="H13603" s="8">
        <v>1</v>
      </c>
      <c r="I13603" s="8">
        <v>0</v>
      </c>
      <c r="J13603" s="8">
        <v>1</v>
      </c>
      <c r="K13603" s="9">
        <v>26</v>
      </c>
      <c r="L13603" s="6" t="s">
        <v>51</v>
      </c>
    </row>
    <row r="13604" spans="1:12">
      <c r="A13604" s="6" t="s">
        <v>49</v>
      </c>
      <c r="B13604" s="6"/>
      <c r="C13604" s="6" t="s">
        <v>13628</v>
      </c>
      <c r="D13604" s="6"/>
      <c r="E13604" s="6" t="s">
        <v>9</v>
      </c>
      <c r="F13604" s="7">
        <v>38657</v>
      </c>
      <c r="G13604" s="8">
        <v>1</v>
      </c>
      <c r="H13604" s="8">
        <v>1</v>
      </c>
      <c r="I13604" s="8">
        <v>0</v>
      </c>
      <c r="J13604" s="8">
        <v>1</v>
      </c>
      <c r="K13604" s="9">
        <v>16</v>
      </c>
      <c r="L13604" s="6" t="s">
        <v>51</v>
      </c>
    </row>
    <row r="13605" spans="1:12">
      <c r="A13605" s="6" t="s">
        <v>49</v>
      </c>
      <c r="B13605" s="6"/>
      <c r="C13605" s="6" t="s">
        <v>13629</v>
      </c>
      <c r="D13605" s="6"/>
      <c r="E13605" s="6" t="s">
        <v>9</v>
      </c>
      <c r="F13605" s="7">
        <v>38657</v>
      </c>
      <c r="G13605" s="8">
        <v>1</v>
      </c>
      <c r="H13605" s="8">
        <v>1</v>
      </c>
      <c r="I13605" s="8">
        <v>0</v>
      </c>
      <c r="J13605" s="8">
        <v>1</v>
      </c>
      <c r="K13605" s="9">
        <v>41</v>
      </c>
      <c r="L13605" s="6" t="s">
        <v>51</v>
      </c>
    </row>
    <row r="13606" spans="1:12">
      <c r="A13606" s="6" t="s">
        <v>49</v>
      </c>
      <c r="B13606" s="6"/>
      <c r="C13606" s="6" t="s">
        <v>13630</v>
      </c>
      <c r="D13606" s="6"/>
      <c r="E13606" s="6" t="s">
        <v>9</v>
      </c>
      <c r="F13606" s="7">
        <v>38657</v>
      </c>
      <c r="G13606" s="8">
        <v>1</v>
      </c>
      <c r="H13606" s="8">
        <v>1</v>
      </c>
      <c r="I13606" s="8">
        <v>0</v>
      </c>
      <c r="J13606" s="8">
        <v>1</v>
      </c>
      <c r="K13606" s="9">
        <v>9.91</v>
      </c>
      <c r="L13606" s="6" t="s">
        <v>51</v>
      </c>
    </row>
    <row r="13607" spans="1:12">
      <c r="A13607" s="6" t="s">
        <v>49</v>
      </c>
      <c r="B13607" s="6"/>
      <c r="C13607" s="6" t="s">
        <v>13631</v>
      </c>
      <c r="D13607" s="6"/>
      <c r="E13607" s="6" t="s">
        <v>9</v>
      </c>
      <c r="F13607" s="7">
        <v>38657</v>
      </c>
      <c r="G13607" s="8">
        <v>1</v>
      </c>
      <c r="H13607" s="8">
        <v>1</v>
      </c>
      <c r="I13607" s="8">
        <v>0</v>
      </c>
      <c r="J13607" s="8">
        <v>1</v>
      </c>
      <c r="K13607" s="9">
        <v>79</v>
      </c>
      <c r="L13607" s="6" t="s">
        <v>51</v>
      </c>
    </row>
    <row r="13608" spans="1:12">
      <c r="A13608" s="6" t="s">
        <v>49</v>
      </c>
      <c r="B13608" s="6"/>
      <c r="C13608" s="6" t="s">
        <v>13632</v>
      </c>
      <c r="D13608" s="6"/>
      <c r="E13608" s="6" t="s">
        <v>9</v>
      </c>
      <c r="F13608" s="7">
        <v>38657</v>
      </c>
      <c r="G13608" s="8">
        <v>1</v>
      </c>
      <c r="H13608" s="8">
        <v>1</v>
      </c>
      <c r="I13608" s="8">
        <v>0</v>
      </c>
      <c r="J13608" s="8">
        <v>1</v>
      </c>
      <c r="K13608" s="9">
        <v>38.020000000000003</v>
      </c>
      <c r="L13608" s="6" t="s">
        <v>51</v>
      </c>
    </row>
    <row r="13609" spans="1:12">
      <c r="A13609" s="6" t="s">
        <v>49</v>
      </c>
      <c r="B13609" s="6"/>
      <c r="C13609" s="6" t="s">
        <v>13633</v>
      </c>
      <c r="D13609" s="6"/>
      <c r="E13609" s="6" t="s">
        <v>9</v>
      </c>
      <c r="F13609" s="7">
        <v>38657</v>
      </c>
      <c r="G13609" s="8">
        <v>1</v>
      </c>
      <c r="H13609" s="8">
        <v>1</v>
      </c>
      <c r="I13609" s="8">
        <v>0</v>
      </c>
      <c r="J13609" s="8">
        <v>1</v>
      </c>
      <c r="K13609" s="9">
        <v>2.57</v>
      </c>
      <c r="L13609" s="6" t="s">
        <v>51</v>
      </c>
    </row>
    <row r="13610" spans="1:12">
      <c r="A13610" s="6" t="s">
        <v>49</v>
      </c>
      <c r="B13610" s="6"/>
      <c r="C13610" s="6" t="s">
        <v>13634</v>
      </c>
      <c r="D13610" s="6"/>
      <c r="E13610" s="6" t="s">
        <v>9</v>
      </c>
      <c r="F13610" s="7">
        <v>38657</v>
      </c>
      <c r="G13610" s="8">
        <v>1</v>
      </c>
      <c r="H13610" s="8">
        <v>1</v>
      </c>
      <c r="I13610" s="8">
        <v>0</v>
      </c>
      <c r="J13610" s="8">
        <v>1</v>
      </c>
      <c r="K13610" s="9">
        <v>57.16</v>
      </c>
      <c r="L13610" s="6" t="s">
        <v>51</v>
      </c>
    </row>
    <row r="13611" spans="1:12">
      <c r="A13611" s="6" t="s">
        <v>49</v>
      </c>
      <c r="B13611" s="6"/>
      <c r="C13611" s="6" t="s">
        <v>13635</v>
      </c>
      <c r="D13611" s="6"/>
      <c r="E13611" s="6" t="s">
        <v>9</v>
      </c>
      <c r="F13611" s="7">
        <v>38657</v>
      </c>
      <c r="G13611" s="8">
        <v>1</v>
      </c>
      <c r="H13611" s="8">
        <v>1</v>
      </c>
      <c r="I13611" s="8">
        <v>0</v>
      </c>
      <c r="J13611" s="8">
        <v>1</v>
      </c>
      <c r="K13611" s="9">
        <v>27.75</v>
      </c>
      <c r="L13611" s="6" t="s">
        <v>51</v>
      </c>
    </row>
    <row r="13612" spans="1:12">
      <c r="A13612" s="6" t="s">
        <v>49</v>
      </c>
      <c r="B13612" s="6"/>
      <c r="C13612" s="6" t="s">
        <v>13636</v>
      </c>
      <c r="D13612" s="6"/>
      <c r="E13612" s="6" t="s">
        <v>9</v>
      </c>
      <c r="F13612" s="7">
        <v>38657</v>
      </c>
      <c r="G13612" s="8">
        <v>1</v>
      </c>
      <c r="H13612" s="8">
        <v>1</v>
      </c>
      <c r="I13612" s="8">
        <v>0</v>
      </c>
      <c r="J13612" s="8">
        <v>1</v>
      </c>
      <c r="K13612" s="9">
        <v>30</v>
      </c>
      <c r="L13612" s="6" t="s">
        <v>51</v>
      </c>
    </row>
    <row r="13613" spans="1:12">
      <c r="A13613" s="6" t="s">
        <v>49</v>
      </c>
      <c r="B13613" s="6"/>
      <c r="C13613" s="6" t="s">
        <v>13637</v>
      </c>
      <c r="D13613" s="6"/>
      <c r="E13613" s="6" t="s">
        <v>9</v>
      </c>
      <c r="F13613" s="7">
        <v>38657</v>
      </c>
      <c r="G13613" s="8">
        <v>1</v>
      </c>
      <c r="H13613" s="8">
        <v>1</v>
      </c>
      <c r="I13613" s="8">
        <v>0</v>
      </c>
      <c r="J13613" s="8">
        <v>1</v>
      </c>
      <c r="K13613" s="9">
        <v>9.91</v>
      </c>
      <c r="L13613" s="6" t="s">
        <v>51</v>
      </c>
    </row>
    <row r="13614" spans="1:12">
      <c r="A13614" s="6" t="s">
        <v>49</v>
      </c>
      <c r="B13614" s="6"/>
      <c r="C13614" s="6" t="s">
        <v>13638</v>
      </c>
      <c r="D13614" s="6"/>
      <c r="E13614" s="6" t="s">
        <v>9</v>
      </c>
      <c r="F13614" s="7">
        <v>38657</v>
      </c>
      <c r="G13614" s="8">
        <v>1</v>
      </c>
      <c r="H13614" s="8">
        <v>1</v>
      </c>
      <c r="I13614" s="8">
        <v>0</v>
      </c>
      <c r="J13614" s="8">
        <v>1</v>
      </c>
      <c r="K13614" s="9">
        <v>1.95</v>
      </c>
      <c r="L13614" s="6" t="s">
        <v>51</v>
      </c>
    </row>
    <row r="13615" spans="1:12">
      <c r="A13615" s="6" t="s">
        <v>49</v>
      </c>
      <c r="B13615" s="6"/>
      <c r="C13615" s="6" t="s">
        <v>13639</v>
      </c>
      <c r="D13615" s="6"/>
      <c r="E13615" s="6" t="s">
        <v>9</v>
      </c>
      <c r="F13615" s="7">
        <v>38657</v>
      </c>
      <c r="G13615" s="8">
        <v>1</v>
      </c>
      <c r="H13615" s="8">
        <v>1</v>
      </c>
      <c r="I13615" s="8">
        <v>0</v>
      </c>
      <c r="J13615" s="8">
        <v>1</v>
      </c>
      <c r="K13615" s="9">
        <v>12</v>
      </c>
      <c r="L13615" s="6" t="s">
        <v>51</v>
      </c>
    </row>
    <row r="13616" spans="1:12">
      <c r="A13616" s="6" t="s">
        <v>49</v>
      </c>
      <c r="B13616" s="6"/>
      <c r="C13616" s="6" t="s">
        <v>13640</v>
      </c>
      <c r="D13616" s="6"/>
      <c r="E13616" s="6" t="s">
        <v>9</v>
      </c>
      <c r="F13616" s="7">
        <v>38657</v>
      </c>
      <c r="G13616" s="8">
        <v>1</v>
      </c>
      <c r="H13616" s="8">
        <v>1</v>
      </c>
      <c r="I13616" s="8">
        <v>0</v>
      </c>
      <c r="J13616" s="8">
        <v>1</v>
      </c>
      <c r="K13616" s="9">
        <v>3.3</v>
      </c>
      <c r="L13616" s="6" t="s">
        <v>51</v>
      </c>
    </row>
    <row r="13617" spans="1:12">
      <c r="A13617" s="6" t="s">
        <v>49</v>
      </c>
      <c r="B13617" s="6"/>
      <c r="C13617" s="6" t="s">
        <v>13641</v>
      </c>
      <c r="D13617" s="6"/>
      <c r="E13617" s="6" t="s">
        <v>9</v>
      </c>
      <c r="F13617" s="7">
        <v>38657</v>
      </c>
      <c r="G13617" s="8">
        <v>1</v>
      </c>
      <c r="H13617" s="8">
        <v>1</v>
      </c>
      <c r="I13617" s="8">
        <v>0</v>
      </c>
      <c r="J13617" s="8">
        <v>1</v>
      </c>
      <c r="K13617" s="9">
        <v>1.65</v>
      </c>
      <c r="L13617" s="6" t="s">
        <v>51</v>
      </c>
    </row>
    <row r="13618" spans="1:12">
      <c r="A13618" s="6" t="s">
        <v>49</v>
      </c>
      <c r="B13618" s="6"/>
      <c r="C13618" s="6" t="s">
        <v>13642</v>
      </c>
      <c r="D13618" s="6"/>
      <c r="E13618" s="6" t="s">
        <v>9</v>
      </c>
      <c r="F13618" s="7">
        <v>38657</v>
      </c>
      <c r="G13618" s="8">
        <v>1</v>
      </c>
      <c r="H13618" s="8">
        <v>1</v>
      </c>
      <c r="I13618" s="8">
        <v>0</v>
      </c>
      <c r="J13618" s="8">
        <v>1</v>
      </c>
      <c r="K13618" s="9">
        <v>92</v>
      </c>
      <c r="L13618" s="6" t="s">
        <v>51</v>
      </c>
    </row>
    <row r="13619" spans="1:12">
      <c r="A13619" s="6" t="s">
        <v>49</v>
      </c>
      <c r="B13619" s="6"/>
      <c r="C13619" s="6" t="s">
        <v>13643</v>
      </c>
      <c r="D13619" s="6"/>
      <c r="E13619" s="6" t="s">
        <v>9</v>
      </c>
      <c r="F13619" s="7">
        <v>38657</v>
      </c>
      <c r="G13619" s="8">
        <v>1</v>
      </c>
      <c r="H13619" s="8">
        <v>1</v>
      </c>
      <c r="I13619" s="8">
        <v>0</v>
      </c>
      <c r="J13619" s="8">
        <v>1</v>
      </c>
      <c r="K13619" s="9">
        <v>8.59</v>
      </c>
      <c r="L13619" s="6" t="s">
        <v>51</v>
      </c>
    </row>
    <row r="13620" spans="1:12">
      <c r="A13620" s="6" t="s">
        <v>49</v>
      </c>
      <c r="B13620" s="6"/>
      <c r="C13620" s="6" t="s">
        <v>13644</v>
      </c>
      <c r="D13620" s="6"/>
      <c r="E13620" s="6" t="s">
        <v>9</v>
      </c>
      <c r="F13620" s="7">
        <v>38657</v>
      </c>
      <c r="G13620" s="8">
        <v>1</v>
      </c>
      <c r="H13620" s="8">
        <v>1</v>
      </c>
      <c r="I13620" s="8">
        <v>0</v>
      </c>
      <c r="J13620" s="8">
        <v>1</v>
      </c>
      <c r="K13620" s="9">
        <v>1.1000000000000001</v>
      </c>
      <c r="L13620" s="6" t="s">
        <v>51</v>
      </c>
    </row>
    <row r="13621" spans="1:12">
      <c r="A13621" s="6" t="s">
        <v>49</v>
      </c>
      <c r="B13621" s="6"/>
      <c r="C13621" s="6" t="s">
        <v>13645</v>
      </c>
      <c r="D13621" s="6"/>
      <c r="E13621" s="6" t="s">
        <v>9</v>
      </c>
      <c r="F13621" s="7">
        <v>38657</v>
      </c>
      <c r="G13621" s="8">
        <v>1</v>
      </c>
      <c r="H13621" s="8">
        <v>1</v>
      </c>
      <c r="I13621" s="8">
        <v>0</v>
      </c>
      <c r="J13621" s="8">
        <v>1</v>
      </c>
      <c r="K13621" s="9">
        <v>0.67</v>
      </c>
      <c r="L13621" s="6" t="s">
        <v>51</v>
      </c>
    </row>
    <row r="13622" spans="1:12">
      <c r="A13622" s="6" t="s">
        <v>49</v>
      </c>
      <c r="B13622" s="6"/>
      <c r="C13622" s="6" t="s">
        <v>13646</v>
      </c>
      <c r="D13622" s="6"/>
      <c r="E13622" s="6" t="s">
        <v>9</v>
      </c>
      <c r="F13622" s="7">
        <v>38657</v>
      </c>
      <c r="G13622" s="8">
        <v>1</v>
      </c>
      <c r="H13622" s="8">
        <v>1</v>
      </c>
      <c r="I13622" s="8">
        <v>0</v>
      </c>
      <c r="J13622" s="8">
        <v>1</v>
      </c>
      <c r="K13622" s="9">
        <v>2.2200000000000002</v>
      </c>
      <c r="L13622" s="6" t="s">
        <v>51</v>
      </c>
    </row>
    <row r="13623" spans="1:12">
      <c r="A13623" s="6" t="s">
        <v>49</v>
      </c>
      <c r="B13623" s="6"/>
      <c r="C13623" s="6" t="s">
        <v>13647</v>
      </c>
      <c r="D13623" s="6"/>
      <c r="E13623" s="6" t="s">
        <v>9</v>
      </c>
      <c r="F13623" s="7">
        <v>38657</v>
      </c>
      <c r="G13623" s="8">
        <v>1</v>
      </c>
      <c r="H13623" s="8">
        <v>1</v>
      </c>
      <c r="I13623" s="8">
        <v>0</v>
      </c>
      <c r="J13623" s="8">
        <v>1</v>
      </c>
      <c r="K13623" s="9">
        <v>3.49</v>
      </c>
      <c r="L13623" s="6" t="s">
        <v>51</v>
      </c>
    </row>
    <row r="13624" spans="1:12">
      <c r="A13624" s="6" t="s">
        <v>49</v>
      </c>
      <c r="B13624" s="6"/>
      <c r="C13624" s="6" t="s">
        <v>13648</v>
      </c>
      <c r="D13624" s="6"/>
      <c r="E13624" s="6" t="s">
        <v>9</v>
      </c>
      <c r="F13624" s="7">
        <v>38657</v>
      </c>
      <c r="G13624" s="8">
        <v>1</v>
      </c>
      <c r="H13624" s="8">
        <v>1</v>
      </c>
      <c r="I13624" s="8">
        <v>0</v>
      </c>
      <c r="J13624" s="8">
        <v>1</v>
      </c>
      <c r="K13624" s="9">
        <v>2.52</v>
      </c>
      <c r="L13624" s="6" t="s">
        <v>51</v>
      </c>
    </row>
    <row r="13625" spans="1:12">
      <c r="A13625" s="6" t="s">
        <v>49</v>
      </c>
      <c r="B13625" s="6"/>
      <c r="C13625" s="6" t="s">
        <v>13649</v>
      </c>
      <c r="D13625" s="6"/>
      <c r="E13625" s="6" t="s">
        <v>9</v>
      </c>
      <c r="F13625" s="7">
        <v>38657</v>
      </c>
      <c r="G13625" s="8">
        <v>1</v>
      </c>
      <c r="H13625" s="8">
        <v>1</v>
      </c>
      <c r="I13625" s="8">
        <v>0</v>
      </c>
      <c r="J13625" s="8">
        <v>1</v>
      </c>
      <c r="K13625" s="9">
        <v>8.6300000000000008</v>
      </c>
      <c r="L13625" s="6" t="s">
        <v>51</v>
      </c>
    </row>
    <row r="13626" spans="1:12">
      <c r="A13626" s="6" t="s">
        <v>49</v>
      </c>
      <c r="B13626" s="6"/>
      <c r="C13626" s="6" t="s">
        <v>13650</v>
      </c>
      <c r="D13626" s="6"/>
      <c r="E13626" s="6" t="s">
        <v>9</v>
      </c>
      <c r="F13626" s="7">
        <v>38657</v>
      </c>
      <c r="G13626" s="8">
        <v>1</v>
      </c>
      <c r="H13626" s="8">
        <v>1</v>
      </c>
      <c r="I13626" s="8">
        <v>0</v>
      </c>
      <c r="J13626" s="8">
        <v>1</v>
      </c>
      <c r="K13626" s="9">
        <v>13.85</v>
      </c>
      <c r="L13626" s="6" t="s">
        <v>51</v>
      </c>
    </row>
    <row r="13627" spans="1:12">
      <c r="A13627" s="6" t="s">
        <v>49</v>
      </c>
      <c r="B13627" s="6"/>
      <c r="C13627" s="6" t="s">
        <v>13651</v>
      </c>
      <c r="D13627" s="6"/>
      <c r="E13627" s="6" t="s">
        <v>9</v>
      </c>
      <c r="F13627" s="7">
        <v>38657</v>
      </c>
      <c r="G13627" s="8">
        <v>1</v>
      </c>
      <c r="H13627" s="8">
        <v>1</v>
      </c>
      <c r="I13627" s="8">
        <v>0</v>
      </c>
      <c r="J13627" s="8">
        <v>1</v>
      </c>
      <c r="K13627" s="9">
        <v>11.54</v>
      </c>
      <c r="L13627" s="6" t="s">
        <v>51</v>
      </c>
    </row>
    <row r="13628" spans="1:12">
      <c r="A13628" s="6" t="s">
        <v>49</v>
      </c>
      <c r="B13628" s="6"/>
      <c r="C13628" s="6" t="s">
        <v>13652</v>
      </c>
      <c r="D13628" s="6"/>
      <c r="E13628" s="6" t="s">
        <v>9</v>
      </c>
      <c r="F13628" s="7">
        <v>38657</v>
      </c>
      <c r="G13628" s="8">
        <v>1</v>
      </c>
      <c r="H13628" s="8">
        <v>1</v>
      </c>
      <c r="I13628" s="8">
        <v>0</v>
      </c>
      <c r="J13628" s="8">
        <v>1</v>
      </c>
      <c r="K13628" s="9">
        <v>0.76</v>
      </c>
      <c r="L13628" s="6" t="s">
        <v>51</v>
      </c>
    </row>
    <row r="13629" spans="1:12">
      <c r="A13629" s="6" t="s">
        <v>49</v>
      </c>
      <c r="B13629" s="6"/>
      <c r="C13629" s="6" t="s">
        <v>13653</v>
      </c>
      <c r="D13629" s="6"/>
      <c r="E13629" s="6" t="s">
        <v>9</v>
      </c>
      <c r="F13629" s="7">
        <v>38657</v>
      </c>
      <c r="G13629" s="8">
        <v>1</v>
      </c>
      <c r="H13629" s="8">
        <v>1</v>
      </c>
      <c r="I13629" s="8">
        <v>0</v>
      </c>
      <c r="J13629" s="8">
        <v>1</v>
      </c>
      <c r="K13629" s="9">
        <v>92</v>
      </c>
      <c r="L13629" s="6" t="s">
        <v>51</v>
      </c>
    </row>
    <row r="13630" spans="1:12">
      <c r="A13630" s="6" t="s">
        <v>49</v>
      </c>
      <c r="B13630" s="6"/>
      <c r="C13630" s="6" t="s">
        <v>13654</v>
      </c>
      <c r="D13630" s="6"/>
      <c r="E13630" s="6" t="s">
        <v>9</v>
      </c>
      <c r="F13630" s="7">
        <v>38657</v>
      </c>
      <c r="G13630" s="8">
        <v>1</v>
      </c>
      <c r="H13630" s="8">
        <v>1</v>
      </c>
      <c r="I13630" s="8">
        <v>0</v>
      </c>
      <c r="J13630" s="8">
        <v>1</v>
      </c>
      <c r="K13630" s="9">
        <v>518</v>
      </c>
      <c r="L13630" s="6" t="s">
        <v>51</v>
      </c>
    </row>
    <row r="13631" spans="1:12">
      <c r="A13631" s="6" t="s">
        <v>49</v>
      </c>
      <c r="B13631" s="6"/>
      <c r="C13631" s="6" t="s">
        <v>13655</v>
      </c>
      <c r="D13631" s="6"/>
      <c r="E13631" s="6" t="s">
        <v>9</v>
      </c>
      <c r="F13631" s="7">
        <v>38657</v>
      </c>
      <c r="G13631" s="8">
        <v>1</v>
      </c>
      <c r="H13631" s="8">
        <v>1</v>
      </c>
      <c r="I13631" s="8">
        <v>0</v>
      </c>
      <c r="J13631" s="8">
        <v>1</v>
      </c>
      <c r="K13631" s="9">
        <v>54</v>
      </c>
      <c r="L13631" s="6" t="s">
        <v>51</v>
      </c>
    </row>
    <row r="13632" spans="1:12">
      <c r="A13632" s="6" t="s">
        <v>49</v>
      </c>
      <c r="B13632" s="6"/>
      <c r="C13632" s="6" t="s">
        <v>13656</v>
      </c>
      <c r="D13632" s="6"/>
      <c r="E13632" s="6" t="s">
        <v>9</v>
      </c>
      <c r="F13632" s="7">
        <v>38657</v>
      </c>
      <c r="G13632" s="8">
        <v>1</v>
      </c>
      <c r="H13632" s="8">
        <v>1</v>
      </c>
      <c r="I13632" s="8">
        <v>0</v>
      </c>
      <c r="J13632" s="8">
        <v>1</v>
      </c>
      <c r="K13632" s="9">
        <v>46</v>
      </c>
      <c r="L13632" s="6" t="s">
        <v>51</v>
      </c>
    </row>
    <row r="13633" spans="1:12">
      <c r="A13633" s="6" t="s">
        <v>49</v>
      </c>
      <c r="B13633" s="6"/>
      <c r="C13633" s="6" t="s">
        <v>13657</v>
      </c>
      <c r="D13633" s="6"/>
      <c r="E13633" s="6" t="s">
        <v>9</v>
      </c>
      <c r="F13633" s="7">
        <v>39634</v>
      </c>
      <c r="G13633" s="8">
        <v>1</v>
      </c>
      <c r="H13633" s="8">
        <v>1</v>
      </c>
      <c r="I13633" s="8">
        <v>0</v>
      </c>
      <c r="J13633" s="8">
        <v>1</v>
      </c>
      <c r="K13633" s="9">
        <v>29.96</v>
      </c>
      <c r="L13633" s="6" t="s">
        <v>51</v>
      </c>
    </row>
    <row r="13634" spans="1:12">
      <c r="A13634" s="6" t="s">
        <v>49</v>
      </c>
      <c r="B13634" s="6"/>
      <c r="C13634" s="6" t="s">
        <v>13658</v>
      </c>
      <c r="D13634" s="6"/>
      <c r="E13634" s="6" t="s">
        <v>9</v>
      </c>
      <c r="F13634" s="7">
        <v>39634</v>
      </c>
      <c r="G13634" s="8">
        <v>1</v>
      </c>
      <c r="H13634" s="8">
        <v>1</v>
      </c>
      <c r="I13634" s="8">
        <v>0</v>
      </c>
      <c r="J13634" s="8">
        <v>1</v>
      </c>
      <c r="K13634" s="9">
        <v>13.03</v>
      </c>
      <c r="L13634" s="6" t="s">
        <v>51</v>
      </c>
    </row>
    <row r="13635" spans="1:12">
      <c r="A13635" s="6" t="s">
        <v>49</v>
      </c>
      <c r="B13635" s="6"/>
      <c r="C13635" s="6" t="s">
        <v>13659</v>
      </c>
      <c r="D13635" s="6"/>
      <c r="E13635" s="6" t="s">
        <v>9</v>
      </c>
      <c r="F13635" s="7">
        <v>39634</v>
      </c>
      <c r="G13635" s="8">
        <v>1</v>
      </c>
      <c r="H13635" s="8">
        <v>1</v>
      </c>
      <c r="I13635" s="8">
        <v>0</v>
      </c>
      <c r="J13635" s="8">
        <v>1</v>
      </c>
      <c r="K13635" s="9">
        <v>25.28</v>
      </c>
      <c r="L13635" s="6" t="s">
        <v>51</v>
      </c>
    </row>
    <row r="13636" spans="1:12">
      <c r="A13636" s="6" t="s">
        <v>49</v>
      </c>
      <c r="B13636" s="6"/>
      <c r="C13636" s="6" t="s">
        <v>13660</v>
      </c>
      <c r="D13636" s="6"/>
      <c r="E13636" s="6" t="s">
        <v>9</v>
      </c>
      <c r="F13636" s="7">
        <v>39634</v>
      </c>
      <c r="G13636" s="8">
        <v>1</v>
      </c>
      <c r="H13636" s="8">
        <v>1</v>
      </c>
      <c r="I13636" s="8">
        <v>0</v>
      </c>
      <c r="J13636" s="8">
        <v>1</v>
      </c>
      <c r="K13636" s="9">
        <v>10.34</v>
      </c>
      <c r="L13636" s="6" t="s">
        <v>51</v>
      </c>
    </row>
    <row r="13637" spans="1:12">
      <c r="A13637" s="6" t="s">
        <v>49</v>
      </c>
      <c r="B13637" s="6"/>
      <c r="C13637" s="6" t="s">
        <v>13661</v>
      </c>
      <c r="D13637" s="6"/>
      <c r="E13637" s="6" t="s">
        <v>9</v>
      </c>
      <c r="F13637" s="7">
        <v>39634</v>
      </c>
      <c r="G13637" s="8">
        <v>1</v>
      </c>
      <c r="H13637" s="8">
        <v>1</v>
      </c>
      <c r="I13637" s="8">
        <v>0</v>
      </c>
      <c r="J13637" s="8">
        <v>1</v>
      </c>
      <c r="K13637" s="9">
        <v>10.15</v>
      </c>
      <c r="L13637" s="6" t="s">
        <v>51</v>
      </c>
    </row>
    <row r="13638" spans="1:12">
      <c r="A13638" s="6" t="s">
        <v>49</v>
      </c>
      <c r="B13638" s="6"/>
      <c r="C13638" s="6" t="s">
        <v>13662</v>
      </c>
      <c r="D13638" s="6"/>
      <c r="E13638" s="6" t="s">
        <v>9</v>
      </c>
      <c r="F13638" s="7">
        <v>38657</v>
      </c>
      <c r="G13638" s="8">
        <v>1</v>
      </c>
      <c r="H13638" s="8">
        <v>1</v>
      </c>
      <c r="I13638" s="8">
        <v>0</v>
      </c>
      <c r="J13638" s="8">
        <v>1</v>
      </c>
      <c r="K13638" s="9">
        <v>27</v>
      </c>
      <c r="L13638" s="6" t="s">
        <v>51</v>
      </c>
    </row>
    <row r="13639" spans="1:12">
      <c r="A13639" s="6" t="s">
        <v>49</v>
      </c>
      <c r="B13639" s="6"/>
      <c r="C13639" s="6" t="s">
        <v>13663</v>
      </c>
      <c r="D13639" s="6"/>
      <c r="E13639" s="6" t="s">
        <v>9</v>
      </c>
      <c r="F13639" s="7">
        <v>39800</v>
      </c>
      <c r="G13639" s="8">
        <v>1</v>
      </c>
      <c r="H13639" s="8">
        <v>1</v>
      </c>
      <c r="I13639" s="8">
        <v>0</v>
      </c>
      <c r="J13639" s="8">
        <v>1</v>
      </c>
      <c r="K13639" s="9">
        <v>1.91</v>
      </c>
      <c r="L13639" s="6" t="s">
        <v>51</v>
      </c>
    </row>
    <row r="13640" spans="1:12">
      <c r="A13640" s="6" t="s">
        <v>49</v>
      </c>
      <c r="B13640" s="6"/>
      <c r="C13640" s="6" t="s">
        <v>13664</v>
      </c>
      <c r="D13640" s="6"/>
      <c r="E13640" s="6" t="s">
        <v>9</v>
      </c>
      <c r="F13640" s="7">
        <v>38657</v>
      </c>
      <c r="G13640" s="8">
        <v>1</v>
      </c>
      <c r="H13640" s="8">
        <v>1</v>
      </c>
      <c r="I13640" s="8">
        <v>0</v>
      </c>
      <c r="J13640" s="8">
        <v>1</v>
      </c>
      <c r="K13640" s="9">
        <v>95</v>
      </c>
      <c r="L13640" s="6" t="s">
        <v>51</v>
      </c>
    </row>
    <row r="13641" spans="1:12">
      <c r="A13641" s="6" t="s">
        <v>49</v>
      </c>
      <c r="B13641" s="6"/>
      <c r="C13641" s="6" t="s">
        <v>13665</v>
      </c>
      <c r="D13641" s="6"/>
      <c r="E13641" s="6" t="s">
        <v>9</v>
      </c>
      <c r="F13641" s="7">
        <v>38657</v>
      </c>
      <c r="G13641" s="8">
        <v>1</v>
      </c>
      <c r="H13641" s="8">
        <v>1</v>
      </c>
      <c r="I13641" s="8">
        <v>0</v>
      </c>
      <c r="J13641" s="8">
        <v>1</v>
      </c>
      <c r="K13641" s="9">
        <v>16</v>
      </c>
      <c r="L13641" s="6" t="s">
        <v>51</v>
      </c>
    </row>
    <row r="13642" spans="1:12">
      <c r="A13642" s="6" t="s">
        <v>49</v>
      </c>
      <c r="B13642" s="6"/>
      <c r="C13642" s="6" t="s">
        <v>13666</v>
      </c>
      <c r="D13642" s="6"/>
      <c r="E13642" s="6" t="s">
        <v>9</v>
      </c>
      <c r="F13642" s="7">
        <v>38657</v>
      </c>
      <c r="G13642" s="8">
        <v>1</v>
      </c>
      <c r="H13642" s="8">
        <v>1</v>
      </c>
      <c r="I13642" s="8">
        <v>0</v>
      </c>
      <c r="J13642" s="8">
        <v>1</v>
      </c>
      <c r="K13642" s="9">
        <v>16</v>
      </c>
      <c r="L13642" s="6" t="s">
        <v>51</v>
      </c>
    </row>
    <row r="13643" spans="1:12">
      <c r="A13643" s="6" t="s">
        <v>49</v>
      </c>
      <c r="B13643" s="6"/>
      <c r="C13643" s="6" t="s">
        <v>13667</v>
      </c>
      <c r="D13643" s="6"/>
      <c r="E13643" s="6" t="s">
        <v>9</v>
      </c>
      <c r="F13643" s="7">
        <v>38657</v>
      </c>
      <c r="G13643" s="8">
        <v>1</v>
      </c>
      <c r="H13643" s="8">
        <v>1</v>
      </c>
      <c r="I13643" s="8">
        <v>0</v>
      </c>
      <c r="J13643" s="8">
        <v>1</v>
      </c>
      <c r="K13643" s="9">
        <v>5.52</v>
      </c>
      <c r="L13643" s="6" t="s">
        <v>51</v>
      </c>
    </row>
    <row r="13644" spans="1:12">
      <c r="A13644" s="6" t="s">
        <v>49</v>
      </c>
      <c r="B13644" s="6"/>
      <c r="C13644" s="6" t="s">
        <v>13668</v>
      </c>
      <c r="D13644" s="6"/>
      <c r="E13644" s="6" t="s">
        <v>9</v>
      </c>
      <c r="F13644" s="7">
        <v>38657</v>
      </c>
      <c r="G13644" s="8">
        <v>1</v>
      </c>
      <c r="H13644" s="8">
        <v>1</v>
      </c>
      <c r="I13644" s="8">
        <v>0</v>
      </c>
      <c r="J13644" s="8">
        <v>1</v>
      </c>
      <c r="K13644" s="9">
        <v>9.17</v>
      </c>
      <c r="L13644" s="6" t="s">
        <v>51</v>
      </c>
    </row>
    <row r="13645" spans="1:12">
      <c r="A13645" s="6" t="s">
        <v>49</v>
      </c>
      <c r="B13645" s="6"/>
      <c r="C13645" s="6" t="s">
        <v>13669</v>
      </c>
      <c r="D13645" s="6"/>
      <c r="E13645" s="6" t="s">
        <v>9</v>
      </c>
      <c r="F13645" s="7">
        <v>38657</v>
      </c>
      <c r="G13645" s="8">
        <v>1</v>
      </c>
      <c r="H13645" s="8">
        <v>1</v>
      </c>
      <c r="I13645" s="8">
        <v>0</v>
      </c>
      <c r="J13645" s="8">
        <v>1</v>
      </c>
      <c r="K13645" s="9">
        <v>67</v>
      </c>
      <c r="L13645" s="6" t="s">
        <v>51</v>
      </c>
    </row>
    <row r="13646" spans="1:12">
      <c r="A13646" s="6" t="s">
        <v>49</v>
      </c>
      <c r="B13646" s="6"/>
      <c r="C13646" s="6" t="s">
        <v>13670</v>
      </c>
      <c r="D13646" s="6"/>
      <c r="E13646" s="6" t="s">
        <v>9</v>
      </c>
      <c r="F13646" s="7">
        <v>38657</v>
      </c>
      <c r="G13646" s="8">
        <v>1</v>
      </c>
      <c r="H13646" s="8">
        <v>1</v>
      </c>
      <c r="I13646" s="8">
        <v>0</v>
      </c>
      <c r="J13646" s="8">
        <v>1</v>
      </c>
      <c r="K13646" s="9">
        <v>57</v>
      </c>
      <c r="L13646" s="6" t="s">
        <v>51</v>
      </c>
    </row>
    <row r="13647" spans="1:12">
      <c r="A13647" s="6" t="s">
        <v>49</v>
      </c>
      <c r="B13647" s="6"/>
      <c r="C13647" s="6" t="s">
        <v>13671</v>
      </c>
      <c r="D13647" s="6"/>
      <c r="E13647" s="6" t="s">
        <v>9</v>
      </c>
      <c r="F13647" s="7">
        <v>38657</v>
      </c>
      <c r="G13647" s="8">
        <v>1</v>
      </c>
      <c r="H13647" s="8">
        <v>1</v>
      </c>
      <c r="I13647" s="8">
        <v>0</v>
      </c>
      <c r="J13647" s="8">
        <v>1</v>
      </c>
      <c r="K13647" s="9">
        <v>29</v>
      </c>
      <c r="L13647" s="6" t="s">
        <v>51</v>
      </c>
    </row>
    <row r="13648" spans="1:12">
      <c r="A13648" s="6" t="s">
        <v>49</v>
      </c>
      <c r="B13648" s="6"/>
      <c r="C13648" s="6" t="s">
        <v>13672</v>
      </c>
      <c r="D13648" s="6"/>
      <c r="E13648" s="6" t="s">
        <v>9</v>
      </c>
      <c r="F13648" s="7">
        <v>38657</v>
      </c>
      <c r="G13648" s="8">
        <v>1</v>
      </c>
      <c r="H13648" s="8">
        <v>1</v>
      </c>
      <c r="I13648" s="8">
        <v>0</v>
      </c>
      <c r="J13648" s="8">
        <v>1</v>
      </c>
      <c r="K13648" s="9">
        <v>11</v>
      </c>
      <c r="L13648" s="6" t="s">
        <v>51</v>
      </c>
    </row>
    <row r="13649" spans="1:12">
      <c r="A13649" s="6" t="s">
        <v>49</v>
      </c>
      <c r="B13649" s="6"/>
      <c r="C13649" s="6" t="s">
        <v>13673</v>
      </c>
      <c r="D13649" s="6"/>
      <c r="E13649" s="6" t="s">
        <v>9</v>
      </c>
      <c r="F13649" s="7">
        <v>38657</v>
      </c>
      <c r="G13649" s="8">
        <v>1</v>
      </c>
      <c r="H13649" s="8">
        <v>1</v>
      </c>
      <c r="I13649" s="8">
        <v>0</v>
      </c>
      <c r="J13649" s="8">
        <v>1</v>
      </c>
      <c r="K13649" s="9">
        <v>20</v>
      </c>
      <c r="L13649" s="6" t="s">
        <v>51</v>
      </c>
    </row>
    <row r="13650" spans="1:12">
      <c r="A13650" s="6" t="s">
        <v>49</v>
      </c>
      <c r="B13650" s="6"/>
      <c r="C13650" s="6" t="s">
        <v>13674</v>
      </c>
      <c r="D13650" s="6"/>
      <c r="E13650" s="6" t="s">
        <v>9</v>
      </c>
      <c r="F13650" s="7">
        <v>38657</v>
      </c>
      <c r="G13650" s="8">
        <v>1</v>
      </c>
      <c r="H13650" s="8">
        <v>1</v>
      </c>
      <c r="I13650" s="8">
        <v>0</v>
      </c>
      <c r="J13650" s="8">
        <v>1</v>
      </c>
      <c r="K13650" s="9">
        <v>9.91</v>
      </c>
      <c r="L13650" s="6" t="s">
        <v>51</v>
      </c>
    </row>
    <row r="13651" spans="1:12">
      <c r="A13651" s="6" t="s">
        <v>49</v>
      </c>
      <c r="B13651" s="6"/>
      <c r="C13651" s="6" t="s">
        <v>13675</v>
      </c>
      <c r="D13651" s="6"/>
      <c r="E13651" s="6" t="s">
        <v>9</v>
      </c>
      <c r="F13651" s="7">
        <v>38657</v>
      </c>
      <c r="G13651" s="8">
        <v>1</v>
      </c>
      <c r="H13651" s="8">
        <v>1</v>
      </c>
      <c r="I13651" s="8">
        <v>0</v>
      </c>
      <c r="J13651" s="8">
        <v>1</v>
      </c>
      <c r="K13651" s="9">
        <v>95</v>
      </c>
      <c r="L13651" s="6" t="s">
        <v>51</v>
      </c>
    </row>
    <row r="13652" spans="1:12">
      <c r="A13652" s="6" t="s">
        <v>49</v>
      </c>
      <c r="B13652" s="6"/>
      <c r="C13652" s="6" t="s">
        <v>13676</v>
      </c>
      <c r="D13652" s="6"/>
      <c r="E13652" s="6" t="s">
        <v>9</v>
      </c>
      <c r="F13652" s="7">
        <v>38657</v>
      </c>
      <c r="G13652" s="8">
        <v>1</v>
      </c>
      <c r="H13652" s="8">
        <v>1</v>
      </c>
      <c r="I13652" s="8">
        <v>0</v>
      </c>
      <c r="J13652" s="8">
        <v>1</v>
      </c>
      <c r="K13652" s="9">
        <v>10</v>
      </c>
      <c r="L13652" s="6" t="s">
        <v>51</v>
      </c>
    </row>
    <row r="13653" spans="1:12">
      <c r="A13653" s="6" t="s">
        <v>49</v>
      </c>
      <c r="B13653" s="6"/>
      <c r="C13653" s="6" t="s">
        <v>13677</v>
      </c>
      <c r="D13653" s="6"/>
      <c r="E13653" s="6" t="s">
        <v>9</v>
      </c>
      <c r="F13653" s="7">
        <v>38657</v>
      </c>
      <c r="G13653" s="8">
        <v>1</v>
      </c>
      <c r="H13653" s="8">
        <v>1</v>
      </c>
      <c r="I13653" s="8">
        <v>0</v>
      </c>
      <c r="J13653" s="8">
        <v>1</v>
      </c>
      <c r="K13653" s="9">
        <v>15</v>
      </c>
      <c r="L13653" s="6" t="s">
        <v>51</v>
      </c>
    </row>
    <row r="13654" spans="1:12">
      <c r="A13654" s="6" t="s">
        <v>49</v>
      </c>
      <c r="B13654" s="6"/>
      <c r="C13654" s="6" t="s">
        <v>13678</v>
      </c>
      <c r="D13654" s="6"/>
      <c r="E13654" s="6" t="s">
        <v>9</v>
      </c>
      <c r="F13654" s="7">
        <v>38657</v>
      </c>
      <c r="G13654" s="8">
        <v>1</v>
      </c>
      <c r="H13654" s="8">
        <v>1</v>
      </c>
      <c r="I13654" s="8">
        <v>0</v>
      </c>
      <c r="J13654" s="8">
        <v>1</v>
      </c>
      <c r="K13654" s="9">
        <v>22</v>
      </c>
      <c r="L13654" s="6" t="s">
        <v>51</v>
      </c>
    </row>
    <row r="13655" spans="1:12">
      <c r="A13655" s="6" t="s">
        <v>49</v>
      </c>
      <c r="B13655" s="6"/>
      <c r="C13655" s="6" t="s">
        <v>13679</v>
      </c>
      <c r="D13655" s="6"/>
      <c r="E13655" s="6" t="s">
        <v>9</v>
      </c>
      <c r="F13655" s="7">
        <v>38657</v>
      </c>
      <c r="G13655" s="8">
        <v>1</v>
      </c>
      <c r="H13655" s="8">
        <v>1</v>
      </c>
      <c r="I13655" s="8">
        <v>0</v>
      </c>
      <c r="J13655" s="8">
        <v>1</v>
      </c>
      <c r="K13655" s="9">
        <v>45</v>
      </c>
      <c r="L13655" s="6" t="s">
        <v>51</v>
      </c>
    </row>
    <row r="13656" spans="1:12">
      <c r="A13656" s="6" t="s">
        <v>49</v>
      </c>
      <c r="B13656" s="6"/>
      <c r="C13656" s="6" t="s">
        <v>13680</v>
      </c>
      <c r="D13656" s="6"/>
      <c r="E13656" s="6" t="s">
        <v>9</v>
      </c>
      <c r="F13656" s="7">
        <v>38657</v>
      </c>
      <c r="G13656" s="8">
        <v>1</v>
      </c>
      <c r="H13656" s="8">
        <v>1</v>
      </c>
      <c r="I13656" s="8">
        <v>0</v>
      </c>
      <c r="J13656" s="8">
        <v>1</v>
      </c>
      <c r="K13656" s="9">
        <v>55</v>
      </c>
      <c r="L13656" s="6" t="s">
        <v>51</v>
      </c>
    </row>
    <row r="13657" spans="1:12">
      <c r="A13657" s="6" t="s">
        <v>49</v>
      </c>
      <c r="B13657" s="6"/>
      <c r="C13657" s="6" t="s">
        <v>13681</v>
      </c>
      <c r="D13657" s="6"/>
      <c r="E13657" s="6" t="s">
        <v>9</v>
      </c>
      <c r="F13657" s="7">
        <v>38657</v>
      </c>
      <c r="G13657" s="8">
        <v>1</v>
      </c>
      <c r="H13657" s="8">
        <v>1</v>
      </c>
      <c r="I13657" s="8">
        <v>0</v>
      </c>
      <c r="J13657" s="8">
        <v>1</v>
      </c>
      <c r="K13657" s="9">
        <v>56</v>
      </c>
      <c r="L13657" s="6" t="s">
        <v>51</v>
      </c>
    </row>
    <row r="13658" spans="1:12">
      <c r="A13658" s="6" t="s">
        <v>49</v>
      </c>
      <c r="B13658" s="6"/>
      <c r="C13658" s="6" t="s">
        <v>13682</v>
      </c>
      <c r="D13658" s="6"/>
      <c r="E13658" s="6" t="s">
        <v>9</v>
      </c>
      <c r="F13658" s="7">
        <v>38657</v>
      </c>
      <c r="G13658" s="8">
        <v>1</v>
      </c>
      <c r="H13658" s="8">
        <v>1</v>
      </c>
      <c r="I13658" s="8">
        <v>0</v>
      </c>
      <c r="J13658" s="8">
        <v>1</v>
      </c>
      <c r="K13658" s="9">
        <v>122</v>
      </c>
      <c r="L13658" s="6" t="s">
        <v>51</v>
      </c>
    </row>
    <row r="13659" spans="1:12">
      <c r="A13659" s="6" t="s">
        <v>49</v>
      </c>
      <c r="B13659" s="6"/>
      <c r="C13659" s="6" t="s">
        <v>13683</v>
      </c>
      <c r="D13659" s="6"/>
      <c r="E13659" s="6" t="s">
        <v>9</v>
      </c>
      <c r="F13659" s="7">
        <v>38657</v>
      </c>
      <c r="G13659" s="8">
        <v>1</v>
      </c>
      <c r="H13659" s="8">
        <v>1</v>
      </c>
      <c r="I13659" s="8">
        <v>0</v>
      </c>
      <c r="J13659" s="8">
        <v>1</v>
      </c>
      <c r="K13659" s="9">
        <v>44</v>
      </c>
      <c r="L13659" s="6" t="s">
        <v>51</v>
      </c>
    </row>
    <row r="13660" spans="1:12">
      <c r="A13660" s="6" t="s">
        <v>49</v>
      </c>
      <c r="B13660" s="6"/>
      <c r="C13660" s="6" t="s">
        <v>13684</v>
      </c>
      <c r="D13660" s="6"/>
      <c r="E13660" s="6" t="s">
        <v>9</v>
      </c>
      <c r="F13660" s="7">
        <v>38657</v>
      </c>
      <c r="G13660" s="8">
        <v>1</v>
      </c>
      <c r="H13660" s="8">
        <v>1</v>
      </c>
      <c r="I13660" s="8">
        <v>0</v>
      </c>
      <c r="J13660" s="8">
        <v>1</v>
      </c>
      <c r="K13660" s="9">
        <v>32</v>
      </c>
      <c r="L13660" s="6" t="s">
        <v>51</v>
      </c>
    </row>
    <row r="13661" spans="1:12">
      <c r="A13661" s="6" t="s">
        <v>49</v>
      </c>
      <c r="B13661" s="6"/>
      <c r="C13661" s="6" t="s">
        <v>13685</v>
      </c>
      <c r="D13661" s="6"/>
      <c r="E13661" s="6" t="s">
        <v>9</v>
      </c>
      <c r="F13661" s="7">
        <v>38657</v>
      </c>
      <c r="G13661" s="8">
        <v>1</v>
      </c>
      <c r="H13661" s="8">
        <v>1</v>
      </c>
      <c r="I13661" s="8">
        <v>0</v>
      </c>
      <c r="J13661" s="8">
        <v>1</v>
      </c>
      <c r="K13661" s="9">
        <v>0.97</v>
      </c>
      <c r="L13661" s="6" t="s">
        <v>51</v>
      </c>
    </row>
    <row r="13662" spans="1:12">
      <c r="A13662" s="6" t="s">
        <v>49</v>
      </c>
      <c r="B13662" s="6"/>
      <c r="C13662" s="6" t="s">
        <v>13686</v>
      </c>
      <c r="D13662" s="6"/>
      <c r="E13662" s="6" t="s">
        <v>9</v>
      </c>
      <c r="F13662" s="7">
        <v>38657</v>
      </c>
      <c r="G13662" s="8">
        <v>1</v>
      </c>
      <c r="H13662" s="8">
        <v>1</v>
      </c>
      <c r="I13662" s="8">
        <v>0</v>
      </c>
      <c r="J13662" s="8">
        <v>1</v>
      </c>
      <c r="K13662" s="9">
        <v>92</v>
      </c>
      <c r="L13662" s="6" t="s">
        <v>51</v>
      </c>
    </row>
    <row r="13663" spans="1:12">
      <c r="A13663" s="6" t="s">
        <v>49</v>
      </c>
      <c r="B13663" s="6"/>
      <c r="C13663" s="6" t="s">
        <v>13687</v>
      </c>
      <c r="D13663" s="6"/>
      <c r="E13663" s="6" t="s">
        <v>9</v>
      </c>
      <c r="F13663" s="7">
        <v>38657</v>
      </c>
      <c r="G13663" s="8">
        <v>1</v>
      </c>
      <c r="H13663" s="8">
        <v>1</v>
      </c>
      <c r="I13663" s="8">
        <v>0</v>
      </c>
      <c r="J13663" s="8">
        <v>1</v>
      </c>
      <c r="K13663" s="9">
        <v>141</v>
      </c>
      <c r="L13663" s="6" t="s">
        <v>51</v>
      </c>
    </row>
    <row r="13664" spans="1:12">
      <c r="A13664" s="6" t="s">
        <v>49</v>
      </c>
      <c r="B13664" s="6"/>
      <c r="C13664" s="6" t="s">
        <v>13688</v>
      </c>
      <c r="D13664" s="6"/>
      <c r="E13664" s="6" t="s">
        <v>9</v>
      </c>
      <c r="F13664" s="7">
        <v>38657</v>
      </c>
      <c r="G13664" s="8">
        <v>1</v>
      </c>
      <c r="H13664" s="8">
        <v>1</v>
      </c>
      <c r="I13664" s="8">
        <v>0</v>
      </c>
      <c r="J13664" s="8">
        <v>1</v>
      </c>
      <c r="K13664" s="9">
        <v>415</v>
      </c>
      <c r="L13664" s="6" t="s">
        <v>51</v>
      </c>
    </row>
    <row r="13665" spans="1:12">
      <c r="A13665" s="6" t="s">
        <v>49</v>
      </c>
      <c r="B13665" s="6"/>
      <c r="C13665" s="6" t="s">
        <v>13689</v>
      </c>
      <c r="D13665" s="6"/>
      <c r="E13665" s="6" t="s">
        <v>9</v>
      </c>
      <c r="F13665" s="7">
        <v>38657</v>
      </c>
      <c r="G13665" s="8">
        <v>1</v>
      </c>
      <c r="H13665" s="8">
        <v>1</v>
      </c>
      <c r="I13665" s="8">
        <v>0</v>
      </c>
      <c r="J13665" s="8">
        <v>1</v>
      </c>
      <c r="K13665" s="9">
        <v>16.559999999999899</v>
      </c>
      <c r="L13665" s="6" t="s">
        <v>51</v>
      </c>
    </row>
    <row r="13666" spans="1:12">
      <c r="A13666" s="6" t="s">
        <v>49</v>
      </c>
      <c r="B13666" s="6"/>
      <c r="C13666" s="6" t="s">
        <v>13690</v>
      </c>
      <c r="D13666" s="6"/>
      <c r="E13666" s="6" t="s">
        <v>9</v>
      </c>
      <c r="F13666" s="7">
        <v>38657</v>
      </c>
      <c r="G13666" s="8">
        <v>1</v>
      </c>
      <c r="H13666" s="8">
        <v>1</v>
      </c>
      <c r="I13666" s="8">
        <v>0</v>
      </c>
      <c r="J13666" s="8">
        <v>1</v>
      </c>
      <c r="K13666" s="9">
        <v>99</v>
      </c>
      <c r="L13666" s="6" t="s">
        <v>51</v>
      </c>
    </row>
    <row r="13667" spans="1:12">
      <c r="A13667" s="6" t="s">
        <v>49</v>
      </c>
      <c r="B13667" s="6"/>
      <c r="C13667" s="6" t="s">
        <v>13691</v>
      </c>
      <c r="D13667" s="6"/>
      <c r="E13667" s="6" t="s">
        <v>9</v>
      </c>
      <c r="F13667" s="7">
        <v>38657</v>
      </c>
      <c r="G13667" s="8">
        <v>1</v>
      </c>
      <c r="H13667" s="8">
        <v>1</v>
      </c>
      <c r="I13667" s="8">
        <v>0</v>
      </c>
      <c r="J13667" s="8">
        <v>1</v>
      </c>
      <c r="K13667" s="9">
        <v>100.64</v>
      </c>
      <c r="L13667" s="6" t="s">
        <v>51</v>
      </c>
    </row>
    <row r="13668" spans="1:12">
      <c r="A13668" s="6" t="s">
        <v>49</v>
      </c>
      <c r="B13668" s="6"/>
      <c r="C13668" s="6" t="s">
        <v>13692</v>
      </c>
      <c r="D13668" s="6"/>
      <c r="E13668" s="6" t="s">
        <v>9</v>
      </c>
      <c r="F13668" s="7">
        <v>38657</v>
      </c>
      <c r="G13668" s="8">
        <v>1</v>
      </c>
      <c r="H13668" s="8">
        <v>1</v>
      </c>
      <c r="I13668" s="8">
        <v>0</v>
      </c>
      <c r="J13668" s="8">
        <v>1</v>
      </c>
      <c r="K13668" s="9">
        <v>34</v>
      </c>
      <c r="L13668" s="6" t="s">
        <v>51</v>
      </c>
    </row>
    <row r="13669" spans="1:12">
      <c r="A13669" s="6" t="s">
        <v>49</v>
      </c>
      <c r="B13669" s="6"/>
      <c r="C13669" s="6" t="s">
        <v>13693</v>
      </c>
      <c r="D13669" s="6"/>
      <c r="E13669" s="6" t="s">
        <v>9</v>
      </c>
      <c r="F13669" s="7">
        <v>38657</v>
      </c>
      <c r="G13669" s="8">
        <v>1</v>
      </c>
      <c r="H13669" s="8">
        <v>1</v>
      </c>
      <c r="I13669" s="8">
        <v>0</v>
      </c>
      <c r="J13669" s="8">
        <v>1</v>
      </c>
      <c r="K13669" s="9">
        <v>36</v>
      </c>
      <c r="L13669" s="6" t="s">
        <v>51</v>
      </c>
    </row>
    <row r="13670" spans="1:12">
      <c r="A13670" s="6" t="s">
        <v>49</v>
      </c>
      <c r="B13670" s="6"/>
      <c r="C13670" s="6" t="s">
        <v>13694</v>
      </c>
      <c r="D13670" s="6"/>
      <c r="E13670" s="6" t="s">
        <v>9</v>
      </c>
      <c r="F13670" s="7">
        <v>38657</v>
      </c>
      <c r="G13670" s="8">
        <v>1</v>
      </c>
      <c r="H13670" s="8">
        <v>1</v>
      </c>
      <c r="I13670" s="8">
        <v>0</v>
      </c>
      <c r="J13670" s="8">
        <v>1</v>
      </c>
      <c r="K13670" s="9">
        <v>15</v>
      </c>
      <c r="L13670" s="6" t="s">
        <v>51</v>
      </c>
    </row>
    <row r="13671" spans="1:12">
      <c r="A13671" s="6" t="s">
        <v>49</v>
      </c>
      <c r="B13671" s="6"/>
      <c r="C13671" s="6" t="s">
        <v>13695</v>
      </c>
      <c r="D13671" s="6"/>
      <c r="E13671" s="6" t="s">
        <v>9</v>
      </c>
      <c r="F13671" s="7">
        <v>38657</v>
      </c>
      <c r="G13671" s="8">
        <v>1</v>
      </c>
      <c r="H13671" s="8">
        <v>1</v>
      </c>
      <c r="I13671" s="8">
        <v>0</v>
      </c>
      <c r="J13671" s="8">
        <v>1</v>
      </c>
      <c r="K13671" s="9">
        <v>10</v>
      </c>
      <c r="L13671" s="6" t="s">
        <v>51</v>
      </c>
    </row>
    <row r="13672" spans="1:12">
      <c r="A13672" s="6" t="s">
        <v>49</v>
      </c>
      <c r="B13672" s="6"/>
      <c r="C13672" s="6" t="s">
        <v>13696</v>
      </c>
      <c r="D13672" s="6"/>
      <c r="E13672" s="6" t="s">
        <v>9</v>
      </c>
      <c r="F13672" s="7">
        <v>38657</v>
      </c>
      <c r="G13672" s="8">
        <v>1</v>
      </c>
      <c r="H13672" s="8">
        <v>1</v>
      </c>
      <c r="I13672" s="8">
        <v>0</v>
      </c>
      <c r="J13672" s="8">
        <v>1</v>
      </c>
      <c r="K13672" s="9">
        <v>10</v>
      </c>
      <c r="L13672" s="6" t="s">
        <v>51</v>
      </c>
    </row>
    <row r="13673" spans="1:12">
      <c r="A13673" s="6" t="s">
        <v>49</v>
      </c>
      <c r="B13673" s="6"/>
      <c r="C13673" s="6" t="s">
        <v>13697</v>
      </c>
      <c r="D13673" s="6"/>
      <c r="E13673" s="6" t="s">
        <v>9</v>
      </c>
      <c r="F13673" s="7">
        <v>38657</v>
      </c>
      <c r="G13673" s="8">
        <v>1</v>
      </c>
      <c r="H13673" s="8">
        <v>1</v>
      </c>
      <c r="I13673" s="8">
        <v>0</v>
      </c>
      <c r="J13673" s="8">
        <v>1</v>
      </c>
      <c r="K13673" s="9">
        <v>102</v>
      </c>
      <c r="L13673" s="6" t="s">
        <v>51</v>
      </c>
    </row>
    <row r="13674" spans="1:12">
      <c r="A13674" s="6" t="s">
        <v>49</v>
      </c>
      <c r="B13674" s="6"/>
      <c r="C13674" s="6" t="s">
        <v>13698</v>
      </c>
      <c r="D13674" s="6"/>
      <c r="E13674" s="6" t="s">
        <v>9</v>
      </c>
      <c r="F13674" s="7">
        <v>38657</v>
      </c>
      <c r="G13674" s="8">
        <v>1</v>
      </c>
      <c r="H13674" s="8">
        <v>1</v>
      </c>
      <c r="I13674" s="8">
        <v>0</v>
      </c>
      <c r="J13674" s="8">
        <v>1</v>
      </c>
      <c r="K13674" s="9">
        <v>59</v>
      </c>
      <c r="L13674" s="6" t="s">
        <v>51</v>
      </c>
    </row>
    <row r="13675" spans="1:12">
      <c r="A13675" s="6" t="s">
        <v>49</v>
      </c>
      <c r="B13675" s="6"/>
      <c r="C13675" s="6" t="s">
        <v>13699</v>
      </c>
      <c r="D13675" s="6"/>
      <c r="E13675" s="6" t="s">
        <v>9</v>
      </c>
      <c r="F13675" s="7">
        <v>38657</v>
      </c>
      <c r="G13675" s="8">
        <v>1</v>
      </c>
      <c r="H13675" s="8">
        <v>1</v>
      </c>
      <c r="I13675" s="8">
        <v>0</v>
      </c>
      <c r="J13675" s="8">
        <v>1</v>
      </c>
      <c r="K13675" s="9">
        <v>30</v>
      </c>
      <c r="L13675" s="6" t="s">
        <v>51</v>
      </c>
    </row>
    <row r="13676" spans="1:12">
      <c r="A13676" s="6" t="s">
        <v>49</v>
      </c>
      <c r="B13676" s="6"/>
      <c r="C13676" s="6" t="s">
        <v>13700</v>
      </c>
      <c r="D13676" s="6"/>
      <c r="E13676" s="6" t="s">
        <v>9</v>
      </c>
      <c r="F13676" s="7">
        <v>38657</v>
      </c>
      <c r="G13676" s="8">
        <v>1</v>
      </c>
      <c r="H13676" s="8">
        <v>1</v>
      </c>
      <c r="I13676" s="8">
        <v>0</v>
      </c>
      <c r="J13676" s="8">
        <v>1</v>
      </c>
      <c r="K13676" s="9">
        <v>66</v>
      </c>
      <c r="L13676" s="6" t="s">
        <v>51</v>
      </c>
    </row>
    <row r="13677" spans="1:12">
      <c r="A13677" s="6" t="s">
        <v>49</v>
      </c>
      <c r="B13677" s="6"/>
      <c r="C13677" s="6" t="s">
        <v>13701</v>
      </c>
      <c r="D13677" s="6"/>
      <c r="E13677" s="6" t="s">
        <v>9</v>
      </c>
      <c r="F13677" s="7">
        <v>38657</v>
      </c>
      <c r="G13677" s="8">
        <v>1</v>
      </c>
      <c r="H13677" s="8">
        <v>1</v>
      </c>
      <c r="I13677" s="8">
        <v>0</v>
      </c>
      <c r="J13677" s="8">
        <v>1</v>
      </c>
      <c r="K13677" s="9">
        <v>55</v>
      </c>
      <c r="L13677" s="6" t="s">
        <v>51</v>
      </c>
    </row>
    <row r="13678" spans="1:12">
      <c r="A13678" s="6" t="s">
        <v>49</v>
      </c>
      <c r="B13678" s="6"/>
      <c r="C13678" s="6" t="s">
        <v>13702</v>
      </c>
      <c r="D13678" s="6"/>
      <c r="E13678" s="6" t="s">
        <v>9</v>
      </c>
      <c r="F13678" s="7">
        <v>38657</v>
      </c>
      <c r="G13678" s="8">
        <v>1</v>
      </c>
      <c r="H13678" s="8">
        <v>1</v>
      </c>
      <c r="I13678" s="8">
        <v>0</v>
      </c>
      <c r="J13678" s="8">
        <v>1</v>
      </c>
      <c r="K13678" s="9">
        <v>116</v>
      </c>
      <c r="L13678" s="6" t="s">
        <v>51</v>
      </c>
    </row>
    <row r="13679" spans="1:12">
      <c r="A13679" s="6" t="s">
        <v>49</v>
      </c>
      <c r="B13679" s="6"/>
      <c r="C13679" s="6" t="s">
        <v>13703</v>
      </c>
      <c r="D13679" s="6"/>
      <c r="E13679" s="6" t="s">
        <v>9</v>
      </c>
      <c r="F13679" s="7">
        <v>38657</v>
      </c>
      <c r="G13679" s="8">
        <v>1</v>
      </c>
      <c r="H13679" s="8">
        <v>1</v>
      </c>
      <c r="I13679" s="8">
        <v>0</v>
      </c>
      <c r="J13679" s="8">
        <v>1</v>
      </c>
      <c r="K13679" s="9">
        <v>82</v>
      </c>
      <c r="L13679" s="6" t="s">
        <v>51</v>
      </c>
    </row>
    <row r="13680" spans="1:12">
      <c r="A13680" s="6" t="s">
        <v>49</v>
      </c>
      <c r="B13680" s="6"/>
      <c r="C13680" s="6" t="s">
        <v>13704</v>
      </c>
      <c r="D13680" s="6"/>
      <c r="E13680" s="6" t="s">
        <v>9</v>
      </c>
      <c r="F13680" s="7">
        <v>38657</v>
      </c>
      <c r="G13680" s="8">
        <v>1</v>
      </c>
      <c r="H13680" s="8">
        <v>1</v>
      </c>
      <c r="I13680" s="8">
        <v>0</v>
      </c>
      <c r="J13680" s="8">
        <v>1</v>
      </c>
      <c r="K13680" s="9">
        <v>14</v>
      </c>
      <c r="L13680" s="6" t="s">
        <v>51</v>
      </c>
    </row>
    <row r="13681" spans="1:12">
      <c r="A13681" s="6" t="s">
        <v>49</v>
      </c>
      <c r="B13681" s="6"/>
      <c r="C13681" s="6" t="s">
        <v>13705</v>
      </c>
      <c r="D13681" s="6"/>
      <c r="E13681" s="6" t="s">
        <v>9</v>
      </c>
      <c r="F13681" s="7">
        <v>38657</v>
      </c>
      <c r="G13681" s="8">
        <v>1</v>
      </c>
      <c r="H13681" s="8">
        <v>1</v>
      </c>
      <c r="I13681" s="8">
        <v>0</v>
      </c>
      <c r="J13681" s="8">
        <v>1</v>
      </c>
      <c r="K13681" s="9">
        <v>31</v>
      </c>
      <c r="L13681" s="6" t="s">
        <v>51</v>
      </c>
    </row>
    <row r="13682" spans="1:12">
      <c r="A13682" s="6" t="s">
        <v>49</v>
      </c>
      <c r="B13682" s="6"/>
      <c r="C13682" s="6" t="s">
        <v>13706</v>
      </c>
      <c r="D13682" s="6"/>
      <c r="E13682" s="6" t="s">
        <v>9</v>
      </c>
      <c r="F13682" s="7">
        <v>38657</v>
      </c>
      <c r="G13682" s="8">
        <v>1</v>
      </c>
      <c r="H13682" s="8">
        <v>1</v>
      </c>
      <c r="I13682" s="8">
        <v>0</v>
      </c>
      <c r="J13682" s="8">
        <v>1</v>
      </c>
      <c r="K13682" s="9">
        <v>26</v>
      </c>
      <c r="L13682" s="6" t="s">
        <v>51</v>
      </c>
    </row>
    <row r="13683" spans="1:12">
      <c r="A13683" s="6" t="s">
        <v>49</v>
      </c>
      <c r="B13683" s="6"/>
      <c r="C13683" s="6" t="s">
        <v>13707</v>
      </c>
      <c r="D13683" s="6"/>
      <c r="E13683" s="6" t="s">
        <v>9</v>
      </c>
      <c r="F13683" s="7">
        <v>38657</v>
      </c>
      <c r="G13683" s="8">
        <v>1</v>
      </c>
      <c r="H13683" s="8">
        <v>1</v>
      </c>
      <c r="I13683" s="8">
        <v>0</v>
      </c>
      <c r="J13683" s="8">
        <v>1</v>
      </c>
      <c r="K13683" s="9">
        <v>23</v>
      </c>
      <c r="L13683" s="6" t="s">
        <v>51</v>
      </c>
    </row>
    <row r="13684" spans="1:12">
      <c r="A13684" s="6" t="s">
        <v>49</v>
      </c>
      <c r="B13684" s="6"/>
      <c r="C13684" s="6" t="s">
        <v>13708</v>
      </c>
      <c r="D13684" s="6"/>
      <c r="E13684" s="6" t="s">
        <v>9</v>
      </c>
      <c r="F13684" s="7">
        <v>38657</v>
      </c>
      <c r="G13684" s="8">
        <v>1</v>
      </c>
      <c r="H13684" s="8">
        <v>1</v>
      </c>
      <c r="I13684" s="8">
        <v>0</v>
      </c>
      <c r="J13684" s="8">
        <v>1</v>
      </c>
      <c r="K13684" s="9">
        <v>66</v>
      </c>
      <c r="L13684" s="6" t="s">
        <v>51</v>
      </c>
    </row>
    <row r="13685" spans="1:12">
      <c r="A13685" s="6" t="s">
        <v>49</v>
      </c>
      <c r="B13685" s="6"/>
      <c r="C13685" s="6" t="s">
        <v>13709</v>
      </c>
      <c r="D13685" s="6"/>
      <c r="E13685" s="6" t="s">
        <v>9</v>
      </c>
      <c r="F13685" s="7">
        <v>38657</v>
      </c>
      <c r="G13685" s="8">
        <v>1</v>
      </c>
      <c r="H13685" s="8">
        <v>1</v>
      </c>
      <c r="I13685" s="8">
        <v>0</v>
      </c>
      <c r="J13685" s="8">
        <v>1</v>
      </c>
      <c r="K13685" s="9">
        <v>26</v>
      </c>
      <c r="L13685" s="6" t="s">
        <v>51</v>
      </c>
    </row>
    <row r="13686" spans="1:12">
      <c r="A13686" s="6" t="s">
        <v>49</v>
      </c>
      <c r="B13686" s="6"/>
      <c r="C13686" s="6" t="s">
        <v>13710</v>
      </c>
      <c r="D13686" s="6"/>
      <c r="E13686" s="6" t="s">
        <v>9</v>
      </c>
      <c r="F13686" s="7">
        <v>38657</v>
      </c>
      <c r="G13686" s="8">
        <v>23924</v>
      </c>
      <c r="H13686" s="8">
        <v>23924</v>
      </c>
      <c r="I13686" s="8">
        <v>0</v>
      </c>
      <c r="J13686" s="8">
        <v>23924</v>
      </c>
      <c r="K13686" s="9">
        <v>4.68</v>
      </c>
      <c r="L13686" s="6" t="s">
        <v>23</v>
      </c>
    </row>
    <row r="13687" spans="1:12">
      <c r="A13687" s="6" t="s">
        <v>49</v>
      </c>
      <c r="B13687" s="6"/>
      <c r="C13687" s="6" t="s">
        <v>13711</v>
      </c>
      <c r="D13687" s="6"/>
      <c r="E13687" s="6" t="s">
        <v>9</v>
      </c>
      <c r="F13687" s="7">
        <v>38657</v>
      </c>
      <c r="G13687" s="8">
        <v>1</v>
      </c>
      <c r="H13687" s="8">
        <v>1</v>
      </c>
      <c r="I13687" s="8">
        <v>0</v>
      </c>
      <c r="J13687" s="8">
        <v>1</v>
      </c>
      <c r="K13687" s="9">
        <v>13</v>
      </c>
      <c r="L13687" s="6" t="s">
        <v>51</v>
      </c>
    </row>
    <row r="13688" spans="1:12">
      <c r="A13688" s="6" t="s">
        <v>49</v>
      </c>
      <c r="B13688" s="6"/>
      <c r="C13688" s="6" t="s">
        <v>13712</v>
      </c>
      <c r="D13688" s="6"/>
      <c r="E13688" s="6" t="s">
        <v>9</v>
      </c>
      <c r="F13688" s="7">
        <v>38657</v>
      </c>
      <c r="G13688" s="8">
        <v>1</v>
      </c>
      <c r="H13688" s="8">
        <v>1</v>
      </c>
      <c r="I13688" s="8">
        <v>0</v>
      </c>
      <c r="J13688" s="8">
        <v>1</v>
      </c>
      <c r="K13688" s="9">
        <v>14.5</v>
      </c>
      <c r="L13688" s="6" t="s">
        <v>51</v>
      </c>
    </row>
    <row r="13689" spans="1:12">
      <c r="A13689" s="6" t="s">
        <v>49</v>
      </c>
      <c r="B13689" s="6"/>
      <c r="C13689" s="6" t="s">
        <v>13713</v>
      </c>
      <c r="D13689" s="6"/>
      <c r="E13689" s="6" t="s">
        <v>9</v>
      </c>
      <c r="F13689" s="7">
        <v>38657</v>
      </c>
      <c r="G13689" s="8">
        <v>1</v>
      </c>
      <c r="H13689" s="8">
        <v>1</v>
      </c>
      <c r="I13689" s="8">
        <v>0</v>
      </c>
      <c r="J13689" s="8">
        <v>1</v>
      </c>
      <c r="K13689" s="9">
        <v>36.93</v>
      </c>
      <c r="L13689" s="6" t="s">
        <v>51</v>
      </c>
    </row>
    <row r="13690" spans="1:12">
      <c r="A13690" s="6" t="s">
        <v>49</v>
      </c>
      <c r="B13690" s="6"/>
      <c r="C13690" s="6" t="s">
        <v>13714</v>
      </c>
      <c r="D13690" s="6"/>
      <c r="E13690" s="6" t="s">
        <v>9</v>
      </c>
      <c r="F13690" s="7">
        <v>38657</v>
      </c>
      <c r="G13690" s="8">
        <v>1</v>
      </c>
      <c r="H13690" s="8">
        <v>1</v>
      </c>
      <c r="I13690" s="8">
        <v>0</v>
      </c>
      <c r="J13690" s="8">
        <v>1</v>
      </c>
      <c r="K13690" s="9">
        <v>40.21</v>
      </c>
      <c r="L13690" s="6" t="s">
        <v>51</v>
      </c>
    </row>
    <row r="13691" spans="1:12">
      <c r="A13691" s="6" t="s">
        <v>49</v>
      </c>
      <c r="B13691" s="6"/>
      <c r="C13691" s="6" t="s">
        <v>13715</v>
      </c>
      <c r="D13691" s="6"/>
      <c r="E13691" s="6" t="s">
        <v>9</v>
      </c>
      <c r="F13691" s="7">
        <v>38657</v>
      </c>
      <c r="G13691" s="8">
        <v>1</v>
      </c>
      <c r="H13691" s="8">
        <v>1</v>
      </c>
      <c r="I13691" s="8">
        <v>0</v>
      </c>
      <c r="J13691" s="8">
        <v>1</v>
      </c>
      <c r="K13691" s="9">
        <v>14.51</v>
      </c>
      <c r="L13691" s="6" t="s">
        <v>51</v>
      </c>
    </row>
    <row r="13692" spans="1:12">
      <c r="A13692" s="6" t="s">
        <v>49</v>
      </c>
      <c r="B13692" s="6"/>
      <c r="C13692" s="6" t="s">
        <v>13716</v>
      </c>
      <c r="D13692" s="6"/>
      <c r="E13692" s="6" t="s">
        <v>9</v>
      </c>
      <c r="F13692" s="7">
        <v>38657</v>
      </c>
      <c r="G13692" s="8">
        <v>1</v>
      </c>
      <c r="H13692" s="8">
        <v>1</v>
      </c>
      <c r="I13692" s="8">
        <v>0</v>
      </c>
      <c r="J13692" s="8">
        <v>1</v>
      </c>
      <c r="K13692" s="9">
        <v>36</v>
      </c>
      <c r="L13692" s="6" t="s">
        <v>51</v>
      </c>
    </row>
    <row r="13693" spans="1:12">
      <c r="A13693" s="6" t="s">
        <v>49</v>
      </c>
      <c r="B13693" s="6"/>
      <c r="C13693" s="6" t="s">
        <v>13717</v>
      </c>
      <c r="D13693" s="6"/>
      <c r="E13693" s="6" t="s">
        <v>9</v>
      </c>
      <c r="F13693" s="7">
        <v>38657</v>
      </c>
      <c r="G13693" s="8">
        <v>1</v>
      </c>
      <c r="H13693" s="8">
        <v>1</v>
      </c>
      <c r="I13693" s="8">
        <v>0</v>
      </c>
      <c r="J13693" s="8">
        <v>1</v>
      </c>
      <c r="K13693" s="9">
        <v>20</v>
      </c>
      <c r="L13693" s="6" t="s">
        <v>51</v>
      </c>
    </row>
    <row r="13694" spans="1:12">
      <c r="A13694" s="6" t="s">
        <v>49</v>
      </c>
      <c r="B13694" s="6"/>
      <c r="C13694" s="6" t="s">
        <v>13718</v>
      </c>
      <c r="D13694" s="6"/>
      <c r="E13694" s="6" t="s">
        <v>9</v>
      </c>
      <c r="F13694" s="7">
        <v>38657</v>
      </c>
      <c r="G13694" s="8">
        <v>1</v>
      </c>
      <c r="H13694" s="8">
        <v>1</v>
      </c>
      <c r="I13694" s="8">
        <v>0</v>
      </c>
      <c r="J13694" s="8">
        <v>1</v>
      </c>
      <c r="K13694" s="9">
        <v>6.67</v>
      </c>
      <c r="L13694" s="6" t="s">
        <v>51</v>
      </c>
    </row>
    <row r="13695" spans="1:12">
      <c r="A13695" s="6" t="s">
        <v>49</v>
      </c>
      <c r="B13695" s="6"/>
      <c r="C13695" s="6" t="s">
        <v>13719</v>
      </c>
      <c r="D13695" s="6"/>
      <c r="E13695" s="6" t="s">
        <v>9</v>
      </c>
      <c r="F13695" s="7">
        <v>38657</v>
      </c>
      <c r="G13695" s="8">
        <v>1</v>
      </c>
      <c r="H13695" s="8">
        <v>1</v>
      </c>
      <c r="I13695" s="8">
        <v>0</v>
      </c>
      <c r="J13695" s="8">
        <v>1</v>
      </c>
      <c r="K13695" s="9">
        <v>33</v>
      </c>
      <c r="L13695" s="6" t="s">
        <v>51</v>
      </c>
    </row>
    <row r="13696" spans="1:12">
      <c r="A13696" s="6" t="s">
        <v>49</v>
      </c>
      <c r="B13696" s="6"/>
      <c r="C13696" s="6" t="s">
        <v>13720</v>
      </c>
      <c r="D13696" s="6"/>
      <c r="E13696" s="6" t="s">
        <v>9</v>
      </c>
      <c r="F13696" s="7">
        <v>38657</v>
      </c>
      <c r="G13696" s="8">
        <v>1</v>
      </c>
      <c r="H13696" s="8">
        <v>1</v>
      </c>
      <c r="I13696" s="8">
        <v>0</v>
      </c>
      <c r="J13696" s="8">
        <v>1</v>
      </c>
      <c r="K13696" s="9">
        <v>33</v>
      </c>
      <c r="L13696" s="6" t="s">
        <v>51</v>
      </c>
    </row>
    <row r="13697" spans="1:12">
      <c r="A13697" s="6" t="s">
        <v>49</v>
      </c>
      <c r="B13697" s="6"/>
      <c r="C13697" s="6" t="s">
        <v>13721</v>
      </c>
      <c r="D13697" s="6"/>
      <c r="E13697" s="6" t="s">
        <v>9</v>
      </c>
      <c r="F13697" s="7">
        <v>38657</v>
      </c>
      <c r="G13697" s="8">
        <v>1</v>
      </c>
      <c r="H13697" s="8">
        <v>1</v>
      </c>
      <c r="I13697" s="8">
        <v>0</v>
      </c>
      <c r="J13697" s="8">
        <v>1</v>
      </c>
      <c r="K13697" s="9">
        <v>18</v>
      </c>
      <c r="L13697" s="6" t="s">
        <v>51</v>
      </c>
    </row>
    <row r="13698" spans="1:12">
      <c r="A13698" s="6" t="s">
        <v>49</v>
      </c>
      <c r="B13698" s="6"/>
      <c r="C13698" s="6" t="s">
        <v>13722</v>
      </c>
      <c r="D13698" s="6"/>
      <c r="E13698" s="6" t="s">
        <v>9</v>
      </c>
      <c r="F13698" s="7">
        <v>38657</v>
      </c>
      <c r="G13698" s="8">
        <v>1</v>
      </c>
      <c r="H13698" s="8">
        <v>1</v>
      </c>
      <c r="I13698" s="8">
        <v>0</v>
      </c>
      <c r="J13698" s="8">
        <v>1</v>
      </c>
      <c r="K13698" s="9">
        <v>35</v>
      </c>
      <c r="L13698" s="6" t="s">
        <v>51</v>
      </c>
    </row>
    <row r="13699" spans="1:12">
      <c r="A13699" s="6" t="s">
        <v>49</v>
      </c>
      <c r="B13699" s="6"/>
      <c r="C13699" s="6" t="s">
        <v>13723</v>
      </c>
      <c r="D13699" s="6"/>
      <c r="E13699" s="6" t="s">
        <v>9</v>
      </c>
      <c r="F13699" s="7">
        <v>38657</v>
      </c>
      <c r="G13699" s="8">
        <v>1</v>
      </c>
      <c r="H13699" s="8">
        <v>1</v>
      </c>
      <c r="I13699" s="8">
        <v>0</v>
      </c>
      <c r="J13699" s="8">
        <v>1</v>
      </c>
      <c r="K13699" s="9">
        <v>10</v>
      </c>
      <c r="L13699" s="6" t="s">
        <v>51</v>
      </c>
    </row>
    <row r="13700" spans="1:12">
      <c r="A13700" s="6" t="s">
        <v>49</v>
      </c>
      <c r="B13700" s="6"/>
      <c r="C13700" s="6" t="s">
        <v>13724</v>
      </c>
      <c r="D13700" s="6"/>
      <c r="E13700" s="6" t="s">
        <v>9</v>
      </c>
      <c r="F13700" s="7">
        <v>38657</v>
      </c>
      <c r="G13700" s="8">
        <v>1</v>
      </c>
      <c r="H13700" s="8">
        <v>1</v>
      </c>
      <c r="I13700" s="8">
        <v>0</v>
      </c>
      <c r="J13700" s="8">
        <v>1</v>
      </c>
      <c r="K13700" s="9">
        <v>175</v>
      </c>
      <c r="L13700" s="6" t="s">
        <v>51</v>
      </c>
    </row>
    <row r="13701" spans="1:12">
      <c r="A13701" s="6" t="s">
        <v>49</v>
      </c>
      <c r="B13701" s="6"/>
      <c r="C13701" s="6" t="s">
        <v>13725</v>
      </c>
      <c r="D13701" s="6"/>
      <c r="E13701" s="6" t="s">
        <v>9</v>
      </c>
      <c r="F13701" s="7">
        <v>38657</v>
      </c>
      <c r="G13701" s="8">
        <v>1</v>
      </c>
      <c r="H13701" s="8">
        <v>1</v>
      </c>
      <c r="I13701" s="8">
        <v>0</v>
      </c>
      <c r="J13701" s="8">
        <v>1</v>
      </c>
      <c r="K13701" s="9">
        <v>21</v>
      </c>
      <c r="L13701" s="6" t="s">
        <v>51</v>
      </c>
    </row>
    <row r="13702" spans="1:12">
      <c r="A13702" s="6" t="s">
        <v>49</v>
      </c>
      <c r="B13702" s="6"/>
      <c r="C13702" s="6" t="s">
        <v>13726</v>
      </c>
      <c r="D13702" s="6"/>
      <c r="E13702" s="6" t="s">
        <v>9</v>
      </c>
      <c r="F13702" s="7">
        <v>38657</v>
      </c>
      <c r="G13702" s="8">
        <v>1</v>
      </c>
      <c r="H13702" s="8">
        <v>1</v>
      </c>
      <c r="I13702" s="8">
        <v>0</v>
      </c>
      <c r="J13702" s="8">
        <v>1</v>
      </c>
      <c r="K13702" s="9">
        <v>69</v>
      </c>
      <c r="L13702" s="6" t="s">
        <v>51</v>
      </c>
    </row>
    <row r="13703" spans="1:12">
      <c r="A13703" s="6" t="s">
        <v>49</v>
      </c>
      <c r="B13703" s="6"/>
      <c r="C13703" s="6" t="s">
        <v>13727</v>
      </c>
      <c r="D13703" s="6"/>
      <c r="E13703" s="6" t="s">
        <v>9</v>
      </c>
      <c r="F13703" s="7">
        <v>38657</v>
      </c>
      <c r="G13703" s="8">
        <v>1</v>
      </c>
      <c r="H13703" s="8">
        <v>1</v>
      </c>
      <c r="I13703" s="8">
        <v>0</v>
      </c>
      <c r="J13703" s="8">
        <v>1</v>
      </c>
      <c r="K13703" s="9">
        <v>27</v>
      </c>
      <c r="L13703" s="6" t="s">
        <v>51</v>
      </c>
    </row>
    <row r="13704" spans="1:12">
      <c r="A13704" s="6" t="s">
        <v>49</v>
      </c>
      <c r="B13704" s="6"/>
      <c r="C13704" s="6" t="s">
        <v>13728</v>
      </c>
      <c r="D13704" s="6"/>
      <c r="E13704" s="6" t="s">
        <v>9</v>
      </c>
      <c r="F13704" s="7">
        <v>38657</v>
      </c>
      <c r="G13704" s="8">
        <v>1</v>
      </c>
      <c r="H13704" s="8">
        <v>1</v>
      </c>
      <c r="I13704" s="8">
        <v>0</v>
      </c>
      <c r="J13704" s="8">
        <v>1</v>
      </c>
      <c r="K13704" s="9">
        <v>5.69</v>
      </c>
      <c r="L13704" s="6" t="s">
        <v>51</v>
      </c>
    </row>
    <row r="13705" spans="1:12">
      <c r="A13705" s="6" t="s">
        <v>49</v>
      </c>
      <c r="B13705" s="6"/>
      <c r="C13705" s="6" t="s">
        <v>13729</v>
      </c>
      <c r="D13705" s="6"/>
      <c r="E13705" s="6" t="s">
        <v>9</v>
      </c>
      <c r="F13705" s="7">
        <v>38657</v>
      </c>
      <c r="G13705" s="8">
        <v>1</v>
      </c>
      <c r="H13705" s="8">
        <v>1</v>
      </c>
      <c r="I13705" s="8">
        <v>0</v>
      </c>
      <c r="J13705" s="8">
        <v>1</v>
      </c>
      <c r="K13705" s="9">
        <v>35</v>
      </c>
      <c r="L13705" s="6" t="s">
        <v>51</v>
      </c>
    </row>
    <row r="13706" spans="1:12">
      <c r="A13706" s="6" t="s">
        <v>49</v>
      </c>
      <c r="B13706" s="6"/>
      <c r="C13706" s="6" t="s">
        <v>13730</v>
      </c>
      <c r="D13706" s="6"/>
      <c r="E13706" s="6" t="s">
        <v>9</v>
      </c>
      <c r="F13706" s="7">
        <v>38657</v>
      </c>
      <c r="G13706" s="8">
        <v>1</v>
      </c>
      <c r="H13706" s="8">
        <v>1</v>
      </c>
      <c r="I13706" s="8">
        <v>0</v>
      </c>
      <c r="J13706" s="8">
        <v>1</v>
      </c>
      <c r="K13706" s="9">
        <v>20</v>
      </c>
      <c r="L13706" s="6" t="s">
        <v>51</v>
      </c>
    </row>
    <row r="13707" spans="1:12">
      <c r="A13707" s="6" t="s">
        <v>49</v>
      </c>
      <c r="B13707" s="6"/>
      <c r="C13707" s="6" t="s">
        <v>13731</v>
      </c>
      <c r="D13707" s="6"/>
      <c r="E13707" s="6" t="s">
        <v>9</v>
      </c>
      <c r="F13707" s="7">
        <v>38657</v>
      </c>
      <c r="G13707" s="8">
        <v>1</v>
      </c>
      <c r="H13707" s="8">
        <v>1</v>
      </c>
      <c r="I13707" s="8">
        <v>0</v>
      </c>
      <c r="J13707" s="8">
        <v>1</v>
      </c>
      <c r="K13707" s="9">
        <v>3.3</v>
      </c>
      <c r="L13707" s="6" t="s">
        <v>51</v>
      </c>
    </row>
    <row r="13708" spans="1:12">
      <c r="A13708" s="6" t="s">
        <v>49</v>
      </c>
      <c r="B13708" s="6"/>
      <c r="C13708" s="6" t="s">
        <v>13732</v>
      </c>
      <c r="D13708" s="6"/>
      <c r="E13708" s="6" t="s">
        <v>9</v>
      </c>
      <c r="F13708" s="7">
        <v>38657</v>
      </c>
      <c r="G13708" s="8">
        <v>1</v>
      </c>
      <c r="H13708" s="8">
        <v>1</v>
      </c>
      <c r="I13708" s="8">
        <v>0</v>
      </c>
      <c r="J13708" s="8">
        <v>1</v>
      </c>
      <c r="K13708" s="9">
        <v>25</v>
      </c>
      <c r="L13708" s="6" t="s">
        <v>51</v>
      </c>
    </row>
    <row r="13709" spans="1:12">
      <c r="A13709" s="6" t="s">
        <v>49</v>
      </c>
      <c r="B13709" s="6"/>
      <c r="C13709" s="6" t="s">
        <v>13733</v>
      </c>
      <c r="D13709" s="6"/>
      <c r="E13709" s="6" t="s">
        <v>9</v>
      </c>
      <c r="F13709" s="7">
        <v>38657</v>
      </c>
      <c r="G13709" s="8">
        <v>1</v>
      </c>
      <c r="H13709" s="8">
        <v>1</v>
      </c>
      <c r="I13709" s="8">
        <v>0</v>
      </c>
      <c r="J13709" s="8">
        <v>1</v>
      </c>
      <c r="K13709" s="9">
        <v>75</v>
      </c>
      <c r="L13709" s="6" t="s">
        <v>51</v>
      </c>
    </row>
    <row r="13710" spans="1:12">
      <c r="A13710" s="6" t="s">
        <v>49</v>
      </c>
      <c r="B13710" s="6"/>
      <c r="C13710" s="6" t="s">
        <v>13734</v>
      </c>
      <c r="D13710" s="6"/>
      <c r="E13710" s="6" t="s">
        <v>9</v>
      </c>
      <c r="F13710" s="7">
        <v>38657</v>
      </c>
      <c r="G13710" s="8">
        <v>1</v>
      </c>
      <c r="H13710" s="8">
        <v>1</v>
      </c>
      <c r="I13710" s="8">
        <v>0</v>
      </c>
      <c r="J13710" s="8">
        <v>1</v>
      </c>
      <c r="K13710" s="9">
        <v>21</v>
      </c>
      <c r="L13710" s="6" t="s">
        <v>51</v>
      </c>
    </row>
    <row r="13711" spans="1:12">
      <c r="A13711" s="6" t="s">
        <v>49</v>
      </c>
      <c r="B13711" s="6"/>
      <c r="C13711" s="6" t="s">
        <v>13735</v>
      </c>
      <c r="D13711" s="6"/>
      <c r="E13711" s="6" t="s">
        <v>9</v>
      </c>
      <c r="F13711" s="7">
        <v>38657</v>
      </c>
      <c r="G13711" s="8">
        <v>1</v>
      </c>
      <c r="H13711" s="8">
        <v>1</v>
      </c>
      <c r="I13711" s="8">
        <v>0</v>
      </c>
      <c r="J13711" s="8">
        <v>1</v>
      </c>
      <c r="K13711" s="9">
        <v>10</v>
      </c>
      <c r="L13711" s="6" t="s">
        <v>51</v>
      </c>
    </row>
    <row r="13712" spans="1:12">
      <c r="A13712" s="6" t="s">
        <v>49</v>
      </c>
      <c r="B13712" s="6"/>
      <c r="C13712" s="6" t="s">
        <v>13736</v>
      </c>
      <c r="D13712" s="6"/>
      <c r="E13712" s="6" t="s">
        <v>9</v>
      </c>
      <c r="F13712" s="7">
        <v>38657</v>
      </c>
      <c r="G13712" s="8">
        <v>1</v>
      </c>
      <c r="H13712" s="8">
        <v>1</v>
      </c>
      <c r="I13712" s="8">
        <v>0</v>
      </c>
      <c r="J13712" s="8">
        <v>1</v>
      </c>
      <c r="K13712" s="9">
        <v>17</v>
      </c>
      <c r="L13712" s="6" t="s">
        <v>51</v>
      </c>
    </row>
    <row r="13713" spans="1:12">
      <c r="A13713" s="6" t="s">
        <v>49</v>
      </c>
      <c r="B13713" s="6"/>
      <c r="C13713" s="6" t="s">
        <v>13737</v>
      </c>
      <c r="D13713" s="6"/>
      <c r="E13713" s="6" t="s">
        <v>9</v>
      </c>
      <c r="F13713" s="7">
        <v>38657</v>
      </c>
      <c r="G13713" s="8">
        <v>1</v>
      </c>
      <c r="H13713" s="8">
        <v>1</v>
      </c>
      <c r="I13713" s="8">
        <v>0</v>
      </c>
      <c r="J13713" s="8">
        <v>1</v>
      </c>
      <c r="K13713" s="9">
        <v>26</v>
      </c>
      <c r="L13713" s="6" t="s">
        <v>51</v>
      </c>
    </row>
    <row r="13714" spans="1:12">
      <c r="A13714" s="6" t="s">
        <v>49</v>
      </c>
      <c r="B13714" s="6"/>
      <c r="C13714" s="6" t="s">
        <v>13738</v>
      </c>
      <c r="D13714" s="6"/>
      <c r="E13714" s="6" t="s">
        <v>9</v>
      </c>
      <c r="F13714" s="7">
        <v>38657</v>
      </c>
      <c r="G13714" s="8">
        <v>1</v>
      </c>
      <c r="H13714" s="8">
        <v>1</v>
      </c>
      <c r="I13714" s="8">
        <v>0</v>
      </c>
      <c r="J13714" s="8">
        <v>1</v>
      </c>
      <c r="K13714" s="9">
        <v>87</v>
      </c>
      <c r="L13714" s="6" t="s">
        <v>51</v>
      </c>
    </row>
    <row r="13715" spans="1:12">
      <c r="A13715" s="6" t="s">
        <v>49</v>
      </c>
      <c r="B13715" s="6"/>
      <c r="C13715" s="6" t="s">
        <v>13739</v>
      </c>
      <c r="D13715" s="6"/>
      <c r="E13715" s="6" t="s">
        <v>9</v>
      </c>
      <c r="F13715" s="7">
        <v>38657</v>
      </c>
      <c r="G13715" s="8">
        <v>1</v>
      </c>
      <c r="H13715" s="8">
        <v>1</v>
      </c>
      <c r="I13715" s="8">
        <v>0</v>
      </c>
      <c r="J13715" s="8">
        <v>1</v>
      </c>
      <c r="K13715" s="9">
        <v>29</v>
      </c>
      <c r="L13715" s="6" t="s">
        <v>51</v>
      </c>
    </row>
    <row r="13716" spans="1:12">
      <c r="A13716" s="6" t="s">
        <v>49</v>
      </c>
      <c r="B13716" s="6"/>
      <c r="C13716" s="6" t="s">
        <v>13740</v>
      </c>
      <c r="D13716" s="6"/>
      <c r="E13716" s="6" t="s">
        <v>9</v>
      </c>
      <c r="F13716" s="7">
        <v>38657</v>
      </c>
      <c r="G13716" s="8">
        <v>1</v>
      </c>
      <c r="H13716" s="8">
        <v>1</v>
      </c>
      <c r="I13716" s="8">
        <v>0</v>
      </c>
      <c r="J13716" s="8">
        <v>1</v>
      </c>
      <c r="K13716" s="9">
        <v>16</v>
      </c>
      <c r="L13716" s="6" t="s">
        <v>51</v>
      </c>
    </row>
    <row r="13717" spans="1:12">
      <c r="A13717" s="6" t="s">
        <v>49</v>
      </c>
      <c r="B13717" s="6"/>
      <c r="C13717" s="6" t="s">
        <v>13741</v>
      </c>
      <c r="D13717" s="6"/>
      <c r="E13717" s="6" t="s">
        <v>9</v>
      </c>
      <c r="F13717" s="7">
        <v>38657</v>
      </c>
      <c r="G13717" s="8">
        <v>1</v>
      </c>
      <c r="H13717" s="8">
        <v>1</v>
      </c>
      <c r="I13717" s="8">
        <v>0</v>
      </c>
      <c r="J13717" s="8">
        <v>1</v>
      </c>
      <c r="K13717" s="9">
        <v>182</v>
      </c>
      <c r="L13717" s="6" t="s">
        <v>51</v>
      </c>
    </row>
    <row r="13718" spans="1:12">
      <c r="A13718" s="6" t="s">
        <v>49</v>
      </c>
      <c r="B13718" s="6"/>
      <c r="C13718" s="6" t="s">
        <v>13742</v>
      </c>
      <c r="D13718" s="6"/>
      <c r="E13718" s="6" t="s">
        <v>9</v>
      </c>
      <c r="F13718" s="7">
        <v>38657</v>
      </c>
      <c r="G13718" s="8">
        <v>1</v>
      </c>
      <c r="H13718" s="8">
        <v>1</v>
      </c>
      <c r="I13718" s="8">
        <v>0</v>
      </c>
      <c r="J13718" s="8">
        <v>1</v>
      </c>
      <c r="K13718" s="9">
        <v>105</v>
      </c>
      <c r="L13718" s="6" t="s">
        <v>51</v>
      </c>
    </row>
    <row r="13719" spans="1:12">
      <c r="A13719" s="6" t="s">
        <v>49</v>
      </c>
      <c r="B13719" s="6"/>
      <c r="C13719" s="6" t="s">
        <v>13743</v>
      </c>
      <c r="D13719" s="6"/>
      <c r="E13719" s="6" t="s">
        <v>9</v>
      </c>
      <c r="F13719" s="7">
        <v>38657</v>
      </c>
      <c r="G13719" s="8">
        <v>1</v>
      </c>
      <c r="H13719" s="8">
        <v>1</v>
      </c>
      <c r="I13719" s="8">
        <v>0</v>
      </c>
      <c r="J13719" s="8">
        <v>1</v>
      </c>
      <c r="K13719" s="9">
        <v>346</v>
      </c>
      <c r="L13719" s="6" t="s">
        <v>51</v>
      </c>
    </row>
    <row r="13720" spans="1:12">
      <c r="A13720" s="6" t="s">
        <v>49</v>
      </c>
      <c r="B13720" s="6"/>
      <c r="C13720" s="6" t="s">
        <v>13744</v>
      </c>
      <c r="D13720" s="6"/>
      <c r="E13720" s="6" t="s">
        <v>9</v>
      </c>
      <c r="F13720" s="7">
        <v>38657</v>
      </c>
      <c r="G13720" s="8">
        <v>1</v>
      </c>
      <c r="H13720" s="8">
        <v>1</v>
      </c>
      <c r="I13720" s="8">
        <v>0</v>
      </c>
      <c r="J13720" s="8">
        <v>1</v>
      </c>
      <c r="K13720" s="9">
        <v>115</v>
      </c>
      <c r="L13720" s="6" t="s">
        <v>51</v>
      </c>
    </row>
    <row r="13721" spans="1:12">
      <c r="A13721" s="6" t="s">
        <v>49</v>
      </c>
      <c r="B13721" s="6"/>
      <c r="C13721" s="6" t="s">
        <v>13745</v>
      </c>
      <c r="D13721" s="6"/>
      <c r="E13721" s="6" t="s">
        <v>9</v>
      </c>
      <c r="F13721" s="7">
        <v>38657</v>
      </c>
      <c r="G13721" s="8">
        <v>1</v>
      </c>
      <c r="H13721" s="8">
        <v>1</v>
      </c>
      <c r="I13721" s="8">
        <v>0</v>
      </c>
      <c r="J13721" s="8">
        <v>1</v>
      </c>
      <c r="K13721" s="9">
        <v>109</v>
      </c>
      <c r="L13721" s="6" t="s">
        <v>51</v>
      </c>
    </row>
    <row r="13722" spans="1:12">
      <c r="A13722" s="6" t="s">
        <v>49</v>
      </c>
      <c r="B13722" s="6"/>
      <c r="C13722" s="6" t="s">
        <v>13746</v>
      </c>
      <c r="D13722" s="6"/>
      <c r="E13722" s="6" t="s">
        <v>9</v>
      </c>
      <c r="F13722" s="7">
        <v>38657</v>
      </c>
      <c r="G13722" s="8">
        <v>1</v>
      </c>
      <c r="H13722" s="8">
        <v>1</v>
      </c>
      <c r="I13722" s="8">
        <v>0</v>
      </c>
      <c r="J13722" s="8">
        <v>1</v>
      </c>
      <c r="K13722" s="9">
        <v>19</v>
      </c>
      <c r="L13722" s="6" t="s">
        <v>51</v>
      </c>
    </row>
    <row r="13723" spans="1:12">
      <c r="A13723" s="6" t="s">
        <v>49</v>
      </c>
      <c r="B13723" s="6"/>
      <c r="C13723" s="6" t="s">
        <v>13747</v>
      </c>
      <c r="D13723" s="6"/>
      <c r="E13723" s="6" t="s">
        <v>9</v>
      </c>
      <c r="F13723" s="7">
        <v>38657</v>
      </c>
      <c r="G13723" s="8">
        <v>1</v>
      </c>
      <c r="H13723" s="8">
        <v>1</v>
      </c>
      <c r="I13723" s="8">
        <v>0</v>
      </c>
      <c r="J13723" s="8">
        <v>1</v>
      </c>
      <c r="K13723" s="9">
        <v>59</v>
      </c>
      <c r="L13723" s="6" t="s">
        <v>51</v>
      </c>
    </row>
    <row r="13724" spans="1:12">
      <c r="A13724" s="6" t="s">
        <v>49</v>
      </c>
      <c r="B13724" s="6"/>
      <c r="C13724" s="6" t="s">
        <v>13748</v>
      </c>
      <c r="D13724" s="6"/>
      <c r="E13724" s="6" t="s">
        <v>9</v>
      </c>
      <c r="F13724" s="7">
        <v>38657</v>
      </c>
      <c r="G13724" s="8">
        <v>1</v>
      </c>
      <c r="H13724" s="8">
        <v>1</v>
      </c>
      <c r="I13724" s="8">
        <v>0</v>
      </c>
      <c r="J13724" s="8">
        <v>1</v>
      </c>
      <c r="K13724" s="9">
        <v>9.91</v>
      </c>
      <c r="L13724" s="6" t="s">
        <v>51</v>
      </c>
    </row>
    <row r="13725" spans="1:12">
      <c r="A13725" s="6" t="s">
        <v>49</v>
      </c>
      <c r="B13725" s="6"/>
      <c r="C13725" s="6" t="s">
        <v>13749</v>
      </c>
      <c r="D13725" s="6"/>
      <c r="E13725" s="6" t="s">
        <v>9</v>
      </c>
      <c r="F13725" s="7">
        <v>38657</v>
      </c>
      <c r="G13725" s="8">
        <v>1</v>
      </c>
      <c r="H13725" s="8">
        <v>1</v>
      </c>
      <c r="I13725" s="8">
        <v>0</v>
      </c>
      <c r="J13725" s="8">
        <v>1</v>
      </c>
      <c r="K13725" s="9">
        <v>56</v>
      </c>
      <c r="L13725" s="6" t="s">
        <v>51</v>
      </c>
    </row>
    <row r="13726" spans="1:12">
      <c r="A13726" s="6" t="s">
        <v>49</v>
      </c>
      <c r="B13726" s="6"/>
      <c r="C13726" s="6" t="s">
        <v>13750</v>
      </c>
      <c r="D13726" s="6"/>
      <c r="E13726" s="6" t="s">
        <v>9</v>
      </c>
      <c r="F13726" s="7">
        <v>38657</v>
      </c>
      <c r="G13726" s="8">
        <v>1</v>
      </c>
      <c r="H13726" s="8">
        <v>1</v>
      </c>
      <c r="I13726" s="8">
        <v>0</v>
      </c>
      <c r="J13726" s="8">
        <v>1</v>
      </c>
      <c r="K13726" s="9">
        <v>9.91</v>
      </c>
      <c r="L13726" s="6" t="s">
        <v>51</v>
      </c>
    </row>
    <row r="13727" spans="1:12">
      <c r="A13727" s="6" t="s">
        <v>49</v>
      </c>
      <c r="B13727" s="6"/>
      <c r="C13727" s="6" t="s">
        <v>13751</v>
      </c>
      <c r="D13727" s="6"/>
      <c r="E13727" s="6" t="s">
        <v>9</v>
      </c>
      <c r="F13727" s="7">
        <v>38657</v>
      </c>
      <c r="G13727" s="8">
        <v>1</v>
      </c>
      <c r="H13727" s="8">
        <v>1</v>
      </c>
      <c r="I13727" s="8">
        <v>0</v>
      </c>
      <c r="J13727" s="8">
        <v>1</v>
      </c>
      <c r="K13727" s="9">
        <v>42</v>
      </c>
      <c r="L13727" s="6" t="s">
        <v>51</v>
      </c>
    </row>
    <row r="13728" spans="1:12">
      <c r="A13728" s="6" t="s">
        <v>49</v>
      </c>
      <c r="B13728" s="6"/>
      <c r="C13728" s="6" t="s">
        <v>13752</v>
      </c>
      <c r="D13728" s="6"/>
      <c r="E13728" s="6" t="s">
        <v>9</v>
      </c>
      <c r="F13728" s="7">
        <v>38657</v>
      </c>
      <c r="G13728" s="8">
        <v>1</v>
      </c>
      <c r="H13728" s="8">
        <v>1</v>
      </c>
      <c r="I13728" s="8">
        <v>0</v>
      </c>
      <c r="J13728" s="8">
        <v>1</v>
      </c>
      <c r="K13728" s="9">
        <v>6.61</v>
      </c>
      <c r="L13728" s="6" t="s">
        <v>51</v>
      </c>
    </row>
    <row r="13729" spans="1:12">
      <c r="A13729" s="6" t="s">
        <v>49</v>
      </c>
      <c r="B13729" s="6"/>
      <c r="C13729" s="6" t="s">
        <v>13753</v>
      </c>
      <c r="D13729" s="6"/>
      <c r="E13729" s="6" t="s">
        <v>9</v>
      </c>
      <c r="F13729" s="7">
        <v>38657</v>
      </c>
      <c r="G13729" s="8">
        <v>1</v>
      </c>
      <c r="H13729" s="8">
        <v>1</v>
      </c>
      <c r="I13729" s="8">
        <v>0</v>
      </c>
      <c r="J13729" s="8">
        <v>1</v>
      </c>
      <c r="K13729" s="9">
        <v>29</v>
      </c>
      <c r="L13729" s="6" t="s">
        <v>51</v>
      </c>
    </row>
    <row r="13730" spans="1:12">
      <c r="A13730" s="6" t="s">
        <v>49</v>
      </c>
      <c r="B13730" s="6"/>
      <c r="C13730" s="6" t="s">
        <v>13754</v>
      </c>
      <c r="D13730" s="6"/>
      <c r="E13730" s="6" t="s">
        <v>9</v>
      </c>
      <c r="F13730" s="7">
        <v>38657</v>
      </c>
      <c r="G13730" s="8">
        <v>1</v>
      </c>
      <c r="H13730" s="8">
        <v>1</v>
      </c>
      <c r="I13730" s="8">
        <v>0</v>
      </c>
      <c r="J13730" s="8">
        <v>1</v>
      </c>
      <c r="K13730" s="9">
        <v>3.3</v>
      </c>
      <c r="L13730" s="6" t="s">
        <v>51</v>
      </c>
    </row>
    <row r="13731" spans="1:12">
      <c r="A13731" s="6" t="s">
        <v>49</v>
      </c>
      <c r="B13731" s="6"/>
      <c r="C13731" s="6" t="s">
        <v>13755</v>
      </c>
      <c r="D13731" s="6"/>
      <c r="E13731" s="6" t="s">
        <v>9</v>
      </c>
      <c r="F13731" s="7">
        <v>38657</v>
      </c>
      <c r="G13731" s="8">
        <v>1</v>
      </c>
      <c r="H13731" s="8">
        <v>1</v>
      </c>
      <c r="I13731" s="8">
        <v>0</v>
      </c>
      <c r="J13731" s="8">
        <v>1</v>
      </c>
      <c r="K13731" s="9">
        <v>23</v>
      </c>
      <c r="L13731" s="6" t="s">
        <v>51</v>
      </c>
    </row>
    <row r="13732" spans="1:12">
      <c r="A13732" s="6" t="s">
        <v>49</v>
      </c>
      <c r="B13732" s="6"/>
      <c r="C13732" s="6" t="s">
        <v>13756</v>
      </c>
      <c r="D13732" s="6"/>
      <c r="E13732" s="6" t="s">
        <v>9</v>
      </c>
      <c r="F13732" s="7">
        <v>38657</v>
      </c>
      <c r="G13732" s="8">
        <v>1</v>
      </c>
      <c r="H13732" s="8">
        <v>1</v>
      </c>
      <c r="I13732" s="8">
        <v>0</v>
      </c>
      <c r="J13732" s="8">
        <v>1</v>
      </c>
      <c r="K13732" s="9">
        <v>135</v>
      </c>
      <c r="L13732" s="6" t="s">
        <v>51</v>
      </c>
    </row>
    <row r="13733" spans="1:12">
      <c r="A13733" s="6" t="s">
        <v>49</v>
      </c>
      <c r="B13733" s="6"/>
      <c r="C13733" s="6" t="s">
        <v>13757</v>
      </c>
      <c r="D13733" s="6"/>
      <c r="E13733" s="6" t="s">
        <v>9</v>
      </c>
      <c r="F13733" s="7">
        <v>38657</v>
      </c>
      <c r="G13733" s="8">
        <v>1</v>
      </c>
      <c r="H13733" s="8">
        <v>1</v>
      </c>
      <c r="I13733" s="8">
        <v>0</v>
      </c>
      <c r="J13733" s="8">
        <v>1</v>
      </c>
      <c r="K13733" s="9">
        <v>13</v>
      </c>
      <c r="L13733" s="6" t="s">
        <v>51</v>
      </c>
    </row>
    <row r="13734" spans="1:12">
      <c r="A13734" s="6" t="s">
        <v>49</v>
      </c>
      <c r="B13734" s="6"/>
      <c r="C13734" s="6" t="s">
        <v>13758</v>
      </c>
      <c r="D13734" s="6"/>
      <c r="E13734" s="6" t="s">
        <v>9</v>
      </c>
      <c r="F13734" s="7">
        <v>38657</v>
      </c>
      <c r="G13734" s="8">
        <v>1</v>
      </c>
      <c r="H13734" s="8">
        <v>1</v>
      </c>
      <c r="I13734" s="8">
        <v>0</v>
      </c>
      <c r="J13734" s="8">
        <v>1</v>
      </c>
      <c r="K13734" s="9">
        <v>102</v>
      </c>
      <c r="L13734" s="6" t="s">
        <v>51</v>
      </c>
    </row>
    <row r="13735" spans="1:12">
      <c r="A13735" s="6" t="s">
        <v>49</v>
      </c>
      <c r="B13735" s="6"/>
      <c r="C13735" s="6" t="s">
        <v>13759</v>
      </c>
      <c r="D13735" s="6"/>
      <c r="E13735" s="6" t="s">
        <v>9</v>
      </c>
      <c r="F13735" s="7">
        <v>38657</v>
      </c>
      <c r="G13735" s="8">
        <v>1</v>
      </c>
      <c r="H13735" s="8">
        <v>1</v>
      </c>
      <c r="I13735" s="8">
        <v>0</v>
      </c>
      <c r="J13735" s="8">
        <v>1</v>
      </c>
      <c r="K13735" s="9">
        <v>9.91</v>
      </c>
      <c r="L13735" s="6" t="s">
        <v>51</v>
      </c>
    </row>
    <row r="13736" spans="1:12">
      <c r="A13736" s="6" t="s">
        <v>49</v>
      </c>
      <c r="B13736" s="6"/>
      <c r="C13736" s="6" t="s">
        <v>13760</v>
      </c>
      <c r="D13736" s="6"/>
      <c r="E13736" s="6" t="s">
        <v>9</v>
      </c>
      <c r="F13736" s="7">
        <v>38657</v>
      </c>
      <c r="G13736" s="8">
        <v>1</v>
      </c>
      <c r="H13736" s="8">
        <v>1</v>
      </c>
      <c r="I13736" s="8">
        <v>0</v>
      </c>
      <c r="J13736" s="8">
        <v>1</v>
      </c>
      <c r="K13736" s="9">
        <v>9.91</v>
      </c>
      <c r="L13736" s="6" t="s">
        <v>51</v>
      </c>
    </row>
    <row r="13737" spans="1:12">
      <c r="A13737" s="6" t="s">
        <v>49</v>
      </c>
      <c r="B13737" s="6"/>
      <c r="C13737" s="6" t="s">
        <v>13761</v>
      </c>
      <c r="D13737" s="6"/>
      <c r="E13737" s="6" t="s">
        <v>9</v>
      </c>
      <c r="F13737" s="7">
        <v>38657</v>
      </c>
      <c r="G13737" s="8">
        <v>1</v>
      </c>
      <c r="H13737" s="8">
        <v>1</v>
      </c>
      <c r="I13737" s="8">
        <v>0</v>
      </c>
      <c r="J13737" s="8">
        <v>1</v>
      </c>
      <c r="K13737" s="9">
        <v>85</v>
      </c>
      <c r="L13737" s="6" t="s">
        <v>51</v>
      </c>
    </row>
    <row r="13738" spans="1:12">
      <c r="A13738" s="6" t="s">
        <v>49</v>
      </c>
      <c r="B13738" s="6"/>
      <c r="C13738" s="6" t="s">
        <v>13762</v>
      </c>
      <c r="D13738" s="6"/>
      <c r="E13738" s="6" t="s">
        <v>9</v>
      </c>
      <c r="F13738" s="7">
        <v>38657</v>
      </c>
      <c r="G13738" s="8">
        <v>1</v>
      </c>
      <c r="H13738" s="8">
        <v>1</v>
      </c>
      <c r="I13738" s="8">
        <v>0</v>
      </c>
      <c r="J13738" s="8">
        <v>1</v>
      </c>
      <c r="K13738" s="9">
        <v>85</v>
      </c>
      <c r="L13738" s="6" t="s">
        <v>51</v>
      </c>
    </row>
    <row r="13739" spans="1:12">
      <c r="A13739" s="6" t="s">
        <v>49</v>
      </c>
      <c r="B13739" s="6"/>
      <c r="C13739" s="6" t="s">
        <v>13763</v>
      </c>
      <c r="D13739" s="6"/>
      <c r="E13739" s="6" t="s">
        <v>9</v>
      </c>
      <c r="F13739" s="7">
        <v>38657</v>
      </c>
      <c r="G13739" s="8">
        <v>1</v>
      </c>
      <c r="H13739" s="8">
        <v>1</v>
      </c>
      <c r="I13739" s="8">
        <v>0</v>
      </c>
      <c r="J13739" s="8">
        <v>1</v>
      </c>
      <c r="K13739" s="9">
        <v>16</v>
      </c>
      <c r="L13739" s="6" t="s">
        <v>51</v>
      </c>
    </row>
    <row r="13740" spans="1:12">
      <c r="A13740" s="6" t="s">
        <v>49</v>
      </c>
      <c r="B13740" s="6"/>
      <c r="C13740" s="6" t="s">
        <v>13764</v>
      </c>
      <c r="D13740" s="6"/>
      <c r="E13740" s="6" t="s">
        <v>9</v>
      </c>
      <c r="F13740" s="7">
        <v>38657</v>
      </c>
      <c r="G13740" s="8">
        <v>1</v>
      </c>
      <c r="H13740" s="8">
        <v>1</v>
      </c>
      <c r="I13740" s="8">
        <v>0</v>
      </c>
      <c r="J13740" s="8">
        <v>1</v>
      </c>
      <c r="K13740" s="9">
        <v>168</v>
      </c>
      <c r="L13740" s="6" t="s">
        <v>51</v>
      </c>
    </row>
    <row r="13741" spans="1:12">
      <c r="A13741" s="6" t="s">
        <v>49</v>
      </c>
      <c r="B13741" s="6"/>
      <c r="C13741" s="6" t="s">
        <v>13765</v>
      </c>
      <c r="D13741" s="6"/>
      <c r="E13741" s="6" t="s">
        <v>9</v>
      </c>
      <c r="F13741" s="7">
        <v>38657</v>
      </c>
      <c r="G13741" s="8">
        <v>1</v>
      </c>
      <c r="H13741" s="8">
        <v>1</v>
      </c>
      <c r="I13741" s="8">
        <v>0</v>
      </c>
      <c r="J13741" s="8">
        <v>1</v>
      </c>
      <c r="K13741" s="9">
        <v>181</v>
      </c>
      <c r="L13741" s="6" t="s">
        <v>51</v>
      </c>
    </row>
    <row r="13742" spans="1:12">
      <c r="A13742" s="6" t="s">
        <v>49</v>
      </c>
      <c r="B13742" s="6"/>
      <c r="C13742" s="6" t="s">
        <v>13766</v>
      </c>
      <c r="D13742" s="6"/>
      <c r="E13742" s="6" t="s">
        <v>9</v>
      </c>
      <c r="F13742" s="7">
        <v>38657</v>
      </c>
      <c r="G13742" s="8">
        <v>1</v>
      </c>
      <c r="H13742" s="8">
        <v>1</v>
      </c>
      <c r="I13742" s="8">
        <v>0</v>
      </c>
      <c r="J13742" s="8">
        <v>1</v>
      </c>
      <c r="K13742" s="9">
        <v>9.91</v>
      </c>
      <c r="L13742" s="6" t="s">
        <v>51</v>
      </c>
    </row>
    <row r="13743" spans="1:12">
      <c r="A13743" s="6" t="s">
        <v>49</v>
      </c>
      <c r="B13743" s="6"/>
      <c r="C13743" s="6" t="s">
        <v>13767</v>
      </c>
      <c r="D13743" s="6"/>
      <c r="E13743" s="6" t="s">
        <v>9</v>
      </c>
      <c r="F13743" s="7">
        <v>38657</v>
      </c>
      <c r="G13743" s="8">
        <v>1</v>
      </c>
      <c r="H13743" s="8">
        <v>1</v>
      </c>
      <c r="I13743" s="8">
        <v>0</v>
      </c>
      <c r="J13743" s="8">
        <v>1</v>
      </c>
      <c r="K13743" s="9">
        <v>36</v>
      </c>
      <c r="L13743" s="6" t="s">
        <v>51</v>
      </c>
    </row>
    <row r="13744" spans="1:12">
      <c r="A13744" s="6" t="s">
        <v>49</v>
      </c>
      <c r="B13744" s="6"/>
      <c r="C13744" s="6" t="s">
        <v>13768</v>
      </c>
      <c r="D13744" s="6"/>
      <c r="E13744" s="6" t="s">
        <v>9</v>
      </c>
      <c r="F13744" s="7">
        <v>38657</v>
      </c>
      <c r="G13744" s="8">
        <v>1</v>
      </c>
      <c r="H13744" s="8">
        <v>1</v>
      </c>
      <c r="I13744" s="8">
        <v>0</v>
      </c>
      <c r="J13744" s="8">
        <v>1</v>
      </c>
      <c r="K13744" s="9">
        <v>6.61</v>
      </c>
      <c r="L13744" s="6" t="s">
        <v>51</v>
      </c>
    </row>
    <row r="13745" spans="1:12">
      <c r="A13745" s="6" t="s">
        <v>49</v>
      </c>
      <c r="B13745" s="6"/>
      <c r="C13745" s="6" t="s">
        <v>13769</v>
      </c>
      <c r="D13745" s="6"/>
      <c r="E13745" s="6" t="s">
        <v>9</v>
      </c>
      <c r="F13745" s="7">
        <v>38657</v>
      </c>
      <c r="G13745" s="8">
        <v>1</v>
      </c>
      <c r="H13745" s="8">
        <v>1</v>
      </c>
      <c r="I13745" s="8">
        <v>0</v>
      </c>
      <c r="J13745" s="8">
        <v>1</v>
      </c>
      <c r="K13745" s="9">
        <v>56</v>
      </c>
      <c r="L13745" s="6" t="s">
        <v>51</v>
      </c>
    </row>
    <row r="13746" spans="1:12">
      <c r="A13746" s="6" t="s">
        <v>49</v>
      </c>
      <c r="B13746" s="6"/>
      <c r="C13746" s="6" t="s">
        <v>13770</v>
      </c>
      <c r="D13746" s="6"/>
      <c r="E13746" s="6" t="s">
        <v>9</v>
      </c>
      <c r="F13746" s="7">
        <v>38657</v>
      </c>
      <c r="G13746" s="8">
        <v>1</v>
      </c>
      <c r="H13746" s="8">
        <v>1</v>
      </c>
      <c r="I13746" s="8">
        <v>0</v>
      </c>
      <c r="J13746" s="8">
        <v>1</v>
      </c>
      <c r="K13746" s="9">
        <v>13</v>
      </c>
      <c r="L13746" s="6" t="s">
        <v>51</v>
      </c>
    </row>
    <row r="13747" spans="1:12">
      <c r="A13747" s="6" t="s">
        <v>49</v>
      </c>
      <c r="B13747" s="6"/>
      <c r="C13747" s="6" t="s">
        <v>13771</v>
      </c>
      <c r="D13747" s="6"/>
      <c r="E13747" s="6" t="s">
        <v>9</v>
      </c>
      <c r="F13747" s="7">
        <v>38657</v>
      </c>
      <c r="G13747" s="8">
        <v>1</v>
      </c>
      <c r="H13747" s="8">
        <v>1</v>
      </c>
      <c r="I13747" s="8">
        <v>0</v>
      </c>
      <c r="J13747" s="8">
        <v>1</v>
      </c>
      <c r="K13747" s="9">
        <v>194</v>
      </c>
      <c r="L13747" s="6" t="s">
        <v>51</v>
      </c>
    </row>
    <row r="13748" spans="1:12">
      <c r="A13748" s="6" t="s">
        <v>49</v>
      </c>
      <c r="B13748" s="6"/>
      <c r="C13748" s="6" t="s">
        <v>13772</v>
      </c>
      <c r="D13748" s="6"/>
      <c r="E13748" s="6" t="s">
        <v>9</v>
      </c>
      <c r="F13748" s="7">
        <v>38657</v>
      </c>
      <c r="G13748" s="8">
        <v>1</v>
      </c>
      <c r="H13748" s="8">
        <v>1</v>
      </c>
      <c r="I13748" s="8">
        <v>0</v>
      </c>
      <c r="J13748" s="8">
        <v>1</v>
      </c>
      <c r="K13748" s="9">
        <v>460</v>
      </c>
      <c r="L13748" s="6" t="s">
        <v>51</v>
      </c>
    </row>
    <row r="13749" spans="1:12">
      <c r="A13749" s="6" t="s">
        <v>49</v>
      </c>
      <c r="B13749" s="6"/>
      <c r="C13749" s="6" t="s">
        <v>13773</v>
      </c>
      <c r="D13749" s="6"/>
      <c r="E13749" s="6" t="s">
        <v>9</v>
      </c>
      <c r="F13749" s="7">
        <v>38657</v>
      </c>
      <c r="G13749" s="8">
        <v>1</v>
      </c>
      <c r="H13749" s="8">
        <v>1</v>
      </c>
      <c r="I13749" s="8">
        <v>0</v>
      </c>
      <c r="J13749" s="8">
        <v>1</v>
      </c>
      <c r="K13749" s="9">
        <v>545</v>
      </c>
      <c r="L13749" s="6" t="s">
        <v>51</v>
      </c>
    </row>
    <row r="13750" spans="1:12">
      <c r="A13750" s="6" t="s">
        <v>49</v>
      </c>
      <c r="B13750" s="6"/>
      <c r="C13750" s="6" t="s">
        <v>13774</v>
      </c>
      <c r="D13750" s="6"/>
      <c r="E13750" s="6" t="s">
        <v>9</v>
      </c>
      <c r="F13750" s="7">
        <v>38657</v>
      </c>
      <c r="G13750" s="8">
        <v>1</v>
      </c>
      <c r="H13750" s="8">
        <v>1</v>
      </c>
      <c r="I13750" s="8">
        <v>0</v>
      </c>
      <c r="J13750" s="8">
        <v>1</v>
      </c>
      <c r="K13750" s="9">
        <v>274</v>
      </c>
      <c r="L13750" s="6" t="s">
        <v>51</v>
      </c>
    </row>
    <row r="13751" spans="1:12">
      <c r="A13751" s="6" t="s">
        <v>49</v>
      </c>
      <c r="B13751" s="6"/>
      <c r="C13751" s="6" t="s">
        <v>13775</v>
      </c>
      <c r="D13751" s="6"/>
      <c r="E13751" s="6" t="s">
        <v>9</v>
      </c>
      <c r="F13751" s="7">
        <v>38657</v>
      </c>
      <c r="G13751" s="8">
        <v>1</v>
      </c>
      <c r="H13751" s="8">
        <v>1</v>
      </c>
      <c r="I13751" s="8">
        <v>0</v>
      </c>
      <c r="J13751" s="8">
        <v>1</v>
      </c>
      <c r="K13751" s="9">
        <v>99</v>
      </c>
      <c r="L13751" s="6" t="s">
        <v>51</v>
      </c>
    </row>
    <row r="13752" spans="1:12">
      <c r="A13752" s="6" t="s">
        <v>49</v>
      </c>
      <c r="B13752" s="6"/>
      <c r="C13752" s="6" t="s">
        <v>13776</v>
      </c>
      <c r="D13752" s="6"/>
      <c r="E13752" s="6" t="s">
        <v>9</v>
      </c>
      <c r="F13752" s="7">
        <v>38657</v>
      </c>
      <c r="G13752" s="8">
        <v>1</v>
      </c>
      <c r="H13752" s="8">
        <v>1</v>
      </c>
      <c r="I13752" s="8">
        <v>0</v>
      </c>
      <c r="J13752" s="8">
        <v>1</v>
      </c>
      <c r="K13752" s="9">
        <v>86</v>
      </c>
      <c r="L13752" s="6" t="s">
        <v>51</v>
      </c>
    </row>
    <row r="13753" spans="1:12">
      <c r="A13753" s="6" t="s">
        <v>49</v>
      </c>
      <c r="B13753" s="6"/>
      <c r="C13753" s="6" t="s">
        <v>13777</v>
      </c>
      <c r="D13753" s="6"/>
      <c r="E13753" s="6" t="s">
        <v>9</v>
      </c>
      <c r="F13753" s="7">
        <v>38657</v>
      </c>
      <c r="G13753" s="8">
        <v>1</v>
      </c>
      <c r="H13753" s="8">
        <v>1</v>
      </c>
      <c r="I13753" s="8">
        <v>0</v>
      </c>
      <c r="J13753" s="8">
        <v>1</v>
      </c>
      <c r="K13753" s="9">
        <v>343</v>
      </c>
      <c r="L13753" s="6" t="s">
        <v>51</v>
      </c>
    </row>
    <row r="13754" spans="1:12">
      <c r="A13754" s="6" t="s">
        <v>49</v>
      </c>
      <c r="B13754" s="6"/>
      <c r="C13754" s="6" t="s">
        <v>13778</v>
      </c>
      <c r="D13754" s="6"/>
      <c r="E13754" s="6" t="s">
        <v>9</v>
      </c>
      <c r="F13754" s="7">
        <v>38657</v>
      </c>
      <c r="G13754" s="8">
        <v>1</v>
      </c>
      <c r="H13754" s="8">
        <v>1</v>
      </c>
      <c r="I13754" s="8">
        <v>0</v>
      </c>
      <c r="J13754" s="8">
        <v>1</v>
      </c>
      <c r="K13754" s="9">
        <v>33</v>
      </c>
      <c r="L13754" s="6" t="s">
        <v>51</v>
      </c>
    </row>
    <row r="13755" spans="1:12">
      <c r="A13755" s="6" t="s">
        <v>49</v>
      </c>
      <c r="B13755" s="6"/>
      <c r="C13755" s="6" t="s">
        <v>13779</v>
      </c>
      <c r="D13755" s="6"/>
      <c r="E13755" s="6" t="s">
        <v>9</v>
      </c>
      <c r="F13755" s="7">
        <v>38657</v>
      </c>
      <c r="G13755" s="8">
        <v>1</v>
      </c>
      <c r="H13755" s="8">
        <v>1</v>
      </c>
      <c r="I13755" s="8">
        <v>0</v>
      </c>
      <c r="J13755" s="8">
        <v>1</v>
      </c>
      <c r="K13755" s="9">
        <v>6.61</v>
      </c>
      <c r="L13755" s="6" t="s">
        <v>51</v>
      </c>
    </row>
    <row r="13756" spans="1:12">
      <c r="A13756" s="6" t="s">
        <v>49</v>
      </c>
      <c r="B13756" s="6"/>
      <c r="C13756" s="6" t="s">
        <v>13780</v>
      </c>
      <c r="D13756" s="6"/>
      <c r="E13756" s="6" t="s">
        <v>9</v>
      </c>
      <c r="F13756" s="7">
        <v>38657</v>
      </c>
      <c r="G13756" s="8">
        <v>1</v>
      </c>
      <c r="H13756" s="8">
        <v>1</v>
      </c>
      <c r="I13756" s="8">
        <v>0</v>
      </c>
      <c r="J13756" s="8">
        <v>1</v>
      </c>
      <c r="K13756" s="9">
        <v>63</v>
      </c>
      <c r="L13756" s="6" t="s">
        <v>51</v>
      </c>
    </row>
    <row r="13757" spans="1:12">
      <c r="A13757" s="6" t="s">
        <v>49</v>
      </c>
      <c r="B13757" s="6"/>
      <c r="C13757" s="6" t="s">
        <v>13781</v>
      </c>
      <c r="D13757" s="6"/>
      <c r="E13757" s="6" t="s">
        <v>9</v>
      </c>
      <c r="F13757" s="7">
        <v>40661</v>
      </c>
      <c r="G13757" s="8">
        <v>1</v>
      </c>
      <c r="H13757" s="8">
        <v>1</v>
      </c>
      <c r="I13757" s="8">
        <v>0</v>
      </c>
      <c r="J13757" s="8">
        <v>1</v>
      </c>
      <c r="K13757" s="9">
        <v>116</v>
      </c>
      <c r="L13757" s="6" t="s">
        <v>51</v>
      </c>
    </row>
    <row r="13758" spans="1:12">
      <c r="A13758" s="6" t="s">
        <v>49</v>
      </c>
      <c r="B13758" s="6"/>
      <c r="C13758" s="6" t="s">
        <v>13782</v>
      </c>
      <c r="D13758" s="6"/>
      <c r="E13758" s="6" t="s">
        <v>9</v>
      </c>
      <c r="F13758" s="7">
        <v>38657</v>
      </c>
      <c r="G13758" s="8">
        <v>1</v>
      </c>
      <c r="H13758" s="8">
        <v>1</v>
      </c>
      <c r="I13758" s="8">
        <v>0</v>
      </c>
      <c r="J13758" s="8">
        <v>1</v>
      </c>
      <c r="K13758" s="9">
        <v>11</v>
      </c>
      <c r="L13758" s="6" t="s">
        <v>51</v>
      </c>
    </row>
    <row r="13759" spans="1:12">
      <c r="A13759" s="6" t="s">
        <v>49</v>
      </c>
      <c r="B13759" s="6"/>
      <c r="C13759" s="6" t="s">
        <v>13783</v>
      </c>
      <c r="D13759" s="6"/>
      <c r="E13759" s="6" t="s">
        <v>9</v>
      </c>
      <c r="F13759" s="7">
        <v>40731</v>
      </c>
      <c r="G13759" s="8">
        <v>1</v>
      </c>
      <c r="H13759" s="8">
        <v>1</v>
      </c>
      <c r="I13759" s="8">
        <v>0</v>
      </c>
      <c r="J13759" s="8">
        <v>1</v>
      </c>
      <c r="K13759" s="9">
        <v>237</v>
      </c>
      <c r="L13759" s="6" t="s">
        <v>51</v>
      </c>
    </row>
    <row r="13760" spans="1:12">
      <c r="A13760" s="6" t="s">
        <v>49</v>
      </c>
      <c r="B13760" s="6"/>
      <c r="C13760" s="6" t="s">
        <v>13784</v>
      </c>
      <c r="D13760" s="6"/>
      <c r="E13760" s="6" t="s">
        <v>9</v>
      </c>
      <c r="F13760" s="7">
        <v>38657</v>
      </c>
      <c r="G13760" s="8">
        <v>1</v>
      </c>
      <c r="H13760" s="8">
        <v>1</v>
      </c>
      <c r="I13760" s="8">
        <v>0</v>
      </c>
      <c r="J13760" s="8">
        <v>1</v>
      </c>
      <c r="K13760" s="9">
        <v>79</v>
      </c>
      <c r="L13760" s="6" t="s">
        <v>51</v>
      </c>
    </row>
    <row r="13761" spans="1:12">
      <c r="A13761" s="6" t="s">
        <v>49</v>
      </c>
      <c r="B13761" s="6"/>
      <c r="C13761" s="6" t="s">
        <v>13785</v>
      </c>
      <c r="D13761" s="6"/>
      <c r="E13761" s="6" t="s">
        <v>9</v>
      </c>
      <c r="F13761" s="7">
        <v>38657</v>
      </c>
      <c r="G13761" s="8">
        <v>1</v>
      </c>
      <c r="H13761" s="8">
        <v>1</v>
      </c>
      <c r="I13761" s="8">
        <v>0</v>
      </c>
      <c r="J13761" s="8">
        <v>1</v>
      </c>
      <c r="K13761" s="9">
        <v>11</v>
      </c>
      <c r="L13761" s="6" t="s">
        <v>51</v>
      </c>
    </row>
    <row r="13762" spans="1:12">
      <c r="A13762" s="6" t="s">
        <v>49</v>
      </c>
      <c r="B13762" s="6"/>
      <c r="C13762" s="6" t="s">
        <v>13786</v>
      </c>
      <c r="D13762" s="6"/>
      <c r="E13762" s="6" t="s">
        <v>9</v>
      </c>
      <c r="F13762" s="7">
        <v>38657</v>
      </c>
      <c r="G13762" s="8">
        <v>1</v>
      </c>
      <c r="H13762" s="8">
        <v>1</v>
      </c>
      <c r="I13762" s="8">
        <v>0</v>
      </c>
      <c r="J13762" s="8">
        <v>1</v>
      </c>
      <c r="K13762" s="9">
        <v>52</v>
      </c>
      <c r="L13762" s="6" t="s">
        <v>51</v>
      </c>
    </row>
    <row r="13763" spans="1:12">
      <c r="A13763" s="6" t="s">
        <v>49</v>
      </c>
      <c r="B13763" s="6"/>
      <c r="C13763" s="6" t="s">
        <v>13787</v>
      </c>
      <c r="D13763" s="6"/>
      <c r="E13763" s="6" t="s">
        <v>9</v>
      </c>
      <c r="F13763" s="7">
        <v>40661</v>
      </c>
      <c r="G13763" s="8">
        <v>1</v>
      </c>
      <c r="H13763" s="8">
        <v>1</v>
      </c>
      <c r="I13763" s="8">
        <v>0</v>
      </c>
      <c r="J13763" s="8">
        <v>1</v>
      </c>
      <c r="K13763" s="9">
        <v>1.24</v>
      </c>
      <c r="L13763" s="6" t="s">
        <v>51</v>
      </c>
    </row>
    <row r="13764" spans="1:12">
      <c r="A13764" s="6" t="s">
        <v>49</v>
      </c>
      <c r="B13764" s="6"/>
      <c r="C13764" s="6" t="s">
        <v>13788</v>
      </c>
      <c r="D13764" s="6"/>
      <c r="E13764" s="6" t="s">
        <v>9</v>
      </c>
      <c r="F13764" s="7">
        <v>38657</v>
      </c>
      <c r="G13764" s="8">
        <v>1</v>
      </c>
      <c r="H13764" s="8">
        <v>1</v>
      </c>
      <c r="I13764" s="8">
        <v>0</v>
      </c>
      <c r="J13764" s="8">
        <v>1</v>
      </c>
      <c r="K13764" s="9">
        <v>26</v>
      </c>
      <c r="L13764" s="6" t="s">
        <v>51</v>
      </c>
    </row>
    <row r="13765" spans="1:12">
      <c r="A13765" s="6" t="s">
        <v>49</v>
      </c>
      <c r="B13765" s="6"/>
      <c r="C13765" s="6" t="s">
        <v>13789</v>
      </c>
      <c r="D13765" s="6"/>
      <c r="E13765" s="6" t="s">
        <v>9</v>
      </c>
      <c r="F13765" s="7">
        <v>38657</v>
      </c>
      <c r="G13765" s="8">
        <v>1</v>
      </c>
      <c r="H13765" s="8">
        <v>1</v>
      </c>
      <c r="I13765" s="8">
        <v>0</v>
      </c>
      <c r="J13765" s="8">
        <v>1</v>
      </c>
      <c r="K13765" s="9">
        <v>39</v>
      </c>
      <c r="L13765" s="6" t="s">
        <v>51</v>
      </c>
    </row>
    <row r="13766" spans="1:12">
      <c r="A13766" s="6" t="s">
        <v>49</v>
      </c>
      <c r="B13766" s="6"/>
      <c r="C13766" s="6" t="s">
        <v>13790</v>
      </c>
      <c r="D13766" s="6"/>
      <c r="E13766" s="6" t="s">
        <v>9</v>
      </c>
      <c r="F13766" s="7">
        <v>38657</v>
      </c>
      <c r="G13766" s="8">
        <v>1</v>
      </c>
      <c r="H13766" s="8">
        <v>1</v>
      </c>
      <c r="I13766" s="8">
        <v>0</v>
      </c>
      <c r="J13766" s="8">
        <v>1</v>
      </c>
      <c r="K13766" s="9">
        <v>60</v>
      </c>
      <c r="L13766" s="6" t="s">
        <v>51</v>
      </c>
    </row>
    <row r="13767" spans="1:12">
      <c r="A13767" s="6" t="s">
        <v>49</v>
      </c>
      <c r="B13767" s="6"/>
      <c r="C13767" s="6" t="s">
        <v>13791</v>
      </c>
      <c r="D13767" s="6"/>
      <c r="E13767" s="6" t="s">
        <v>9</v>
      </c>
      <c r="F13767" s="7">
        <v>38657</v>
      </c>
      <c r="G13767" s="8">
        <v>1</v>
      </c>
      <c r="H13767" s="8">
        <v>1</v>
      </c>
      <c r="I13767" s="8">
        <v>0</v>
      </c>
      <c r="J13767" s="8">
        <v>1</v>
      </c>
      <c r="K13767" s="9">
        <v>53</v>
      </c>
      <c r="L13767" s="6" t="s">
        <v>51</v>
      </c>
    </row>
    <row r="13768" spans="1:12">
      <c r="A13768" s="6" t="s">
        <v>49</v>
      </c>
      <c r="B13768" s="6"/>
      <c r="C13768" s="6" t="s">
        <v>13792</v>
      </c>
      <c r="D13768" s="6"/>
      <c r="E13768" s="6" t="s">
        <v>9</v>
      </c>
      <c r="F13768" s="7">
        <v>38657</v>
      </c>
      <c r="G13768" s="8">
        <v>1</v>
      </c>
      <c r="H13768" s="8">
        <v>1</v>
      </c>
      <c r="I13768" s="8">
        <v>0</v>
      </c>
      <c r="J13768" s="8">
        <v>1</v>
      </c>
      <c r="K13768" s="9">
        <v>221</v>
      </c>
      <c r="L13768" s="6" t="s">
        <v>51</v>
      </c>
    </row>
    <row r="13769" spans="1:12">
      <c r="A13769" s="6" t="s">
        <v>49</v>
      </c>
      <c r="B13769" s="6"/>
      <c r="C13769" s="6" t="s">
        <v>13793</v>
      </c>
      <c r="D13769" s="6"/>
      <c r="E13769" s="6" t="s">
        <v>9</v>
      </c>
      <c r="F13769" s="7">
        <v>38657</v>
      </c>
      <c r="G13769" s="8">
        <v>1</v>
      </c>
      <c r="H13769" s="8">
        <v>1</v>
      </c>
      <c r="I13769" s="8">
        <v>0</v>
      </c>
      <c r="J13769" s="8">
        <v>1</v>
      </c>
      <c r="K13769" s="9">
        <v>0.05</v>
      </c>
      <c r="L13769" s="6" t="s">
        <v>51</v>
      </c>
    </row>
    <row r="13770" spans="1:12">
      <c r="A13770" s="6" t="s">
        <v>49</v>
      </c>
      <c r="B13770" s="6"/>
      <c r="C13770" s="6" t="s">
        <v>13794</v>
      </c>
      <c r="D13770" s="6"/>
      <c r="E13770" s="6" t="s">
        <v>9</v>
      </c>
      <c r="F13770" s="7">
        <v>38657</v>
      </c>
      <c r="G13770" s="8">
        <v>1</v>
      </c>
      <c r="H13770" s="8">
        <v>1</v>
      </c>
      <c r="I13770" s="8">
        <v>0</v>
      </c>
      <c r="J13770" s="8">
        <v>1</v>
      </c>
      <c r="K13770" s="9">
        <v>7.78</v>
      </c>
      <c r="L13770" s="6" t="s">
        <v>51</v>
      </c>
    </row>
    <row r="13771" spans="1:12">
      <c r="A13771" s="6" t="s">
        <v>49</v>
      </c>
      <c r="B13771" s="6"/>
      <c r="C13771" s="6" t="s">
        <v>13795</v>
      </c>
      <c r="D13771" s="6"/>
      <c r="E13771" s="6" t="s">
        <v>9</v>
      </c>
      <c r="F13771" s="7">
        <v>38657</v>
      </c>
      <c r="G13771" s="8">
        <v>1</v>
      </c>
      <c r="H13771" s="8">
        <v>1</v>
      </c>
      <c r="I13771" s="8">
        <v>0</v>
      </c>
      <c r="J13771" s="8">
        <v>1</v>
      </c>
      <c r="K13771" s="9">
        <v>0.34</v>
      </c>
      <c r="L13771" s="6" t="s">
        <v>51</v>
      </c>
    </row>
    <row r="13772" spans="1:12">
      <c r="A13772" s="6" t="s">
        <v>49</v>
      </c>
      <c r="B13772" s="6"/>
      <c r="C13772" s="6" t="s">
        <v>13796</v>
      </c>
      <c r="D13772" s="6"/>
      <c r="E13772" s="6" t="s">
        <v>9</v>
      </c>
      <c r="F13772" s="7">
        <v>38657</v>
      </c>
      <c r="G13772" s="8">
        <v>1</v>
      </c>
      <c r="H13772" s="8">
        <v>1</v>
      </c>
      <c r="I13772" s="8">
        <v>0</v>
      </c>
      <c r="J13772" s="8">
        <v>1</v>
      </c>
      <c r="K13772" s="9">
        <v>1461</v>
      </c>
      <c r="L13772" s="6" t="s">
        <v>51</v>
      </c>
    </row>
    <row r="13773" spans="1:12">
      <c r="A13773" s="6" t="s">
        <v>49</v>
      </c>
      <c r="B13773" s="6"/>
      <c r="C13773" s="6" t="s">
        <v>13797</v>
      </c>
      <c r="D13773" s="6"/>
      <c r="E13773" s="6" t="s">
        <v>9</v>
      </c>
      <c r="F13773" s="7">
        <v>38657</v>
      </c>
      <c r="G13773" s="8">
        <v>1</v>
      </c>
      <c r="H13773" s="8">
        <v>1</v>
      </c>
      <c r="I13773" s="8">
        <v>0</v>
      </c>
      <c r="J13773" s="8">
        <v>1</v>
      </c>
      <c r="K13773" s="9">
        <v>109</v>
      </c>
      <c r="L13773" s="6" t="s">
        <v>51</v>
      </c>
    </row>
    <row r="13774" spans="1:12">
      <c r="A13774" s="6" t="s">
        <v>49</v>
      </c>
      <c r="B13774" s="6"/>
      <c r="C13774" s="6" t="s">
        <v>13798</v>
      </c>
      <c r="D13774" s="6"/>
      <c r="E13774" s="6" t="s">
        <v>9</v>
      </c>
      <c r="F13774" s="7">
        <v>38657</v>
      </c>
      <c r="G13774" s="8">
        <v>1</v>
      </c>
      <c r="H13774" s="8">
        <v>1</v>
      </c>
      <c r="I13774" s="8">
        <v>0</v>
      </c>
      <c r="J13774" s="8">
        <v>1</v>
      </c>
      <c r="K13774" s="9">
        <v>382</v>
      </c>
      <c r="L13774" s="6" t="s">
        <v>51</v>
      </c>
    </row>
    <row r="13775" spans="1:12">
      <c r="A13775" s="6" t="s">
        <v>49</v>
      </c>
      <c r="B13775" s="6"/>
      <c r="C13775" s="6" t="s">
        <v>13799</v>
      </c>
      <c r="D13775" s="6"/>
      <c r="E13775" s="6" t="s">
        <v>9</v>
      </c>
      <c r="F13775" s="7">
        <v>38657</v>
      </c>
      <c r="G13775" s="8">
        <v>1</v>
      </c>
      <c r="H13775" s="8">
        <v>1</v>
      </c>
      <c r="I13775" s="8">
        <v>0</v>
      </c>
      <c r="J13775" s="8">
        <v>1</v>
      </c>
      <c r="K13775" s="9">
        <v>73</v>
      </c>
      <c r="L13775" s="6" t="s">
        <v>51</v>
      </c>
    </row>
    <row r="13776" spans="1:12">
      <c r="A13776" s="6" t="s">
        <v>49</v>
      </c>
      <c r="B13776" s="6"/>
      <c r="C13776" s="6" t="s">
        <v>13800</v>
      </c>
      <c r="D13776" s="6"/>
      <c r="E13776" s="6" t="s">
        <v>9</v>
      </c>
      <c r="F13776" s="7">
        <v>38657</v>
      </c>
      <c r="G13776" s="8">
        <v>1</v>
      </c>
      <c r="H13776" s="8">
        <v>1</v>
      </c>
      <c r="I13776" s="8">
        <v>0</v>
      </c>
      <c r="J13776" s="8">
        <v>1</v>
      </c>
      <c r="K13776" s="9">
        <v>23</v>
      </c>
      <c r="L13776" s="6" t="s">
        <v>51</v>
      </c>
    </row>
    <row r="13777" spans="1:12">
      <c r="A13777" s="6" t="s">
        <v>49</v>
      </c>
      <c r="B13777" s="6"/>
      <c r="C13777" s="6" t="s">
        <v>13801</v>
      </c>
      <c r="D13777" s="6"/>
      <c r="E13777" s="6" t="s">
        <v>9</v>
      </c>
      <c r="F13777" s="7">
        <v>38657</v>
      </c>
      <c r="G13777" s="8">
        <v>1</v>
      </c>
      <c r="H13777" s="8">
        <v>1</v>
      </c>
      <c r="I13777" s="8">
        <v>0</v>
      </c>
      <c r="J13777" s="8">
        <v>1</v>
      </c>
      <c r="K13777" s="9">
        <v>304</v>
      </c>
      <c r="L13777" s="6" t="s">
        <v>51</v>
      </c>
    </row>
    <row r="13778" spans="1:12">
      <c r="A13778" s="6" t="s">
        <v>49</v>
      </c>
      <c r="B13778" s="6"/>
      <c r="C13778" s="6" t="s">
        <v>13802</v>
      </c>
      <c r="D13778" s="6"/>
      <c r="E13778" s="6" t="s">
        <v>9</v>
      </c>
      <c r="F13778" s="7">
        <v>38657</v>
      </c>
      <c r="G13778" s="8">
        <v>1</v>
      </c>
      <c r="H13778" s="8">
        <v>1</v>
      </c>
      <c r="I13778" s="8">
        <v>0</v>
      </c>
      <c r="J13778" s="8">
        <v>1</v>
      </c>
      <c r="K13778" s="9">
        <v>31</v>
      </c>
      <c r="L13778" s="6" t="s">
        <v>51</v>
      </c>
    </row>
    <row r="13779" spans="1:12">
      <c r="A13779" s="6" t="s">
        <v>49</v>
      </c>
      <c r="B13779" s="6"/>
      <c r="C13779" s="6" t="s">
        <v>13803</v>
      </c>
      <c r="D13779" s="6"/>
      <c r="E13779" s="6" t="s">
        <v>9</v>
      </c>
      <c r="F13779" s="7">
        <v>38657</v>
      </c>
      <c r="G13779" s="8">
        <v>1</v>
      </c>
      <c r="H13779" s="8">
        <v>1</v>
      </c>
      <c r="I13779" s="8">
        <v>0</v>
      </c>
      <c r="J13779" s="8">
        <v>1</v>
      </c>
      <c r="K13779" s="9">
        <v>82</v>
      </c>
      <c r="L13779" s="6" t="s">
        <v>51</v>
      </c>
    </row>
    <row r="13780" spans="1:12">
      <c r="A13780" s="6" t="s">
        <v>49</v>
      </c>
      <c r="B13780" s="6"/>
      <c r="C13780" s="6" t="s">
        <v>13804</v>
      </c>
      <c r="D13780" s="6"/>
      <c r="E13780" s="6" t="s">
        <v>9</v>
      </c>
      <c r="F13780" s="7">
        <v>38657</v>
      </c>
      <c r="G13780" s="8">
        <v>1</v>
      </c>
      <c r="H13780" s="8">
        <v>1</v>
      </c>
      <c r="I13780" s="8">
        <v>0</v>
      </c>
      <c r="J13780" s="8">
        <v>1</v>
      </c>
      <c r="K13780" s="9">
        <v>536</v>
      </c>
      <c r="L13780" s="6" t="s">
        <v>51</v>
      </c>
    </row>
    <row r="13781" spans="1:12">
      <c r="A13781" s="6" t="s">
        <v>49</v>
      </c>
      <c r="B13781" s="6"/>
      <c r="C13781" s="6" t="s">
        <v>13805</v>
      </c>
      <c r="D13781" s="6"/>
      <c r="E13781" s="6" t="s">
        <v>9</v>
      </c>
      <c r="F13781" s="7">
        <v>38657</v>
      </c>
      <c r="G13781" s="8">
        <v>1</v>
      </c>
      <c r="H13781" s="8">
        <v>1</v>
      </c>
      <c r="I13781" s="8">
        <v>0</v>
      </c>
      <c r="J13781" s="8">
        <v>1</v>
      </c>
      <c r="K13781" s="9">
        <v>239</v>
      </c>
      <c r="L13781" s="6" t="s">
        <v>51</v>
      </c>
    </row>
    <row r="13782" spans="1:12">
      <c r="A13782" s="6" t="s">
        <v>49</v>
      </c>
      <c r="B13782" s="6"/>
      <c r="C13782" s="6" t="s">
        <v>13806</v>
      </c>
      <c r="D13782" s="6"/>
      <c r="E13782" s="6" t="s">
        <v>9</v>
      </c>
      <c r="F13782" s="7">
        <v>38657</v>
      </c>
      <c r="G13782" s="8">
        <v>1</v>
      </c>
      <c r="H13782" s="8">
        <v>1</v>
      </c>
      <c r="I13782" s="8">
        <v>0</v>
      </c>
      <c r="J13782" s="8">
        <v>1</v>
      </c>
      <c r="K13782" s="9">
        <v>144</v>
      </c>
      <c r="L13782" s="6" t="s">
        <v>51</v>
      </c>
    </row>
    <row r="13783" spans="1:12">
      <c r="A13783" s="6" t="s">
        <v>49</v>
      </c>
      <c r="B13783" s="6"/>
      <c r="C13783" s="6" t="s">
        <v>13807</v>
      </c>
      <c r="D13783" s="6"/>
      <c r="E13783" s="6" t="s">
        <v>9</v>
      </c>
      <c r="F13783" s="7">
        <v>38657</v>
      </c>
      <c r="G13783" s="8">
        <v>1</v>
      </c>
      <c r="H13783" s="8">
        <v>1</v>
      </c>
      <c r="I13783" s="8">
        <v>0</v>
      </c>
      <c r="J13783" s="8">
        <v>1</v>
      </c>
      <c r="K13783" s="9">
        <v>19</v>
      </c>
      <c r="L13783" s="6" t="s">
        <v>51</v>
      </c>
    </row>
    <row r="13784" spans="1:12">
      <c r="A13784" s="6" t="s">
        <v>49</v>
      </c>
      <c r="B13784" s="6"/>
      <c r="C13784" s="6" t="s">
        <v>13808</v>
      </c>
      <c r="D13784" s="6"/>
      <c r="E13784" s="6" t="s">
        <v>9</v>
      </c>
      <c r="F13784" s="7">
        <v>38657</v>
      </c>
      <c r="G13784" s="8">
        <v>1</v>
      </c>
      <c r="H13784" s="8">
        <v>1</v>
      </c>
      <c r="I13784" s="8">
        <v>0</v>
      </c>
      <c r="J13784" s="8">
        <v>1</v>
      </c>
      <c r="K13784" s="9">
        <v>82</v>
      </c>
      <c r="L13784" s="6" t="s">
        <v>51</v>
      </c>
    </row>
    <row r="13785" spans="1:12">
      <c r="A13785" s="6" t="s">
        <v>49</v>
      </c>
      <c r="B13785" s="6"/>
      <c r="C13785" s="6" t="s">
        <v>13809</v>
      </c>
      <c r="D13785" s="6"/>
      <c r="E13785" s="6" t="s">
        <v>9</v>
      </c>
      <c r="F13785" s="7">
        <v>38657</v>
      </c>
      <c r="G13785" s="8">
        <v>1</v>
      </c>
      <c r="H13785" s="8">
        <v>1</v>
      </c>
      <c r="I13785" s="8">
        <v>0</v>
      </c>
      <c r="J13785" s="8">
        <v>1</v>
      </c>
      <c r="K13785" s="9">
        <v>23</v>
      </c>
      <c r="L13785" s="6" t="s">
        <v>51</v>
      </c>
    </row>
    <row r="13786" spans="1:12">
      <c r="A13786" s="6" t="s">
        <v>49</v>
      </c>
      <c r="B13786" s="6"/>
      <c r="C13786" s="6" t="s">
        <v>13810</v>
      </c>
      <c r="D13786" s="6"/>
      <c r="E13786" s="6" t="s">
        <v>9</v>
      </c>
      <c r="F13786" s="7">
        <v>38657</v>
      </c>
      <c r="G13786" s="8">
        <v>1</v>
      </c>
      <c r="H13786" s="8">
        <v>1</v>
      </c>
      <c r="I13786" s="8">
        <v>0</v>
      </c>
      <c r="J13786" s="8">
        <v>1</v>
      </c>
      <c r="K13786" s="9">
        <v>51</v>
      </c>
      <c r="L13786" s="6" t="s">
        <v>51</v>
      </c>
    </row>
    <row r="13787" spans="1:12">
      <c r="A13787" s="6" t="s">
        <v>49</v>
      </c>
      <c r="B13787" s="6"/>
      <c r="C13787" s="6" t="s">
        <v>13811</v>
      </c>
      <c r="D13787" s="6"/>
      <c r="E13787" s="6" t="s">
        <v>9</v>
      </c>
      <c r="F13787" s="7">
        <v>38657</v>
      </c>
      <c r="G13787" s="8">
        <v>1</v>
      </c>
      <c r="H13787" s="8">
        <v>1</v>
      </c>
      <c r="I13787" s="8">
        <v>0</v>
      </c>
      <c r="J13787" s="8">
        <v>1</v>
      </c>
      <c r="K13787" s="9">
        <v>2.09</v>
      </c>
      <c r="L13787" s="6" t="s">
        <v>51</v>
      </c>
    </row>
    <row r="13788" spans="1:12">
      <c r="A13788" s="6" t="s">
        <v>49</v>
      </c>
      <c r="B13788" s="6"/>
      <c r="C13788" s="6" t="s">
        <v>13812</v>
      </c>
      <c r="D13788" s="6"/>
      <c r="E13788" s="6" t="s">
        <v>9</v>
      </c>
      <c r="F13788" s="7">
        <v>38657</v>
      </c>
      <c r="G13788" s="8">
        <v>1</v>
      </c>
      <c r="H13788" s="8">
        <v>1</v>
      </c>
      <c r="I13788" s="8">
        <v>0</v>
      </c>
      <c r="J13788" s="8">
        <v>1</v>
      </c>
      <c r="K13788" s="9">
        <v>26</v>
      </c>
      <c r="L13788" s="6" t="s">
        <v>51</v>
      </c>
    </row>
    <row r="13789" spans="1:12">
      <c r="A13789" s="6" t="s">
        <v>49</v>
      </c>
      <c r="B13789" s="6"/>
      <c r="C13789" s="6" t="s">
        <v>13813</v>
      </c>
      <c r="D13789" s="6"/>
      <c r="E13789" s="6" t="s">
        <v>9</v>
      </c>
      <c r="F13789" s="7">
        <v>38657</v>
      </c>
      <c r="G13789" s="8">
        <v>1</v>
      </c>
      <c r="H13789" s="8">
        <v>1</v>
      </c>
      <c r="I13789" s="8">
        <v>0</v>
      </c>
      <c r="J13789" s="8">
        <v>1</v>
      </c>
      <c r="K13789" s="9">
        <v>10</v>
      </c>
      <c r="L13789" s="6" t="s">
        <v>51</v>
      </c>
    </row>
    <row r="13790" spans="1:12">
      <c r="A13790" s="6" t="s">
        <v>49</v>
      </c>
      <c r="B13790" s="6"/>
      <c r="C13790" s="6" t="s">
        <v>13814</v>
      </c>
      <c r="D13790" s="6"/>
      <c r="E13790" s="6" t="s">
        <v>9</v>
      </c>
      <c r="F13790" s="7">
        <v>38657</v>
      </c>
      <c r="G13790" s="8">
        <v>1</v>
      </c>
      <c r="H13790" s="8">
        <v>1</v>
      </c>
      <c r="I13790" s="8">
        <v>0</v>
      </c>
      <c r="J13790" s="8">
        <v>1</v>
      </c>
      <c r="K13790" s="9">
        <v>5.78</v>
      </c>
      <c r="L13790" s="6" t="s">
        <v>51</v>
      </c>
    </row>
    <row r="13791" spans="1:12">
      <c r="A13791" s="6" t="s">
        <v>49</v>
      </c>
      <c r="B13791" s="6"/>
      <c r="C13791" s="6" t="s">
        <v>13815</v>
      </c>
      <c r="D13791" s="6"/>
      <c r="E13791" s="6" t="s">
        <v>9</v>
      </c>
      <c r="F13791" s="7">
        <v>38657</v>
      </c>
      <c r="G13791" s="8">
        <v>1</v>
      </c>
      <c r="H13791" s="8">
        <v>1</v>
      </c>
      <c r="I13791" s="8">
        <v>0</v>
      </c>
      <c r="J13791" s="8">
        <v>1</v>
      </c>
      <c r="K13791" s="9">
        <v>27</v>
      </c>
      <c r="L13791" s="6" t="s">
        <v>51</v>
      </c>
    </row>
    <row r="13792" spans="1:12">
      <c r="A13792" s="6" t="s">
        <v>49</v>
      </c>
      <c r="B13792" s="6"/>
      <c r="C13792" s="6" t="s">
        <v>13816</v>
      </c>
      <c r="D13792" s="6"/>
      <c r="E13792" s="6" t="s">
        <v>9</v>
      </c>
      <c r="F13792" s="7">
        <v>38657</v>
      </c>
      <c r="G13792" s="8">
        <v>1</v>
      </c>
      <c r="H13792" s="8">
        <v>1</v>
      </c>
      <c r="I13792" s="8">
        <v>0</v>
      </c>
      <c r="J13792" s="8">
        <v>1</v>
      </c>
      <c r="K13792" s="9">
        <v>7.79</v>
      </c>
      <c r="L13792" s="6" t="s">
        <v>51</v>
      </c>
    </row>
    <row r="13793" spans="1:12">
      <c r="A13793" s="6" t="s">
        <v>49</v>
      </c>
      <c r="B13793" s="6"/>
      <c r="C13793" s="6" t="s">
        <v>13817</v>
      </c>
      <c r="D13793" s="6"/>
      <c r="E13793" s="6" t="s">
        <v>9</v>
      </c>
      <c r="F13793" s="7">
        <v>38657</v>
      </c>
      <c r="G13793" s="8">
        <v>1</v>
      </c>
      <c r="H13793" s="8">
        <v>1</v>
      </c>
      <c r="I13793" s="8">
        <v>0</v>
      </c>
      <c r="J13793" s="8">
        <v>1</v>
      </c>
      <c r="K13793" s="9">
        <v>38</v>
      </c>
      <c r="L13793" s="6" t="s">
        <v>51</v>
      </c>
    </row>
    <row r="13794" spans="1:12">
      <c r="A13794" s="6" t="s">
        <v>49</v>
      </c>
      <c r="B13794" s="6"/>
      <c r="C13794" s="6" t="s">
        <v>13818</v>
      </c>
      <c r="D13794" s="6"/>
      <c r="E13794" s="6" t="s">
        <v>9</v>
      </c>
      <c r="F13794" s="7">
        <v>38657</v>
      </c>
      <c r="G13794" s="8">
        <v>1</v>
      </c>
      <c r="H13794" s="8">
        <v>1</v>
      </c>
      <c r="I13794" s="8">
        <v>0</v>
      </c>
      <c r="J13794" s="8">
        <v>1</v>
      </c>
      <c r="K13794" s="9">
        <v>32</v>
      </c>
      <c r="L13794" s="6" t="s">
        <v>51</v>
      </c>
    </row>
    <row r="13795" spans="1:12">
      <c r="A13795" s="6" t="s">
        <v>49</v>
      </c>
      <c r="B13795" s="6"/>
      <c r="C13795" s="6" t="s">
        <v>13819</v>
      </c>
      <c r="D13795" s="6"/>
      <c r="E13795" s="6" t="s">
        <v>9</v>
      </c>
      <c r="F13795" s="7">
        <v>38657</v>
      </c>
      <c r="G13795" s="8">
        <v>1</v>
      </c>
      <c r="H13795" s="8">
        <v>1</v>
      </c>
      <c r="I13795" s="8">
        <v>0</v>
      </c>
      <c r="J13795" s="8">
        <v>1</v>
      </c>
      <c r="K13795" s="9">
        <v>99</v>
      </c>
      <c r="L13795" s="6" t="s">
        <v>51</v>
      </c>
    </row>
    <row r="13796" spans="1:12">
      <c r="A13796" s="6" t="s">
        <v>49</v>
      </c>
      <c r="B13796" s="6"/>
      <c r="C13796" s="6" t="s">
        <v>13820</v>
      </c>
      <c r="D13796" s="6"/>
      <c r="E13796" s="6" t="s">
        <v>9</v>
      </c>
      <c r="F13796" s="7">
        <v>38657</v>
      </c>
      <c r="G13796" s="8">
        <v>1</v>
      </c>
      <c r="H13796" s="8">
        <v>1</v>
      </c>
      <c r="I13796" s="8">
        <v>0</v>
      </c>
      <c r="J13796" s="8">
        <v>1</v>
      </c>
      <c r="K13796" s="9">
        <v>51</v>
      </c>
      <c r="L13796" s="6" t="s">
        <v>51</v>
      </c>
    </row>
    <row r="13797" spans="1:12">
      <c r="A13797" s="6" t="s">
        <v>49</v>
      </c>
      <c r="B13797" s="6"/>
      <c r="C13797" s="6" t="s">
        <v>13821</v>
      </c>
      <c r="D13797" s="6"/>
      <c r="E13797" s="6" t="s">
        <v>9</v>
      </c>
      <c r="F13797" s="7">
        <v>38657</v>
      </c>
      <c r="G13797" s="8">
        <v>1</v>
      </c>
      <c r="H13797" s="8">
        <v>1</v>
      </c>
      <c r="I13797" s="8">
        <v>0</v>
      </c>
      <c r="J13797" s="8">
        <v>1</v>
      </c>
      <c r="K13797" s="9">
        <v>29</v>
      </c>
      <c r="L13797" s="6" t="s">
        <v>51</v>
      </c>
    </row>
    <row r="13798" spans="1:12">
      <c r="A13798" s="6" t="s">
        <v>49</v>
      </c>
      <c r="B13798" s="6"/>
      <c r="C13798" s="6" t="s">
        <v>13822</v>
      </c>
      <c r="D13798" s="6"/>
      <c r="E13798" s="6" t="s">
        <v>9</v>
      </c>
      <c r="F13798" s="7">
        <v>38657</v>
      </c>
      <c r="G13798" s="8">
        <v>1</v>
      </c>
      <c r="H13798" s="8">
        <v>1</v>
      </c>
      <c r="I13798" s="8">
        <v>0</v>
      </c>
      <c r="J13798" s="8">
        <v>1</v>
      </c>
      <c r="K13798" s="9">
        <v>0.24</v>
      </c>
      <c r="L13798" s="6" t="s">
        <v>51</v>
      </c>
    </row>
    <row r="13799" spans="1:12">
      <c r="A13799" s="6" t="s">
        <v>49</v>
      </c>
      <c r="B13799" s="6"/>
      <c r="C13799" s="6" t="s">
        <v>13823</v>
      </c>
      <c r="D13799" s="6"/>
      <c r="E13799" s="6" t="s">
        <v>9</v>
      </c>
      <c r="F13799" s="7">
        <v>38657</v>
      </c>
      <c r="G13799" s="8">
        <v>1</v>
      </c>
      <c r="H13799" s="8">
        <v>1</v>
      </c>
      <c r="I13799" s="8">
        <v>0</v>
      </c>
      <c r="J13799" s="8">
        <v>1</v>
      </c>
      <c r="K13799" s="9">
        <v>83</v>
      </c>
      <c r="L13799" s="6" t="s">
        <v>51</v>
      </c>
    </row>
    <row r="13800" spans="1:12">
      <c r="A13800" s="6" t="s">
        <v>49</v>
      </c>
      <c r="B13800" s="6"/>
      <c r="C13800" s="6" t="s">
        <v>13824</v>
      </c>
      <c r="D13800" s="6"/>
      <c r="E13800" s="6" t="s">
        <v>9</v>
      </c>
      <c r="F13800" s="7">
        <v>38657</v>
      </c>
      <c r="G13800" s="8">
        <v>1</v>
      </c>
      <c r="H13800" s="8">
        <v>1</v>
      </c>
      <c r="I13800" s="8">
        <v>0</v>
      </c>
      <c r="J13800" s="8">
        <v>1</v>
      </c>
      <c r="K13800" s="9">
        <v>6.2</v>
      </c>
      <c r="L13800" s="6" t="s">
        <v>51</v>
      </c>
    </row>
    <row r="13801" spans="1:12">
      <c r="A13801" s="6" t="s">
        <v>49</v>
      </c>
      <c r="B13801" s="6"/>
      <c r="C13801" s="6" t="s">
        <v>13825</v>
      </c>
      <c r="D13801" s="6"/>
      <c r="E13801" s="6" t="s">
        <v>9</v>
      </c>
      <c r="F13801" s="7">
        <v>38657</v>
      </c>
      <c r="G13801" s="8">
        <v>1</v>
      </c>
      <c r="H13801" s="8">
        <v>1</v>
      </c>
      <c r="I13801" s="8">
        <v>0</v>
      </c>
      <c r="J13801" s="8">
        <v>1</v>
      </c>
      <c r="K13801" s="9">
        <v>1.87</v>
      </c>
      <c r="L13801" s="6" t="s">
        <v>51</v>
      </c>
    </row>
    <row r="13802" spans="1:12">
      <c r="A13802" s="6" t="s">
        <v>49</v>
      </c>
      <c r="B13802" s="6"/>
      <c r="C13802" s="6" t="s">
        <v>13826</v>
      </c>
      <c r="D13802" s="6"/>
      <c r="E13802" s="6" t="s">
        <v>9</v>
      </c>
      <c r="F13802" s="7">
        <v>38657</v>
      </c>
      <c r="G13802" s="8">
        <v>1</v>
      </c>
      <c r="H13802" s="8">
        <v>1</v>
      </c>
      <c r="I13802" s="8">
        <v>0</v>
      </c>
      <c r="J13802" s="8">
        <v>1</v>
      </c>
      <c r="K13802" s="9">
        <v>0.08</v>
      </c>
      <c r="L13802" s="6" t="s">
        <v>51</v>
      </c>
    </row>
    <row r="13803" spans="1:12">
      <c r="A13803" s="6" t="s">
        <v>49</v>
      </c>
      <c r="B13803" s="6"/>
      <c r="C13803" s="6" t="s">
        <v>13827</v>
      </c>
      <c r="D13803" s="6"/>
      <c r="E13803" s="6" t="s">
        <v>9</v>
      </c>
      <c r="F13803" s="7">
        <v>38657</v>
      </c>
      <c r="G13803" s="8">
        <v>1</v>
      </c>
      <c r="H13803" s="8">
        <v>1</v>
      </c>
      <c r="I13803" s="8">
        <v>0</v>
      </c>
      <c r="J13803" s="8">
        <v>1</v>
      </c>
      <c r="K13803" s="9">
        <v>0.59</v>
      </c>
      <c r="L13803" s="6" t="s">
        <v>51</v>
      </c>
    </row>
    <row r="13804" spans="1:12">
      <c r="A13804" s="6" t="s">
        <v>49</v>
      </c>
      <c r="B13804" s="6"/>
      <c r="C13804" s="6" t="s">
        <v>13828</v>
      </c>
      <c r="D13804" s="6"/>
      <c r="E13804" s="6" t="s">
        <v>9</v>
      </c>
      <c r="F13804" s="7">
        <v>38657</v>
      </c>
      <c r="G13804" s="8">
        <v>1</v>
      </c>
      <c r="H13804" s="8">
        <v>1</v>
      </c>
      <c r="I13804" s="8">
        <v>0</v>
      </c>
      <c r="J13804" s="8">
        <v>1</v>
      </c>
      <c r="K13804" s="9">
        <v>1.3</v>
      </c>
      <c r="L13804" s="6" t="s">
        <v>51</v>
      </c>
    </row>
    <row r="13805" spans="1:12">
      <c r="A13805" s="6" t="s">
        <v>49</v>
      </c>
      <c r="B13805" s="6"/>
      <c r="C13805" s="6" t="s">
        <v>13829</v>
      </c>
      <c r="D13805" s="6"/>
      <c r="E13805" s="6" t="s">
        <v>9</v>
      </c>
      <c r="F13805" s="7">
        <v>38657</v>
      </c>
      <c r="G13805" s="8">
        <v>1</v>
      </c>
      <c r="H13805" s="8">
        <v>1</v>
      </c>
      <c r="I13805" s="8">
        <v>0</v>
      </c>
      <c r="J13805" s="8">
        <v>1</v>
      </c>
      <c r="K13805" s="9">
        <v>3.6</v>
      </c>
      <c r="L13805" s="6" t="s">
        <v>51</v>
      </c>
    </row>
    <row r="13806" spans="1:12">
      <c r="A13806" s="6" t="s">
        <v>49</v>
      </c>
      <c r="B13806" s="6"/>
      <c r="C13806" s="6" t="s">
        <v>13830</v>
      </c>
      <c r="D13806" s="6"/>
      <c r="E13806" s="6" t="s">
        <v>9</v>
      </c>
      <c r="F13806" s="7">
        <v>38657</v>
      </c>
      <c r="G13806" s="8">
        <v>1</v>
      </c>
      <c r="H13806" s="8">
        <v>1</v>
      </c>
      <c r="I13806" s="8">
        <v>0</v>
      </c>
      <c r="J13806" s="8">
        <v>1</v>
      </c>
      <c r="K13806" s="9">
        <v>11</v>
      </c>
      <c r="L13806" s="6" t="s">
        <v>51</v>
      </c>
    </row>
    <row r="13807" spans="1:12">
      <c r="A13807" s="6" t="s">
        <v>49</v>
      </c>
      <c r="B13807" s="6"/>
      <c r="C13807" s="6" t="s">
        <v>13831</v>
      </c>
      <c r="D13807" s="6"/>
      <c r="E13807" s="6" t="s">
        <v>9</v>
      </c>
      <c r="F13807" s="7">
        <v>38657</v>
      </c>
      <c r="G13807" s="8">
        <v>1</v>
      </c>
      <c r="H13807" s="8">
        <v>1</v>
      </c>
      <c r="I13807" s="8">
        <v>0</v>
      </c>
      <c r="J13807" s="8">
        <v>1</v>
      </c>
      <c r="K13807" s="9">
        <v>105</v>
      </c>
      <c r="L13807" s="6" t="s">
        <v>51</v>
      </c>
    </row>
    <row r="13808" spans="1:12">
      <c r="A13808" s="6" t="s">
        <v>49</v>
      </c>
      <c r="B13808" s="6"/>
      <c r="C13808" s="6" t="s">
        <v>13832</v>
      </c>
      <c r="D13808" s="6"/>
      <c r="E13808" s="6" t="s">
        <v>9</v>
      </c>
      <c r="F13808" s="7">
        <v>38657</v>
      </c>
      <c r="G13808" s="8">
        <v>1</v>
      </c>
      <c r="H13808" s="8">
        <v>1</v>
      </c>
      <c r="I13808" s="8">
        <v>0</v>
      </c>
      <c r="J13808" s="8">
        <v>1</v>
      </c>
      <c r="K13808" s="9">
        <v>2.0499999999999901</v>
      </c>
      <c r="L13808" s="6" t="s">
        <v>51</v>
      </c>
    </row>
    <row r="13809" spans="1:12">
      <c r="A13809" s="6" t="s">
        <v>49</v>
      </c>
      <c r="B13809" s="6"/>
      <c r="C13809" s="6" t="s">
        <v>13833</v>
      </c>
      <c r="D13809" s="6"/>
      <c r="E13809" s="6" t="s">
        <v>9</v>
      </c>
      <c r="F13809" s="7">
        <v>38657</v>
      </c>
      <c r="G13809" s="8">
        <v>1</v>
      </c>
      <c r="H13809" s="8">
        <v>1</v>
      </c>
      <c r="I13809" s="8">
        <v>0</v>
      </c>
      <c r="J13809" s="8">
        <v>1</v>
      </c>
      <c r="K13809" s="9">
        <v>13</v>
      </c>
      <c r="L13809" s="6" t="s">
        <v>51</v>
      </c>
    </row>
    <row r="13810" spans="1:12">
      <c r="A13810" s="6" t="s">
        <v>49</v>
      </c>
      <c r="B13810" s="6"/>
      <c r="C13810" s="6" t="s">
        <v>13834</v>
      </c>
      <c r="D13810" s="6"/>
      <c r="E13810" s="6" t="s">
        <v>9</v>
      </c>
      <c r="F13810" s="7">
        <v>38657</v>
      </c>
      <c r="G13810" s="8">
        <v>1</v>
      </c>
      <c r="H13810" s="8">
        <v>1</v>
      </c>
      <c r="I13810" s="8">
        <v>0</v>
      </c>
      <c r="J13810" s="8">
        <v>1</v>
      </c>
      <c r="K13810" s="9">
        <v>15</v>
      </c>
      <c r="L13810" s="6" t="s">
        <v>51</v>
      </c>
    </row>
    <row r="13811" spans="1:12">
      <c r="A13811" s="6" t="s">
        <v>49</v>
      </c>
      <c r="B13811" s="6"/>
      <c r="C13811" s="6" t="s">
        <v>13835</v>
      </c>
      <c r="D13811" s="6"/>
      <c r="E13811" s="6" t="s">
        <v>9</v>
      </c>
      <c r="F13811" s="7">
        <v>38657</v>
      </c>
      <c r="G13811" s="8">
        <v>1</v>
      </c>
      <c r="H13811" s="8">
        <v>1</v>
      </c>
      <c r="I13811" s="8">
        <v>0</v>
      </c>
      <c r="J13811" s="8">
        <v>1</v>
      </c>
      <c r="K13811" s="9">
        <v>8.06</v>
      </c>
      <c r="L13811" s="6" t="s">
        <v>51</v>
      </c>
    </row>
    <row r="13812" spans="1:12">
      <c r="A13812" s="6" t="s">
        <v>49</v>
      </c>
      <c r="B13812" s="6"/>
      <c r="C13812" s="6" t="s">
        <v>13836</v>
      </c>
      <c r="D13812" s="6"/>
      <c r="E13812" s="6" t="s">
        <v>9</v>
      </c>
      <c r="F13812" s="7">
        <v>38657</v>
      </c>
      <c r="G13812" s="8">
        <v>1</v>
      </c>
      <c r="H13812" s="8">
        <v>1</v>
      </c>
      <c r="I13812" s="8">
        <v>0</v>
      </c>
      <c r="J13812" s="8">
        <v>1</v>
      </c>
      <c r="K13812" s="9">
        <v>10</v>
      </c>
      <c r="L13812" s="6" t="s">
        <v>51</v>
      </c>
    </row>
    <row r="13813" spans="1:12">
      <c r="A13813" s="6" t="s">
        <v>49</v>
      </c>
      <c r="B13813" s="6"/>
      <c r="C13813" s="6" t="s">
        <v>13837</v>
      </c>
      <c r="D13813" s="6"/>
      <c r="E13813" s="6" t="s">
        <v>9</v>
      </c>
      <c r="F13813" s="7">
        <v>38657</v>
      </c>
      <c r="G13813" s="8">
        <v>1</v>
      </c>
      <c r="H13813" s="8">
        <v>1</v>
      </c>
      <c r="I13813" s="8">
        <v>0</v>
      </c>
      <c r="J13813" s="8">
        <v>1</v>
      </c>
      <c r="K13813" s="9">
        <v>7.24</v>
      </c>
      <c r="L13813" s="6" t="s">
        <v>51</v>
      </c>
    </row>
    <row r="13814" spans="1:12">
      <c r="A13814" s="6" t="s">
        <v>49</v>
      </c>
      <c r="B13814" s="6"/>
      <c r="C13814" s="6" t="s">
        <v>13838</v>
      </c>
      <c r="D13814" s="6"/>
      <c r="E13814" s="6" t="s">
        <v>9</v>
      </c>
      <c r="F13814" s="7">
        <v>38657</v>
      </c>
      <c r="G13814" s="8">
        <v>1</v>
      </c>
      <c r="H13814" s="8">
        <v>1</v>
      </c>
      <c r="I13814" s="8">
        <v>0</v>
      </c>
      <c r="J13814" s="8">
        <v>1</v>
      </c>
      <c r="K13814" s="9">
        <v>10</v>
      </c>
      <c r="L13814" s="6" t="s">
        <v>51</v>
      </c>
    </row>
    <row r="13815" spans="1:12">
      <c r="A13815" s="6" t="s">
        <v>49</v>
      </c>
      <c r="B13815" s="6"/>
      <c r="C13815" s="6" t="s">
        <v>13839</v>
      </c>
      <c r="D13815" s="6"/>
      <c r="E13815" s="6" t="s">
        <v>9</v>
      </c>
      <c r="F13815" s="7">
        <v>38657</v>
      </c>
      <c r="G13815" s="8">
        <v>1</v>
      </c>
      <c r="H13815" s="8">
        <v>1</v>
      </c>
      <c r="I13815" s="8">
        <v>0</v>
      </c>
      <c r="J13815" s="8">
        <v>1</v>
      </c>
      <c r="K13815" s="9">
        <v>15</v>
      </c>
      <c r="L13815" s="6" t="s">
        <v>51</v>
      </c>
    </row>
    <row r="13816" spans="1:12">
      <c r="A13816" s="6" t="s">
        <v>49</v>
      </c>
      <c r="B13816" s="6"/>
      <c r="C13816" s="6" t="s">
        <v>13840</v>
      </c>
      <c r="D13816" s="6"/>
      <c r="E13816" s="6" t="s">
        <v>9</v>
      </c>
      <c r="F13816" s="7">
        <v>38657</v>
      </c>
      <c r="G13816" s="8">
        <v>1</v>
      </c>
      <c r="H13816" s="8">
        <v>1</v>
      </c>
      <c r="I13816" s="8">
        <v>0</v>
      </c>
      <c r="J13816" s="8">
        <v>1</v>
      </c>
      <c r="K13816" s="9">
        <v>13</v>
      </c>
      <c r="L13816" s="6" t="s">
        <v>51</v>
      </c>
    </row>
    <row r="13817" spans="1:12">
      <c r="A13817" s="6" t="s">
        <v>49</v>
      </c>
      <c r="B13817" s="6"/>
      <c r="C13817" s="6" t="s">
        <v>13841</v>
      </c>
      <c r="D13817" s="6"/>
      <c r="E13817" s="6" t="s">
        <v>9</v>
      </c>
      <c r="F13817" s="7">
        <v>38657</v>
      </c>
      <c r="G13817" s="8">
        <v>1</v>
      </c>
      <c r="H13817" s="8">
        <v>1</v>
      </c>
      <c r="I13817" s="8">
        <v>0</v>
      </c>
      <c r="J13817" s="8">
        <v>1</v>
      </c>
      <c r="K13817" s="9">
        <v>5.72</v>
      </c>
      <c r="L13817" s="6" t="s">
        <v>51</v>
      </c>
    </row>
    <row r="13818" spans="1:12">
      <c r="A13818" s="6" t="s">
        <v>49</v>
      </c>
      <c r="B13818" s="6"/>
      <c r="C13818" s="6" t="s">
        <v>13842</v>
      </c>
      <c r="D13818" s="6"/>
      <c r="E13818" s="6" t="s">
        <v>9</v>
      </c>
      <c r="F13818" s="7">
        <v>38657</v>
      </c>
      <c r="G13818" s="8">
        <v>1</v>
      </c>
      <c r="H13818" s="8">
        <v>1</v>
      </c>
      <c r="I13818" s="8">
        <v>0</v>
      </c>
      <c r="J13818" s="8">
        <v>1</v>
      </c>
      <c r="K13818" s="9">
        <v>92</v>
      </c>
      <c r="L13818" s="6" t="s">
        <v>51</v>
      </c>
    </row>
    <row r="13819" spans="1:12">
      <c r="A13819" s="6" t="s">
        <v>49</v>
      </c>
      <c r="B13819" s="6"/>
      <c r="C13819" s="6" t="s">
        <v>13843</v>
      </c>
      <c r="D13819" s="6"/>
      <c r="E13819" s="6" t="s">
        <v>9</v>
      </c>
      <c r="F13819" s="7">
        <v>38657</v>
      </c>
      <c r="G13819" s="8">
        <v>1</v>
      </c>
      <c r="H13819" s="8">
        <v>1</v>
      </c>
      <c r="I13819" s="8">
        <v>0</v>
      </c>
      <c r="J13819" s="8">
        <v>1</v>
      </c>
      <c r="K13819" s="9">
        <v>12</v>
      </c>
      <c r="L13819" s="6" t="s">
        <v>51</v>
      </c>
    </row>
    <row r="13820" spans="1:12">
      <c r="A13820" s="6" t="s">
        <v>49</v>
      </c>
      <c r="B13820" s="6"/>
      <c r="C13820" s="6" t="s">
        <v>13844</v>
      </c>
      <c r="D13820" s="6"/>
      <c r="E13820" s="6" t="s">
        <v>9</v>
      </c>
      <c r="F13820" s="7">
        <v>38657</v>
      </c>
      <c r="G13820" s="8">
        <v>1</v>
      </c>
      <c r="H13820" s="8">
        <v>1</v>
      </c>
      <c r="I13820" s="8">
        <v>0</v>
      </c>
      <c r="J13820" s="8">
        <v>1</v>
      </c>
      <c r="K13820" s="9">
        <v>7.95</v>
      </c>
      <c r="L13820" s="6" t="s">
        <v>51</v>
      </c>
    </row>
    <row r="13821" spans="1:12">
      <c r="A13821" s="6" t="s">
        <v>49</v>
      </c>
      <c r="B13821" s="6"/>
      <c r="C13821" s="6" t="s">
        <v>13845</v>
      </c>
      <c r="D13821" s="6"/>
      <c r="E13821" s="6" t="s">
        <v>9</v>
      </c>
      <c r="F13821" s="7">
        <v>38657</v>
      </c>
      <c r="G13821" s="8">
        <v>1</v>
      </c>
      <c r="H13821" s="8">
        <v>1</v>
      </c>
      <c r="I13821" s="8">
        <v>0</v>
      </c>
      <c r="J13821" s="8">
        <v>1</v>
      </c>
      <c r="K13821" s="9">
        <v>15</v>
      </c>
      <c r="L13821" s="6" t="s">
        <v>51</v>
      </c>
    </row>
    <row r="13822" spans="1:12">
      <c r="A13822" s="6" t="s">
        <v>49</v>
      </c>
      <c r="B13822" s="6"/>
      <c r="C13822" s="6" t="s">
        <v>13846</v>
      </c>
      <c r="D13822" s="6"/>
      <c r="E13822" s="6" t="s">
        <v>9</v>
      </c>
      <c r="F13822" s="7">
        <v>38657</v>
      </c>
      <c r="G13822" s="8">
        <v>1</v>
      </c>
      <c r="H13822" s="8">
        <v>1</v>
      </c>
      <c r="I13822" s="8">
        <v>0</v>
      </c>
      <c r="J13822" s="8">
        <v>1</v>
      </c>
      <c r="K13822" s="9">
        <v>11</v>
      </c>
      <c r="L13822" s="6" t="s">
        <v>51</v>
      </c>
    </row>
    <row r="13823" spans="1:12">
      <c r="A13823" s="6" t="s">
        <v>49</v>
      </c>
      <c r="B13823" s="6"/>
      <c r="C13823" s="6" t="s">
        <v>13847</v>
      </c>
      <c r="D13823" s="6"/>
      <c r="E13823" s="6" t="s">
        <v>9</v>
      </c>
      <c r="F13823" s="7">
        <v>38657</v>
      </c>
      <c r="G13823" s="8">
        <v>1</v>
      </c>
      <c r="H13823" s="8">
        <v>1</v>
      </c>
      <c r="I13823" s="8">
        <v>0</v>
      </c>
      <c r="J13823" s="8">
        <v>1</v>
      </c>
      <c r="K13823" s="9">
        <v>14</v>
      </c>
      <c r="L13823" s="6" t="s">
        <v>51</v>
      </c>
    </row>
    <row r="13824" spans="1:12">
      <c r="A13824" s="6" t="s">
        <v>49</v>
      </c>
      <c r="B13824" s="6"/>
      <c r="C13824" s="6" t="s">
        <v>13848</v>
      </c>
      <c r="D13824" s="6"/>
      <c r="E13824" s="6" t="s">
        <v>9</v>
      </c>
      <c r="F13824" s="7">
        <v>38657</v>
      </c>
      <c r="G13824" s="8">
        <v>1</v>
      </c>
      <c r="H13824" s="8">
        <v>1</v>
      </c>
      <c r="I13824" s="8">
        <v>0</v>
      </c>
      <c r="J13824" s="8">
        <v>1</v>
      </c>
      <c r="K13824" s="9">
        <v>13</v>
      </c>
      <c r="L13824" s="6" t="s">
        <v>51</v>
      </c>
    </row>
    <row r="13825" spans="1:12">
      <c r="A13825" s="6" t="s">
        <v>49</v>
      </c>
      <c r="B13825" s="6"/>
      <c r="C13825" s="6" t="s">
        <v>13849</v>
      </c>
      <c r="D13825" s="6"/>
      <c r="E13825" s="6" t="s">
        <v>9</v>
      </c>
      <c r="F13825" s="7">
        <v>38657</v>
      </c>
      <c r="G13825" s="8">
        <v>1</v>
      </c>
      <c r="H13825" s="8">
        <v>1</v>
      </c>
      <c r="I13825" s="8">
        <v>0</v>
      </c>
      <c r="J13825" s="8">
        <v>1</v>
      </c>
      <c r="K13825" s="9">
        <v>14</v>
      </c>
      <c r="L13825" s="6" t="s">
        <v>51</v>
      </c>
    </row>
    <row r="13826" spans="1:12">
      <c r="A13826" s="6" t="s">
        <v>49</v>
      </c>
      <c r="B13826" s="6"/>
      <c r="C13826" s="6" t="s">
        <v>13850</v>
      </c>
      <c r="D13826" s="6"/>
      <c r="E13826" s="6" t="s">
        <v>9</v>
      </c>
      <c r="F13826" s="7">
        <v>38657</v>
      </c>
      <c r="G13826" s="8">
        <v>1</v>
      </c>
      <c r="H13826" s="8">
        <v>1</v>
      </c>
      <c r="I13826" s="8">
        <v>0</v>
      </c>
      <c r="J13826" s="8">
        <v>1</v>
      </c>
      <c r="K13826" s="9">
        <v>62</v>
      </c>
      <c r="L13826" s="6" t="s">
        <v>51</v>
      </c>
    </row>
    <row r="13827" spans="1:12">
      <c r="A13827" s="6" t="s">
        <v>49</v>
      </c>
      <c r="B13827" s="6"/>
      <c r="C13827" s="6" t="s">
        <v>13851</v>
      </c>
      <c r="D13827" s="6"/>
      <c r="E13827" s="6" t="s">
        <v>9</v>
      </c>
      <c r="F13827" s="7">
        <v>38657</v>
      </c>
      <c r="G13827" s="8">
        <v>1</v>
      </c>
      <c r="H13827" s="8">
        <v>1</v>
      </c>
      <c r="I13827" s="8">
        <v>0</v>
      </c>
      <c r="J13827" s="8">
        <v>1</v>
      </c>
      <c r="K13827" s="9">
        <v>18</v>
      </c>
      <c r="L13827" s="6" t="s">
        <v>51</v>
      </c>
    </row>
    <row r="13828" spans="1:12">
      <c r="A13828" s="6" t="s">
        <v>49</v>
      </c>
      <c r="B13828" s="6"/>
      <c r="C13828" s="6" t="s">
        <v>13852</v>
      </c>
      <c r="D13828" s="6"/>
      <c r="E13828" s="6" t="s">
        <v>9</v>
      </c>
      <c r="F13828" s="7">
        <v>38657</v>
      </c>
      <c r="G13828" s="8">
        <v>1</v>
      </c>
      <c r="H13828" s="8">
        <v>1</v>
      </c>
      <c r="I13828" s="8">
        <v>0</v>
      </c>
      <c r="J13828" s="8">
        <v>1</v>
      </c>
      <c r="K13828" s="9">
        <v>14</v>
      </c>
      <c r="L13828" s="6" t="s">
        <v>51</v>
      </c>
    </row>
    <row r="13829" spans="1:12">
      <c r="A13829" s="6" t="s">
        <v>49</v>
      </c>
      <c r="B13829" s="6"/>
      <c r="C13829" s="6" t="s">
        <v>13853</v>
      </c>
      <c r="D13829" s="6"/>
      <c r="E13829" s="6" t="s">
        <v>9</v>
      </c>
      <c r="F13829" s="7">
        <v>38657</v>
      </c>
      <c r="G13829" s="8">
        <v>1</v>
      </c>
      <c r="H13829" s="8">
        <v>1</v>
      </c>
      <c r="I13829" s="8">
        <v>0</v>
      </c>
      <c r="J13829" s="8">
        <v>1</v>
      </c>
      <c r="K13829" s="9">
        <v>8.33</v>
      </c>
      <c r="L13829" s="6" t="s">
        <v>51</v>
      </c>
    </row>
    <row r="13830" spans="1:12">
      <c r="A13830" s="6" t="s">
        <v>49</v>
      </c>
      <c r="B13830" s="6"/>
      <c r="C13830" s="6" t="s">
        <v>13854</v>
      </c>
      <c r="D13830" s="6"/>
      <c r="E13830" s="6" t="s">
        <v>9</v>
      </c>
      <c r="F13830" s="7">
        <v>38657</v>
      </c>
      <c r="G13830" s="8">
        <v>1</v>
      </c>
      <c r="H13830" s="8">
        <v>1</v>
      </c>
      <c r="I13830" s="8">
        <v>0</v>
      </c>
      <c r="J13830" s="8">
        <v>1</v>
      </c>
      <c r="K13830" s="9">
        <v>18</v>
      </c>
      <c r="L13830" s="6" t="s">
        <v>51</v>
      </c>
    </row>
    <row r="13831" spans="1:12">
      <c r="A13831" s="6" t="s">
        <v>49</v>
      </c>
      <c r="B13831" s="6"/>
      <c r="C13831" s="6" t="s">
        <v>13855</v>
      </c>
      <c r="D13831" s="6"/>
      <c r="E13831" s="6" t="s">
        <v>9</v>
      </c>
      <c r="F13831" s="7">
        <v>38657</v>
      </c>
      <c r="G13831" s="8">
        <v>1</v>
      </c>
      <c r="H13831" s="8">
        <v>1</v>
      </c>
      <c r="I13831" s="8">
        <v>0</v>
      </c>
      <c r="J13831" s="8">
        <v>1</v>
      </c>
      <c r="K13831" s="9">
        <v>9.7799999999999905</v>
      </c>
      <c r="L13831" s="6" t="s">
        <v>51</v>
      </c>
    </row>
    <row r="13832" spans="1:12">
      <c r="A13832" s="6" t="s">
        <v>49</v>
      </c>
      <c r="B13832" s="6"/>
      <c r="C13832" s="6" t="s">
        <v>13856</v>
      </c>
      <c r="D13832" s="6"/>
      <c r="E13832" s="6" t="s">
        <v>9</v>
      </c>
      <c r="F13832" s="7">
        <v>38657</v>
      </c>
      <c r="G13832" s="8">
        <v>1</v>
      </c>
      <c r="H13832" s="8">
        <v>1</v>
      </c>
      <c r="I13832" s="8">
        <v>0</v>
      </c>
      <c r="J13832" s="8">
        <v>1</v>
      </c>
      <c r="K13832" s="9">
        <v>45</v>
      </c>
      <c r="L13832" s="6" t="s">
        <v>51</v>
      </c>
    </row>
    <row r="13833" spans="1:12">
      <c r="A13833" s="6" t="s">
        <v>49</v>
      </c>
      <c r="B13833" s="6"/>
      <c r="C13833" s="6" t="s">
        <v>13857</v>
      </c>
      <c r="D13833" s="6"/>
      <c r="E13833" s="6" t="s">
        <v>9</v>
      </c>
      <c r="F13833" s="7">
        <v>38657</v>
      </c>
      <c r="G13833" s="8">
        <v>1</v>
      </c>
      <c r="H13833" s="8">
        <v>1</v>
      </c>
      <c r="I13833" s="8">
        <v>0</v>
      </c>
      <c r="J13833" s="8">
        <v>1</v>
      </c>
      <c r="K13833" s="9">
        <v>9.0399999999999903</v>
      </c>
      <c r="L13833" s="6" t="s">
        <v>51</v>
      </c>
    </row>
    <row r="13834" spans="1:12">
      <c r="A13834" s="6" t="s">
        <v>49</v>
      </c>
      <c r="B13834" s="6"/>
      <c r="C13834" s="6" t="s">
        <v>13858</v>
      </c>
      <c r="D13834" s="6"/>
      <c r="E13834" s="6" t="s">
        <v>9</v>
      </c>
      <c r="F13834" s="7">
        <v>38657</v>
      </c>
      <c r="G13834" s="8">
        <v>1</v>
      </c>
      <c r="H13834" s="8">
        <v>1</v>
      </c>
      <c r="I13834" s="8">
        <v>0</v>
      </c>
      <c r="J13834" s="8">
        <v>1</v>
      </c>
      <c r="K13834" s="9">
        <v>43</v>
      </c>
      <c r="L13834" s="6" t="s">
        <v>51</v>
      </c>
    </row>
    <row r="13835" spans="1:12">
      <c r="A13835" s="6" t="s">
        <v>49</v>
      </c>
      <c r="B13835" s="6"/>
      <c r="C13835" s="6" t="s">
        <v>13859</v>
      </c>
      <c r="D13835" s="6"/>
      <c r="E13835" s="6" t="s">
        <v>9</v>
      </c>
      <c r="F13835" s="7">
        <v>38657</v>
      </c>
      <c r="G13835" s="8">
        <v>1</v>
      </c>
      <c r="H13835" s="8">
        <v>1</v>
      </c>
      <c r="I13835" s="8">
        <v>0</v>
      </c>
      <c r="J13835" s="8">
        <v>1</v>
      </c>
      <c r="K13835" s="9">
        <v>5.6</v>
      </c>
      <c r="L13835" s="6" t="s">
        <v>51</v>
      </c>
    </row>
    <row r="13836" spans="1:12">
      <c r="A13836" s="6" t="s">
        <v>49</v>
      </c>
      <c r="B13836" s="6"/>
      <c r="C13836" s="6" t="s">
        <v>13860</v>
      </c>
      <c r="D13836" s="6"/>
      <c r="E13836" s="6" t="s">
        <v>9</v>
      </c>
      <c r="F13836" s="7">
        <v>38657</v>
      </c>
      <c r="G13836" s="8">
        <v>1</v>
      </c>
      <c r="H13836" s="8">
        <v>1</v>
      </c>
      <c r="I13836" s="8">
        <v>0</v>
      </c>
      <c r="J13836" s="8">
        <v>1</v>
      </c>
      <c r="K13836" s="9">
        <v>6.47</v>
      </c>
      <c r="L13836" s="6" t="s">
        <v>51</v>
      </c>
    </row>
    <row r="13837" spans="1:12">
      <c r="A13837" s="6" t="s">
        <v>49</v>
      </c>
      <c r="B13837" s="6"/>
      <c r="C13837" s="6" t="s">
        <v>13861</v>
      </c>
      <c r="D13837" s="6"/>
      <c r="E13837" s="6" t="s">
        <v>9</v>
      </c>
      <c r="F13837" s="7">
        <v>38657</v>
      </c>
      <c r="G13837" s="8">
        <v>1</v>
      </c>
      <c r="H13837" s="8">
        <v>1</v>
      </c>
      <c r="I13837" s="8">
        <v>0</v>
      </c>
      <c r="J13837" s="8">
        <v>1</v>
      </c>
      <c r="K13837" s="9">
        <v>42</v>
      </c>
      <c r="L13837" s="6" t="s">
        <v>51</v>
      </c>
    </row>
    <row r="13838" spans="1:12">
      <c r="A13838" s="6" t="s">
        <v>49</v>
      </c>
      <c r="B13838" s="6"/>
      <c r="C13838" s="6" t="s">
        <v>13862</v>
      </c>
      <c r="D13838" s="6"/>
      <c r="E13838" s="6" t="s">
        <v>9</v>
      </c>
      <c r="F13838" s="7">
        <v>38657</v>
      </c>
      <c r="G13838" s="8">
        <v>1</v>
      </c>
      <c r="H13838" s="8">
        <v>1</v>
      </c>
      <c r="I13838" s="8">
        <v>0</v>
      </c>
      <c r="J13838" s="8">
        <v>1</v>
      </c>
      <c r="K13838" s="9">
        <v>6.61</v>
      </c>
      <c r="L13838" s="6" t="s">
        <v>51</v>
      </c>
    </row>
    <row r="13839" spans="1:12">
      <c r="A13839" s="6" t="s">
        <v>49</v>
      </c>
      <c r="B13839" s="6"/>
      <c r="C13839" s="6" t="s">
        <v>13863</v>
      </c>
      <c r="D13839" s="6"/>
      <c r="E13839" s="6" t="s">
        <v>9</v>
      </c>
      <c r="F13839" s="7">
        <v>38657</v>
      </c>
      <c r="G13839" s="8">
        <v>1</v>
      </c>
      <c r="H13839" s="8">
        <v>1</v>
      </c>
      <c r="I13839" s="8">
        <v>0</v>
      </c>
      <c r="J13839" s="8">
        <v>1</v>
      </c>
      <c r="K13839" s="9">
        <v>4.72</v>
      </c>
      <c r="L13839" s="6" t="s">
        <v>51</v>
      </c>
    </row>
    <row r="13840" spans="1:12">
      <c r="A13840" s="6" t="s">
        <v>49</v>
      </c>
      <c r="B13840" s="6"/>
      <c r="C13840" s="6" t="s">
        <v>13864</v>
      </c>
      <c r="D13840" s="6"/>
      <c r="E13840" s="6" t="s">
        <v>9</v>
      </c>
      <c r="F13840" s="7">
        <v>38657</v>
      </c>
      <c r="G13840" s="8">
        <v>1</v>
      </c>
      <c r="H13840" s="8">
        <v>1</v>
      </c>
      <c r="I13840" s="8">
        <v>0</v>
      </c>
      <c r="J13840" s="8">
        <v>1</v>
      </c>
      <c r="K13840" s="9">
        <v>4.7699999999999898</v>
      </c>
      <c r="L13840" s="6" t="s">
        <v>51</v>
      </c>
    </row>
    <row r="13841" spans="1:12">
      <c r="A13841" s="6" t="s">
        <v>49</v>
      </c>
      <c r="B13841" s="6"/>
      <c r="C13841" s="6" t="s">
        <v>13865</v>
      </c>
      <c r="D13841" s="6"/>
      <c r="E13841" s="6" t="s">
        <v>9</v>
      </c>
      <c r="F13841" s="7">
        <v>38657</v>
      </c>
      <c r="G13841" s="8">
        <v>1</v>
      </c>
      <c r="H13841" s="8">
        <v>1</v>
      </c>
      <c r="I13841" s="8">
        <v>0</v>
      </c>
      <c r="J13841" s="8">
        <v>1</v>
      </c>
      <c r="K13841" s="9">
        <v>6.72</v>
      </c>
      <c r="L13841" s="6" t="s">
        <v>51</v>
      </c>
    </row>
    <row r="13842" spans="1:12">
      <c r="A13842" s="6" t="s">
        <v>49</v>
      </c>
      <c r="B13842" s="6"/>
      <c r="C13842" s="6" t="s">
        <v>13866</v>
      </c>
      <c r="D13842" s="6"/>
      <c r="E13842" s="6" t="s">
        <v>9</v>
      </c>
      <c r="F13842" s="7">
        <v>38657</v>
      </c>
      <c r="G13842" s="8">
        <v>1</v>
      </c>
      <c r="H13842" s="8">
        <v>1</v>
      </c>
      <c r="I13842" s="8">
        <v>0</v>
      </c>
      <c r="J13842" s="8">
        <v>1</v>
      </c>
      <c r="K13842" s="9">
        <v>4.08</v>
      </c>
      <c r="L13842" s="6" t="s">
        <v>51</v>
      </c>
    </row>
    <row r="13843" spans="1:12">
      <c r="A13843" s="6" t="s">
        <v>49</v>
      </c>
      <c r="B13843" s="6"/>
      <c r="C13843" s="6" t="s">
        <v>13867</v>
      </c>
      <c r="D13843" s="6"/>
      <c r="E13843" s="6" t="s">
        <v>9</v>
      </c>
      <c r="F13843" s="7">
        <v>38657</v>
      </c>
      <c r="G13843" s="8">
        <v>1</v>
      </c>
      <c r="H13843" s="8">
        <v>1</v>
      </c>
      <c r="I13843" s="8">
        <v>0</v>
      </c>
      <c r="J13843" s="8">
        <v>1</v>
      </c>
      <c r="K13843" s="9">
        <v>6.19</v>
      </c>
      <c r="L13843" s="6" t="s">
        <v>51</v>
      </c>
    </row>
    <row r="13844" spans="1:12">
      <c r="A13844" s="6" t="s">
        <v>49</v>
      </c>
      <c r="B13844" s="6"/>
      <c r="C13844" s="6" t="s">
        <v>13868</v>
      </c>
      <c r="D13844" s="6"/>
      <c r="E13844" s="6" t="s">
        <v>9</v>
      </c>
      <c r="F13844" s="7">
        <v>38657</v>
      </c>
      <c r="G13844" s="8">
        <v>1</v>
      </c>
      <c r="H13844" s="8">
        <v>1</v>
      </c>
      <c r="I13844" s="8">
        <v>0</v>
      </c>
      <c r="J13844" s="8">
        <v>1</v>
      </c>
      <c r="K13844" s="9">
        <v>6.48</v>
      </c>
      <c r="L13844" s="6" t="s">
        <v>51</v>
      </c>
    </row>
    <row r="13845" spans="1:12">
      <c r="A13845" s="6" t="s">
        <v>49</v>
      </c>
      <c r="B13845" s="6"/>
      <c r="C13845" s="6" t="s">
        <v>13869</v>
      </c>
      <c r="D13845" s="6"/>
      <c r="E13845" s="6" t="s">
        <v>9</v>
      </c>
      <c r="F13845" s="7">
        <v>38657</v>
      </c>
      <c r="G13845" s="8">
        <v>1</v>
      </c>
      <c r="H13845" s="8">
        <v>1</v>
      </c>
      <c r="I13845" s="8">
        <v>0</v>
      </c>
      <c r="J13845" s="8">
        <v>1</v>
      </c>
      <c r="K13845" s="9">
        <v>4.75</v>
      </c>
      <c r="L13845" s="6" t="s">
        <v>51</v>
      </c>
    </row>
    <row r="13846" spans="1:12">
      <c r="A13846" s="6" t="s">
        <v>49</v>
      </c>
      <c r="B13846" s="6"/>
      <c r="C13846" s="6" t="s">
        <v>13870</v>
      </c>
      <c r="D13846" s="6"/>
      <c r="E13846" s="6" t="s">
        <v>9</v>
      </c>
      <c r="F13846" s="7">
        <v>38657</v>
      </c>
      <c r="G13846" s="8">
        <v>1</v>
      </c>
      <c r="H13846" s="8">
        <v>1</v>
      </c>
      <c r="I13846" s="8">
        <v>0</v>
      </c>
      <c r="J13846" s="8">
        <v>1</v>
      </c>
      <c r="K13846" s="9">
        <v>2.16</v>
      </c>
      <c r="L13846" s="6" t="s">
        <v>51</v>
      </c>
    </row>
    <row r="13847" spans="1:12">
      <c r="A13847" s="6" t="s">
        <v>49</v>
      </c>
      <c r="B13847" s="6"/>
      <c r="C13847" s="6" t="s">
        <v>13871</v>
      </c>
      <c r="D13847" s="6"/>
      <c r="E13847" s="6" t="s">
        <v>9</v>
      </c>
      <c r="F13847" s="7">
        <v>38657</v>
      </c>
      <c r="G13847" s="8">
        <v>1</v>
      </c>
      <c r="H13847" s="8">
        <v>1</v>
      </c>
      <c r="I13847" s="8">
        <v>0</v>
      </c>
      <c r="J13847" s="8">
        <v>1</v>
      </c>
      <c r="K13847" s="9">
        <v>2.58</v>
      </c>
      <c r="L13847" s="6" t="s">
        <v>51</v>
      </c>
    </row>
    <row r="13848" spans="1:12">
      <c r="A13848" s="6" t="s">
        <v>49</v>
      </c>
      <c r="B13848" s="6"/>
      <c r="C13848" s="6" t="s">
        <v>13872</v>
      </c>
      <c r="D13848" s="6"/>
      <c r="E13848" s="6" t="s">
        <v>9</v>
      </c>
      <c r="F13848" s="7">
        <v>38657</v>
      </c>
      <c r="G13848" s="8">
        <v>1</v>
      </c>
      <c r="H13848" s="8">
        <v>1</v>
      </c>
      <c r="I13848" s="8">
        <v>0</v>
      </c>
      <c r="J13848" s="8">
        <v>1</v>
      </c>
      <c r="K13848" s="9">
        <v>33</v>
      </c>
      <c r="L13848" s="6" t="s">
        <v>51</v>
      </c>
    </row>
    <row r="13849" spans="1:12">
      <c r="A13849" s="6" t="s">
        <v>49</v>
      </c>
      <c r="B13849" s="6"/>
      <c r="C13849" s="6" t="s">
        <v>13873</v>
      </c>
      <c r="D13849" s="6"/>
      <c r="E13849" s="6" t="s">
        <v>9</v>
      </c>
      <c r="F13849" s="7">
        <v>38657</v>
      </c>
      <c r="G13849" s="8">
        <v>1</v>
      </c>
      <c r="H13849" s="8">
        <v>1</v>
      </c>
      <c r="I13849" s="8">
        <v>0</v>
      </c>
      <c r="J13849" s="8">
        <v>1</v>
      </c>
      <c r="K13849" s="9">
        <v>0.94</v>
      </c>
      <c r="L13849" s="6" t="s">
        <v>51</v>
      </c>
    </row>
    <row r="13850" spans="1:12">
      <c r="A13850" s="6" t="s">
        <v>49</v>
      </c>
      <c r="B13850" s="6"/>
      <c r="C13850" s="6" t="s">
        <v>13874</v>
      </c>
      <c r="D13850" s="6"/>
      <c r="E13850" s="6" t="s">
        <v>9</v>
      </c>
      <c r="F13850" s="7">
        <v>38657</v>
      </c>
      <c r="G13850" s="8">
        <v>1</v>
      </c>
      <c r="H13850" s="8">
        <v>1</v>
      </c>
      <c r="I13850" s="8">
        <v>0</v>
      </c>
      <c r="J13850" s="8">
        <v>1</v>
      </c>
      <c r="K13850" s="9">
        <v>1.35</v>
      </c>
      <c r="L13850" s="6" t="s">
        <v>51</v>
      </c>
    </row>
    <row r="13851" spans="1:12">
      <c r="A13851" s="6" t="s">
        <v>49</v>
      </c>
      <c r="B13851" s="6"/>
      <c r="C13851" s="6" t="s">
        <v>13875</v>
      </c>
      <c r="D13851" s="6"/>
      <c r="E13851" s="6" t="s">
        <v>9</v>
      </c>
      <c r="F13851" s="7">
        <v>38657</v>
      </c>
      <c r="G13851" s="8">
        <v>1</v>
      </c>
      <c r="H13851" s="8">
        <v>1</v>
      </c>
      <c r="I13851" s="8">
        <v>0</v>
      </c>
      <c r="J13851" s="8">
        <v>1</v>
      </c>
      <c r="K13851" s="9">
        <v>1.08</v>
      </c>
      <c r="L13851" s="6" t="s">
        <v>51</v>
      </c>
    </row>
    <row r="13852" spans="1:12">
      <c r="A13852" s="6" t="s">
        <v>49</v>
      </c>
      <c r="B13852" s="6"/>
      <c r="C13852" s="6" t="s">
        <v>13876</v>
      </c>
      <c r="D13852" s="6"/>
      <c r="E13852" s="6" t="s">
        <v>9</v>
      </c>
      <c r="F13852" s="7">
        <v>38657</v>
      </c>
      <c r="G13852" s="8">
        <v>1</v>
      </c>
      <c r="H13852" s="8">
        <v>1</v>
      </c>
      <c r="I13852" s="8">
        <v>0</v>
      </c>
      <c r="J13852" s="8">
        <v>1</v>
      </c>
      <c r="K13852" s="9">
        <v>4.3</v>
      </c>
      <c r="L13852" s="6" t="s">
        <v>51</v>
      </c>
    </row>
    <row r="13853" spans="1:12">
      <c r="A13853" s="6" t="s">
        <v>49</v>
      </c>
      <c r="B13853" s="6"/>
      <c r="C13853" s="6" t="s">
        <v>13877</v>
      </c>
      <c r="D13853" s="6"/>
      <c r="E13853" s="6" t="s">
        <v>9</v>
      </c>
      <c r="F13853" s="7">
        <v>38657</v>
      </c>
      <c r="G13853" s="8">
        <v>1</v>
      </c>
      <c r="H13853" s="8">
        <v>1</v>
      </c>
      <c r="I13853" s="8">
        <v>0</v>
      </c>
      <c r="J13853" s="8">
        <v>1</v>
      </c>
      <c r="K13853" s="9">
        <v>20</v>
      </c>
      <c r="L13853" s="6" t="s">
        <v>51</v>
      </c>
    </row>
    <row r="13854" spans="1:12">
      <c r="A13854" s="6" t="s">
        <v>49</v>
      </c>
      <c r="B13854" s="6"/>
      <c r="C13854" s="6" t="s">
        <v>13878</v>
      </c>
      <c r="D13854" s="6"/>
      <c r="E13854" s="6" t="s">
        <v>9</v>
      </c>
      <c r="F13854" s="7">
        <v>38657</v>
      </c>
      <c r="G13854" s="8">
        <v>1</v>
      </c>
      <c r="H13854" s="8">
        <v>1</v>
      </c>
      <c r="I13854" s="8">
        <v>0</v>
      </c>
      <c r="J13854" s="8">
        <v>1</v>
      </c>
      <c r="K13854" s="9">
        <v>12</v>
      </c>
      <c r="L13854" s="6" t="s">
        <v>51</v>
      </c>
    </row>
    <row r="13855" spans="1:12">
      <c r="A13855" s="6" t="s">
        <v>49</v>
      </c>
      <c r="B13855" s="6"/>
      <c r="C13855" s="6" t="s">
        <v>13879</v>
      </c>
      <c r="D13855" s="6"/>
      <c r="E13855" s="6" t="s">
        <v>9</v>
      </c>
      <c r="F13855" s="7">
        <v>38657</v>
      </c>
      <c r="G13855" s="8">
        <v>1</v>
      </c>
      <c r="H13855" s="8">
        <v>1</v>
      </c>
      <c r="I13855" s="8">
        <v>0</v>
      </c>
      <c r="J13855" s="8">
        <v>1</v>
      </c>
      <c r="K13855" s="9">
        <v>9.75</v>
      </c>
      <c r="L13855" s="6" t="s">
        <v>51</v>
      </c>
    </row>
    <row r="13856" spans="1:12">
      <c r="A13856" s="6" t="s">
        <v>49</v>
      </c>
      <c r="B13856" s="6"/>
      <c r="C13856" s="6" t="s">
        <v>13880</v>
      </c>
      <c r="D13856" s="6"/>
      <c r="E13856" s="6" t="s">
        <v>9</v>
      </c>
      <c r="F13856" s="7">
        <v>38657</v>
      </c>
      <c r="G13856" s="8">
        <v>1</v>
      </c>
      <c r="H13856" s="8">
        <v>1</v>
      </c>
      <c r="I13856" s="8">
        <v>0</v>
      </c>
      <c r="J13856" s="8">
        <v>1</v>
      </c>
      <c r="K13856" s="9">
        <v>8.3699999999999903</v>
      </c>
      <c r="L13856" s="6" t="s">
        <v>51</v>
      </c>
    </row>
    <row r="13857" spans="1:12">
      <c r="A13857" s="6" t="s">
        <v>49</v>
      </c>
      <c r="B13857" s="6"/>
      <c r="C13857" s="6" t="s">
        <v>13881</v>
      </c>
      <c r="D13857" s="6"/>
      <c r="E13857" s="6" t="s">
        <v>9</v>
      </c>
      <c r="F13857" s="7">
        <v>38657</v>
      </c>
      <c r="G13857" s="8">
        <v>1</v>
      </c>
      <c r="H13857" s="8">
        <v>1</v>
      </c>
      <c r="I13857" s="8">
        <v>0</v>
      </c>
      <c r="J13857" s="8">
        <v>1</v>
      </c>
      <c r="K13857" s="9">
        <v>7.21</v>
      </c>
      <c r="L13857" s="6" t="s">
        <v>51</v>
      </c>
    </row>
    <row r="13858" spans="1:12">
      <c r="A13858" s="6" t="s">
        <v>49</v>
      </c>
      <c r="B13858" s="6"/>
      <c r="C13858" s="6" t="s">
        <v>13882</v>
      </c>
      <c r="D13858" s="6"/>
      <c r="E13858" s="6" t="s">
        <v>9</v>
      </c>
      <c r="F13858" s="7">
        <v>38657</v>
      </c>
      <c r="G13858" s="8">
        <v>1</v>
      </c>
      <c r="H13858" s="8">
        <v>1</v>
      </c>
      <c r="I13858" s="8">
        <v>0</v>
      </c>
      <c r="J13858" s="8">
        <v>1</v>
      </c>
      <c r="K13858" s="9">
        <v>4.18</v>
      </c>
      <c r="L13858" s="6" t="s">
        <v>51</v>
      </c>
    </row>
    <row r="13859" spans="1:12">
      <c r="A13859" s="6" t="s">
        <v>49</v>
      </c>
      <c r="B13859" s="6"/>
      <c r="C13859" s="6" t="s">
        <v>13883</v>
      </c>
      <c r="D13859" s="6"/>
      <c r="E13859" s="6" t="s">
        <v>9</v>
      </c>
      <c r="F13859" s="7">
        <v>38657</v>
      </c>
      <c r="G13859" s="8">
        <v>1</v>
      </c>
      <c r="H13859" s="8">
        <v>1</v>
      </c>
      <c r="I13859" s="8">
        <v>0</v>
      </c>
      <c r="J13859" s="8">
        <v>1</v>
      </c>
      <c r="K13859" s="9">
        <v>36</v>
      </c>
      <c r="L13859" s="6" t="s">
        <v>51</v>
      </c>
    </row>
    <row r="13860" spans="1:12">
      <c r="A13860" s="6" t="s">
        <v>49</v>
      </c>
      <c r="B13860" s="6"/>
      <c r="C13860" s="6" t="s">
        <v>13884</v>
      </c>
      <c r="D13860" s="6"/>
      <c r="E13860" s="6" t="s">
        <v>9</v>
      </c>
      <c r="F13860" s="7">
        <v>38657</v>
      </c>
      <c r="G13860" s="8">
        <v>1</v>
      </c>
      <c r="H13860" s="8">
        <v>1</v>
      </c>
      <c r="I13860" s="8">
        <v>0</v>
      </c>
      <c r="J13860" s="8">
        <v>1</v>
      </c>
      <c r="K13860" s="9">
        <v>16</v>
      </c>
      <c r="L13860" s="6" t="s">
        <v>51</v>
      </c>
    </row>
    <row r="13861" spans="1:12">
      <c r="A13861" s="6" t="s">
        <v>49</v>
      </c>
      <c r="B13861" s="6"/>
      <c r="C13861" s="6" t="s">
        <v>13885</v>
      </c>
      <c r="D13861" s="6"/>
      <c r="E13861" s="6" t="s">
        <v>9</v>
      </c>
      <c r="F13861" s="7">
        <v>38657</v>
      </c>
      <c r="G13861" s="8">
        <v>1</v>
      </c>
      <c r="H13861" s="8">
        <v>1</v>
      </c>
      <c r="I13861" s="8">
        <v>0</v>
      </c>
      <c r="J13861" s="8">
        <v>1</v>
      </c>
      <c r="K13861" s="9">
        <v>15</v>
      </c>
      <c r="L13861" s="6" t="s">
        <v>51</v>
      </c>
    </row>
    <row r="13862" spans="1:12">
      <c r="A13862" s="6" t="s">
        <v>49</v>
      </c>
      <c r="B13862" s="6"/>
      <c r="C13862" s="6" t="s">
        <v>13886</v>
      </c>
      <c r="D13862" s="6"/>
      <c r="E13862" s="6" t="s">
        <v>9</v>
      </c>
      <c r="F13862" s="7">
        <v>38657</v>
      </c>
      <c r="G13862" s="8">
        <v>1</v>
      </c>
      <c r="H13862" s="8">
        <v>1</v>
      </c>
      <c r="I13862" s="8">
        <v>0</v>
      </c>
      <c r="J13862" s="8">
        <v>1</v>
      </c>
      <c r="K13862" s="9">
        <v>1.62</v>
      </c>
      <c r="L13862" s="6" t="s">
        <v>51</v>
      </c>
    </row>
    <row r="13863" spans="1:12">
      <c r="A13863" s="6" t="s">
        <v>49</v>
      </c>
      <c r="B13863" s="6"/>
      <c r="C13863" s="6" t="s">
        <v>13887</v>
      </c>
      <c r="D13863" s="6"/>
      <c r="E13863" s="6" t="s">
        <v>9</v>
      </c>
      <c r="F13863" s="7">
        <v>38657</v>
      </c>
      <c r="G13863" s="8">
        <v>1</v>
      </c>
      <c r="H13863" s="8">
        <v>1</v>
      </c>
      <c r="I13863" s="8">
        <v>0</v>
      </c>
      <c r="J13863" s="8">
        <v>1</v>
      </c>
      <c r="K13863" s="9">
        <v>2.54</v>
      </c>
      <c r="L13863" s="6" t="s">
        <v>51</v>
      </c>
    </row>
    <row r="13864" spans="1:12">
      <c r="A13864" s="6" t="s">
        <v>49</v>
      </c>
      <c r="B13864" s="6"/>
      <c r="C13864" s="6" t="s">
        <v>13888</v>
      </c>
      <c r="D13864" s="6"/>
      <c r="E13864" s="6" t="s">
        <v>9</v>
      </c>
      <c r="F13864" s="7">
        <v>38657</v>
      </c>
      <c r="G13864" s="8">
        <v>1</v>
      </c>
      <c r="H13864" s="8">
        <v>1</v>
      </c>
      <c r="I13864" s="8">
        <v>0</v>
      </c>
      <c r="J13864" s="8">
        <v>1</v>
      </c>
      <c r="K13864" s="9">
        <v>1.85</v>
      </c>
      <c r="L13864" s="6" t="s">
        <v>51</v>
      </c>
    </row>
    <row r="13865" spans="1:12">
      <c r="A13865" s="6" t="s">
        <v>49</v>
      </c>
      <c r="B13865" s="6"/>
      <c r="C13865" s="6" t="s">
        <v>13889</v>
      </c>
      <c r="D13865" s="6"/>
      <c r="E13865" s="6" t="s">
        <v>9</v>
      </c>
      <c r="F13865" s="7">
        <v>38657</v>
      </c>
      <c r="G13865" s="8">
        <v>1</v>
      </c>
      <c r="H13865" s="8">
        <v>1</v>
      </c>
      <c r="I13865" s="8">
        <v>0</v>
      </c>
      <c r="J13865" s="8">
        <v>1</v>
      </c>
      <c r="K13865" s="9">
        <v>0.46</v>
      </c>
      <c r="L13865" s="6" t="s">
        <v>51</v>
      </c>
    </row>
    <row r="13866" spans="1:12">
      <c r="A13866" s="6" t="s">
        <v>49</v>
      </c>
      <c r="B13866" s="6"/>
      <c r="C13866" s="6" t="s">
        <v>13890</v>
      </c>
      <c r="D13866" s="6"/>
      <c r="E13866" s="6" t="s">
        <v>9</v>
      </c>
      <c r="F13866" s="7">
        <v>39800</v>
      </c>
      <c r="G13866" s="8">
        <v>1</v>
      </c>
      <c r="H13866" s="8">
        <v>1</v>
      </c>
      <c r="I13866" s="8">
        <v>0</v>
      </c>
      <c r="J13866" s="8">
        <v>1</v>
      </c>
      <c r="K13866" s="9">
        <v>2.0499999999999901</v>
      </c>
      <c r="L13866" s="6" t="s">
        <v>51</v>
      </c>
    </row>
    <row r="13867" spans="1:12">
      <c r="A13867" s="6" t="s">
        <v>49</v>
      </c>
      <c r="B13867" s="6"/>
      <c r="C13867" s="6" t="s">
        <v>13891</v>
      </c>
      <c r="D13867" s="6"/>
      <c r="E13867" s="6" t="s">
        <v>9</v>
      </c>
      <c r="F13867" s="7">
        <v>38657</v>
      </c>
      <c r="G13867" s="8">
        <v>1</v>
      </c>
      <c r="H13867" s="8">
        <v>1</v>
      </c>
      <c r="I13867" s="8">
        <v>0</v>
      </c>
      <c r="J13867" s="8">
        <v>1</v>
      </c>
      <c r="K13867" s="9">
        <v>21</v>
      </c>
      <c r="L13867" s="6" t="s">
        <v>51</v>
      </c>
    </row>
    <row r="13868" spans="1:12">
      <c r="A13868" s="6" t="s">
        <v>49</v>
      </c>
      <c r="B13868" s="6"/>
      <c r="C13868" s="6" t="s">
        <v>13892</v>
      </c>
      <c r="D13868" s="6"/>
      <c r="E13868" s="6" t="s">
        <v>9</v>
      </c>
      <c r="F13868" s="7">
        <v>38657</v>
      </c>
      <c r="G13868" s="8">
        <v>1</v>
      </c>
      <c r="H13868" s="8">
        <v>1</v>
      </c>
      <c r="I13868" s="8">
        <v>0</v>
      </c>
      <c r="J13868" s="8">
        <v>1</v>
      </c>
      <c r="K13868" s="9">
        <v>10</v>
      </c>
      <c r="L13868" s="6" t="s">
        <v>51</v>
      </c>
    </row>
    <row r="13869" spans="1:12">
      <c r="A13869" s="6" t="s">
        <v>49</v>
      </c>
      <c r="B13869" s="6"/>
      <c r="C13869" s="6" t="s">
        <v>13893</v>
      </c>
      <c r="D13869" s="6"/>
      <c r="E13869" s="6" t="s">
        <v>9</v>
      </c>
      <c r="F13869" s="7">
        <v>38657</v>
      </c>
      <c r="G13869" s="8">
        <v>1</v>
      </c>
      <c r="H13869" s="8">
        <v>1</v>
      </c>
      <c r="I13869" s="8">
        <v>0</v>
      </c>
      <c r="J13869" s="8">
        <v>1</v>
      </c>
      <c r="K13869" s="9">
        <v>4.67</v>
      </c>
      <c r="L13869" s="6" t="s">
        <v>51</v>
      </c>
    </row>
    <row r="13870" spans="1:12">
      <c r="A13870" s="6" t="s">
        <v>49</v>
      </c>
      <c r="B13870" s="6"/>
      <c r="C13870" s="6" t="s">
        <v>13894</v>
      </c>
      <c r="D13870" s="6"/>
      <c r="E13870" s="6" t="s">
        <v>9</v>
      </c>
      <c r="F13870" s="7">
        <v>38657</v>
      </c>
      <c r="G13870" s="8">
        <v>1</v>
      </c>
      <c r="H13870" s="8">
        <v>1</v>
      </c>
      <c r="I13870" s="8">
        <v>0</v>
      </c>
      <c r="J13870" s="8">
        <v>1</v>
      </c>
      <c r="K13870" s="9">
        <v>39</v>
      </c>
      <c r="L13870" s="6" t="s">
        <v>51</v>
      </c>
    </row>
    <row r="13871" spans="1:12">
      <c r="A13871" s="6" t="s">
        <v>49</v>
      </c>
      <c r="B13871" s="6"/>
      <c r="C13871" s="6" t="s">
        <v>13895</v>
      </c>
      <c r="D13871" s="6"/>
      <c r="E13871" s="6" t="s">
        <v>9</v>
      </c>
      <c r="F13871" s="7">
        <v>38657</v>
      </c>
      <c r="G13871" s="8">
        <v>1</v>
      </c>
      <c r="H13871" s="8">
        <v>1</v>
      </c>
      <c r="I13871" s="8">
        <v>0</v>
      </c>
      <c r="J13871" s="8">
        <v>1</v>
      </c>
      <c r="K13871" s="9">
        <v>7.07</v>
      </c>
      <c r="L13871" s="6" t="s">
        <v>51</v>
      </c>
    </row>
    <row r="13872" spans="1:12">
      <c r="A13872" s="6" t="s">
        <v>49</v>
      </c>
      <c r="B13872" s="6"/>
      <c r="C13872" s="6" t="s">
        <v>13896</v>
      </c>
      <c r="D13872" s="6"/>
      <c r="E13872" s="6" t="s">
        <v>9</v>
      </c>
      <c r="F13872" s="7">
        <v>38657</v>
      </c>
      <c r="G13872" s="8">
        <v>1</v>
      </c>
      <c r="H13872" s="8">
        <v>1</v>
      </c>
      <c r="I13872" s="8">
        <v>0</v>
      </c>
      <c r="J13872" s="8">
        <v>1</v>
      </c>
      <c r="K13872" s="9">
        <v>15</v>
      </c>
      <c r="L13872" s="6" t="s">
        <v>51</v>
      </c>
    </row>
    <row r="13873" spans="1:12">
      <c r="A13873" s="6" t="s">
        <v>49</v>
      </c>
      <c r="B13873" s="6"/>
      <c r="C13873" s="6" t="s">
        <v>13897</v>
      </c>
      <c r="D13873" s="6"/>
      <c r="E13873" s="6" t="s">
        <v>9</v>
      </c>
      <c r="F13873" s="7">
        <v>38657</v>
      </c>
      <c r="G13873" s="8">
        <v>1</v>
      </c>
      <c r="H13873" s="8">
        <v>1</v>
      </c>
      <c r="I13873" s="8">
        <v>0</v>
      </c>
      <c r="J13873" s="8">
        <v>1</v>
      </c>
      <c r="K13873" s="9">
        <v>9.16</v>
      </c>
      <c r="L13873" s="6" t="s">
        <v>51</v>
      </c>
    </row>
    <row r="13874" spans="1:12">
      <c r="A13874" s="6" t="s">
        <v>49</v>
      </c>
      <c r="B13874" s="6"/>
      <c r="C13874" s="6" t="s">
        <v>13898</v>
      </c>
      <c r="D13874" s="6"/>
      <c r="E13874" s="6" t="s">
        <v>9</v>
      </c>
      <c r="F13874" s="7">
        <v>38657</v>
      </c>
      <c r="G13874" s="8">
        <v>1</v>
      </c>
      <c r="H13874" s="8">
        <v>1</v>
      </c>
      <c r="I13874" s="8">
        <v>0</v>
      </c>
      <c r="J13874" s="8">
        <v>1</v>
      </c>
      <c r="K13874" s="9">
        <v>5.65</v>
      </c>
      <c r="L13874" s="6" t="s">
        <v>51</v>
      </c>
    </row>
    <row r="13875" spans="1:12">
      <c r="A13875" s="6" t="s">
        <v>49</v>
      </c>
      <c r="B13875" s="6"/>
      <c r="C13875" s="6" t="s">
        <v>13899</v>
      </c>
      <c r="D13875" s="6"/>
      <c r="E13875" s="6" t="s">
        <v>9</v>
      </c>
      <c r="F13875" s="7">
        <v>38657</v>
      </c>
      <c r="G13875" s="8">
        <v>1</v>
      </c>
      <c r="H13875" s="8">
        <v>1</v>
      </c>
      <c r="I13875" s="8">
        <v>0</v>
      </c>
      <c r="J13875" s="8">
        <v>1</v>
      </c>
      <c r="K13875" s="9">
        <v>5.98</v>
      </c>
      <c r="L13875" s="6" t="s">
        <v>51</v>
      </c>
    </row>
    <row r="13876" spans="1:12">
      <c r="A13876" s="6" t="s">
        <v>49</v>
      </c>
      <c r="B13876" s="6"/>
      <c r="C13876" s="6" t="s">
        <v>13900</v>
      </c>
      <c r="D13876" s="6"/>
      <c r="E13876" s="6" t="s">
        <v>9</v>
      </c>
      <c r="F13876" s="7">
        <v>38657</v>
      </c>
      <c r="G13876" s="8">
        <v>1</v>
      </c>
      <c r="H13876" s="8">
        <v>1</v>
      </c>
      <c r="I13876" s="8">
        <v>0</v>
      </c>
      <c r="J13876" s="8">
        <v>1</v>
      </c>
      <c r="K13876" s="9">
        <v>5.22</v>
      </c>
      <c r="L13876" s="6" t="s">
        <v>51</v>
      </c>
    </row>
    <row r="13877" spans="1:12">
      <c r="A13877" s="6" t="s">
        <v>49</v>
      </c>
      <c r="B13877" s="6"/>
      <c r="C13877" s="6" t="s">
        <v>13901</v>
      </c>
      <c r="D13877" s="6"/>
      <c r="E13877" s="6" t="s">
        <v>9</v>
      </c>
      <c r="F13877" s="7">
        <v>38657</v>
      </c>
      <c r="G13877" s="8">
        <v>1</v>
      </c>
      <c r="H13877" s="8">
        <v>1</v>
      </c>
      <c r="I13877" s="8">
        <v>0</v>
      </c>
      <c r="J13877" s="8">
        <v>1</v>
      </c>
      <c r="K13877" s="9">
        <v>9.4</v>
      </c>
      <c r="L13877" s="6" t="s">
        <v>51</v>
      </c>
    </row>
    <row r="13878" spans="1:12">
      <c r="A13878" s="6" t="s">
        <v>49</v>
      </c>
      <c r="B13878" s="6"/>
      <c r="C13878" s="6" t="s">
        <v>13902</v>
      </c>
      <c r="D13878" s="6"/>
      <c r="E13878" s="6" t="s">
        <v>9</v>
      </c>
      <c r="F13878" s="7">
        <v>38657</v>
      </c>
      <c r="G13878" s="8">
        <v>1</v>
      </c>
      <c r="H13878" s="8">
        <v>1</v>
      </c>
      <c r="I13878" s="8">
        <v>0</v>
      </c>
      <c r="J13878" s="8">
        <v>1</v>
      </c>
      <c r="K13878" s="9">
        <v>23</v>
      </c>
      <c r="L13878" s="6" t="s">
        <v>51</v>
      </c>
    </row>
    <row r="13879" spans="1:12">
      <c r="A13879" s="6" t="s">
        <v>49</v>
      </c>
      <c r="B13879" s="6"/>
      <c r="C13879" s="6" t="s">
        <v>13903</v>
      </c>
      <c r="D13879" s="6"/>
      <c r="E13879" s="6" t="s">
        <v>9</v>
      </c>
      <c r="F13879" s="7">
        <v>38657</v>
      </c>
      <c r="G13879" s="8">
        <v>1</v>
      </c>
      <c r="H13879" s="8">
        <v>1</v>
      </c>
      <c r="I13879" s="8">
        <v>0</v>
      </c>
      <c r="J13879" s="8">
        <v>1</v>
      </c>
      <c r="K13879" s="9">
        <v>21</v>
      </c>
      <c r="L13879" s="6" t="s">
        <v>51</v>
      </c>
    </row>
    <row r="13880" spans="1:12">
      <c r="A13880" s="6" t="s">
        <v>49</v>
      </c>
      <c r="B13880" s="6"/>
      <c r="C13880" s="6" t="s">
        <v>13904</v>
      </c>
      <c r="D13880" s="6"/>
      <c r="E13880" s="6" t="s">
        <v>9</v>
      </c>
      <c r="F13880" s="7">
        <v>38657</v>
      </c>
      <c r="G13880" s="8">
        <v>1</v>
      </c>
      <c r="H13880" s="8">
        <v>1</v>
      </c>
      <c r="I13880" s="8">
        <v>0</v>
      </c>
      <c r="J13880" s="8">
        <v>1</v>
      </c>
      <c r="K13880" s="9">
        <v>10</v>
      </c>
      <c r="L13880" s="6" t="s">
        <v>51</v>
      </c>
    </row>
    <row r="13881" spans="1:12">
      <c r="A13881" s="6" t="s">
        <v>49</v>
      </c>
      <c r="B13881" s="6"/>
      <c r="C13881" s="6" t="s">
        <v>13905</v>
      </c>
      <c r="D13881" s="6"/>
      <c r="E13881" s="6" t="s">
        <v>9</v>
      </c>
      <c r="F13881" s="7">
        <v>38657</v>
      </c>
      <c r="G13881" s="8">
        <v>1</v>
      </c>
      <c r="H13881" s="8">
        <v>1</v>
      </c>
      <c r="I13881" s="8">
        <v>0</v>
      </c>
      <c r="J13881" s="8">
        <v>1</v>
      </c>
      <c r="K13881" s="9">
        <v>36</v>
      </c>
      <c r="L13881" s="6" t="s">
        <v>51</v>
      </c>
    </row>
    <row r="13882" spans="1:12">
      <c r="A13882" s="6" t="s">
        <v>49</v>
      </c>
      <c r="B13882" s="6"/>
      <c r="C13882" s="6" t="s">
        <v>13906</v>
      </c>
      <c r="D13882" s="6"/>
      <c r="E13882" s="6" t="s">
        <v>9</v>
      </c>
      <c r="F13882" s="7">
        <v>38657</v>
      </c>
      <c r="G13882" s="8">
        <v>1</v>
      </c>
      <c r="H13882" s="8">
        <v>1</v>
      </c>
      <c r="I13882" s="8">
        <v>0</v>
      </c>
      <c r="J13882" s="8">
        <v>1</v>
      </c>
      <c r="K13882" s="9">
        <v>29</v>
      </c>
      <c r="L13882" s="6" t="s">
        <v>51</v>
      </c>
    </row>
    <row r="13883" spans="1:12">
      <c r="A13883" s="6" t="s">
        <v>49</v>
      </c>
      <c r="B13883" s="6"/>
      <c r="C13883" s="6" t="s">
        <v>13907</v>
      </c>
      <c r="D13883" s="6"/>
      <c r="E13883" s="6" t="s">
        <v>9</v>
      </c>
      <c r="F13883" s="7">
        <v>38657</v>
      </c>
      <c r="G13883" s="8">
        <v>1</v>
      </c>
      <c r="H13883" s="8">
        <v>1</v>
      </c>
      <c r="I13883" s="8">
        <v>0</v>
      </c>
      <c r="J13883" s="8">
        <v>1</v>
      </c>
      <c r="K13883" s="9">
        <v>118</v>
      </c>
      <c r="L13883" s="6" t="s">
        <v>51</v>
      </c>
    </row>
    <row r="13884" spans="1:12">
      <c r="A13884" s="6" t="s">
        <v>49</v>
      </c>
      <c r="B13884" s="6"/>
      <c r="C13884" s="6" t="s">
        <v>13908</v>
      </c>
      <c r="D13884" s="6"/>
      <c r="E13884" s="6" t="s">
        <v>9</v>
      </c>
      <c r="F13884" s="7">
        <v>38657</v>
      </c>
      <c r="G13884" s="8">
        <v>1</v>
      </c>
      <c r="H13884" s="8">
        <v>1</v>
      </c>
      <c r="I13884" s="8">
        <v>0</v>
      </c>
      <c r="J13884" s="8">
        <v>1</v>
      </c>
      <c r="K13884" s="9">
        <v>7.73</v>
      </c>
      <c r="L13884" s="6" t="s">
        <v>51</v>
      </c>
    </row>
    <row r="13885" spans="1:12">
      <c r="A13885" s="6" t="s">
        <v>49</v>
      </c>
      <c r="B13885" s="6"/>
      <c r="C13885" s="6" t="s">
        <v>13909</v>
      </c>
      <c r="D13885" s="6"/>
      <c r="E13885" s="6" t="s">
        <v>9</v>
      </c>
      <c r="F13885" s="7">
        <v>41730</v>
      </c>
      <c r="G13885" s="8">
        <v>177139</v>
      </c>
      <c r="H13885" s="8">
        <v>177139</v>
      </c>
      <c r="I13885" s="8">
        <v>0</v>
      </c>
      <c r="J13885" s="8">
        <v>177139</v>
      </c>
      <c r="K13885" s="9">
        <v>38.4</v>
      </c>
      <c r="L13885" s="6" t="s">
        <v>51</v>
      </c>
    </row>
    <row r="13886" spans="1:12">
      <c r="A13886" s="6" t="s">
        <v>49</v>
      </c>
      <c r="B13886" s="6"/>
      <c r="C13886" s="6" t="s">
        <v>13910</v>
      </c>
      <c r="D13886" s="6"/>
      <c r="E13886" s="6" t="s">
        <v>9</v>
      </c>
      <c r="F13886" s="7">
        <v>38657</v>
      </c>
      <c r="G13886" s="8">
        <v>1</v>
      </c>
      <c r="H13886" s="8">
        <v>1</v>
      </c>
      <c r="I13886" s="8">
        <v>0</v>
      </c>
      <c r="J13886" s="8">
        <v>1</v>
      </c>
      <c r="K13886" s="9">
        <v>5.4</v>
      </c>
      <c r="L13886" s="6" t="s">
        <v>51</v>
      </c>
    </row>
    <row r="13887" spans="1:12">
      <c r="A13887" s="6" t="s">
        <v>49</v>
      </c>
      <c r="B13887" s="6"/>
      <c r="C13887" s="6" t="s">
        <v>13911</v>
      </c>
      <c r="D13887" s="6"/>
      <c r="E13887" s="6" t="s">
        <v>9</v>
      </c>
      <c r="F13887" s="7">
        <v>38657</v>
      </c>
      <c r="G13887" s="8">
        <v>1</v>
      </c>
      <c r="H13887" s="8">
        <v>1</v>
      </c>
      <c r="I13887" s="8">
        <v>0</v>
      </c>
      <c r="J13887" s="8">
        <v>1</v>
      </c>
      <c r="K13887" s="9">
        <v>19</v>
      </c>
      <c r="L13887" s="6" t="s">
        <v>51</v>
      </c>
    </row>
    <row r="13888" spans="1:12">
      <c r="A13888" s="6" t="s">
        <v>49</v>
      </c>
      <c r="B13888" s="6"/>
      <c r="C13888" s="6" t="s">
        <v>13912</v>
      </c>
      <c r="D13888" s="6"/>
      <c r="E13888" s="6" t="s">
        <v>9</v>
      </c>
      <c r="F13888" s="7">
        <v>38657</v>
      </c>
      <c r="G13888" s="8">
        <v>1</v>
      </c>
      <c r="H13888" s="8">
        <v>1</v>
      </c>
      <c r="I13888" s="8">
        <v>0</v>
      </c>
      <c r="J13888" s="8">
        <v>1</v>
      </c>
      <c r="K13888" s="9">
        <v>16</v>
      </c>
      <c r="L13888" s="6" t="s">
        <v>51</v>
      </c>
    </row>
    <row r="13889" spans="1:12">
      <c r="A13889" s="6" t="s">
        <v>49</v>
      </c>
      <c r="B13889" s="6"/>
      <c r="C13889" s="6" t="s">
        <v>13913</v>
      </c>
      <c r="D13889" s="6"/>
      <c r="E13889" s="6" t="s">
        <v>9</v>
      </c>
      <c r="F13889" s="7">
        <v>38657</v>
      </c>
      <c r="G13889" s="8">
        <v>1</v>
      </c>
      <c r="H13889" s="8">
        <v>1</v>
      </c>
      <c r="I13889" s="8">
        <v>0</v>
      </c>
      <c r="J13889" s="8">
        <v>1</v>
      </c>
      <c r="K13889" s="9">
        <v>25</v>
      </c>
      <c r="L13889" s="6" t="s">
        <v>51</v>
      </c>
    </row>
    <row r="13890" spans="1:12">
      <c r="A13890" s="6" t="s">
        <v>49</v>
      </c>
      <c r="B13890" s="6"/>
      <c r="C13890" s="6" t="s">
        <v>13914</v>
      </c>
      <c r="D13890" s="6"/>
      <c r="E13890" s="6" t="s">
        <v>9</v>
      </c>
      <c r="F13890" s="7">
        <v>38657</v>
      </c>
      <c r="G13890" s="8">
        <v>1</v>
      </c>
      <c r="H13890" s="8">
        <v>1</v>
      </c>
      <c r="I13890" s="8">
        <v>0</v>
      </c>
      <c r="J13890" s="8">
        <v>1</v>
      </c>
      <c r="K13890" s="9">
        <v>20</v>
      </c>
      <c r="L13890" s="6" t="s">
        <v>51</v>
      </c>
    </row>
    <row r="13891" spans="1:12">
      <c r="A13891" s="6" t="s">
        <v>49</v>
      </c>
      <c r="B13891" s="6"/>
      <c r="C13891" s="6" t="s">
        <v>13915</v>
      </c>
      <c r="D13891" s="6"/>
      <c r="E13891" s="6" t="s">
        <v>9</v>
      </c>
      <c r="F13891" s="7">
        <v>38657</v>
      </c>
      <c r="G13891" s="8">
        <v>1</v>
      </c>
      <c r="H13891" s="8">
        <v>1</v>
      </c>
      <c r="I13891" s="8">
        <v>0</v>
      </c>
      <c r="J13891" s="8">
        <v>1</v>
      </c>
      <c r="K13891" s="9">
        <v>14</v>
      </c>
      <c r="L13891" s="6" t="s">
        <v>51</v>
      </c>
    </row>
    <row r="13892" spans="1:12">
      <c r="A13892" s="6" t="s">
        <v>49</v>
      </c>
      <c r="B13892" s="6"/>
      <c r="C13892" s="6" t="s">
        <v>13916</v>
      </c>
      <c r="D13892" s="6"/>
      <c r="E13892" s="6" t="s">
        <v>9</v>
      </c>
      <c r="F13892" s="7">
        <v>38657</v>
      </c>
      <c r="G13892" s="8">
        <v>1</v>
      </c>
      <c r="H13892" s="8">
        <v>1</v>
      </c>
      <c r="I13892" s="8">
        <v>0</v>
      </c>
      <c r="J13892" s="8">
        <v>1</v>
      </c>
      <c r="K13892" s="9">
        <v>36</v>
      </c>
      <c r="L13892" s="6" t="s">
        <v>51</v>
      </c>
    </row>
    <row r="13893" spans="1:12">
      <c r="A13893" s="6" t="s">
        <v>49</v>
      </c>
      <c r="B13893" s="6"/>
      <c r="C13893" s="6" t="s">
        <v>13917</v>
      </c>
      <c r="D13893" s="6"/>
      <c r="E13893" s="6" t="s">
        <v>9</v>
      </c>
      <c r="F13893" s="7">
        <v>38657</v>
      </c>
      <c r="G13893" s="8">
        <v>1</v>
      </c>
      <c r="H13893" s="8">
        <v>1</v>
      </c>
      <c r="I13893" s="8">
        <v>0</v>
      </c>
      <c r="J13893" s="8">
        <v>1</v>
      </c>
      <c r="K13893" s="9">
        <v>24</v>
      </c>
      <c r="L13893" s="6" t="s">
        <v>51</v>
      </c>
    </row>
    <row r="13894" spans="1:12">
      <c r="A13894" s="6" t="s">
        <v>49</v>
      </c>
      <c r="B13894" s="6"/>
      <c r="C13894" s="6" t="s">
        <v>13918</v>
      </c>
      <c r="D13894" s="6"/>
      <c r="E13894" s="6" t="s">
        <v>9</v>
      </c>
      <c r="F13894" s="7">
        <v>38657</v>
      </c>
      <c r="G13894" s="8">
        <v>1</v>
      </c>
      <c r="H13894" s="8">
        <v>1</v>
      </c>
      <c r="I13894" s="8">
        <v>0</v>
      </c>
      <c r="J13894" s="8">
        <v>1</v>
      </c>
      <c r="K13894" s="9">
        <v>64</v>
      </c>
      <c r="L13894" s="6" t="s">
        <v>51</v>
      </c>
    </row>
    <row r="13895" spans="1:12">
      <c r="A13895" s="6" t="s">
        <v>49</v>
      </c>
      <c r="B13895" s="6"/>
      <c r="C13895" s="6" t="s">
        <v>13919</v>
      </c>
      <c r="D13895" s="6"/>
      <c r="E13895" s="6" t="s">
        <v>9</v>
      </c>
      <c r="F13895" s="7">
        <v>38657</v>
      </c>
      <c r="G13895" s="8">
        <v>1</v>
      </c>
      <c r="H13895" s="8">
        <v>1</v>
      </c>
      <c r="I13895" s="8">
        <v>0</v>
      </c>
      <c r="J13895" s="8">
        <v>1</v>
      </c>
      <c r="K13895" s="9">
        <v>14</v>
      </c>
      <c r="L13895" s="6" t="s">
        <v>51</v>
      </c>
    </row>
    <row r="13896" spans="1:12">
      <c r="A13896" s="6" t="s">
        <v>49</v>
      </c>
      <c r="B13896" s="6"/>
      <c r="C13896" s="6" t="s">
        <v>13920</v>
      </c>
      <c r="D13896" s="6"/>
      <c r="E13896" s="6" t="s">
        <v>9</v>
      </c>
      <c r="F13896" s="7">
        <v>38657</v>
      </c>
      <c r="G13896" s="8">
        <v>1</v>
      </c>
      <c r="H13896" s="8">
        <v>1</v>
      </c>
      <c r="I13896" s="8">
        <v>0</v>
      </c>
      <c r="J13896" s="8">
        <v>1</v>
      </c>
      <c r="K13896" s="9">
        <v>14</v>
      </c>
      <c r="L13896" s="6" t="s">
        <v>51</v>
      </c>
    </row>
    <row r="13897" spans="1:12">
      <c r="A13897" s="6" t="s">
        <v>49</v>
      </c>
      <c r="B13897" s="6"/>
      <c r="C13897" s="6" t="s">
        <v>13921</v>
      </c>
      <c r="D13897" s="6"/>
      <c r="E13897" s="6" t="s">
        <v>9</v>
      </c>
      <c r="F13897" s="7">
        <v>38657</v>
      </c>
      <c r="G13897" s="8">
        <v>1</v>
      </c>
      <c r="H13897" s="8">
        <v>1</v>
      </c>
      <c r="I13897" s="8">
        <v>0</v>
      </c>
      <c r="J13897" s="8">
        <v>1</v>
      </c>
      <c r="K13897" s="9">
        <v>14</v>
      </c>
      <c r="L13897" s="6" t="s">
        <v>51</v>
      </c>
    </row>
    <row r="13898" spans="1:12">
      <c r="A13898" s="6" t="s">
        <v>49</v>
      </c>
      <c r="B13898" s="6"/>
      <c r="C13898" s="6" t="s">
        <v>13922</v>
      </c>
      <c r="D13898" s="6"/>
      <c r="E13898" s="6" t="s">
        <v>9</v>
      </c>
      <c r="F13898" s="7">
        <v>38657</v>
      </c>
      <c r="G13898" s="8">
        <v>1</v>
      </c>
      <c r="H13898" s="8">
        <v>1</v>
      </c>
      <c r="I13898" s="8">
        <v>0</v>
      </c>
      <c r="J13898" s="8">
        <v>1</v>
      </c>
      <c r="K13898" s="9">
        <v>28</v>
      </c>
      <c r="L13898" s="6" t="s">
        <v>51</v>
      </c>
    </row>
    <row r="13899" spans="1:12">
      <c r="A13899" s="6" t="s">
        <v>49</v>
      </c>
      <c r="B13899" s="6"/>
      <c r="C13899" s="6" t="s">
        <v>13923</v>
      </c>
      <c r="D13899" s="6"/>
      <c r="E13899" s="6" t="s">
        <v>9</v>
      </c>
      <c r="F13899" s="7">
        <v>38657</v>
      </c>
      <c r="G13899" s="8">
        <v>1</v>
      </c>
      <c r="H13899" s="8">
        <v>1</v>
      </c>
      <c r="I13899" s="8">
        <v>0</v>
      </c>
      <c r="J13899" s="8">
        <v>1</v>
      </c>
      <c r="K13899" s="9">
        <v>104</v>
      </c>
      <c r="L13899" s="6" t="s">
        <v>51</v>
      </c>
    </row>
    <row r="13900" spans="1:12">
      <c r="A13900" s="6" t="s">
        <v>49</v>
      </c>
      <c r="B13900" s="6"/>
      <c r="C13900" s="6" t="s">
        <v>13924</v>
      </c>
      <c r="D13900" s="6"/>
      <c r="E13900" s="6" t="s">
        <v>9</v>
      </c>
      <c r="F13900" s="7">
        <v>38657</v>
      </c>
      <c r="G13900" s="8">
        <v>1</v>
      </c>
      <c r="H13900" s="8">
        <v>1</v>
      </c>
      <c r="I13900" s="8">
        <v>0</v>
      </c>
      <c r="J13900" s="8">
        <v>1</v>
      </c>
      <c r="K13900" s="9">
        <v>17</v>
      </c>
      <c r="L13900" s="6" t="s">
        <v>51</v>
      </c>
    </row>
    <row r="13901" spans="1:12">
      <c r="A13901" s="6" t="s">
        <v>49</v>
      </c>
      <c r="B13901" s="6"/>
      <c r="C13901" s="6" t="s">
        <v>13925</v>
      </c>
      <c r="D13901" s="6"/>
      <c r="E13901" s="6" t="s">
        <v>9</v>
      </c>
      <c r="F13901" s="7">
        <v>38657</v>
      </c>
      <c r="G13901" s="8">
        <v>1</v>
      </c>
      <c r="H13901" s="8">
        <v>1</v>
      </c>
      <c r="I13901" s="8">
        <v>0</v>
      </c>
      <c r="J13901" s="8">
        <v>1</v>
      </c>
      <c r="K13901" s="9">
        <v>32</v>
      </c>
      <c r="L13901" s="6" t="s">
        <v>51</v>
      </c>
    </row>
    <row r="13902" spans="1:12">
      <c r="A13902" s="6" t="s">
        <v>49</v>
      </c>
      <c r="B13902" s="6"/>
      <c r="C13902" s="6" t="s">
        <v>13926</v>
      </c>
      <c r="D13902" s="6"/>
      <c r="E13902" s="6" t="s">
        <v>9</v>
      </c>
      <c r="F13902" s="7">
        <v>38657</v>
      </c>
      <c r="G13902" s="8">
        <v>1</v>
      </c>
      <c r="H13902" s="8">
        <v>1</v>
      </c>
      <c r="I13902" s="8">
        <v>0</v>
      </c>
      <c r="J13902" s="8">
        <v>1</v>
      </c>
      <c r="K13902" s="9">
        <v>37</v>
      </c>
      <c r="L13902" s="6" t="s">
        <v>51</v>
      </c>
    </row>
    <row r="13903" spans="1:12">
      <c r="A13903" s="6" t="s">
        <v>49</v>
      </c>
      <c r="B13903" s="6"/>
      <c r="C13903" s="6" t="s">
        <v>13927</v>
      </c>
      <c r="D13903" s="6"/>
      <c r="E13903" s="6" t="s">
        <v>9</v>
      </c>
      <c r="F13903" s="7">
        <v>38657</v>
      </c>
      <c r="G13903" s="8">
        <v>1</v>
      </c>
      <c r="H13903" s="8">
        <v>1</v>
      </c>
      <c r="I13903" s="8">
        <v>0</v>
      </c>
      <c r="J13903" s="8">
        <v>1</v>
      </c>
      <c r="K13903" s="9">
        <v>29</v>
      </c>
      <c r="L13903" s="6" t="s">
        <v>51</v>
      </c>
    </row>
    <row r="13904" spans="1:12">
      <c r="A13904" s="6" t="s">
        <v>49</v>
      </c>
      <c r="B13904" s="6"/>
      <c r="C13904" s="6" t="s">
        <v>13928</v>
      </c>
      <c r="D13904" s="6"/>
      <c r="E13904" s="6" t="s">
        <v>9</v>
      </c>
      <c r="F13904" s="7">
        <v>38657</v>
      </c>
      <c r="G13904" s="8">
        <v>1</v>
      </c>
      <c r="H13904" s="8">
        <v>1</v>
      </c>
      <c r="I13904" s="8">
        <v>0</v>
      </c>
      <c r="J13904" s="8">
        <v>1</v>
      </c>
      <c r="K13904" s="9">
        <v>56</v>
      </c>
      <c r="L13904" s="6" t="s">
        <v>51</v>
      </c>
    </row>
    <row r="13905" spans="1:12">
      <c r="A13905" s="6" t="s">
        <v>49</v>
      </c>
      <c r="B13905" s="6"/>
      <c r="C13905" s="6" t="s">
        <v>13929</v>
      </c>
      <c r="D13905" s="6"/>
      <c r="E13905" s="6" t="s">
        <v>9</v>
      </c>
      <c r="F13905" s="7">
        <v>38657</v>
      </c>
      <c r="G13905" s="8">
        <v>1</v>
      </c>
      <c r="H13905" s="8">
        <v>1</v>
      </c>
      <c r="I13905" s="8">
        <v>0</v>
      </c>
      <c r="J13905" s="8">
        <v>1</v>
      </c>
      <c r="K13905" s="9">
        <v>26</v>
      </c>
      <c r="L13905" s="6" t="s">
        <v>51</v>
      </c>
    </row>
    <row r="13906" spans="1:12">
      <c r="A13906" s="6" t="s">
        <v>49</v>
      </c>
      <c r="B13906" s="6"/>
      <c r="C13906" s="6" t="s">
        <v>13930</v>
      </c>
      <c r="D13906" s="6"/>
      <c r="E13906" s="6" t="s">
        <v>9</v>
      </c>
      <c r="F13906" s="7">
        <v>38657</v>
      </c>
      <c r="G13906" s="8">
        <v>1</v>
      </c>
      <c r="H13906" s="8">
        <v>1</v>
      </c>
      <c r="I13906" s="8">
        <v>0</v>
      </c>
      <c r="J13906" s="8">
        <v>1</v>
      </c>
      <c r="K13906" s="9">
        <v>33</v>
      </c>
      <c r="L13906" s="6" t="s">
        <v>51</v>
      </c>
    </row>
    <row r="13907" spans="1:12">
      <c r="A13907" s="6" t="s">
        <v>49</v>
      </c>
      <c r="B13907" s="6"/>
      <c r="C13907" s="6" t="s">
        <v>13931</v>
      </c>
      <c r="D13907" s="6"/>
      <c r="E13907" s="6" t="s">
        <v>9</v>
      </c>
      <c r="F13907" s="7">
        <v>38657</v>
      </c>
      <c r="G13907" s="8">
        <v>1</v>
      </c>
      <c r="H13907" s="8">
        <v>1</v>
      </c>
      <c r="I13907" s="8">
        <v>0</v>
      </c>
      <c r="J13907" s="8">
        <v>1</v>
      </c>
      <c r="K13907" s="9">
        <v>20</v>
      </c>
      <c r="L13907" s="6" t="s">
        <v>51</v>
      </c>
    </row>
    <row r="13908" spans="1:12">
      <c r="A13908" s="6" t="s">
        <v>49</v>
      </c>
      <c r="B13908" s="6"/>
      <c r="C13908" s="6" t="s">
        <v>13932</v>
      </c>
      <c r="D13908" s="6"/>
      <c r="E13908" s="6" t="s">
        <v>9</v>
      </c>
      <c r="F13908" s="7">
        <v>38657</v>
      </c>
      <c r="G13908" s="8">
        <v>1</v>
      </c>
      <c r="H13908" s="8">
        <v>1</v>
      </c>
      <c r="I13908" s="8">
        <v>0</v>
      </c>
      <c r="J13908" s="8">
        <v>1</v>
      </c>
      <c r="K13908" s="9">
        <v>28</v>
      </c>
      <c r="L13908" s="6" t="s">
        <v>51</v>
      </c>
    </row>
    <row r="13909" spans="1:12">
      <c r="A13909" s="6" t="s">
        <v>49</v>
      </c>
      <c r="B13909" s="6"/>
      <c r="C13909" s="6" t="s">
        <v>13933</v>
      </c>
      <c r="D13909" s="6"/>
      <c r="E13909" s="6" t="s">
        <v>9</v>
      </c>
      <c r="F13909" s="7">
        <v>38657</v>
      </c>
      <c r="G13909" s="8">
        <v>1</v>
      </c>
      <c r="H13909" s="8">
        <v>1</v>
      </c>
      <c r="I13909" s="8">
        <v>0</v>
      </c>
      <c r="J13909" s="8">
        <v>1</v>
      </c>
      <c r="K13909" s="9">
        <v>42</v>
      </c>
      <c r="L13909" s="6" t="s">
        <v>51</v>
      </c>
    </row>
    <row r="13910" spans="1:12">
      <c r="A13910" s="6" t="s">
        <v>49</v>
      </c>
      <c r="B13910" s="6"/>
      <c r="C13910" s="6" t="s">
        <v>13934</v>
      </c>
      <c r="D13910" s="6"/>
      <c r="E13910" s="6" t="s">
        <v>9</v>
      </c>
      <c r="F13910" s="7">
        <v>38657</v>
      </c>
      <c r="G13910" s="8">
        <v>1</v>
      </c>
      <c r="H13910" s="8">
        <v>1</v>
      </c>
      <c r="I13910" s="8">
        <v>0</v>
      </c>
      <c r="J13910" s="8">
        <v>1</v>
      </c>
      <c r="K13910" s="9">
        <v>24</v>
      </c>
      <c r="L13910" s="6" t="s">
        <v>51</v>
      </c>
    </row>
    <row r="13911" spans="1:12">
      <c r="A13911" s="6" t="s">
        <v>49</v>
      </c>
      <c r="B13911" s="6"/>
      <c r="C13911" s="6" t="s">
        <v>13935</v>
      </c>
      <c r="D13911" s="6"/>
      <c r="E13911" s="6" t="s">
        <v>9</v>
      </c>
      <c r="F13911" s="7">
        <v>38657</v>
      </c>
      <c r="G13911" s="8">
        <v>1</v>
      </c>
      <c r="H13911" s="8">
        <v>1</v>
      </c>
      <c r="I13911" s="8">
        <v>0</v>
      </c>
      <c r="J13911" s="8">
        <v>1</v>
      </c>
      <c r="K13911" s="9">
        <v>11</v>
      </c>
      <c r="L13911" s="6" t="s">
        <v>51</v>
      </c>
    </row>
    <row r="13912" spans="1:12">
      <c r="A13912" s="6" t="s">
        <v>49</v>
      </c>
      <c r="B13912" s="6"/>
      <c r="C13912" s="6" t="s">
        <v>13936</v>
      </c>
      <c r="D13912" s="6"/>
      <c r="E13912" s="6" t="s">
        <v>9</v>
      </c>
      <c r="F13912" s="7">
        <v>38657</v>
      </c>
      <c r="G13912" s="8">
        <v>1</v>
      </c>
      <c r="H13912" s="8">
        <v>1</v>
      </c>
      <c r="I13912" s="8">
        <v>0</v>
      </c>
      <c r="J13912" s="8">
        <v>1</v>
      </c>
      <c r="K13912" s="9">
        <v>16</v>
      </c>
      <c r="L13912" s="6" t="s">
        <v>51</v>
      </c>
    </row>
    <row r="13913" spans="1:12">
      <c r="A13913" s="6" t="s">
        <v>49</v>
      </c>
      <c r="B13913" s="6"/>
      <c r="C13913" s="6" t="s">
        <v>13937</v>
      </c>
      <c r="D13913" s="6"/>
      <c r="E13913" s="6" t="s">
        <v>9</v>
      </c>
      <c r="F13913" s="7">
        <v>38657</v>
      </c>
      <c r="G13913" s="8">
        <v>1</v>
      </c>
      <c r="H13913" s="8">
        <v>1</v>
      </c>
      <c r="I13913" s="8">
        <v>0</v>
      </c>
      <c r="J13913" s="8">
        <v>1</v>
      </c>
      <c r="K13913" s="9">
        <v>21</v>
      </c>
      <c r="L13913" s="6" t="s">
        <v>51</v>
      </c>
    </row>
    <row r="13914" spans="1:12">
      <c r="A13914" s="6" t="s">
        <v>49</v>
      </c>
      <c r="B13914" s="6"/>
      <c r="C13914" s="6" t="s">
        <v>13938</v>
      </c>
      <c r="D13914" s="6"/>
      <c r="E13914" s="6" t="s">
        <v>9</v>
      </c>
      <c r="F13914" s="7">
        <v>38657</v>
      </c>
      <c r="G13914" s="8">
        <v>1</v>
      </c>
      <c r="H13914" s="8">
        <v>1</v>
      </c>
      <c r="I13914" s="8">
        <v>0</v>
      </c>
      <c r="J13914" s="8">
        <v>1</v>
      </c>
      <c r="K13914" s="9">
        <v>14</v>
      </c>
      <c r="L13914" s="6" t="s">
        <v>51</v>
      </c>
    </row>
    <row r="13915" spans="1:12">
      <c r="A13915" s="6" t="s">
        <v>49</v>
      </c>
      <c r="B13915" s="6"/>
      <c r="C13915" s="6" t="s">
        <v>13939</v>
      </c>
      <c r="D13915" s="6"/>
      <c r="E13915" s="6" t="s">
        <v>9</v>
      </c>
      <c r="F13915" s="7">
        <v>38657</v>
      </c>
      <c r="G13915" s="8">
        <v>1</v>
      </c>
      <c r="H13915" s="8">
        <v>1</v>
      </c>
      <c r="I13915" s="8">
        <v>0</v>
      </c>
      <c r="J13915" s="8">
        <v>1</v>
      </c>
      <c r="K13915" s="9">
        <v>36</v>
      </c>
      <c r="L13915" s="6" t="s">
        <v>51</v>
      </c>
    </row>
    <row r="13916" spans="1:12">
      <c r="A13916" s="6" t="s">
        <v>49</v>
      </c>
      <c r="B13916" s="6"/>
      <c r="C13916" s="6" t="s">
        <v>13940</v>
      </c>
      <c r="D13916" s="6"/>
      <c r="E13916" s="6" t="s">
        <v>9</v>
      </c>
      <c r="F13916" s="7">
        <v>38657</v>
      </c>
      <c r="G13916" s="8">
        <v>1</v>
      </c>
      <c r="H13916" s="8">
        <v>1</v>
      </c>
      <c r="I13916" s="8">
        <v>0</v>
      </c>
      <c r="J13916" s="8">
        <v>1</v>
      </c>
      <c r="K13916" s="9">
        <v>15</v>
      </c>
      <c r="L13916" s="6" t="s">
        <v>51</v>
      </c>
    </row>
    <row r="13917" spans="1:12">
      <c r="A13917" s="6" t="s">
        <v>49</v>
      </c>
      <c r="B13917" s="6"/>
      <c r="C13917" s="6" t="s">
        <v>13941</v>
      </c>
      <c r="D13917" s="6"/>
      <c r="E13917" s="6" t="s">
        <v>9</v>
      </c>
      <c r="F13917" s="7"/>
      <c r="G13917" s="8">
        <v>1</v>
      </c>
      <c r="H13917" s="8">
        <v>1</v>
      </c>
      <c r="I13917" s="8">
        <v>0</v>
      </c>
      <c r="J13917" s="8">
        <v>1</v>
      </c>
      <c r="K13917" s="9">
        <v>22</v>
      </c>
      <c r="L13917" s="6" t="s">
        <v>51</v>
      </c>
    </row>
    <row r="13918" spans="1:12">
      <c r="A13918" s="6" t="s">
        <v>49</v>
      </c>
      <c r="B13918" s="6"/>
      <c r="C13918" s="6" t="s">
        <v>13942</v>
      </c>
      <c r="D13918" s="6"/>
      <c r="E13918" s="6" t="s">
        <v>9</v>
      </c>
      <c r="F13918" s="7">
        <v>38657</v>
      </c>
      <c r="G13918" s="8">
        <v>1</v>
      </c>
      <c r="H13918" s="8">
        <v>1</v>
      </c>
      <c r="I13918" s="8">
        <v>0</v>
      </c>
      <c r="J13918" s="8">
        <v>1</v>
      </c>
      <c r="K13918" s="9">
        <v>34</v>
      </c>
      <c r="L13918" s="6" t="s">
        <v>51</v>
      </c>
    </row>
    <row r="13919" spans="1:12">
      <c r="A13919" s="6" t="s">
        <v>49</v>
      </c>
      <c r="B13919" s="6"/>
      <c r="C13919" s="6" t="s">
        <v>13943</v>
      </c>
      <c r="D13919" s="6"/>
      <c r="E13919" s="6" t="s">
        <v>9</v>
      </c>
      <c r="F13919" s="7">
        <v>38657</v>
      </c>
      <c r="G13919" s="8">
        <v>1</v>
      </c>
      <c r="H13919" s="8">
        <v>1</v>
      </c>
      <c r="I13919" s="8">
        <v>0</v>
      </c>
      <c r="J13919" s="8">
        <v>1</v>
      </c>
      <c r="K13919" s="9">
        <v>38</v>
      </c>
      <c r="L13919" s="6" t="s">
        <v>51</v>
      </c>
    </row>
    <row r="13920" spans="1:12">
      <c r="A13920" s="6" t="s">
        <v>49</v>
      </c>
      <c r="B13920" s="6"/>
      <c r="C13920" s="6" t="s">
        <v>13944</v>
      </c>
      <c r="D13920" s="6"/>
      <c r="E13920" s="6" t="s">
        <v>9</v>
      </c>
      <c r="F13920" s="7">
        <v>38657</v>
      </c>
      <c r="G13920" s="8">
        <v>1</v>
      </c>
      <c r="H13920" s="8">
        <v>1</v>
      </c>
      <c r="I13920" s="8">
        <v>0</v>
      </c>
      <c r="J13920" s="8">
        <v>1</v>
      </c>
      <c r="K13920" s="9">
        <v>39</v>
      </c>
      <c r="L13920" s="6" t="s">
        <v>51</v>
      </c>
    </row>
    <row r="13921" spans="1:12">
      <c r="A13921" s="6" t="s">
        <v>49</v>
      </c>
      <c r="B13921" s="6"/>
      <c r="C13921" s="6" t="s">
        <v>13945</v>
      </c>
      <c r="D13921" s="6"/>
      <c r="E13921" s="6" t="s">
        <v>9</v>
      </c>
      <c r="F13921" s="7">
        <v>38657</v>
      </c>
      <c r="G13921" s="8">
        <v>1</v>
      </c>
      <c r="H13921" s="8">
        <v>1</v>
      </c>
      <c r="I13921" s="8">
        <v>0</v>
      </c>
      <c r="J13921" s="8">
        <v>1</v>
      </c>
      <c r="K13921" s="9">
        <v>39</v>
      </c>
      <c r="L13921" s="6" t="s">
        <v>51</v>
      </c>
    </row>
    <row r="13922" spans="1:12">
      <c r="A13922" s="6" t="s">
        <v>49</v>
      </c>
      <c r="B13922" s="6"/>
      <c r="C13922" s="6" t="s">
        <v>13946</v>
      </c>
      <c r="D13922" s="6"/>
      <c r="E13922" s="6" t="s">
        <v>9</v>
      </c>
      <c r="F13922" s="7">
        <v>38657</v>
      </c>
      <c r="G13922" s="8">
        <v>1</v>
      </c>
      <c r="H13922" s="8">
        <v>1</v>
      </c>
      <c r="I13922" s="8">
        <v>0</v>
      </c>
      <c r="J13922" s="8">
        <v>1</v>
      </c>
      <c r="K13922" s="9">
        <v>48</v>
      </c>
      <c r="L13922" s="6" t="s">
        <v>51</v>
      </c>
    </row>
    <row r="13923" spans="1:12">
      <c r="A13923" s="6" t="s">
        <v>49</v>
      </c>
      <c r="B13923" s="6"/>
      <c r="C13923" s="6" t="s">
        <v>13947</v>
      </c>
      <c r="D13923" s="6"/>
      <c r="E13923" s="6" t="s">
        <v>9</v>
      </c>
      <c r="F13923" s="7">
        <v>38657</v>
      </c>
      <c r="G13923" s="8">
        <v>1</v>
      </c>
      <c r="H13923" s="8">
        <v>1</v>
      </c>
      <c r="I13923" s="8">
        <v>0</v>
      </c>
      <c r="J13923" s="8">
        <v>1</v>
      </c>
      <c r="K13923" s="9">
        <v>24</v>
      </c>
      <c r="L13923" s="6" t="s">
        <v>51</v>
      </c>
    </row>
    <row r="13924" spans="1:12">
      <c r="A13924" s="6" t="s">
        <v>49</v>
      </c>
      <c r="B13924" s="6"/>
      <c r="C13924" s="6" t="s">
        <v>13948</v>
      </c>
      <c r="D13924" s="6"/>
      <c r="E13924" s="6" t="s">
        <v>9</v>
      </c>
      <c r="F13924" s="7">
        <v>38657</v>
      </c>
      <c r="G13924" s="8">
        <v>1</v>
      </c>
      <c r="H13924" s="8">
        <v>1</v>
      </c>
      <c r="I13924" s="8">
        <v>0</v>
      </c>
      <c r="J13924" s="8">
        <v>1</v>
      </c>
      <c r="K13924" s="9">
        <v>32</v>
      </c>
      <c r="L13924" s="6" t="s">
        <v>51</v>
      </c>
    </row>
    <row r="13925" spans="1:12">
      <c r="A13925" s="6" t="s">
        <v>49</v>
      </c>
      <c r="B13925" s="6"/>
      <c r="C13925" s="6" t="s">
        <v>13949</v>
      </c>
      <c r="D13925" s="6"/>
      <c r="E13925" s="6" t="s">
        <v>9</v>
      </c>
      <c r="F13925" s="7">
        <v>38657</v>
      </c>
      <c r="G13925" s="8">
        <v>1</v>
      </c>
      <c r="H13925" s="8">
        <v>1</v>
      </c>
      <c r="I13925" s="8">
        <v>0</v>
      </c>
      <c r="J13925" s="8">
        <v>1</v>
      </c>
      <c r="K13925" s="9">
        <v>39</v>
      </c>
      <c r="L13925" s="6" t="s">
        <v>51</v>
      </c>
    </row>
    <row r="13926" spans="1:12">
      <c r="A13926" s="6" t="s">
        <v>49</v>
      </c>
      <c r="B13926" s="6"/>
      <c r="C13926" s="6" t="s">
        <v>13950</v>
      </c>
      <c r="D13926" s="6"/>
      <c r="E13926" s="6" t="s">
        <v>9</v>
      </c>
      <c r="F13926" s="7">
        <v>38657</v>
      </c>
      <c r="G13926" s="8">
        <v>1</v>
      </c>
      <c r="H13926" s="8">
        <v>1</v>
      </c>
      <c r="I13926" s="8">
        <v>0</v>
      </c>
      <c r="J13926" s="8">
        <v>1</v>
      </c>
      <c r="K13926" s="9">
        <v>39</v>
      </c>
      <c r="L13926" s="6" t="s">
        <v>51</v>
      </c>
    </row>
    <row r="13927" spans="1:12">
      <c r="A13927" s="6" t="s">
        <v>49</v>
      </c>
      <c r="B13927" s="6"/>
      <c r="C13927" s="6" t="s">
        <v>13951</v>
      </c>
      <c r="D13927" s="6"/>
      <c r="E13927" s="6" t="s">
        <v>9</v>
      </c>
      <c r="F13927" s="7">
        <v>38657</v>
      </c>
      <c r="G13927" s="8">
        <v>1</v>
      </c>
      <c r="H13927" s="8">
        <v>1</v>
      </c>
      <c r="I13927" s="8">
        <v>0</v>
      </c>
      <c r="J13927" s="8">
        <v>1</v>
      </c>
      <c r="K13927" s="9">
        <v>42</v>
      </c>
      <c r="L13927" s="6" t="s">
        <v>51</v>
      </c>
    </row>
    <row r="13928" spans="1:12">
      <c r="A13928" s="6" t="s">
        <v>49</v>
      </c>
      <c r="B13928" s="6"/>
      <c r="C13928" s="6" t="s">
        <v>13952</v>
      </c>
      <c r="D13928" s="6"/>
      <c r="E13928" s="6" t="s">
        <v>9</v>
      </c>
      <c r="F13928" s="7">
        <v>38657</v>
      </c>
      <c r="G13928" s="8">
        <v>1</v>
      </c>
      <c r="H13928" s="8">
        <v>1</v>
      </c>
      <c r="I13928" s="8">
        <v>0</v>
      </c>
      <c r="J13928" s="8">
        <v>1</v>
      </c>
      <c r="K13928" s="9">
        <v>114.55</v>
      </c>
      <c r="L13928" s="6" t="s">
        <v>51</v>
      </c>
    </row>
    <row r="13929" spans="1:12">
      <c r="A13929" s="6" t="s">
        <v>49</v>
      </c>
      <c r="B13929" s="6"/>
      <c r="C13929" s="6" t="s">
        <v>13953</v>
      </c>
      <c r="D13929" s="6"/>
      <c r="E13929" s="6" t="s">
        <v>9</v>
      </c>
      <c r="F13929" s="7">
        <v>38657</v>
      </c>
      <c r="G13929" s="8">
        <v>1</v>
      </c>
      <c r="H13929" s="8">
        <v>1</v>
      </c>
      <c r="I13929" s="8">
        <v>0</v>
      </c>
      <c r="J13929" s="8">
        <v>1</v>
      </c>
      <c r="K13929" s="9">
        <v>62</v>
      </c>
      <c r="L13929" s="6" t="s">
        <v>51</v>
      </c>
    </row>
    <row r="13930" spans="1:12">
      <c r="A13930" s="6" t="s">
        <v>49</v>
      </c>
      <c r="B13930" s="6"/>
      <c r="C13930" s="6" t="s">
        <v>13954</v>
      </c>
      <c r="D13930" s="6"/>
      <c r="E13930" s="6" t="s">
        <v>9</v>
      </c>
      <c r="F13930" s="7">
        <v>38657</v>
      </c>
      <c r="G13930" s="8">
        <v>1</v>
      </c>
      <c r="H13930" s="8">
        <v>1</v>
      </c>
      <c r="I13930" s="8">
        <v>0</v>
      </c>
      <c r="J13930" s="8">
        <v>1</v>
      </c>
      <c r="K13930" s="9">
        <v>57</v>
      </c>
      <c r="L13930" s="6" t="s">
        <v>51</v>
      </c>
    </row>
    <row r="13931" spans="1:12">
      <c r="A13931" s="6" t="s">
        <v>49</v>
      </c>
      <c r="B13931" s="6"/>
      <c r="C13931" s="6" t="s">
        <v>13955</v>
      </c>
      <c r="D13931" s="6"/>
      <c r="E13931" s="6" t="s">
        <v>9</v>
      </c>
      <c r="F13931" s="7">
        <v>38657</v>
      </c>
      <c r="G13931" s="8">
        <v>1</v>
      </c>
      <c r="H13931" s="8">
        <v>1</v>
      </c>
      <c r="I13931" s="8">
        <v>0</v>
      </c>
      <c r="J13931" s="8">
        <v>1</v>
      </c>
      <c r="K13931" s="9">
        <v>7.33</v>
      </c>
      <c r="L13931" s="6" t="s">
        <v>51</v>
      </c>
    </row>
    <row r="13932" spans="1:12">
      <c r="A13932" s="6" t="s">
        <v>49</v>
      </c>
      <c r="B13932" s="6"/>
      <c r="C13932" s="6" t="s">
        <v>13956</v>
      </c>
      <c r="D13932" s="6"/>
      <c r="E13932" s="6" t="s">
        <v>9</v>
      </c>
      <c r="F13932" s="7">
        <v>38657</v>
      </c>
      <c r="G13932" s="8">
        <v>1</v>
      </c>
      <c r="H13932" s="8">
        <v>1</v>
      </c>
      <c r="I13932" s="8">
        <v>0</v>
      </c>
      <c r="J13932" s="8">
        <v>1</v>
      </c>
      <c r="K13932" s="9">
        <v>8.0399999999999903</v>
      </c>
      <c r="L13932" s="6" t="s">
        <v>51</v>
      </c>
    </row>
    <row r="13933" spans="1:12">
      <c r="A13933" s="6" t="s">
        <v>49</v>
      </c>
      <c r="B13933" s="6"/>
      <c r="C13933" s="6" t="s">
        <v>13957</v>
      </c>
      <c r="D13933" s="6"/>
      <c r="E13933" s="6" t="s">
        <v>9</v>
      </c>
      <c r="F13933" s="7">
        <v>38657</v>
      </c>
      <c r="G13933" s="8">
        <v>1</v>
      </c>
      <c r="H13933" s="8">
        <v>1</v>
      </c>
      <c r="I13933" s="8">
        <v>0</v>
      </c>
      <c r="J13933" s="8">
        <v>1</v>
      </c>
      <c r="K13933" s="9">
        <v>16.43</v>
      </c>
      <c r="L13933" s="6" t="s">
        <v>51</v>
      </c>
    </row>
    <row r="13934" spans="1:12">
      <c r="A13934" s="6" t="s">
        <v>49</v>
      </c>
      <c r="B13934" s="6"/>
      <c r="C13934" s="6" t="s">
        <v>13958</v>
      </c>
      <c r="D13934" s="6"/>
      <c r="E13934" s="6" t="s">
        <v>9</v>
      </c>
      <c r="F13934" s="7">
        <v>38657</v>
      </c>
      <c r="G13934" s="8">
        <v>1</v>
      </c>
      <c r="H13934" s="8">
        <v>1</v>
      </c>
      <c r="I13934" s="8">
        <v>0</v>
      </c>
      <c r="J13934" s="8">
        <v>1</v>
      </c>
      <c r="K13934" s="9">
        <v>23.2</v>
      </c>
      <c r="L13934" s="6" t="s">
        <v>51</v>
      </c>
    </row>
    <row r="13935" spans="1:12">
      <c r="A13935" s="6" t="s">
        <v>49</v>
      </c>
      <c r="B13935" s="6"/>
      <c r="C13935" s="6" t="s">
        <v>13959</v>
      </c>
      <c r="D13935" s="6"/>
      <c r="E13935" s="6" t="s">
        <v>9</v>
      </c>
      <c r="F13935" s="7">
        <v>38657</v>
      </c>
      <c r="G13935" s="8">
        <v>1</v>
      </c>
      <c r="H13935" s="8">
        <v>1</v>
      </c>
      <c r="I13935" s="8">
        <v>0</v>
      </c>
      <c r="J13935" s="8">
        <v>1</v>
      </c>
      <c r="K13935" s="9">
        <v>20.69</v>
      </c>
      <c r="L13935" s="6" t="s">
        <v>51</v>
      </c>
    </row>
    <row r="13936" spans="1:12">
      <c r="A13936" s="6" t="s">
        <v>49</v>
      </c>
      <c r="B13936" s="6"/>
      <c r="C13936" s="6" t="s">
        <v>13960</v>
      </c>
      <c r="D13936" s="6"/>
      <c r="E13936" s="6" t="s">
        <v>9</v>
      </c>
      <c r="F13936" s="7">
        <v>38657</v>
      </c>
      <c r="G13936" s="8">
        <v>1</v>
      </c>
      <c r="H13936" s="8">
        <v>1</v>
      </c>
      <c r="I13936" s="8">
        <v>0</v>
      </c>
      <c r="J13936" s="8">
        <v>1</v>
      </c>
      <c r="K13936" s="9">
        <v>36</v>
      </c>
      <c r="L13936" s="6" t="s">
        <v>51</v>
      </c>
    </row>
    <row r="13937" spans="1:12">
      <c r="A13937" s="6" t="s">
        <v>49</v>
      </c>
      <c r="B13937" s="6"/>
      <c r="C13937" s="6" t="s">
        <v>13961</v>
      </c>
      <c r="D13937" s="6"/>
      <c r="E13937" s="6" t="s">
        <v>9</v>
      </c>
      <c r="F13937" s="7">
        <v>38657</v>
      </c>
      <c r="G13937" s="8">
        <v>1</v>
      </c>
      <c r="H13937" s="8">
        <v>1</v>
      </c>
      <c r="I13937" s="8">
        <v>0</v>
      </c>
      <c r="J13937" s="8">
        <v>1</v>
      </c>
      <c r="K13937" s="9">
        <v>27.14</v>
      </c>
      <c r="L13937" s="6" t="s">
        <v>51</v>
      </c>
    </row>
    <row r="13938" spans="1:12">
      <c r="A13938" s="6" t="s">
        <v>49</v>
      </c>
      <c r="B13938" s="6"/>
      <c r="C13938" s="6" t="s">
        <v>13962</v>
      </c>
      <c r="D13938" s="6"/>
      <c r="E13938" s="6" t="s">
        <v>9</v>
      </c>
      <c r="F13938" s="7">
        <v>38657</v>
      </c>
      <c r="G13938" s="8">
        <v>1</v>
      </c>
      <c r="H13938" s="8">
        <v>1</v>
      </c>
      <c r="I13938" s="8">
        <v>0</v>
      </c>
      <c r="J13938" s="8">
        <v>1</v>
      </c>
      <c r="K13938" s="9">
        <v>514.82000000000005</v>
      </c>
      <c r="L13938" s="6" t="s">
        <v>51</v>
      </c>
    </row>
    <row r="13939" spans="1:12">
      <c r="A13939" s="6" t="s">
        <v>49</v>
      </c>
      <c r="B13939" s="6"/>
      <c r="C13939" s="6" t="s">
        <v>13963</v>
      </c>
      <c r="D13939" s="6"/>
      <c r="E13939" s="6" t="s">
        <v>9</v>
      </c>
      <c r="F13939" s="7">
        <v>38657</v>
      </c>
      <c r="G13939" s="8">
        <v>1</v>
      </c>
      <c r="H13939" s="8">
        <v>1</v>
      </c>
      <c r="I13939" s="8">
        <v>0</v>
      </c>
      <c r="J13939" s="8">
        <v>1</v>
      </c>
      <c r="K13939" s="9">
        <v>23</v>
      </c>
      <c r="L13939" s="6" t="s">
        <v>51</v>
      </c>
    </row>
    <row r="13940" spans="1:12">
      <c r="A13940" s="6" t="s">
        <v>49</v>
      </c>
      <c r="B13940" s="6"/>
      <c r="C13940" s="6" t="s">
        <v>13964</v>
      </c>
      <c r="D13940" s="6"/>
      <c r="E13940" s="6" t="s">
        <v>9</v>
      </c>
      <c r="F13940" s="7">
        <v>38657</v>
      </c>
      <c r="G13940" s="8">
        <v>1</v>
      </c>
      <c r="H13940" s="8">
        <v>1</v>
      </c>
      <c r="I13940" s="8">
        <v>0</v>
      </c>
      <c r="J13940" s="8">
        <v>1</v>
      </c>
      <c r="K13940" s="9">
        <v>30</v>
      </c>
      <c r="L13940" s="6" t="s">
        <v>51</v>
      </c>
    </row>
    <row r="13941" spans="1:12">
      <c r="A13941" s="6" t="s">
        <v>49</v>
      </c>
      <c r="B13941" s="6"/>
      <c r="C13941" s="6" t="s">
        <v>13965</v>
      </c>
      <c r="D13941" s="6"/>
      <c r="E13941" s="6" t="s">
        <v>9</v>
      </c>
      <c r="F13941" s="7">
        <v>38657</v>
      </c>
      <c r="G13941" s="8">
        <v>1</v>
      </c>
      <c r="H13941" s="8">
        <v>1</v>
      </c>
      <c r="I13941" s="8">
        <v>0</v>
      </c>
      <c r="J13941" s="8">
        <v>1</v>
      </c>
      <c r="K13941" s="9">
        <v>72</v>
      </c>
      <c r="L13941" s="6" t="s">
        <v>51</v>
      </c>
    </row>
    <row r="13942" spans="1:12">
      <c r="A13942" s="6" t="s">
        <v>49</v>
      </c>
      <c r="B13942" s="6"/>
      <c r="C13942" s="6" t="s">
        <v>13966</v>
      </c>
      <c r="D13942" s="6"/>
      <c r="E13942" s="6" t="s">
        <v>9</v>
      </c>
      <c r="F13942" s="7">
        <v>38657</v>
      </c>
      <c r="G13942" s="8">
        <v>1</v>
      </c>
      <c r="H13942" s="8">
        <v>1</v>
      </c>
      <c r="I13942" s="8">
        <v>0</v>
      </c>
      <c r="J13942" s="8">
        <v>1</v>
      </c>
      <c r="K13942" s="9">
        <v>4.37</v>
      </c>
      <c r="L13942" s="6" t="s">
        <v>51</v>
      </c>
    </row>
    <row r="13943" spans="1:12">
      <c r="A13943" s="6" t="s">
        <v>49</v>
      </c>
      <c r="B13943" s="6"/>
      <c r="C13943" s="6" t="s">
        <v>13967</v>
      </c>
      <c r="D13943" s="6"/>
      <c r="E13943" s="6" t="s">
        <v>9</v>
      </c>
      <c r="F13943" s="7">
        <v>38657</v>
      </c>
      <c r="G13943" s="8">
        <v>1</v>
      </c>
      <c r="H13943" s="8">
        <v>1</v>
      </c>
      <c r="I13943" s="8">
        <v>0</v>
      </c>
      <c r="J13943" s="8">
        <v>1</v>
      </c>
      <c r="K13943" s="9">
        <v>30.92</v>
      </c>
      <c r="L13943" s="6" t="s">
        <v>51</v>
      </c>
    </row>
    <row r="13944" spans="1:12">
      <c r="A13944" s="6" t="s">
        <v>49</v>
      </c>
      <c r="B13944" s="6"/>
      <c r="C13944" s="6" t="s">
        <v>13968</v>
      </c>
      <c r="D13944" s="6"/>
      <c r="E13944" s="6" t="s">
        <v>9</v>
      </c>
      <c r="F13944" s="7">
        <v>38657</v>
      </c>
      <c r="G13944" s="8">
        <v>1</v>
      </c>
      <c r="H13944" s="8">
        <v>1</v>
      </c>
      <c r="I13944" s="8">
        <v>0</v>
      </c>
      <c r="J13944" s="8">
        <v>1</v>
      </c>
      <c r="K13944" s="9">
        <v>18</v>
      </c>
      <c r="L13944" s="6" t="s">
        <v>51</v>
      </c>
    </row>
    <row r="13945" spans="1:12">
      <c r="A13945" s="6" t="s">
        <v>49</v>
      </c>
      <c r="B13945" s="6"/>
      <c r="C13945" s="6" t="s">
        <v>13969</v>
      </c>
      <c r="D13945" s="6"/>
      <c r="E13945" s="6" t="s">
        <v>9</v>
      </c>
      <c r="F13945" s="7">
        <v>38657</v>
      </c>
      <c r="G13945" s="8">
        <v>1</v>
      </c>
      <c r="H13945" s="8">
        <v>1</v>
      </c>
      <c r="I13945" s="8">
        <v>0</v>
      </c>
      <c r="J13945" s="8">
        <v>1</v>
      </c>
      <c r="K13945" s="9">
        <v>8.59</v>
      </c>
      <c r="L13945" s="6" t="s">
        <v>51</v>
      </c>
    </row>
    <row r="13946" spans="1:12">
      <c r="A13946" s="6" t="s">
        <v>49</v>
      </c>
      <c r="B13946" s="6"/>
      <c r="C13946" s="6" t="s">
        <v>13970</v>
      </c>
      <c r="D13946" s="6"/>
      <c r="E13946" s="6" t="s">
        <v>9</v>
      </c>
      <c r="F13946" s="7">
        <v>38657</v>
      </c>
      <c r="G13946" s="8">
        <v>1</v>
      </c>
      <c r="H13946" s="8">
        <v>1</v>
      </c>
      <c r="I13946" s="8">
        <v>0</v>
      </c>
      <c r="J13946" s="8">
        <v>1</v>
      </c>
      <c r="K13946" s="9">
        <v>75.790000000000006</v>
      </c>
      <c r="L13946" s="6" t="s">
        <v>51</v>
      </c>
    </row>
    <row r="13947" spans="1:12">
      <c r="A13947" s="6" t="s">
        <v>49</v>
      </c>
      <c r="B13947" s="6"/>
      <c r="C13947" s="6" t="s">
        <v>13971</v>
      </c>
      <c r="D13947" s="6"/>
      <c r="E13947" s="6" t="s">
        <v>9</v>
      </c>
      <c r="F13947" s="7">
        <v>38657</v>
      </c>
      <c r="G13947" s="8">
        <v>1</v>
      </c>
      <c r="H13947" s="8">
        <v>1</v>
      </c>
      <c r="I13947" s="8">
        <v>0</v>
      </c>
      <c r="J13947" s="8">
        <v>1</v>
      </c>
      <c r="K13947" s="9">
        <v>155</v>
      </c>
      <c r="L13947" s="6" t="s">
        <v>51</v>
      </c>
    </row>
    <row r="13948" spans="1:12">
      <c r="A13948" s="6" t="s">
        <v>49</v>
      </c>
      <c r="B13948" s="6"/>
      <c r="C13948" s="6" t="s">
        <v>13972</v>
      </c>
      <c r="D13948" s="6"/>
      <c r="E13948" s="6" t="s">
        <v>9</v>
      </c>
      <c r="F13948" s="7"/>
      <c r="G13948" s="8">
        <v>1</v>
      </c>
      <c r="H13948" s="8">
        <v>1</v>
      </c>
      <c r="I13948" s="8">
        <v>0</v>
      </c>
      <c r="J13948" s="8">
        <v>1</v>
      </c>
      <c r="K13948" s="9">
        <v>13</v>
      </c>
      <c r="L13948" s="6" t="s">
        <v>51</v>
      </c>
    </row>
    <row r="13949" spans="1:12">
      <c r="A13949" s="6" t="s">
        <v>49</v>
      </c>
      <c r="B13949" s="6"/>
      <c r="C13949" s="6" t="s">
        <v>13973</v>
      </c>
      <c r="D13949" s="6"/>
      <c r="E13949" s="6" t="s">
        <v>9</v>
      </c>
      <c r="F13949" s="7">
        <v>38657</v>
      </c>
      <c r="G13949" s="8">
        <v>1</v>
      </c>
      <c r="H13949" s="8">
        <v>1</v>
      </c>
      <c r="I13949" s="8">
        <v>0</v>
      </c>
      <c r="J13949" s="8">
        <v>1</v>
      </c>
      <c r="K13949" s="9">
        <v>33</v>
      </c>
      <c r="L13949" s="6" t="s">
        <v>51</v>
      </c>
    </row>
    <row r="13950" spans="1:12">
      <c r="A13950" s="6" t="s">
        <v>49</v>
      </c>
      <c r="B13950" s="6"/>
      <c r="C13950" s="6" t="s">
        <v>13974</v>
      </c>
      <c r="D13950" s="6"/>
      <c r="E13950" s="6" t="s">
        <v>9</v>
      </c>
      <c r="F13950" s="7">
        <v>38657</v>
      </c>
      <c r="G13950" s="8">
        <v>1</v>
      </c>
      <c r="H13950" s="8">
        <v>1</v>
      </c>
      <c r="I13950" s="8">
        <v>0</v>
      </c>
      <c r="J13950" s="8">
        <v>1</v>
      </c>
      <c r="K13950" s="9">
        <v>37.49</v>
      </c>
      <c r="L13950" s="6" t="s">
        <v>51</v>
      </c>
    </row>
    <row r="13951" spans="1:12">
      <c r="A13951" s="6" t="s">
        <v>49</v>
      </c>
      <c r="B13951" s="6"/>
      <c r="C13951" s="6" t="s">
        <v>13975</v>
      </c>
      <c r="D13951" s="6"/>
      <c r="E13951" s="6" t="s">
        <v>9</v>
      </c>
      <c r="F13951" s="7">
        <v>38657</v>
      </c>
      <c r="G13951" s="8">
        <v>1</v>
      </c>
      <c r="H13951" s="8">
        <v>1</v>
      </c>
      <c r="I13951" s="8">
        <v>0</v>
      </c>
      <c r="J13951" s="8">
        <v>1</v>
      </c>
      <c r="K13951" s="9">
        <v>32</v>
      </c>
      <c r="L13951" s="6" t="s">
        <v>51</v>
      </c>
    </row>
    <row r="13952" spans="1:12">
      <c r="A13952" s="6" t="s">
        <v>49</v>
      </c>
      <c r="B13952" s="6"/>
      <c r="C13952" s="6" t="s">
        <v>13976</v>
      </c>
      <c r="D13952" s="6"/>
      <c r="E13952" s="6" t="s">
        <v>9</v>
      </c>
      <c r="F13952" s="7">
        <v>38657</v>
      </c>
      <c r="G13952" s="8">
        <v>1</v>
      </c>
      <c r="H13952" s="8">
        <v>1</v>
      </c>
      <c r="I13952" s="8">
        <v>0</v>
      </c>
      <c r="J13952" s="8">
        <v>1</v>
      </c>
      <c r="K13952" s="9">
        <v>18</v>
      </c>
      <c r="L13952" s="6" t="s">
        <v>51</v>
      </c>
    </row>
    <row r="13953" spans="1:12">
      <c r="A13953" s="6" t="s">
        <v>49</v>
      </c>
      <c r="B13953" s="6"/>
      <c r="C13953" s="6" t="s">
        <v>13977</v>
      </c>
      <c r="D13953" s="6"/>
      <c r="E13953" s="6" t="s">
        <v>9</v>
      </c>
      <c r="F13953" s="7">
        <v>38657</v>
      </c>
      <c r="G13953" s="8">
        <v>1</v>
      </c>
      <c r="H13953" s="8">
        <v>1</v>
      </c>
      <c r="I13953" s="8">
        <v>0</v>
      </c>
      <c r="J13953" s="8">
        <v>1</v>
      </c>
      <c r="K13953" s="9">
        <v>11</v>
      </c>
      <c r="L13953" s="6" t="s">
        <v>51</v>
      </c>
    </row>
    <row r="13954" spans="1:12">
      <c r="A13954" s="6" t="s">
        <v>49</v>
      </c>
      <c r="B13954" s="6"/>
      <c r="C13954" s="6" t="s">
        <v>13978</v>
      </c>
      <c r="D13954" s="6"/>
      <c r="E13954" s="6" t="s">
        <v>9</v>
      </c>
      <c r="F13954" s="7">
        <v>38657</v>
      </c>
      <c r="G13954" s="8">
        <v>1</v>
      </c>
      <c r="H13954" s="8">
        <v>1</v>
      </c>
      <c r="I13954" s="8">
        <v>0</v>
      </c>
      <c r="J13954" s="8">
        <v>1</v>
      </c>
      <c r="K13954" s="9">
        <v>42</v>
      </c>
      <c r="L13954" s="6" t="s">
        <v>51</v>
      </c>
    </row>
    <row r="13955" spans="1:12">
      <c r="A13955" s="6" t="s">
        <v>49</v>
      </c>
      <c r="B13955" s="6"/>
      <c r="C13955" s="6" t="s">
        <v>13979</v>
      </c>
      <c r="D13955" s="6"/>
      <c r="E13955" s="6" t="s">
        <v>9</v>
      </c>
      <c r="F13955" s="7">
        <v>38657</v>
      </c>
      <c r="G13955" s="8">
        <v>1</v>
      </c>
      <c r="H13955" s="8">
        <v>1</v>
      </c>
      <c r="I13955" s="8">
        <v>0</v>
      </c>
      <c r="J13955" s="8">
        <v>1</v>
      </c>
      <c r="K13955" s="9">
        <v>95</v>
      </c>
      <c r="L13955" s="6" t="s">
        <v>51</v>
      </c>
    </row>
    <row r="13956" spans="1:12">
      <c r="A13956" s="6" t="s">
        <v>49</v>
      </c>
      <c r="B13956" s="6"/>
      <c r="C13956" s="6" t="s">
        <v>13980</v>
      </c>
      <c r="D13956" s="6"/>
      <c r="E13956" s="6" t="s">
        <v>9</v>
      </c>
      <c r="F13956" s="7">
        <v>38657</v>
      </c>
      <c r="G13956" s="8">
        <v>1</v>
      </c>
      <c r="H13956" s="8">
        <v>1</v>
      </c>
      <c r="I13956" s="8">
        <v>0</v>
      </c>
      <c r="J13956" s="8">
        <v>1</v>
      </c>
      <c r="K13956" s="9">
        <v>4.25</v>
      </c>
      <c r="L13956" s="6" t="s">
        <v>51</v>
      </c>
    </row>
    <row r="13957" spans="1:12">
      <c r="A13957" s="6" t="s">
        <v>49</v>
      </c>
      <c r="B13957" s="6"/>
      <c r="C13957" s="6" t="s">
        <v>13981</v>
      </c>
      <c r="D13957" s="6"/>
      <c r="E13957" s="6" t="s">
        <v>9</v>
      </c>
      <c r="F13957" s="7">
        <v>38657</v>
      </c>
      <c r="G13957" s="8">
        <v>1</v>
      </c>
      <c r="H13957" s="8">
        <v>1</v>
      </c>
      <c r="I13957" s="8">
        <v>0</v>
      </c>
      <c r="J13957" s="8">
        <v>1</v>
      </c>
      <c r="K13957" s="9">
        <v>96</v>
      </c>
      <c r="L13957" s="6" t="s">
        <v>51</v>
      </c>
    </row>
    <row r="13958" spans="1:12">
      <c r="A13958" s="6" t="s">
        <v>49</v>
      </c>
      <c r="B13958" s="6"/>
      <c r="C13958" s="6" t="s">
        <v>13982</v>
      </c>
      <c r="D13958" s="6"/>
      <c r="E13958" s="6" t="s">
        <v>9</v>
      </c>
      <c r="F13958" s="7">
        <v>38657</v>
      </c>
      <c r="G13958" s="8">
        <v>1</v>
      </c>
      <c r="H13958" s="8">
        <v>1</v>
      </c>
      <c r="I13958" s="8">
        <v>0</v>
      </c>
      <c r="J13958" s="8">
        <v>1</v>
      </c>
      <c r="K13958" s="9">
        <v>181</v>
      </c>
      <c r="L13958" s="6" t="s">
        <v>51</v>
      </c>
    </row>
    <row r="13959" spans="1:12">
      <c r="A13959" s="6" t="s">
        <v>49</v>
      </c>
      <c r="B13959" s="6"/>
      <c r="C13959" s="6" t="s">
        <v>13983</v>
      </c>
      <c r="D13959" s="6"/>
      <c r="E13959" s="6" t="s">
        <v>9</v>
      </c>
      <c r="F13959" s="7">
        <v>38657</v>
      </c>
      <c r="G13959" s="8">
        <v>1</v>
      </c>
      <c r="H13959" s="8">
        <v>1</v>
      </c>
      <c r="I13959" s="8">
        <v>0</v>
      </c>
      <c r="J13959" s="8">
        <v>1</v>
      </c>
      <c r="K13959" s="9">
        <v>161</v>
      </c>
      <c r="L13959" s="6" t="s">
        <v>51</v>
      </c>
    </row>
    <row r="13960" spans="1:12">
      <c r="A13960" s="6" t="s">
        <v>49</v>
      </c>
      <c r="B13960" s="6"/>
      <c r="C13960" s="6" t="s">
        <v>13984</v>
      </c>
      <c r="D13960" s="6"/>
      <c r="E13960" s="6" t="s">
        <v>9</v>
      </c>
      <c r="F13960" s="7">
        <v>38657</v>
      </c>
      <c r="G13960" s="8">
        <v>1</v>
      </c>
      <c r="H13960" s="8">
        <v>1</v>
      </c>
      <c r="I13960" s="8">
        <v>0</v>
      </c>
      <c r="J13960" s="8">
        <v>1</v>
      </c>
      <c r="K13960" s="9">
        <v>171</v>
      </c>
      <c r="L13960" s="6" t="s">
        <v>51</v>
      </c>
    </row>
    <row r="13961" spans="1:12">
      <c r="A13961" s="6" t="s">
        <v>49</v>
      </c>
      <c r="B13961" s="6"/>
      <c r="C13961" s="6" t="s">
        <v>13985</v>
      </c>
      <c r="D13961" s="6"/>
      <c r="E13961" s="6" t="s">
        <v>9</v>
      </c>
      <c r="F13961" s="7">
        <v>38657</v>
      </c>
      <c r="G13961" s="8">
        <v>1</v>
      </c>
      <c r="H13961" s="8">
        <v>1</v>
      </c>
      <c r="I13961" s="8">
        <v>0</v>
      </c>
      <c r="J13961" s="8">
        <v>1</v>
      </c>
      <c r="K13961" s="9">
        <v>147</v>
      </c>
      <c r="L13961" s="6" t="s">
        <v>51</v>
      </c>
    </row>
    <row r="13962" spans="1:12">
      <c r="A13962" s="6" t="s">
        <v>49</v>
      </c>
      <c r="B13962" s="6"/>
      <c r="C13962" s="6" t="s">
        <v>13986</v>
      </c>
      <c r="D13962" s="6"/>
      <c r="E13962" s="6" t="s">
        <v>9</v>
      </c>
      <c r="F13962" s="7">
        <v>38657</v>
      </c>
      <c r="G13962" s="8">
        <v>1</v>
      </c>
      <c r="H13962" s="8">
        <v>1</v>
      </c>
      <c r="I13962" s="8">
        <v>0</v>
      </c>
      <c r="J13962" s="8">
        <v>1</v>
      </c>
      <c r="K13962" s="9">
        <v>1.45</v>
      </c>
      <c r="L13962" s="6" t="s">
        <v>51</v>
      </c>
    </row>
    <row r="13963" spans="1:12">
      <c r="A13963" s="6" t="s">
        <v>49</v>
      </c>
      <c r="B13963" s="6"/>
      <c r="C13963" s="6" t="s">
        <v>13987</v>
      </c>
      <c r="D13963" s="6"/>
      <c r="E13963" s="6" t="s">
        <v>9</v>
      </c>
      <c r="F13963" s="7">
        <v>38657</v>
      </c>
      <c r="G13963" s="8">
        <v>1</v>
      </c>
      <c r="H13963" s="8">
        <v>1</v>
      </c>
      <c r="I13963" s="8">
        <v>0</v>
      </c>
      <c r="J13963" s="8">
        <v>1</v>
      </c>
      <c r="K13963" s="9">
        <v>31</v>
      </c>
      <c r="L13963" s="6" t="s">
        <v>51</v>
      </c>
    </row>
    <row r="13964" spans="1:12">
      <c r="A13964" s="6" t="s">
        <v>49</v>
      </c>
      <c r="B13964" s="6"/>
      <c r="C13964" s="6" t="s">
        <v>13988</v>
      </c>
      <c r="D13964" s="6"/>
      <c r="E13964" s="6" t="s">
        <v>9</v>
      </c>
      <c r="F13964" s="7">
        <v>38657</v>
      </c>
      <c r="G13964" s="8">
        <v>1</v>
      </c>
      <c r="H13964" s="8">
        <v>1</v>
      </c>
      <c r="I13964" s="8">
        <v>0</v>
      </c>
      <c r="J13964" s="8">
        <v>1</v>
      </c>
      <c r="K13964" s="9">
        <v>11</v>
      </c>
      <c r="L13964" s="6" t="s">
        <v>51</v>
      </c>
    </row>
    <row r="13965" spans="1:12">
      <c r="A13965" s="6" t="s">
        <v>49</v>
      </c>
      <c r="B13965" s="6"/>
      <c r="C13965" s="6" t="s">
        <v>13989</v>
      </c>
      <c r="D13965" s="6"/>
      <c r="E13965" s="6" t="s">
        <v>9</v>
      </c>
      <c r="F13965" s="7">
        <v>38657</v>
      </c>
      <c r="G13965" s="8">
        <v>1</v>
      </c>
      <c r="H13965" s="8">
        <v>1</v>
      </c>
      <c r="I13965" s="8">
        <v>0</v>
      </c>
      <c r="J13965" s="8">
        <v>1</v>
      </c>
      <c r="K13965" s="9">
        <v>20</v>
      </c>
      <c r="L13965" s="6" t="s">
        <v>51</v>
      </c>
    </row>
    <row r="13966" spans="1:12">
      <c r="A13966" s="6" t="s">
        <v>49</v>
      </c>
      <c r="B13966" s="6"/>
      <c r="C13966" s="6" t="s">
        <v>13990</v>
      </c>
      <c r="D13966" s="6"/>
      <c r="E13966" s="6" t="s">
        <v>9</v>
      </c>
      <c r="F13966" s="7">
        <v>38657</v>
      </c>
      <c r="G13966" s="8">
        <v>1</v>
      </c>
      <c r="H13966" s="8">
        <v>1</v>
      </c>
      <c r="I13966" s="8">
        <v>0</v>
      </c>
      <c r="J13966" s="8">
        <v>1</v>
      </c>
      <c r="K13966" s="9">
        <v>4.78</v>
      </c>
      <c r="L13966" s="6" t="s">
        <v>51</v>
      </c>
    </row>
    <row r="13967" spans="1:12">
      <c r="A13967" s="6" t="s">
        <v>49</v>
      </c>
      <c r="B13967" s="6"/>
      <c r="C13967" s="6" t="s">
        <v>13991</v>
      </c>
      <c r="D13967" s="6"/>
      <c r="E13967" s="6" t="s">
        <v>9</v>
      </c>
      <c r="F13967" s="7">
        <v>38657</v>
      </c>
      <c r="G13967" s="8">
        <v>1</v>
      </c>
      <c r="H13967" s="8">
        <v>1</v>
      </c>
      <c r="I13967" s="8">
        <v>0</v>
      </c>
      <c r="J13967" s="8">
        <v>1</v>
      </c>
      <c r="K13967" s="9">
        <v>3.93</v>
      </c>
      <c r="L13967" s="6" t="s">
        <v>51</v>
      </c>
    </row>
    <row r="13968" spans="1:12">
      <c r="A13968" s="6" t="s">
        <v>49</v>
      </c>
      <c r="B13968" s="6"/>
      <c r="C13968" s="6" t="s">
        <v>13992</v>
      </c>
      <c r="D13968" s="6"/>
      <c r="E13968" s="6" t="s">
        <v>9</v>
      </c>
      <c r="F13968" s="7">
        <v>38657</v>
      </c>
      <c r="G13968" s="8">
        <v>1</v>
      </c>
      <c r="H13968" s="8">
        <v>1</v>
      </c>
      <c r="I13968" s="8">
        <v>0</v>
      </c>
      <c r="J13968" s="8">
        <v>1</v>
      </c>
      <c r="K13968" s="9">
        <v>74</v>
      </c>
      <c r="L13968" s="6" t="s">
        <v>51</v>
      </c>
    </row>
    <row r="13969" spans="1:12">
      <c r="A13969" s="6" t="s">
        <v>49</v>
      </c>
      <c r="B13969" s="6"/>
      <c r="C13969" s="6" t="s">
        <v>13993</v>
      </c>
      <c r="D13969" s="6"/>
      <c r="E13969" s="6" t="s">
        <v>9</v>
      </c>
      <c r="F13969" s="7">
        <v>38657</v>
      </c>
      <c r="G13969" s="8">
        <v>1</v>
      </c>
      <c r="H13969" s="8">
        <v>1</v>
      </c>
      <c r="I13969" s="8">
        <v>0</v>
      </c>
      <c r="J13969" s="8">
        <v>1</v>
      </c>
      <c r="K13969" s="9">
        <v>76</v>
      </c>
      <c r="L13969" s="6" t="s">
        <v>51</v>
      </c>
    </row>
    <row r="13970" spans="1:12">
      <c r="A13970" s="6" t="s">
        <v>49</v>
      </c>
      <c r="B13970" s="6"/>
      <c r="C13970" s="6" t="s">
        <v>13994</v>
      </c>
      <c r="D13970" s="6"/>
      <c r="E13970" s="6" t="s">
        <v>9</v>
      </c>
      <c r="F13970" s="7">
        <v>38657</v>
      </c>
      <c r="G13970" s="8">
        <v>1</v>
      </c>
      <c r="H13970" s="8">
        <v>1</v>
      </c>
      <c r="I13970" s="8">
        <v>0</v>
      </c>
      <c r="J13970" s="8">
        <v>1</v>
      </c>
      <c r="K13970" s="9">
        <v>24</v>
      </c>
      <c r="L13970" s="6" t="s">
        <v>51</v>
      </c>
    </row>
    <row r="13971" spans="1:12">
      <c r="A13971" s="6" t="s">
        <v>49</v>
      </c>
      <c r="B13971" s="6"/>
      <c r="C13971" s="6" t="s">
        <v>13995</v>
      </c>
      <c r="D13971" s="6"/>
      <c r="E13971" s="6" t="s">
        <v>9</v>
      </c>
      <c r="F13971" s="7">
        <v>38657</v>
      </c>
      <c r="G13971" s="8">
        <v>1</v>
      </c>
      <c r="H13971" s="8">
        <v>1</v>
      </c>
      <c r="I13971" s="8">
        <v>0</v>
      </c>
      <c r="J13971" s="8">
        <v>1</v>
      </c>
      <c r="K13971" s="9">
        <v>1.93</v>
      </c>
      <c r="L13971" s="6" t="s">
        <v>51</v>
      </c>
    </row>
    <row r="13972" spans="1:12">
      <c r="A13972" s="6" t="s">
        <v>49</v>
      </c>
      <c r="B13972" s="6"/>
      <c r="C13972" s="6" t="s">
        <v>13996</v>
      </c>
      <c r="D13972" s="6"/>
      <c r="E13972" s="6" t="s">
        <v>9</v>
      </c>
      <c r="F13972" s="7">
        <v>38657</v>
      </c>
      <c r="G13972" s="8">
        <v>1</v>
      </c>
      <c r="H13972" s="8">
        <v>1</v>
      </c>
      <c r="I13972" s="8">
        <v>0</v>
      </c>
      <c r="J13972" s="8">
        <v>1</v>
      </c>
      <c r="K13972" s="9">
        <v>20</v>
      </c>
      <c r="L13972" s="6" t="s">
        <v>51</v>
      </c>
    </row>
    <row r="13973" spans="1:12">
      <c r="A13973" s="6" t="s">
        <v>49</v>
      </c>
      <c r="B13973" s="6"/>
      <c r="C13973" s="6" t="s">
        <v>13997</v>
      </c>
      <c r="D13973" s="6"/>
      <c r="E13973" s="6" t="s">
        <v>9</v>
      </c>
      <c r="F13973" s="7">
        <v>38657</v>
      </c>
      <c r="G13973" s="8">
        <v>1</v>
      </c>
      <c r="H13973" s="8">
        <v>1</v>
      </c>
      <c r="I13973" s="8">
        <v>0</v>
      </c>
      <c r="J13973" s="8">
        <v>1</v>
      </c>
      <c r="K13973" s="9">
        <v>38</v>
      </c>
      <c r="L13973" s="6" t="s">
        <v>51</v>
      </c>
    </row>
    <row r="13974" spans="1:12">
      <c r="A13974" s="6" t="s">
        <v>49</v>
      </c>
      <c r="B13974" s="6"/>
      <c r="C13974" s="6" t="s">
        <v>13998</v>
      </c>
      <c r="D13974" s="6"/>
      <c r="E13974" s="6" t="s">
        <v>9</v>
      </c>
      <c r="F13974" s="7">
        <v>38657</v>
      </c>
      <c r="G13974" s="8">
        <v>1</v>
      </c>
      <c r="H13974" s="8">
        <v>1</v>
      </c>
      <c r="I13974" s="8">
        <v>0</v>
      </c>
      <c r="J13974" s="8">
        <v>1</v>
      </c>
      <c r="K13974" s="9">
        <v>14</v>
      </c>
      <c r="L13974" s="6" t="s">
        <v>51</v>
      </c>
    </row>
    <row r="13975" spans="1:12">
      <c r="A13975" s="6" t="s">
        <v>49</v>
      </c>
      <c r="B13975" s="6"/>
      <c r="C13975" s="6" t="s">
        <v>13999</v>
      </c>
      <c r="D13975" s="6"/>
      <c r="E13975" s="6" t="s">
        <v>9</v>
      </c>
      <c r="F13975" s="7">
        <v>38657</v>
      </c>
      <c r="G13975" s="8">
        <v>1</v>
      </c>
      <c r="H13975" s="8">
        <v>1</v>
      </c>
      <c r="I13975" s="8">
        <v>0</v>
      </c>
      <c r="J13975" s="8">
        <v>1</v>
      </c>
      <c r="K13975" s="9">
        <v>418</v>
      </c>
      <c r="L13975" s="6" t="s">
        <v>51</v>
      </c>
    </row>
    <row r="13976" spans="1:12">
      <c r="A13976" s="6" t="s">
        <v>49</v>
      </c>
      <c r="B13976" s="6"/>
      <c r="C13976" s="6" t="s">
        <v>14000</v>
      </c>
      <c r="D13976" s="6"/>
      <c r="E13976" s="6" t="s">
        <v>9</v>
      </c>
      <c r="F13976" s="7">
        <v>38657</v>
      </c>
      <c r="G13976" s="8">
        <v>1</v>
      </c>
      <c r="H13976" s="8">
        <v>1</v>
      </c>
      <c r="I13976" s="8">
        <v>0</v>
      </c>
      <c r="J13976" s="8">
        <v>1</v>
      </c>
      <c r="K13976" s="9">
        <v>144</v>
      </c>
      <c r="L13976" s="6" t="s">
        <v>51</v>
      </c>
    </row>
    <row r="13977" spans="1:12">
      <c r="A13977" s="6" t="s">
        <v>49</v>
      </c>
      <c r="B13977" s="6"/>
      <c r="C13977" s="6" t="s">
        <v>14001</v>
      </c>
      <c r="D13977" s="6"/>
      <c r="E13977" s="6" t="s">
        <v>9</v>
      </c>
      <c r="F13977" s="7">
        <v>38657</v>
      </c>
      <c r="G13977" s="8">
        <v>1</v>
      </c>
      <c r="H13977" s="8">
        <v>1</v>
      </c>
      <c r="I13977" s="8">
        <v>0</v>
      </c>
      <c r="J13977" s="8">
        <v>1</v>
      </c>
      <c r="K13977" s="9">
        <v>170</v>
      </c>
      <c r="L13977" s="6" t="s">
        <v>51</v>
      </c>
    </row>
    <row r="13978" spans="1:12">
      <c r="A13978" s="6" t="s">
        <v>49</v>
      </c>
      <c r="B13978" s="6"/>
      <c r="C13978" s="6" t="s">
        <v>14002</v>
      </c>
      <c r="D13978" s="6"/>
      <c r="E13978" s="6" t="s">
        <v>9</v>
      </c>
      <c r="F13978" s="7">
        <v>38657</v>
      </c>
      <c r="G13978" s="8">
        <v>1</v>
      </c>
      <c r="H13978" s="8">
        <v>1</v>
      </c>
      <c r="I13978" s="8">
        <v>0</v>
      </c>
      <c r="J13978" s="8">
        <v>1</v>
      </c>
      <c r="K13978" s="9">
        <v>123</v>
      </c>
      <c r="L13978" s="6" t="s">
        <v>51</v>
      </c>
    </row>
    <row r="13979" spans="1:12">
      <c r="A13979" s="6" t="s">
        <v>49</v>
      </c>
      <c r="B13979" s="6"/>
      <c r="C13979" s="6" t="s">
        <v>14003</v>
      </c>
      <c r="D13979" s="6"/>
      <c r="E13979" s="6" t="s">
        <v>9</v>
      </c>
      <c r="F13979" s="7">
        <v>38657</v>
      </c>
      <c r="G13979" s="8">
        <v>771912</v>
      </c>
      <c r="H13979" s="8">
        <v>771912</v>
      </c>
      <c r="I13979" s="8">
        <v>0</v>
      </c>
      <c r="J13979" s="8">
        <v>771912</v>
      </c>
      <c r="K13979" s="9">
        <v>151</v>
      </c>
      <c r="L13979" s="6" t="s">
        <v>23</v>
      </c>
    </row>
    <row r="13980" spans="1:12">
      <c r="A13980" s="6" t="s">
        <v>49</v>
      </c>
      <c r="B13980" s="6"/>
      <c r="C13980" s="6" t="s">
        <v>14004</v>
      </c>
      <c r="D13980" s="6"/>
      <c r="E13980" s="6" t="s">
        <v>9</v>
      </c>
      <c r="F13980" s="7">
        <v>38657</v>
      </c>
      <c r="G13980" s="8">
        <v>1</v>
      </c>
      <c r="H13980" s="8">
        <v>1</v>
      </c>
      <c r="I13980" s="8">
        <v>0</v>
      </c>
      <c r="J13980" s="8">
        <v>1</v>
      </c>
      <c r="K13980" s="9">
        <v>148</v>
      </c>
      <c r="L13980" s="6" t="s">
        <v>51</v>
      </c>
    </row>
    <row r="13981" spans="1:12">
      <c r="A13981" s="6" t="s">
        <v>49</v>
      </c>
      <c r="B13981" s="6"/>
      <c r="C13981" s="6" t="s">
        <v>14005</v>
      </c>
      <c r="D13981" s="6"/>
      <c r="E13981" s="6" t="s">
        <v>9</v>
      </c>
      <c r="F13981" s="7">
        <v>38657</v>
      </c>
      <c r="G13981" s="8">
        <v>44678</v>
      </c>
      <c r="H13981" s="8">
        <v>44678</v>
      </c>
      <c r="I13981" s="8">
        <v>0</v>
      </c>
      <c r="J13981" s="8">
        <v>44678</v>
      </c>
      <c r="K13981" s="9">
        <v>8.74</v>
      </c>
      <c r="L13981" s="6" t="s">
        <v>23</v>
      </c>
    </row>
    <row r="13982" spans="1:12">
      <c r="A13982" s="6" t="s">
        <v>49</v>
      </c>
      <c r="B13982" s="6"/>
      <c r="C13982" s="6" t="s">
        <v>14006</v>
      </c>
      <c r="D13982" s="6"/>
      <c r="E13982" s="6" t="s">
        <v>9</v>
      </c>
      <c r="F13982" s="7">
        <v>38657</v>
      </c>
      <c r="G13982" s="8">
        <v>1</v>
      </c>
      <c r="H13982" s="8">
        <v>1</v>
      </c>
      <c r="I13982" s="8">
        <v>0</v>
      </c>
      <c r="J13982" s="8">
        <v>1</v>
      </c>
      <c r="K13982" s="9">
        <v>38</v>
      </c>
      <c r="L13982" s="6" t="s">
        <v>51</v>
      </c>
    </row>
    <row r="13983" spans="1:12">
      <c r="A13983" s="6" t="s">
        <v>49</v>
      </c>
      <c r="B13983" s="6"/>
      <c r="C13983" s="6" t="s">
        <v>14007</v>
      </c>
      <c r="D13983" s="6"/>
      <c r="E13983" s="6" t="s">
        <v>9</v>
      </c>
      <c r="F13983" s="7">
        <v>38657</v>
      </c>
      <c r="G13983" s="8">
        <v>1</v>
      </c>
      <c r="H13983" s="8">
        <v>1</v>
      </c>
      <c r="I13983" s="8">
        <v>0</v>
      </c>
      <c r="J13983" s="8">
        <v>1</v>
      </c>
      <c r="K13983" s="9">
        <v>126</v>
      </c>
      <c r="L13983" s="6" t="s">
        <v>51</v>
      </c>
    </row>
    <row r="13984" spans="1:12">
      <c r="A13984" s="6" t="s">
        <v>49</v>
      </c>
      <c r="B13984" s="6"/>
      <c r="C13984" s="6" t="s">
        <v>14008</v>
      </c>
      <c r="D13984" s="6"/>
      <c r="E13984" s="6" t="s">
        <v>9</v>
      </c>
      <c r="F13984" s="7">
        <v>38657</v>
      </c>
      <c r="G13984" s="8">
        <v>1</v>
      </c>
      <c r="H13984" s="8">
        <v>1</v>
      </c>
      <c r="I13984" s="8">
        <v>0</v>
      </c>
      <c r="J13984" s="8">
        <v>1</v>
      </c>
      <c r="K13984" s="9">
        <v>154</v>
      </c>
      <c r="L13984" s="6" t="s">
        <v>51</v>
      </c>
    </row>
    <row r="13985" spans="1:12">
      <c r="A13985" s="6" t="s">
        <v>49</v>
      </c>
      <c r="B13985" s="6"/>
      <c r="C13985" s="6" t="s">
        <v>14009</v>
      </c>
      <c r="D13985" s="6"/>
      <c r="E13985" s="6" t="s">
        <v>9</v>
      </c>
      <c r="F13985" s="7">
        <v>38657</v>
      </c>
      <c r="G13985" s="8">
        <v>1</v>
      </c>
      <c r="H13985" s="8">
        <v>1</v>
      </c>
      <c r="I13985" s="8">
        <v>0</v>
      </c>
      <c r="J13985" s="8">
        <v>1</v>
      </c>
      <c r="K13985" s="9">
        <v>9.35</v>
      </c>
      <c r="L13985" s="6" t="s">
        <v>51</v>
      </c>
    </row>
    <row r="13986" spans="1:12">
      <c r="A13986" s="6" t="s">
        <v>49</v>
      </c>
      <c r="B13986" s="6"/>
      <c r="C13986" s="6" t="s">
        <v>14010</v>
      </c>
      <c r="D13986" s="6"/>
      <c r="E13986" s="6" t="s">
        <v>9</v>
      </c>
      <c r="F13986" s="7">
        <v>38657</v>
      </c>
      <c r="G13986" s="8">
        <v>1</v>
      </c>
      <c r="H13986" s="8">
        <v>1</v>
      </c>
      <c r="I13986" s="8">
        <v>0</v>
      </c>
      <c r="J13986" s="8">
        <v>1</v>
      </c>
      <c r="K13986" s="9">
        <v>20</v>
      </c>
      <c r="L13986" s="6" t="s">
        <v>51</v>
      </c>
    </row>
    <row r="13987" spans="1:12">
      <c r="A13987" s="6" t="s">
        <v>49</v>
      </c>
      <c r="B13987" s="6"/>
      <c r="C13987" s="6" t="s">
        <v>14011</v>
      </c>
      <c r="D13987" s="6"/>
      <c r="E13987" s="6" t="s">
        <v>9</v>
      </c>
      <c r="F13987" s="7">
        <v>38657</v>
      </c>
      <c r="G13987" s="8">
        <v>1</v>
      </c>
      <c r="H13987" s="8">
        <v>1</v>
      </c>
      <c r="I13987" s="8">
        <v>0</v>
      </c>
      <c r="J13987" s="8">
        <v>1</v>
      </c>
      <c r="K13987" s="9">
        <v>24</v>
      </c>
      <c r="L13987" s="6" t="s">
        <v>51</v>
      </c>
    </row>
    <row r="13988" spans="1:12">
      <c r="A13988" s="6" t="s">
        <v>49</v>
      </c>
      <c r="B13988" s="6"/>
      <c r="C13988" s="6" t="s">
        <v>14012</v>
      </c>
      <c r="D13988" s="6"/>
      <c r="E13988" s="6" t="s">
        <v>9</v>
      </c>
      <c r="F13988" s="7">
        <v>38657</v>
      </c>
      <c r="G13988" s="8">
        <v>1</v>
      </c>
      <c r="H13988" s="8">
        <v>1</v>
      </c>
      <c r="I13988" s="8">
        <v>0</v>
      </c>
      <c r="J13988" s="8">
        <v>1</v>
      </c>
      <c r="K13988" s="9">
        <v>13</v>
      </c>
      <c r="L13988" s="6" t="s">
        <v>51</v>
      </c>
    </row>
    <row r="13989" spans="1:12">
      <c r="A13989" s="6" t="s">
        <v>49</v>
      </c>
      <c r="B13989" s="6"/>
      <c r="C13989" s="6" t="s">
        <v>14013</v>
      </c>
      <c r="D13989" s="6"/>
      <c r="E13989" s="6" t="s">
        <v>9</v>
      </c>
      <c r="F13989" s="7">
        <v>38657</v>
      </c>
      <c r="G13989" s="8">
        <v>1</v>
      </c>
      <c r="H13989" s="8">
        <v>1</v>
      </c>
      <c r="I13989" s="8">
        <v>0</v>
      </c>
      <c r="J13989" s="8">
        <v>1</v>
      </c>
      <c r="K13989" s="9">
        <v>449</v>
      </c>
      <c r="L13989" s="6" t="s">
        <v>51</v>
      </c>
    </row>
    <row r="13990" spans="1:12">
      <c r="A13990" s="6" t="s">
        <v>49</v>
      </c>
      <c r="B13990" s="6"/>
      <c r="C13990" s="6" t="s">
        <v>14014</v>
      </c>
      <c r="D13990" s="6"/>
      <c r="E13990" s="6" t="s">
        <v>9</v>
      </c>
      <c r="F13990" s="7">
        <v>38657</v>
      </c>
      <c r="G13990" s="8">
        <v>1</v>
      </c>
      <c r="H13990" s="8">
        <v>1</v>
      </c>
      <c r="I13990" s="8">
        <v>0</v>
      </c>
      <c r="J13990" s="8">
        <v>1</v>
      </c>
      <c r="K13990" s="9">
        <v>1.48</v>
      </c>
      <c r="L13990" s="6" t="s">
        <v>51</v>
      </c>
    </row>
    <row r="13991" spans="1:12">
      <c r="A13991" s="6" t="s">
        <v>49</v>
      </c>
      <c r="B13991" s="6"/>
      <c r="C13991" s="6" t="s">
        <v>14015</v>
      </c>
      <c r="D13991" s="6"/>
      <c r="E13991" s="6" t="s">
        <v>9</v>
      </c>
      <c r="F13991" s="7">
        <v>38657</v>
      </c>
      <c r="G13991" s="8">
        <v>1</v>
      </c>
      <c r="H13991" s="8">
        <v>1</v>
      </c>
      <c r="I13991" s="8">
        <v>0</v>
      </c>
      <c r="J13991" s="8">
        <v>1</v>
      </c>
      <c r="K13991" s="9">
        <v>145</v>
      </c>
      <c r="L13991" s="6" t="s">
        <v>51</v>
      </c>
    </row>
    <row r="13992" spans="1:12">
      <c r="A13992" s="6" t="s">
        <v>49</v>
      </c>
      <c r="B13992" s="6"/>
      <c r="C13992" s="6" t="s">
        <v>14016</v>
      </c>
      <c r="D13992" s="6"/>
      <c r="E13992" s="6" t="s">
        <v>9</v>
      </c>
      <c r="F13992" s="7">
        <v>38657</v>
      </c>
      <c r="G13992" s="8">
        <v>1</v>
      </c>
      <c r="H13992" s="8">
        <v>1</v>
      </c>
      <c r="I13992" s="8">
        <v>0</v>
      </c>
      <c r="J13992" s="8">
        <v>1</v>
      </c>
      <c r="K13992" s="9">
        <v>4.49</v>
      </c>
      <c r="L13992" s="6" t="s">
        <v>51</v>
      </c>
    </row>
    <row r="13993" spans="1:12">
      <c r="A13993" s="6" t="s">
        <v>49</v>
      </c>
      <c r="B13993" s="6"/>
      <c r="C13993" s="6" t="s">
        <v>14017</v>
      </c>
      <c r="D13993" s="6"/>
      <c r="E13993" s="6" t="s">
        <v>9</v>
      </c>
      <c r="F13993" s="7">
        <v>38657</v>
      </c>
      <c r="G13993" s="8">
        <v>1</v>
      </c>
      <c r="H13993" s="8">
        <v>1</v>
      </c>
      <c r="I13993" s="8">
        <v>0</v>
      </c>
      <c r="J13993" s="8">
        <v>1</v>
      </c>
      <c r="K13993" s="9">
        <v>358</v>
      </c>
      <c r="L13993" s="6" t="s">
        <v>51</v>
      </c>
    </row>
    <row r="13994" spans="1:12">
      <c r="A13994" s="6" t="s">
        <v>49</v>
      </c>
      <c r="B13994" s="6"/>
      <c r="C13994" s="6" t="s">
        <v>14018</v>
      </c>
      <c r="D13994" s="6"/>
      <c r="E13994" s="6" t="s">
        <v>9</v>
      </c>
      <c r="F13994" s="7">
        <v>38657</v>
      </c>
      <c r="G13994" s="8">
        <v>1</v>
      </c>
      <c r="H13994" s="8">
        <v>1</v>
      </c>
      <c r="I13994" s="8">
        <v>0</v>
      </c>
      <c r="J13994" s="8">
        <v>1</v>
      </c>
      <c r="K13994" s="9">
        <v>34</v>
      </c>
      <c r="L13994" s="6" t="s">
        <v>51</v>
      </c>
    </row>
    <row r="13995" spans="1:12">
      <c r="A13995" s="6" t="s">
        <v>49</v>
      </c>
      <c r="B13995" s="6"/>
      <c r="C13995" s="6" t="s">
        <v>14019</v>
      </c>
      <c r="D13995" s="6"/>
      <c r="E13995" s="6" t="s">
        <v>9</v>
      </c>
      <c r="F13995" s="7">
        <v>40015</v>
      </c>
      <c r="G13995" s="8">
        <v>1</v>
      </c>
      <c r="H13995" s="8">
        <v>1</v>
      </c>
      <c r="I13995" s="8">
        <v>0</v>
      </c>
      <c r="J13995" s="8">
        <v>1</v>
      </c>
      <c r="K13995" s="9">
        <v>25</v>
      </c>
      <c r="L13995" s="6" t="s">
        <v>51</v>
      </c>
    </row>
    <row r="13996" spans="1:12">
      <c r="A13996" s="6" t="s">
        <v>49</v>
      </c>
      <c r="B13996" s="6"/>
      <c r="C13996" s="6" t="s">
        <v>14020</v>
      </c>
      <c r="D13996" s="6"/>
      <c r="E13996" s="6" t="s">
        <v>9</v>
      </c>
      <c r="F13996" s="7">
        <v>38657</v>
      </c>
      <c r="G13996" s="8">
        <v>1</v>
      </c>
      <c r="H13996" s="8">
        <v>1</v>
      </c>
      <c r="I13996" s="8">
        <v>0</v>
      </c>
      <c r="J13996" s="8">
        <v>1</v>
      </c>
      <c r="K13996" s="9">
        <v>59</v>
      </c>
      <c r="L13996" s="6" t="s">
        <v>51</v>
      </c>
    </row>
    <row r="13997" spans="1:12">
      <c r="A13997" s="6" t="s">
        <v>49</v>
      </c>
      <c r="B13997" s="6"/>
      <c r="C13997" s="6" t="s">
        <v>14021</v>
      </c>
      <c r="D13997" s="6"/>
      <c r="E13997" s="6" t="s">
        <v>9</v>
      </c>
      <c r="F13997" s="7">
        <v>38657</v>
      </c>
      <c r="G13997" s="8">
        <v>1</v>
      </c>
      <c r="H13997" s="8">
        <v>1</v>
      </c>
      <c r="I13997" s="8">
        <v>0</v>
      </c>
      <c r="J13997" s="8">
        <v>1</v>
      </c>
      <c r="K13997" s="9">
        <v>83.52</v>
      </c>
      <c r="L13997" s="6" t="s">
        <v>51</v>
      </c>
    </row>
    <row r="13998" spans="1:12">
      <c r="A13998" s="6" t="s">
        <v>49</v>
      </c>
      <c r="B13998" s="6"/>
      <c r="C13998" s="6" t="s">
        <v>14022</v>
      </c>
      <c r="D13998" s="6"/>
      <c r="E13998" s="6" t="s">
        <v>9</v>
      </c>
      <c r="F13998" s="7">
        <v>38657</v>
      </c>
      <c r="G13998" s="8">
        <v>1</v>
      </c>
      <c r="H13998" s="8">
        <v>1</v>
      </c>
      <c r="I13998" s="8">
        <v>0</v>
      </c>
      <c r="J13998" s="8">
        <v>1</v>
      </c>
      <c r="K13998" s="9">
        <v>76</v>
      </c>
      <c r="L13998" s="6" t="s">
        <v>51</v>
      </c>
    </row>
    <row r="13999" spans="1:12">
      <c r="A13999" s="6" t="s">
        <v>49</v>
      </c>
      <c r="B13999" s="6"/>
      <c r="C13999" s="6" t="s">
        <v>14023</v>
      </c>
      <c r="D13999" s="6"/>
      <c r="E13999" s="6" t="s">
        <v>9</v>
      </c>
      <c r="F13999" s="7">
        <v>38657</v>
      </c>
      <c r="G13999" s="8">
        <v>1</v>
      </c>
      <c r="H13999" s="8">
        <v>1</v>
      </c>
      <c r="I13999" s="8">
        <v>0</v>
      </c>
      <c r="J13999" s="8">
        <v>1</v>
      </c>
      <c r="K13999" s="9">
        <v>0.36</v>
      </c>
      <c r="L13999" s="6" t="s">
        <v>51</v>
      </c>
    </row>
    <row r="14000" spans="1:12">
      <c r="A14000" s="6" t="s">
        <v>49</v>
      </c>
      <c r="B14000" s="6"/>
      <c r="C14000" s="6" t="s">
        <v>14024</v>
      </c>
      <c r="D14000" s="6"/>
      <c r="E14000" s="6" t="s">
        <v>9</v>
      </c>
      <c r="F14000" s="7">
        <v>38657</v>
      </c>
      <c r="G14000" s="8">
        <v>1</v>
      </c>
      <c r="H14000" s="8">
        <v>1</v>
      </c>
      <c r="I14000" s="8">
        <v>0</v>
      </c>
      <c r="J14000" s="8">
        <v>1</v>
      </c>
      <c r="K14000" s="9">
        <v>2.27999999999999</v>
      </c>
      <c r="L14000" s="6" t="s">
        <v>51</v>
      </c>
    </row>
    <row r="14001" spans="1:12">
      <c r="A14001" s="6" t="s">
        <v>49</v>
      </c>
      <c r="B14001" s="6"/>
      <c r="C14001" s="6" t="s">
        <v>14025</v>
      </c>
      <c r="D14001" s="6"/>
      <c r="E14001" s="6" t="s">
        <v>9</v>
      </c>
      <c r="F14001" s="7">
        <v>38657</v>
      </c>
      <c r="G14001" s="8">
        <v>1</v>
      </c>
      <c r="H14001" s="8">
        <v>1</v>
      </c>
      <c r="I14001" s="8">
        <v>0</v>
      </c>
      <c r="J14001" s="8">
        <v>1</v>
      </c>
      <c r="K14001" s="9">
        <v>4.04</v>
      </c>
      <c r="L14001" s="6" t="s">
        <v>51</v>
      </c>
    </row>
    <row r="14002" spans="1:12">
      <c r="A14002" s="6" t="s">
        <v>49</v>
      </c>
      <c r="B14002" s="6"/>
      <c r="C14002" s="6" t="s">
        <v>14026</v>
      </c>
      <c r="D14002" s="6"/>
      <c r="E14002" s="6" t="s">
        <v>9</v>
      </c>
      <c r="F14002" s="7">
        <v>38657</v>
      </c>
      <c r="G14002" s="8">
        <v>1</v>
      </c>
      <c r="H14002" s="8">
        <v>1</v>
      </c>
      <c r="I14002" s="8">
        <v>0</v>
      </c>
      <c r="J14002" s="8">
        <v>1</v>
      </c>
      <c r="K14002" s="9">
        <v>79</v>
      </c>
      <c r="L14002" s="6" t="s">
        <v>51</v>
      </c>
    </row>
    <row r="14003" spans="1:12">
      <c r="A14003" s="6" t="s">
        <v>49</v>
      </c>
      <c r="B14003" s="6"/>
      <c r="C14003" s="6" t="s">
        <v>14027</v>
      </c>
      <c r="D14003" s="6"/>
      <c r="E14003" s="6" t="s">
        <v>9</v>
      </c>
      <c r="F14003" s="7">
        <v>38657</v>
      </c>
      <c r="G14003" s="8">
        <v>1</v>
      </c>
      <c r="H14003" s="8">
        <v>1</v>
      </c>
      <c r="I14003" s="8">
        <v>0</v>
      </c>
      <c r="J14003" s="8">
        <v>1</v>
      </c>
      <c r="K14003" s="9">
        <v>8.2200000000000006</v>
      </c>
      <c r="L14003" s="6" t="s">
        <v>51</v>
      </c>
    </row>
    <row r="14004" spans="1:12">
      <c r="A14004" s="6" t="s">
        <v>49</v>
      </c>
      <c r="B14004" s="6"/>
      <c r="C14004" s="6" t="s">
        <v>14028</v>
      </c>
      <c r="D14004" s="6"/>
      <c r="E14004" s="6" t="s">
        <v>9</v>
      </c>
      <c r="F14004" s="7">
        <v>38657</v>
      </c>
      <c r="G14004" s="8">
        <v>1</v>
      </c>
      <c r="H14004" s="8">
        <v>1</v>
      </c>
      <c r="I14004" s="8">
        <v>0</v>
      </c>
      <c r="J14004" s="8">
        <v>1</v>
      </c>
      <c r="K14004" s="9">
        <v>41</v>
      </c>
      <c r="L14004" s="6" t="s">
        <v>51</v>
      </c>
    </row>
    <row r="14005" spans="1:12">
      <c r="A14005" s="6" t="s">
        <v>49</v>
      </c>
      <c r="B14005" s="6"/>
      <c r="C14005" s="6" t="s">
        <v>14029</v>
      </c>
      <c r="D14005" s="6"/>
      <c r="E14005" s="6" t="s">
        <v>9</v>
      </c>
      <c r="F14005" s="7">
        <v>38657</v>
      </c>
      <c r="G14005" s="8">
        <v>1</v>
      </c>
      <c r="H14005" s="8">
        <v>1</v>
      </c>
      <c r="I14005" s="8">
        <v>0</v>
      </c>
      <c r="J14005" s="8">
        <v>1</v>
      </c>
      <c r="K14005" s="9">
        <v>32</v>
      </c>
      <c r="L14005" s="6" t="s">
        <v>51</v>
      </c>
    </row>
    <row r="14006" spans="1:12">
      <c r="A14006" s="6" t="s">
        <v>49</v>
      </c>
      <c r="B14006" s="6"/>
      <c r="C14006" s="6" t="s">
        <v>14030</v>
      </c>
      <c r="D14006" s="6"/>
      <c r="E14006" s="6" t="s">
        <v>9</v>
      </c>
      <c r="F14006" s="7">
        <v>38657</v>
      </c>
      <c r="G14006" s="8">
        <v>1</v>
      </c>
      <c r="H14006" s="8">
        <v>1</v>
      </c>
      <c r="I14006" s="8">
        <v>0</v>
      </c>
      <c r="J14006" s="8">
        <v>1</v>
      </c>
      <c r="K14006" s="9">
        <v>8.92</v>
      </c>
      <c r="L14006" s="6" t="s">
        <v>51</v>
      </c>
    </row>
    <row r="14007" spans="1:12">
      <c r="A14007" s="6" t="s">
        <v>49</v>
      </c>
      <c r="B14007" s="6"/>
      <c r="C14007" s="6" t="s">
        <v>14031</v>
      </c>
      <c r="D14007" s="6"/>
      <c r="E14007" s="6" t="s">
        <v>9</v>
      </c>
      <c r="F14007" s="7">
        <v>38657</v>
      </c>
      <c r="G14007" s="8">
        <v>1</v>
      </c>
      <c r="H14007" s="8">
        <v>1</v>
      </c>
      <c r="I14007" s="8">
        <v>0</v>
      </c>
      <c r="J14007" s="8">
        <v>1</v>
      </c>
      <c r="K14007" s="9">
        <v>28</v>
      </c>
      <c r="L14007" s="6" t="s">
        <v>51</v>
      </c>
    </row>
    <row r="14008" spans="1:12">
      <c r="A14008" s="6" t="s">
        <v>49</v>
      </c>
      <c r="B14008" s="6"/>
      <c r="C14008" s="6" t="s">
        <v>14032</v>
      </c>
      <c r="D14008" s="6"/>
      <c r="E14008" s="6" t="s">
        <v>9</v>
      </c>
      <c r="F14008" s="7">
        <v>38657</v>
      </c>
      <c r="G14008" s="8">
        <v>1</v>
      </c>
      <c r="H14008" s="8">
        <v>1</v>
      </c>
      <c r="I14008" s="8">
        <v>0</v>
      </c>
      <c r="J14008" s="8">
        <v>1</v>
      </c>
      <c r="K14008" s="9">
        <v>44</v>
      </c>
      <c r="L14008" s="6" t="s">
        <v>51</v>
      </c>
    </row>
    <row r="14009" spans="1:12">
      <c r="A14009" s="6" t="s">
        <v>49</v>
      </c>
      <c r="B14009" s="6"/>
      <c r="C14009" s="6" t="s">
        <v>14033</v>
      </c>
      <c r="D14009" s="6"/>
      <c r="E14009" s="6" t="s">
        <v>9</v>
      </c>
      <c r="F14009" s="7">
        <v>38657</v>
      </c>
      <c r="G14009" s="8">
        <v>1</v>
      </c>
      <c r="H14009" s="8">
        <v>1</v>
      </c>
      <c r="I14009" s="8">
        <v>0</v>
      </c>
      <c r="J14009" s="8">
        <v>1</v>
      </c>
      <c r="K14009" s="9">
        <v>38.4</v>
      </c>
      <c r="L14009" s="6" t="s">
        <v>51</v>
      </c>
    </row>
    <row r="14010" spans="1:12">
      <c r="A14010" s="6" t="s">
        <v>49</v>
      </c>
      <c r="B14010" s="6"/>
      <c r="C14010" s="6" t="s">
        <v>14034</v>
      </c>
      <c r="D14010" s="6"/>
      <c r="E14010" s="6" t="s">
        <v>9</v>
      </c>
      <c r="F14010" s="7">
        <v>38657</v>
      </c>
      <c r="G14010" s="8">
        <v>1</v>
      </c>
      <c r="H14010" s="8">
        <v>1</v>
      </c>
      <c r="I14010" s="8">
        <v>0</v>
      </c>
      <c r="J14010" s="8">
        <v>1</v>
      </c>
      <c r="K14010" s="9">
        <v>24.04</v>
      </c>
      <c r="L14010" s="6" t="s">
        <v>51</v>
      </c>
    </row>
    <row r="14011" spans="1:12">
      <c r="A14011" s="6" t="s">
        <v>49</v>
      </c>
      <c r="B14011" s="6"/>
      <c r="C14011" s="6" t="s">
        <v>14035</v>
      </c>
      <c r="D14011" s="6"/>
      <c r="E14011" s="6" t="s">
        <v>9</v>
      </c>
      <c r="F14011" s="7">
        <v>38657</v>
      </c>
      <c r="G14011" s="8">
        <v>1</v>
      </c>
      <c r="H14011" s="8">
        <v>1</v>
      </c>
      <c r="I14011" s="8">
        <v>0</v>
      </c>
      <c r="J14011" s="8">
        <v>1</v>
      </c>
      <c r="K14011" s="9">
        <v>23</v>
      </c>
      <c r="L14011" s="6" t="s">
        <v>51</v>
      </c>
    </row>
    <row r="14012" spans="1:12">
      <c r="A14012" s="6" t="s">
        <v>49</v>
      </c>
      <c r="B14012" s="6"/>
      <c r="C14012" s="6" t="s">
        <v>14036</v>
      </c>
      <c r="D14012" s="6"/>
      <c r="E14012" s="6" t="s">
        <v>9</v>
      </c>
      <c r="F14012" s="7">
        <v>38657</v>
      </c>
      <c r="G14012" s="8">
        <v>1</v>
      </c>
      <c r="H14012" s="8">
        <v>1</v>
      </c>
      <c r="I14012" s="8">
        <v>0</v>
      </c>
      <c r="J14012" s="8">
        <v>1</v>
      </c>
      <c r="K14012" s="9">
        <v>96</v>
      </c>
      <c r="L14012" s="6" t="s">
        <v>51</v>
      </c>
    </row>
    <row r="14013" spans="1:12">
      <c r="A14013" s="6" t="s">
        <v>49</v>
      </c>
      <c r="B14013" s="6"/>
      <c r="C14013" s="6" t="s">
        <v>14037</v>
      </c>
      <c r="D14013" s="6"/>
      <c r="E14013" s="6" t="s">
        <v>9</v>
      </c>
      <c r="F14013" s="7">
        <v>38657</v>
      </c>
      <c r="G14013" s="8">
        <v>1</v>
      </c>
      <c r="H14013" s="8">
        <v>1</v>
      </c>
      <c r="I14013" s="8">
        <v>0</v>
      </c>
      <c r="J14013" s="8">
        <v>1</v>
      </c>
      <c r="K14013" s="9">
        <v>62</v>
      </c>
      <c r="L14013" s="6" t="s">
        <v>51</v>
      </c>
    </row>
    <row r="14014" spans="1:12">
      <c r="A14014" s="6" t="s">
        <v>49</v>
      </c>
      <c r="B14014" s="6"/>
      <c r="C14014" s="6" t="s">
        <v>14038</v>
      </c>
      <c r="D14014" s="6"/>
      <c r="E14014" s="6" t="s">
        <v>9</v>
      </c>
      <c r="F14014" s="7">
        <v>38657</v>
      </c>
      <c r="G14014" s="8">
        <v>1</v>
      </c>
      <c r="H14014" s="8">
        <v>1</v>
      </c>
      <c r="I14014" s="8">
        <v>0</v>
      </c>
      <c r="J14014" s="8">
        <v>1</v>
      </c>
      <c r="K14014" s="9">
        <v>191.34</v>
      </c>
      <c r="L14014" s="6" t="s">
        <v>51</v>
      </c>
    </row>
    <row r="14015" spans="1:12">
      <c r="A14015" s="6" t="s">
        <v>49</v>
      </c>
      <c r="B14015" s="6"/>
      <c r="C14015" s="6" t="s">
        <v>14039</v>
      </c>
      <c r="D14015" s="6"/>
      <c r="E14015" s="6" t="s">
        <v>9</v>
      </c>
      <c r="F14015" s="7">
        <v>38657</v>
      </c>
      <c r="G14015" s="8">
        <v>1</v>
      </c>
      <c r="H14015" s="8">
        <v>1</v>
      </c>
      <c r="I14015" s="8">
        <v>0</v>
      </c>
      <c r="J14015" s="8">
        <v>1</v>
      </c>
      <c r="K14015" s="9">
        <v>274.95999999999901</v>
      </c>
      <c r="L14015" s="6" t="s">
        <v>51</v>
      </c>
    </row>
    <row r="14016" spans="1:12">
      <c r="A14016" s="6" t="s">
        <v>49</v>
      </c>
      <c r="B14016" s="6"/>
      <c r="C14016" s="6" t="s">
        <v>14040</v>
      </c>
      <c r="D14016" s="6"/>
      <c r="E14016" s="6" t="s">
        <v>9</v>
      </c>
      <c r="F14016" s="7">
        <v>38657</v>
      </c>
      <c r="G14016" s="8">
        <v>1</v>
      </c>
      <c r="H14016" s="8">
        <v>1</v>
      </c>
      <c r="I14016" s="8">
        <v>0</v>
      </c>
      <c r="J14016" s="8">
        <v>1</v>
      </c>
      <c r="K14016" s="9">
        <v>3.78</v>
      </c>
      <c r="L14016" s="6" t="s">
        <v>51</v>
      </c>
    </row>
    <row r="14017" spans="1:12">
      <c r="A14017" s="6" t="s">
        <v>49</v>
      </c>
      <c r="B14017" s="6"/>
      <c r="C14017" s="6" t="s">
        <v>14041</v>
      </c>
      <c r="D14017" s="6"/>
      <c r="E14017" s="6" t="s">
        <v>9</v>
      </c>
      <c r="F14017" s="7">
        <v>38657</v>
      </c>
      <c r="G14017" s="8">
        <v>1</v>
      </c>
      <c r="H14017" s="8">
        <v>1</v>
      </c>
      <c r="I14017" s="8">
        <v>0</v>
      </c>
      <c r="J14017" s="8">
        <v>1</v>
      </c>
      <c r="K14017" s="9">
        <v>208</v>
      </c>
      <c r="L14017" s="6" t="s">
        <v>51</v>
      </c>
    </row>
    <row r="14018" spans="1:12">
      <c r="A14018" s="6" t="s">
        <v>49</v>
      </c>
      <c r="B14018" s="6"/>
      <c r="C14018" s="6" t="s">
        <v>14042</v>
      </c>
      <c r="D14018" s="6"/>
      <c r="E14018" s="6" t="s">
        <v>9</v>
      </c>
      <c r="F14018" s="7">
        <v>38657</v>
      </c>
      <c r="G14018" s="8">
        <v>1</v>
      </c>
      <c r="H14018" s="8">
        <v>1</v>
      </c>
      <c r="I14018" s="8">
        <v>0</v>
      </c>
      <c r="J14018" s="8">
        <v>1</v>
      </c>
      <c r="K14018" s="9">
        <v>133</v>
      </c>
      <c r="L14018" s="6" t="s">
        <v>51</v>
      </c>
    </row>
    <row r="14019" spans="1:12">
      <c r="A14019" s="6" t="s">
        <v>49</v>
      </c>
      <c r="B14019" s="6"/>
      <c r="C14019" s="6" t="s">
        <v>14043</v>
      </c>
      <c r="D14019" s="6"/>
      <c r="E14019" s="6" t="s">
        <v>9</v>
      </c>
      <c r="F14019" s="7">
        <v>38657</v>
      </c>
      <c r="G14019" s="8">
        <v>1</v>
      </c>
      <c r="H14019" s="8">
        <v>1</v>
      </c>
      <c r="I14019" s="8">
        <v>0</v>
      </c>
      <c r="J14019" s="8">
        <v>1</v>
      </c>
      <c r="K14019" s="9">
        <v>1.1599999999999899</v>
      </c>
      <c r="L14019" s="6" t="s">
        <v>51</v>
      </c>
    </row>
    <row r="14020" spans="1:12">
      <c r="A14020" s="6" t="s">
        <v>49</v>
      </c>
      <c r="B14020" s="6"/>
      <c r="C14020" s="6" t="s">
        <v>14044</v>
      </c>
      <c r="D14020" s="6"/>
      <c r="E14020" s="6" t="s">
        <v>9</v>
      </c>
      <c r="F14020" s="7">
        <v>38657</v>
      </c>
      <c r="G14020" s="8">
        <v>1</v>
      </c>
      <c r="H14020" s="8">
        <v>1</v>
      </c>
      <c r="I14020" s="8">
        <v>0</v>
      </c>
      <c r="J14020" s="8">
        <v>1</v>
      </c>
      <c r="K14020" s="9">
        <v>6183</v>
      </c>
      <c r="L14020" s="6" t="s">
        <v>51</v>
      </c>
    </row>
    <row r="14021" spans="1:12">
      <c r="A14021" s="6" t="s">
        <v>49</v>
      </c>
      <c r="B14021" s="6"/>
      <c r="C14021" s="6" t="s">
        <v>14045</v>
      </c>
      <c r="D14021" s="6"/>
      <c r="E14021" s="6" t="s">
        <v>9</v>
      </c>
      <c r="F14021" s="7"/>
      <c r="G14021" s="8">
        <v>1</v>
      </c>
      <c r="H14021" s="8">
        <v>1</v>
      </c>
      <c r="I14021" s="8">
        <v>0</v>
      </c>
      <c r="J14021" s="8">
        <v>1</v>
      </c>
      <c r="K14021" s="9">
        <v>15</v>
      </c>
      <c r="L14021" s="6" t="s">
        <v>51</v>
      </c>
    </row>
    <row r="14022" spans="1:12">
      <c r="A14022" s="6" t="s">
        <v>49</v>
      </c>
      <c r="B14022" s="6"/>
      <c r="C14022" s="6" t="s">
        <v>14046</v>
      </c>
      <c r="D14022" s="6"/>
      <c r="E14022" s="6" t="s">
        <v>9</v>
      </c>
      <c r="F14022" s="7"/>
      <c r="G14022" s="8">
        <v>1</v>
      </c>
      <c r="H14022" s="8">
        <v>1</v>
      </c>
      <c r="I14022" s="8">
        <v>0</v>
      </c>
      <c r="J14022" s="8">
        <v>1</v>
      </c>
      <c r="K14022" s="9">
        <v>275</v>
      </c>
      <c r="L14022" s="6" t="s">
        <v>51</v>
      </c>
    </row>
    <row r="14023" spans="1:12">
      <c r="A14023" s="6" t="s">
        <v>49</v>
      </c>
      <c r="B14023" s="6"/>
      <c r="C14023" s="6" t="s">
        <v>14047</v>
      </c>
      <c r="D14023" s="6"/>
      <c r="E14023" s="6" t="s">
        <v>9</v>
      </c>
      <c r="F14023" s="7"/>
      <c r="G14023" s="8">
        <v>1</v>
      </c>
      <c r="H14023" s="8">
        <v>1</v>
      </c>
      <c r="I14023" s="8">
        <v>0</v>
      </c>
      <c r="J14023" s="8">
        <v>1</v>
      </c>
      <c r="K14023" s="9">
        <v>274</v>
      </c>
      <c r="L14023" s="6" t="s">
        <v>51</v>
      </c>
    </row>
    <row r="14024" spans="1:12">
      <c r="A14024" s="6" t="s">
        <v>49</v>
      </c>
      <c r="B14024" s="6"/>
      <c r="C14024" s="6" t="s">
        <v>14048</v>
      </c>
      <c r="D14024" s="6"/>
      <c r="E14024" s="6" t="s">
        <v>9</v>
      </c>
      <c r="F14024" s="7">
        <v>38657</v>
      </c>
      <c r="G14024" s="8">
        <v>1</v>
      </c>
      <c r="H14024" s="8">
        <v>1</v>
      </c>
      <c r="I14024" s="8">
        <v>0</v>
      </c>
      <c r="J14024" s="8">
        <v>1</v>
      </c>
      <c r="K14024" s="9">
        <v>4.9800000000000004</v>
      </c>
      <c r="L14024" s="6" t="s">
        <v>51</v>
      </c>
    </row>
    <row r="14025" spans="1:12">
      <c r="A14025" s="6" t="s">
        <v>49</v>
      </c>
      <c r="B14025" s="6"/>
      <c r="C14025" s="6" t="s">
        <v>14049</v>
      </c>
      <c r="D14025" s="6"/>
      <c r="E14025" s="6" t="s">
        <v>9</v>
      </c>
      <c r="F14025" s="7">
        <v>38657</v>
      </c>
      <c r="G14025" s="8">
        <v>1</v>
      </c>
      <c r="H14025" s="8">
        <v>1</v>
      </c>
      <c r="I14025" s="8">
        <v>0</v>
      </c>
      <c r="J14025" s="8">
        <v>1</v>
      </c>
      <c r="K14025" s="9">
        <v>23</v>
      </c>
      <c r="L14025" s="6" t="s">
        <v>51</v>
      </c>
    </row>
    <row r="14026" spans="1:12">
      <c r="A14026" s="6" t="s">
        <v>49</v>
      </c>
      <c r="B14026" s="6"/>
      <c r="C14026" s="6" t="s">
        <v>14050</v>
      </c>
      <c r="D14026" s="6"/>
      <c r="E14026" s="6" t="s">
        <v>9</v>
      </c>
      <c r="F14026" s="7"/>
      <c r="G14026" s="8">
        <v>1</v>
      </c>
      <c r="H14026" s="8">
        <v>1</v>
      </c>
      <c r="I14026" s="8">
        <v>0</v>
      </c>
      <c r="J14026" s="8">
        <v>1</v>
      </c>
      <c r="K14026" s="9">
        <v>42</v>
      </c>
      <c r="L14026" s="6" t="s">
        <v>51</v>
      </c>
    </row>
    <row r="14027" spans="1:12">
      <c r="A14027" s="6" t="s">
        <v>49</v>
      </c>
      <c r="B14027" s="6"/>
      <c r="C14027" s="6" t="s">
        <v>14051</v>
      </c>
      <c r="D14027" s="6"/>
      <c r="E14027" s="6" t="s">
        <v>9</v>
      </c>
      <c r="F14027" s="7"/>
      <c r="G14027" s="8">
        <v>1</v>
      </c>
      <c r="H14027" s="8">
        <v>1</v>
      </c>
      <c r="I14027" s="8">
        <v>0</v>
      </c>
      <c r="J14027" s="8">
        <v>1</v>
      </c>
      <c r="K14027" s="9">
        <v>51</v>
      </c>
      <c r="L14027" s="6" t="s">
        <v>51</v>
      </c>
    </row>
    <row r="14028" spans="1:12">
      <c r="A14028" s="6" t="s">
        <v>49</v>
      </c>
      <c r="B14028" s="6"/>
      <c r="C14028" s="6" t="s">
        <v>14052</v>
      </c>
      <c r="D14028" s="6"/>
      <c r="E14028" s="6" t="s">
        <v>9</v>
      </c>
      <c r="F14028" s="7"/>
      <c r="G14028" s="8">
        <v>1</v>
      </c>
      <c r="H14028" s="8">
        <v>1</v>
      </c>
      <c r="I14028" s="8">
        <v>0</v>
      </c>
      <c r="J14028" s="8">
        <v>1</v>
      </c>
      <c r="K14028" s="9">
        <v>31</v>
      </c>
      <c r="L14028" s="6" t="s">
        <v>51</v>
      </c>
    </row>
    <row r="14029" spans="1:12">
      <c r="A14029" s="6" t="s">
        <v>49</v>
      </c>
      <c r="B14029" s="6"/>
      <c r="C14029" s="6" t="s">
        <v>14053</v>
      </c>
      <c r="D14029" s="6"/>
      <c r="E14029" s="6" t="s">
        <v>9</v>
      </c>
      <c r="F14029" s="7"/>
      <c r="G14029" s="8">
        <v>1</v>
      </c>
      <c r="H14029" s="8">
        <v>1</v>
      </c>
      <c r="I14029" s="8">
        <v>0</v>
      </c>
      <c r="J14029" s="8">
        <v>1</v>
      </c>
      <c r="K14029" s="9">
        <v>7.86</v>
      </c>
      <c r="L14029" s="6" t="s">
        <v>51</v>
      </c>
    </row>
    <row r="14030" spans="1:12">
      <c r="A14030" s="6" t="s">
        <v>49</v>
      </c>
      <c r="B14030" s="6"/>
      <c r="C14030" s="6" t="s">
        <v>14054</v>
      </c>
      <c r="D14030" s="6"/>
      <c r="E14030" s="6" t="s">
        <v>9</v>
      </c>
      <c r="F14030" s="7"/>
      <c r="G14030" s="8">
        <v>1</v>
      </c>
      <c r="H14030" s="8">
        <v>1</v>
      </c>
      <c r="I14030" s="8">
        <v>0</v>
      </c>
      <c r="J14030" s="8">
        <v>1</v>
      </c>
      <c r="K14030" s="9">
        <v>8.82</v>
      </c>
      <c r="L14030" s="6" t="s">
        <v>51</v>
      </c>
    </row>
    <row r="14031" spans="1:12">
      <c r="A14031" s="6" t="s">
        <v>49</v>
      </c>
      <c r="B14031" s="6"/>
      <c r="C14031" s="6" t="s">
        <v>14055</v>
      </c>
      <c r="D14031" s="6"/>
      <c r="E14031" s="6" t="s">
        <v>9</v>
      </c>
      <c r="F14031" s="7"/>
      <c r="G14031" s="8">
        <v>1</v>
      </c>
      <c r="H14031" s="8">
        <v>1</v>
      </c>
      <c r="I14031" s="8">
        <v>0</v>
      </c>
      <c r="J14031" s="8">
        <v>1</v>
      </c>
      <c r="K14031" s="9">
        <v>19</v>
      </c>
      <c r="L14031" s="6" t="s">
        <v>51</v>
      </c>
    </row>
    <row r="14032" spans="1:12">
      <c r="A14032" s="6" t="s">
        <v>49</v>
      </c>
      <c r="B14032" s="6"/>
      <c r="C14032" s="6" t="s">
        <v>14056</v>
      </c>
      <c r="D14032" s="6"/>
      <c r="E14032" s="6" t="s">
        <v>9</v>
      </c>
      <c r="F14032" s="7"/>
      <c r="G14032" s="8">
        <v>1</v>
      </c>
      <c r="H14032" s="8">
        <v>1</v>
      </c>
      <c r="I14032" s="8">
        <v>0</v>
      </c>
      <c r="J14032" s="8">
        <v>1</v>
      </c>
      <c r="K14032" s="9">
        <v>5.54</v>
      </c>
      <c r="L14032" s="6" t="s">
        <v>51</v>
      </c>
    </row>
    <row r="14033" spans="1:12">
      <c r="A14033" s="6" t="s">
        <v>49</v>
      </c>
      <c r="B14033" s="6"/>
      <c r="C14033" s="6" t="s">
        <v>14057</v>
      </c>
      <c r="D14033" s="6"/>
      <c r="E14033" s="6" t="s">
        <v>9</v>
      </c>
      <c r="F14033" s="7">
        <v>39616</v>
      </c>
      <c r="G14033" s="8">
        <v>1</v>
      </c>
      <c r="H14033" s="8">
        <v>1</v>
      </c>
      <c r="I14033" s="8">
        <v>0</v>
      </c>
      <c r="J14033" s="8">
        <v>1</v>
      </c>
      <c r="K14033" s="9">
        <v>2697</v>
      </c>
      <c r="L14033" s="6" t="s">
        <v>51</v>
      </c>
    </row>
    <row r="14034" spans="1:12">
      <c r="A14034" s="6" t="s">
        <v>49</v>
      </c>
      <c r="B14034" s="6"/>
      <c r="C14034" s="6" t="s">
        <v>14058</v>
      </c>
      <c r="D14034" s="6"/>
      <c r="E14034" s="6" t="s">
        <v>9</v>
      </c>
      <c r="F14034" s="7">
        <v>39616</v>
      </c>
      <c r="G14034" s="8">
        <v>1</v>
      </c>
      <c r="H14034" s="8">
        <v>1</v>
      </c>
      <c r="I14034" s="8">
        <v>0</v>
      </c>
      <c r="J14034" s="8">
        <v>1</v>
      </c>
      <c r="K14034" s="9">
        <v>2692</v>
      </c>
      <c r="L14034" s="6" t="s">
        <v>51</v>
      </c>
    </row>
    <row r="14035" spans="1:12">
      <c r="A14035" s="6" t="s">
        <v>49</v>
      </c>
      <c r="B14035" s="6"/>
      <c r="C14035" s="6" t="s">
        <v>14059</v>
      </c>
      <c r="D14035" s="6"/>
      <c r="E14035" s="6" t="s">
        <v>9</v>
      </c>
      <c r="F14035" s="7">
        <v>39616</v>
      </c>
      <c r="G14035" s="8">
        <v>1</v>
      </c>
      <c r="H14035" s="8">
        <v>1</v>
      </c>
      <c r="I14035" s="8">
        <v>0</v>
      </c>
      <c r="J14035" s="8">
        <v>1</v>
      </c>
      <c r="K14035" s="9">
        <v>1074</v>
      </c>
      <c r="L14035" s="6" t="s">
        <v>51</v>
      </c>
    </row>
    <row r="14036" spans="1:12">
      <c r="A14036" s="6" t="s">
        <v>49</v>
      </c>
      <c r="B14036" s="6"/>
      <c r="C14036" s="6" t="s">
        <v>14060</v>
      </c>
      <c r="D14036" s="6"/>
      <c r="E14036" s="6" t="s">
        <v>9</v>
      </c>
      <c r="F14036" s="7">
        <v>38657</v>
      </c>
      <c r="G14036" s="8">
        <v>1</v>
      </c>
      <c r="H14036" s="8">
        <v>1</v>
      </c>
      <c r="I14036" s="8">
        <v>0</v>
      </c>
      <c r="J14036" s="8">
        <v>1</v>
      </c>
      <c r="K14036" s="9">
        <v>69</v>
      </c>
      <c r="L14036" s="6" t="s">
        <v>51</v>
      </c>
    </row>
    <row r="14037" spans="1:12">
      <c r="A14037" s="6" t="s">
        <v>49</v>
      </c>
      <c r="B14037" s="6"/>
      <c r="C14037" s="6" t="s">
        <v>14061</v>
      </c>
      <c r="D14037" s="6"/>
      <c r="E14037" s="6" t="s">
        <v>9</v>
      </c>
      <c r="F14037" s="7">
        <v>39616</v>
      </c>
      <c r="G14037" s="8">
        <v>1</v>
      </c>
      <c r="H14037" s="8">
        <v>1</v>
      </c>
      <c r="I14037" s="8">
        <v>0</v>
      </c>
      <c r="J14037" s="8">
        <v>1</v>
      </c>
      <c r="K14037" s="9">
        <v>508</v>
      </c>
      <c r="L14037" s="6" t="s">
        <v>51</v>
      </c>
    </row>
    <row r="14038" spans="1:12">
      <c r="A14038" s="6" t="s">
        <v>49</v>
      </c>
      <c r="B14038" s="6"/>
      <c r="C14038" s="6" t="s">
        <v>14062</v>
      </c>
      <c r="D14038" s="6"/>
      <c r="E14038" s="6" t="s">
        <v>9</v>
      </c>
      <c r="F14038" s="7">
        <v>39616</v>
      </c>
      <c r="G14038" s="8">
        <v>1</v>
      </c>
      <c r="H14038" s="8">
        <v>1</v>
      </c>
      <c r="I14038" s="8">
        <v>0</v>
      </c>
      <c r="J14038" s="8">
        <v>1</v>
      </c>
      <c r="K14038" s="9">
        <v>2326</v>
      </c>
      <c r="L14038" s="6" t="s">
        <v>51</v>
      </c>
    </row>
    <row r="14039" spans="1:12">
      <c r="A14039" s="6" t="s">
        <v>49</v>
      </c>
      <c r="B14039" s="6"/>
      <c r="C14039" s="6" t="s">
        <v>14063</v>
      </c>
      <c r="D14039" s="6"/>
      <c r="E14039" s="6" t="s">
        <v>9</v>
      </c>
      <c r="F14039" s="7">
        <v>39616</v>
      </c>
      <c r="G14039" s="8">
        <v>1</v>
      </c>
      <c r="H14039" s="8">
        <v>1</v>
      </c>
      <c r="I14039" s="8">
        <v>0</v>
      </c>
      <c r="J14039" s="8">
        <v>1</v>
      </c>
      <c r="K14039" s="9">
        <v>1267</v>
      </c>
      <c r="L14039" s="6" t="s">
        <v>51</v>
      </c>
    </row>
    <row r="14040" spans="1:12">
      <c r="A14040" s="6" t="s">
        <v>49</v>
      </c>
      <c r="B14040" s="6"/>
      <c r="C14040" s="6" t="s">
        <v>14064</v>
      </c>
      <c r="D14040" s="6"/>
      <c r="E14040" s="6" t="s">
        <v>9</v>
      </c>
      <c r="F14040" s="7">
        <v>39616</v>
      </c>
      <c r="G14040" s="8">
        <v>1</v>
      </c>
      <c r="H14040" s="8">
        <v>1</v>
      </c>
      <c r="I14040" s="8">
        <v>0</v>
      </c>
      <c r="J14040" s="8">
        <v>1</v>
      </c>
      <c r="K14040" s="9">
        <v>1401</v>
      </c>
      <c r="L14040" s="6" t="s">
        <v>51</v>
      </c>
    </row>
    <row r="14041" spans="1:12">
      <c r="A14041" s="6" t="s">
        <v>49</v>
      </c>
      <c r="B14041" s="6"/>
      <c r="C14041" s="6" t="s">
        <v>14065</v>
      </c>
      <c r="D14041" s="6"/>
      <c r="E14041" s="6" t="s">
        <v>9</v>
      </c>
      <c r="F14041" s="7">
        <v>39616</v>
      </c>
      <c r="G14041" s="8">
        <v>1</v>
      </c>
      <c r="H14041" s="8">
        <v>1</v>
      </c>
      <c r="I14041" s="8">
        <v>0</v>
      </c>
      <c r="J14041" s="8">
        <v>1</v>
      </c>
      <c r="K14041" s="9">
        <v>2885</v>
      </c>
      <c r="L14041" s="6" t="s">
        <v>51</v>
      </c>
    </row>
    <row r="14042" spans="1:12">
      <c r="A14042" s="6" t="s">
        <v>49</v>
      </c>
      <c r="B14042" s="6"/>
      <c r="C14042" s="6" t="s">
        <v>14066</v>
      </c>
      <c r="D14042" s="6"/>
      <c r="E14042" s="6" t="s">
        <v>9</v>
      </c>
      <c r="F14042" s="7">
        <v>39616</v>
      </c>
      <c r="G14042" s="8">
        <v>1</v>
      </c>
      <c r="H14042" s="8">
        <v>1</v>
      </c>
      <c r="I14042" s="8">
        <v>0</v>
      </c>
      <c r="J14042" s="8">
        <v>1</v>
      </c>
      <c r="K14042" s="9">
        <v>328</v>
      </c>
      <c r="L14042" s="6" t="s">
        <v>51</v>
      </c>
    </row>
    <row r="14043" spans="1:12">
      <c r="A14043" s="6" t="s">
        <v>49</v>
      </c>
      <c r="B14043" s="6"/>
      <c r="C14043" s="6" t="s">
        <v>14067</v>
      </c>
      <c r="D14043" s="6"/>
      <c r="E14043" s="6" t="s">
        <v>9</v>
      </c>
      <c r="F14043" s="7">
        <v>39616</v>
      </c>
      <c r="G14043" s="8">
        <v>1</v>
      </c>
      <c r="H14043" s="8">
        <v>1</v>
      </c>
      <c r="I14043" s="8">
        <v>0</v>
      </c>
      <c r="J14043" s="8">
        <v>1</v>
      </c>
      <c r="K14043" s="9">
        <v>319</v>
      </c>
      <c r="L14043" s="6" t="s">
        <v>51</v>
      </c>
    </row>
    <row r="14044" spans="1:12">
      <c r="A14044" s="6" t="s">
        <v>49</v>
      </c>
      <c r="B14044" s="6"/>
      <c r="C14044" s="6" t="s">
        <v>14068</v>
      </c>
      <c r="D14044" s="6"/>
      <c r="E14044" s="6" t="s">
        <v>9</v>
      </c>
      <c r="F14044" s="7">
        <v>39616</v>
      </c>
      <c r="G14044" s="8">
        <v>1</v>
      </c>
      <c r="H14044" s="8">
        <v>1</v>
      </c>
      <c r="I14044" s="8">
        <v>0</v>
      </c>
      <c r="J14044" s="8">
        <v>1</v>
      </c>
      <c r="K14044" s="9">
        <v>364</v>
      </c>
      <c r="L14044" s="6" t="s">
        <v>51</v>
      </c>
    </row>
    <row r="14045" spans="1:12">
      <c r="A14045" s="6" t="s">
        <v>49</v>
      </c>
      <c r="B14045" s="6"/>
      <c r="C14045" s="6" t="s">
        <v>14069</v>
      </c>
      <c r="D14045" s="6"/>
      <c r="E14045" s="6" t="s">
        <v>9</v>
      </c>
      <c r="F14045" s="7">
        <v>39616</v>
      </c>
      <c r="G14045" s="8">
        <v>1</v>
      </c>
      <c r="H14045" s="8">
        <v>1</v>
      </c>
      <c r="I14045" s="8">
        <v>0</v>
      </c>
      <c r="J14045" s="8">
        <v>1</v>
      </c>
      <c r="K14045" s="9">
        <v>651</v>
      </c>
      <c r="L14045" s="6" t="s">
        <v>51</v>
      </c>
    </row>
    <row r="14046" spans="1:12">
      <c r="A14046" s="6" t="s">
        <v>49</v>
      </c>
      <c r="B14046" s="6"/>
      <c r="C14046" s="6" t="s">
        <v>14070</v>
      </c>
      <c r="D14046" s="6"/>
      <c r="E14046" s="6" t="s">
        <v>9</v>
      </c>
      <c r="F14046" s="7">
        <v>39616</v>
      </c>
      <c r="G14046" s="8">
        <v>1</v>
      </c>
      <c r="H14046" s="8">
        <v>1</v>
      </c>
      <c r="I14046" s="8">
        <v>0</v>
      </c>
      <c r="J14046" s="8">
        <v>1</v>
      </c>
      <c r="K14046" s="9">
        <v>1159</v>
      </c>
      <c r="L14046" s="6" t="s">
        <v>51</v>
      </c>
    </row>
    <row r="14047" spans="1:12">
      <c r="A14047" s="6" t="s">
        <v>49</v>
      </c>
      <c r="B14047" s="6"/>
      <c r="C14047" s="6" t="s">
        <v>14071</v>
      </c>
      <c r="D14047" s="6"/>
      <c r="E14047" s="6" t="s">
        <v>9</v>
      </c>
      <c r="F14047" s="7">
        <v>38657</v>
      </c>
      <c r="G14047" s="8">
        <v>1</v>
      </c>
      <c r="H14047" s="8">
        <v>1</v>
      </c>
      <c r="I14047" s="8">
        <v>0</v>
      </c>
      <c r="J14047" s="8">
        <v>1</v>
      </c>
      <c r="K14047" s="9">
        <v>79</v>
      </c>
      <c r="L14047" s="6" t="s">
        <v>51</v>
      </c>
    </row>
    <row r="14048" spans="1:12">
      <c r="A14048" s="6" t="s">
        <v>49</v>
      </c>
      <c r="B14048" s="6"/>
      <c r="C14048" s="6" t="s">
        <v>14072</v>
      </c>
      <c r="D14048" s="6"/>
      <c r="E14048" s="6" t="s">
        <v>9</v>
      </c>
      <c r="F14048" s="7">
        <v>39616</v>
      </c>
      <c r="G14048" s="8">
        <v>1</v>
      </c>
      <c r="H14048" s="8">
        <v>1</v>
      </c>
      <c r="I14048" s="8">
        <v>0</v>
      </c>
      <c r="J14048" s="8">
        <v>1</v>
      </c>
      <c r="K14048" s="9">
        <v>2898</v>
      </c>
      <c r="L14048" s="6" t="s">
        <v>51</v>
      </c>
    </row>
    <row r="14049" spans="1:12">
      <c r="A14049" s="6" t="s">
        <v>49</v>
      </c>
      <c r="B14049" s="6"/>
      <c r="C14049" s="6" t="s">
        <v>14073</v>
      </c>
      <c r="D14049" s="6"/>
      <c r="E14049" s="6" t="s">
        <v>9</v>
      </c>
      <c r="F14049" s="7">
        <v>39616</v>
      </c>
      <c r="G14049" s="8">
        <v>1</v>
      </c>
      <c r="H14049" s="8">
        <v>1</v>
      </c>
      <c r="I14049" s="8">
        <v>0</v>
      </c>
      <c r="J14049" s="8">
        <v>1</v>
      </c>
      <c r="K14049" s="9">
        <v>435</v>
      </c>
      <c r="L14049" s="6" t="s">
        <v>51</v>
      </c>
    </row>
    <row r="14050" spans="1:12">
      <c r="A14050" s="6" t="s">
        <v>49</v>
      </c>
      <c r="B14050" s="6"/>
      <c r="C14050" s="6" t="s">
        <v>14074</v>
      </c>
      <c r="D14050" s="6"/>
      <c r="E14050" s="6" t="s">
        <v>9</v>
      </c>
      <c r="F14050" s="7">
        <v>39616</v>
      </c>
      <c r="G14050" s="8">
        <v>1</v>
      </c>
      <c r="H14050" s="8">
        <v>1</v>
      </c>
      <c r="I14050" s="8">
        <v>0</v>
      </c>
      <c r="J14050" s="8">
        <v>1</v>
      </c>
      <c r="K14050" s="9">
        <v>738</v>
      </c>
      <c r="L14050" s="6" t="s">
        <v>51</v>
      </c>
    </row>
    <row r="14051" spans="1:12">
      <c r="A14051" s="6" t="s">
        <v>49</v>
      </c>
      <c r="B14051" s="6"/>
      <c r="C14051" s="6" t="s">
        <v>14075</v>
      </c>
      <c r="D14051" s="6"/>
      <c r="E14051" s="6" t="s">
        <v>9</v>
      </c>
      <c r="F14051" s="7">
        <v>39616</v>
      </c>
      <c r="G14051" s="8">
        <v>1</v>
      </c>
      <c r="H14051" s="8">
        <v>1</v>
      </c>
      <c r="I14051" s="8">
        <v>0</v>
      </c>
      <c r="J14051" s="8">
        <v>1</v>
      </c>
      <c r="K14051" s="9">
        <v>796</v>
      </c>
      <c r="L14051" s="6" t="s">
        <v>51</v>
      </c>
    </row>
    <row r="14052" spans="1:12">
      <c r="A14052" s="6" t="s">
        <v>49</v>
      </c>
      <c r="B14052" s="6"/>
      <c r="C14052" s="6" t="s">
        <v>14076</v>
      </c>
      <c r="D14052" s="6"/>
      <c r="E14052" s="6" t="s">
        <v>9</v>
      </c>
      <c r="F14052" s="7">
        <v>39616</v>
      </c>
      <c r="G14052" s="8">
        <v>1</v>
      </c>
      <c r="H14052" s="8">
        <v>1</v>
      </c>
      <c r="I14052" s="8">
        <v>0</v>
      </c>
      <c r="J14052" s="8">
        <v>1</v>
      </c>
      <c r="K14052" s="9">
        <v>509</v>
      </c>
      <c r="L14052" s="6" t="s">
        <v>51</v>
      </c>
    </row>
    <row r="14053" spans="1:12">
      <c r="A14053" s="6" t="s">
        <v>49</v>
      </c>
      <c r="B14053" s="6"/>
      <c r="C14053" s="6" t="s">
        <v>14077</v>
      </c>
      <c r="D14053" s="6"/>
      <c r="E14053" s="6" t="s">
        <v>9</v>
      </c>
      <c r="F14053" s="7">
        <v>39616</v>
      </c>
      <c r="G14053" s="8">
        <v>1</v>
      </c>
      <c r="H14053" s="8">
        <v>1</v>
      </c>
      <c r="I14053" s="8">
        <v>0</v>
      </c>
      <c r="J14053" s="8">
        <v>1</v>
      </c>
      <c r="K14053" s="9">
        <v>1589</v>
      </c>
      <c r="L14053" s="6" t="s">
        <v>51</v>
      </c>
    </row>
    <row r="14054" spans="1:12">
      <c r="A14054" s="6" t="s">
        <v>49</v>
      </c>
      <c r="B14054" s="6"/>
      <c r="C14054" s="6" t="s">
        <v>14078</v>
      </c>
      <c r="D14054" s="6"/>
      <c r="E14054" s="6" t="s">
        <v>9</v>
      </c>
      <c r="F14054" s="7">
        <v>39616</v>
      </c>
      <c r="G14054" s="8">
        <v>1</v>
      </c>
      <c r="H14054" s="8">
        <v>1</v>
      </c>
      <c r="I14054" s="8">
        <v>0</v>
      </c>
      <c r="J14054" s="8">
        <v>1</v>
      </c>
      <c r="K14054" s="9">
        <v>1840</v>
      </c>
      <c r="L14054" s="6" t="s">
        <v>51</v>
      </c>
    </row>
    <row r="14055" spans="1:12">
      <c r="A14055" s="6" t="s">
        <v>49</v>
      </c>
      <c r="B14055" s="6"/>
      <c r="C14055" s="6" t="s">
        <v>14079</v>
      </c>
      <c r="D14055" s="6"/>
      <c r="E14055" s="6" t="s">
        <v>9</v>
      </c>
      <c r="F14055" s="7">
        <v>38657</v>
      </c>
      <c r="G14055" s="8">
        <v>1</v>
      </c>
      <c r="H14055" s="8">
        <v>1</v>
      </c>
      <c r="I14055" s="8">
        <v>0</v>
      </c>
      <c r="J14055" s="8">
        <v>1</v>
      </c>
      <c r="K14055" s="9">
        <v>130</v>
      </c>
      <c r="L14055" s="6" t="s">
        <v>51</v>
      </c>
    </row>
    <row r="14056" spans="1:12">
      <c r="A14056" s="6" t="s">
        <v>49</v>
      </c>
      <c r="B14056" s="6"/>
      <c r="C14056" s="6" t="s">
        <v>14080</v>
      </c>
      <c r="D14056" s="6"/>
      <c r="E14056" s="6" t="s">
        <v>9</v>
      </c>
      <c r="F14056" s="7">
        <v>38657</v>
      </c>
      <c r="G14056" s="8">
        <v>1</v>
      </c>
      <c r="H14056" s="8">
        <v>1</v>
      </c>
      <c r="I14056" s="8">
        <v>0</v>
      </c>
      <c r="J14056" s="8">
        <v>1</v>
      </c>
      <c r="K14056" s="9">
        <v>429.16</v>
      </c>
      <c r="L14056" s="6" t="s">
        <v>51</v>
      </c>
    </row>
    <row r="14057" spans="1:12">
      <c r="A14057" s="6" t="s">
        <v>49</v>
      </c>
      <c r="B14057" s="6"/>
      <c r="C14057" s="6" t="s">
        <v>14081</v>
      </c>
      <c r="D14057" s="6"/>
      <c r="E14057" s="6" t="s">
        <v>9</v>
      </c>
      <c r="F14057" s="7">
        <v>38657</v>
      </c>
      <c r="G14057" s="8">
        <v>1</v>
      </c>
      <c r="H14057" s="8">
        <v>1</v>
      </c>
      <c r="I14057" s="8">
        <v>0</v>
      </c>
      <c r="J14057" s="8">
        <v>1</v>
      </c>
      <c r="K14057" s="9">
        <v>218.34</v>
      </c>
      <c r="L14057" s="6" t="s">
        <v>51</v>
      </c>
    </row>
    <row r="14058" spans="1:12">
      <c r="A14058" s="6" t="s">
        <v>49</v>
      </c>
      <c r="B14058" s="6"/>
      <c r="C14058" s="6" t="s">
        <v>14082</v>
      </c>
      <c r="D14058" s="6"/>
      <c r="E14058" s="6" t="s">
        <v>9</v>
      </c>
      <c r="F14058" s="7">
        <v>38657</v>
      </c>
      <c r="G14058" s="8">
        <v>1</v>
      </c>
      <c r="H14058" s="8">
        <v>1</v>
      </c>
      <c r="I14058" s="8">
        <v>0</v>
      </c>
      <c r="J14058" s="8">
        <v>1</v>
      </c>
      <c r="K14058" s="9">
        <v>66</v>
      </c>
      <c r="L14058" s="6" t="s">
        <v>51</v>
      </c>
    </row>
    <row r="14059" spans="1:12">
      <c r="A14059" s="6" t="s">
        <v>49</v>
      </c>
      <c r="B14059" s="6"/>
      <c r="C14059" s="6" t="s">
        <v>14083</v>
      </c>
      <c r="D14059" s="6"/>
      <c r="E14059" s="6" t="s">
        <v>9</v>
      </c>
      <c r="F14059" s="7">
        <v>38657</v>
      </c>
      <c r="G14059" s="8">
        <v>1</v>
      </c>
      <c r="H14059" s="8">
        <v>1</v>
      </c>
      <c r="I14059" s="8">
        <v>0</v>
      </c>
      <c r="J14059" s="8">
        <v>1</v>
      </c>
      <c r="K14059" s="9">
        <v>8.09</v>
      </c>
      <c r="L14059" s="6" t="s">
        <v>51</v>
      </c>
    </row>
    <row r="14060" spans="1:12">
      <c r="A14060" s="6" t="s">
        <v>49</v>
      </c>
      <c r="B14060" s="6"/>
      <c r="C14060" s="6" t="s">
        <v>14084</v>
      </c>
      <c r="D14060" s="6"/>
      <c r="E14060" s="6" t="s">
        <v>9</v>
      </c>
      <c r="F14060" s="7">
        <v>38657</v>
      </c>
      <c r="G14060" s="8">
        <v>1</v>
      </c>
      <c r="H14060" s="8">
        <v>1</v>
      </c>
      <c r="I14060" s="8">
        <v>0</v>
      </c>
      <c r="J14060" s="8">
        <v>1</v>
      </c>
      <c r="K14060" s="9">
        <v>20</v>
      </c>
      <c r="L14060" s="6" t="s">
        <v>51</v>
      </c>
    </row>
    <row r="14061" spans="1:12">
      <c r="A14061" s="6" t="s">
        <v>49</v>
      </c>
      <c r="B14061" s="6"/>
      <c r="C14061" s="6" t="s">
        <v>14085</v>
      </c>
      <c r="D14061" s="6"/>
      <c r="E14061" s="6" t="s">
        <v>9</v>
      </c>
      <c r="F14061" s="7">
        <v>38657</v>
      </c>
      <c r="G14061" s="8">
        <v>1</v>
      </c>
      <c r="H14061" s="8">
        <v>1</v>
      </c>
      <c r="I14061" s="8">
        <v>0</v>
      </c>
      <c r="J14061" s="8">
        <v>1</v>
      </c>
      <c r="K14061" s="9">
        <v>42</v>
      </c>
      <c r="L14061" s="6" t="s">
        <v>51</v>
      </c>
    </row>
    <row r="14062" spans="1:12">
      <c r="A14062" s="6" t="s">
        <v>49</v>
      </c>
      <c r="B14062" s="6"/>
      <c r="C14062" s="6" t="s">
        <v>14086</v>
      </c>
      <c r="D14062" s="6"/>
      <c r="E14062" s="6" t="s">
        <v>9</v>
      </c>
      <c r="F14062" s="7">
        <v>38657</v>
      </c>
      <c r="G14062" s="8">
        <v>1</v>
      </c>
      <c r="H14062" s="8">
        <v>1</v>
      </c>
      <c r="I14062" s="8">
        <v>0</v>
      </c>
      <c r="J14062" s="8">
        <v>1</v>
      </c>
      <c r="K14062" s="9">
        <v>322.89</v>
      </c>
      <c r="L14062" s="6" t="s">
        <v>51</v>
      </c>
    </row>
    <row r="14063" spans="1:12">
      <c r="A14063" s="6" t="s">
        <v>49</v>
      </c>
      <c r="B14063" s="6"/>
      <c r="C14063" s="6" t="s">
        <v>14087</v>
      </c>
      <c r="D14063" s="6"/>
      <c r="E14063" s="6" t="s">
        <v>9</v>
      </c>
      <c r="F14063" s="7">
        <v>38657</v>
      </c>
      <c r="G14063" s="8">
        <v>1</v>
      </c>
      <c r="H14063" s="8">
        <v>1</v>
      </c>
      <c r="I14063" s="8">
        <v>0</v>
      </c>
      <c r="J14063" s="8">
        <v>1</v>
      </c>
      <c r="K14063" s="9">
        <v>2.85</v>
      </c>
      <c r="L14063" s="6" t="s">
        <v>51</v>
      </c>
    </row>
    <row r="14064" spans="1:12">
      <c r="A14064" s="6" t="s">
        <v>49</v>
      </c>
      <c r="B14064" s="6"/>
      <c r="C14064" s="6" t="s">
        <v>14088</v>
      </c>
      <c r="D14064" s="6"/>
      <c r="E14064" s="6" t="s">
        <v>9</v>
      </c>
      <c r="F14064" s="7">
        <v>38657</v>
      </c>
      <c r="G14064" s="8">
        <v>1</v>
      </c>
      <c r="H14064" s="8">
        <v>1</v>
      </c>
      <c r="I14064" s="8">
        <v>0</v>
      </c>
      <c r="J14064" s="8">
        <v>1</v>
      </c>
      <c r="K14064" s="9">
        <v>18</v>
      </c>
      <c r="L14064" s="6" t="s">
        <v>51</v>
      </c>
    </row>
    <row r="14065" spans="1:12">
      <c r="A14065" s="6" t="s">
        <v>49</v>
      </c>
      <c r="B14065" s="6"/>
      <c r="C14065" s="6" t="s">
        <v>14089</v>
      </c>
      <c r="D14065" s="6"/>
      <c r="E14065" s="6" t="s">
        <v>9</v>
      </c>
      <c r="F14065" s="7">
        <v>38657</v>
      </c>
      <c r="G14065" s="8">
        <v>1</v>
      </c>
      <c r="H14065" s="8">
        <v>1</v>
      </c>
      <c r="I14065" s="8">
        <v>0</v>
      </c>
      <c r="J14065" s="8">
        <v>1</v>
      </c>
      <c r="K14065" s="9">
        <v>9.14</v>
      </c>
      <c r="L14065" s="6" t="s">
        <v>51</v>
      </c>
    </row>
    <row r="14066" spans="1:12">
      <c r="A14066" s="6" t="s">
        <v>49</v>
      </c>
      <c r="B14066" s="6"/>
      <c r="C14066" s="6" t="s">
        <v>14090</v>
      </c>
      <c r="D14066" s="6"/>
      <c r="E14066" s="6" t="s">
        <v>9</v>
      </c>
      <c r="F14066" s="7">
        <v>38657</v>
      </c>
      <c r="G14066" s="8">
        <v>1</v>
      </c>
      <c r="H14066" s="8">
        <v>1</v>
      </c>
      <c r="I14066" s="8">
        <v>0</v>
      </c>
      <c r="J14066" s="8">
        <v>1</v>
      </c>
      <c r="K14066" s="9">
        <v>12</v>
      </c>
      <c r="L14066" s="6" t="s">
        <v>51</v>
      </c>
    </row>
    <row r="14067" spans="1:12">
      <c r="A14067" s="6" t="s">
        <v>49</v>
      </c>
      <c r="B14067" s="6"/>
      <c r="C14067" s="6" t="s">
        <v>14091</v>
      </c>
      <c r="D14067" s="6"/>
      <c r="E14067" s="6" t="s">
        <v>9</v>
      </c>
      <c r="F14067" s="7">
        <v>38657</v>
      </c>
      <c r="G14067" s="8">
        <v>1</v>
      </c>
      <c r="H14067" s="8">
        <v>1</v>
      </c>
      <c r="I14067" s="8">
        <v>0</v>
      </c>
      <c r="J14067" s="8">
        <v>1</v>
      </c>
      <c r="K14067" s="9">
        <v>15</v>
      </c>
      <c r="L14067" s="6" t="s">
        <v>51</v>
      </c>
    </row>
    <row r="14068" spans="1:12">
      <c r="A14068" s="6" t="s">
        <v>49</v>
      </c>
      <c r="B14068" s="6"/>
      <c r="C14068" s="6" t="s">
        <v>14092</v>
      </c>
      <c r="D14068" s="6"/>
      <c r="E14068" s="6" t="s">
        <v>9</v>
      </c>
      <c r="F14068" s="7">
        <v>38657</v>
      </c>
      <c r="G14068" s="8">
        <v>1</v>
      </c>
      <c r="H14068" s="8">
        <v>1</v>
      </c>
      <c r="I14068" s="8">
        <v>0</v>
      </c>
      <c r="J14068" s="8">
        <v>1</v>
      </c>
      <c r="K14068" s="9">
        <v>28</v>
      </c>
      <c r="L14068" s="6" t="s">
        <v>51</v>
      </c>
    </row>
    <row r="14069" spans="1:12">
      <c r="A14069" s="6" t="s">
        <v>49</v>
      </c>
      <c r="B14069" s="6"/>
      <c r="C14069" s="6" t="s">
        <v>14093</v>
      </c>
      <c r="D14069" s="6"/>
      <c r="E14069" s="6" t="s">
        <v>9</v>
      </c>
      <c r="F14069" s="7">
        <v>38657</v>
      </c>
      <c r="G14069" s="8">
        <v>1</v>
      </c>
      <c r="H14069" s="8">
        <v>1</v>
      </c>
      <c r="I14069" s="8">
        <v>0</v>
      </c>
      <c r="J14069" s="8">
        <v>1</v>
      </c>
      <c r="K14069" s="9">
        <v>95</v>
      </c>
      <c r="L14069" s="6" t="s">
        <v>51</v>
      </c>
    </row>
    <row r="14070" spans="1:12">
      <c r="A14070" s="6" t="s">
        <v>49</v>
      </c>
      <c r="B14070" s="6"/>
      <c r="C14070" s="6" t="s">
        <v>14094</v>
      </c>
      <c r="D14070" s="6"/>
      <c r="E14070" s="6" t="s">
        <v>9</v>
      </c>
      <c r="F14070" s="7">
        <v>38657</v>
      </c>
      <c r="G14070" s="8">
        <v>1</v>
      </c>
      <c r="H14070" s="8">
        <v>1</v>
      </c>
      <c r="I14070" s="8">
        <v>0</v>
      </c>
      <c r="J14070" s="8">
        <v>1</v>
      </c>
      <c r="K14070" s="9">
        <v>39</v>
      </c>
      <c r="L14070" s="6" t="s">
        <v>51</v>
      </c>
    </row>
    <row r="14071" spans="1:12">
      <c r="A14071" s="6" t="s">
        <v>49</v>
      </c>
      <c r="B14071" s="6"/>
      <c r="C14071" s="6" t="s">
        <v>14095</v>
      </c>
      <c r="D14071" s="6"/>
      <c r="E14071" s="6" t="s">
        <v>9</v>
      </c>
      <c r="F14071" s="7">
        <v>38657</v>
      </c>
      <c r="G14071" s="8">
        <v>1</v>
      </c>
      <c r="H14071" s="8">
        <v>1</v>
      </c>
      <c r="I14071" s="8">
        <v>0</v>
      </c>
      <c r="J14071" s="8">
        <v>1</v>
      </c>
      <c r="K14071" s="9">
        <v>369.5</v>
      </c>
      <c r="L14071" s="6" t="s">
        <v>51</v>
      </c>
    </row>
    <row r="14072" spans="1:12">
      <c r="A14072" s="6" t="s">
        <v>49</v>
      </c>
      <c r="B14072" s="6"/>
      <c r="C14072" s="6" t="s">
        <v>14096</v>
      </c>
      <c r="D14072" s="6"/>
      <c r="E14072" s="6" t="s">
        <v>9</v>
      </c>
      <c r="F14072" s="7">
        <v>38657</v>
      </c>
      <c r="G14072" s="8">
        <v>1</v>
      </c>
      <c r="H14072" s="8">
        <v>1</v>
      </c>
      <c r="I14072" s="8">
        <v>0</v>
      </c>
      <c r="J14072" s="8">
        <v>1</v>
      </c>
      <c r="K14072" s="9">
        <v>711.46</v>
      </c>
      <c r="L14072" s="6" t="s">
        <v>51</v>
      </c>
    </row>
    <row r="14073" spans="1:12">
      <c r="A14073" s="6" t="s">
        <v>49</v>
      </c>
      <c r="B14073" s="6"/>
      <c r="C14073" s="6" t="s">
        <v>14097</v>
      </c>
      <c r="D14073" s="6"/>
      <c r="E14073" s="6" t="s">
        <v>9</v>
      </c>
      <c r="F14073" s="7">
        <v>38657</v>
      </c>
      <c r="G14073" s="8">
        <v>1</v>
      </c>
      <c r="H14073" s="8">
        <v>1</v>
      </c>
      <c r="I14073" s="8">
        <v>0</v>
      </c>
      <c r="J14073" s="8">
        <v>1</v>
      </c>
      <c r="K14073" s="9">
        <v>43.7</v>
      </c>
      <c r="L14073" s="6" t="s">
        <v>51</v>
      </c>
    </row>
    <row r="14074" spans="1:12">
      <c r="A14074" s="6" t="s">
        <v>49</v>
      </c>
      <c r="B14074" s="6"/>
      <c r="C14074" s="6" t="s">
        <v>14098</v>
      </c>
      <c r="D14074" s="6"/>
      <c r="E14074" s="6" t="s">
        <v>9</v>
      </c>
      <c r="F14074" s="7">
        <v>38657</v>
      </c>
      <c r="G14074" s="8">
        <v>1</v>
      </c>
      <c r="H14074" s="8">
        <v>1</v>
      </c>
      <c r="I14074" s="8">
        <v>0</v>
      </c>
      <c r="J14074" s="8">
        <v>1</v>
      </c>
      <c r="K14074" s="9">
        <v>44</v>
      </c>
      <c r="L14074" s="6" t="s">
        <v>51</v>
      </c>
    </row>
    <row r="14075" spans="1:12">
      <c r="A14075" s="6" t="s">
        <v>49</v>
      </c>
      <c r="B14075" s="6"/>
      <c r="C14075" s="6" t="s">
        <v>14099</v>
      </c>
      <c r="D14075" s="6"/>
      <c r="E14075" s="6" t="s">
        <v>9</v>
      </c>
      <c r="F14075" s="7">
        <v>38657</v>
      </c>
      <c r="G14075" s="8">
        <v>1</v>
      </c>
      <c r="H14075" s="8">
        <v>1</v>
      </c>
      <c r="I14075" s="8">
        <v>0</v>
      </c>
      <c r="J14075" s="8">
        <v>1</v>
      </c>
      <c r="K14075" s="9">
        <v>76</v>
      </c>
      <c r="L14075" s="6" t="s">
        <v>51</v>
      </c>
    </row>
    <row r="14076" spans="1:12">
      <c r="A14076" s="6" t="s">
        <v>49</v>
      </c>
      <c r="B14076" s="6"/>
      <c r="C14076" s="6" t="s">
        <v>14100</v>
      </c>
      <c r="D14076" s="6"/>
      <c r="E14076" s="6" t="s">
        <v>9</v>
      </c>
      <c r="F14076" s="7">
        <v>38657</v>
      </c>
      <c r="G14076" s="8">
        <v>1</v>
      </c>
      <c r="H14076" s="8">
        <v>1</v>
      </c>
      <c r="I14076" s="8">
        <v>0</v>
      </c>
      <c r="J14076" s="8">
        <v>1</v>
      </c>
      <c r="K14076" s="9">
        <v>275.20999999999901</v>
      </c>
      <c r="L14076" s="6" t="s">
        <v>51</v>
      </c>
    </row>
    <row r="14077" spans="1:12">
      <c r="A14077" s="6" t="s">
        <v>49</v>
      </c>
      <c r="B14077" s="6"/>
      <c r="C14077" s="6" t="s">
        <v>14101</v>
      </c>
      <c r="D14077" s="6"/>
      <c r="E14077" s="6" t="s">
        <v>9</v>
      </c>
      <c r="F14077" s="7">
        <v>38657</v>
      </c>
      <c r="G14077" s="8">
        <v>1</v>
      </c>
      <c r="H14077" s="8">
        <v>1</v>
      </c>
      <c r="I14077" s="8">
        <v>0</v>
      </c>
      <c r="J14077" s="8">
        <v>1</v>
      </c>
      <c r="K14077" s="9">
        <v>232.34</v>
      </c>
      <c r="L14077" s="6" t="s">
        <v>51</v>
      </c>
    </row>
    <row r="14078" spans="1:12">
      <c r="A14078" s="6" t="s">
        <v>49</v>
      </c>
      <c r="B14078" s="6"/>
      <c r="C14078" s="6" t="s">
        <v>14102</v>
      </c>
      <c r="D14078" s="6"/>
      <c r="E14078" s="6" t="s">
        <v>9</v>
      </c>
      <c r="F14078" s="7">
        <v>38657</v>
      </c>
      <c r="G14078" s="8">
        <v>1</v>
      </c>
      <c r="H14078" s="8">
        <v>1</v>
      </c>
      <c r="I14078" s="8">
        <v>0</v>
      </c>
      <c r="J14078" s="8">
        <v>1</v>
      </c>
      <c r="K14078" s="9">
        <v>577.41999999999905</v>
      </c>
      <c r="L14078" s="6" t="s">
        <v>51</v>
      </c>
    </row>
    <row r="14079" spans="1:12">
      <c r="A14079" s="6" t="s">
        <v>49</v>
      </c>
      <c r="B14079" s="6"/>
      <c r="C14079" s="6" t="s">
        <v>14103</v>
      </c>
      <c r="D14079" s="6"/>
      <c r="E14079" s="6" t="s">
        <v>9</v>
      </c>
      <c r="F14079" s="7">
        <v>38657</v>
      </c>
      <c r="G14079" s="8">
        <v>1</v>
      </c>
      <c r="H14079" s="8">
        <v>1</v>
      </c>
      <c r="I14079" s="8">
        <v>0</v>
      </c>
      <c r="J14079" s="8">
        <v>1</v>
      </c>
      <c r="K14079" s="9">
        <v>0.5</v>
      </c>
      <c r="L14079" s="6" t="s">
        <v>51</v>
      </c>
    </row>
    <row r="14080" spans="1:12">
      <c r="A14080" s="6" t="s">
        <v>49</v>
      </c>
      <c r="B14080" s="6"/>
      <c r="C14080" s="6" t="s">
        <v>14104</v>
      </c>
      <c r="D14080" s="6"/>
      <c r="E14080" s="6" t="s">
        <v>9</v>
      </c>
      <c r="F14080" s="7">
        <v>38657</v>
      </c>
      <c r="G14080" s="8">
        <v>1</v>
      </c>
      <c r="H14080" s="8">
        <v>1</v>
      </c>
      <c r="I14080" s="8">
        <v>0</v>
      </c>
      <c r="J14080" s="8">
        <v>1</v>
      </c>
      <c r="K14080" s="9">
        <v>85</v>
      </c>
      <c r="L14080" s="6" t="s">
        <v>51</v>
      </c>
    </row>
    <row r="14081" spans="1:12">
      <c r="A14081" s="6" t="s">
        <v>49</v>
      </c>
      <c r="B14081" s="6"/>
      <c r="C14081" s="6" t="s">
        <v>14105</v>
      </c>
      <c r="D14081" s="6"/>
      <c r="E14081" s="6" t="s">
        <v>9</v>
      </c>
      <c r="F14081" s="7">
        <v>38657</v>
      </c>
      <c r="G14081" s="8">
        <v>1</v>
      </c>
      <c r="H14081" s="8">
        <v>1</v>
      </c>
      <c r="I14081" s="8">
        <v>0</v>
      </c>
      <c r="J14081" s="8">
        <v>1</v>
      </c>
      <c r="K14081" s="9">
        <v>0.5</v>
      </c>
      <c r="L14081" s="6" t="s">
        <v>51</v>
      </c>
    </row>
    <row r="14082" spans="1:12">
      <c r="A14082" s="6" t="s">
        <v>49</v>
      </c>
      <c r="B14082" s="6"/>
      <c r="C14082" s="6" t="s">
        <v>14106</v>
      </c>
      <c r="D14082" s="6"/>
      <c r="E14082" s="6" t="s">
        <v>9</v>
      </c>
      <c r="F14082" s="7">
        <v>38657</v>
      </c>
      <c r="G14082" s="8">
        <v>1</v>
      </c>
      <c r="H14082" s="8">
        <v>1</v>
      </c>
      <c r="I14082" s="8">
        <v>0</v>
      </c>
      <c r="J14082" s="8">
        <v>1</v>
      </c>
      <c r="K14082" s="9">
        <v>321.75</v>
      </c>
      <c r="L14082" s="6" t="s">
        <v>51</v>
      </c>
    </row>
    <row r="14083" spans="1:12">
      <c r="A14083" s="6" t="s">
        <v>49</v>
      </c>
      <c r="B14083" s="6"/>
      <c r="C14083" s="6" t="s">
        <v>14107</v>
      </c>
      <c r="D14083" s="6"/>
      <c r="E14083" s="6" t="s">
        <v>9</v>
      </c>
      <c r="F14083" s="7">
        <v>38657</v>
      </c>
      <c r="G14083" s="8">
        <v>1</v>
      </c>
      <c r="H14083" s="8">
        <v>1</v>
      </c>
      <c r="I14083" s="8">
        <v>0</v>
      </c>
      <c r="J14083" s="8">
        <v>1</v>
      </c>
      <c r="K14083" s="9">
        <v>1167.0999999999899</v>
      </c>
      <c r="L14083" s="6" t="s">
        <v>51</v>
      </c>
    </row>
    <row r="14084" spans="1:12">
      <c r="A14084" s="6" t="s">
        <v>49</v>
      </c>
      <c r="B14084" s="6"/>
      <c r="C14084" s="6" t="s">
        <v>14108</v>
      </c>
      <c r="D14084" s="6"/>
      <c r="E14084" s="6" t="s">
        <v>9</v>
      </c>
      <c r="F14084" s="7">
        <v>38657</v>
      </c>
      <c r="G14084" s="8">
        <v>1</v>
      </c>
      <c r="H14084" s="8">
        <v>1</v>
      </c>
      <c r="I14084" s="8">
        <v>0</v>
      </c>
      <c r="J14084" s="8">
        <v>1</v>
      </c>
      <c r="K14084" s="9">
        <v>159.44999999999899</v>
      </c>
      <c r="L14084" s="6" t="s">
        <v>51</v>
      </c>
    </row>
    <row r="14085" spans="1:12">
      <c r="A14085" s="6" t="s">
        <v>49</v>
      </c>
      <c r="B14085" s="6"/>
      <c r="C14085" s="6" t="s">
        <v>14109</v>
      </c>
      <c r="D14085" s="6"/>
      <c r="E14085" s="6" t="s">
        <v>9</v>
      </c>
      <c r="F14085" s="7">
        <v>38657</v>
      </c>
      <c r="G14085" s="8">
        <v>1</v>
      </c>
      <c r="H14085" s="8">
        <v>1</v>
      </c>
      <c r="I14085" s="8">
        <v>0</v>
      </c>
      <c r="J14085" s="8">
        <v>1</v>
      </c>
      <c r="K14085" s="9">
        <v>1.85</v>
      </c>
      <c r="L14085" s="6" t="s">
        <v>51</v>
      </c>
    </row>
    <row r="14086" spans="1:12">
      <c r="A14086" s="6" t="s">
        <v>49</v>
      </c>
      <c r="B14086" s="6"/>
      <c r="C14086" s="6" t="s">
        <v>14110</v>
      </c>
      <c r="D14086" s="6"/>
      <c r="E14086" s="6" t="s">
        <v>9</v>
      </c>
      <c r="F14086" s="7">
        <v>38657</v>
      </c>
      <c r="G14086" s="8">
        <v>1</v>
      </c>
      <c r="H14086" s="8">
        <v>1</v>
      </c>
      <c r="I14086" s="8">
        <v>0</v>
      </c>
      <c r="J14086" s="8">
        <v>1</v>
      </c>
      <c r="K14086" s="9">
        <v>18</v>
      </c>
      <c r="L14086" s="6" t="s">
        <v>51</v>
      </c>
    </row>
    <row r="14087" spans="1:12">
      <c r="A14087" s="6" t="s">
        <v>49</v>
      </c>
      <c r="B14087" s="6"/>
      <c r="C14087" s="6" t="s">
        <v>14111</v>
      </c>
      <c r="D14087" s="6"/>
      <c r="E14087" s="6" t="s">
        <v>9</v>
      </c>
      <c r="F14087" s="7">
        <v>38657</v>
      </c>
      <c r="G14087" s="8">
        <v>1</v>
      </c>
      <c r="H14087" s="8">
        <v>1</v>
      </c>
      <c r="I14087" s="8">
        <v>0</v>
      </c>
      <c r="J14087" s="8">
        <v>1</v>
      </c>
      <c r="K14087" s="9">
        <v>35</v>
      </c>
      <c r="L14087" s="6" t="s">
        <v>51</v>
      </c>
    </row>
    <row r="14088" spans="1:12">
      <c r="A14088" s="6" t="s">
        <v>49</v>
      </c>
      <c r="B14088" s="6"/>
      <c r="C14088" s="6" t="s">
        <v>14112</v>
      </c>
      <c r="D14088" s="6"/>
      <c r="E14088" s="6" t="s">
        <v>9</v>
      </c>
      <c r="F14088" s="7">
        <v>38657</v>
      </c>
      <c r="G14088" s="8">
        <v>1</v>
      </c>
      <c r="H14088" s="8">
        <v>1</v>
      </c>
      <c r="I14088" s="8">
        <v>0</v>
      </c>
      <c r="J14088" s="8">
        <v>1</v>
      </c>
      <c r="K14088" s="9">
        <v>8.3800000000000008</v>
      </c>
      <c r="L14088" s="6" t="s">
        <v>51</v>
      </c>
    </row>
    <row r="14089" spans="1:12">
      <c r="A14089" s="6" t="s">
        <v>49</v>
      </c>
      <c r="B14089" s="6"/>
      <c r="C14089" s="6" t="s">
        <v>14113</v>
      </c>
      <c r="D14089" s="6"/>
      <c r="E14089" s="6" t="s">
        <v>9</v>
      </c>
      <c r="F14089" s="7">
        <v>38657</v>
      </c>
      <c r="G14089" s="8">
        <v>1</v>
      </c>
      <c r="H14089" s="8">
        <v>1</v>
      </c>
      <c r="I14089" s="8">
        <v>0</v>
      </c>
      <c r="J14089" s="8">
        <v>1</v>
      </c>
      <c r="K14089" s="9">
        <v>9.9700000000000006</v>
      </c>
      <c r="L14089" s="6" t="s">
        <v>51</v>
      </c>
    </row>
    <row r="14090" spans="1:12">
      <c r="A14090" s="6" t="s">
        <v>49</v>
      </c>
      <c r="B14090" s="6"/>
      <c r="C14090" s="6" t="s">
        <v>14114</v>
      </c>
      <c r="D14090" s="6"/>
      <c r="E14090" s="6" t="s">
        <v>9</v>
      </c>
      <c r="F14090" s="7">
        <v>38657</v>
      </c>
      <c r="G14090" s="8">
        <v>1</v>
      </c>
      <c r="H14090" s="8">
        <v>1</v>
      </c>
      <c r="I14090" s="8">
        <v>0</v>
      </c>
      <c r="J14090" s="8">
        <v>1</v>
      </c>
      <c r="K14090" s="9">
        <v>15</v>
      </c>
      <c r="L14090" s="6" t="s">
        <v>51</v>
      </c>
    </row>
    <row r="14091" spans="1:12">
      <c r="A14091" s="6" t="s">
        <v>49</v>
      </c>
      <c r="B14091" s="6"/>
      <c r="C14091" s="6" t="s">
        <v>14115</v>
      </c>
      <c r="D14091" s="6"/>
      <c r="E14091" s="6" t="s">
        <v>9</v>
      </c>
      <c r="F14091" s="7">
        <v>38657</v>
      </c>
      <c r="G14091" s="8">
        <v>1</v>
      </c>
      <c r="H14091" s="8">
        <v>1</v>
      </c>
      <c r="I14091" s="8">
        <v>0</v>
      </c>
      <c r="J14091" s="8">
        <v>1</v>
      </c>
      <c r="K14091" s="9">
        <v>69</v>
      </c>
      <c r="L14091" s="6" t="s">
        <v>51</v>
      </c>
    </row>
    <row r="14092" spans="1:12">
      <c r="A14092" s="6" t="s">
        <v>49</v>
      </c>
      <c r="B14092" s="6"/>
      <c r="C14092" s="6" t="s">
        <v>14116</v>
      </c>
      <c r="D14092" s="6"/>
      <c r="E14092" s="6" t="s">
        <v>9</v>
      </c>
      <c r="F14092" s="7">
        <v>38657</v>
      </c>
      <c r="G14092" s="8">
        <v>1</v>
      </c>
      <c r="H14092" s="8">
        <v>1</v>
      </c>
      <c r="I14092" s="8">
        <v>0</v>
      </c>
      <c r="J14092" s="8">
        <v>1</v>
      </c>
      <c r="K14092" s="9">
        <v>25</v>
      </c>
      <c r="L14092" s="6" t="s">
        <v>51</v>
      </c>
    </row>
    <row r="14093" spans="1:12">
      <c r="A14093" s="6" t="s">
        <v>49</v>
      </c>
      <c r="B14093" s="6"/>
      <c r="C14093" s="6" t="s">
        <v>14117</v>
      </c>
      <c r="D14093" s="6"/>
      <c r="E14093" s="6" t="s">
        <v>9</v>
      </c>
      <c r="F14093" s="7">
        <v>38657</v>
      </c>
      <c r="G14093" s="8">
        <v>1</v>
      </c>
      <c r="H14093" s="8">
        <v>1</v>
      </c>
      <c r="I14093" s="8">
        <v>0</v>
      </c>
      <c r="J14093" s="8">
        <v>1</v>
      </c>
      <c r="K14093" s="9">
        <v>45</v>
      </c>
      <c r="L14093" s="6" t="s">
        <v>51</v>
      </c>
    </row>
    <row r="14094" spans="1:12">
      <c r="A14094" s="6" t="s">
        <v>49</v>
      </c>
      <c r="B14094" s="6"/>
      <c r="C14094" s="6" t="s">
        <v>14118</v>
      </c>
      <c r="D14094" s="6"/>
      <c r="E14094" s="6" t="s">
        <v>9</v>
      </c>
      <c r="F14094" s="7">
        <v>38657</v>
      </c>
      <c r="G14094" s="8">
        <v>1</v>
      </c>
      <c r="H14094" s="8">
        <v>1</v>
      </c>
      <c r="I14094" s="8">
        <v>0</v>
      </c>
      <c r="J14094" s="8">
        <v>1</v>
      </c>
      <c r="K14094" s="9">
        <v>19</v>
      </c>
      <c r="L14094" s="6" t="s">
        <v>51</v>
      </c>
    </row>
    <row r="14095" spans="1:12">
      <c r="A14095" s="6" t="s">
        <v>49</v>
      </c>
      <c r="B14095" s="6"/>
      <c r="C14095" s="6" t="s">
        <v>14119</v>
      </c>
      <c r="D14095" s="6"/>
      <c r="E14095" s="6" t="s">
        <v>9</v>
      </c>
      <c r="F14095" s="7">
        <v>38657</v>
      </c>
      <c r="G14095" s="8">
        <v>1</v>
      </c>
      <c r="H14095" s="8">
        <v>1</v>
      </c>
      <c r="I14095" s="8">
        <v>0</v>
      </c>
      <c r="J14095" s="8">
        <v>1</v>
      </c>
      <c r="K14095" s="9">
        <v>14</v>
      </c>
      <c r="L14095" s="6" t="s">
        <v>51</v>
      </c>
    </row>
    <row r="14096" spans="1:12">
      <c r="A14096" s="6" t="s">
        <v>49</v>
      </c>
      <c r="B14096" s="6"/>
      <c r="C14096" s="6" t="s">
        <v>14120</v>
      </c>
      <c r="D14096" s="6"/>
      <c r="E14096" s="6" t="s">
        <v>9</v>
      </c>
      <c r="F14096" s="7">
        <v>38657</v>
      </c>
      <c r="G14096" s="8">
        <v>1</v>
      </c>
      <c r="H14096" s="8">
        <v>1</v>
      </c>
      <c r="I14096" s="8">
        <v>0</v>
      </c>
      <c r="J14096" s="8">
        <v>1</v>
      </c>
      <c r="K14096" s="9">
        <v>13</v>
      </c>
      <c r="L14096" s="6" t="s">
        <v>51</v>
      </c>
    </row>
    <row r="14097" spans="1:12">
      <c r="A14097" s="6" t="s">
        <v>49</v>
      </c>
      <c r="B14097" s="6"/>
      <c r="C14097" s="6" t="s">
        <v>14121</v>
      </c>
      <c r="D14097" s="6"/>
      <c r="E14097" s="6" t="s">
        <v>9</v>
      </c>
      <c r="F14097" s="7">
        <v>38657</v>
      </c>
      <c r="G14097" s="8">
        <v>1</v>
      </c>
      <c r="H14097" s="8">
        <v>1</v>
      </c>
      <c r="I14097" s="8">
        <v>0</v>
      </c>
      <c r="J14097" s="8">
        <v>1</v>
      </c>
      <c r="K14097" s="9">
        <v>37</v>
      </c>
      <c r="L14097" s="6" t="s">
        <v>51</v>
      </c>
    </row>
    <row r="14098" spans="1:12">
      <c r="A14098" s="6" t="s">
        <v>49</v>
      </c>
      <c r="B14098" s="6"/>
      <c r="C14098" s="6" t="s">
        <v>14122</v>
      </c>
      <c r="D14098" s="6"/>
      <c r="E14098" s="6" t="s">
        <v>9</v>
      </c>
      <c r="F14098" s="7">
        <v>38657</v>
      </c>
      <c r="G14098" s="8">
        <v>1</v>
      </c>
      <c r="H14098" s="8">
        <v>1</v>
      </c>
      <c r="I14098" s="8">
        <v>0</v>
      </c>
      <c r="J14098" s="8">
        <v>1</v>
      </c>
      <c r="K14098" s="9">
        <v>14</v>
      </c>
      <c r="L14098" s="6" t="s">
        <v>51</v>
      </c>
    </row>
    <row r="14099" spans="1:12">
      <c r="A14099" s="6" t="s">
        <v>49</v>
      </c>
      <c r="B14099" s="6"/>
      <c r="C14099" s="6" t="s">
        <v>14123</v>
      </c>
      <c r="D14099" s="6"/>
      <c r="E14099" s="6" t="s">
        <v>9</v>
      </c>
      <c r="F14099" s="7">
        <v>38657</v>
      </c>
      <c r="G14099" s="8">
        <v>1</v>
      </c>
      <c r="H14099" s="8">
        <v>1</v>
      </c>
      <c r="I14099" s="8">
        <v>0</v>
      </c>
      <c r="J14099" s="8">
        <v>1</v>
      </c>
      <c r="K14099" s="9">
        <v>13</v>
      </c>
      <c r="L14099" s="6" t="s">
        <v>51</v>
      </c>
    </row>
    <row r="14100" spans="1:12">
      <c r="A14100" s="6" t="s">
        <v>49</v>
      </c>
      <c r="B14100" s="6"/>
      <c r="C14100" s="6" t="s">
        <v>14124</v>
      </c>
      <c r="D14100" s="6"/>
      <c r="E14100" s="6" t="s">
        <v>9</v>
      </c>
      <c r="F14100" s="7">
        <v>38657</v>
      </c>
      <c r="G14100" s="8">
        <v>1</v>
      </c>
      <c r="H14100" s="8">
        <v>1</v>
      </c>
      <c r="I14100" s="8">
        <v>0</v>
      </c>
      <c r="J14100" s="8">
        <v>1</v>
      </c>
      <c r="K14100" s="9">
        <v>15</v>
      </c>
      <c r="L14100" s="6" t="s">
        <v>51</v>
      </c>
    </row>
    <row r="14101" spans="1:12">
      <c r="A14101" s="6" t="s">
        <v>49</v>
      </c>
      <c r="B14101" s="6"/>
      <c r="C14101" s="6" t="s">
        <v>14125</v>
      </c>
      <c r="D14101" s="6"/>
      <c r="E14101" s="6" t="s">
        <v>9</v>
      </c>
      <c r="F14101" s="7">
        <v>38657</v>
      </c>
      <c r="G14101" s="8">
        <v>1</v>
      </c>
      <c r="H14101" s="8">
        <v>1</v>
      </c>
      <c r="I14101" s="8">
        <v>0</v>
      </c>
      <c r="J14101" s="8">
        <v>1</v>
      </c>
      <c r="K14101" s="9">
        <v>15</v>
      </c>
      <c r="L14101" s="6" t="s">
        <v>51</v>
      </c>
    </row>
    <row r="14102" spans="1:12">
      <c r="A14102" s="6" t="s">
        <v>49</v>
      </c>
      <c r="B14102" s="6"/>
      <c r="C14102" s="6" t="s">
        <v>14126</v>
      </c>
      <c r="D14102" s="6"/>
      <c r="E14102" s="6" t="s">
        <v>9</v>
      </c>
      <c r="F14102" s="7">
        <v>38657</v>
      </c>
      <c r="G14102" s="8">
        <v>1</v>
      </c>
      <c r="H14102" s="8">
        <v>1</v>
      </c>
      <c r="I14102" s="8">
        <v>0</v>
      </c>
      <c r="J14102" s="8">
        <v>1</v>
      </c>
      <c r="K14102" s="9">
        <v>82</v>
      </c>
      <c r="L14102" s="6" t="s">
        <v>51</v>
      </c>
    </row>
    <row r="14103" spans="1:12">
      <c r="A14103" s="6" t="s">
        <v>49</v>
      </c>
      <c r="B14103" s="6"/>
      <c r="C14103" s="6" t="s">
        <v>14127</v>
      </c>
      <c r="D14103" s="6"/>
      <c r="E14103" s="6" t="s">
        <v>9</v>
      </c>
      <c r="F14103" s="7">
        <v>38657</v>
      </c>
      <c r="G14103" s="8">
        <v>1</v>
      </c>
      <c r="H14103" s="8">
        <v>1</v>
      </c>
      <c r="I14103" s="8">
        <v>0</v>
      </c>
      <c r="J14103" s="8">
        <v>1</v>
      </c>
      <c r="K14103" s="9">
        <v>11</v>
      </c>
      <c r="L14103" s="6" t="s">
        <v>51</v>
      </c>
    </row>
    <row r="14104" spans="1:12">
      <c r="A14104" s="6" t="s">
        <v>49</v>
      </c>
      <c r="B14104" s="6"/>
      <c r="C14104" s="6" t="s">
        <v>14128</v>
      </c>
      <c r="D14104" s="6"/>
      <c r="E14104" s="6" t="s">
        <v>9</v>
      </c>
      <c r="F14104" s="7">
        <v>38657</v>
      </c>
      <c r="G14104" s="8">
        <v>1</v>
      </c>
      <c r="H14104" s="8">
        <v>1</v>
      </c>
      <c r="I14104" s="8">
        <v>0</v>
      </c>
      <c r="J14104" s="8">
        <v>1</v>
      </c>
      <c r="K14104" s="9">
        <v>11</v>
      </c>
      <c r="L14104" s="6" t="s">
        <v>51</v>
      </c>
    </row>
    <row r="14105" spans="1:12">
      <c r="A14105" s="6" t="s">
        <v>49</v>
      </c>
      <c r="B14105" s="6"/>
      <c r="C14105" s="6" t="s">
        <v>14129</v>
      </c>
      <c r="D14105" s="6"/>
      <c r="E14105" s="6" t="s">
        <v>9</v>
      </c>
      <c r="F14105" s="7">
        <v>38657</v>
      </c>
      <c r="G14105" s="8">
        <v>1</v>
      </c>
      <c r="H14105" s="8">
        <v>1</v>
      </c>
      <c r="I14105" s="8">
        <v>0</v>
      </c>
      <c r="J14105" s="8">
        <v>1</v>
      </c>
      <c r="K14105" s="9">
        <v>11</v>
      </c>
      <c r="L14105" s="6" t="s">
        <v>51</v>
      </c>
    </row>
    <row r="14106" spans="1:12">
      <c r="A14106" s="6" t="s">
        <v>49</v>
      </c>
      <c r="B14106" s="6"/>
      <c r="C14106" s="6" t="s">
        <v>14130</v>
      </c>
      <c r="D14106" s="6"/>
      <c r="E14106" s="6" t="s">
        <v>9</v>
      </c>
      <c r="F14106" s="7">
        <v>38657</v>
      </c>
      <c r="G14106" s="8">
        <v>1</v>
      </c>
      <c r="H14106" s="8">
        <v>1</v>
      </c>
      <c r="I14106" s="8">
        <v>0</v>
      </c>
      <c r="J14106" s="8">
        <v>1</v>
      </c>
      <c r="K14106" s="9">
        <v>11</v>
      </c>
      <c r="L14106" s="6" t="s">
        <v>51</v>
      </c>
    </row>
    <row r="14107" spans="1:12">
      <c r="A14107" s="6" t="s">
        <v>49</v>
      </c>
      <c r="B14107" s="6"/>
      <c r="C14107" s="6" t="s">
        <v>14131</v>
      </c>
      <c r="D14107" s="6"/>
      <c r="E14107" s="6" t="s">
        <v>9</v>
      </c>
      <c r="F14107" s="7">
        <v>38657</v>
      </c>
      <c r="G14107" s="8">
        <v>1</v>
      </c>
      <c r="H14107" s="8">
        <v>1</v>
      </c>
      <c r="I14107" s="8">
        <v>0</v>
      </c>
      <c r="J14107" s="8">
        <v>1</v>
      </c>
      <c r="K14107" s="9">
        <v>29</v>
      </c>
      <c r="L14107" s="6" t="s">
        <v>51</v>
      </c>
    </row>
    <row r="14108" spans="1:12">
      <c r="A14108" s="6" t="s">
        <v>49</v>
      </c>
      <c r="B14108" s="6"/>
      <c r="C14108" s="6" t="s">
        <v>14132</v>
      </c>
      <c r="D14108" s="6"/>
      <c r="E14108" s="6" t="s">
        <v>9</v>
      </c>
      <c r="F14108" s="7">
        <v>38657</v>
      </c>
      <c r="G14108" s="8">
        <v>1</v>
      </c>
      <c r="H14108" s="8">
        <v>1</v>
      </c>
      <c r="I14108" s="8">
        <v>0</v>
      </c>
      <c r="J14108" s="8">
        <v>1</v>
      </c>
      <c r="K14108" s="9">
        <v>28</v>
      </c>
      <c r="L14108" s="6" t="s">
        <v>51</v>
      </c>
    </row>
    <row r="14109" spans="1:12">
      <c r="A14109" s="6" t="s">
        <v>49</v>
      </c>
      <c r="B14109" s="6"/>
      <c r="C14109" s="6" t="s">
        <v>14133</v>
      </c>
      <c r="D14109" s="6"/>
      <c r="E14109" s="6" t="s">
        <v>9</v>
      </c>
      <c r="F14109" s="7">
        <v>38657</v>
      </c>
      <c r="G14109" s="8">
        <v>1</v>
      </c>
      <c r="H14109" s="8">
        <v>1</v>
      </c>
      <c r="I14109" s="8">
        <v>0</v>
      </c>
      <c r="J14109" s="8">
        <v>1</v>
      </c>
      <c r="K14109" s="9">
        <v>26</v>
      </c>
      <c r="L14109" s="6" t="s">
        <v>51</v>
      </c>
    </row>
    <row r="14110" spans="1:12">
      <c r="A14110" s="6" t="s">
        <v>49</v>
      </c>
      <c r="B14110" s="6"/>
      <c r="C14110" s="6" t="s">
        <v>14134</v>
      </c>
      <c r="D14110" s="6"/>
      <c r="E14110" s="6" t="s">
        <v>9</v>
      </c>
      <c r="F14110" s="7">
        <v>38657</v>
      </c>
      <c r="G14110" s="8">
        <v>1</v>
      </c>
      <c r="H14110" s="8">
        <v>1</v>
      </c>
      <c r="I14110" s="8">
        <v>0</v>
      </c>
      <c r="J14110" s="8">
        <v>1</v>
      </c>
      <c r="K14110" s="9">
        <v>23</v>
      </c>
      <c r="L14110" s="6" t="s">
        <v>51</v>
      </c>
    </row>
    <row r="14111" spans="1:12">
      <c r="A14111" s="6" t="s">
        <v>49</v>
      </c>
      <c r="B14111" s="6"/>
      <c r="C14111" s="6" t="s">
        <v>14135</v>
      </c>
      <c r="D14111" s="6"/>
      <c r="E14111" s="6" t="s">
        <v>9</v>
      </c>
      <c r="F14111" s="7">
        <v>38657</v>
      </c>
      <c r="G14111" s="8">
        <v>1</v>
      </c>
      <c r="H14111" s="8">
        <v>1</v>
      </c>
      <c r="I14111" s="8">
        <v>0</v>
      </c>
      <c r="J14111" s="8">
        <v>1</v>
      </c>
      <c r="K14111" s="9">
        <v>22</v>
      </c>
      <c r="L14111" s="6" t="s">
        <v>51</v>
      </c>
    </row>
    <row r="14112" spans="1:12">
      <c r="A14112" s="6" t="s">
        <v>49</v>
      </c>
      <c r="B14112" s="6"/>
      <c r="C14112" s="6" t="s">
        <v>14136</v>
      </c>
      <c r="D14112" s="6"/>
      <c r="E14112" s="6" t="s">
        <v>9</v>
      </c>
      <c r="F14112" s="7">
        <v>38657</v>
      </c>
      <c r="G14112" s="8">
        <v>1</v>
      </c>
      <c r="H14112" s="8">
        <v>1</v>
      </c>
      <c r="I14112" s="8">
        <v>0</v>
      </c>
      <c r="J14112" s="8">
        <v>1</v>
      </c>
      <c r="K14112" s="9">
        <v>21</v>
      </c>
      <c r="L14112" s="6" t="s">
        <v>51</v>
      </c>
    </row>
    <row r="14113" spans="1:12">
      <c r="A14113" s="6" t="s">
        <v>49</v>
      </c>
      <c r="B14113" s="6"/>
      <c r="C14113" s="6" t="s">
        <v>14137</v>
      </c>
      <c r="D14113" s="6"/>
      <c r="E14113" s="6" t="s">
        <v>9</v>
      </c>
      <c r="F14113" s="7">
        <v>38657</v>
      </c>
      <c r="G14113" s="8">
        <v>1</v>
      </c>
      <c r="H14113" s="8">
        <v>1</v>
      </c>
      <c r="I14113" s="8">
        <v>0</v>
      </c>
      <c r="J14113" s="8">
        <v>1</v>
      </c>
      <c r="K14113" s="9">
        <v>79</v>
      </c>
      <c r="L14113" s="6" t="s">
        <v>51</v>
      </c>
    </row>
    <row r="14114" spans="1:12">
      <c r="A14114" s="6" t="s">
        <v>49</v>
      </c>
      <c r="B14114" s="6"/>
      <c r="C14114" s="6" t="s">
        <v>14138</v>
      </c>
      <c r="D14114" s="6"/>
      <c r="E14114" s="6" t="s">
        <v>9</v>
      </c>
      <c r="F14114" s="7">
        <v>38657</v>
      </c>
      <c r="G14114" s="8">
        <v>1</v>
      </c>
      <c r="H14114" s="8">
        <v>1</v>
      </c>
      <c r="I14114" s="8">
        <v>0</v>
      </c>
      <c r="J14114" s="8">
        <v>1</v>
      </c>
      <c r="K14114" s="9">
        <v>9.7799999999999905</v>
      </c>
      <c r="L14114" s="6" t="s">
        <v>51</v>
      </c>
    </row>
    <row r="14115" spans="1:12">
      <c r="A14115" s="6" t="s">
        <v>49</v>
      </c>
      <c r="B14115" s="6"/>
      <c r="C14115" s="6" t="s">
        <v>14139</v>
      </c>
      <c r="D14115" s="6"/>
      <c r="E14115" s="6" t="s">
        <v>9</v>
      </c>
      <c r="F14115" s="7">
        <v>38657</v>
      </c>
      <c r="G14115" s="8">
        <v>1</v>
      </c>
      <c r="H14115" s="8">
        <v>1</v>
      </c>
      <c r="I14115" s="8">
        <v>0</v>
      </c>
      <c r="J14115" s="8">
        <v>1</v>
      </c>
      <c r="K14115" s="9">
        <v>21</v>
      </c>
      <c r="L14115" s="6" t="s">
        <v>51</v>
      </c>
    </row>
    <row r="14116" spans="1:12">
      <c r="A14116" s="6" t="s">
        <v>49</v>
      </c>
      <c r="B14116" s="6"/>
      <c r="C14116" s="6" t="s">
        <v>14140</v>
      </c>
      <c r="D14116" s="6"/>
      <c r="E14116" s="6" t="s">
        <v>9</v>
      </c>
      <c r="F14116" s="7">
        <v>38657</v>
      </c>
      <c r="G14116" s="8">
        <v>1</v>
      </c>
      <c r="H14116" s="8">
        <v>1</v>
      </c>
      <c r="I14116" s="8">
        <v>0</v>
      </c>
      <c r="J14116" s="8">
        <v>1</v>
      </c>
      <c r="K14116" s="9">
        <v>17</v>
      </c>
      <c r="L14116" s="6" t="s">
        <v>51</v>
      </c>
    </row>
    <row r="14117" spans="1:12">
      <c r="A14117" s="6" t="s">
        <v>49</v>
      </c>
      <c r="B14117" s="6"/>
      <c r="C14117" s="6" t="s">
        <v>14141</v>
      </c>
      <c r="D14117" s="6"/>
      <c r="E14117" s="6" t="s">
        <v>9</v>
      </c>
      <c r="F14117" s="7">
        <v>38657</v>
      </c>
      <c r="G14117" s="8">
        <v>1</v>
      </c>
      <c r="H14117" s="8">
        <v>1</v>
      </c>
      <c r="I14117" s="8">
        <v>0</v>
      </c>
      <c r="J14117" s="8">
        <v>1</v>
      </c>
      <c r="K14117" s="9">
        <v>16</v>
      </c>
      <c r="L14117" s="6" t="s">
        <v>51</v>
      </c>
    </row>
    <row r="14118" spans="1:12">
      <c r="A14118" s="6" t="s">
        <v>49</v>
      </c>
      <c r="B14118" s="6"/>
      <c r="C14118" s="6" t="s">
        <v>14142</v>
      </c>
      <c r="D14118" s="6"/>
      <c r="E14118" s="6" t="s">
        <v>9</v>
      </c>
      <c r="F14118" s="7">
        <v>38657</v>
      </c>
      <c r="G14118" s="8">
        <v>1</v>
      </c>
      <c r="H14118" s="8">
        <v>1</v>
      </c>
      <c r="I14118" s="8">
        <v>0</v>
      </c>
      <c r="J14118" s="8">
        <v>1</v>
      </c>
      <c r="K14118" s="9">
        <v>28</v>
      </c>
      <c r="L14118" s="6" t="s">
        <v>51</v>
      </c>
    </row>
    <row r="14119" spans="1:12">
      <c r="A14119" s="6" t="s">
        <v>49</v>
      </c>
      <c r="B14119" s="6"/>
      <c r="C14119" s="6" t="s">
        <v>14143</v>
      </c>
      <c r="D14119" s="6"/>
      <c r="E14119" s="6" t="s">
        <v>9</v>
      </c>
      <c r="F14119" s="7">
        <v>38657</v>
      </c>
      <c r="G14119" s="8">
        <v>1</v>
      </c>
      <c r="H14119" s="8">
        <v>1</v>
      </c>
      <c r="I14119" s="8">
        <v>0</v>
      </c>
      <c r="J14119" s="8">
        <v>1</v>
      </c>
      <c r="K14119" s="9">
        <v>22</v>
      </c>
      <c r="L14119" s="6" t="s">
        <v>51</v>
      </c>
    </row>
    <row r="14120" spans="1:12">
      <c r="A14120" s="6" t="s">
        <v>49</v>
      </c>
      <c r="B14120" s="6"/>
      <c r="C14120" s="6" t="s">
        <v>14144</v>
      </c>
      <c r="D14120" s="6"/>
      <c r="E14120" s="6" t="s">
        <v>9</v>
      </c>
      <c r="F14120" s="7">
        <v>38657</v>
      </c>
      <c r="G14120" s="8">
        <v>1</v>
      </c>
      <c r="H14120" s="8">
        <v>1</v>
      </c>
      <c r="I14120" s="8">
        <v>0</v>
      </c>
      <c r="J14120" s="8">
        <v>1</v>
      </c>
      <c r="K14120" s="9">
        <v>88</v>
      </c>
      <c r="L14120" s="6" t="s">
        <v>51</v>
      </c>
    </row>
    <row r="14121" spans="1:12">
      <c r="A14121" s="6" t="s">
        <v>49</v>
      </c>
      <c r="B14121" s="6"/>
      <c r="C14121" s="6" t="s">
        <v>14145</v>
      </c>
      <c r="D14121" s="6"/>
      <c r="E14121" s="6" t="s">
        <v>9</v>
      </c>
      <c r="F14121" s="7">
        <v>38657</v>
      </c>
      <c r="G14121" s="8">
        <v>1</v>
      </c>
      <c r="H14121" s="8">
        <v>1</v>
      </c>
      <c r="I14121" s="8">
        <v>0</v>
      </c>
      <c r="J14121" s="8">
        <v>1</v>
      </c>
      <c r="K14121" s="9">
        <v>25</v>
      </c>
      <c r="L14121" s="6" t="s">
        <v>51</v>
      </c>
    </row>
    <row r="14122" spans="1:12">
      <c r="A14122" s="6" t="s">
        <v>49</v>
      </c>
      <c r="B14122" s="6"/>
      <c r="C14122" s="6" t="s">
        <v>14146</v>
      </c>
      <c r="D14122" s="6"/>
      <c r="E14122" s="6" t="s">
        <v>9</v>
      </c>
      <c r="F14122" s="7">
        <v>38657</v>
      </c>
      <c r="G14122" s="8">
        <v>1</v>
      </c>
      <c r="H14122" s="8">
        <v>1</v>
      </c>
      <c r="I14122" s="8">
        <v>0</v>
      </c>
      <c r="J14122" s="8">
        <v>1</v>
      </c>
      <c r="K14122" s="9">
        <v>22</v>
      </c>
      <c r="L14122" s="6" t="s">
        <v>51</v>
      </c>
    </row>
    <row r="14123" spans="1:12">
      <c r="A14123" s="6" t="s">
        <v>49</v>
      </c>
      <c r="B14123" s="6"/>
      <c r="C14123" s="6" t="s">
        <v>14147</v>
      </c>
      <c r="D14123" s="6"/>
      <c r="E14123" s="6" t="s">
        <v>9</v>
      </c>
      <c r="F14123" s="7">
        <v>38657</v>
      </c>
      <c r="G14123" s="8">
        <v>1</v>
      </c>
      <c r="H14123" s="8">
        <v>1</v>
      </c>
      <c r="I14123" s="8">
        <v>0</v>
      </c>
      <c r="J14123" s="8">
        <v>1</v>
      </c>
      <c r="K14123" s="9">
        <v>87</v>
      </c>
      <c r="L14123" s="6" t="s">
        <v>51</v>
      </c>
    </row>
    <row r="14124" spans="1:12">
      <c r="A14124" s="6" t="s">
        <v>49</v>
      </c>
      <c r="B14124" s="6"/>
      <c r="C14124" s="6" t="s">
        <v>14148</v>
      </c>
      <c r="D14124" s="6"/>
      <c r="E14124" s="6" t="s">
        <v>9</v>
      </c>
      <c r="F14124" s="7">
        <v>38657</v>
      </c>
      <c r="G14124" s="8">
        <v>1</v>
      </c>
      <c r="H14124" s="8">
        <v>1</v>
      </c>
      <c r="I14124" s="8">
        <v>0</v>
      </c>
      <c r="J14124" s="8">
        <v>1</v>
      </c>
      <c r="K14124" s="9">
        <v>66</v>
      </c>
      <c r="L14124" s="6" t="s">
        <v>51</v>
      </c>
    </row>
    <row r="14125" spans="1:12">
      <c r="A14125" s="6" t="s">
        <v>49</v>
      </c>
      <c r="B14125" s="6"/>
      <c r="C14125" s="6" t="s">
        <v>14149</v>
      </c>
      <c r="D14125" s="6"/>
      <c r="E14125" s="6" t="s">
        <v>9</v>
      </c>
      <c r="F14125" s="7">
        <v>38657</v>
      </c>
      <c r="G14125" s="8">
        <v>1</v>
      </c>
      <c r="H14125" s="8">
        <v>1</v>
      </c>
      <c r="I14125" s="8">
        <v>0</v>
      </c>
      <c r="J14125" s="8">
        <v>1</v>
      </c>
      <c r="K14125" s="9">
        <v>45</v>
      </c>
      <c r="L14125" s="6" t="s">
        <v>51</v>
      </c>
    </row>
    <row r="14126" spans="1:12">
      <c r="A14126" s="6" t="s">
        <v>49</v>
      </c>
      <c r="B14126" s="6"/>
      <c r="C14126" s="6" t="s">
        <v>14150</v>
      </c>
      <c r="D14126" s="6"/>
      <c r="E14126" s="6" t="s">
        <v>9</v>
      </c>
      <c r="F14126" s="7">
        <v>38657</v>
      </c>
      <c r="G14126" s="8">
        <v>1</v>
      </c>
      <c r="H14126" s="8">
        <v>1</v>
      </c>
      <c r="I14126" s="8">
        <v>0</v>
      </c>
      <c r="J14126" s="8">
        <v>1</v>
      </c>
      <c r="K14126" s="9">
        <v>93</v>
      </c>
      <c r="L14126" s="6" t="s">
        <v>51</v>
      </c>
    </row>
    <row r="14127" spans="1:12">
      <c r="A14127" s="6" t="s">
        <v>49</v>
      </c>
      <c r="B14127" s="6"/>
      <c r="C14127" s="6" t="s">
        <v>14151</v>
      </c>
      <c r="D14127" s="6"/>
      <c r="E14127" s="6" t="s">
        <v>9</v>
      </c>
      <c r="F14127" s="7">
        <v>38657</v>
      </c>
      <c r="G14127" s="8">
        <v>1</v>
      </c>
      <c r="H14127" s="8">
        <v>1</v>
      </c>
      <c r="I14127" s="8">
        <v>0</v>
      </c>
      <c r="J14127" s="8">
        <v>1</v>
      </c>
      <c r="K14127" s="9">
        <v>29</v>
      </c>
      <c r="L14127" s="6" t="s">
        <v>51</v>
      </c>
    </row>
    <row r="14128" spans="1:12">
      <c r="A14128" s="6" t="s">
        <v>49</v>
      </c>
      <c r="B14128" s="6"/>
      <c r="C14128" s="6" t="s">
        <v>14152</v>
      </c>
      <c r="D14128" s="6"/>
      <c r="E14128" s="6" t="s">
        <v>9</v>
      </c>
      <c r="F14128" s="7">
        <v>38657</v>
      </c>
      <c r="G14128" s="8">
        <v>1</v>
      </c>
      <c r="H14128" s="8">
        <v>1</v>
      </c>
      <c r="I14128" s="8">
        <v>0</v>
      </c>
      <c r="J14128" s="8">
        <v>1</v>
      </c>
      <c r="K14128" s="9">
        <v>23</v>
      </c>
      <c r="L14128" s="6" t="s">
        <v>51</v>
      </c>
    </row>
    <row r="14129" spans="1:12">
      <c r="A14129" s="6" t="s">
        <v>49</v>
      </c>
      <c r="B14129" s="6"/>
      <c r="C14129" s="6" t="s">
        <v>14153</v>
      </c>
      <c r="D14129" s="6"/>
      <c r="E14129" s="6" t="s">
        <v>9</v>
      </c>
      <c r="F14129" s="7">
        <v>38657</v>
      </c>
      <c r="G14129" s="8">
        <v>1</v>
      </c>
      <c r="H14129" s="8">
        <v>1</v>
      </c>
      <c r="I14129" s="8">
        <v>0</v>
      </c>
      <c r="J14129" s="8">
        <v>1</v>
      </c>
      <c r="K14129" s="9">
        <v>112.49</v>
      </c>
      <c r="L14129" s="6" t="s">
        <v>51</v>
      </c>
    </row>
    <row r="14130" spans="1:12">
      <c r="A14130" s="6" t="s">
        <v>49</v>
      </c>
      <c r="B14130" s="6"/>
      <c r="C14130" s="6" t="s">
        <v>14154</v>
      </c>
      <c r="D14130" s="6"/>
      <c r="E14130" s="6" t="s">
        <v>9</v>
      </c>
      <c r="F14130" s="7">
        <v>38657</v>
      </c>
      <c r="G14130" s="8">
        <v>1</v>
      </c>
      <c r="H14130" s="8">
        <v>1</v>
      </c>
      <c r="I14130" s="8">
        <v>0</v>
      </c>
      <c r="J14130" s="8">
        <v>1</v>
      </c>
      <c r="K14130" s="9">
        <v>2830.94</v>
      </c>
      <c r="L14130" s="6" t="s">
        <v>51</v>
      </c>
    </row>
    <row r="14131" spans="1:12">
      <c r="A14131" s="6" t="s">
        <v>49</v>
      </c>
      <c r="B14131" s="6"/>
      <c r="C14131" s="6" t="s">
        <v>14155</v>
      </c>
      <c r="D14131" s="6"/>
      <c r="E14131" s="6" t="s">
        <v>9</v>
      </c>
      <c r="F14131" s="7">
        <v>38657</v>
      </c>
      <c r="G14131" s="8">
        <v>1</v>
      </c>
      <c r="H14131" s="8">
        <v>1</v>
      </c>
      <c r="I14131" s="8">
        <v>0</v>
      </c>
      <c r="J14131" s="8">
        <v>1</v>
      </c>
      <c r="K14131" s="9">
        <v>118</v>
      </c>
      <c r="L14131" s="6" t="s">
        <v>51</v>
      </c>
    </row>
    <row r="14132" spans="1:12">
      <c r="A14132" s="6" t="s">
        <v>49</v>
      </c>
      <c r="B14132" s="6"/>
      <c r="C14132" s="6" t="s">
        <v>14156</v>
      </c>
      <c r="D14132" s="6"/>
      <c r="E14132" s="6" t="s">
        <v>9</v>
      </c>
      <c r="F14132" s="7">
        <v>38657</v>
      </c>
      <c r="G14132" s="8">
        <v>1</v>
      </c>
      <c r="H14132" s="8">
        <v>1</v>
      </c>
      <c r="I14132" s="8">
        <v>0</v>
      </c>
      <c r="J14132" s="8">
        <v>1</v>
      </c>
      <c r="K14132" s="9">
        <v>80</v>
      </c>
      <c r="L14132" s="6" t="s">
        <v>51</v>
      </c>
    </row>
    <row r="14133" spans="1:12">
      <c r="A14133" s="6" t="s">
        <v>49</v>
      </c>
      <c r="B14133" s="6"/>
      <c r="C14133" s="6" t="s">
        <v>14157</v>
      </c>
      <c r="D14133" s="6"/>
      <c r="E14133" s="6" t="s">
        <v>9</v>
      </c>
      <c r="F14133" s="7">
        <v>38657</v>
      </c>
      <c r="G14133" s="8">
        <v>1</v>
      </c>
      <c r="H14133" s="8">
        <v>1</v>
      </c>
      <c r="I14133" s="8">
        <v>0</v>
      </c>
      <c r="J14133" s="8">
        <v>1</v>
      </c>
      <c r="K14133" s="9">
        <v>271</v>
      </c>
      <c r="L14133" s="6" t="s">
        <v>51</v>
      </c>
    </row>
    <row r="14134" spans="1:12">
      <c r="A14134" s="6" t="s">
        <v>49</v>
      </c>
      <c r="B14134" s="6"/>
      <c r="C14134" s="6" t="s">
        <v>14158</v>
      </c>
      <c r="D14134" s="6"/>
      <c r="E14134" s="6" t="s">
        <v>9</v>
      </c>
      <c r="F14134" s="7">
        <v>38657</v>
      </c>
      <c r="G14134" s="8">
        <v>1</v>
      </c>
      <c r="H14134" s="8">
        <v>1</v>
      </c>
      <c r="I14134" s="8">
        <v>0</v>
      </c>
      <c r="J14134" s="8">
        <v>1</v>
      </c>
      <c r="K14134" s="9">
        <v>920</v>
      </c>
      <c r="L14134" s="6" t="s">
        <v>51</v>
      </c>
    </row>
    <row r="14135" spans="1:12">
      <c r="A14135" s="6" t="s">
        <v>49</v>
      </c>
      <c r="B14135" s="6"/>
      <c r="C14135" s="6" t="s">
        <v>14159</v>
      </c>
      <c r="D14135" s="6"/>
      <c r="E14135" s="6" t="s">
        <v>9</v>
      </c>
      <c r="F14135" s="7">
        <v>38657</v>
      </c>
      <c r="G14135" s="8">
        <v>1</v>
      </c>
      <c r="H14135" s="8">
        <v>1</v>
      </c>
      <c r="I14135" s="8">
        <v>0</v>
      </c>
      <c r="J14135" s="8">
        <v>1</v>
      </c>
      <c r="K14135" s="9">
        <v>99</v>
      </c>
      <c r="L14135" s="6" t="s">
        <v>51</v>
      </c>
    </row>
    <row r="14136" spans="1:12">
      <c r="A14136" s="6" t="s">
        <v>49</v>
      </c>
      <c r="B14136" s="6"/>
      <c r="C14136" s="6" t="s">
        <v>14160</v>
      </c>
      <c r="D14136" s="6"/>
      <c r="E14136" s="6" t="s">
        <v>9</v>
      </c>
      <c r="F14136" s="7">
        <v>38657</v>
      </c>
      <c r="G14136" s="8">
        <v>1</v>
      </c>
      <c r="H14136" s="8">
        <v>1</v>
      </c>
      <c r="I14136" s="8">
        <v>0</v>
      </c>
      <c r="J14136" s="8">
        <v>1</v>
      </c>
      <c r="K14136" s="9">
        <v>49</v>
      </c>
      <c r="L14136" s="6" t="s">
        <v>51</v>
      </c>
    </row>
    <row r="14137" spans="1:12">
      <c r="A14137" s="6" t="s">
        <v>49</v>
      </c>
      <c r="B14137" s="6"/>
      <c r="C14137" s="6" t="s">
        <v>14161</v>
      </c>
      <c r="D14137" s="6"/>
      <c r="E14137" s="6" t="s">
        <v>9</v>
      </c>
      <c r="F14137" s="7">
        <v>38657</v>
      </c>
      <c r="G14137" s="8">
        <v>1</v>
      </c>
      <c r="H14137" s="8">
        <v>1</v>
      </c>
      <c r="I14137" s="8">
        <v>0</v>
      </c>
      <c r="J14137" s="8">
        <v>1</v>
      </c>
      <c r="K14137" s="9">
        <v>471</v>
      </c>
      <c r="L14137" s="6" t="s">
        <v>51</v>
      </c>
    </row>
    <row r="14138" spans="1:12">
      <c r="A14138" s="6" t="s">
        <v>49</v>
      </c>
      <c r="B14138" s="6"/>
      <c r="C14138" s="6" t="s">
        <v>14162</v>
      </c>
      <c r="D14138" s="6"/>
      <c r="E14138" s="6" t="s">
        <v>9</v>
      </c>
      <c r="F14138" s="7">
        <v>38657</v>
      </c>
      <c r="G14138" s="8">
        <v>1</v>
      </c>
      <c r="H14138" s="8">
        <v>1</v>
      </c>
      <c r="I14138" s="8">
        <v>0</v>
      </c>
      <c r="J14138" s="8">
        <v>1</v>
      </c>
      <c r="K14138" s="9">
        <v>270</v>
      </c>
      <c r="L14138" s="6" t="s">
        <v>51</v>
      </c>
    </row>
    <row r="14139" spans="1:12">
      <c r="A14139" s="6" t="s">
        <v>49</v>
      </c>
      <c r="B14139" s="6"/>
      <c r="C14139" s="6" t="s">
        <v>14163</v>
      </c>
      <c r="D14139" s="6"/>
      <c r="E14139" s="6" t="s">
        <v>9</v>
      </c>
      <c r="F14139" s="7">
        <v>38657</v>
      </c>
      <c r="G14139" s="8">
        <v>1</v>
      </c>
      <c r="H14139" s="8">
        <v>1</v>
      </c>
      <c r="I14139" s="8">
        <v>0</v>
      </c>
      <c r="J14139" s="8">
        <v>1</v>
      </c>
      <c r="K14139" s="9">
        <v>173</v>
      </c>
      <c r="L14139" s="6" t="s">
        <v>51</v>
      </c>
    </row>
    <row r="14140" spans="1:12">
      <c r="A14140" s="6" t="s">
        <v>49</v>
      </c>
      <c r="B14140" s="6"/>
      <c r="C14140" s="6" t="s">
        <v>14164</v>
      </c>
      <c r="D14140" s="6"/>
      <c r="E14140" s="6" t="s">
        <v>9</v>
      </c>
      <c r="F14140" s="7">
        <v>38657</v>
      </c>
      <c r="G14140" s="8">
        <v>1</v>
      </c>
      <c r="H14140" s="8">
        <v>1</v>
      </c>
      <c r="I14140" s="8">
        <v>0</v>
      </c>
      <c r="J14140" s="8">
        <v>1</v>
      </c>
      <c r="K14140" s="9">
        <v>278</v>
      </c>
      <c r="L14140" s="6" t="s">
        <v>51</v>
      </c>
    </row>
    <row r="14141" spans="1:12">
      <c r="A14141" s="6" t="s">
        <v>49</v>
      </c>
      <c r="B14141" s="6"/>
      <c r="C14141" s="6" t="s">
        <v>14165</v>
      </c>
      <c r="D14141" s="6"/>
      <c r="E14141" s="6" t="s">
        <v>9</v>
      </c>
      <c r="F14141" s="7">
        <v>38657</v>
      </c>
      <c r="G14141" s="8">
        <v>1</v>
      </c>
      <c r="H14141" s="8">
        <v>1</v>
      </c>
      <c r="I14141" s="8">
        <v>0</v>
      </c>
      <c r="J14141" s="8">
        <v>1</v>
      </c>
      <c r="K14141" s="9">
        <v>16</v>
      </c>
      <c r="L14141" s="6" t="s">
        <v>51</v>
      </c>
    </row>
    <row r="14142" spans="1:12">
      <c r="A14142" s="6" t="s">
        <v>49</v>
      </c>
      <c r="B14142" s="6"/>
      <c r="C14142" s="6" t="s">
        <v>14166</v>
      </c>
      <c r="D14142" s="6"/>
      <c r="E14142" s="6" t="s">
        <v>9</v>
      </c>
      <c r="F14142" s="7">
        <v>38657</v>
      </c>
      <c r="G14142" s="8">
        <v>1</v>
      </c>
      <c r="H14142" s="8">
        <v>1</v>
      </c>
      <c r="I14142" s="8">
        <v>0</v>
      </c>
      <c r="J14142" s="8">
        <v>1</v>
      </c>
      <c r="K14142" s="9">
        <v>151</v>
      </c>
      <c r="L14142" s="6" t="s">
        <v>51</v>
      </c>
    </row>
    <row r="14143" spans="1:12">
      <c r="A14143" s="6" t="s">
        <v>49</v>
      </c>
      <c r="B14143" s="6"/>
      <c r="C14143" s="6" t="s">
        <v>14167</v>
      </c>
      <c r="D14143" s="6"/>
      <c r="E14143" s="6" t="s">
        <v>9</v>
      </c>
      <c r="F14143" s="7">
        <v>38657</v>
      </c>
      <c r="G14143" s="8">
        <v>1</v>
      </c>
      <c r="H14143" s="8">
        <v>1</v>
      </c>
      <c r="I14143" s="8">
        <v>0</v>
      </c>
      <c r="J14143" s="8">
        <v>1</v>
      </c>
      <c r="K14143" s="9">
        <v>144</v>
      </c>
      <c r="L14143" s="6" t="s">
        <v>51</v>
      </c>
    </row>
    <row r="14144" spans="1:12">
      <c r="A14144" s="6" t="s">
        <v>49</v>
      </c>
      <c r="B14144" s="6"/>
      <c r="C14144" s="6" t="s">
        <v>14168</v>
      </c>
      <c r="D14144" s="6"/>
      <c r="E14144" s="6" t="s">
        <v>9</v>
      </c>
      <c r="F14144" s="7">
        <v>38657</v>
      </c>
      <c r="G14144" s="8">
        <v>1</v>
      </c>
      <c r="H14144" s="8">
        <v>1</v>
      </c>
      <c r="I14144" s="8">
        <v>0</v>
      </c>
      <c r="J14144" s="8">
        <v>1</v>
      </c>
      <c r="K14144" s="9">
        <v>159</v>
      </c>
      <c r="L14144" s="6" t="s">
        <v>51</v>
      </c>
    </row>
    <row r="14145" spans="1:12">
      <c r="A14145" s="6" t="s">
        <v>49</v>
      </c>
      <c r="B14145" s="6"/>
      <c r="C14145" s="6" t="s">
        <v>14169</v>
      </c>
      <c r="D14145" s="6"/>
      <c r="E14145" s="6" t="s">
        <v>9</v>
      </c>
      <c r="F14145" s="7">
        <v>38657</v>
      </c>
      <c r="G14145" s="8">
        <v>1</v>
      </c>
      <c r="H14145" s="8">
        <v>1</v>
      </c>
      <c r="I14145" s="8">
        <v>0</v>
      </c>
      <c r="J14145" s="8">
        <v>1</v>
      </c>
      <c r="K14145" s="9">
        <v>136</v>
      </c>
      <c r="L14145" s="6" t="s">
        <v>51</v>
      </c>
    </row>
    <row r="14146" spans="1:12">
      <c r="A14146" s="6" t="s">
        <v>49</v>
      </c>
      <c r="B14146" s="6"/>
      <c r="C14146" s="6" t="s">
        <v>14170</v>
      </c>
      <c r="D14146" s="6"/>
      <c r="E14146" s="6" t="s">
        <v>9</v>
      </c>
      <c r="F14146" s="7">
        <v>38657</v>
      </c>
      <c r="G14146" s="8">
        <v>1</v>
      </c>
      <c r="H14146" s="8">
        <v>1</v>
      </c>
      <c r="I14146" s="8">
        <v>0</v>
      </c>
      <c r="J14146" s="8">
        <v>1</v>
      </c>
      <c r="K14146" s="9">
        <v>39</v>
      </c>
      <c r="L14146" s="6" t="s">
        <v>51</v>
      </c>
    </row>
    <row r="14147" spans="1:12">
      <c r="A14147" s="6" t="s">
        <v>49</v>
      </c>
      <c r="B14147" s="6"/>
      <c r="C14147" s="6" t="s">
        <v>14171</v>
      </c>
      <c r="D14147" s="6"/>
      <c r="E14147" s="6" t="s">
        <v>9</v>
      </c>
      <c r="F14147" s="7">
        <v>38657</v>
      </c>
      <c r="G14147" s="8">
        <v>1</v>
      </c>
      <c r="H14147" s="8">
        <v>1</v>
      </c>
      <c r="I14147" s="8">
        <v>0</v>
      </c>
      <c r="J14147" s="8">
        <v>1</v>
      </c>
      <c r="K14147" s="9">
        <v>7.73</v>
      </c>
      <c r="L14147" s="6" t="s">
        <v>51</v>
      </c>
    </row>
    <row r="14148" spans="1:12">
      <c r="A14148" s="6" t="s">
        <v>49</v>
      </c>
      <c r="B14148" s="6"/>
      <c r="C14148" s="6" t="s">
        <v>14172</v>
      </c>
      <c r="D14148" s="6"/>
      <c r="E14148" s="6" t="s">
        <v>9</v>
      </c>
      <c r="F14148" s="7">
        <v>38657</v>
      </c>
      <c r="G14148" s="8">
        <v>1</v>
      </c>
      <c r="H14148" s="8">
        <v>1</v>
      </c>
      <c r="I14148" s="8">
        <v>0</v>
      </c>
      <c r="J14148" s="8">
        <v>1</v>
      </c>
      <c r="K14148" s="9">
        <v>163</v>
      </c>
      <c r="L14148" s="6" t="s">
        <v>51</v>
      </c>
    </row>
    <row r="14149" spans="1:12">
      <c r="A14149" s="6" t="s">
        <v>49</v>
      </c>
      <c r="B14149" s="6"/>
      <c r="C14149" s="6" t="s">
        <v>14173</v>
      </c>
      <c r="D14149" s="6"/>
      <c r="E14149" s="6" t="s">
        <v>9</v>
      </c>
      <c r="F14149" s="7">
        <v>38657</v>
      </c>
      <c r="G14149" s="8">
        <v>1</v>
      </c>
      <c r="H14149" s="8">
        <v>1</v>
      </c>
      <c r="I14149" s="8">
        <v>0</v>
      </c>
      <c r="J14149" s="8">
        <v>1</v>
      </c>
      <c r="K14149" s="9">
        <v>92</v>
      </c>
      <c r="L14149" s="6" t="s">
        <v>51</v>
      </c>
    </row>
    <row r="14150" spans="1:12">
      <c r="A14150" s="6" t="s">
        <v>49</v>
      </c>
      <c r="B14150" s="6"/>
      <c r="C14150" s="6" t="s">
        <v>14174</v>
      </c>
      <c r="D14150" s="6"/>
      <c r="E14150" s="6" t="s">
        <v>9</v>
      </c>
      <c r="F14150" s="7">
        <v>38657</v>
      </c>
      <c r="G14150" s="8">
        <v>1</v>
      </c>
      <c r="H14150" s="8">
        <v>1</v>
      </c>
      <c r="I14150" s="8">
        <v>0</v>
      </c>
      <c r="J14150" s="8">
        <v>1</v>
      </c>
      <c r="K14150" s="9">
        <v>141</v>
      </c>
      <c r="L14150" s="6" t="s">
        <v>51</v>
      </c>
    </row>
    <row r="14151" spans="1:12">
      <c r="A14151" s="6" t="s">
        <v>49</v>
      </c>
      <c r="B14151" s="6"/>
      <c r="C14151" s="6" t="s">
        <v>14175</v>
      </c>
      <c r="D14151" s="6"/>
      <c r="E14151" s="6" t="s">
        <v>9</v>
      </c>
      <c r="F14151" s="7">
        <v>38657</v>
      </c>
      <c r="G14151" s="8">
        <v>1</v>
      </c>
      <c r="H14151" s="8">
        <v>1</v>
      </c>
      <c r="I14151" s="8">
        <v>0</v>
      </c>
      <c r="J14151" s="8">
        <v>1</v>
      </c>
      <c r="K14151" s="9">
        <v>608</v>
      </c>
      <c r="L14151" s="6" t="s">
        <v>51</v>
      </c>
    </row>
    <row r="14152" spans="1:12">
      <c r="A14152" s="6" t="s">
        <v>49</v>
      </c>
      <c r="B14152" s="6"/>
      <c r="C14152" s="6" t="s">
        <v>14176</v>
      </c>
      <c r="D14152" s="6"/>
      <c r="E14152" s="6" t="s">
        <v>9</v>
      </c>
      <c r="F14152" s="7">
        <v>38657</v>
      </c>
      <c r="G14152" s="8">
        <v>1</v>
      </c>
      <c r="H14152" s="8">
        <v>1</v>
      </c>
      <c r="I14152" s="8">
        <v>0</v>
      </c>
      <c r="J14152" s="8">
        <v>1</v>
      </c>
      <c r="K14152" s="9">
        <v>1196</v>
      </c>
      <c r="L14152" s="6" t="s">
        <v>51</v>
      </c>
    </row>
    <row r="14153" spans="1:12">
      <c r="A14153" s="6" t="s">
        <v>49</v>
      </c>
      <c r="B14153" s="6"/>
      <c r="C14153" s="6" t="s">
        <v>14177</v>
      </c>
      <c r="D14153" s="6"/>
      <c r="E14153" s="6" t="s">
        <v>9</v>
      </c>
      <c r="F14153" s="7">
        <v>38657</v>
      </c>
      <c r="G14153" s="8">
        <v>1</v>
      </c>
      <c r="H14153" s="8">
        <v>1</v>
      </c>
      <c r="I14153" s="8">
        <v>0</v>
      </c>
      <c r="J14153" s="8">
        <v>1</v>
      </c>
      <c r="K14153" s="9">
        <v>308</v>
      </c>
      <c r="L14153" s="6" t="s">
        <v>51</v>
      </c>
    </row>
    <row r="14154" spans="1:12">
      <c r="A14154" s="6" t="s">
        <v>49</v>
      </c>
      <c r="B14154" s="6"/>
      <c r="C14154" s="6" t="s">
        <v>14178</v>
      </c>
      <c r="D14154" s="6"/>
      <c r="E14154" s="6" t="s">
        <v>9</v>
      </c>
      <c r="F14154" s="7">
        <v>38657</v>
      </c>
      <c r="G14154" s="8">
        <v>1</v>
      </c>
      <c r="H14154" s="8">
        <v>1</v>
      </c>
      <c r="I14154" s="8">
        <v>0</v>
      </c>
      <c r="J14154" s="8">
        <v>1</v>
      </c>
      <c r="K14154" s="9">
        <v>298</v>
      </c>
      <c r="L14154" s="6" t="s">
        <v>51</v>
      </c>
    </row>
    <row r="14155" spans="1:12">
      <c r="A14155" s="6" t="s">
        <v>49</v>
      </c>
      <c r="B14155" s="6"/>
      <c r="C14155" s="6" t="s">
        <v>14179</v>
      </c>
      <c r="D14155" s="6"/>
      <c r="E14155" s="6" t="s">
        <v>9</v>
      </c>
      <c r="F14155" s="7">
        <v>38657</v>
      </c>
      <c r="G14155" s="8">
        <v>1</v>
      </c>
      <c r="H14155" s="8">
        <v>1</v>
      </c>
      <c r="I14155" s="8">
        <v>0</v>
      </c>
      <c r="J14155" s="8">
        <v>1</v>
      </c>
      <c r="K14155" s="9">
        <v>260</v>
      </c>
      <c r="L14155" s="6" t="s">
        <v>51</v>
      </c>
    </row>
    <row r="14156" spans="1:12">
      <c r="A14156" s="6" t="s">
        <v>49</v>
      </c>
      <c r="B14156" s="6"/>
      <c r="C14156" s="6" t="s">
        <v>14180</v>
      </c>
      <c r="D14156" s="6"/>
      <c r="E14156" s="6" t="s">
        <v>9</v>
      </c>
      <c r="F14156" s="7">
        <v>38657</v>
      </c>
      <c r="G14156" s="8">
        <v>1</v>
      </c>
      <c r="H14156" s="8">
        <v>1</v>
      </c>
      <c r="I14156" s="8">
        <v>0</v>
      </c>
      <c r="J14156" s="8">
        <v>1</v>
      </c>
      <c r="K14156" s="9">
        <v>143</v>
      </c>
      <c r="L14156" s="6" t="s">
        <v>51</v>
      </c>
    </row>
    <row r="14157" spans="1:12">
      <c r="A14157" s="6" t="s">
        <v>49</v>
      </c>
      <c r="B14157" s="6"/>
      <c r="C14157" s="6" t="s">
        <v>14181</v>
      </c>
      <c r="D14157" s="6"/>
      <c r="E14157" s="6" t="s">
        <v>9</v>
      </c>
      <c r="F14157" s="7">
        <v>38657</v>
      </c>
      <c r="G14157" s="8">
        <v>1</v>
      </c>
      <c r="H14157" s="8">
        <v>1</v>
      </c>
      <c r="I14157" s="8">
        <v>0</v>
      </c>
      <c r="J14157" s="8">
        <v>1</v>
      </c>
      <c r="K14157" s="9">
        <v>9.8800000000000008</v>
      </c>
      <c r="L14157" s="6" t="s">
        <v>51</v>
      </c>
    </row>
    <row r="14158" spans="1:12">
      <c r="A14158" s="6" t="s">
        <v>49</v>
      </c>
      <c r="B14158" s="6"/>
      <c r="C14158" s="6" t="s">
        <v>14182</v>
      </c>
      <c r="D14158" s="6"/>
      <c r="E14158" s="6" t="s">
        <v>9</v>
      </c>
      <c r="F14158" s="7">
        <v>38657</v>
      </c>
      <c r="G14158" s="8">
        <v>1</v>
      </c>
      <c r="H14158" s="8">
        <v>1</v>
      </c>
      <c r="I14158" s="8">
        <v>0</v>
      </c>
      <c r="J14158" s="8">
        <v>1</v>
      </c>
      <c r="K14158" s="9">
        <v>48</v>
      </c>
      <c r="L14158" s="6" t="s">
        <v>51</v>
      </c>
    </row>
    <row r="14159" spans="1:12">
      <c r="A14159" s="6" t="s">
        <v>49</v>
      </c>
      <c r="B14159" s="6"/>
      <c r="C14159" s="6" t="s">
        <v>14183</v>
      </c>
      <c r="D14159" s="6"/>
      <c r="E14159" s="6" t="s">
        <v>9</v>
      </c>
      <c r="F14159" s="7">
        <v>38657</v>
      </c>
      <c r="G14159" s="8">
        <v>1</v>
      </c>
      <c r="H14159" s="8">
        <v>1</v>
      </c>
      <c r="I14159" s="8">
        <v>0</v>
      </c>
      <c r="J14159" s="8">
        <v>1</v>
      </c>
      <c r="K14159" s="9">
        <v>8.5</v>
      </c>
      <c r="L14159" s="6" t="s">
        <v>51</v>
      </c>
    </row>
    <row r="14160" spans="1:12">
      <c r="A14160" s="6" t="s">
        <v>49</v>
      </c>
      <c r="B14160" s="6"/>
      <c r="C14160" s="6" t="s">
        <v>14184</v>
      </c>
      <c r="D14160" s="6"/>
      <c r="E14160" s="6" t="s">
        <v>9</v>
      </c>
      <c r="F14160" s="7">
        <v>38657</v>
      </c>
      <c r="G14160" s="8">
        <v>1</v>
      </c>
      <c r="H14160" s="8">
        <v>1</v>
      </c>
      <c r="I14160" s="8">
        <v>0</v>
      </c>
      <c r="J14160" s="8">
        <v>1</v>
      </c>
      <c r="K14160" s="9">
        <v>40</v>
      </c>
      <c r="L14160" s="6" t="s">
        <v>51</v>
      </c>
    </row>
    <row r="14161" spans="1:12">
      <c r="A14161" s="6" t="s">
        <v>49</v>
      </c>
      <c r="B14161" s="6"/>
      <c r="C14161" s="6" t="s">
        <v>14185</v>
      </c>
      <c r="D14161" s="6"/>
      <c r="E14161" s="6" t="s">
        <v>9</v>
      </c>
      <c r="F14161" s="7">
        <v>38657</v>
      </c>
      <c r="G14161" s="8">
        <v>1</v>
      </c>
      <c r="H14161" s="8">
        <v>1</v>
      </c>
      <c r="I14161" s="8">
        <v>0</v>
      </c>
      <c r="J14161" s="8">
        <v>1</v>
      </c>
      <c r="K14161" s="9">
        <v>15</v>
      </c>
      <c r="L14161" s="6" t="s">
        <v>51</v>
      </c>
    </row>
    <row r="14162" spans="1:12">
      <c r="A14162" s="6" t="s">
        <v>49</v>
      </c>
      <c r="B14162" s="6"/>
      <c r="C14162" s="6" t="s">
        <v>14186</v>
      </c>
      <c r="D14162" s="6"/>
      <c r="E14162" s="6" t="s">
        <v>9</v>
      </c>
      <c r="F14162" s="7">
        <v>38657</v>
      </c>
      <c r="G14162" s="8">
        <v>1</v>
      </c>
      <c r="H14162" s="8">
        <v>1</v>
      </c>
      <c r="I14162" s="8">
        <v>0</v>
      </c>
      <c r="J14162" s="8">
        <v>1</v>
      </c>
      <c r="K14162" s="9">
        <v>6.87</v>
      </c>
      <c r="L14162" s="6" t="s">
        <v>51</v>
      </c>
    </row>
    <row r="14163" spans="1:12">
      <c r="A14163" s="6" t="s">
        <v>49</v>
      </c>
      <c r="B14163" s="6"/>
      <c r="C14163" s="6" t="s">
        <v>14187</v>
      </c>
      <c r="D14163" s="6"/>
      <c r="E14163" s="6" t="s">
        <v>9</v>
      </c>
      <c r="F14163" s="7">
        <v>38657</v>
      </c>
      <c r="G14163" s="8">
        <v>1</v>
      </c>
      <c r="H14163" s="8">
        <v>1</v>
      </c>
      <c r="I14163" s="8">
        <v>0</v>
      </c>
      <c r="J14163" s="8">
        <v>1</v>
      </c>
      <c r="K14163" s="9">
        <v>12</v>
      </c>
      <c r="L14163" s="6" t="s">
        <v>51</v>
      </c>
    </row>
    <row r="14164" spans="1:12">
      <c r="A14164" s="6" t="s">
        <v>49</v>
      </c>
      <c r="B14164" s="6"/>
      <c r="C14164" s="6" t="s">
        <v>14188</v>
      </c>
      <c r="D14164" s="6"/>
      <c r="E14164" s="6" t="s">
        <v>9</v>
      </c>
      <c r="F14164" s="7">
        <v>38657</v>
      </c>
      <c r="G14164" s="8">
        <v>1</v>
      </c>
      <c r="H14164" s="8">
        <v>1</v>
      </c>
      <c r="I14164" s="8">
        <v>0</v>
      </c>
      <c r="J14164" s="8">
        <v>1</v>
      </c>
      <c r="K14164" s="9">
        <v>15</v>
      </c>
      <c r="L14164" s="6" t="s">
        <v>51</v>
      </c>
    </row>
    <row r="14165" spans="1:12">
      <c r="A14165" s="6" t="s">
        <v>49</v>
      </c>
      <c r="B14165" s="6"/>
      <c r="C14165" s="6" t="s">
        <v>14189</v>
      </c>
      <c r="D14165" s="6"/>
      <c r="E14165" s="6" t="s">
        <v>9</v>
      </c>
      <c r="F14165" s="7">
        <v>38657</v>
      </c>
      <c r="G14165" s="8">
        <v>1</v>
      </c>
      <c r="H14165" s="8">
        <v>1</v>
      </c>
      <c r="I14165" s="8">
        <v>0</v>
      </c>
      <c r="J14165" s="8">
        <v>1</v>
      </c>
      <c r="K14165" s="9">
        <v>4.25</v>
      </c>
      <c r="L14165" s="6" t="s">
        <v>51</v>
      </c>
    </row>
    <row r="14166" spans="1:12">
      <c r="A14166" s="6" t="s">
        <v>49</v>
      </c>
      <c r="B14166" s="6"/>
      <c r="C14166" s="6" t="s">
        <v>14190</v>
      </c>
      <c r="D14166" s="6"/>
      <c r="E14166" s="6" t="s">
        <v>9</v>
      </c>
      <c r="F14166" s="7">
        <v>38657</v>
      </c>
      <c r="G14166" s="8">
        <v>1</v>
      </c>
      <c r="H14166" s="8">
        <v>1</v>
      </c>
      <c r="I14166" s="8">
        <v>0</v>
      </c>
      <c r="J14166" s="8">
        <v>1</v>
      </c>
      <c r="K14166" s="9">
        <v>7.27</v>
      </c>
      <c r="L14166" s="6" t="s">
        <v>51</v>
      </c>
    </row>
    <row r="14167" spans="1:12">
      <c r="A14167" s="6" t="s">
        <v>49</v>
      </c>
      <c r="B14167" s="6"/>
      <c r="C14167" s="6" t="s">
        <v>14191</v>
      </c>
      <c r="D14167" s="6"/>
      <c r="E14167" s="6" t="s">
        <v>9</v>
      </c>
      <c r="F14167" s="7">
        <v>38657</v>
      </c>
      <c r="G14167" s="8">
        <v>1</v>
      </c>
      <c r="H14167" s="8">
        <v>1</v>
      </c>
      <c r="I14167" s="8">
        <v>0</v>
      </c>
      <c r="J14167" s="8">
        <v>1</v>
      </c>
      <c r="K14167" s="9">
        <v>14</v>
      </c>
      <c r="L14167" s="6" t="s">
        <v>51</v>
      </c>
    </row>
    <row r="14168" spans="1:12">
      <c r="A14168" s="6" t="s">
        <v>49</v>
      </c>
      <c r="B14168" s="6"/>
      <c r="C14168" s="6" t="s">
        <v>14192</v>
      </c>
      <c r="D14168" s="6"/>
      <c r="E14168" s="6" t="s">
        <v>9</v>
      </c>
      <c r="F14168" s="7">
        <v>38657</v>
      </c>
      <c r="G14168" s="8">
        <v>1</v>
      </c>
      <c r="H14168" s="8">
        <v>1</v>
      </c>
      <c r="I14168" s="8">
        <v>0</v>
      </c>
      <c r="J14168" s="8">
        <v>1</v>
      </c>
      <c r="K14168" s="9">
        <v>3.5</v>
      </c>
      <c r="L14168" s="6" t="s">
        <v>51</v>
      </c>
    </row>
    <row r="14169" spans="1:12">
      <c r="A14169" s="6" t="s">
        <v>49</v>
      </c>
      <c r="B14169" s="6"/>
      <c r="C14169" s="6" t="s">
        <v>14193</v>
      </c>
      <c r="D14169" s="6"/>
      <c r="E14169" s="6" t="s">
        <v>9</v>
      </c>
      <c r="F14169" s="7">
        <v>38657</v>
      </c>
      <c r="G14169" s="8">
        <v>1</v>
      </c>
      <c r="H14169" s="8">
        <v>1</v>
      </c>
      <c r="I14169" s="8">
        <v>0</v>
      </c>
      <c r="J14169" s="8">
        <v>1</v>
      </c>
      <c r="K14169" s="9">
        <v>13</v>
      </c>
      <c r="L14169" s="6" t="s">
        <v>51</v>
      </c>
    </row>
    <row r="14170" spans="1:12">
      <c r="A14170" s="6" t="s">
        <v>49</v>
      </c>
      <c r="B14170" s="6"/>
      <c r="C14170" s="6" t="s">
        <v>14194</v>
      </c>
      <c r="D14170" s="6"/>
      <c r="E14170" s="6" t="s">
        <v>9</v>
      </c>
      <c r="F14170" s="7">
        <v>38657</v>
      </c>
      <c r="G14170" s="8">
        <v>1</v>
      </c>
      <c r="H14170" s="8">
        <v>1</v>
      </c>
      <c r="I14170" s="8">
        <v>0</v>
      </c>
      <c r="J14170" s="8">
        <v>1</v>
      </c>
      <c r="K14170" s="9">
        <v>11</v>
      </c>
      <c r="L14170" s="6" t="s">
        <v>51</v>
      </c>
    </row>
    <row r="14171" spans="1:12">
      <c r="A14171" s="6" t="s">
        <v>49</v>
      </c>
      <c r="B14171" s="6"/>
      <c r="C14171" s="6" t="s">
        <v>14195</v>
      </c>
      <c r="D14171" s="6"/>
      <c r="E14171" s="6" t="s">
        <v>9</v>
      </c>
      <c r="F14171" s="7">
        <v>38657</v>
      </c>
      <c r="G14171" s="8">
        <v>1</v>
      </c>
      <c r="H14171" s="8">
        <v>1</v>
      </c>
      <c r="I14171" s="8">
        <v>0</v>
      </c>
      <c r="J14171" s="8">
        <v>1</v>
      </c>
      <c r="K14171" s="9">
        <v>21</v>
      </c>
      <c r="L14171" s="6" t="s">
        <v>51</v>
      </c>
    </row>
    <row r="14172" spans="1:12">
      <c r="A14172" s="6" t="s">
        <v>49</v>
      </c>
      <c r="B14172" s="6"/>
      <c r="C14172" s="6" t="s">
        <v>14196</v>
      </c>
      <c r="D14172" s="6"/>
      <c r="E14172" s="6" t="s">
        <v>9</v>
      </c>
      <c r="F14172" s="7">
        <v>38657</v>
      </c>
      <c r="G14172" s="8">
        <v>1</v>
      </c>
      <c r="H14172" s="8">
        <v>1</v>
      </c>
      <c r="I14172" s="8">
        <v>0</v>
      </c>
      <c r="J14172" s="8">
        <v>1</v>
      </c>
      <c r="K14172" s="9">
        <v>2.6</v>
      </c>
      <c r="L14172" s="6" t="s">
        <v>51</v>
      </c>
    </row>
    <row r="14173" spans="1:12">
      <c r="A14173" s="6" t="s">
        <v>49</v>
      </c>
      <c r="B14173" s="6"/>
      <c r="C14173" s="6" t="s">
        <v>14197</v>
      </c>
      <c r="D14173" s="6"/>
      <c r="E14173" s="6" t="s">
        <v>9</v>
      </c>
      <c r="F14173" s="7">
        <v>38657</v>
      </c>
      <c r="G14173" s="8">
        <v>1</v>
      </c>
      <c r="H14173" s="8">
        <v>1</v>
      </c>
      <c r="I14173" s="8">
        <v>0</v>
      </c>
      <c r="J14173" s="8">
        <v>1</v>
      </c>
      <c r="K14173" s="9">
        <v>7.84</v>
      </c>
      <c r="L14173" s="6" t="s">
        <v>51</v>
      </c>
    </row>
    <row r="14174" spans="1:12">
      <c r="A14174" s="6" t="s">
        <v>49</v>
      </c>
      <c r="B14174" s="6"/>
      <c r="C14174" s="6" t="s">
        <v>14198</v>
      </c>
      <c r="D14174" s="6"/>
      <c r="E14174" s="6" t="s">
        <v>9</v>
      </c>
      <c r="F14174" s="7">
        <v>38657</v>
      </c>
      <c r="G14174" s="8">
        <v>1</v>
      </c>
      <c r="H14174" s="8">
        <v>1</v>
      </c>
      <c r="I14174" s="8">
        <v>0</v>
      </c>
      <c r="J14174" s="8">
        <v>1</v>
      </c>
      <c r="K14174" s="9">
        <v>6.5</v>
      </c>
      <c r="L14174" s="6" t="s">
        <v>51</v>
      </c>
    </row>
    <row r="14175" spans="1:12">
      <c r="A14175" s="6" t="s">
        <v>49</v>
      </c>
      <c r="B14175" s="6"/>
      <c r="C14175" s="6" t="s">
        <v>14199</v>
      </c>
      <c r="D14175" s="6"/>
      <c r="E14175" s="6" t="s">
        <v>9</v>
      </c>
      <c r="F14175" s="7">
        <v>38657</v>
      </c>
      <c r="G14175" s="8">
        <v>1</v>
      </c>
      <c r="H14175" s="8">
        <v>1</v>
      </c>
      <c r="I14175" s="8">
        <v>0</v>
      </c>
      <c r="J14175" s="8">
        <v>1</v>
      </c>
      <c r="K14175" s="9">
        <v>32</v>
      </c>
      <c r="L14175" s="6" t="s">
        <v>51</v>
      </c>
    </row>
    <row r="14176" spans="1:12">
      <c r="A14176" s="6" t="s">
        <v>49</v>
      </c>
      <c r="B14176" s="6"/>
      <c r="C14176" s="6" t="s">
        <v>14200</v>
      </c>
      <c r="D14176" s="6"/>
      <c r="E14176" s="6" t="s">
        <v>9</v>
      </c>
      <c r="F14176" s="7">
        <v>38657</v>
      </c>
      <c r="G14176" s="8">
        <v>1</v>
      </c>
      <c r="H14176" s="8">
        <v>1</v>
      </c>
      <c r="I14176" s="8">
        <v>0</v>
      </c>
      <c r="J14176" s="8">
        <v>1</v>
      </c>
      <c r="K14176" s="9">
        <v>12</v>
      </c>
      <c r="L14176" s="6" t="s">
        <v>51</v>
      </c>
    </row>
    <row r="14177" spans="1:12">
      <c r="A14177" s="6" t="s">
        <v>49</v>
      </c>
      <c r="B14177" s="6"/>
      <c r="C14177" s="6" t="s">
        <v>14201</v>
      </c>
      <c r="D14177" s="6"/>
      <c r="E14177" s="6" t="s">
        <v>9</v>
      </c>
      <c r="F14177" s="7">
        <v>38657</v>
      </c>
      <c r="G14177" s="8">
        <v>1</v>
      </c>
      <c r="H14177" s="8">
        <v>1</v>
      </c>
      <c r="I14177" s="8">
        <v>0</v>
      </c>
      <c r="J14177" s="8">
        <v>1</v>
      </c>
      <c r="K14177" s="9">
        <v>14</v>
      </c>
      <c r="L14177" s="6" t="s">
        <v>51</v>
      </c>
    </row>
    <row r="14178" spans="1:12">
      <c r="A14178" s="6" t="s">
        <v>49</v>
      </c>
      <c r="B14178" s="6"/>
      <c r="C14178" s="6" t="s">
        <v>14202</v>
      </c>
      <c r="D14178" s="6"/>
      <c r="E14178" s="6" t="s">
        <v>9</v>
      </c>
      <c r="F14178" s="7">
        <v>38657</v>
      </c>
      <c r="G14178" s="8">
        <v>1</v>
      </c>
      <c r="H14178" s="8">
        <v>1</v>
      </c>
      <c r="I14178" s="8">
        <v>0</v>
      </c>
      <c r="J14178" s="8">
        <v>1</v>
      </c>
      <c r="K14178" s="9">
        <v>55</v>
      </c>
      <c r="L14178" s="6" t="s">
        <v>51</v>
      </c>
    </row>
    <row r="14179" spans="1:12">
      <c r="A14179" s="6" t="s">
        <v>49</v>
      </c>
      <c r="B14179" s="6"/>
      <c r="C14179" s="6" t="s">
        <v>14203</v>
      </c>
      <c r="D14179" s="6"/>
      <c r="E14179" s="6" t="s">
        <v>9</v>
      </c>
      <c r="F14179" s="7">
        <v>38657</v>
      </c>
      <c r="G14179" s="8">
        <v>1</v>
      </c>
      <c r="H14179" s="8">
        <v>1</v>
      </c>
      <c r="I14179" s="8">
        <v>0</v>
      </c>
      <c r="J14179" s="8">
        <v>1</v>
      </c>
      <c r="K14179" s="9">
        <v>8.51</v>
      </c>
      <c r="L14179" s="6" t="s">
        <v>51</v>
      </c>
    </row>
    <row r="14180" spans="1:12">
      <c r="A14180" s="6" t="s">
        <v>49</v>
      </c>
      <c r="B14180" s="6"/>
      <c r="C14180" s="6" t="s">
        <v>14204</v>
      </c>
      <c r="D14180" s="6"/>
      <c r="E14180" s="6" t="s">
        <v>9</v>
      </c>
      <c r="F14180" s="7">
        <v>38657</v>
      </c>
      <c r="G14180" s="8">
        <v>1</v>
      </c>
      <c r="H14180" s="8">
        <v>1</v>
      </c>
      <c r="I14180" s="8">
        <v>0</v>
      </c>
      <c r="J14180" s="8">
        <v>1</v>
      </c>
      <c r="K14180" s="9">
        <v>0.96</v>
      </c>
      <c r="L14180" s="6" t="s">
        <v>51</v>
      </c>
    </row>
    <row r="14181" spans="1:12">
      <c r="A14181" s="6" t="s">
        <v>49</v>
      </c>
      <c r="B14181" s="6"/>
      <c r="C14181" s="6" t="s">
        <v>14205</v>
      </c>
      <c r="D14181" s="6"/>
      <c r="E14181" s="6" t="s">
        <v>9</v>
      </c>
      <c r="F14181" s="7">
        <v>38657</v>
      </c>
      <c r="G14181" s="8">
        <v>1</v>
      </c>
      <c r="H14181" s="8">
        <v>1</v>
      </c>
      <c r="I14181" s="8">
        <v>0</v>
      </c>
      <c r="J14181" s="8">
        <v>1</v>
      </c>
      <c r="K14181" s="9">
        <v>9.2899999999999903</v>
      </c>
      <c r="L14181" s="6" t="s">
        <v>51</v>
      </c>
    </row>
    <row r="14182" spans="1:12">
      <c r="A14182" s="6" t="s">
        <v>49</v>
      </c>
      <c r="B14182" s="6"/>
      <c r="C14182" s="6" t="s">
        <v>14206</v>
      </c>
      <c r="D14182" s="6"/>
      <c r="E14182" s="6" t="s">
        <v>9</v>
      </c>
      <c r="F14182" s="7">
        <v>38657</v>
      </c>
      <c r="G14182" s="8">
        <v>1</v>
      </c>
      <c r="H14182" s="8">
        <v>1</v>
      </c>
      <c r="I14182" s="8">
        <v>0</v>
      </c>
      <c r="J14182" s="8">
        <v>1</v>
      </c>
      <c r="K14182" s="9">
        <v>10</v>
      </c>
      <c r="L14182" s="6" t="s">
        <v>51</v>
      </c>
    </row>
    <row r="14183" spans="1:12">
      <c r="A14183" s="6" t="s">
        <v>49</v>
      </c>
      <c r="B14183" s="6"/>
      <c r="C14183" s="6" t="s">
        <v>14207</v>
      </c>
      <c r="D14183" s="6"/>
      <c r="E14183" s="6" t="s">
        <v>9</v>
      </c>
      <c r="F14183" s="7">
        <v>38657</v>
      </c>
      <c r="G14183" s="8">
        <v>1</v>
      </c>
      <c r="H14183" s="8">
        <v>1</v>
      </c>
      <c r="I14183" s="8">
        <v>0</v>
      </c>
      <c r="J14183" s="8">
        <v>1</v>
      </c>
      <c r="K14183" s="9">
        <v>22</v>
      </c>
      <c r="L14183" s="6" t="s">
        <v>51</v>
      </c>
    </row>
    <row r="14184" spans="1:12">
      <c r="A14184" s="6" t="s">
        <v>49</v>
      </c>
      <c r="B14184" s="6"/>
      <c r="C14184" s="6" t="s">
        <v>14208</v>
      </c>
      <c r="D14184" s="6"/>
      <c r="E14184" s="6" t="s">
        <v>9</v>
      </c>
      <c r="F14184" s="7">
        <v>38657</v>
      </c>
      <c r="G14184" s="8">
        <v>1</v>
      </c>
      <c r="H14184" s="8">
        <v>1</v>
      </c>
      <c r="I14184" s="8">
        <v>0</v>
      </c>
      <c r="J14184" s="8">
        <v>1</v>
      </c>
      <c r="K14184" s="9">
        <v>15</v>
      </c>
      <c r="L14184" s="6" t="s">
        <v>51</v>
      </c>
    </row>
    <row r="14185" spans="1:12">
      <c r="A14185" s="6" t="s">
        <v>49</v>
      </c>
      <c r="B14185" s="6"/>
      <c r="C14185" s="6" t="s">
        <v>14209</v>
      </c>
      <c r="D14185" s="6"/>
      <c r="E14185" s="6" t="s">
        <v>9</v>
      </c>
      <c r="F14185" s="7">
        <v>38657</v>
      </c>
      <c r="G14185" s="8">
        <v>1</v>
      </c>
      <c r="H14185" s="8">
        <v>1</v>
      </c>
      <c r="I14185" s="8">
        <v>0</v>
      </c>
      <c r="J14185" s="8">
        <v>1</v>
      </c>
      <c r="K14185" s="9">
        <v>2.71</v>
      </c>
      <c r="L14185" s="6" t="s">
        <v>51</v>
      </c>
    </row>
    <row r="14186" spans="1:12">
      <c r="A14186" s="6" t="s">
        <v>49</v>
      </c>
      <c r="B14186" s="6"/>
      <c r="C14186" s="6" t="s">
        <v>14210</v>
      </c>
      <c r="D14186" s="6"/>
      <c r="E14186" s="6" t="s">
        <v>9</v>
      </c>
      <c r="F14186" s="7">
        <v>38657</v>
      </c>
      <c r="G14186" s="8">
        <v>1</v>
      </c>
      <c r="H14186" s="8">
        <v>1</v>
      </c>
      <c r="I14186" s="8">
        <v>0</v>
      </c>
      <c r="J14186" s="8">
        <v>1</v>
      </c>
      <c r="K14186" s="9">
        <v>6.36</v>
      </c>
      <c r="L14186" s="6" t="s">
        <v>51</v>
      </c>
    </row>
    <row r="14187" spans="1:12">
      <c r="A14187" s="6" t="s">
        <v>49</v>
      </c>
      <c r="B14187" s="6"/>
      <c r="C14187" s="6" t="s">
        <v>14211</v>
      </c>
      <c r="D14187" s="6"/>
      <c r="E14187" s="6" t="s">
        <v>9</v>
      </c>
      <c r="F14187" s="7">
        <v>38657</v>
      </c>
      <c r="G14187" s="8">
        <v>1</v>
      </c>
      <c r="H14187" s="8">
        <v>1</v>
      </c>
      <c r="I14187" s="8">
        <v>0</v>
      </c>
      <c r="J14187" s="8">
        <v>1</v>
      </c>
      <c r="K14187" s="9">
        <v>4.2</v>
      </c>
      <c r="L14187" s="6" t="s">
        <v>51</v>
      </c>
    </row>
    <row r="14188" spans="1:12">
      <c r="A14188" s="6" t="s">
        <v>49</v>
      </c>
      <c r="B14188" s="6"/>
      <c r="C14188" s="6" t="s">
        <v>14212</v>
      </c>
      <c r="D14188" s="6"/>
      <c r="E14188" s="6" t="s">
        <v>9</v>
      </c>
      <c r="F14188" s="7">
        <v>38657</v>
      </c>
      <c r="G14188" s="8">
        <v>1</v>
      </c>
      <c r="H14188" s="8">
        <v>1</v>
      </c>
      <c r="I14188" s="8">
        <v>0</v>
      </c>
      <c r="J14188" s="8">
        <v>1</v>
      </c>
      <c r="K14188" s="9">
        <v>7.84</v>
      </c>
      <c r="L14188" s="6" t="s">
        <v>51</v>
      </c>
    </row>
    <row r="14189" spans="1:12">
      <c r="A14189" s="6" t="s">
        <v>49</v>
      </c>
      <c r="B14189" s="6"/>
      <c r="C14189" s="6" t="s">
        <v>14213</v>
      </c>
      <c r="D14189" s="6"/>
      <c r="E14189" s="6" t="s">
        <v>9</v>
      </c>
      <c r="F14189" s="7">
        <v>38657</v>
      </c>
      <c r="G14189" s="8">
        <v>1</v>
      </c>
      <c r="H14189" s="8">
        <v>1</v>
      </c>
      <c r="I14189" s="8">
        <v>0</v>
      </c>
      <c r="J14189" s="8">
        <v>1</v>
      </c>
      <c r="K14189" s="9">
        <v>2.7</v>
      </c>
      <c r="L14189" s="6" t="s">
        <v>51</v>
      </c>
    </row>
    <row r="14190" spans="1:12">
      <c r="A14190" s="6" t="s">
        <v>49</v>
      </c>
      <c r="B14190" s="6"/>
      <c r="C14190" s="6" t="s">
        <v>14214</v>
      </c>
      <c r="D14190" s="6"/>
      <c r="E14190" s="6" t="s">
        <v>9</v>
      </c>
      <c r="F14190" s="7">
        <v>38657</v>
      </c>
      <c r="G14190" s="8">
        <v>1</v>
      </c>
      <c r="H14190" s="8">
        <v>1</v>
      </c>
      <c r="I14190" s="8">
        <v>0</v>
      </c>
      <c r="J14190" s="8">
        <v>1</v>
      </c>
      <c r="K14190" s="9">
        <v>7.58</v>
      </c>
      <c r="L14190" s="6" t="s">
        <v>51</v>
      </c>
    </row>
    <row r="14191" spans="1:12">
      <c r="A14191" s="6" t="s">
        <v>49</v>
      </c>
      <c r="B14191" s="6"/>
      <c r="C14191" s="6" t="s">
        <v>14215</v>
      </c>
      <c r="D14191" s="6"/>
      <c r="E14191" s="6" t="s">
        <v>9</v>
      </c>
      <c r="F14191" s="7">
        <v>38657</v>
      </c>
      <c r="G14191" s="8">
        <v>1</v>
      </c>
      <c r="H14191" s="8">
        <v>1</v>
      </c>
      <c r="I14191" s="8">
        <v>0</v>
      </c>
      <c r="J14191" s="8">
        <v>1</v>
      </c>
      <c r="K14191" s="9">
        <v>6.44</v>
      </c>
      <c r="L14191" s="6" t="s">
        <v>51</v>
      </c>
    </row>
    <row r="14192" spans="1:12">
      <c r="A14192" s="6" t="s">
        <v>49</v>
      </c>
      <c r="B14192" s="6"/>
      <c r="C14192" s="6" t="s">
        <v>14216</v>
      </c>
      <c r="D14192" s="6"/>
      <c r="E14192" s="6" t="s">
        <v>9</v>
      </c>
      <c r="F14192" s="7">
        <v>38657</v>
      </c>
      <c r="G14192" s="8">
        <v>1</v>
      </c>
      <c r="H14192" s="8">
        <v>1</v>
      </c>
      <c r="I14192" s="8">
        <v>0</v>
      </c>
      <c r="J14192" s="8">
        <v>1</v>
      </c>
      <c r="K14192" s="9">
        <v>4.8</v>
      </c>
      <c r="L14192" s="6" t="s">
        <v>51</v>
      </c>
    </row>
    <row r="14193" spans="1:12">
      <c r="A14193" s="6" t="s">
        <v>49</v>
      </c>
      <c r="B14193" s="6"/>
      <c r="C14193" s="6" t="s">
        <v>14217</v>
      </c>
      <c r="D14193" s="6"/>
      <c r="E14193" s="6" t="s">
        <v>9</v>
      </c>
      <c r="F14193" s="7">
        <v>38657</v>
      </c>
      <c r="G14193" s="8">
        <v>1</v>
      </c>
      <c r="H14193" s="8">
        <v>1</v>
      </c>
      <c r="I14193" s="8">
        <v>0</v>
      </c>
      <c r="J14193" s="8">
        <v>1</v>
      </c>
      <c r="K14193" s="9">
        <v>24</v>
      </c>
      <c r="L14193" s="6" t="s">
        <v>51</v>
      </c>
    </row>
    <row r="14194" spans="1:12">
      <c r="A14194" s="6" t="s">
        <v>49</v>
      </c>
      <c r="B14194" s="6"/>
      <c r="C14194" s="6" t="s">
        <v>14218</v>
      </c>
      <c r="D14194" s="6"/>
      <c r="E14194" s="6" t="s">
        <v>9</v>
      </c>
      <c r="F14194" s="7">
        <v>38657</v>
      </c>
      <c r="G14194" s="8">
        <v>1</v>
      </c>
      <c r="H14194" s="8">
        <v>1</v>
      </c>
      <c r="I14194" s="8">
        <v>0</v>
      </c>
      <c r="J14194" s="8">
        <v>1</v>
      </c>
      <c r="K14194" s="9">
        <v>10</v>
      </c>
      <c r="L14194" s="6" t="s">
        <v>51</v>
      </c>
    </row>
    <row r="14195" spans="1:12">
      <c r="A14195" s="6" t="s">
        <v>49</v>
      </c>
      <c r="B14195" s="6"/>
      <c r="C14195" s="6" t="s">
        <v>14219</v>
      </c>
      <c r="D14195" s="6"/>
      <c r="E14195" s="6" t="s">
        <v>9</v>
      </c>
      <c r="F14195" s="7">
        <v>38657</v>
      </c>
      <c r="G14195" s="8">
        <v>1</v>
      </c>
      <c r="H14195" s="8">
        <v>1</v>
      </c>
      <c r="I14195" s="8">
        <v>0</v>
      </c>
      <c r="J14195" s="8">
        <v>1</v>
      </c>
      <c r="K14195" s="9">
        <v>2.58</v>
      </c>
      <c r="L14195" s="6" t="s">
        <v>51</v>
      </c>
    </row>
    <row r="14196" spans="1:12">
      <c r="A14196" s="6" t="s">
        <v>49</v>
      </c>
      <c r="B14196" s="6"/>
      <c r="C14196" s="6" t="s">
        <v>14220</v>
      </c>
      <c r="D14196" s="6"/>
      <c r="E14196" s="6" t="s">
        <v>9</v>
      </c>
      <c r="F14196" s="7">
        <v>38657</v>
      </c>
      <c r="G14196" s="8">
        <v>1</v>
      </c>
      <c r="H14196" s="8">
        <v>1</v>
      </c>
      <c r="I14196" s="8">
        <v>0</v>
      </c>
      <c r="J14196" s="8">
        <v>1</v>
      </c>
      <c r="K14196" s="9">
        <v>3.21</v>
      </c>
      <c r="L14196" s="6" t="s">
        <v>51</v>
      </c>
    </row>
    <row r="14197" spans="1:12">
      <c r="A14197" s="6" t="s">
        <v>49</v>
      </c>
      <c r="B14197" s="6"/>
      <c r="C14197" s="6" t="s">
        <v>14221</v>
      </c>
      <c r="D14197" s="6"/>
      <c r="E14197" s="6" t="s">
        <v>9</v>
      </c>
      <c r="F14197" s="7">
        <v>38657</v>
      </c>
      <c r="G14197" s="8">
        <v>1</v>
      </c>
      <c r="H14197" s="8">
        <v>1</v>
      </c>
      <c r="I14197" s="8">
        <v>0</v>
      </c>
      <c r="J14197" s="8">
        <v>1</v>
      </c>
      <c r="K14197" s="9">
        <v>2.65</v>
      </c>
      <c r="L14197" s="6" t="s">
        <v>51</v>
      </c>
    </row>
    <row r="14198" spans="1:12">
      <c r="A14198" s="6" t="s">
        <v>49</v>
      </c>
      <c r="B14198" s="6"/>
      <c r="C14198" s="6" t="s">
        <v>14222</v>
      </c>
      <c r="D14198" s="6"/>
      <c r="E14198" s="6" t="s">
        <v>9</v>
      </c>
      <c r="F14198" s="7">
        <v>38657</v>
      </c>
      <c r="G14198" s="8">
        <v>1</v>
      </c>
      <c r="H14198" s="8">
        <v>1</v>
      </c>
      <c r="I14198" s="8">
        <v>0</v>
      </c>
      <c r="J14198" s="8">
        <v>1</v>
      </c>
      <c r="K14198" s="9">
        <v>24</v>
      </c>
      <c r="L14198" s="6" t="s">
        <v>51</v>
      </c>
    </row>
    <row r="14199" spans="1:12">
      <c r="A14199" s="6" t="s">
        <v>49</v>
      </c>
      <c r="B14199" s="6"/>
      <c r="C14199" s="6" t="s">
        <v>14223</v>
      </c>
      <c r="D14199" s="6"/>
      <c r="E14199" s="6" t="s">
        <v>9</v>
      </c>
      <c r="F14199" s="7">
        <v>38657</v>
      </c>
      <c r="G14199" s="8">
        <v>1</v>
      </c>
      <c r="H14199" s="8">
        <v>1</v>
      </c>
      <c r="I14199" s="8">
        <v>0</v>
      </c>
      <c r="J14199" s="8">
        <v>1</v>
      </c>
      <c r="K14199" s="9">
        <v>4.45</v>
      </c>
      <c r="L14199" s="6" t="s">
        <v>51</v>
      </c>
    </row>
    <row r="14200" spans="1:12">
      <c r="A14200" s="6" t="s">
        <v>49</v>
      </c>
      <c r="B14200" s="6"/>
      <c r="C14200" s="6" t="s">
        <v>14224</v>
      </c>
      <c r="D14200" s="6"/>
      <c r="E14200" s="6" t="s">
        <v>9</v>
      </c>
      <c r="F14200" s="7">
        <v>38657</v>
      </c>
      <c r="G14200" s="8">
        <v>1</v>
      </c>
      <c r="H14200" s="8">
        <v>1</v>
      </c>
      <c r="I14200" s="8">
        <v>0</v>
      </c>
      <c r="J14200" s="8">
        <v>1</v>
      </c>
      <c r="K14200" s="9">
        <v>12</v>
      </c>
      <c r="L14200" s="6" t="s">
        <v>51</v>
      </c>
    </row>
    <row r="14201" spans="1:12">
      <c r="A14201" s="6" t="s">
        <v>49</v>
      </c>
      <c r="B14201" s="6"/>
      <c r="C14201" s="6" t="s">
        <v>14225</v>
      </c>
      <c r="D14201" s="6"/>
      <c r="E14201" s="6" t="s">
        <v>9</v>
      </c>
      <c r="F14201" s="7">
        <v>38657</v>
      </c>
      <c r="G14201" s="8">
        <v>1</v>
      </c>
      <c r="H14201" s="8">
        <v>1</v>
      </c>
      <c r="I14201" s="8">
        <v>0</v>
      </c>
      <c r="J14201" s="8">
        <v>1</v>
      </c>
      <c r="K14201" s="9">
        <v>5.63</v>
      </c>
      <c r="L14201" s="6" t="s">
        <v>51</v>
      </c>
    </row>
    <row r="14202" spans="1:12">
      <c r="A14202" s="6" t="s">
        <v>49</v>
      </c>
      <c r="B14202" s="6"/>
      <c r="C14202" s="6" t="s">
        <v>14226</v>
      </c>
      <c r="D14202" s="6"/>
      <c r="E14202" s="6" t="s">
        <v>9</v>
      </c>
      <c r="F14202" s="7">
        <v>38657</v>
      </c>
      <c r="G14202" s="8">
        <v>1</v>
      </c>
      <c r="H14202" s="8">
        <v>1</v>
      </c>
      <c r="I14202" s="8">
        <v>0</v>
      </c>
      <c r="J14202" s="8">
        <v>1</v>
      </c>
      <c r="K14202" s="9">
        <v>0.02</v>
      </c>
      <c r="L14202" s="6" t="s">
        <v>51</v>
      </c>
    </row>
    <row r="14203" spans="1:12">
      <c r="A14203" s="6" t="s">
        <v>49</v>
      </c>
      <c r="B14203" s="6"/>
      <c r="C14203" s="6" t="s">
        <v>14227</v>
      </c>
      <c r="D14203" s="6"/>
      <c r="E14203" s="6" t="s">
        <v>9</v>
      </c>
      <c r="F14203" s="7">
        <v>38657</v>
      </c>
      <c r="G14203" s="8">
        <v>1</v>
      </c>
      <c r="H14203" s="8">
        <v>1</v>
      </c>
      <c r="I14203" s="8">
        <v>0</v>
      </c>
      <c r="J14203" s="8">
        <v>1</v>
      </c>
      <c r="K14203" s="9">
        <v>11</v>
      </c>
      <c r="L14203" s="6" t="s">
        <v>51</v>
      </c>
    </row>
    <row r="14204" spans="1:12">
      <c r="A14204" s="6" t="s">
        <v>49</v>
      </c>
      <c r="B14204" s="6"/>
      <c r="C14204" s="6" t="s">
        <v>14228</v>
      </c>
      <c r="D14204" s="6"/>
      <c r="E14204" s="6" t="s">
        <v>9</v>
      </c>
      <c r="F14204" s="7">
        <v>38657</v>
      </c>
      <c r="G14204" s="8">
        <v>1</v>
      </c>
      <c r="H14204" s="8">
        <v>1</v>
      </c>
      <c r="I14204" s="8">
        <v>0</v>
      </c>
      <c r="J14204" s="8">
        <v>1</v>
      </c>
      <c r="K14204" s="9">
        <v>19</v>
      </c>
      <c r="L14204" s="6" t="s">
        <v>51</v>
      </c>
    </row>
    <row r="14205" spans="1:12">
      <c r="A14205" s="6" t="s">
        <v>49</v>
      </c>
      <c r="B14205" s="6"/>
      <c r="C14205" s="6" t="s">
        <v>14229</v>
      </c>
      <c r="D14205" s="6"/>
      <c r="E14205" s="6" t="s">
        <v>9</v>
      </c>
      <c r="F14205" s="7">
        <v>38657</v>
      </c>
      <c r="G14205" s="8">
        <v>1</v>
      </c>
      <c r="H14205" s="8">
        <v>1</v>
      </c>
      <c r="I14205" s="8">
        <v>0</v>
      </c>
      <c r="J14205" s="8">
        <v>1</v>
      </c>
      <c r="K14205" s="9">
        <v>4.2</v>
      </c>
      <c r="L14205" s="6" t="s">
        <v>51</v>
      </c>
    </row>
    <row r="14206" spans="1:12">
      <c r="A14206" s="6" t="s">
        <v>49</v>
      </c>
      <c r="B14206" s="6"/>
      <c r="C14206" s="6" t="s">
        <v>14230</v>
      </c>
      <c r="D14206" s="6"/>
      <c r="E14206" s="6" t="s">
        <v>9</v>
      </c>
      <c r="F14206" s="7">
        <v>38657</v>
      </c>
      <c r="G14206" s="8">
        <v>1</v>
      </c>
      <c r="H14206" s="8">
        <v>1</v>
      </c>
      <c r="I14206" s="8">
        <v>0</v>
      </c>
      <c r="J14206" s="8">
        <v>1</v>
      </c>
      <c r="K14206" s="9">
        <v>2.85</v>
      </c>
      <c r="L14206" s="6" t="s">
        <v>51</v>
      </c>
    </row>
    <row r="14207" spans="1:12">
      <c r="A14207" s="6" t="s">
        <v>49</v>
      </c>
      <c r="B14207" s="6"/>
      <c r="C14207" s="6" t="s">
        <v>14231</v>
      </c>
      <c r="D14207" s="6"/>
      <c r="E14207" s="6" t="s">
        <v>9</v>
      </c>
      <c r="F14207" s="7">
        <v>38657</v>
      </c>
      <c r="G14207" s="8">
        <v>1</v>
      </c>
      <c r="H14207" s="8">
        <v>1</v>
      </c>
      <c r="I14207" s="8">
        <v>0</v>
      </c>
      <c r="J14207" s="8">
        <v>1</v>
      </c>
      <c r="K14207" s="9">
        <v>6.2</v>
      </c>
      <c r="L14207" s="6" t="s">
        <v>51</v>
      </c>
    </row>
    <row r="14208" spans="1:12">
      <c r="A14208" s="6" t="s">
        <v>49</v>
      </c>
      <c r="B14208" s="6"/>
      <c r="C14208" s="6" t="s">
        <v>14232</v>
      </c>
      <c r="D14208" s="6"/>
      <c r="E14208" s="6" t="s">
        <v>9</v>
      </c>
      <c r="F14208" s="7">
        <v>38657</v>
      </c>
      <c r="G14208" s="8">
        <v>1</v>
      </c>
      <c r="H14208" s="8">
        <v>1</v>
      </c>
      <c r="I14208" s="8">
        <v>0</v>
      </c>
      <c r="J14208" s="8">
        <v>1</v>
      </c>
      <c r="K14208" s="9">
        <v>2.52</v>
      </c>
      <c r="L14208" s="6" t="s">
        <v>51</v>
      </c>
    </row>
    <row r="14209" spans="1:12">
      <c r="A14209" s="6" t="s">
        <v>49</v>
      </c>
      <c r="B14209" s="6"/>
      <c r="C14209" s="6" t="s">
        <v>14233</v>
      </c>
      <c r="D14209" s="6"/>
      <c r="E14209" s="6" t="s">
        <v>9</v>
      </c>
      <c r="F14209" s="7">
        <v>38657</v>
      </c>
      <c r="G14209" s="8">
        <v>1</v>
      </c>
      <c r="H14209" s="8">
        <v>1</v>
      </c>
      <c r="I14209" s="8">
        <v>0</v>
      </c>
      <c r="J14209" s="8">
        <v>1</v>
      </c>
      <c r="K14209" s="9">
        <v>3.99</v>
      </c>
      <c r="L14209" s="6" t="s">
        <v>51</v>
      </c>
    </row>
    <row r="14210" spans="1:12">
      <c r="A14210" s="6" t="s">
        <v>49</v>
      </c>
      <c r="B14210" s="6"/>
      <c r="C14210" s="6" t="s">
        <v>14234</v>
      </c>
      <c r="D14210" s="6"/>
      <c r="E14210" s="6" t="s">
        <v>9</v>
      </c>
      <c r="F14210" s="7">
        <v>38657</v>
      </c>
      <c r="G14210" s="8">
        <v>1</v>
      </c>
      <c r="H14210" s="8">
        <v>1</v>
      </c>
      <c r="I14210" s="8">
        <v>0</v>
      </c>
      <c r="J14210" s="8">
        <v>1</v>
      </c>
      <c r="K14210" s="9">
        <v>2.66</v>
      </c>
      <c r="L14210" s="6" t="s">
        <v>51</v>
      </c>
    </row>
    <row r="14211" spans="1:12">
      <c r="A14211" s="6" t="s">
        <v>49</v>
      </c>
      <c r="B14211" s="6"/>
      <c r="C14211" s="6" t="s">
        <v>14235</v>
      </c>
      <c r="D14211" s="6"/>
      <c r="E14211" s="6" t="s">
        <v>9</v>
      </c>
      <c r="F14211" s="7">
        <v>38657</v>
      </c>
      <c r="G14211" s="8">
        <v>1</v>
      </c>
      <c r="H14211" s="8">
        <v>1</v>
      </c>
      <c r="I14211" s="8">
        <v>0</v>
      </c>
      <c r="J14211" s="8">
        <v>1</v>
      </c>
      <c r="K14211" s="9">
        <v>3.89</v>
      </c>
      <c r="L14211" s="6" t="s">
        <v>51</v>
      </c>
    </row>
    <row r="14212" spans="1:12">
      <c r="A14212" s="6" t="s">
        <v>49</v>
      </c>
      <c r="B14212" s="6"/>
      <c r="C14212" s="6" t="s">
        <v>14236</v>
      </c>
      <c r="D14212" s="6"/>
      <c r="E14212" s="6" t="s">
        <v>9</v>
      </c>
      <c r="F14212" s="7">
        <v>38657</v>
      </c>
      <c r="G14212" s="8">
        <v>1</v>
      </c>
      <c r="H14212" s="8">
        <v>1</v>
      </c>
      <c r="I14212" s="8">
        <v>0</v>
      </c>
      <c r="J14212" s="8">
        <v>1</v>
      </c>
      <c r="K14212" s="9">
        <v>17</v>
      </c>
      <c r="L14212" s="6" t="s">
        <v>51</v>
      </c>
    </row>
    <row r="14213" spans="1:12">
      <c r="A14213" s="6" t="s">
        <v>49</v>
      </c>
      <c r="B14213" s="6"/>
      <c r="C14213" s="6" t="s">
        <v>14237</v>
      </c>
      <c r="D14213" s="6"/>
      <c r="E14213" s="6" t="s">
        <v>9</v>
      </c>
      <c r="F14213" s="7">
        <v>38657</v>
      </c>
      <c r="G14213" s="8">
        <v>1</v>
      </c>
      <c r="H14213" s="8">
        <v>1</v>
      </c>
      <c r="I14213" s="8">
        <v>0</v>
      </c>
      <c r="J14213" s="8">
        <v>1</v>
      </c>
      <c r="K14213" s="9">
        <v>15</v>
      </c>
      <c r="L14213" s="6" t="s">
        <v>51</v>
      </c>
    </row>
    <row r="14214" spans="1:12">
      <c r="A14214" s="6" t="s">
        <v>49</v>
      </c>
      <c r="B14214" s="6"/>
      <c r="C14214" s="6" t="s">
        <v>14238</v>
      </c>
      <c r="D14214" s="6"/>
      <c r="E14214" s="6" t="s">
        <v>9</v>
      </c>
      <c r="F14214" s="7">
        <v>38657</v>
      </c>
      <c r="G14214" s="8">
        <v>1</v>
      </c>
      <c r="H14214" s="8">
        <v>1</v>
      </c>
      <c r="I14214" s="8">
        <v>0</v>
      </c>
      <c r="J14214" s="8">
        <v>1</v>
      </c>
      <c r="K14214" s="9">
        <v>4.33</v>
      </c>
      <c r="L14214" s="6" t="s">
        <v>51</v>
      </c>
    </row>
    <row r="14215" spans="1:12">
      <c r="A14215" s="6" t="s">
        <v>49</v>
      </c>
      <c r="B14215" s="6"/>
      <c r="C14215" s="6" t="s">
        <v>14239</v>
      </c>
      <c r="D14215" s="6"/>
      <c r="E14215" s="6" t="s">
        <v>9</v>
      </c>
      <c r="F14215" s="7">
        <v>38657</v>
      </c>
      <c r="G14215" s="8">
        <v>1</v>
      </c>
      <c r="H14215" s="8">
        <v>1</v>
      </c>
      <c r="I14215" s="8">
        <v>0</v>
      </c>
      <c r="J14215" s="8">
        <v>1</v>
      </c>
      <c r="K14215" s="9">
        <v>3.85</v>
      </c>
      <c r="L14215" s="6" t="s">
        <v>51</v>
      </c>
    </row>
    <row r="14216" spans="1:12">
      <c r="A14216" s="6" t="s">
        <v>49</v>
      </c>
      <c r="B14216" s="6"/>
      <c r="C14216" s="6" t="s">
        <v>14240</v>
      </c>
      <c r="D14216" s="6"/>
      <c r="E14216" s="6" t="s">
        <v>9</v>
      </c>
      <c r="F14216" s="7">
        <v>38657</v>
      </c>
      <c r="G14216" s="8">
        <v>1</v>
      </c>
      <c r="H14216" s="8">
        <v>1</v>
      </c>
      <c r="I14216" s="8">
        <v>0</v>
      </c>
      <c r="J14216" s="8">
        <v>1</v>
      </c>
      <c r="K14216" s="9">
        <v>0.88</v>
      </c>
      <c r="L14216" s="6" t="s">
        <v>51</v>
      </c>
    </row>
    <row r="14217" spans="1:12">
      <c r="A14217" s="6" t="s">
        <v>49</v>
      </c>
      <c r="B14217" s="6"/>
      <c r="C14217" s="6" t="s">
        <v>14241</v>
      </c>
      <c r="D14217" s="6"/>
      <c r="E14217" s="6" t="s">
        <v>9</v>
      </c>
      <c r="F14217" s="7">
        <v>38657</v>
      </c>
      <c r="G14217" s="8">
        <v>1</v>
      </c>
      <c r="H14217" s="8">
        <v>1</v>
      </c>
      <c r="I14217" s="8">
        <v>0</v>
      </c>
      <c r="J14217" s="8">
        <v>1</v>
      </c>
      <c r="K14217" s="9">
        <v>6.16</v>
      </c>
      <c r="L14217" s="6" t="s">
        <v>51</v>
      </c>
    </row>
    <row r="14218" spans="1:12">
      <c r="A14218" s="6" t="s">
        <v>49</v>
      </c>
      <c r="B14218" s="6"/>
      <c r="C14218" s="6" t="s">
        <v>14242</v>
      </c>
      <c r="D14218" s="6"/>
      <c r="E14218" s="6" t="s">
        <v>9</v>
      </c>
      <c r="F14218" s="7">
        <v>38657</v>
      </c>
      <c r="G14218" s="8">
        <v>1</v>
      </c>
      <c r="H14218" s="8">
        <v>1</v>
      </c>
      <c r="I14218" s="8">
        <v>0</v>
      </c>
      <c r="J14218" s="8">
        <v>1</v>
      </c>
      <c r="K14218" s="9">
        <v>39</v>
      </c>
      <c r="L14218" s="6" t="s">
        <v>51</v>
      </c>
    </row>
    <row r="14219" spans="1:12">
      <c r="A14219" s="6" t="s">
        <v>49</v>
      </c>
      <c r="B14219" s="6"/>
      <c r="C14219" s="6" t="s">
        <v>14243</v>
      </c>
      <c r="D14219" s="6"/>
      <c r="E14219" s="6" t="s">
        <v>9</v>
      </c>
      <c r="F14219" s="7">
        <v>38657</v>
      </c>
      <c r="G14219" s="8">
        <v>1</v>
      </c>
      <c r="H14219" s="8">
        <v>1</v>
      </c>
      <c r="I14219" s="8">
        <v>0</v>
      </c>
      <c r="J14219" s="8">
        <v>1</v>
      </c>
      <c r="K14219" s="9">
        <v>18</v>
      </c>
      <c r="L14219" s="6" t="s">
        <v>51</v>
      </c>
    </row>
    <row r="14220" spans="1:12">
      <c r="A14220" s="6" t="s">
        <v>49</v>
      </c>
      <c r="B14220" s="6"/>
      <c r="C14220" s="6" t="s">
        <v>14244</v>
      </c>
      <c r="D14220" s="6"/>
      <c r="E14220" s="6" t="s">
        <v>9</v>
      </c>
      <c r="F14220" s="7">
        <v>38657</v>
      </c>
      <c r="G14220" s="8">
        <v>1</v>
      </c>
      <c r="H14220" s="8">
        <v>1</v>
      </c>
      <c r="I14220" s="8">
        <v>0</v>
      </c>
      <c r="J14220" s="8">
        <v>1</v>
      </c>
      <c r="K14220" s="9">
        <v>7.1</v>
      </c>
      <c r="L14220" s="6" t="s">
        <v>51</v>
      </c>
    </row>
    <row r="14221" spans="1:12">
      <c r="A14221" s="6" t="s">
        <v>49</v>
      </c>
      <c r="B14221" s="6"/>
      <c r="C14221" s="6" t="s">
        <v>14245</v>
      </c>
      <c r="D14221" s="6"/>
      <c r="E14221" s="6" t="s">
        <v>9</v>
      </c>
      <c r="F14221" s="7">
        <v>38657</v>
      </c>
      <c r="G14221" s="8">
        <v>1</v>
      </c>
      <c r="H14221" s="8">
        <v>1</v>
      </c>
      <c r="I14221" s="8">
        <v>0</v>
      </c>
      <c r="J14221" s="8">
        <v>1</v>
      </c>
      <c r="K14221" s="9">
        <v>1.6</v>
      </c>
      <c r="L14221" s="6" t="s">
        <v>51</v>
      </c>
    </row>
    <row r="14222" spans="1:12">
      <c r="A14222" s="6" t="s">
        <v>49</v>
      </c>
      <c r="B14222" s="6"/>
      <c r="C14222" s="6" t="s">
        <v>14246</v>
      </c>
      <c r="D14222" s="6"/>
      <c r="E14222" s="6" t="s">
        <v>9</v>
      </c>
      <c r="F14222" s="7">
        <v>38657</v>
      </c>
      <c r="G14222" s="8">
        <v>1</v>
      </c>
      <c r="H14222" s="8">
        <v>1</v>
      </c>
      <c r="I14222" s="8">
        <v>0</v>
      </c>
      <c r="J14222" s="8">
        <v>1</v>
      </c>
      <c r="K14222" s="9">
        <v>7.06</v>
      </c>
      <c r="L14222" s="6" t="s">
        <v>51</v>
      </c>
    </row>
    <row r="14223" spans="1:12">
      <c r="A14223" s="6" t="s">
        <v>49</v>
      </c>
      <c r="B14223" s="6"/>
      <c r="C14223" s="6" t="s">
        <v>14247</v>
      </c>
      <c r="D14223" s="6"/>
      <c r="E14223" s="6" t="s">
        <v>9</v>
      </c>
      <c r="F14223" s="7">
        <v>38657</v>
      </c>
      <c r="G14223" s="8">
        <v>1</v>
      </c>
      <c r="H14223" s="8">
        <v>1</v>
      </c>
      <c r="I14223" s="8">
        <v>0</v>
      </c>
      <c r="J14223" s="8">
        <v>1</v>
      </c>
      <c r="K14223" s="9">
        <v>17</v>
      </c>
      <c r="L14223" s="6" t="s">
        <v>51</v>
      </c>
    </row>
    <row r="14224" spans="1:12">
      <c r="A14224" s="6" t="s">
        <v>49</v>
      </c>
      <c r="B14224" s="6"/>
      <c r="C14224" s="6" t="s">
        <v>14248</v>
      </c>
      <c r="D14224" s="6"/>
      <c r="E14224" s="6" t="s">
        <v>9</v>
      </c>
      <c r="F14224" s="7">
        <v>38657</v>
      </c>
      <c r="G14224" s="8">
        <v>1</v>
      </c>
      <c r="H14224" s="8">
        <v>1</v>
      </c>
      <c r="I14224" s="8">
        <v>0</v>
      </c>
      <c r="J14224" s="8">
        <v>1</v>
      </c>
      <c r="K14224" s="9">
        <v>152.16</v>
      </c>
      <c r="L14224" s="6" t="s">
        <v>51</v>
      </c>
    </row>
    <row r="14225" spans="1:12">
      <c r="A14225" s="6" t="s">
        <v>49</v>
      </c>
      <c r="B14225" s="6"/>
      <c r="C14225" s="6" t="s">
        <v>14249</v>
      </c>
      <c r="D14225" s="6"/>
      <c r="E14225" s="6" t="s">
        <v>9</v>
      </c>
      <c r="F14225" s="7">
        <v>38657</v>
      </c>
      <c r="G14225" s="8">
        <v>1</v>
      </c>
      <c r="H14225" s="8">
        <v>1</v>
      </c>
      <c r="I14225" s="8">
        <v>0</v>
      </c>
      <c r="J14225" s="8">
        <v>1</v>
      </c>
      <c r="K14225" s="9">
        <v>5.09</v>
      </c>
      <c r="L14225" s="6" t="s">
        <v>51</v>
      </c>
    </row>
    <row r="14226" spans="1:12">
      <c r="A14226" s="6" t="s">
        <v>49</v>
      </c>
      <c r="B14226" s="6"/>
      <c r="C14226" s="6" t="s">
        <v>14250</v>
      </c>
      <c r="D14226" s="6"/>
      <c r="E14226" s="6" t="s">
        <v>9</v>
      </c>
      <c r="F14226" s="7">
        <v>38657</v>
      </c>
      <c r="G14226" s="8">
        <v>1</v>
      </c>
      <c r="H14226" s="8">
        <v>1</v>
      </c>
      <c r="I14226" s="8">
        <v>0</v>
      </c>
      <c r="J14226" s="8">
        <v>1</v>
      </c>
      <c r="K14226" s="9">
        <v>2.89</v>
      </c>
      <c r="L14226" s="6" t="s">
        <v>51</v>
      </c>
    </row>
    <row r="14227" spans="1:12">
      <c r="A14227" s="6" t="s">
        <v>49</v>
      </c>
      <c r="B14227" s="6"/>
      <c r="C14227" s="6" t="s">
        <v>14251</v>
      </c>
      <c r="D14227" s="6"/>
      <c r="E14227" s="6" t="s">
        <v>9</v>
      </c>
      <c r="F14227" s="7">
        <v>38657</v>
      </c>
      <c r="G14227" s="8">
        <v>1</v>
      </c>
      <c r="H14227" s="8">
        <v>1</v>
      </c>
      <c r="I14227" s="8">
        <v>0</v>
      </c>
      <c r="J14227" s="8">
        <v>1</v>
      </c>
      <c r="K14227" s="9">
        <v>4.26</v>
      </c>
      <c r="L14227" s="6" t="s">
        <v>51</v>
      </c>
    </row>
    <row r="14228" spans="1:12">
      <c r="A14228" s="6" t="s">
        <v>49</v>
      </c>
      <c r="B14228" s="6"/>
      <c r="C14228" s="6" t="s">
        <v>14252</v>
      </c>
      <c r="D14228" s="6"/>
      <c r="E14228" s="6" t="s">
        <v>9</v>
      </c>
      <c r="F14228" s="7">
        <v>38657</v>
      </c>
      <c r="G14228" s="8">
        <v>1</v>
      </c>
      <c r="H14228" s="8">
        <v>1</v>
      </c>
      <c r="I14228" s="8">
        <v>0</v>
      </c>
      <c r="J14228" s="8">
        <v>1</v>
      </c>
      <c r="K14228" s="9">
        <v>8.0399999999999903</v>
      </c>
      <c r="L14228" s="6" t="s">
        <v>51</v>
      </c>
    </row>
    <row r="14229" spans="1:12">
      <c r="A14229" s="6" t="s">
        <v>49</v>
      </c>
      <c r="B14229" s="6"/>
      <c r="C14229" s="6" t="s">
        <v>14253</v>
      </c>
      <c r="D14229" s="6"/>
      <c r="E14229" s="6" t="s">
        <v>9</v>
      </c>
      <c r="F14229" s="7">
        <v>38657</v>
      </c>
      <c r="G14229" s="8">
        <v>1</v>
      </c>
      <c r="H14229" s="8">
        <v>1</v>
      </c>
      <c r="I14229" s="8">
        <v>0</v>
      </c>
      <c r="J14229" s="8">
        <v>1</v>
      </c>
      <c r="K14229" s="9">
        <v>3.04</v>
      </c>
      <c r="L14229" s="6" t="s">
        <v>51</v>
      </c>
    </row>
    <row r="14230" spans="1:12">
      <c r="A14230" s="6" t="s">
        <v>49</v>
      </c>
      <c r="B14230" s="6"/>
      <c r="C14230" s="6" t="s">
        <v>14254</v>
      </c>
      <c r="D14230" s="6"/>
      <c r="E14230" s="6" t="s">
        <v>9</v>
      </c>
      <c r="F14230" s="7">
        <v>38657</v>
      </c>
      <c r="G14230" s="8">
        <v>1</v>
      </c>
      <c r="H14230" s="8">
        <v>1</v>
      </c>
      <c r="I14230" s="8">
        <v>0</v>
      </c>
      <c r="J14230" s="8">
        <v>1</v>
      </c>
      <c r="K14230" s="9">
        <v>3.24</v>
      </c>
      <c r="L14230" s="6" t="s">
        <v>51</v>
      </c>
    </row>
    <row r="14231" spans="1:12">
      <c r="A14231" s="6" t="s">
        <v>49</v>
      </c>
      <c r="B14231" s="6"/>
      <c r="C14231" s="6" t="s">
        <v>14255</v>
      </c>
      <c r="D14231" s="6"/>
      <c r="E14231" s="6" t="s">
        <v>9</v>
      </c>
      <c r="F14231" s="7">
        <v>38657</v>
      </c>
      <c r="G14231" s="8">
        <v>1</v>
      </c>
      <c r="H14231" s="8">
        <v>1</v>
      </c>
      <c r="I14231" s="8">
        <v>0</v>
      </c>
      <c r="J14231" s="8">
        <v>1</v>
      </c>
      <c r="K14231" s="9">
        <v>6.61</v>
      </c>
      <c r="L14231" s="6" t="s">
        <v>51</v>
      </c>
    </row>
    <row r="14232" spans="1:12">
      <c r="A14232" s="6" t="s">
        <v>49</v>
      </c>
      <c r="B14232" s="6"/>
      <c r="C14232" s="6" t="s">
        <v>14256</v>
      </c>
      <c r="D14232" s="6"/>
      <c r="E14232" s="6" t="s">
        <v>9</v>
      </c>
      <c r="F14232" s="7">
        <v>38657</v>
      </c>
      <c r="G14232" s="8">
        <v>1</v>
      </c>
      <c r="H14232" s="8">
        <v>1</v>
      </c>
      <c r="I14232" s="8">
        <v>0</v>
      </c>
      <c r="J14232" s="8">
        <v>1</v>
      </c>
      <c r="K14232" s="9">
        <v>6.61</v>
      </c>
      <c r="L14232" s="6" t="s">
        <v>51</v>
      </c>
    </row>
    <row r="14233" spans="1:12">
      <c r="A14233" s="6" t="s">
        <v>49</v>
      </c>
      <c r="B14233" s="6"/>
      <c r="C14233" s="6" t="s">
        <v>14257</v>
      </c>
      <c r="D14233" s="6"/>
      <c r="E14233" s="6" t="s">
        <v>9</v>
      </c>
      <c r="F14233" s="7">
        <v>38657</v>
      </c>
      <c r="G14233" s="8">
        <v>1</v>
      </c>
      <c r="H14233" s="8">
        <v>1</v>
      </c>
      <c r="I14233" s="8">
        <v>0</v>
      </c>
      <c r="J14233" s="8">
        <v>1</v>
      </c>
      <c r="K14233" s="9">
        <v>4.8099999999999898</v>
      </c>
      <c r="L14233" s="6" t="s">
        <v>51</v>
      </c>
    </row>
    <row r="14234" spans="1:12">
      <c r="A14234" s="6" t="s">
        <v>49</v>
      </c>
      <c r="B14234" s="6"/>
      <c r="C14234" s="6" t="s">
        <v>14258</v>
      </c>
      <c r="D14234" s="6"/>
      <c r="E14234" s="6" t="s">
        <v>9</v>
      </c>
      <c r="F14234" s="7">
        <v>38657</v>
      </c>
      <c r="G14234" s="8">
        <v>1</v>
      </c>
      <c r="H14234" s="8">
        <v>1</v>
      </c>
      <c r="I14234" s="8">
        <v>0</v>
      </c>
      <c r="J14234" s="8">
        <v>1</v>
      </c>
      <c r="K14234" s="9">
        <v>3.99</v>
      </c>
      <c r="L14234" s="6" t="s">
        <v>51</v>
      </c>
    </row>
    <row r="14235" spans="1:12">
      <c r="A14235" s="6" t="s">
        <v>49</v>
      </c>
      <c r="B14235" s="6"/>
      <c r="C14235" s="6" t="s">
        <v>14259</v>
      </c>
      <c r="D14235" s="6"/>
      <c r="E14235" s="6" t="s">
        <v>9</v>
      </c>
      <c r="F14235" s="7">
        <v>38657</v>
      </c>
      <c r="G14235" s="8">
        <v>1</v>
      </c>
      <c r="H14235" s="8">
        <v>1</v>
      </c>
      <c r="I14235" s="8">
        <v>0</v>
      </c>
      <c r="J14235" s="8">
        <v>1</v>
      </c>
      <c r="K14235" s="9">
        <v>15</v>
      </c>
      <c r="L14235" s="6" t="s">
        <v>51</v>
      </c>
    </row>
    <row r="14236" spans="1:12">
      <c r="A14236" s="6" t="s">
        <v>49</v>
      </c>
      <c r="B14236" s="6"/>
      <c r="C14236" s="6" t="s">
        <v>14260</v>
      </c>
      <c r="D14236" s="6"/>
      <c r="E14236" s="6" t="s">
        <v>9</v>
      </c>
      <c r="F14236" s="7">
        <v>38657</v>
      </c>
      <c r="G14236" s="8">
        <v>1</v>
      </c>
      <c r="H14236" s="8">
        <v>1</v>
      </c>
      <c r="I14236" s="8">
        <v>0</v>
      </c>
      <c r="J14236" s="8">
        <v>1</v>
      </c>
      <c r="K14236" s="9">
        <v>6.46</v>
      </c>
      <c r="L14236" s="6" t="s">
        <v>51</v>
      </c>
    </row>
    <row r="14237" spans="1:12">
      <c r="A14237" s="6" t="s">
        <v>49</v>
      </c>
      <c r="B14237" s="6"/>
      <c r="C14237" s="6" t="s">
        <v>14261</v>
      </c>
      <c r="D14237" s="6"/>
      <c r="E14237" s="6" t="s">
        <v>9</v>
      </c>
      <c r="F14237" s="7">
        <v>38657</v>
      </c>
      <c r="G14237" s="8">
        <v>1</v>
      </c>
      <c r="H14237" s="8">
        <v>1</v>
      </c>
      <c r="I14237" s="8">
        <v>0</v>
      </c>
      <c r="J14237" s="8">
        <v>1</v>
      </c>
      <c r="K14237" s="9">
        <v>25</v>
      </c>
      <c r="L14237" s="6" t="s">
        <v>51</v>
      </c>
    </row>
    <row r="14238" spans="1:12">
      <c r="A14238" s="6" t="s">
        <v>49</v>
      </c>
      <c r="B14238" s="6"/>
      <c r="C14238" s="6" t="s">
        <v>14262</v>
      </c>
      <c r="D14238" s="6"/>
      <c r="E14238" s="6" t="s">
        <v>9</v>
      </c>
      <c r="F14238" s="7">
        <v>38657</v>
      </c>
      <c r="G14238" s="8">
        <v>1</v>
      </c>
      <c r="H14238" s="8">
        <v>1</v>
      </c>
      <c r="I14238" s="8">
        <v>0</v>
      </c>
      <c r="J14238" s="8">
        <v>1</v>
      </c>
      <c r="K14238" s="9">
        <v>39</v>
      </c>
      <c r="L14238" s="6" t="s">
        <v>51</v>
      </c>
    </row>
    <row r="14239" spans="1:12">
      <c r="A14239" s="6" t="s">
        <v>49</v>
      </c>
      <c r="B14239" s="6"/>
      <c r="C14239" s="6" t="s">
        <v>14263</v>
      </c>
      <c r="D14239" s="6"/>
      <c r="E14239" s="6" t="s">
        <v>9</v>
      </c>
      <c r="F14239" s="7">
        <v>38657</v>
      </c>
      <c r="G14239" s="8">
        <v>1</v>
      </c>
      <c r="H14239" s="8">
        <v>1</v>
      </c>
      <c r="I14239" s="8">
        <v>0</v>
      </c>
      <c r="J14239" s="8">
        <v>1</v>
      </c>
      <c r="K14239" s="9">
        <v>3.36</v>
      </c>
      <c r="L14239" s="6" t="s">
        <v>51</v>
      </c>
    </row>
    <row r="14240" spans="1:12">
      <c r="A14240" s="6" t="s">
        <v>49</v>
      </c>
      <c r="B14240" s="6"/>
      <c r="C14240" s="6" t="s">
        <v>14264</v>
      </c>
      <c r="D14240" s="6"/>
      <c r="E14240" s="6" t="s">
        <v>9</v>
      </c>
      <c r="F14240" s="7">
        <v>38657</v>
      </c>
      <c r="G14240" s="8">
        <v>1</v>
      </c>
      <c r="H14240" s="8">
        <v>1</v>
      </c>
      <c r="I14240" s="8">
        <v>0</v>
      </c>
      <c r="J14240" s="8">
        <v>1</v>
      </c>
      <c r="K14240" s="9">
        <v>6.1</v>
      </c>
      <c r="L14240" s="6" t="s">
        <v>51</v>
      </c>
    </row>
    <row r="14241" spans="1:12">
      <c r="A14241" s="6" t="s">
        <v>49</v>
      </c>
      <c r="B14241" s="6"/>
      <c r="C14241" s="6" t="s">
        <v>14265</v>
      </c>
      <c r="D14241" s="6"/>
      <c r="E14241" s="6" t="s">
        <v>9</v>
      </c>
      <c r="F14241" s="7">
        <v>38657</v>
      </c>
      <c r="G14241" s="8">
        <v>1</v>
      </c>
      <c r="H14241" s="8">
        <v>1</v>
      </c>
      <c r="I14241" s="8">
        <v>0</v>
      </c>
      <c r="J14241" s="8">
        <v>1</v>
      </c>
      <c r="K14241" s="9">
        <v>9.7799999999999905</v>
      </c>
      <c r="L14241" s="6" t="s">
        <v>51</v>
      </c>
    </row>
    <row r="14242" spans="1:12">
      <c r="A14242" s="6" t="s">
        <v>49</v>
      </c>
      <c r="B14242" s="6"/>
      <c r="C14242" s="6" t="s">
        <v>14266</v>
      </c>
      <c r="D14242" s="6"/>
      <c r="E14242" s="6" t="s">
        <v>9</v>
      </c>
      <c r="F14242" s="7">
        <v>38657</v>
      </c>
      <c r="G14242" s="8">
        <v>1</v>
      </c>
      <c r="H14242" s="8">
        <v>1</v>
      </c>
      <c r="I14242" s="8">
        <v>0</v>
      </c>
      <c r="J14242" s="8">
        <v>1</v>
      </c>
      <c r="K14242" s="9">
        <v>3.22</v>
      </c>
      <c r="L14242" s="6" t="s">
        <v>51</v>
      </c>
    </row>
    <row r="14243" spans="1:12">
      <c r="A14243" s="6" t="s">
        <v>49</v>
      </c>
      <c r="B14243" s="6"/>
      <c r="C14243" s="6" t="s">
        <v>14267</v>
      </c>
      <c r="D14243" s="6"/>
      <c r="E14243" s="6" t="s">
        <v>9</v>
      </c>
      <c r="F14243" s="7">
        <v>38657</v>
      </c>
      <c r="G14243" s="8">
        <v>1</v>
      </c>
      <c r="H14243" s="8">
        <v>1</v>
      </c>
      <c r="I14243" s="8">
        <v>0</v>
      </c>
      <c r="J14243" s="8">
        <v>1</v>
      </c>
      <c r="K14243" s="9">
        <v>2.25</v>
      </c>
      <c r="L14243" s="6" t="s">
        <v>51</v>
      </c>
    </row>
    <row r="14244" spans="1:12">
      <c r="A14244" s="6" t="s">
        <v>49</v>
      </c>
      <c r="B14244" s="6"/>
      <c r="C14244" s="6" t="s">
        <v>14268</v>
      </c>
      <c r="D14244" s="6"/>
      <c r="E14244" s="6" t="s">
        <v>9</v>
      </c>
      <c r="F14244" s="7">
        <v>38657</v>
      </c>
      <c r="G14244" s="8">
        <v>1</v>
      </c>
      <c r="H14244" s="8">
        <v>1</v>
      </c>
      <c r="I14244" s="8">
        <v>0</v>
      </c>
      <c r="J14244" s="8">
        <v>1</v>
      </c>
      <c r="K14244" s="9">
        <v>11</v>
      </c>
      <c r="L14244" s="6" t="s">
        <v>51</v>
      </c>
    </row>
    <row r="14245" spans="1:12">
      <c r="A14245" s="6" t="s">
        <v>49</v>
      </c>
      <c r="B14245" s="6"/>
      <c r="C14245" s="6" t="s">
        <v>14269</v>
      </c>
      <c r="D14245" s="6"/>
      <c r="E14245" s="6" t="s">
        <v>9</v>
      </c>
      <c r="F14245" s="7">
        <v>38657</v>
      </c>
      <c r="G14245" s="8">
        <v>1</v>
      </c>
      <c r="H14245" s="8">
        <v>1</v>
      </c>
      <c r="I14245" s="8">
        <v>0</v>
      </c>
      <c r="J14245" s="8">
        <v>1</v>
      </c>
      <c r="K14245" s="9">
        <v>23</v>
      </c>
      <c r="L14245" s="6" t="s">
        <v>51</v>
      </c>
    </row>
    <row r="14246" spans="1:12">
      <c r="A14246" s="6" t="s">
        <v>49</v>
      </c>
      <c r="B14246" s="6"/>
      <c r="C14246" s="6" t="s">
        <v>14270</v>
      </c>
      <c r="D14246" s="6"/>
      <c r="E14246" s="6" t="s">
        <v>9</v>
      </c>
      <c r="F14246" s="7">
        <v>38657</v>
      </c>
      <c r="G14246" s="8">
        <v>1</v>
      </c>
      <c r="H14246" s="8">
        <v>1</v>
      </c>
      <c r="I14246" s="8">
        <v>0</v>
      </c>
      <c r="J14246" s="8">
        <v>1</v>
      </c>
      <c r="K14246" s="9">
        <v>18.309999999999899</v>
      </c>
      <c r="L14246" s="6" t="s">
        <v>51</v>
      </c>
    </row>
    <row r="14247" spans="1:12">
      <c r="A14247" s="6" t="s">
        <v>49</v>
      </c>
      <c r="B14247" s="6"/>
      <c r="C14247" s="6" t="s">
        <v>14271</v>
      </c>
      <c r="D14247" s="6"/>
      <c r="E14247" s="6" t="s">
        <v>9</v>
      </c>
      <c r="F14247" s="7">
        <v>38657</v>
      </c>
      <c r="G14247" s="8">
        <v>1</v>
      </c>
      <c r="H14247" s="8">
        <v>1</v>
      </c>
      <c r="I14247" s="8">
        <v>0</v>
      </c>
      <c r="J14247" s="8">
        <v>1</v>
      </c>
      <c r="K14247" s="9">
        <v>127.53</v>
      </c>
      <c r="L14247" s="6" t="s">
        <v>51</v>
      </c>
    </row>
    <row r="14248" spans="1:12">
      <c r="A14248" s="6" t="s">
        <v>49</v>
      </c>
      <c r="B14248" s="6"/>
      <c r="C14248" s="6" t="s">
        <v>14272</v>
      </c>
      <c r="D14248" s="6"/>
      <c r="E14248" s="6" t="s">
        <v>9</v>
      </c>
      <c r="F14248" s="7">
        <v>38657</v>
      </c>
      <c r="G14248" s="8">
        <v>1</v>
      </c>
      <c r="H14248" s="8">
        <v>1</v>
      </c>
      <c r="I14248" s="8">
        <v>0</v>
      </c>
      <c r="J14248" s="8">
        <v>1</v>
      </c>
      <c r="K14248" s="9">
        <v>20</v>
      </c>
      <c r="L14248" s="6" t="s">
        <v>51</v>
      </c>
    </row>
    <row r="14249" spans="1:12">
      <c r="A14249" s="6" t="s">
        <v>49</v>
      </c>
      <c r="B14249" s="6"/>
      <c r="C14249" s="6" t="s">
        <v>14273</v>
      </c>
      <c r="D14249" s="6"/>
      <c r="E14249" s="6" t="s">
        <v>9</v>
      </c>
      <c r="F14249" s="7">
        <v>38657</v>
      </c>
      <c r="G14249" s="8">
        <v>1</v>
      </c>
      <c r="H14249" s="8">
        <v>1</v>
      </c>
      <c r="I14249" s="8">
        <v>0</v>
      </c>
      <c r="J14249" s="8">
        <v>1</v>
      </c>
      <c r="K14249" s="9">
        <v>36</v>
      </c>
      <c r="L14249" s="6" t="s">
        <v>51</v>
      </c>
    </row>
    <row r="14250" spans="1:12">
      <c r="A14250" s="6" t="s">
        <v>49</v>
      </c>
      <c r="B14250" s="6"/>
      <c r="C14250" s="6" t="s">
        <v>14274</v>
      </c>
      <c r="D14250" s="6"/>
      <c r="E14250" s="6" t="s">
        <v>9</v>
      </c>
      <c r="F14250" s="7">
        <v>38657</v>
      </c>
      <c r="G14250" s="8">
        <v>1</v>
      </c>
      <c r="H14250" s="8">
        <v>1</v>
      </c>
      <c r="I14250" s="8">
        <v>0</v>
      </c>
      <c r="J14250" s="8">
        <v>1</v>
      </c>
      <c r="K14250" s="9">
        <v>11</v>
      </c>
      <c r="L14250" s="6" t="s">
        <v>51</v>
      </c>
    </row>
    <row r="14251" spans="1:12">
      <c r="A14251" s="6" t="s">
        <v>49</v>
      </c>
      <c r="B14251" s="6"/>
      <c r="C14251" s="6" t="s">
        <v>14275</v>
      </c>
      <c r="D14251" s="6"/>
      <c r="E14251" s="6" t="s">
        <v>9</v>
      </c>
      <c r="F14251" s="7">
        <v>38657</v>
      </c>
      <c r="G14251" s="8">
        <v>1</v>
      </c>
      <c r="H14251" s="8">
        <v>1</v>
      </c>
      <c r="I14251" s="8">
        <v>0</v>
      </c>
      <c r="J14251" s="8">
        <v>1</v>
      </c>
      <c r="K14251" s="9">
        <v>9.4600000000000009</v>
      </c>
      <c r="L14251" s="6" t="s">
        <v>51</v>
      </c>
    </row>
    <row r="14252" spans="1:12">
      <c r="A14252" s="6" t="s">
        <v>49</v>
      </c>
      <c r="B14252" s="6"/>
      <c r="C14252" s="6" t="s">
        <v>14276</v>
      </c>
      <c r="D14252" s="6"/>
      <c r="E14252" s="6" t="s">
        <v>9</v>
      </c>
      <c r="F14252" s="7">
        <v>38657</v>
      </c>
      <c r="G14252" s="8">
        <v>1</v>
      </c>
      <c r="H14252" s="8">
        <v>1</v>
      </c>
      <c r="I14252" s="8">
        <v>0</v>
      </c>
      <c r="J14252" s="8">
        <v>1</v>
      </c>
      <c r="K14252" s="9">
        <v>62</v>
      </c>
      <c r="L14252" s="6" t="s">
        <v>51</v>
      </c>
    </row>
    <row r="14253" spans="1:12">
      <c r="A14253" s="6" t="s">
        <v>49</v>
      </c>
      <c r="B14253" s="6"/>
      <c r="C14253" s="6" t="s">
        <v>14277</v>
      </c>
      <c r="D14253" s="6"/>
      <c r="E14253" s="6" t="s">
        <v>9</v>
      </c>
      <c r="F14253" s="7">
        <v>38657</v>
      </c>
      <c r="G14253" s="8">
        <v>1</v>
      </c>
      <c r="H14253" s="8">
        <v>1</v>
      </c>
      <c r="I14253" s="8">
        <v>0</v>
      </c>
      <c r="J14253" s="8">
        <v>1</v>
      </c>
      <c r="K14253" s="9">
        <v>19</v>
      </c>
      <c r="L14253" s="6" t="s">
        <v>51</v>
      </c>
    </row>
    <row r="14254" spans="1:12">
      <c r="A14254" s="6" t="s">
        <v>49</v>
      </c>
      <c r="B14254" s="6"/>
      <c r="C14254" s="6" t="s">
        <v>14278</v>
      </c>
      <c r="D14254" s="6"/>
      <c r="E14254" s="6" t="s">
        <v>9</v>
      </c>
      <c r="F14254" s="7">
        <v>38657</v>
      </c>
      <c r="G14254" s="8">
        <v>1</v>
      </c>
      <c r="H14254" s="8">
        <v>1</v>
      </c>
      <c r="I14254" s="8">
        <v>0</v>
      </c>
      <c r="J14254" s="8">
        <v>1</v>
      </c>
      <c r="K14254" s="9">
        <v>44</v>
      </c>
      <c r="L14254" s="6" t="s">
        <v>51</v>
      </c>
    </row>
    <row r="14255" spans="1:12">
      <c r="A14255" s="6" t="s">
        <v>49</v>
      </c>
      <c r="B14255" s="6"/>
      <c r="C14255" s="6" t="s">
        <v>14279</v>
      </c>
      <c r="D14255" s="6"/>
      <c r="E14255" s="6" t="s">
        <v>9</v>
      </c>
      <c r="F14255" s="7">
        <v>38657</v>
      </c>
      <c r="G14255" s="8">
        <v>1</v>
      </c>
      <c r="H14255" s="8">
        <v>1</v>
      </c>
      <c r="I14255" s="8">
        <v>0</v>
      </c>
      <c r="J14255" s="8">
        <v>1</v>
      </c>
      <c r="K14255" s="9">
        <v>16</v>
      </c>
      <c r="L14255" s="6" t="s">
        <v>51</v>
      </c>
    </row>
    <row r="14256" spans="1:12">
      <c r="A14256" s="6" t="s">
        <v>49</v>
      </c>
      <c r="B14256" s="6"/>
      <c r="C14256" s="6" t="s">
        <v>14280</v>
      </c>
      <c r="D14256" s="6"/>
      <c r="E14256" s="6" t="s">
        <v>9</v>
      </c>
      <c r="F14256" s="7">
        <v>38657</v>
      </c>
      <c r="G14256" s="8">
        <v>1</v>
      </c>
      <c r="H14256" s="8">
        <v>1</v>
      </c>
      <c r="I14256" s="8">
        <v>0</v>
      </c>
      <c r="J14256" s="8">
        <v>1</v>
      </c>
      <c r="K14256" s="9">
        <v>186</v>
      </c>
      <c r="L14256" s="6" t="s">
        <v>51</v>
      </c>
    </row>
    <row r="14257" spans="1:12">
      <c r="A14257" s="6" t="s">
        <v>49</v>
      </c>
      <c r="B14257" s="6"/>
      <c r="C14257" s="6" t="s">
        <v>14281</v>
      </c>
      <c r="D14257" s="6"/>
      <c r="E14257" s="6" t="s">
        <v>9</v>
      </c>
      <c r="F14257" s="7">
        <v>38657</v>
      </c>
      <c r="G14257" s="8">
        <v>1</v>
      </c>
      <c r="H14257" s="8">
        <v>1</v>
      </c>
      <c r="I14257" s="8">
        <v>0</v>
      </c>
      <c r="J14257" s="8">
        <v>1</v>
      </c>
      <c r="K14257" s="9">
        <v>91</v>
      </c>
      <c r="L14257" s="6" t="s">
        <v>51</v>
      </c>
    </row>
    <row r="14258" spans="1:12">
      <c r="A14258" s="6" t="s">
        <v>49</v>
      </c>
      <c r="B14258" s="6"/>
      <c r="C14258" s="6" t="s">
        <v>14282</v>
      </c>
      <c r="D14258" s="6"/>
      <c r="E14258" s="6" t="s">
        <v>9</v>
      </c>
      <c r="F14258" s="7">
        <v>38657</v>
      </c>
      <c r="G14258" s="8">
        <v>1</v>
      </c>
      <c r="H14258" s="8">
        <v>1</v>
      </c>
      <c r="I14258" s="8">
        <v>0</v>
      </c>
      <c r="J14258" s="8">
        <v>1</v>
      </c>
      <c r="K14258" s="9">
        <v>19</v>
      </c>
      <c r="L14258" s="6" t="s">
        <v>51</v>
      </c>
    </row>
    <row r="14259" spans="1:12">
      <c r="A14259" s="6" t="s">
        <v>49</v>
      </c>
      <c r="B14259" s="6"/>
      <c r="C14259" s="6" t="s">
        <v>14283</v>
      </c>
      <c r="D14259" s="6"/>
      <c r="E14259" s="6" t="s">
        <v>9</v>
      </c>
      <c r="F14259" s="7">
        <v>38657</v>
      </c>
      <c r="G14259" s="8">
        <v>1</v>
      </c>
      <c r="H14259" s="8">
        <v>1</v>
      </c>
      <c r="I14259" s="8">
        <v>0</v>
      </c>
      <c r="J14259" s="8">
        <v>1</v>
      </c>
      <c r="K14259" s="9">
        <v>114</v>
      </c>
      <c r="L14259" s="6" t="s">
        <v>51</v>
      </c>
    </row>
    <row r="14260" spans="1:12">
      <c r="A14260" s="6" t="s">
        <v>49</v>
      </c>
      <c r="B14260" s="6"/>
      <c r="C14260" s="6" t="s">
        <v>14284</v>
      </c>
      <c r="D14260" s="6"/>
      <c r="E14260" s="6" t="s">
        <v>9</v>
      </c>
      <c r="F14260" s="7">
        <v>38657</v>
      </c>
      <c r="G14260" s="8">
        <v>1</v>
      </c>
      <c r="H14260" s="8">
        <v>1</v>
      </c>
      <c r="I14260" s="8">
        <v>0</v>
      </c>
      <c r="J14260" s="8">
        <v>1</v>
      </c>
      <c r="K14260" s="9">
        <v>24</v>
      </c>
      <c r="L14260" s="6" t="s">
        <v>51</v>
      </c>
    </row>
    <row r="14261" spans="1:12">
      <c r="A14261" s="6" t="s">
        <v>49</v>
      </c>
      <c r="B14261" s="6"/>
      <c r="C14261" s="6" t="s">
        <v>14285</v>
      </c>
      <c r="D14261" s="6"/>
      <c r="E14261" s="6" t="s">
        <v>9</v>
      </c>
      <c r="F14261" s="7">
        <v>38657</v>
      </c>
      <c r="G14261" s="8">
        <v>1</v>
      </c>
      <c r="H14261" s="8">
        <v>1</v>
      </c>
      <c r="I14261" s="8">
        <v>0</v>
      </c>
      <c r="J14261" s="8">
        <v>1</v>
      </c>
      <c r="K14261" s="9">
        <v>7.92</v>
      </c>
      <c r="L14261" s="6" t="s">
        <v>51</v>
      </c>
    </row>
    <row r="14262" spans="1:12">
      <c r="A14262" s="6" t="s">
        <v>49</v>
      </c>
      <c r="B14262" s="6"/>
      <c r="C14262" s="6" t="s">
        <v>14286</v>
      </c>
      <c r="D14262" s="6"/>
      <c r="E14262" s="6" t="s">
        <v>9</v>
      </c>
      <c r="F14262" s="7">
        <v>38657</v>
      </c>
      <c r="G14262" s="8">
        <v>1</v>
      </c>
      <c r="H14262" s="8">
        <v>1</v>
      </c>
      <c r="I14262" s="8">
        <v>0</v>
      </c>
      <c r="J14262" s="8">
        <v>1</v>
      </c>
      <c r="K14262" s="9">
        <v>893</v>
      </c>
      <c r="L14262" s="6" t="s">
        <v>51</v>
      </c>
    </row>
    <row r="14263" spans="1:12">
      <c r="A14263" s="6" t="s">
        <v>49</v>
      </c>
      <c r="B14263" s="6"/>
      <c r="C14263" s="6" t="s">
        <v>14287</v>
      </c>
      <c r="D14263" s="6"/>
      <c r="E14263" s="6" t="s">
        <v>9</v>
      </c>
      <c r="F14263" s="7">
        <v>38657</v>
      </c>
      <c r="G14263" s="8">
        <v>1</v>
      </c>
      <c r="H14263" s="8">
        <v>1</v>
      </c>
      <c r="I14263" s="8">
        <v>0</v>
      </c>
      <c r="J14263" s="8">
        <v>1</v>
      </c>
      <c r="K14263" s="9">
        <v>432</v>
      </c>
      <c r="L14263" s="6" t="s">
        <v>51</v>
      </c>
    </row>
    <row r="14264" spans="1:12">
      <c r="A14264" s="6" t="s">
        <v>49</v>
      </c>
      <c r="B14264" s="6"/>
      <c r="C14264" s="6" t="s">
        <v>14288</v>
      </c>
      <c r="D14264" s="6"/>
      <c r="E14264" s="6" t="s">
        <v>9</v>
      </c>
      <c r="F14264" s="7">
        <v>38657</v>
      </c>
      <c r="G14264" s="8">
        <v>1</v>
      </c>
      <c r="H14264" s="8">
        <v>1</v>
      </c>
      <c r="I14264" s="8">
        <v>0</v>
      </c>
      <c r="J14264" s="8">
        <v>1</v>
      </c>
      <c r="K14264" s="9">
        <v>1032</v>
      </c>
      <c r="L14264" s="6" t="s">
        <v>51</v>
      </c>
    </row>
    <row r="14265" spans="1:12">
      <c r="A14265" s="6" t="s">
        <v>49</v>
      </c>
      <c r="B14265" s="6"/>
      <c r="C14265" s="6" t="s">
        <v>14289</v>
      </c>
      <c r="D14265" s="6"/>
      <c r="E14265" s="6" t="s">
        <v>9</v>
      </c>
      <c r="F14265" s="7">
        <v>38657</v>
      </c>
      <c r="G14265" s="8">
        <v>1</v>
      </c>
      <c r="H14265" s="8">
        <v>1</v>
      </c>
      <c r="I14265" s="8">
        <v>0</v>
      </c>
      <c r="J14265" s="8">
        <v>1</v>
      </c>
      <c r="K14265" s="9">
        <v>637</v>
      </c>
      <c r="L14265" s="6" t="s">
        <v>51</v>
      </c>
    </row>
    <row r="14266" spans="1:12">
      <c r="A14266" s="6" t="s">
        <v>49</v>
      </c>
      <c r="B14266" s="6"/>
      <c r="C14266" s="6" t="s">
        <v>14290</v>
      </c>
      <c r="D14266" s="6"/>
      <c r="E14266" s="6" t="s">
        <v>9</v>
      </c>
      <c r="F14266" s="7">
        <v>38657</v>
      </c>
      <c r="G14266" s="8">
        <v>1</v>
      </c>
      <c r="H14266" s="8">
        <v>1</v>
      </c>
      <c r="I14266" s="8">
        <v>0</v>
      </c>
      <c r="J14266" s="8">
        <v>1</v>
      </c>
      <c r="K14266" s="9">
        <v>1.95</v>
      </c>
      <c r="L14266" s="6" t="s">
        <v>51</v>
      </c>
    </row>
    <row r="14267" spans="1:12">
      <c r="A14267" s="6" t="s">
        <v>49</v>
      </c>
      <c r="B14267" s="6"/>
      <c r="C14267" s="6" t="s">
        <v>14291</v>
      </c>
      <c r="D14267" s="6"/>
      <c r="E14267" s="6" t="s">
        <v>9</v>
      </c>
      <c r="F14267" s="7">
        <v>38657</v>
      </c>
      <c r="G14267" s="8">
        <v>1</v>
      </c>
      <c r="H14267" s="8">
        <v>1</v>
      </c>
      <c r="I14267" s="8">
        <v>0</v>
      </c>
      <c r="J14267" s="8">
        <v>1</v>
      </c>
      <c r="K14267" s="9">
        <v>1.43</v>
      </c>
      <c r="L14267" s="6" t="s">
        <v>51</v>
      </c>
    </row>
    <row r="14268" spans="1:12">
      <c r="A14268" s="6" t="s">
        <v>49</v>
      </c>
      <c r="B14268" s="6"/>
      <c r="C14268" s="6" t="s">
        <v>14292</v>
      </c>
      <c r="D14268" s="6"/>
      <c r="E14268" s="6" t="s">
        <v>9</v>
      </c>
      <c r="F14268" s="7">
        <v>38657</v>
      </c>
      <c r="G14268" s="8">
        <v>1</v>
      </c>
      <c r="H14268" s="8">
        <v>1</v>
      </c>
      <c r="I14268" s="8">
        <v>0</v>
      </c>
      <c r="J14268" s="8">
        <v>1</v>
      </c>
      <c r="K14268" s="9">
        <v>7.23</v>
      </c>
      <c r="L14268" s="6" t="s">
        <v>51</v>
      </c>
    </row>
    <row r="14269" spans="1:12">
      <c r="A14269" s="6" t="s">
        <v>49</v>
      </c>
      <c r="B14269" s="6"/>
      <c r="C14269" s="6" t="s">
        <v>14293</v>
      </c>
      <c r="D14269" s="6"/>
      <c r="E14269" s="6" t="s">
        <v>9</v>
      </c>
      <c r="F14269" s="7">
        <v>38657</v>
      </c>
      <c r="G14269" s="8">
        <v>1</v>
      </c>
      <c r="H14269" s="8">
        <v>1</v>
      </c>
      <c r="I14269" s="8">
        <v>0</v>
      </c>
      <c r="J14269" s="8">
        <v>1</v>
      </c>
      <c r="K14269" s="9">
        <v>19</v>
      </c>
      <c r="L14269" s="6" t="s">
        <v>51</v>
      </c>
    </row>
    <row r="14270" spans="1:12">
      <c r="A14270" s="6" t="s">
        <v>49</v>
      </c>
      <c r="B14270" s="6"/>
      <c r="C14270" s="6" t="s">
        <v>14294</v>
      </c>
      <c r="D14270" s="6"/>
      <c r="E14270" s="6" t="s">
        <v>9</v>
      </c>
      <c r="F14270" s="7">
        <v>38657</v>
      </c>
      <c r="G14270" s="8">
        <v>1</v>
      </c>
      <c r="H14270" s="8">
        <v>1</v>
      </c>
      <c r="I14270" s="8">
        <v>0</v>
      </c>
      <c r="J14270" s="8">
        <v>1</v>
      </c>
      <c r="K14270" s="9">
        <v>1.1200000000000001</v>
      </c>
      <c r="L14270" s="6" t="s">
        <v>51</v>
      </c>
    </row>
    <row r="14271" spans="1:12">
      <c r="A14271" s="6" t="s">
        <v>49</v>
      </c>
      <c r="B14271" s="6"/>
      <c r="C14271" s="6" t="s">
        <v>14295</v>
      </c>
      <c r="D14271" s="6"/>
      <c r="E14271" s="6" t="s">
        <v>9</v>
      </c>
      <c r="F14271" s="7">
        <v>38657</v>
      </c>
      <c r="G14271" s="8">
        <v>1</v>
      </c>
      <c r="H14271" s="8">
        <v>1</v>
      </c>
      <c r="I14271" s="8">
        <v>0</v>
      </c>
      <c r="J14271" s="8">
        <v>1</v>
      </c>
      <c r="K14271" s="9">
        <v>33</v>
      </c>
      <c r="L14271" s="6" t="s">
        <v>51</v>
      </c>
    </row>
    <row r="14272" spans="1:12">
      <c r="A14272" s="6" t="s">
        <v>49</v>
      </c>
      <c r="B14272" s="6"/>
      <c r="C14272" s="6" t="s">
        <v>14296</v>
      </c>
      <c r="D14272" s="6"/>
      <c r="E14272" s="6" t="s">
        <v>9</v>
      </c>
      <c r="F14272" s="7">
        <v>38657</v>
      </c>
      <c r="G14272" s="8">
        <v>1</v>
      </c>
      <c r="H14272" s="8">
        <v>1</v>
      </c>
      <c r="I14272" s="8">
        <v>0</v>
      </c>
      <c r="J14272" s="8">
        <v>1</v>
      </c>
      <c r="K14272" s="9">
        <v>33</v>
      </c>
      <c r="L14272" s="6" t="s">
        <v>51</v>
      </c>
    </row>
    <row r="14273" spans="1:12">
      <c r="A14273" s="6" t="s">
        <v>49</v>
      </c>
      <c r="B14273" s="6"/>
      <c r="C14273" s="6" t="s">
        <v>14297</v>
      </c>
      <c r="D14273" s="6"/>
      <c r="E14273" s="6" t="s">
        <v>9</v>
      </c>
      <c r="F14273" s="7">
        <v>38657</v>
      </c>
      <c r="G14273" s="8">
        <v>1</v>
      </c>
      <c r="H14273" s="8">
        <v>1</v>
      </c>
      <c r="I14273" s="8">
        <v>0</v>
      </c>
      <c r="J14273" s="8">
        <v>1</v>
      </c>
      <c r="K14273" s="9">
        <v>1.69</v>
      </c>
      <c r="L14273" s="6" t="s">
        <v>51</v>
      </c>
    </row>
    <row r="14274" spans="1:12">
      <c r="A14274" s="6" t="s">
        <v>49</v>
      </c>
      <c r="B14274" s="6"/>
      <c r="C14274" s="6" t="s">
        <v>14298</v>
      </c>
      <c r="D14274" s="6"/>
      <c r="E14274" s="6" t="s">
        <v>9</v>
      </c>
      <c r="F14274" s="7">
        <v>38657</v>
      </c>
      <c r="G14274" s="8">
        <v>1</v>
      </c>
      <c r="H14274" s="8">
        <v>1</v>
      </c>
      <c r="I14274" s="8">
        <v>0</v>
      </c>
      <c r="J14274" s="8">
        <v>1</v>
      </c>
      <c r="K14274" s="9">
        <v>67</v>
      </c>
      <c r="L14274" s="6" t="s">
        <v>51</v>
      </c>
    </row>
    <row r="14275" spans="1:12">
      <c r="A14275" s="6" t="s">
        <v>49</v>
      </c>
      <c r="B14275" s="6"/>
      <c r="C14275" s="6" t="s">
        <v>14299</v>
      </c>
      <c r="D14275" s="6"/>
      <c r="E14275" s="6" t="s">
        <v>9</v>
      </c>
      <c r="F14275" s="7">
        <v>38657</v>
      </c>
      <c r="G14275" s="8">
        <v>1</v>
      </c>
      <c r="H14275" s="8">
        <v>1</v>
      </c>
      <c r="I14275" s="8">
        <v>0</v>
      </c>
      <c r="J14275" s="8">
        <v>1</v>
      </c>
      <c r="K14275" s="9">
        <v>8.8800000000000008</v>
      </c>
      <c r="L14275" s="6" t="s">
        <v>51</v>
      </c>
    </row>
    <row r="14276" spans="1:12">
      <c r="A14276" s="6" t="s">
        <v>49</v>
      </c>
      <c r="B14276" s="6"/>
      <c r="C14276" s="6" t="s">
        <v>14300</v>
      </c>
      <c r="D14276" s="6"/>
      <c r="E14276" s="6" t="s">
        <v>9</v>
      </c>
      <c r="F14276" s="7">
        <v>38657</v>
      </c>
      <c r="G14276" s="8">
        <v>1</v>
      </c>
      <c r="H14276" s="8">
        <v>1</v>
      </c>
      <c r="I14276" s="8">
        <v>0</v>
      </c>
      <c r="J14276" s="8">
        <v>1</v>
      </c>
      <c r="K14276" s="9">
        <v>5.67</v>
      </c>
      <c r="L14276" s="6" t="s">
        <v>51</v>
      </c>
    </row>
    <row r="14277" spans="1:12">
      <c r="A14277" s="6" t="s">
        <v>49</v>
      </c>
      <c r="B14277" s="6"/>
      <c r="C14277" s="6" t="s">
        <v>14301</v>
      </c>
      <c r="D14277" s="6"/>
      <c r="E14277" s="6" t="s">
        <v>9</v>
      </c>
      <c r="F14277" s="7">
        <v>38657</v>
      </c>
      <c r="G14277" s="8">
        <v>1</v>
      </c>
      <c r="H14277" s="8">
        <v>1</v>
      </c>
      <c r="I14277" s="8">
        <v>0</v>
      </c>
      <c r="J14277" s="8">
        <v>1</v>
      </c>
      <c r="K14277" s="9">
        <v>13</v>
      </c>
      <c r="L14277" s="6" t="s">
        <v>51</v>
      </c>
    </row>
    <row r="14278" spans="1:12">
      <c r="A14278" s="6" t="s">
        <v>49</v>
      </c>
      <c r="B14278" s="6"/>
      <c r="C14278" s="6" t="s">
        <v>14302</v>
      </c>
      <c r="D14278" s="6"/>
      <c r="E14278" s="6" t="s">
        <v>9</v>
      </c>
      <c r="F14278" s="7">
        <v>38657</v>
      </c>
      <c r="G14278" s="8">
        <v>1</v>
      </c>
      <c r="H14278" s="8">
        <v>1</v>
      </c>
      <c r="I14278" s="8">
        <v>0</v>
      </c>
      <c r="J14278" s="8">
        <v>1</v>
      </c>
      <c r="K14278" s="9">
        <v>12</v>
      </c>
      <c r="L14278" s="6" t="s">
        <v>51</v>
      </c>
    </row>
    <row r="14279" spans="1:12">
      <c r="A14279" s="6" t="s">
        <v>49</v>
      </c>
      <c r="B14279" s="6"/>
      <c r="C14279" s="6" t="s">
        <v>14303</v>
      </c>
      <c r="D14279" s="6"/>
      <c r="E14279" s="6" t="s">
        <v>9</v>
      </c>
      <c r="F14279" s="7">
        <v>38657</v>
      </c>
      <c r="G14279" s="8">
        <v>1</v>
      </c>
      <c r="H14279" s="8">
        <v>1</v>
      </c>
      <c r="I14279" s="8">
        <v>0</v>
      </c>
      <c r="J14279" s="8">
        <v>1</v>
      </c>
      <c r="K14279" s="9">
        <v>48</v>
      </c>
      <c r="L14279" s="6" t="s">
        <v>51</v>
      </c>
    </row>
    <row r="14280" spans="1:12">
      <c r="A14280" s="6" t="s">
        <v>49</v>
      </c>
      <c r="B14280" s="6"/>
      <c r="C14280" s="6" t="s">
        <v>14304</v>
      </c>
      <c r="D14280" s="6"/>
      <c r="E14280" s="6" t="s">
        <v>9</v>
      </c>
      <c r="F14280" s="7">
        <v>38657</v>
      </c>
      <c r="G14280" s="8">
        <v>1</v>
      </c>
      <c r="H14280" s="8">
        <v>1</v>
      </c>
      <c r="I14280" s="8">
        <v>0</v>
      </c>
      <c r="J14280" s="8">
        <v>1</v>
      </c>
      <c r="K14280" s="9">
        <v>30</v>
      </c>
      <c r="L14280" s="6" t="s">
        <v>51</v>
      </c>
    </row>
    <row r="14281" spans="1:12">
      <c r="A14281" s="6" t="s">
        <v>49</v>
      </c>
      <c r="B14281" s="6"/>
      <c r="C14281" s="6" t="s">
        <v>14305</v>
      </c>
      <c r="D14281" s="6"/>
      <c r="E14281" s="6" t="s">
        <v>9</v>
      </c>
      <c r="F14281" s="7">
        <v>38657</v>
      </c>
      <c r="G14281" s="8">
        <v>1</v>
      </c>
      <c r="H14281" s="8">
        <v>1</v>
      </c>
      <c r="I14281" s="8">
        <v>0</v>
      </c>
      <c r="J14281" s="8">
        <v>1</v>
      </c>
      <c r="K14281" s="9">
        <v>16</v>
      </c>
      <c r="L14281" s="6" t="s">
        <v>51</v>
      </c>
    </row>
    <row r="14282" spans="1:12">
      <c r="A14282" s="6" t="s">
        <v>49</v>
      </c>
      <c r="B14282" s="6"/>
      <c r="C14282" s="6" t="s">
        <v>14306</v>
      </c>
      <c r="D14282" s="6"/>
      <c r="E14282" s="6" t="s">
        <v>9</v>
      </c>
      <c r="F14282" s="7">
        <v>38657</v>
      </c>
      <c r="G14282" s="8">
        <v>1</v>
      </c>
      <c r="H14282" s="8">
        <v>1</v>
      </c>
      <c r="I14282" s="8">
        <v>0</v>
      </c>
      <c r="J14282" s="8">
        <v>1</v>
      </c>
      <c r="K14282" s="9">
        <v>22</v>
      </c>
      <c r="L14282" s="6" t="s">
        <v>51</v>
      </c>
    </row>
    <row r="14283" spans="1:12">
      <c r="A14283" s="6" t="s">
        <v>49</v>
      </c>
      <c r="B14283" s="6"/>
      <c r="C14283" s="6" t="s">
        <v>14307</v>
      </c>
      <c r="D14283" s="6"/>
      <c r="E14283" s="6" t="s">
        <v>9</v>
      </c>
      <c r="F14283" s="7">
        <v>38657</v>
      </c>
      <c r="G14283" s="8">
        <v>1</v>
      </c>
      <c r="H14283" s="8">
        <v>1</v>
      </c>
      <c r="I14283" s="8">
        <v>0</v>
      </c>
      <c r="J14283" s="8">
        <v>1</v>
      </c>
      <c r="K14283" s="9">
        <v>2.31</v>
      </c>
      <c r="L14283" s="6" t="s">
        <v>51</v>
      </c>
    </row>
    <row r="14284" spans="1:12">
      <c r="A14284" s="6" t="s">
        <v>49</v>
      </c>
      <c r="B14284" s="6"/>
      <c r="C14284" s="6" t="s">
        <v>14308</v>
      </c>
      <c r="D14284" s="6"/>
      <c r="E14284" s="6" t="s">
        <v>9</v>
      </c>
      <c r="F14284" s="7">
        <v>38657</v>
      </c>
      <c r="G14284" s="8">
        <v>1</v>
      </c>
      <c r="H14284" s="8">
        <v>1</v>
      </c>
      <c r="I14284" s="8">
        <v>0</v>
      </c>
      <c r="J14284" s="8">
        <v>1</v>
      </c>
      <c r="K14284" s="9">
        <v>2.27999999999999</v>
      </c>
      <c r="L14284" s="6" t="s">
        <v>51</v>
      </c>
    </row>
    <row r="14285" spans="1:12">
      <c r="A14285" s="6" t="s">
        <v>49</v>
      </c>
      <c r="B14285" s="6"/>
      <c r="C14285" s="6" t="s">
        <v>14309</v>
      </c>
      <c r="D14285" s="6"/>
      <c r="E14285" s="6" t="s">
        <v>9</v>
      </c>
      <c r="F14285" s="7">
        <v>38657</v>
      </c>
      <c r="G14285" s="8">
        <v>1</v>
      </c>
      <c r="H14285" s="8">
        <v>1</v>
      </c>
      <c r="I14285" s="8">
        <v>0</v>
      </c>
      <c r="J14285" s="8">
        <v>1</v>
      </c>
      <c r="K14285" s="9">
        <v>5.25</v>
      </c>
      <c r="L14285" s="6" t="s">
        <v>51</v>
      </c>
    </row>
    <row r="14286" spans="1:12">
      <c r="A14286" s="6" t="s">
        <v>49</v>
      </c>
      <c r="B14286" s="6"/>
      <c r="C14286" s="6" t="s">
        <v>14310</v>
      </c>
      <c r="D14286" s="6"/>
      <c r="E14286" s="6" t="s">
        <v>9</v>
      </c>
      <c r="F14286" s="7">
        <v>38657</v>
      </c>
      <c r="G14286" s="8">
        <v>1</v>
      </c>
      <c r="H14286" s="8">
        <v>1</v>
      </c>
      <c r="I14286" s="8">
        <v>0</v>
      </c>
      <c r="J14286" s="8">
        <v>1</v>
      </c>
      <c r="K14286" s="9">
        <v>13</v>
      </c>
      <c r="L14286" s="6" t="s">
        <v>51</v>
      </c>
    </row>
    <row r="14287" spans="1:12">
      <c r="A14287" s="6" t="s">
        <v>49</v>
      </c>
      <c r="B14287" s="6"/>
      <c r="C14287" s="6" t="s">
        <v>14311</v>
      </c>
      <c r="D14287" s="6"/>
      <c r="E14287" s="6" t="s">
        <v>9</v>
      </c>
      <c r="F14287" s="7">
        <v>38657</v>
      </c>
      <c r="G14287" s="8">
        <v>1</v>
      </c>
      <c r="H14287" s="8">
        <v>1</v>
      </c>
      <c r="I14287" s="8">
        <v>0</v>
      </c>
      <c r="J14287" s="8">
        <v>1</v>
      </c>
      <c r="K14287" s="9">
        <v>14</v>
      </c>
      <c r="L14287" s="6" t="s">
        <v>51</v>
      </c>
    </row>
    <row r="14288" spans="1:12">
      <c r="A14288" s="6" t="s">
        <v>49</v>
      </c>
      <c r="B14288" s="6"/>
      <c r="C14288" s="6" t="s">
        <v>14312</v>
      </c>
      <c r="D14288" s="6"/>
      <c r="E14288" s="6" t="s">
        <v>9</v>
      </c>
      <c r="F14288" s="7">
        <v>38657</v>
      </c>
      <c r="G14288" s="8">
        <v>1</v>
      </c>
      <c r="H14288" s="8">
        <v>1</v>
      </c>
      <c r="I14288" s="8">
        <v>0</v>
      </c>
      <c r="J14288" s="8">
        <v>1</v>
      </c>
      <c r="K14288" s="9">
        <v>13</v>
      </c>
      <c r="L14288" s="6" t="s">
        <v>51</v>
      </c>
    </row>
    <row r="14289" spans="1:12">
      <c r="A14289" s="6" t="s">
        <v>49</v>
      </c>
      <c r="B14289" s="6"/>
      <c r="C14289" s="6" t="s">
        <v>14313</v>
      </c>
      <c r="D14289" s="6"/>
      <c r="E14289" s="6" t="s">
        <v>9</v>
      </c>
      <c r="F14289" s="7">
        <v>38657</v>
      </c>
      <c r="G14289" s="8">
        <v>1</v>
      </c>
      <c r="H14289" s="8">
        <v>1</v>
      </c>
      <c r="I14289" s="8">
        <v>0</v>
      </c>
      <c r="J14289" s="8">
        <v>1</v>
      </c>
      <c r="K14289" s="9">
        <v>10</v>
      </c>
      <c r="L14289" s="6" t="s">
        <v>51</v>
      </c>
    </row>
    <row r="14290" spans="1:12">
      <c r="A14290" s="6" t="s">
        <v>49</v>
      </c>
      <c r="B14290" s="6"/>
      <c r="C14290" s="6" t="s">
        <v>14314</v>
      </c>
      <c r="D14290" s="6"/>
      <c r="E14290" s="6" t="s">
        <v>9</v>
      </c>
      <c r="F14290" s="7">
        <v>38657</v>
      </c>
      <c r="G14290" s="8">
        <v>1</v>
      </c>
      <c r="H14290" s="8">
        <v>1</v>
      </c>
      <c r="I14290" s="8">
        <v>0</v>
      </c>
      <c r="J14290" s="8">
        <v>1</v>
      </c>
      <c r="K14290" s="9">
        <v>12</v>
      </c>
      <c r="L14290" s="6" t="s">
        <v>51</v>
      </c>
    </row>
    <row r="14291" spans="1:12">
      <c r="A14291" s="6" t="s">
        <v>49</v>
      </c>
      <c r="B14291" s="6"/>
      <c r="C14291" s="6" t="s">
        <v>14315</v>
      </c>
      <c r="D14291" s="6"/>
      <c r="E14291" s="6" t="s">
        <v>9</v>
      </c>
      <c r="F14291" s="7">
        <v>38657</v>
      </c>
      <c r="G14291" s="8">
        <v>1</v>
      </c>
      <c r="H14291" s="8">
        <v>1</v>
      </c>
      <c r="I14291" s="8">
        <v>0</v>
      </c>
      <c r="J14291" s="8">
        <v>1</v>
      </c>
      <c r="K14291" s="9">
        <v>106</v>
      </c>
      <c r="L14291" s="6" t="s">
        <v>51</v>
      </c>
    </row>
    <row r="14292" spans="1:12">
      <c r="A14292" s="6" t="s">
        <v>49</v>
      </c>
      <c r="B14292" s="6"/>
      <c r="C14292" s="6" t="s">
        <v>14316</v>
      </c>
      <c r="D14292" s="6"/>
      <c r="E14292" s="6" t="s">
        <v>9</v>
      </c>
      <c r="F14292" s="7">
        <v>38657</v>
      </c>
      <c r="G14292" s="8">
        <v>1</v>
      </c>
      <c r="H14292" s="8">
        <v>1</v>
      </c>
      <c r="I14292" s="8">
        <v>0</v>
      </c>
      <c r="J14292" s="8">
        <v>1</v>
      </c>
      <c r="K14292" s="9">
        <v>10</v>
      </c>
      <c r="L14292" s="6" t="s">
        <v>51</v>
      </c>
    </row>
    <row r="14293" spans="1:12">
      <c r="A14293" s="6" t="s">
        <v>49</v>
      </c>
      <c r="B14293" s="6"/>
      <c r="C14293" s="6" t="s">
        <v>14317</v>
      </c>
      <c r="D14293" s="6"/>
      <c r="E14293" s="6" t="s">
        <v>9</v>
      </c>
      <c r="F14293" s="7">
        <v>38657</v>
      </c>
      <c r="G14293" s="8">
        <v>1</v>
      </c>
      <c r="H14293" s="8">
        <v>1</v>
      </c>
      <c r="I14293" s="8">
        <v>0</v>
      </c>
      <c r="J14293" s="8">
        <v>1</v>
      </c>
      <c r="K14293" s="9">
        <v>9.8800000000000008</v>
      </c>
      <c r="L14293" s="6" t="s">
        <v>51</v>
      </c>
    </row>
    <row r="14294" spans="1:12">
      <c r="A14294" s="6" t="s">
        <v>49</v>
      </c>
      <c r="B14294" s="6"/>
      <c r="C14294" s="6" t="s">
        <v>14318</v>
      </c>
      <c r="D14294" s="6"/>
      <c r="E14294" s="6" t="s">
        <v>9</v>
      </c>
      <c r="F14294" s="7">
        <v>38657</v>
      </c>
      <c r="G14294" s="8">
        <v>1</v>
      </c>
      <c r="H14294" s="8">
        <v>1</v>
      </c>
      <c r="I14294" s="8">
        <v>0</v>
      </c>
      <c r="J14294" s="8">
        <v>1</v>
      </c>
      <c r="K14294" s="9">
        <v>6.16</v>
      </c>
      <c r="L14294" s="6" t="s">
        <v>51</v>
      </c>
    </row>
    <row r="14295" spans="1:12">
      <c r="A14295" s="6" t="s">
        <v>49</v>
      </c>
      <c r="B14295" s="6"/>
      <c r="C14295" s="6" t="s">
        <v>14319</v>
      </c>
      <c r="D14295" s="6"/>
      <c r="E14295" s="6" t="s">
        <v>9</v>
      </c>
      <c r="F14295" s="7">
        <v>38657</v>
      </c>
      <c r="G14295" s="8">
        <v>1</v>
      </c>
      <c r="H14295" s="8">
        <v>1</v>
      </c>
      <c r="I14295" s="8">
        <v>0</v>
      </c>
      <c r="J14295" s="8">
        <v>1</v>
      </c>
      <c r="K14295" s="9">
        <v>17</v>
      </c>
      <c r="L14295" s="6" t="s">
        <v>51</v>
      </c>
    </row>
    <row r="14296" spans="1:12">
      <c r="A14296" s="6" t="s">
        <v>49</v>
      </c>
      <c r="B14296" s="6"/>
      <c r="C14296" s="6" t="s">
        <v>14320</v>
      </c>
      <c r="D14296" s="6"/>
      <c r="E14296" s="6" t="s">
        <v>9</v>
      </c>
      <c r="F14296" s="7">
        <v>38657</v>
      </c>
      <c r="G14296" s="8">
        <v>1</v>
      </c>
      <c r="H14296" s="8">
        <v>1</v>
      </c>
      <c r="I14296" s="8">
        <v>0</v>
      </c>
      <c r="J14296" s="8">
        <v>1</v>
      </c>
      <c r="K14296" s="9">
        <v>8.4499999999999904</v>
      </c>
      <c r="L14296" s="6" t="s">
        <v>51</v>
      </c>
    </row>
    <row r="14297" spans="1:12">
      <c r="A14297" s="6" t="s">
        <v>49</v>
      </c>
      <c r="B14297" s="6"/>
      <c r="C14297" s="6" t="s">
        <v>14321</v>
      </c>
      <c r="D14297" s="6"/>
      <c r="E14297" s="6" t="s">
        <v>9</v>
      </c>
      <c r="F14297" s="7">
        <v>38657</v>
      </c>
      <c r="G14297" s="8">
        <v>1</v>
      </c>
      <c r="H14297" s="8">
        <v>1</v>
      </c>
      <c r="I14297" s="8">
        <v>0</v>
      </c>
      <c r="J14297" s="8">
        <v>1</v>
      </c>
      <c r="K14297" s="9">
        <v>20</v>
      </c>
      <c r="L14297" s="6" t="s">
        <v>51</v>
      </c>
    </row>
    <row r="14298" spans="1:12">
      <c r="A14298" s="6" t="s">
        <v>49</v>
      </c>
      <c r="B14298" s="6"/>
      <c r="C14298" s="6" t="s">
        <v>14322</v>
      </c>
      <c r="D14298" s="6"/>
      <c r="E14298" s="6" t="s">
        <v>9</v>
      </c>
      <c r="F14298" s="7">
        <v>38657</v>
      </c>
      <c r="G14298" s="8">
        <v>1</v>
      </c>
      <c r="H14298" s="8">
        <v>1</v>
      </c>
      <c r="I14298" s="8">
        <v>0</v>
      </c>
      <c r="J14298" s="8">
        <v>1</v>
      </c>
      <c r="K14298" s="9">
        <v>2.72</v>
      </c>
      <c r="L14298" s="6" t="s">
        <v>51</v>
      </c>
    </row>
    <row r="14299" spans="1:12">
      <c r="A14299" s="6" t="s">
        <v>49</v>
      </c>
      <c r="B14299" s="6"/>
      <c r="C14299" s="6" t="s">
        <v>14323</v>
      </c>
      <c r="D14299" s="6"/>
      <c r="E14299" s="6" t="s">
        <v>9</v>
      </c>
      <c r="F14299" s="7">
        <v>38657</v>
      </c>
      <c r="G14299" s="8">
        <v>1</v>
      </c>
      <c r="H14299" s="8">
        <v>1</v>
      </c>
      <c r="I14299" s="8">
        <v>0</v>
      </c>
      <c r="J14299" s="8">
        <v>1</v>
      </c>
      <c r="K14299" s="9">
        <v>2.2000000000000002</v>
      </c>
      <c r="L14299" s="6" t="s">
        <v>51</v>
      </c>
    </row>
    <row r="14300" spans="1:12">
      <c r="A14300" s="6" t="s">
        <v>49</v>
      </c>
      <c r="B14300" s="6"/>
      <c r="C14300" s="6" t="s">
        <v>14324</v>
      </c>
      <c r="D14300" s="6"/>
      <c r="E14300" s="6" t="s">
        <v>9</v>
      </c>
      <c r="F14300" s="7">
        <v>38657</v>
      </c>
      <c r="G14300" s="8">
        <v>1</v>
      </c>
      <c r="H14300" s="8">
        <v>1</v>
      </c>
      <c r="I14300" s="8">
        <v>0</v>
      </c>
      <c r="J14300" s="8">
        <v>1</v>
      </c>
      <c r="K14300" s="9">
        <v>4.2</v>
      </c>
      <c r="L14300" s="6" t="s">
        <v>51</v>
      </c>
    </row>
    <row r="14301" spans="1:12">
      <c r="A14301" s="6" t="s">
        <v>49</v>
      </c>
      <c r="B14301" s="6"/>
      <c r="C14301" s="6" t="s">
        <v>14325</v>
      </c>
      <c r="D14301" s="6"/>
      <c r="E14301" s="6" t="s">
        <v>9</v>
      </c>
      <c r="F14301" s="7">
        <v>38657</v>
      </c>
      <c r="G14301" s="8">
        <v>1</v>
      </c>
      <c r="H14301" s="8">
        <v>1</v>
      </c>
      <c r="I14301" s="8">
        <v>0</v>
      </c>
      <c r="J14301" s="8">
        <v>1</v>
      </c>
      <c r="K14301" s="9">
        <v>2.6</v>
      </c>
      <c r="L14301" s="6" t="s">
        <v>51</v>
      </c>
    </row>
    <row r="14302" spans="1:12">
      <c r="A14302" s="6" t="s">
        <v>49</v>
      </c>
      <c r="B14302" s="6"/>
      <c r="C14302" s="6" t="s">
        <v>14326</v>
      </c>
      <c r="D14302" s="6"/>
      <c r="E14302" s="6" t="s">
        <v>9</v>
      </c>
      <c r="F14302" s="7">
        <v>38657</v>
      </c>
      <c r="G14302" s="8">
        <v>1</v>
      </c>
      <c r="H14302" s="8">
        <v>1</v>
      </c>
      <c r="I14302" s="8">
        <v>0</v>
      </c>
      <c r="J14302" s="8">
        <v>1</v>
      </c>
      <c r="K14302" s="9">
        <v>19</v>
      </c>
      <c r="L14302" s="6" t="s">
        <v>51</v>
      </c>
    </row>
    <row r="14303" spans="1:12">
      <c r="A14303" s="6" t="s">
        <v>49</v>
      </c>
      <c r="B14303" s="6"/>
      <c r="C14303" s="6" t="s">
        <v>14327</v>
      </c>
      <c r="D14303" s="6"/>
      <c r="E14303" s="6" t="s">
        <v>9</v>
      </c>
      <c r="F14303" s="7">
        <v>38657</v>
      </c>
      <c r="G14303" s="8">
        <v>1</v>
      </c>
      <c r="H14303" s="8">
        <v>1</v>
      </c>
      <c r="I14303" s="8">
        <v>0</v>
      </c>
      <c r="J14303" s="8">
        <v>1</v>
      </c>
      <c r="K14303" s="9">
        <v>5.96</v>
      </c>
      <c r="L14303" s="6" t="s">
        <v>51</v>
      </c>
    </row>
    <row r="14304" spans="1:12">
      <c r="A14304" s="6" t="s">
        <v>49</v>
      </c>
      <c r="B14304" s="6"/>
      <c r="C14304" s="6" t="s">
        <v>14328</v>
      </c>
      <c r="D14304" s="6"/>
      <c r="E14304" s="6" t="s">
        <v>9</v>
      </c>
      <c r="F14304" s="7">
        <v>38657</v>
      </c>
      <c r="G14304" s="8">
        <v>1</v>
      </c>
      <c r="H14304" s="8">
        <v>1</v>
      </c>
      <c r="I14304" s="8">
        <v>0</v>
      </c>
      <c r="J14304" s="8">
        <v>1</v>
      </c>
      <c r="K14304" s="9">
        <v>13</v>
      </c>
      <c r="L14304" s="6" t="s">
        <v>51</v>
      </c>
    </row>
    <row r="14305" spans="1:12">
      <c r="A14305" s="6" t="s">
        <v>49</v>
      </c>
      <c r="B14305" s="6"/>
      <c r="C14305" s="6" t="s">
        <v>14329</v>
      </c>
      <c r="D14305" s="6"/>
      <c r="E14305" s="6" t="s">
        <v>9</v>
      </c>
      <c r="F14305" s="7">
        <v>38657</v>
      </c>
      <c r="G14305" s="8">
        <v>1</v>
      </c>
      <c r="H14305" s="8">
        <v>1</v>
      </c>
      <c r="I14305" s="8">
        <v>0</v>
      </c>
      <c r="J14305" s="8">
        <v>1</v>
      </c>
      <c r="K14305" s="9">
        <v>5.46</v>
      </c>
      <c r="L14305" s="6" t="s">
        <v>51</v>
      </c>
    </row>
    <row r="14306" spans="1:12">
      <c r="A14306" s="6" t="s">
        <v>49</v>
      </c>
      <c r="B14306" s="6"/>
      <c r="C14306" s="6" t="s">
        <v>14330</v>
      </c>
      <c r="D14306" s="6"/>
      <c r="E14306" s="6" t="s">
        <v>9</v>
      </c>
      <c r="F14306" s="7">
        <v>38657</v>
      </c>
      <c r="G14306" s="8">
        <v>1</v>
      </c>
      <c r="H14306" s="8">
        <v>1</v>
      </c>
      <c r="I14306" s="8">
        <v>0</v>
      </c>
      <c r="J14306" s="8">
        <v>1</v>
      </c>
      <c r="K14306" s="9">
        <v>10</v>
      </c>
      <c r="L14306" s="6" t="s">
        <v>51</v>
      </c>
    </row>
    <row r="14307" spans="1:12">
      <c r="A14307" s="6" t="s">
        <v>49</v>
      </c>
      <c r="B14307" s="6"/>
      <c r="C14307" s="6" t="s">
        <v>14331</v>
      </c>
      <c r="D14307" s="6"/>
      <c r="E14307" s="6" t="s">
        <v>9</v>
      </c>
      <c r="F14307" s="7">
        <v>38657</v>
      </c>
      <c r="G14307" s="8">
        <v>1</v>
      </c>
      <c r="H14307" s="8">
        <v>1</v>
      </c>
      <c r="I14307" s="8">
        <v>0</v>
      </c>
      <c r="J14307" s="8">
        <v>1</v>
      </c>
      <c r="K14307" s="9">
        <v>8.92</v>
      </c>
      <c r="L14307" s="6" t="s">
        <v>51</v>
      </c>
    </row>
    <row r="14308" spans="1:12">
      <c r="A14308" s="6" t="s">
        <v>49</v>
      </c>
      <c r="B14308" s="6"/>
      <c r="C14308" s="6" t="s">
        <v>14332</v>
      </c>
      <c r="D14308" s="6"/>
      <c r="E14308" s="6" t="s">
        <v>9</v>
      </c>
      <c r="F14308" s="7">
        <v>38657</v>
      </c>
      <c r="G14308" s="8">
        <v>1</v>
      </c>
      <c r="H14308" s="8">
        <v>1</v>
      </c>
      <c r="I14308" s="8">
        <v>0</v>
      </c>
      <c r="J14308" s="8">
        <v>1</v>
      </c>
      <c r="K14308" s="9">
        <v>16</v>
      </c>
      <c r="L14308" s="6" t="s">
        <v>51</v>
      </c>
    </row>
    <row r="14309" spans="1:12">
      <c r="A14309" s="6" t="s">
        <v>49</v>
      </c>
      <c r="B14309" s="6"/>
      <c r="C14309" s="6" t="s">
        <v>14333</v>
      </c>
      <c r="D14309" s="6"/>
      <c r="E14309" s="6" t="s">
        <v>9</v>
      </c>
      <c r="F14309" s="7">
        <v>38657</v>
      </c>
      <c r="G14309" s="8">
        <v>1</v>
      </c>
      <c r="H14309" s="8">
        <v>1</v>
      </c>
      <c r="I14309" s="8">
        <v>0</v>
      </c>
      <c r="J14309" s="8">
        <v>1</v>
      </c>
      <c r="K14309" s="9">
        <v>3.52</v>
      </c>
      <c r="L14309" s="6" t="s">
        <v>51</v>
      </c>
    </row>
    <row r="14310" spans="1:12">
      <c r="A14310" s="6" t="s">
        <v>49</v>
      </c>
      <c r="B14310" s="6"/>
      <c r="C14310" s="6" t="s">
        <v>14334</v>
      </c>
      <c r="D14310" s="6"/>
      <c r="E14310" s="6" t="s">
        <v>9</v>
      </c>
      <c r="F14310" s="7">
        <v>38657</v>
      </c>
      <c r="G14310" s="8">
        <v>1</v>
      </c>
      <c r="H14310" s="8">
        <v>1</v>
      </c>
      <c r="I14310" s="8">
        <v>0</v>
      </c>
      <c r="J14310" s="8">
        <v>1</v>
      </c>
      <c r="K14310" s="9">
        <v>3.68</v>
      </c>
      <c r="L14310" s="6" t="s">
        <v>51</v>
      </c>
    </row>
    <row r="14311" spans="1:12">
      <c r="A14311" s="6" t="s">
        <v>49</v>
      </c>
      <c r="B14311" s="6"/>
      <c r="C14311" s="6" t="s">
        <v>14335</v>
      </c>
      <c r="D14311" s="6"/>
      <c r="E14311" s="6" t="s">
        <v>9</v>
      </c>
      <c r="F14311" s="7">
        <v>38657</v>
      </c>
      <c r="G14311" s="8">
        <v>1</v>
      </c>
      <c r="H14311" s="8">
        <v>1</v>
      </c>
      <c r="I14311" s="8">
        <v>0</v>
      </c>
      <c r="J14311" s="8">
        <v>1</v>
      </c>
      <c r="K14311" s="9">
        <v>11</v>
      </c>
      <c r="L14311" s="6" t="s">
        <v>51</v>
      </c>
    </row>
    <row r="14312" spans="1:12">
      <c r="A14312" s="6" t="s">
        <v>49</v>
      </c>
      <c r="B14312" s="6"/>
      <c r="C14312" s="6" t="s">
        <v>14336</v>
      </c>
      <c r="D14312" s="6"/>
      <c r="E14312" s="6" t="s">
        <v>9</v>
      </c>
      <c r="F14312" s="7">
        <v>38657</v>
      </c>
      <c r="G14312" s="8">
        <v>1</v>
      </c>
      <c r="H14312" s="8">
        <v>1</v>
      </c>
      <c r="I14312" s="8">
        <v>0</v>
      </c>
      <c r="J14312" s="8">
        <v>1</v>
      </c>
      <c r="K14312" s="9">
        <v>16</v>
      </c>
      <c r="L14312" s="6" t="s">
        <v>51</v>
      </c>
    </row>
    <row r="14313" spans="1:12">
      <c r="A14313" s="6" t="s">
        <v>49</v>
      </c>
      <c r="B14313" s="6"/>
      <c r="C14313" s="6" t="s">
        <v>14337</v>
      </c>
      <c r="D14313" s="6"/>
      <c r="E14313" s="6" t="s">
        <v>9</v>
      </c>
      <c r="F14313" s="7">
        <v>38657</v>
      </c>
      <c r="G14313" s="8">
        <v>1</v>
      </c>
      <c r="H14313" s="8">
        <v>1</v>
      </c>
      <c r="I14313" s="8">
        <v>0</v>
      </c>
      <c r="J14313" s="8">
        <v>1</v>
      </c>
      <c r="K14313" s="9">
        <v>22</v>
      </c>
      <c r="L14313" s="6" t="s">
        <v>51</v>
      </c>
    </row>
    <row r="14314" spans="1:12">
      <c r="A14314" s="6" t="s">
        <v>49</v>
      </c>
      <c r="B14314" s="6"/>
      <c r="C14314" s="6" t="s">
        <v>14338</v>
      </c>
      <c r="D14314" s="6"/>
      <c r="E14314" s="6" t="s">
        <v>9</v>
      </c>
      <c r="F14314" s="7">
        <v>38657</v>
      </c>
      <c r="G14314" s="8">
        <v>1</v>
      </c>
      <c r="H14314" s="8">
        <v>1</v>
      </c>
      <c r="I14314" s="8">
        <v>0</v>
      </c>
      <c r="J14314" s="8">
        <v>1</v>
      </c>
      <c r="K14314" s="9">
        <v>4.66</v>
      </c>
      <c r="L14314" s="6" t="s">
        <v>51</v>
      </c>
    </row>
    <row r="14315" spans="1:12">
      <c r="A14315" s="6" t="s">
        <v>49</v>
      </c>
      <c r="B14315" s="6"/>
      <c r="C14315" s="6" t="s">
        <v>14339</v>
      </c>
      <c r="D14315" s="6"/>
      <c r="E14315" s="6" t="s">
        <v>9</v>
      </c>
      <c r="F14315" s="7">
        <v>38657</v>
      </c>
      <c r="G14315" s="8">
        <v>1</v>
      </c>
      <c r="H14315" s="8">
        <v>1</v>
      </c>
      <c r="I14315" s="8">
        <v>0</v>
      </c>
      <c r="J14315" s="8">
        <v>1</v>
      </c>
      <c r="K14315" s="9">
        <v>3.86</v>
      </c>
      <c r="L14315" s="6" t="s">
        <v>51</v>
      </c>
    </row>
    <row r="14316" spans="1:12">
      <c r="A14316" s="6" t="s">
        <v>49</v>
      </c>
      <c r="B14316" s="6"/>
      <c r="C14316" s="6" t="s">
        <v>14340</v>
      </c>
      <c r="D14316" s="6"/>
      <c r="E14316" s="6" t="s">
        <v>9</v>
      </c>
      <c r="F14316" s="7">
        <v>38657</v>
      </c>
      <c r="G14316" s="8">
        <v>1</v>
      </c>
      <c r="H14316" s="8">
        <v>1</v>
      </c>
      <c r="I14316" s="8">
        <v>0</v>
      </c>
      <c r="J14316" s="8">
        <v>1</v>
      </c>
      <c r="K14316" s="9">
        <v>8.64</v>
      </c>
      <c r="L14316" s="6" t="s">
        <v>51</v>
      </c>
    </row>
    <row r="14317" spans="1:12">
      <c r="A14317" s="6" t="s">
        <v>49</v>
      </c>
      <c r="B14317" s="6"/>
      <c r="C14317" s="6" t="s">
        <v>14341</v>
      </c>
      <c r="D14317" s="6"/>
      <c r="E14317" s="6" t="s">
        <v>9</v>
      </c>
      <c r="F14317" s="7">
        <v>38657</v>
      </c>
      <c r="G14317" s="8">
        <v>1</v>
      </c>
      <c r="H14317" s="8">
        <v>1</v>
      </c>
      <c r="I14317" s="8">
        <v>0</v>
      </c>
      <c r="J14317" s="8">
        <v>1</v>
      </c>
      <c r="K14317" s="9">
        <v>5.12</v>
      </c>
      <c r="L14317" s="6" t="s">
        <v>51</v>
      </c>
    </row>
    <row r="14318" spans="1:12">
      <c r="A14318" s="6" t="s">
        <v>49</v>
      </c>
      <c r="B14318" s="6"/>
      <c r="C14318" s="6" t="s">
        <v>14342</v>
      </c>
      <c r="D14318" s="6"/>
      <c r="E14318" s="6" t="s">
        <v>9</v>
      </c>
      <c r="F14318" s="7">
        <v>38657</v>
      </c>
      <c r="G14318" s="8">
        <v>1</v>
      </c>
      <c r="H14318" s="8">
        <v>1</v>
      </c>
      <c r="I14318" s="8">
        <v>0</v>
      </c>
      <c r="J14318" s="8">
        <v>1</v>
      </c>
      <c r="K14318" s="9">
        <v>838</v>
      </c>
      <c r="L14318" s="6" t="s">
        <v>51</v>
      </c>
    </row>
    <row r="14319" spans="1:12">
      <c r="A14319" s="6" t="s">
        <v>49</v>
      </c>
      <c r="B14319" s="6"/>
      <c r="C14319" s="6" t="s">
        <v>14343</v>
      </c>
      <c r="D14319" s="6"/>
      <c r="E14319" s="6" t="s">
        <v>9</v>
      </c>
      <c r="F14319" s="7">
        <v>38657</v>
      </c>
      <c r="G14319" s="8">
        <v>1</v>
      </c>
      <c r="H14319" s="8">
        <v>1</v>
      </c>
      <c r="I14319" s="8">
        <v>0</v>
      </c>
      <c r="J14319" s="8">
        <v>1</v>
      </c>
      <c r="K14319" s="9">
        <v>3.12</v>
      </c>
      <c r="L14319" s="6" t="s">
        <v>51</v>
      </c>
    </row>
    <row r="14320" spans="1:12">
      <c r="A14320" s="6" t="s">
        <v>49</v>
      </c>
      <c r="B14320" s="6"/>
      <c r="C14320" s="6" t="s">
        <v>14344</v>
      </c>
      <c r="D14320" s="6"/>
      <c r="E14320" s="6" t="s">
        <v>9</v>
      </c>
      <c r="F14320" s="7">
        <v>38657</v>
      </c>
      <c r="G14320" s="8">
        <v>1</v>
      </c>
      <c r="H14320" s="8">
        <v>1</v>
      </c>
      <c r="I14320" s="8">
        <v>0</v>
      </c>
      <c r="J14320" s="8">
        <v>1</v>
      </c>
      <c r="K14320" s="9">
        <v>11</v>
      </c>
      <c r="L14320" s="6" t="s">
        <v>51</v>
      </c>
    </row>
    <row r="14321" spans="1:12">
      <c r="A14321" s="6" t="s">
        <v>49</v>
      </c>
      <c r="B14321" s="6"/>
      <c r="C14321" s="6" t="s">
        <v>14345</v>
      </c>
      <c r="D14321" s="6"/>
      <c r="E14321" s="6" t="s">
        <v>9</v>
      </c>
      <c r="F14321" s="7">
        <v>38657</v>
      </c>
      <c r="G14321" s="8">
        <v>1</v>
      </c>
      <c r="H14321" s="8">
        <v>1</v>
      </c>
      <c r="I14321" s="8">
        <v>0</v>
      </c>
      <c r="J14321" s="8">
        <v>1</v>
      </c>
      <c r="K14321" s="9">
        <v>1.32</v>
      </c>
      <c r="L14321" s="6" t="s">
        <v>51</v>
      </c>
    </row>
    <row r="14322" spans="1:12">
      <c r="A14322" s="6" t="s">
        <v>49</v>
      </c>
      <c r="B14322" s="6"/>
      <c r="C14322" s="6" t="s">
        <v>14346</v>
      </c>
      <c r="D14322" s="6"/>
      <c r="E14322" s="6" t="s">
        <v>9</v>
      </c>
      <c r="F14322" s="7">
        <v>38657</v>
      </c>
      <c r="G14322" s="8">
        <v>1</v>
      </c>
      <c r="H14322" s="8">
        <v>1</v>
      </c>
      <c r="I14322" s="8">
        <v>0</v>
      </c>
      <c r="J14322" s="8">
        <v>1</v>
      </c>
      <c r="K14322" s="9">
        <v>23</v>
      </c>
      <c r="L14322" s="6" t="s">
        <v>51</v>
      </c>
    </row>
    <row r="14323" spans="1:12">
      <c r="A14323" s="6" t="s">
        <v>49</v>
      </c>
      <c r="B14323" s="6"/>
      <c r="C14323" s="6" t="s">
        <v>14347</v>
      </c>
      <c r="D14323" s="6"/>
      <c r="E14323" s="6" t="s">
        <v>9</v>
      </c>
      <c r="F14323" s="7">
        <v>38657</v>
      </c>
      <c r="G14323" s="8">
        <v>1</v>
      </c>
      <c r="H14323" s="8">
        <v>1</v>
      </c>
      <c r="I14323" s="8">
        <v>0</v>
      </c>
      <c r="J14323" s="8">
        <v>1</v>
      </c>
      <c r="K14323" s="9">
        <v>12</v>
      </c>
      <c r="L14323" s="6" t="s">
        <v>51</v>
      </c>
    </row>
    <row r="14324" spans="1:12">
      <c r="A14324" s="6" t="s">
        <v>49</v>
      </c>
      <c r="B14324" s="6"/>
      <c r="C14324" s="6" t="s">
        <v>14348</v>
      </c>
      <c r="D14324" s="6"/>
      <c r="E14324" s="6" t="s">
        <v>9</v>
      </c>
      <c r="F14324" s="7">
        <v>38657</v>
      </c>
      <c r="G14324" s="8">
        <v>1</v>
      </c>
      <c r="H14324" s="8">
        <v>1</v>
      </c>
      <c r="I14324" s="8">
        <v>0</v>
      </c>
      <c r="J14324" s="8">
        <v>1</v>
      </c>
      <c r="K14324" s="9">
        <v>28</v>
      </c>
      <c r="L14324" s="6" t="s">
        <v>51</v>
      </c>
    </row>
    <row r="14325" spans="1:12">
      <c r="A14325" s="6" t="s">
        <v>49</v>
      </c>
      <c r="B14325" s="6"/>
      <c r="C14325" s="6" t="s">
        <v>14349</v>
      </c>
      <c r="D14325" s="6"/>
      <c r="E14325" s="6" t="s">
        <v>9</v>
      </c>
      <c r="F14325" s="7">
        <v>38657</v>
      </c>
      <c r="G14325" s="8">
        <v>1</v>
      </c>
      <c r="H14325" s="8">
        <v>1</v>
      </c>
      <c r="I14325" s="8">
        <v>0</v>
      </c>
      <c r="J14325" s="8">
        <v>1</v>
      </c>
      <c r="K14325" s="9">
        <v>6.24</v>
      </c>
      <c r="L14325" s="6" t="s">
        <v>51</v>
      </c>
    </row>
    <row r="14326" spans="1:12">
      <c r="A14326" s="6" t="s">
        <v>49</v>
      </c>
      <c r="B14326" s="6"/>
      <c r="C14326" s="6" t="s">
        <v>14350</v>
      </c>
      <c r="D14326" s="6"/>
      <c r="E14326" s="6" t="s">
        <v>9</v>
      </c>
      <c r="F14326" s="7">
        <v>38657</v>
      </c>
      <c r="G14326" s="8">
        <v>1</v>
      </c>
      <c r="H14326" s="8">
        <v>1</v>
      </c>
      <c r="I14326" s="8">
        <v>0</v>
      </c>
      <c r="J14326" s="8">
        <v>1</v>
      </c>
      <c r="K14326" s="9">
        <v>7.99</v>
      </c>
      <c r="L14326" s="6" t="s">
        <v>51</v>
      </c>
    </row>
    <row r="14327" spans="1:12">
      <c r="A14327" s="6" t="s">
        <v>49</v>
      </c>
      <c r="B14327" s="6"/>
      <c r="C14327" s="6" t="s">
        <v>14351</v>
      </c>
      <c r="D14327" s="6"/>
      <c r="E14327" s="6" t="s">
        <v>9</v>
      </c>
      <c r="F14327" s="7">
        <v>38657</v>
      </c>
      <c r="G14327" s="8">
        <v>1</v>
      </c>
      <c r="H14327" s="8">
        <v>1</v>
      </c>
      <c r="I14327" s="8">
        <v>0</v>
      </c>
      <c r="J14327" s="8">
        <v>1</v>
      </c>
      <c r="K14327" s="9">
        <v>6.55</v>
      </c>
      <c r="L14327" s="6" t="s">
        <v>51</v>
      </c>
    </row>
    <row r="14328" spans="1:12">
      <c r="A14328" s="6" t="s">
        <v>49</v>
      </c>
      <c r="B14328" s="6"/>
      <c r="C14328" s="6" t="s">
        <v>14352</v>
      </c>
      <c r="D14328" s="6"/>
      <c r="E14328" s="6" t="s">
        <v>9</v>
      </c>
      <c r="F14328" s="7">
        <v>38657</v>
      </c>
      <c r="G14328" s="8">
        <v>1</v>
      </c>
      <c r="H14328" s="8">
        <v>1</v>
      </c>
      <c r="I14328" s="8">
        <v>0</v>
      </c>
      <c r="J14328" s="8">
        <v>1</v>
      </c>
      <c r="K14328" s="9">
        <v>3.24</v>
      </c>
      <c r="L14328" s="6" t="s">
        <v>51</v>
      </c>
    </row>
    <row r="14329" spans="1:12">
      <c r="A14329" s="6" t="s">
        <v>49</v>
      </c>
      <c r="B14329" s="6"/>
      <c r="C14329" s="6" t="s">
        <v>14353</v>
      </c>
      <c r="D14329" s="6"/>
      <c r="E14329" s="6" t="s">
        <v>9</v>
      </c>
      <c r="F14329" s="7">
        <v>38657</v>
      </c>
      <c r="G14329" s="8">
        <v>1</v>
      </c>
      <c r="H14329" s="8">
        <v>1</v>
      </c>
      <c r="I14329" s="8">
        <v>0</v>
      </c>
      <c r="J14329" s="8">
        <v>1</v>
      </c>
      <c r="K14329" s="9">
        <v>14</v>
      </c>
      <c r="L14329" s="6" t="s">
        <v>51</v>
      </c>
    </row>
    <row r="14330" spans="1:12">
      <c r="A14330" s="6" t="s">
        <v>49</v>
      </c>
      <c r="B14330" s="6"/>
      <c r="C14330" s="6" t="s">
        <v>14354</v>
      </c>
      <c r="D14330" s="6"/>
      <c r="E14330" s="6" t="s">
        <v>9</v>
      </c>
      <c r="F14330" s="7">
        <v>38657</v>
      </c>
      <c r="G14330" s="8">
        <v>1</v>
      </c>
      <c r="H14330" s="8">
        <v>1</v>
      </c>
      <c r="I14330" s="8">
        <v>0</v>
      </c>
      <c r="J14330" s="8">
        <v>1</v>
      </c>
      <c r="K14330" s="9">
        <v>7.25</v>
      </c>
      <c r="L14330" s="6" t="s">
        <v>51</v>
      </c>
    </row>
    <row r="14331" spans="1:12">
      <c r="A14331" s="6" t="s">
        <v>49</v>
      </c>
      <c r="B14331" s="6"/>
      <c r="C14331" s="6" t="s">
        <v>14355</v>
      </c>
      <c r="D14331" s="6"/>
      <c r="E14331" s="6" t="s">
        <v>9</v>
      </c>
      <c r="F14331" s="7">
        <v>38657</v>
      </c>
      <c r="G14331" s="8">
        <v>1</v>
      </c>
      <c r="H14331" s="8">
        <v>1</v>
      </c>
      <c r="I14331" s="8">
        <v>0</v>
      </c>
      <c r="J14331" s="8">
        <v>1</v>
      </c>
      <c r="K14331" s="9">
        <v>1.26</v>
      </c>
      <c r="L14331" s="6" t="s">
        <v>51</v>
      </c>
    </row>
    <row r="14332" spans="1:12">
      <c r="A14332" s="6" t="s">
        <v>49</v>
      </c>
      <c r="B14332" s="6"/>
      <c r="C14332" s="6" t="s">
        <v>14356</v>
      </c>
      <c r="D14332" s="6"/>
      <c r="E14332" s="6" t="s">
        <v>9</v>
      </c>
      <c r="F14332" s="7">
        <v>38657</v>
      </c>
      <c r="G14332" s="8">
        <v>1</v>
      </c>
      <c r="H14332" s="8">
        <v>1</v>
      </c>
      <c r="I14332" s="8">
        <v>0</v>
      </c>
      <c r="J14332" s="8">
        <v>1</v>
      </c>
      <c r="K14332" s="9">
        <v>2.04</v>
      </c>
      <c r="L14332" s="6" t="s">
        <v>51</v>
      </c>
    </row>
    <row r="14333" spans="1:12">
      <c r="A14333" s="6" t="s">
        <v>49</v>
      </c>
      <c r="B14333" s="6"/>
      <c r="C14333" s="6" t="s">
        <v>14357</v>
      </c>
      <c r="D14333" s="6"/>
      <c r="E14333" s="6" t="s">
        <v>9</v>
      </c>
      <c r="F14333" s="7">
        <v>38657</v>
      </c>
      <c r="G14333" s="8">
        <v>1</v>
      </c>
      <c r="H14333" s="8">
        <v>1</v>
      </c>
      <c r="I14333" s="8">
        <v>0</v>
      </c>
      <c r="J14333" s="8">
        <v>1</v>
      </c>
      <c r="K14333" s="9">
        <v>5.57</v>
      </c>
      <c r="L14333" s="6" t="s">
        <v>51</v>
      </c>
    </row>
    <row r="14334" spans="1:12">
      <c r="A14334" s="6" t="s">
        <v>49</v>
      </c>
      <c r="B14334" s="6"/>
      <c r="C14334" s="6" t="s">
        <v>14358</v>
      </c>
      <c r="D14334" s="6"/>
      <c r="E14334" s="6" t="s">
        <v>9</v>
      </c>
      <c r="F14334" s="7">
        <v>38657</v>
      </c>
      <c r="G14334" s="8">
        <v>1</v>
      </c>
      <c r="H14334" s="8">
        <v>1</v>
      </c>
      <c r="I14334" s="8">
        <v>0</v>
      </c>
      <c r="J14334" s="8">
        <v>1</v>
      </c>
      <c r="K14334" s="9">
        <v>17</v>
      </c>
      <c r="L14334" s="6" t="s">
        <v>51</v>
      </c>
    </row>
    <row r="14335" spans="1:12">
      <c r="A14335" s="6" t="s">
        <v>49</v>
      </c>
      <c r="B14335" s="6"/>
      <c r="C14335" s="6" t="s">
        <v>14359</v>
      </c>
      <c r="D14335" s="6"/>
      <c r="E14335" s="6" t="s">
        <v>9</v>
      </c>
      <c r="F14335" s="7">
        <v>38657</v>
      </c>
      <c r="G14335" s="8">
        <v>1</v>
      </c>
      <c r="H14335" s="8">
        <v>1</v>
      </c>
      <c r="I14335" s="8">
        <v>0</v>
      </c>
      <c r="J14335" s="8">
        <v>1</v>
      </c>
      <c r="K14335" s="9">
        <v>18</v>
      </c>
      <c r="L14335" s="6" t="s">
        <v>51</v>
      </c>
    </row>
    <row r="14336" spans="1:12">
      <c r="A14336" s="6" t="s">
        <v>49</v>
      </c>
      <c r="B14336" s="6"/>
      <c r="C14336" s="6" t="s">
        <v>14360</v>
      </c>
      <c r="D14336" s="6"/>
      <c r="E14336" s="6" t="s">
        <v>9</v>
      </c>
      <c r="F14336" s="7">
        <v>40031</v>
      </c>
      <c r="G14336" s="8">
        <v>1</v>
      </c>
      <c r="H14336" s="8">
        <v>1</v>
      </c>
      <c r="I14336" s="8">
        <v>0</v>
      </c>
      <c r="J14336" s="8">
        <v>1</v>
      </c>
      <c r="K14336" s="9">
        <v>11</v>
      </c>
      <c r="L14336" s="6" t="s">
        <v>51</v>
      </c>
    </row>
    <row r="14337" spans="1:12">
      <c r="A14337" s="6" t="s">
        <v>49</v>
      </c>
      <c r="B14337" s="6"/>
      <c r="C14337" s="6" t="s">
        <v>14361</v>
      </c>
      <c r="D14337" s="6"/>
      <c r="E14337" s="6" t="s">
        <v>9</v>
      </c>
      <c r="F14337" s="7">
        <v>39798</v>
      </c>
      <c r="G14337" s="8">
        <v>1</v>
      </c>
      <c r="H14337" s="8">
        <v>1</v>
      </c>
      <c r="I14337" s="8">
        <v>0</v>
      </c>
      <c r="J14337" s="8">
        <v>1</v>
      </c>
      <c r="K14337" s="9">
        <v>168</v>
      </c>
      <c r="L14337" s="6" t="s">
        <v>51</v>
      </c>
    </row>
    <row r="14338" spans="1:12">
      <c r="A14338" s="6" t="s">
        <v>49</v>
      </c>
      <c r="B14338" s="6"/>
      <c r="C14338" s="6" t="s">
        <v>14362</v>
      </c>
      <c r="D14338" s="6"/>
      <c r="E14338" s="6" t="s">
        <v>9</v>
      </c>
      <c r="F14338" s="7">
        <v>39898</v>
      </c>
      <c r="G14338" s="8">
        <v>1</v>
      </c>
      <c r="H14338" s="8">
        <v>1</v>
      </c>
      <c r="I14338" s="8">
        <v>0</v>
      </c>
      <c r="J14338" s="8">
        <v>1</v>
      </c>
      <c r="K14338" s="9">
        <v>1.94</v>
      </c>
      <c r="L14338" s="6" t="s">
        <v>51</v>
      </c>
    </row>
    <row r="14339" spans="1:12">
      <c r="A14339" s="6" t="s">
        <v>49</v>
      </c>
      <c r="B14339" s="6"/>
      <c r="C14339" s="6" t="s">
        <v>14363</v>
      </c>
      <c r="D14339" s="6"/>
      <c r="E14339" s="6" t="s">
        <v>9</v>
      </c>
      <c r="F14339" s="7">
        <v>40000</v>
      </c>
      <c r="G14339" s="8">
        <v>1</v>
      </c>
      <c r="H14339" s="8">
        <v>1</v>
      </c>
      <c r="I14339" s="8">
        <v>0</v>
      </c>
      <c r="J14339" s="8">
        <v>1</v>
      </c>
      <c r="K14339" s="9">
        <v>69</v>
      </c>
      <c r="L14339" s="6" t="s">
        <v>51</v>
      </c>
    </row>
    <row r="14340" spans="1:12">
      <c r="A14340" s="6" t="s">
        <v>49</v>
      </c>
      <c r="B14340" s="6"/>
      <c r="C14340" s="6" t="s">
        <v>14364</v>
      </c>
      <c r="D14340" s="6"/>
      <c r="E14340" s="6" t="s">
        <v>9</v>
      </c>
      <c r="F14340" s="7">
        <v>39798</v>
      </c>
      <c r="G14340" s="8">
        <v>1</v>
      </c>
      <c r="H14340" s="8">
        <v>1</v>
      </c>
      <c r="I14340" s="8">
        <v>0</v>
      </c>
      <c r="J14340" s="8">
        <v>1</v>
      </c>
      <c r="K14340" s="9">
        <v>56</v>
      </c>
      <c r="L14340" s="6" t="s">
        <v>51</v>
      </c>
    </row>
    <row r="14341" spans="1:12">
      <c r="A14341" s="6" t="s">
        <v>49</v>
      </c>
      <c r="B14341" s="6"/>
      <c r="C14341" s="6" t="s">
        <v>14365</v>
      </c>
      <c r="D14341" s="6"/>
      <c r="E14341" s="6" t="s">
        <v>9</v>
      </c>
      <c r="F14341" s="7">
        <v>38657</v>
      </c>
      <c r="G14341" s="8">
        <v>1</v>
      </c>
      <c r="H14341" s="8">
        <v>1</v>
      </c>
      <c r="I14341" s="8">
        <v>0</v>
      </c>
      <c r="J14341" s="8">
        <v>1</v>
      </c>
      <c r="K14341" s="9">
        <v>52</v>
      </c>
      <c r="L14341" s="6" t="s">
        <v>51</v>
      </c>
    </row>
    <row r="14342" spans="1:12">
      <c r="A14342" s="6" t="s">
        <v>49</v>
      </c>
      <c r="B14342" s="6"/>
      <c r="C14342" s="6" t="s">
        <v>14366</v>
      </c>
      <c r="D14342" s="6"/>
      <c r="E14342" s="6" t="s">
        <v>9</v>
      </c>
      <c r="F14342" s="7">
        <v>39798</v>
      </c>
      <c r="G14342" s="8">
        <v>1</v>
      </c>
      <c r="H14342" s="8">
        <v>1</v>
      </c>
      <c r="I14342" s="8">
        <v>0</v>
      </c>
      <c r="J14342" s="8">
        <v>1</v>
      </c>
      <c r="K14342" s="9">
        <v>74</v>
      </c>
      <c r="L14342" s="6" t="s">
        <v>51</v>
      </c>
    </row>
    <row r="14343" spans="1:12">
      <c r="A14343" s="6" t="s">
        <v>49</v>
      </c>
      <c r="B14343" s="6"/>
      <c r="C14343" s="6" t="s">
        <v>14367</v>
      </c>
      <c r="D14343" s="6"/>
      <c r="E14343" s="6" t="s">
        <v>9</v>
      </c>
      <c r="F14343" s="7">
        <v>38657</v>
      </c>
      <c r="G14343" s="8">
        <v>1</v>
      </c>
      <c r="H14343" s="8">
        <v>1</v>
      </c>
      <c r="I14343" s="8">
        <v>0</v>
      </c>
      <c r="J14343" s="8">
        <v>1</v>
      </c>
      <c r="K14343" s="9">
        <v>44</v>
      </c>
      <c r="L14343" s="6" t="s">
        <v>51</v>
      </c>
    </row>
    <row r="14344" spans="1:12">
      <c r="A14344" s="6" t="s">
        <v>49</v>
      </c>
      <c r="B14344" s="6"/>
      <c r="C14344" s="6" t="s">
        <v>14368</v>
      </c>
      <c r="D14344" s="6"/>
      <c r="E14344" s="6" t="s">
        <v>9</v>
      </c>
      <c r="F14344" s="7">
        <v>38657</v>
      </c>
      <c r="G14344" s="8">
        <v>1</v>
      </c>
      <c r="H14344" s="8">
        <v>1</v>
      </c>
      <c r="I14344" s="8">
        <v>0</v>
      </c>
      <c r="J14344" s="8">
        <v>1</v>
      </c>
      <c r="K14344" s="9">
        <v>34</v>
      </c>
      <c r="L14344" s="6" t="s">
        <v>51</v>
      </c>
    </row>
    <row r="14345" spans="1:12">
      <c r="A14345" s="6" t="s">
        <v>49</v>
      </c>
      <c r="B14345" s="6"/>
      <c r="C14345" s="6" t="s">
        <v>14369</v>
      </c>
      <c r="D14345" s="6"/>
      <c r="E14345" s="6" t="s">
        <v>9</v>
      </c>
      <c r="F14345" s="7">
        <v>38657</v>
      </c>
      <c r="G14345" s="8">
        <v>1</v>
      </c>
      <c r="H14345" s="8">
        <v>1</v>
      </c>
      <c r="I14345" s="8">
        <v>0</v>
      </c>
      <c r="J14345" s="8">
        <v>1</v>
      </c>
      <c r="K14345" s="9">
        <v>22</v>
      </c>
      <c r="L14345" s="6" t="s">
        <v>51</v>
      </c>
    </row>
    <row r="14346" spans="1:12">
      <c r="A14346" s="6" t="s">
        <v>49</v>
      </c>
      <c r="B14346" s="6"/>
      <c r="C14346" s="6" t="s">
        <v>14370</v>
      </c>
      <c r="D14346" s="6"/>
      <c r="E14346" s="6" t="s">
        <v>9</v>
      </c>
      <c r="F14346" s="7">
        <v>38657</v>
      </c>
      <c r="G14346" s="8">
        <v>1</v>
      </c>
      <c r="H14346" s="8">
        <v>1</v>
      </c>
      <c r="I14346" s="8">
        <v>0</v>
      </c>
      <c r="J14346" s="8">
        <v>1</v>
      </c>
      <c r="K14346" s="9">
        <v>168</v>
      </c>
      <c r="L14346" s="6" t="s">
        <v>51</v>
      </c>
    </row>
    <row r="14347" spans="1:12">
      <c r="A14347" s="6" t="s">
        <v>49</v>
      </c>
      <c r="B14347" s="6"/>
      <c r="C14347" s="6" t="s">
        <v>14371</v>
      </c>
      <c r="D14347" s="6"/>
      <c r="E14347" s="6" t="s">
        <v>9</v>
      </c>
      <c r="F14347" s="7">
        <v>38657</v>
      </c>
      <c r="G14347" s="8">
        <v>1</v>
      </c>
      <c r="H14347" s="8">
        <v>1</v>
      </c>
      <c r="I14347" s="8">
        <v>0</v>
      </c>
      <c r="J14347" s="8">
        <v>1</v>
      </c>
      <c r="K14347" s="9">
        <v>26</v>
      </c>
      <c r="L14347" s="6" t="s">
        <v>51</v>
      </c>
    </row>
    <row r="14348" spans="1:12">
      <c r="A14348" s="6" t="s">
        <v>49</v>
      </c>
      <c r="B14348" s="6"/>
      <c r="C14348" s="6" t="s">
        <v>14372</v>
      </c>
      <c r="D14348" s="6"/>
      <c r="E14348" s="6" t="s">
        <v>9</v>
      </c>
      <c r="F14348" s="7">
        <v>38657</v>
      </c>
      <c r="G14348" s="8">
        <v>1</v>
      </c>
      <c r="H14348" s="8">
        <v>1</v>
      </c>
      <c r="I14348" s="8">
        <v>0</v>
      </c>
      <c r="J14348" s="8">
        <v>1</v>
      </c>
      <c r="K14348" s="9">
        <v>2.86</v>
      </c>
      <c r="L14348" s="6" t="s">
        <v>51</v>
      </c>
    </row>
    <row r="14349" spans="1:12">
      <c r="A14349" s="6" t="s">
        <v>49</v>
      </c>
      <c r="B14349" s="6"/>
      <c r="C14349" s="6" t="s">
        <v>14373</v>
      </c>
      <c r="D14349" s="6"/>
      <c r="E14349" s="6" t="s">
        <v>9</v>
      </c>
      <c r="F14349" s="7">
        <v>38657</v>
      </c>
      <c r="G14349" s="8">
        <v>1</v>
      </c>
      <c r="H14349" s="8">
        <v>1</v>
      </c>
      <c r="I14349" s="8">
        <v>0</v>
      </c>
      <c r="J14349" s="8">
        <v>1</v>
      </c>
      <c r="K14349" s="9">
        <v>8.08</v>
      </c>
      <c r="L14349" s="6" t="s">
        <v>51</v>
      </c>
    </row>
    <row r="14350" spans="1:12">
      <c r="A14350" s="6" t="s">
        <v>49</v>
      </c>
      <c r="B14350" s="6"/>
      <c r="C14350" s="6" t="s">
        <v>14374</v>
      </c>
      <c r="D14350" s="6"/>
      <c r="E14350" s="6" t="s">
        <v>9</v>
      </c>
      <c r="F14350" s="7">
        <v>38657</v>
      </c>
      <c r="G14350" s="8">
        <v>1</v>
      </c>
      <c r="H14350" s="8">
        <v>1</v>
      </c>
      <c r="I14350" s="8">
        <v>0</v>
      </c>
      <c r="J14350" s="8">
        <v>1</v>
      </c>
      <c r="K14350" s="9">
        <v>20</v>
      </c>
      <c r="L14350" s="6" t="s">
        <v>51</v>
      </c>
    </row>
    <row r="14351" spans="1:12">
      <c r="A14351" s="6" t="s">
        <v>49</v>
      </c>
      <c r="B14351" s="6"/>
      <c r="C14351" s="6" t="s">
        <v>14375</v>
      </c>
      <c r="D14351" s="6"/>
      <c r="E14351" s="6" t="s">
        <v>9</v>
      </c>
      <c r="F14351" s="7">
        <v>38657</v>
      </c>
      <c r="G14351" s="8">
        <v>1</v>
      </c>
      <c r="H14351" s="8">
        <v>1</v>
      </c>
      <c r="I14351" s="8">
        <v>0</v>
      </c>
      <c r="J14351" s="8">
        <v>1</v>
      </c>
      <c r="K14351" s="9">
        <v>1.03</v>
      </c>
      <c r="L14351" s="6" t="s">
        <v>51</v>
      </c>
    </row>
    <row r="14352" spans="1:12">
      <c r="A14352" s="6" t="s">
        <v>49</v>
      </c>
      <c r="B14352" s="6"/>
      <c r="C14352" s="6" t="s">
        <v>14376</v>
      </c>
      <c r="D14352" s="6"/>
      <c r="E14352" s="6" t="s">
        <v>9</v>
      </c>
      <c r="F14352" s="7">
        <v>38657</v>
      </c>
      <c r="G14352" s="8">
        <v>1</v>
      </c>
      <c r="H14352" s="8">
        <v>1</v>
      </c>
      <c r="I14352" s="8">
        <v>0</v>
      </c>
      <c r="J14352" s="8">
        <v>1</v>
      </c>
      <c r="K14352" s="9">
        <v>14</v>
      </c>
      <c r="L14352" s="6" t="s">
        <v>51</v>
      </c>
    </row>
    <row r="14353" spans="1:12">
      <c r="A14353" s="6" t="s">
        <v>49</v>
      </c>
      <c r="B14353" s="6"/>
      <c r="C14353" s="6" t="s">
        <v>14377</v>
      </c>
      <c r="D14353" s="6"/>
      <c r="E14353" s="6" t="s">
        <v>9</v>
      </c>
      <c r="F14353" s="7">
        <v>38657</v>
      </c>
      <c r="G14353" s="8">
        <v>1</v>
      </c>
      <c r="H14353" s="8">
        <v>1</v>
      </c>
      <c r="I14353" s="8">
        <v>0</v>
      </c>
      <c r="J14353" s="8">
        <v>1</v>
      </c>
      <c r="K14353" s="9">
        <v>30</v>
      </c>
      <c r="L14353" s="6" t="s">
        <v>51</v>
      </c>
    </row>
    <row r="14354" spans="1:12">
      <c r="A14354" s="6" t="s">
        <v>49</v>
      </c>
      <c r="B14354" s="6"/>
      <c r="C14354" s="6" t="s">
        <v>14378</v>
      </c>
      <c r="D14354" s="6"/>
      <c r="E14354" s="6" t="s">
        <v>9</v>
      </c>
      <c r="F14354" s="7">
        <v>38657</v>
      </c>
      <c r="G14354" s="8">
        <v>1</v>
      </c>
      <c r="H14354" s="8">
        <v>1</v>
      </c>
      <c r="I14354" s="8">
        <v>0</v>
      </c>
      <c r="J14354" s="8">
        <v>1</v>
      </c>
      <c r="K14354" s="9">
        <v>10</v>
      </c>
      <c r="L14354" s="6" t="s">
        <v>51</v>
      </c>
    </row>
    <row r="14355" spans="1:12">
      <c r="A14355" s="6" t="s">
        <v>49</v>
      </c>
      <c r="B14355" s="6"/>
      <c r="C14355" s="6" t="s">
        <v>14379</v>
      </c>
      <c r="D14355" s="6"/>
      <c r="E14355" s="6" t="s">
        <v>9</v>
      </c>
      <c r="F14355" s="7">
        <v>38657</v>
      </c>
      <c r="G14355" s="8">
        <v>1</v>
      </c>
      <c r="H14355" s="8">
        <v>1</v>
      </c>
      <c r="I14355" s="8">
        <v>0</v>
      </c>
      <c r="J14355" s="8">
        <v>1</v>
      </c>
      <c r="K14355" s="9">
        <v>6.77</v>
      </c>
      <c r="L14355" s="6" t="s">
        <v>51</v>
      </c>
    </row>
    <row r="14356" spans="1:12">
      <c r="A14356" s="6" t="s">
        <v>49</v>
      </c>
      <c r="B14356" s="6"/>
      <c r="C14356" s="6" t="s">
        <v>14380</v>
      </c>
      <c r="D14356" s="6"/>
      <c r="E14356" s="6" t="s">
        <v>9</v>
      </c>
      <c r="F14356" s="7">
        <v>38657</v>
      </c>
      <c r="G14356" s="8">
        <v>1</v>
      </c>
      <c r="H14356" s="8">
        <v>1</v>
      </c>
      <c r="I14356" s="8">
        <v>0</v>
      </c>
      <c r="J14356" s="8">
        <v>1</v>
      </c>
      <c r="K14356" s="9">
        <v>3.3</v>
      </c>
      <c r="L14356" s="6" t="s">
        <v>51</v>
      </c>
    </row>
    <row r="14357" spans="1:12">
      <c r="A14357" s="6" t="s">
        <v>49</v>
      </c>
      <c r="B14357" s="6"/>
      <c r="C14357" s="6" t="s">
        <v>14381</v>
      </c>
      <c r="D14357" s="6"/>
      <c r="E14357" s="6" t="s">
        <v>9</v>
      </c>
      <c r="F14357" s="7">
        <v>38657</v>
      </c>
      <c r="G14357" s="8">
        <v>1</v>
      </c>
      <c r="H14357" s="8">
        <v>1</v>
      </c>
      <c r="I14357" s="8">
        <v>0</v>
      </c>
      <c r="J14357" s="8">
        <v>1</v>
      </c>
      <c r="K14357" s="9">
        <v>43.73</v>
      </c>
      <c r="L14357" s="6" t="s">
        <v>51</v>
      </c>
    </row>
    <row r="14358" spans="1:12">
      <c r="A14358" s="6" t="s">
        <v>49</v>
      </c>
      <c r="B14358" s="6"/>
      <c r="C14358" s="6" t="s">
        <v>14382</v>
      </c>
      <c r="D14358" s="6"/>
      <c r="E14358" s="6" t="s">
        <v>9</v>
      </c>
      <c r="F14358" s="7">
        <v>38657</v>
      </c>
      <c r="G14358" s="8">
        <v>1</v>
      </c>
      <c r="H14358" s="8">
        <v>1</v>
      </c>
      <c r="I14358" s="8">
        <v>0</v>
      </c>
      <c r="J14358" s="8">
        <v>1</v>
      </c>
      <c r="K14358" s="9">
        <v>59</v>
      </c>
      <c r="L14358" s="6" t="s">
        <v>51</v>
      </c>
    </row>
    <row r="14359" spans="1:12">
      <c r="A14359" s="6" t="s">
        <v>49</v>
      </c>
      <c r="B14359" s="6"/>
      <c r="C14359" s="6" t="s">
        <v>14383</v>
      </c>
      <c r="D14359" s="6"/>
      <c r="E14359" s="6" t="s">
        <v>9</v>
      </c>
      <c r="F14359" s="7">
        <v>38657</v>
      </c>
      <c r="G14359" s="8">
        <v>1</v>
      </c>
      <c r="H14359" s="8">
        <v>1</v>
      </c>
      <c r="I14359" s="8">
        <v>0</v>
      </c>
      <c r="J14359" s="8">
        <v>1</v>
      </c>
      <c r="K14359" s="9">
        <v>42</v>
      </c>
      <c r="L14359" s="6" t="s">
        <v>51</v>
      </c>
    </row>
    <row r="14360" spans="1:12">
      <c r="A14360" s="6" t="s">
        <v>49</v>
      </c>
      <c r="B14360" s="6"/>
      <c r="C14360" s="6" t="s">
        <v>14384</v>
      </c>
      <c r="D14360" s="6"/>
      <c r="E14360" s="6" t="s">
        <v>9</v>
      </c>
      <c r="F14360" s="7">
        <v>38657</v>
      </c>
      <c r="G14360" s="8">
        <v>1</v>
      </c>
      <c r="H14360" s="8">
        <v>1</v>
      </c>
      <c r="I14360" s="8">
        <v>0</v>
      </c>
      <c r="J14360" s="8">
        <v>1</v>
      </c>
      <c r="K14360" s="9">
        <v>1.85</v>
      </c>
      <c r="L14360" s="6" t="s">
        <v>51</v>
      </c>
    </row>
    <row r="14361" spans="1:12">
      <c r="A14361" s="6" t="s">
        <v>49</v>
      </c>
      <c r="B14361" s="6"/>
      <c r="C14361" s="6" t="s">
        <v>14385</v>
      </c>
      <c r="D14361" s="6"/>
      <c r="E14361" s="6" t="s">
        <v>9</v>
      </c>
      <c r="F14361" s="7">
        <v>38657</v>
      </c>
      <c r="G14361" s="8">
        <v>1</v>
      </c>
      <c r="H14361" s="8">
        <v>1</v>
      </c>
      <c r="I14361" s="8">
        <v>0</v>
      </c>
      <c r="J14361" s="8">
        <v>1</v>
      </c>
      <c r="K14361" s="9">
        <v>1.36</v>
      </c>
      <c r="L14361" s="6" t="s">
        <v>51</v>
      </c>
    </row>
    <row r="14362" spans="1:12">
      <c r="A14362" s="6" t="s">
        <v>49</v>
      </c>
      <c r="B14362" s="6"/>
      <c r="C14362" s="6" t="s">
        <v>14386</v>
      </c>
      <c r="D14362" s="6"/>
      <c r="E14362" s="6" t="s">
        <v>9</v>
      </c>
      <c r="F14362" s="7">
        <v>38657</v>
      </c>
      <c r="G14362" s="8">
        <v>1</v>
      </c>
      <c r="H14362" s="8">
        <v>1</v>
      </c>
      <c r="I14362" s="8">
        <v>0</v>
      </c>
      <c r="J14362" s="8">
        <v>1</v>
      </c>
      <c r="K14362" s="9">
        <v>20</v>
      </c>
      <c r="L14362" s="6" t="s">
        <v>51</v>
      </c>
    </row>
    <row r="14363" spans="1:12">
      <c r="A14363" s="6" t="s">
        <v>49</v>
      </c>
      <c r="B14363" s="6"/>
      <c r="C14363" s="6" t="s">
        <v>14387</v>
      </c>
      <c r="D14363" s="6"/>
      <c r="E14363" s="6" t="s">
        <v>9</v>
      </c>
      <c r="F14363" s="7">
        <v>38657</v>
      </c>
      <c r="G14363" s="8">
        <v>1</v>
      </c>
      <c r="H14363" s="8">
        <v>1</v>
      </c>
      <c r="I14363" s="8">
        <v>0</v>
      </c>
      <c r="J14363" s="8">
        <v>1</v>
      </c>
      <c r="K14363" s="9">
        <v>4.63</v>
      </c>
      <c r="L14363" s="6" t="s">
        <v>51</v>
      </c>
    </row>
    <row r="14364" spans="1:12">
      <c r="A14364" s="6" t="s">
        <v>49</v>
      </c>
      <c r="B14364" s="6"/>
      <c r="C14364" s="6" t="s">
        <v>14388</v>
      </c>
      <c r="D14364" s="6"/>
      <c r="E14364" s="6" t="s">
        <v>9</v>
      </c>
      <c r="F14364" s="7">
        <v>38657</v>
      </c>
      <c r="G14364" s="8">
        <v>1</v>
      </c>
      <c r="H14364" s="8">
        <v>1</v>
      </c>
      <c r="I14364" s="8">
        <v>0</v>
      </c>
      <c r="J14364" s="8">
        <v>1</v>
      </c>
      <c r="K14364" s="9">
        <v>34</v>
      </c>
      <c r="L14364" s="6" t="s">
        <v>51</v>
      </c>
    </row>
    <row r="14365" spans="1:12">
      <c r="A14365" s="6" t="s">
        <v>49</v>
      </c>
      <c r="B14365" s="6"/>
      <c r="C14365" s="6" t="s">
        <v>14389</v>
      </c>
      <c r="D14365" s="6"/>
      <c r="E14365" s="6" t="s">
        <v>9</v>
      </c>
      <c r="F14365" s="7">
        <v>38657</v>
      </c>
      <c r="G14365" s="8">
        <v>1</v>
      </c>
      <c r="H14365" s="8">
        <v>1</v>
      </c>
      <c r="I14365" s="8">
        <v>0</v>
      </c>
      <c r="J14365" s="8">
        <v>1</v>
      </c>
      <c r="K14365" s="9">
        <v>7.98</v>
      </c>
      <c r="L14365" s="6" t="s">
        <v>51</v>
      </c>
    </row>
    <row r="14366" spans="1:12">
      <c r="A14366" s="6" t="s">
        <v>49</v>
      </c>
      <c r="B14366" s="6"/>
      <c r="C14366" s="6" t="s">
        <v>14390</v>
      </c>
      <c r="D14366" s="6"/>
      <c r="E14366" s="6" t="s">
        <v>9</v>
      </c>
      <c r="F14366" s="7">
        <v>38657</v>
      </c>
      <c r="G14366" s="8">
        <v>1</v>
      </c>
      <c r="H14366" s="8">
        <v>1</v>
      </c>
      <c r="I14366" s="8">
        <v>0</v>
      </c>
      <c r="J14366" s="8">
        <v>1</v>
      </c>
      <c r="K14366" s="9">
        <v>229</v>
      </c>
      <c r="L14366" s="6" t="s">
        <v>51</v>
      </c>
    </row>
    <row r="14367" spans="1:12">
      <c r="A14367" s="6" t="s">
        <v>49</v>
      </c>
      <c r="B14367" s="6"/>
      <c r="C14367" s="6" t="s">
        <v>14391</v>
      </c>
      <c r="D14367" s="6"/>
      <c r="E14367" s="6" t="s">
        <v>9</v>
      </c>
      <c r="F14367" s="7">
        <v>39856</v>
      </c>
      <c r="G14367" s="8">
        <v>1</v>
      </c>
      <c r="H14367" s="8">
        <v>1</v>
      </c>
      <c r="I14367" s="8">
        <v>0</v>
      </c>
      <c r="J14367" s="8">
        <v>1</v>
      </c>
      <c r="K14367" s="9">
        <v>1.52</v>
      </c>
      <c r="L14367" s="6" t="s">
        <v>51</v>
      </c>
    </row>
    <row r="14368" spans="1:12">
      <c r="A14368" s="6" t="s">
        <v>49</v>
      </c>
      <c r="B14368" s="6"/>
      <c r="C14368" s="6" t="s">
        <v>14392</v>
      </c>
      <c r="D14368" s="6"/>
      <c r="E14368" s="6" t="s">
        <v>9</v>
      </c>
      <c r="F14368" s="7">
        <v>39856</v>
      </c>
      <c r="G14368" s="8">
        <v>1</v>
      </c>
      <c r="H14368" s="8">
        <v>1</v>
      </c>
      <c r="I14368" s="8">
        <v>0</v>
      </c>
      <c r="J14368" s="8">
        <v>1</v>
      </c>
      <c r="K14368" s="9">
        <v>5.74</v>
      </c>
      <c r="L14368" s="6" t="s">
        <v>51</v>
      </c>
    </row>
    <row r="14369" spans="1:12">
      <c r="A14369" s="6" t="s">
        <v>49</v>
      </c>
      <c r="B14369" s="6"/>
      <c r="C14369" s="6" t="s">
        <v>14393</v>
      </c>
      <c r="D14369" s="6"/>
      <c r="E14369" s="6" t="s">
        <v>9</v>
      </c>
      <c r="F14369" s="7">
        <v>38657</v>
      </c>
      <c r="G14369" s="8">
        <v>1</v>
      </c>
      <c r="H14369" s="8">
        <v>1</v>
      </c>
      <c r="I14369" s="8">
        <v>0</v>
      </c>
      <c r="J14369" s="8">
        <v>1</v>
      </c>
      <c r="K14369" s="9">
        <v>56</v>
      </c>
      <c r="L14369" s="6" t="s">
        <v>51</v>
      </c>
    </row>
    <row r="14370" spans="1:12">
      <c r="A14370" s="6" t="s">
        <v>49</v>
      </c>
      <c r="B14370" s="6"/>
      <c r="C14370" s="6" t="s">
        <v>14394</v>
      </c>
      <c r="D14370" s="6"/>
      <c r="E14370" s="6" t="s">
        <v>9</v>
      </c>
      <c r="F14370" s="7">
        <v>39856</v>
      </c>
      <c r="G14370" s="8">
        <v>1</v>
      </c>
      <c r="H14370" s="8">
        <v>1</v>
      </c>
      <c r="I14370" s="8">
        <v>0</v>
      </c>
      <c r="J14370" s="8">
        <v>1</v>
      </c>
      <c r="K14370" s="9">
        <v>11</v>
      </c>
      <c r="L14370" s="6" t="s">
        <v>51</v>
      </c>
    </row>
    <row r="14371" spans="1:12">
      <c r="A14371" s="6" t="s">
        <v>49</v>
      </c>
      <c r="B14371" s="6"/>
      <c r="C14371" s="6" t="s">
        <v>14395</v>
      </c>
      <c r="D14371" s="6"/>
      <c r="E14371" s="6" t="s">
        <v>9</v>
      </c>
      <c r="F14371" s="7">
        <v>38657</v>
      </c>
      <c r="G14371" s="8">
        <v>1</v>
      </c>
      <c r="H14371" s="8">
        <v>1</v>
      </c>
      <c r="I14371" s="8">
        <v>0</v>
      </c>
      <c r="J14371" s="8">
        <v>1</v>
      </c>
      <c r="K14371" s="9">
        <v>6.08</v>
      </c>
      <c r="L14371" s="6" t="s">
        <v>51</v>
      </c>
    </row>
    <row r="14372" spans="1:12">
      <c r="A14372" s="6" t="s">
        <v>49</v>
      </c>
      <c r="B14372" s="6"/>
      <c r="C14372" s="6" t="s">
        <v>14396</v>
      </c>
      <c r="D14372" s="6"/>
      <c r="E14372" s="6" t="s">
        <v>9</v>
      </c>
      <c r="F14372" s="7">
        <v>38657</v>
      </c>
      <c r="G14372" s="8">
        <v>1</v>
      </c>
      <c r="H14372" s="8">
        <v>1</v>
      </c>
      <c r="I14372" s="8">
        <v>0</v>
      </c>
      <c r="J14372" s="8">
        <v>1</v>
      </c>
      <c r="K14372" s="9">
        <v>59</v>
      </c>
      <c r="L14372" s="6" t="s">
        <v>51</v>
      </c>
    </row>
    <row r="14373" spans="1:12">
      <c r="A14373" s="6" t="s">
        <v>49</v>
      </c>
      <c r="B14373" s="6"/>
      <c r="C14373" s="6" t="s">
        <v>14397</v>
      </c>
      <c r="D14373" s="6"/>
      <c r="E14373" s="6" t="s">
        <v>9</v>
      </c>
      <c r="F14373" s="7">
        <v>38657</v>
      </c>
      <c r="G14373" s="8">
        <v>1</v>
      </c>
      <c r="H14373" s="8">
        <v>1</v>
      </c>
      <c r="I14373" s="8">
        <v>0</v>
      </c>
      <c r="J14373" s="8">
        <v>1</v>
      </c>
      <c r="K14373" s="9">
        <v>117</v>
      </c>
      <c r="L14373" s="6" t="s">
        <v>51</v>
      </c>
    </row>
    <row r="14374" spans="1:12">
      <c r="A14374" s="6" t="s">
        <v>49</v>
      </c>
      <c r="B14374" s="6"/>
      <c r="C14374" s="6" t="s">
        <v>14398</v>
      </c>
      <c r="D14374" s="6"/>
      <c r="E14374" s="6" t="s">
        <v>9</v>
      </c>
      <c r="F14374" s="7">
        <v>38657</v>
      </c>
      <c r="G14374" s="8">
        <v>1</v>
      </c>
      <c r="H14374" s="8">
        <v>1</v>
      </c>
      <c r="I14374" s="8">
        <v>0</v>
      </c>
      <c r="J14374" s="8">
        <v>1</v>
      </c>
      <c r="K14374" s="9">
        <v>42</v>
      </c>
      <c r="L14374" s="6" t="s">
        <v>51</v>
      </c>
    </row>
    <row r="14375" spans="1:12">
      <c r="A14375" s="6" t="s">
        <v>49</v>
      </c>
      <c r="B14375" s="6"/>
      <c r="C14375" s="6" t="s">
        <v>14399</v>
      </c>
      <c r="D14375" s="6"/>
      <c r="E14375" s="6" t="s">
        <v>9</v>
      </c>
      <c r="F14375" s="7">
        <v>38657</v>
      </c>
      <c r="G14375" s="8">
        <v>1</v>
      </c>
      <c r="H14375" s="8">
        <v>1</v>
      </c>
      <c r="I14375" s="8">
        <v>0</v>
      </c>
      <c r="J14375" s="8">
        <v>1</v>
      </c>
      <c r="K14375" s="9">
        <v>105</v>
      </c>
      <c r="L14375" s="6" t="s">
        <v>51</v>
      </c>
    </row>
    <row r="14376" spans="1:12">
      <c r="A14376" s="6" t="s">
        <v>49</v>
      </c>
      <c r="B14376" s="6"/>
      <c r="C14376" s="6" t="s">
        <v>14400</v>
      </c>
      <c r="D14376" s="6"/>
      <c r="E14376" s="6" t="s">
        <v>9</v>
      </c>
      <c r="F14376" s="7">
        <v>38657</v>
      </c>
      <c r="G14376" s="8">
        <v>1</v>
      </c>
      <c r="H14376" s="8">
        <v>1</v>
      </c>
      <c r="I14376" s="8">
        <v>0</v>
      </c>
      <c r="J14376" s="8">
        <v>1</v>
      </c>
      <c r="K14376" s="9">
        <v>31</v>
      </c>
      <c r="L14376" s="6" t="s">
        <v>51</v>
      </c>
    </row>
    <row r="14377" spans="1:12">
      <c r="A14377" s="6" t="s">
        <v>49</v>
      </c>
      <c r="B14377" s="6"/>
      <c r="C14377" s="6" t="s">
        <v>14401</v>
      </c>
      <c r="D14377" s="6"/>
      <c r="E14377" s="6" t="s">
        <v>9</v>
      </c>
      <c r="F14377" s="7">
        <v>38657</v>
      </c>
      <c r="G14377" s="8">
        <v>1</v>
      </c>
      <c r="H14377" s="8">
        <v>1</v>
      </c>
      <c r="I14377" s="8">
        <v>0</v>
      </c>
      <c r="J14377" s="8">
        <v>1</v>
      </c>
      <c r="K14377" s="9">
        <v>116</v>
      </c>
      <c r="L14377" s="6" t="s">
        <v>51</v>
      </c>
    </row>
    <row r="14378" spans="1:12">
      <c r="A14378" s="6" t="s">
        <v>49</v>
      </c>
      <c r="B14378" s="6"/>
      <c r="C14378" s="6" t="s">
        <v>14402</v>
      </c>
      <c r="D14378" s="6"/>
      <c r="E14378" s="6" t="s">
        <v>9</v>
      </c>
      <c r="F14378" s="7">
        <v>38657</v>
      </c>
      <c r="G14378" s="8">
        <v>1</v>
      </c>
      <c r="H14378" s="8">
        <v>1</v>
      </c>
      <c r="I14378" s="8">
        <v>0</v>
      </c>
      <c r="J14378" s="8">
        <v>1</v>
      </c>
      <c r="K14378" s="9">
        <v>323</v>
      </c>
      <c r="L14378" s="6" t="s">
        <v>51</v>
      </c>
    </row>
    <row r="14379" spans="1:12">
      <c r="A14379" s="6" t="s">
        <v>49</v>
      </c>
      <c r="B14379" s="6"/>
      <c r="C14379" s="6" t="s">
        <v>14403</v>
      </c>
      <c r="D14379" s="6"/>
      <c r="E14379" s="6" t="s">
        <v>9</v>
      </c>
      <c r="F14379" s="7">
        <v>39856</v>
      </c>
      <c r="G14379" s="8">
        <v>1</v>
      </c>
      <c r="H14379" s="8">
        <v>1</v>
      </c>
      <c r="I14379" s="8">
        <v>0</v>
      </c>
      <c r="J14379" s="8">
        <v>1</v>
      </c>
      <c r="K14379" s="9">
        <v>2.39</v>
      </c>
      <c r="L14379" s="6" t="s">
        <v>51</v>
      </c>
    </row>
    <row r="14380" spans="1:12">
      <c r="A14380" s="6" t="s">
        <v>49</v>
      </c>
      <c r="B14380" s="6"/>
      <c r="C14380" s="6" t="s">
        <v>14404</v>
      </c>
      <c r="D14380" s="6"/>
      <c r="E14380" s="6" t="s">
        <v>9</v>
      </c>
      <c r="F14380" s="7">
        <v>38657</v>
      </c>
      <c r="G14380" s="8">
        <v>1</v>
      </c>
      <c r="H14380" s="8">
        <v>1</v>
      </c>
      <c r="I14380" s="8">
        <v>0</v>
      </c>
      <c r="J14380" s="8">
        <v>1</v>
      </c>
      <c r="K14380" s="9">
        <v>178</v>
      </c>
      <c r="L14380" s="6" t="s">
        <v>51</v>
      </c>
    </row>
    <row r="14381" spans="1:12">
      <c r="A14381" s="6" t="s">
        <v>49</v>
      </c>
      <c r="B14381" s="6"/>
      <c r="C14381" s="6" t="s">
        <v>14405</v>
      </c>
      <c r="D14381" s="6"/>
      <c r="E14381" s="6" t="s">
        <v>9</v>
      </c>
      <c r="F14381" s="7">
        <v>39856</v>
      </c>
      <c r="G14381" s="8">
        <v>1</v>
      </c>
      <c r="H14381" s="8">
        <v>1</v>
      </c>
      <c r="I14381" s="8">
        <v>0</v>
      </c>
      <c r="J14381" s="8">
        <v>1</v>
      </c>
      <c r="K14381" s="9">
        <v>6.01</v>
      </c>
      <c r="L14381" s="6" t="s">
        <v>51</v>
      </c>
    </row>
    <row r="14382" spans="1:12">
      <c r="A14382" s="6" t="s">
        <v>49</v>
      </c>
      <c r="B14382" s="6"/>
      <c r="C14382" s="6" t="s">
        <v>14406</v>
      </c>
      <c r="D14382" s="6"/>
      <c r="E14382" s="6" t="s">
        <v>9</v>
      </c>
      <c r="F14382" s="7">
        <v>39800</v>
      </c>
      <c r="G14382" s="8">
        <v>1</v>
      </c>
      <c r="H14382" s="8">
        <v>1</v>
      </c>
      <c r="I14382" s="8">
        <v>0</v>
      </c>
      <c r="J14382" s="8">
        <v>1</v>
      </c>
      <c r="K14382" s="9">
        <v>547</v>
      </c>
      <c r="L14382" s="6" t="s">
        <v>51</v>
      </c>
    </row>
    <row r="14383" spans="1:12">
      <c r="A14383" s="6" t="s">
        <v>49</v>
      </c>
      <c r="B14383" s="6"/>
      <c r="C14383" s="6" t="s">
        <v>14407</v>
      </c>
      <c r="D14383" s="6"/>
      <c r="E14383" s="6" t="s">
        <v>9</v>
      </c>
      <c r="F14383" s="7">
        <v>39958</v>
      </c>
      <c r="G14383" s="8">
        <v>1</v>
      </c>
      <c r="H14383" s="8">
        <v>1</v>
      </c>
      <c r="I14383" s="8">
        <v>0</v>
      </c>
      <c r="J14383" s="8">
        <v>1</v>
      </c>
      <c r="K14383" s="9">
        <v>39</v>
      </c>
      <c r="L14383" s="6" t="s">
        <v>51</v>
      </c>
    </row>
    <row r="14384" spans="1:12">
      <c r="A14384" s="6" t="s">
        <v>49</v>
      </c>
      <c r="B14384" s="6"/>
      <c r="C14384" s="6" t="s">
        <v>14408</v>
      </c>
      <c r="D14384" s="6"/>
      <c r="E14384" s="6" t="s">
        <v>9</v>
      </c>
      <c r="F14384" s="7">
        <v>39856</v>
      </c>
      <c r="G14384" s="8">
        <v>1</v>
      </c>
      <c r="H14384" s="8">
        <v>1</v>
      </c>
      <c r="I14384" s="8">
        <v>0</v>
      </c>
      <c r="J14384" s="8">
        <v>1</v>
      </c>
      <c r="K14384" s="9">
        <v>1.27</v>
      </c>
      <c r="L14384" s="6" t="s">
        <v>51</v>
      </c>
    </row>
    <row r="14385" spans="1:12">
      <c r="A14385" s="6" t="s">
        <v>49</v>
      </c>
      <c r="B14385" s="6"/>
      <c r="C14385" s="6" t="s">
        <v>14409</v>
      </c>
      <c r="D14385" s="6"/>
      <c r="E14385" s="6" t="s">
        <v>9</v>
      </c>
      <c r="F14385" s="7">
        <v>39856</v>
      </c>
      <c r="G14385" s="8">
        <v>1</v>
      </c>
      <c r="H14385" s="8">
        <v>1</v>
      </c>
      <c r="I14385" s="8">
        <v>0</v>
      </c>
      <c r="J14385" s="8">
        <v>1</v>
      </c>
      <c r="K14385" s="9">
        <v>6.05</v>
      </c>
      <c r="L14385" s="6" t="s">
        <v>51</v>
      </c>
    </row>
    <row r="14386" spans="1:12">
      <c r="A14386" s="6" t="s">
        <v>49</v>
      </c>
      <c r="B14386" s="6"/>
      <c r="C14386" s="6" t="s">
        <v>14410</v>
      </c>
      <c r="D14386" s="6"/>
      <c r="E14386" s="6" t="s">
        <v>9</v>
      </c>
      <c r="F14386" s="7">
        <v>39856</v>
      </c>
      <c r="G14386" s="8">
        <v>1</v>
      </c>
      <c r="H14386" s="8">
        <v>1</v>
      </c>
      <c r="I14386" s="8">
        <v>0</v>
      </c>
      <c r="J14386" s="8">
        <v>1</v>
      </c>
      <c r="K14386" s="9">
        <v>0.67</v>
      </c>
      <c r="L14386" s="6" t="s">
        <v>51</v>
      </c>
    </row>
    <row r="14387" spans="1:12">
      <c r="A14387" s="6" t="s">
        <v>49</v>
      </c>
      <c r="B14387" s="6"/>
      <c r="C14387" s="6" t="s">
        <v>14411</v>
      </c>
      <c r="D14387" s="6"/>
      <c r="E14387" s="6" t="s">
        <v>9</v>
      </c>
      <c r="F14387" s="7">
        <v>39958</v>
      </c>
      <c r="G14387" s="8">
        <v>1</v>
      </c>
      <c r="H14387" s="8">
        <v>1</v>
      </c>
      <c r="I14387" s="8">
        <v>0</v>
      </c>
      <c r="J14387" s="8">
        <v>1</v>
      </c>
      <c r="K14387" s="9">
        <v>204</v>
      </c>
      <c r="L14387" s="6" t="s">
        <v>51</v>
      </c>
    </row>
    <row r="14388" spans="1:12">
      <c r="A14388" s="6" t="s">
        <v>49</v>
      </c>
      <c r="B14388" s="6"/>
      <c r="C14388" s="6" t="s">
        <v>14412</v>
      </c>
      <c r="D14388" s="6"/>
      <c r="E14388" s="6" t="s">
        <v>9</v>
      </c>
      <c r="F14388" s="7">
        <v>38657</v>
      </c>
      <c r="G14388" s="8">
        <v>1</v>
      </c>
      <c r="H14388" s="8">
        <v>1</v>
      </c>
      <c r="I14388" s="8">
        <v>0</v>
      </c>
      <c r="J14388" s="8">
        <v>1</v>
      </c>
      <c r="K14388" s="9">
        <v>79</v>
      </c>
      <c r="L14388" s="6" t="s">
        <v>51</v>
      </c>
    </row>
    <row r="14389" spans="1:12">
      <c r="A14389" s="6" t="s">
        <v>49</v>
      </c>
      <c r="B14389" s="6"/>
      <c r="C14389" s="6" t="s">
        <v>14413</v>
      </c>
      <c r="D14389" s="6"/>
      <c r="E14389" s="6" t="s">
        <v>9</v>
      </c>
      <c r="F14389" s="7">
        <v>38657</v>
      </c>
      <c r="G14389" s="8">
        <v>1</v>
      </c>
      <c r="H14389" s="8">
        <v>1</v>
      </c>
      <c r="I14389" s="8">
        <v>0</v>
      </c>
      <c r="J14389" s="8">
        <v>1</v>
      </c>
      <c r="K14389" s="9">
        <v>168</v>
      </c>
      <c r="L14389" s="6" t="s">
        <v>51</v>
      </c>
    </row>
    <row r="14390" spans="1:12">
      <c r="A14390" s="6" t="s">
        <v>49</v>
      </c>
      <c r="B14390" s="6"/>
      <c r="C14390" s="6" t="s">
        <v>14414</v>
      </c>
      <c r="D14390" s="6"/>
      <c r="E14390" s="6" t="s">
        <v>9</v>
      </c>
      <c r="F14390" s="7">
        <v>38657</v>
      </c>
      <c r="G14390" s="8">
        <v>1</v>
      </c>
      <c r="H14390" s="8">
        <v>1</v>
      </c>
      <c r="I14390" s="8">
        <v>0</v>
      </c>
      <c r="J14390" s="8">
        <v>1</v>
      </c>
      <c r="K14390" s="9">
        <v>22</v>
      </c>
      <c r="L14390" s="6" t="s">
        <v>51</v>
      </c>
    </row>
    <row r="14391" spans="1:12">
      <c r="A14391" s="6" t="s">
        <v>49</v>
      </c>
      <c r="B14391" s="6"/>
      <c r="C14391" s="6" t="s">
        <v>14415</v>
      </c>
      <c r="D14391" s="6"/>
      <c r="E14391" s="6" t="s">
        <v>9</v>
      </c>
      <c r="F14391" s="7">
        <v>38657</v>
      </c>
      <c r="G14391" s="8">
        <v>1</v>
      </c>
      <c r="H14391" s="8">
        <v>1</v>
      </c>
      <c r="I14391" s="8">
        <v>0</v>
      </c>
      <c r="J14391" s="8">
        <v>1</v>
      </c>
      <c r="K14391" s="9">
        <v>32</v>
      </c>
      <c r="L14391" s="6" t="s">
        <v>51</v>
      </c>
    </row>
    <row r="14392" spans="1:12">
      <c r="A14392" s="6" t="s">
        <v>49</v>
      </c>
      <c r="B14392" s="6"/>
      <c r="C14392" s="6" t="s">
        <v>14416</v>
      </c>
      <c r="D14392" s="6"/>
      <c r="E14392" s="6" t="s">
        <v>9</v>
      </c>
      <c r="F14392" s="7">
        <v>38657</v>
      </c>
      <c r="G14392" s="8">
        <v>1</v>
      </c>
      <c r="H14392" s="8">
        <v>1</v>
      </c>
      <c r="I14392" s="8">
        <v>0</v>
      </c>
      <c r="J14392" s="8">
        <v>1</v>
      </c>
      <c r="K14392" s="9">
        <v>5.4</v>
      </c>
      <c r="L14392" s="6" t="s">
        <v>51</v>
      </c>
    </row>
    <row r="14393" spans="1:12">
      <c r="A14393" s="6" t="s">
        <v>49</v>
      </c>
      <c r="B14393" s="6"/>
      <c r="C14393" s="6" t="s">
        <v>14417</v>
      </c>
      <c r="D14393" s="6"/>
      <c r="E14393" s="6" t="s">
        <v>9</v>
      </c>
      <c r="F14393" s="7">
        <v>38657</v>
      </c>
      <c r="G14393" s="8">
        <v>1</v>
      </c>
      <c r="H14393" s="8">
        <v>1</v>
      </c>
      <c r="I14393" s="8">
        <v>0</v>
      </c>
      <c r="J14393" s="8">
        <v>1</v>
      </c>
      <c r="K14393" s="9">
        <v>8.66</v>
      </c>
      <c r="L14393" s="6" t="s">
        <v>51</v>
      </c>
    </row>
    <row r="14394" spans="1:12">
      <c r="A14394" s="6" t="s">
        <v>49</v>
      </c>
      <c r="B14394" s="6"/>
      <c r="C14394" s="6" t="s">
        <v>14418</v>
      </c>
      <c r="D14394" s="6"/>
      <c r="E14394" s="6" t="s">
        <v>9</v>
      </c>
      <c r="F14394" s="7">
        <v>38657</v>
      </c>
      <c r="G14394" s="8">
        <v>1</v>
      </c>
      <c r="H14394" s="8">
        <v>1</v>
      </c>
      <c r="I14394" s="8">
        <v>0</v>
      </c>
      <c r="J14394" s="8">
        <v>1</v>
      </c>
      <c r="K14394" s="9">
        <v>16.5</v>
      </c>
      <c r="L14394" s="6" t="s">
        <v>51</v>
      </c>
    </row>
    <row r="14395" spans="1:12">
      <c r="A14395" s="6" t="s">
        <v>49</v>
      </c>
      <c r="B14395" s="6"/>
      <c r="C14395" s="6" t="s">
        <v>14419</v>
      </c>
      <c r="D14395" s="6"/>
      <c r="E14395" s="6" t="s">
        <v>9</v>
      </c>
      <c r="F14395" s="7">
        <v>38657</v>
      </c>
      <c r="G14395" s="8">
        <v>1</v>
      </c>
      <c r="H14395" s="8">
        <v>1</v>
      </c>
      <c r="I14395" s="8">
        <v>0</v>
      </c>
      <c r="J14395" s="8">
        <v>1</v>
      </c>
      <c r="K14395" s="9">
        <v>35.49</v>
      </c>
      <c r="L14395" s="6" t="s">
        <v>51</v>
      </c>
    </row>
    <row r="14396" spans="1:12">
      <c r="A14396" s="6" t="s">
        <v>49</v>
      </c>
      <c r="B14396" s="6"/>
      <c r="C14396" s="6" t="s">
        <v>14420</v>
      </c>
      <c r="D14396" s="6"/>
      <c r="E14396" s="6" t="s">
        <v>9</v>
      </c>
      <c r="F14396" s="7">
        <v>38657</v>
      </c>
      <c r="G14396" s="8">
        <v>1</v>
      </c>
      <c r="H14396" s="8">
        <v>1</v>
      </c>
      <c r="I14396" s="8">
        <v>0</v>
      </c>
      <c r="J14396" s="8">
        <v>1</v>
      </c>
      <c r="K14396" s="9">
        <v>17.52</v>
      </c>
      <c r="L14396" s="6" t="s">
        <v>51</v>
      </c>
    </row>
    <row r="14397" spans="1:12">
      <c r="A14397" s="6" t="s">
        <v>49</v>
      </c>
      <c r="B14397" s="6"/>
      <c r="C14397" s="6" t="s">
        <v>14421</v>
      </c>
      <c r="D14397" s="6"/>
      <c r="E14397" s="6" t="s">
        <v>9</v>
      </c>
      <c r="F14397" s="7">
        <v>38657</v>
      </c>
      <c r="G14397" s="8">
        <v>1</v>
      </c>
      <c r="H14397" s="8">
        <v>1</v>
      </c>
      <c r="I14397" s="8">
        <v>0</v>
      </c>
      <c r="J14397" s="8">
        <v>1</v>
      </c>
      <c r="K14397" s="9">
        <v>50.92</v>
      </c>
      <c r="L14397" s="6" t="s">
        <v>51</v>
      </c>
    </row>
    <row r="14398" spans="1:12">
      <c r="A14398" s="6" t="s">
        <v>49</v>
      </c>
      <c r="B14398" s="6"/>
      <c r="C14398" s="6" t="s">
        <v>14422</v>
      </c>
      <c r="D14398" s="6"/>
      <c r="E14398" s="6" t="s">
        <v>9</v>
      </c>
      <c r="F14398" s="7">
        <v>38657</v>
      </c>
      <c r="G14398" s="8">
        <v>1</v>
      </c>
      <c r="H14398" s="8">
        <v>1</v>
      </c>
      <c r="I14398" s="8">
        <v>0</v>
      </c>
      <c r="J14398" s="8">
        <v>1</v>
      </c>
      <c r="K14398" s="9">
        <v>54.57</v>
      </c>
      <c r="L14398" s="6" t="s">
        <v>51</v>
      </c>
    </row>
    <row r="14399" spans="1:12">
      <c r="A14399" s="6" t="s">
        <v>49</v>
      </c>
      <c r="B14399" s="6"/>
      <c r="C14399" s="6" t="s">
        <v>14423</v>
      </c>
      <c r="D14399" s="6"/>
      <c r="E14399" s="6" t="s">
        <v>9</v>
      </c>
      <c r="F14399" s="7">
        <v>38657</v>
      </c>
      <c r="G14399" s="8">
        <v>1</v>
      </c>
      <c r="H14399" s="8">
        <v>1</v>
      </c>
      <c r="I14399" s="8">
        <v>0</v>
      </c>
      <c r="J14399" s="8">
        <v>1</v>
      </c>
      <c r="K14399" s="9">
        <v>2915</v>
      </c>
      <c r="L14399" s="6" t="s">
        <v>51</v>
      </c>
    </row>
    <row r="14400" spans="1:12">
      <c r="A14400" s="6" t="s">
        <v>49</v>
      </c>
      <c r="B14400" s="6"/>
      <c r="C14400" s="6" t="s">
        <v>14424</v>
      </c>
      <c r="D14400" s="6"/>
      <c r="E14400" s="6" t="s">
        <v>9</v>
      </c>
      <c r="F14400" s="7">
        <v>38657</v>
      </c>
      <c r="G14400" s="8">
        <v>1</v>
      </c>
      <c r="H14400" s="8">
        <v>1</v>
      </c>
      <c r="I14400" s="8">
        <v>0</v>
      </c>
      <c r="J14400" s="8">
        <v>1</v>
      </c>
      <c r="K14400" s="9">
        <v>3946</v>
      </c>
      <c r="L14400" s="6" t="s">
        <v>51</v>
      </c>
    </row>
    <row r="14401" spans="1:12">
      <c r="A14401" s="6" t="s">
        <v>49</v>
      </c>
      <c r="B14401" s="6"/>
      <c r="C14401" s="6" t="s">
        <v>14425</v>
      </c>
      <c r="D14401" s="6"/>
      <c r="E14401" s="6" t="s">
        <v>9</v>
      </c>
      <c r="F14401" s="7">
        <v>38657</v>
      </c>
      <c r="G14401" s="8">
        <v>1</v>
      </c>
      <c r="H14401" s="8">
        <v>1</v>
      </c>
      <c r="I14401" s="8">
        <v>0</v>
      </c>
      <c r="J14401" s="8">
        <v>1</v>
      </c>
      <c r="K14401" s="9">
        <v>20</v>
      </c>
      <c r="L14401" s="6" t="s">
        <v>51</v>
      </c>
    </row>
    <row r="14402" spans="1:12">
      <c r="A14402" s="6" t="s">
        <v>49</v>
      </c>
      <c r="B14402" s="6"/>
      <c r="C14402" s="6" t="s">
        <v>14426</v>
      </c>
      <c r="D14402" s="6"/>
      <c r="E14402" s="6" t="s">
        <v>9</v>
      </c>
      <c r="F14402" s="7">
        <v>38657</v>
      </c>
      <c r="G14402" s="8">
        <v>1</v>
      </c>
      <c r="H14402" s="8">
        <v>1</v>
      </c>
      <c r="I14402" s="8">
        <v>0</v>
      </c>
      <c r="J14402" s="8">
        <v>1</v>
      </c>
      <c r="K14402" s="9">
        <v>370</v>
      </c>
      <c r="L14402" s="6" t="s">
        <v>51</v>
      </c>
    </row>
    <row r="14403" spans="1:12">
      <c r="A14403" s="6" t="s">
        <v>49</v>
      </c>
      <c r="B14403" s="6"/>
      <c r="C14403" s="6" t="s">
        <v>14427</v>
      </c>
      <c r="D14403" s="6"/>
      <c r="E14403" s="6" t="s">
        <v>9</v>
      </c>
      <c r="F14403" s="7">
        <v>38657</v>
      </c>
      <c r="G14403" s="8">
        <v>1</v>
      </c>
      <c r="H14403" s="8">
        <v>1</v>
      </c>
      <c r="I14403" s="8">
        <v>0</v>
      </c>
      <c r="J14403" s="8">
        <v>1</v>
      </c>
      <c r="K14403" s="9">
        <v>57</v>
      </c>
      <c r="L14403" s="6" t="s">
        <v>51</v>
      </c>
    </row>
    <row r="14404" spans="1:12">
      <c r="A14404" s="6" t="s">
        <v>49</v>
      </c>
      <c r="B14404" s="6"/>
      <c r="C14404" s="6" t="s">
        <v>14428</v>
      </c>
      <c r="D14404" s="6"/>
      <c r="E14404" s="6" t="s">
        <v>9</v>
      </c>
      <c r="F14404" s="7">
        <v>38657</v>
      </c>
      <c r="G14404" s="8">
        <v>1</v>
      </c>
      <c r="H14404" s="8">
        <v>1</v>
      </c>
      <c r="I14404" s="8">
        <v>0</v>
      </c>
      <c r="J14404" s="8">
        <v>1</v>
      </c>
      <c r="K14404" s="9">
        <v>656</v>
      </c>
      <c r="L14404" s="6" t="s">
        <v>51</v>
      </c>
    </row>
    <row r="14405" spans="1:12">
      <c r="A14405" s="6" t="s">
        <v>49</v>
      </c>
      <c r="B14405" s="6"/>
      <c r="C14405" s="6" t="s">
        <v>14429</v>
      </c>
      <c r="D14405" s="6"/>
      <c r="E14405" s="6" t="s">
        <v>9</v>
      </c>
      <c r="F14405" s="7">
        <v>38657</v>
      </c>
      <c r="G14405" s="8">
        <v>1</v>
      </c>
      <c r="H14405" s="8">
        <v>1</v>
      </c>
      <c r="I14405" s="8">
        <v>0</v>
      </c>
      <c r="J14405" s="8">
        <v>1</v>
      </c>
      <c r="K14405" s="9">
        <v>1125</v>
      </c>
      <c r="L14405" s="6" t="s">
        <v>51</v>
      </c>
    </row>
    <row r="14406" spans="1:12">
      <c r="A14406" s="6" t="s">
        <v>49</v>
      </c>
      <c r="B14406" s="6"/>
      <c r="C14406" s="6" t="s">
        <v>14430</v>
      </c>
      <c r="D14406" s="6"/>
      <c r="E14406" s="6" t="s">
        <v>9</v>
      </c>
      <c r="F14406" s="7">
        <v>38657</v>
      </c>
      <c r="G14406" s="8">
        <v>1</v>
      </c>
      <c r="H14406" s="8">
        <v>1</v>
      </c>
      <c r="I14406" s="8">
        <v>0</v>
      </c>
      <c r="J14406" s="8">
        <v>1</v>
      </c>
      <c r="K14406" s="9">
        <v>23</v>
      </c>
      <c r="L14406" s="6" t="s">
        <v>51</v>
      </c>
    </row>
    <row r="14407" spans="1:12">
      <c r="A14407" s="6" t="s">
        <v>49</v>
      </c>
      <c r="B14407" s="6"/>
      <c r="C14407" s="6" t="s">
        <v>14431</v>
      </c>
      <c r="D14407" s="6"/>
      <c r="E14407" s="6" t="s">
        <v>9</v>
      </c>
      <c r="F14407" s="7">
        <v>38657</v>
      </c>
      <c r="G14407" s="8">
        <v>1</v>
      </c>
      <c r="H14407" s="8">
        <v>1</v>
      </c>
      <c r="I14407" s="8">
        <v>0</v>
      </c>
      <c r="J14407" s="8">
        <v>1</v>
      </c>
      <c r="K14407" s="9">
        <v>1416</v>
      </c>
      <c r="L14407" s="6" t="s">
        <v>51</v>
      </c>
    </row>
    <row r="14408" spans="1:12">
      <c r="A14408" s="6" t="s">
        <v>49</v>
      </c>
      <c r="B14408" s="6"/>
      <c r="C14408" s="6" t="s">
        <v>14432</v>
      </c>
      <c r="D14408" s="6"/>
      <c r="E14408" s="6" t="s">
        <v>9</v>
      </c>
      <c r="F14408" s="7">
        <v>38657</v>
      </c>
      <c r="G14408" s="8">
        <v>1</v>
      </c>
      <c r="H14408" s="8">
        <v>1</v>
      </c>
      <c r="I14408" s="8">
        <v>0</v>
      </c>
      <c r="J14408" s="8">
        <v>1</v>
      </c>
      <c r="K14408" s="9">
        <v>1214</v>
      </c>
      <c r="L14408" s="6" t="s">
        <v>51</v>
      </c>
    </row>
    <row r="14409" spans="1:12">
      <c r="A14409" s="6" t="s">
        <v>49</v>
      </c>
      <c r="B14409" s="6"/>
      <c r="C14409" s="6" t="s">
        <v>14433</v>
      </c>
      <c r="D14409" s="6"/>
      <c r="E14409" s="6" t="s">
        <v>9</v>
      </c>
      <c r="F14409" s="7">
        <v>38657</v>
      </c>
      <c r="G14409" s="8">
        <v>1</v>
      </c>
      <c r="H14409" s="8">
        <v>1</v>
      </c>
      <c r="I14409" s="8">
        <v>0</v>
      </c>
      <c r="J14409" s="8">
        <v>1</v>
      </c>
      <c r="K14409" s="9">
        <v>45.32</v>
      </c>
      <c r="L14409" s="6" t="s">
        <v>51</v>
      </c>
    </row>
    <row r="14410" spans="1:12">
      <c r="A14410" s="6" t="s">
        <v>49</v>
      </c>
      <c r="B14410" s="6"/>
      <c r="C14410" s="6" t="s">
        <v>14434</v>
      </c>
      <c r="D14410" s="6"/>
      <c r="E14410" s="6" t="s">
        <v>9</v>
      </c>
      <c r="F14410" s="7">
        <v>38657</v>
      </c>
      <c r="G14410" s="8">
        <v>1</v>
      </c>
      <c r="H14410" s="8">
        <v>1</v>
      </c>
      <c r="I14410" s="8">
        <v>0</v>
      </c>
      <c r="J14410" s="8">
        <v>1</v>
      </c>
      <c r="K14410" s="9">
        <v>188</v>
      </c>
      <c r="L14410" s="6" t="s">
        <v>51</v>
      </c>
    </row>
    <row r="14411" spans="1:12">
      <c r="A14411" s="6" t="s">
        <v>49</v>
      </c>
      <c r="B14411" s="6"/>
      <c r="C14411" s="6" t="s">
        <v>14435</v>
      </c>
      <c r="D14411" s="6"/>
      <c r="E14411" s="6" t="s">
        <v>9</v>
      </c>
      <c r="F14411" s="7">
        <v>38657</v>
      </c>
      <c r="G14411" s="8">
        <v>1</v>
      </c>
      <c r="H14411" s="8">
        <v>1</v>
      </c>
      <c r="I14411" s="8">
        <v>0</v>
      </c>
      <c r="J14411" s="8">
        <v>1</v>
      </c>
      <c r="K14411" s="9">
        <v>69</v>
      </c>
      <c r="L14411" s="6" t="s">
        <v>51</v>
      </c>
    </row>
    <row r="14412" spans="1:12">
      <c r="A14412" s="6" t="s">
        <v>49</v>
      </c>
      <c r="B14412" s="6"/>
      <c r="C14412" s="6" t="s">
        <v>14436</v>
      </c>
      <c r="D14412" s="6"/>
      <c r="E14412" s="6" t="s">
        <v>9</v>
      </c>
      <c r="F14412" s="7">
        <v>38657</v>
      </c>
      <c r="G14412" s="8">
        <v>1</v>
      </c>
      <c r="H14412" s="8">
        <v>1</v>
      </c>
      <c r="I14412" s="8">
        <v>0</v>
      </c>
      <c r="J14412" s="8">
        <v>1</v>
      </c>
      <c r="K14412" s="9">
        <v>121</v>
      </c>
      <c r="L14412" s="6" t="s">
        <v>51</v>
      </c>
    </row>
    <row r="14413" spans="1:12">
      <c r="A14413" s="6" t="s">
        <v>49</v>
      </c>
      <c r="B14413" s="6"/>
      <c r="C14413" s="6" t="s">
        <v>14437</v>
      </c>
      <c r="D14413" s="6"/>
      <c r="E14413" s="6" t="s">
        <v>9</v>
      </c>
      <c r="F14413" s="7">
        <v>38657</v>
      </c>
      <c r="G14413" s="8">
        <v>1</v>
      </c>
      <c r="H14413" s="8">
        <v>1</v>
      </c>
      <c r="I14413" s="8">
        <v>0</v>
      </c>
      <c r="J14413" s="8">
        <v>1</v>
      </c>
      <c r="K14413" s="9">
        <v>35</v>
      </c>
      <c r="L14413" s="6" t="s">
        <v>51</v>
      </c>
    </row>
    <row r="14414" spans="1:12">
      <c r="A14414" s="6" t="s">
        <v>49</v>
      </c>
      <c r="B14414" s="6"/>
      <c r="C14414" s="6" t="s">
        <v>14438</v>
      </c>
      <c r="D14414" s="6"/>
      <c r="E14414" s="6" t="s">
        <v>9</v>
      </c>
      <c r="F14414" s="7">
        <v>38657</v>
      </c>
      <c r="G14414" s="8">
        <v>1</v>
      </c>
      <c r="H14414" s="8">
        <v>1</v>
      </c>
      <c r="I14414" s="8">
        <v>0</v>
      </c>
      <c r="J14414" s="8">
        <v>1</v>
      </c>
      <c r="K14414" s="9">
        <v>88</v>
      </c>
      <c r="L14414" s="6" t="s">
        <v>51</v>
      </c>
    </row>
    <row r="14415" spans="1:12">
      <c r="A14415" s="6" t="s">
        <v>49</v>
      </c>
      <c r="B14415" s="6"/>
      <c r="C14415" s="6" t="s">
        <v>14439</v>
      </c>
      <c r="D14415" s="6"/>
      <c r="E14415" s="6" t="s">
        <v>9</v>
      </c>
      <c r="F14415" s="7">
        <v>38657</v>
      </c>
      <c r="G14415" s="8">
        <v>1</v>
      </c>
      <c r="H14415" s="8">
        <v>1</v>
      </c>
      <c r="I14415" s="8">
        <v>0</v>
      </c>
      <c r="J14415" s="8">
        <v>1</v>
      </c>
      <c r="K14415" s="9">
        <v>2995</v>
      </c>
      <c r="L14415" s="6" t="s">
        <v>51</v>
      </c>
    </row>
    <row r="14416" spans="1:12">
      <c r="A14416" s="6" t="s">
        <v>49</v>
      </c>
      <c r="B14416" s="6"/>
      <c r="C14416" s="6" t="s">
        <v>14440</v>
      </c>
      <c r="D14416" s="6"/>
      <c r="E14416" s="6" t="s">
        <v>9</v>
      </c>
      <c r="F14416" s="7">
        <v>38657</v>
      </c>
      <c r="G14416" s="8">
        <v>1</v>
      </c>
      <c r="H14416" s="8">
        <v>1</v>
      </c>
      <c r="I14416" s="8">
        <v>0</v>
      </c>
      <c r="J14416" s="8">
        <v>1</v>
      </c>
      <c r="K14416" s="9">
        <v>356</v>
      </c>
      <c r="L14416" s="6" t="s">
        <v>51</v>
      </c>
    </row>
    <row r="14417" spans="1:12">
      <c r="A14417" s="6" t="s">
        <v>49</v>
      </c>
      <c r="B14417" s="6"/>
      <c r="C14417" s="6" t="s">
        <v>14441</v>
      </c>
      <c r="D14417" s="6"/>
      <c r="E14417" s="6" t="s">
        <v>9</v>
      </c>
      <c r="F14417" s="7">
        <v>38657</v>
      </c>
      <c r="G14417" s="8">
        <v>1</v>
      </c>
      <c r="H14417" s="8">
        <v>1</v>
      </c>
      <c r="I14417" s="8">
        <v>0</v>
      </c>
      <c r="J14417" s="8">
        <v>1</v>
      </c>
      <c r="K14417" s="9">
        <v>91</v>
      </c>
      <c r="L14417" s="6" t="s">
        <v>51</v>
      </c>
    </row>
    <row r="14418" spans="1:12">
      <c r="A14418" s="6" t="s">
        <v>49</v>
      </c>
      <c r="B14418" s="6"/>
      <c r="C14418" s="6" t="s">
        <v>14442</v>
      </c>
      <c r="D14418" s="6"/>
      <c r="E14418" s="6" t="s">
        <v>9</v>
      </c>
      <c r="F14418" s="7">
        <v>38657</v>
      </c>
      <c r="G14418" s="8">
        <v>1</v>
      </c>
      <c r="H14418" s="8">
        <v>1</v>
      </c>
      <c r="I14418" s="8">
        <v>0</v>
      </c>
      <c r="J14418" s="8">
        <v>1</v>
      </c>
      <c r="K14418" s="9">
        <v>106</v>
      </c>
      <c r="L14418" s="6" t="s">
        <v>51</v>
      </c>
    </row>
    <row r="14419" spans="1:12">
      <c r="A14419" s="6" t="s">
        <v>49</v>
      </c>
      <c r="B14419" s="6"/>
      <c r="C14419" s="6" t="s">
        <v>14443</v>
      </c>
      <c r="D14419" s="6"/>
      <c r="E14419" s="6" t="s">
        <v>9</v>
      </c>
      <c r="F14419" s="7">
        <v>38657</v>
      </c>
      <c r="G14419" s="8">
        <v>1</v>
      </c>
      <c r="H14419" s="8">
        <v>1</v>
      </c>
      <c r="I14419" s="8">
        <v>0</v>
      </c>
      <c r="J14419" s="8">
        <v>1</v>
      </c>
      <c r="K14419" s="9">
        <v>159</v>
      </c>
      <c r="L14419" s="6" t="s">
        <v>51</v>
      </c>
    </row>
    <row r="14420" spans="1:12">
      <c r="A14420" s="6" t="s">
        <v>49</v>
      </c>
      <c r="B14420" s="6"/>
      <c r="C14420" s="6" t="s">
        <v>14444</v>
      </c>
      <c r="D14420" s="6"/>
      <c r="E14420" s="6" t="s">
        <v>9</v>
      </c>
      <c r="F14420" s="7">
        <v>38657</v>
      </c>
      <c r="G14420" s="8">
        <v>1</v>
      </c>
      <c r="H14420" s="8">
        <v>1</v>
      </c>
      <c r="I14420" s="8">
        <v>0</v>
      </c>
      <c r="J14420" s="8">
        <v>1</v>
      </c>
      <c r="K14420" s="9">
        <v>674</v>
      </c>
      <c r="L14420" s="6" t="s">
        <v>51</v>
      </c>
    </row>
    <row r="14421" spans="1:12">
      <c r="A14421" s="6" t="s">
        <v>49</v>
      </c>
      <c r="B14421" s="6"/>
      <c r="C14421" s="6" t="s">
        <v>14445</v>
      </c>
      <c r="D14421" s="6"/>
      <c r="E14421" s="6" t="s">
        <v>9</v>
      </c>
      <c r="F14421" s="7">
        <v>38657</v>
      </c>
      <c r="G14421" s="8">
        <v>1</v>
      </c>
      <c r="H14421" s="8">
        <v>1</v>
      </c>
      <c r="I14421" s="8">
        <v>0</v>
      </c>
      <c r="J14421" s="8">
        <v>1</v>
      </c>
      <c r="K14421" s="9">
        <v>731</v>
      </c>
      <c r="L14421" s="6" t="s">
        <v>51</v>
      </c>
    </row>
    <row r="14422" spans="1:12">
      <c r="A14422" s="6" t="s">
        <v>49</v>
      </c>
      <c r="B14422" s="6"/>
      <c r="C14422" s="6" t="s">
        <v>14446</v>
      </c>
      <c r="D14422" s="6"/>
      <c r="E14422" s="6" t="s">
        <v>9</v>
      </c>
      <c r="F14422" s="7">
        <v>38657</v>
      </c>
      <c r="G14422" s="8">
        <v>1</v>
      </c>
      <c r="H14422" s="8">
        <v>1</v>
      </c>
      <c r="I14422" s="8">
        <v>0</v>
      </c>
      <c r="J14422" s="8">
        <v>1</v>
      </c>
      <c r="K14422" s="9">
        <v>189</v>
      </c>
      <c r="L14422" s="6" t="s">
        <v>51</v>
      </c>
    </row>
    <row r="14423" spans="1:12">
      <c r="A14423" s="6" t="s">
        <v>49</v>
      </c>
      <c r="B14423" s="6"/>
      <c r="C14423" s="6" t="s">
        <v>14447</v>
      </c>
      <c r="D14423" s="6"/>
      <c r="E14423" s="6" t="s">
        <v>9</v>
      </c>
      <c r="F14423" s="7">
        <v>38657</v>
      </c>
      <c r="G14423" s="8">
        <v>1</v>
      </c>
      <c r="H14423" s="8">
        <v>1</v>
      </c>
      <c r="I14423" s="8">
        <v>0</v>
      </c>
      <c r="J14423" s="8">
        <v>1</v>
      </c>
      <c r="K14423" s="9">
        <v>147</v>
      </c>
      <c r="L14423" s="6" t="s">
        <v>51</v>
      </c>
    </row>
    <row r="14424" spans="1:12">
      <c r="A14424" s="6" t="s">
        <v>49</v>
      </c>
      <c r="B14424" s="6"/>
      <c r="C14424" s="6" t="s">
        <v>14448</v>
      </c>
      <c r="D14424" s="6"/>
      <c r="E14424" s="6" t="s">
        <v>9</v>
      </c>
      <c r="F14424" s="7">
        <v>38657</v>
      </c>
      <c r="G14424" s="8">
        <v>1</v>
      </c>
      <c r="H14424" s="8">
        <v>1</v>
      </c>
      <c r="I14424" s="8">
        <v>0</v>
      </c>
      <c r="J14424" s="8">
        <v>1</v>
      </c>
      <c r="K14424" s="9">
        <v>288</v>
      </c>
      <c r="L14424" s="6" t="s">
        <v>51</v>
      </c>
    </row>
    <row r="14425" spans="1:12">
      <c r="A14425" s="6" t="s">
        <v>49</v>
      </c>
      <c r="B14425" s="6"/>
      <c r="C14425" s="6" t="s">
        <v>14449</v>
      </c>
      <c r="D14425" s="6"/>
      <c r="E14425" s="6" t="s">
        <v>9</v>
      </c>
      <c r="F14425" s="7">
        <v>38657</v>
      </c>
      <c r="G14425" s="8">
        <v>1</v>
      </c>
      <c r="H14425" s="8">
        <v>1</v>
      </c>
      <c r="I14425" s="8">
        <v>0</v>
      </c>
      <c r="J14425" s="8">
        <v>1</v>
      </c>
      <c r="K14425" s="9">
        <v>2.33</v>
      </c>
      <c r="L14425" s="6" t="s">
        <v>51</v>
      </c>
    </row>
    <row r="14426" spans="1:12">
      <c r="A14426" s="6" t="s">
        <v>49</v>
      </c>
      <c r="B14426" s="6"/>
      <c r="C14426" s="6" t="s">
        <v>14450</v>
      </c>
      <c r="D14426" s="6"/>
      <c r="E14426" s="6" t="s">
        <v>9</v>
      </c>
      <c r="F14426" s="7">
        <v>38657</v>
      </c>
      <c r="G14426" s="8">
        <v>1</v>
      </c>
      <c r="H14426" s="8">
        <v>1</v>
      </c>
      <c r="I14426" s="8">
        <v>0</v>
      </c>
      <c r="J14426" s="8">
        <v>1</v>
      </c>
      <c r="K14426" s="9">
        <v>93</v>
      </c>
      <c r="L14426" s="6" t="s">
        <v>51</v>
      </c>
    </row>
    <row r="14427" spans="1:12">
      <c r="A14427" s="6" t="s">
        <v>49</v>
      </c>
      <c r="B14427" s="6"/>
      <c r="C14427" s="6" t="s">
        <v>14451</v>
      </c>
      <c r="D14427" s="6"/>
      <c r="E14427" s="6" t="s">
        <v>9</v>
      </c>
      <c r="F14427" s="7">
        <v>38657</v>
      </c>
      <c r="G14427" s="8">
        <v>1</v>
      </c>
      <c r="H14427" s="8">
        <v>1</v>
      </c>
      <c r="I14427" s="8">
        <v>0</v>
      </c>
      <c r="J14427" s="8">
        <v>1</v>
      </c>
      <c r="K14427" s="9">
        <v>712</v>
      </c>
      <c r="L14427" s="6" t="s">
        <v>51</v>
      </c>
    </row>
    <row r="14428" spans="1:12">
      <c r="A14428" s="6" t="s">
        <v>49</v>
      </c>
      <c r="B14428" s="6"/>
      <c r="C14428" s="6" t="s">
        <v>14452</v>
      </c>
      <c r="D14428" s="6"/>
      <c r="E14428" s="6" t="s">
        <v>9</v>
      </c>
      <c r="F14428" s="7">
        <v>38657</v>
      </c>
      <c r="G14428" s="8">
        <v>1</v>
      </c>
      <c r="H14428" s="8">
        <v>1</v>
      </c>
      <c r="I14428" s="8">
        <v>0</v>
      </c>
      <c r="J14428" s="8">
        <v>1</v>
      </c>
      <c r="K14428" s="9">
        <v>509</v>
      </c>
      <c r="L14428" s="6" t="s">
        <v>51</v>
      </c>
    </row>
    <row r="14429" spans="1:12">
      <c r="A14429" s="6" t="s">
        <v>49</v>
      </c>
      <c r="B14429" s="6"/>
      <c r="C14429" s="6" t="s">
        <v>14453</v>
      </c>
      <c r="D14429" s="6"/>
      <c r="E14429" s="6" t="s">
        <v>9</v>
      </c>
      <c r="F14429" s="7">
        <v>38657</v>
      </c>
      <c r="G14429" s="8">
        <v>1</v>
      </c>
      <c r="H14429" s="8">
        <v>1</v>
      </c>
      <c r="I14429" s="8">
        <v>0</v>
      </c>
      <c r="J14429" s="8">
        <v>1</v>
      </c>
      <c r="K14429" s="9">
        <v>253</v>
      </c>
      <c r="L14429" s="6" t="s">
        <v>51</v>
      </c>
    </row>
    <row r="14430" spans="1:12">
      <c r="A14430" s="6" t="s">
        <v>49</v>
      </c>
      <c r="B14430" s="6"/>
      <c r="C14430" s="6" t="s">
        <v>14454</v>
      </c>
      <c r="D14430" s="6"/>
      <c r="E14430" s="6" t="s">
        <v>9</v>
      </c>
      <c r="F14430" s="7">
        <v>38657</v>
      </c>
      <c r="G14430" s="8">
        <v>1</v>
      </c>
      <c r="H14430" s="8">
        <v>1</v>
      </c>
      <c r="I14430" s="8">
        <v>0</v>
      </c>
      <c r="J14430" s="8">
        <v>1</v>
      </c>
      <c r="K14430" s="9">
        <v>603</v>
      </c>
      <c r="L14430" s="6" t="s">
        <v>51</v>
      </c>
    </row>
    <row r="14431" spans="1:12">
      <c r="A14431" s="6" t="s">
        <v>49</v>
      </c>
      <c r="B14431" s="6"/>
      <c r="C14431" s="6" t="s">
        <v>14455</v>
      </c>
      <c r="D14431" s="6"/>
      <c r="E14431" s="6" t="s">
        <v>9</v>
      </c>
      <c r="F14431" s="7">
        <v>38657</v>
      </c>
      <c r="G14431" s="8">
        <v>1</v>
      </c>
      <c r="H14431" s="8">
        <v>1</v>
      </c>
      <c r="I14431" s="8">
        <v>0</v>
      </c>
      <c r="J14431" s="8">
        <v>1</v>
      </c>
      <c r="K14431" s="9">
        <v>6.46</v>
      </c>
      <c r="L14431" s="6" t="s">
        <v>51</v>
      </c>
    </row>
    <row r="14432" spans="1:12">
      <c r="A14432" s="6" t="s">
        <v>49</v>
      </c>
      <c r="B14432" s="6"/>
      <c r="C14432" s="6" t="s">
        <v>14456</v>
      </c>
      <c r="D14432" s="6"/>
      <c r="E14432" s="6" t="s">
        <v>9</v>
      </c>
      <c r="F14432" s="7">
        <v>38657</v>
      </c>
      <c r="G14432" s="8">
        <v>1</v>
      </c>
      <c r="H14432" s="8">
        <v>1</v>
      </c>
      <c r="I14432" s="8">
        <v>0</v>
      </c>
      <c r="J14432" s="8">
        <v>1</v>
      </c>
      <c r="K14432" s="9">
        <v>14</v>
      </c>
      <c r="L14432" s="6" t="s">
        <v>51</v>
      </c>
    </row>
    <row r="14433" spans="1:12">
      <c r="A14433" s="6" t="s">
        <v>49</v>
      </c>
      <c r="B14433" s="6"/>
      <c r="C14433" s="6" t="s">
        <v>14457</v>
      </c>
      <c r="D14433" s="6"/>
      <c r="E14433" s="6" t="s">
        <v>9</v>
      </c>
      <c r="F14433" s="7">
        <v>38657</v>
      </c>
      <c r="G14433" s="8">
        <v>1</v>
      </c>
      <c r="H14433" s="8">
        <v>1</v>
      </c>
      <c r="I14433" s="8">
        <v>0</v>
      </c>
      <c r="J14433" s="8">
        <v>1</v>
      </c>
      <c r="K14433" s="9">
        <v>43</v>
      </c>
      <c r="L14433" s="6" t="s">
        <v>51</v>
      </c>
    </row>
    <row r="14434" spans="1:12">
      <c r="A14434" s="6" t="s">
        <v>49</v>
      </c>
      <c r="B14434" s="6"/>
      <c r="C14434" s="6" t="s">
        <v>14458</v>
      </c>
      <c r="D14434" s="6"/>
      <c r="E14434" s="6" t="s">
        <v>9</v>
      </c>
      <c r="F14434" s="7">
        <v>38657</v>
      </c>
      <c r="G14434" s="8">
        <v>1</v>
      </c>
      <c r="H14434" s="8">
        <v>1</v>
      </c>
      <c r="I14434" s="8">
        <v>0</v>
      </c>
      <c r="J14434" s="8">
        <v>1</v>
      </c>
      <c r="K14434" s="9">
        <v>4239</v>
      </c>
      <c r="L14434" s="6" t="s">
        <v>51</v>
      </c>
    </row>
    <row r="14435" spans="1:12">
      <c r="A14435" s="6" t="s">
        <v>49</v>
      </c>
      <c r="B14435" s="6"/>
      <c r="C14435" s="6" t="s">
        <v>14459</v>
      </c>
      <c r="D14435" s="6"/>
      <c r="E14435" s="6" t="s">
        <v>9</v>
      </c>
      <c r="F14435" s="7">
        <v>38657</v>
      </c>
      <c r="G14435" s="8">
        <v>1</v>
      </c>
      <c r="H14435" s="8">
        <v>1</v>
      </c>
      <c r="I14435" s="8">
        <v>0</v>
      </c>
      <c r="J14435" s="8">
        <v>1</v>
      </c>
      <c r="K14435" s="9">
        <v>184.31</v>
      </c>
      <c r="L14435" s="6" t="s">
        <v>51</v>
      </c>
    </row>
    <row r="14436" spans="1:12">
      <c r="A14436" s="6" t="s">
        <v>49</v>
      </c>
      <c r="B14436" s="6"/>
      <c r="C14436" s="6" t="s">
        <v>14460</v>
      </c>
      <c r="D14436" s="6"/>
      <c r="E14436" s="6" t="s">
        <v>9</v>
      </c>
      <c r="F14436" s="7">
        <v>38657</v>
      </c>
      <c r="G14436" s="8">
        <v>1</v>
      </c>
      <c r="H14436" s="8">
        <v>1</v>
      </c>
      <c r="I14436" s="8">
        <v>0</v>
      </c>
      <c r="J14436" s="8">
        <v>1</v>
      </c>
      <c r="K14436" s="9">
        <v>115</v>
      </c>
      <c r="L14436" s="6" t="s">
        <v>51</v>
      </c>
    </row>
    <row r="14437" spans="1:12">
      <c r="A14437" s="6" t="s">
        <v>49</v>
      </c>
      <c r="B14437" s="6"/>
      <c r="C14437" s="6" t="s">
        <v>14461</v>
      </c>
      <c r="D14437" s="6"/>
      <c r="E14437" s="6" t="s">
        <v>9</v>
      </c>
      <c r="F14437" s="7">
        <v>38657</v>
      </c>
      <c r="G14437" s="8">
        <v>1</v>
      </c>
      <c r="H14437" s="8">
        <v>1</v>
      </c>
      <c r="I14437" s="8">
        <v>0</v>
      </c>
      <c r="J14437" s="8">
        <v>1</v>
      </c>
      <c r="K14437" s="9">
        <v>943</v>
      </c>
      <c r="L14437" s="6" t="s">
        <v>51</v>
      </c>
    </row>
    <row r="14438" spans="1:12">
      <c r="A14438" s="6" t="s">
        <v>49</v>
      </c>
      <c r="B14438" s="6"/>
      <c r="C14438" s="6" t="s">
        <v>14462</v>
      </c>
      <c r="D14438" s="6"/>
      <c r="E14438" s="6" t="s">
        <v>9</v>
      </c>
      <c r="F14438" s="7">
        <v>38657</v>
      </c>
      <c r="G14438" s="8">
        <v>1</v>
      </c>
      <c r="H14438" s="8">
        <v>1</v>
      </c>
      <c r="I14438" s="8">
        <v>0</v>
      </c>
      <c r="J14438" s="8">
        <v>1</v>
      </c>
      <c r="K14438" s="9">
        <v>14</v>
      </c>
      <c r="L14438" s="6" t="s">
        <v>51</v>
      </c>
    </row>
    <row r="14439" spans="1:12">
      <c r="A14439" s="6" t="s">
        <v>49</v>
      </c>
      <c r="B14439" s="6"/>
      <c r="C14439" s="6" t="s">
        <v>14463</v>
      </c>
      <c r="D14439" s="6"/>
      <c r="E14439" s="6" t="s">
        <v>9</v>
      </c>
      <c r="F14439" s="7">
        <v>38657</v>
      </c>
      <c r="G14439" s="8">
        <v>1</v>
      </c>
      <c r="H14439" s="8">
        <v>1</v>
      </c>
      <c r="I14439" s="8">
        <v>0</v>
      </c>
      <c r="J14439" s="8">
        <v>1</v>
      </c>
      <c r="K14439" s="9">
        <v>23</v>
      </c>
      <c r="L14439" s="6" t="s">
        <v>51</v>
      </c>
    </row>
    <row r="14440" spans="1:12">
      <c r="A14440" s="6" t="s">
        <v>49</v>
      </c>
      <c r="B14440" s="6"/>
      <c r="C14440" s="6" t="s">
        <v>14464</v>
      </c>
      <c r="D14440" s="6"/>
      <c r="E14440" s="6" t="s">
        <v>9</v>
      </c>
      <c r="F14440" s="7">
        <v>38657</v>
      </c>
      <c r="G14440" s="8">
        <v>1</v>
      </c>
      <c r="H14440" s="8">
        <v>1</v>
      </c>
      <c r="I14440" s="8">
        <v>0</v>
      </c>
      <c r="J14440" s="8">
        <v>1</v>
      </c>
      <c r="K14440" s="9">
        <v>21</v>
      </c>
      <c r="L14440" s="6" t="s">
        <v>51</v>
      </c>
    </row>
    <row r="14441" spans="1:12">
      <c r="A14441" s="6" t="s">
        <v>49</v>
      </c>
      <c r="B14441" s="6"/>
      <c r="C14441" s="6" t="s">
        <v>14465</v>
      </c>
      <c r="D14441" s="6"/>
      <c r="E14441" s="6" t="s">
        <v>9</v>
      </c>
      <c r="F14441" s="7">
        <v>38657</v>
      </c>
      <c r="G14441" s="8">
        <v>1</v>
      </c>
      <c r="H14441" s="8">
        <v>1</v>
      </c>
      <c r="I14441" s="8">
        <v>0</v>
      </c>
      <c r="J14441" s="8">
        <v>1</v>
      </c>
      <c r="K14441" s="9">
        <v>13</v>
      </c>
      <c r="L14441" s="6" t="s">
        <v>51</v>
      </c>
    </row>
    <row r="14442" spans="1:12">
      <c r="A14442" s="6" t="s">
        <v>49</v>
      </c>
      <c r="B14442" s="6"/>
      <c r="C14442" s="6" t="s">
        <v>14466</v>
      </c>
      <c r="D14442" s="6"/>
      <c r="E14442" s="6" t="s">
        <v>9</v>
      </c>
      <c r="F14442" s="7">
        <v>38657</v>
      </c>
      <c r="G14442" s="8">
        <v>1</v>
      </c>
      <c r="H14442" s="8">
        <v>1</v>
      </c>
      <c r="I14442" s="8">
        <v>0</v>
      </c>
      <c r="J14442" s="8">
        <v>1</v>
      </c>
      <c r="K14442" s="9">
        <v>16</v>
      </c>
      <c r="L14442" s="6" t="s">
        <v>51</v>
      </c>
    </row>
    <row r="14443" spans="1:12">
      <c r="A14443" s="6" t="s">
        <v>49</v>
      </c>
      <c r="B14443" s="6"/>
      <c r="C14443" s="6" t="s">
        <v>14467</v>
      </c>
      <c r="D14443" s="6"/>
      <c r="E14443" s="6" t="s">
        <v>9</v>
      </c>
      <c r="F14443" s="7">
        <v>38657</v>
      </c>
      <c r="G14443" s="8">
        <v>1</v>
      </c>
      <c r="H14443" s="8">
        <v>1</v>
      </c>
      <c r="I14443" s="8">
        <v>0</v>
      </c>
      <c r="J14443" s="8">
        <v>1</v>
      </c>
      <c r="K14443" s="9">
        <v>21</v>
      </c>
      <c r="L14443" s="6" t="s">
        <v>51</v>
      </c>
    </row>
    <row r="14444" spans="1:12">
      <c r="A14444" s="6" t="s">
        <v>49</v>
      </c>
      <c r="B14444" s="6"/>
      <c r="C14444" s="6" t="s">
        <v>14468</v>
      </c>
      <c r="D14444" s="6"/>
      <c r="E14444" s="6" t="s">
        <v>9</v>
      </c>
      <c r="F14444" s="7">
        <v>38657</v>
      </c>
      <c r="G14444" s="8">
        <v>1</v>
      </c>
      <c r="H14444" s="8">
        <v>1</v>
      </c>
      <c r="I14444" s="8">
        <v>0</v>
      </c>
      <c r="J14444" s="8">
        <v>1</v>
      </c>
      <c r="K14444" s="9">
        <v>19</v>
      </c>
      <c r="L14444" s="6" t="s">
        <v>51</v>
      </c>
    </row>
    <row r="14445" spans="1:12">
      <c r="A14445" s="6" t="s">
        <v>49</v>
      </c>
      <c r="B14445" s="6"/>
      <c r="C14445" s="6" t="s">
        <v>14469</v>
      </c>
      <c r="D14445" s="6"/>
      <c r="E14445" s="6" t="s">
        <v>9</v>
      </c>
      <c r="F14445" s="7">
        <v>38657</v>
      </c>
      <c r="G14445" s="8">
        <v>1</v>
      </c>
      <c r="H14445" s="8">
        <v>1</v>
      </c>
      <c r="I14445" s="8">
        <v>0</v>
      </c>
      <c r="J14445" s="8">
        <v>1</v>
      </c>
      <c r="K14445" s="9">
        <v>8.6</v>
      </c>
      <c r="L14445" s="6" t="s">
        <v>51</v>
      </c>
    </row>
    <row r="14446" spans="1:12">
      <c r="A14446" s="6" t="s">
        <v>49</v>
      </c>
      <c r="B14446" s="6"/>
      <c r="C14446" s="6" t="s">
        <v>14470</v>
      </c>
      <c r="D14446" s="6"/>
      <c r="E14446" s="6" t="s">
        <v>9</v>
      </c>
      <c r="F14446" s="7">
        <v>38657</v>
      </c>
      <c r="G14446" s="8">
        <v>1</v>
      </c>
      <c r="H14446" s="8">
        <v>1</v>
      </c>
      <c r="I14446" s="8">
        <v>0</v>
      </c>
      <c r="J14446" s="8">
        <v>1</v>
      </c>
      <c r="K14446" s="9">
        <v>203</v>
      </c>
      <c r="L14446" s="6" t="s">
        <v>51</v>
      </c>
    </row>
    <row r="14447" spans="1:12">
      <c r="A14447" s="6" t="s">
        <v>49</v>
      </c>
      <c r="B14447" s="6"/>
      <c r="C14447" s="6" t="s">
        <v>14471</v>
      </c>
      <c r="D14447" s="6"/>
      <c r="E14447" s="6" t="s">
        <v>9</v>
      </c>
      <c r="F14447" s="7">
        <v>38657</v>
      </c>
      <c r="G14447" s="8">
        <v>1</v>
      </c>
      <c r="H14447" s="8">
        <v>1</v>
      </c>
      <c r="I14447" s="8">
        <v>0</v>
      </c>
      <c r="J14447" s="8">
        <v>1</v>
      </c>
      <c r="K14447" s="9">
        <v>10</v>
      </c>
      <c r="L14447" s="6" t="s">
        <v>51</v>
      </c>
    </row>
    <row r="14448" spans="1:12">
      <c r="A14448" s="6" t="s">
        <v>49</v>
      </c>
      <c r="B14448" s="6"/>
      <c r="C14448" s="6" t="s">
        <v>14472</v>
      </c>
      <c r="D14448" s="6"/>
      <c r="E14448" s="6" t="s">
        <v>9</v>
      </c>
      <c r="F14448" s="7">
        <v>38657</v>
      </c>
      <c r="G14448" s="8">
        <v>1</v>
      </c>
      <c r="H14448" s="8">
        <v>1</v>
      </c>
      <c r="I14448" s="8">
        <v>0</v>
      </c>
      <c r="J14448" s="8">
        <v>1</v>
      </c>
      <c r="K14448" s="9">
        <v>10.28</v>
      </c>
      <c r="L14448" s="6" t="s">
        <v>51</v>
      </c>
    </row>
    <row r="14449" spans="1:12">
      <c r="A14449" s="6" t="s">
        <v>49</v>
      </c>
      <c r="B14449" s="6"/>
      <c r="C14449" s="6" t="s">
        <v>14473</v>
      </c>
      <c r="D14449" s="6"/>
      <c r="E14449" s="6" t="s">
        <v>9</v>
      </c>
      <c r="F14449" s="7">
        <v>38657</v>
      </c>
      <c r="G14449" s="8">
        <v>1</v>
      </c>
      <c r="H14449" s="8">
        <v>1</v>
      </c>
      <c r="I14449" s="8">
        <v>0</v>
      </c>
      <c r="J14449" s="8">
        <v>1</v>
      </c>
      <c r="K14449" s="9">
        <v>225</v>
      </c>
      <c r="L14449" s="6" t="s">
        <v>51</v>
      </c>
    </row>
    <row r="14450" spans="1:12">
      <c r="A14450" s="6" t="s">
        <v>49</v>
      </c>
      <c r="B14450" s="6"/>
      <c r="C14450" s="6" t="s">
        <v>14474</v>
      </c>
      <c r="D14450" s="6"/>
      <c r="E14450" s="6" t="s">
        <v>9</v>
      </c>
      <c r="F14450" s="7">
        <v>38657</v>
      </c>
      <c r="G14450" s="8">
        <v>1</v>
      </c>
      <c r="H14450" s="8">
        <v>1</v>
      </c>
      <c r="I14450" s="8">
        <v>0</v>
      </c>
      <c r="J14450" s="8">
        <v>1</v>
      </c>
      <c r="K14450" s="9">
        <v>6.88</v>
      </c>
      <c r="L14450" s="6" t="s">
        <v>51</v>
      </c>
    </row>
    <row r="14451" spans="1:12">
      <c r="A14451" s="6" t="s">
        <v>49</v>
      </c>
      <c r="B14451" s="6"/>
      <c r="C14451" s="6" t="s">
        <v>14475</v>
      </c>
      <c r="D14451" s="6"/>
      <c r="E14451" s="6" t="s">
        <v>9</v>
      </c>
      <c r="F14451" s="7">
        <v>38657</v>
      </c>
      <c r="G14451" s="8">
        <v>1</v>
      </c>
      <c r="H14451" s="8">
        <v>1</v>
      </c>
      <c r="I14451" s="8">
        <v>0</v>
      </c>
      <c r="J14451" s="8">
        <v>1</v>
      </c>
      <c r="K14451" s="9">
        <v>2227</v>
      </c>
      <c r="L14451" s="6" t="s">
        <v>51</v>
      </c>
    </row>
    <row r="14452" spans="1:12">
      <c r="A14452" s="6" t="s">
        <v>49</v>
      </c>
      <c r="B14452" s="6"/>
      <c r="C14452" s="6" t="s">
        <v>14476</v>
      </c>
      <c r="D14452" s="6"/>
      <c r="E14452" s="6" t="s">
        <v>9</v>
      </c>
      <c r="F14452" s="7">
        <v>38657</v>
      </c>
      <c r="G14452" s="8">
        <v>1</v>
      </c>
      <c r="H14452" s="8">
        <v>1</v>
      </c>
      <c r="I14452" s="8">
        <v>0</v>
      </c>
      <c r="J14452" s="8">
        <v>1</v>
      </c>
      <c r="K14452" s="9">
        <v>30</v>
      </c>
      <c r="L14452" s="6" t="s">
        <v>51</v>
      </c>
    </row>
    <row r="14453" spans="1:12">
      <c r="A14453" s="6" t="s">
        <v>49</v>
      </c>
      <c r="B14453" s="6"/>
      <c r="C14453" s="6" t="s">
        <v>14477</v>
      </c>
      <c r="D14453" s="6"/>
      <c r="E14453" s="6" t="s">
        <v>9</v>
      </c>
      <c r="F14453" s="7">
        <v>38657</v>
      </c>
      <c r="G14453" s="8">
        <v>1</v>
      </c>
      <c r="H14453" s="8">
        <v>1</v>
      </c>
      <c r="I14453" s="8">
        <v>0</v>
      </c>
      <c r="J14453" s="8">
        <v>1</v>
      </c>
      <c r="K14453" s="9">
        <v>130</v>
      </c>
      <c r="L14453" s="6" t="s">
        <v>51</v>
      </c>
    </row>
    <row r="14454" spans="1:12">
      <c r="A14454" s="6" t="s">
        <v>49</v>
      </c>
      <c r="B14454" s="6"/>
      <c r="C14454" s="6" t="s">
        <v>14478</v>
      </c>
      <c r="D14454" s="6"/>
      <c r="E14454" s="6" t="s">
        <v>9</v>
      </c>
      <c r="F14454" s="7">
        <v>38657</v>
      </c>
      <c r="G14454" s="8">
        <v>1</v>
      </c>
      <c r="H14454" s="8">
        <v>1</v>
      </c>
      <c r="I14454" s="8">
        <v>0</v>
      </c>
      <c r="J14454" s="8">
        <v>1</v>
      </c>
      <c r="K14454" s="9">
        <v>2.92</v>
      </c>
      <c r="L14454" s="6" t="s">
        <v>51</v>
      </c>
    </row>
    <row r="14455" spans="1:12">
      <c r="A14455" s="6" t="s">
        <v>49</v>
      </c>
      <c r="B14455" s="6"/>
      <c r="C14455" s="6" t="s">
        <v>14479</v>
      </c>
      <c r="D14455" s="6"/>
      <c r="E14455" s="6" t="s">
        <v>9</v>
      </c>
      <c r="F14455" s="7">
        <v>38657</v>
      </c>
      <c r="G14455" s="8">
        <v>1</v>
      </c>
      <c r="H14455" s="8">
        <v>1</v>
      </c>
      <c r="I14455" s="8">
        <v>0</v>
      </c>
      <c r="J14455" s="8">
        <v>1</v>
      </c>
      <c r="K14455" s="9">
        <v>55</v>
      </c>
      <c r="L14455" s="6" t="s">
        <v>51</v>
      </c>
    </row>
    <row r="14456" spans="1:12">
      <c r="A14456" s="6" t="s">
        <v>49</v>
      </c>
      <c r="B14456" s="6"/>
      <c r="C14456" s="6" t="s">
        <v>14480</v>
      </c>
      <c r="D14456" s="6"/>
      <c r="E14456" s="6" t="s">
        <v>9</v>
      </c>
      <c r="F14456" s="7">
        <v>38657</v>
      </c>
      <c r="G14456" s="8">
        <v>1</v>
      </c>
      <c r="H14456" s="8">
        <v>1</v>
      </c>
      <c r="I14456" s="8">
        <v>0</v>
      </c>
      <c r="J14456" s="8">
        <v>1</v>
      </c>
      <c r="K14456" s="9">
        <v>155</v>
      </c>
      <c r="L14456" s="6" t="s">
        <v>51</v>
      </c>
    </row>
    <row r="14457" spans="1:12">
      <c r="A14457" s="6" t="s">
        <v>49</v>
      </c>
      <c r="B14457" s="6"/>
      <c r="C14457" s="6" t="s">
        <v>14481</v>
      </c>
      <c r="D14457" s="6"/>
      <c r="E14457" s="6" t="s">
        <v>9</v>
      </c>
      <c r="F14457" s="7">
        <v>38657</v>
      </c>
      <c r="G14457" s="8">
        <v>1</v>
      </c>
      <c r="H14457" s="8">
        <v>1</v>
      </c>
      <c r="I14457" s="8">
        <v>0</v>
      </c>
      <c r="J14457" s="8">
        <v>1</v>
      </c>
      <c r="K14457" s="9">
        <v>0.59</v>
      </c>
      <c r="L14457" s="6" t="s">
        <v>51</v>
      </c>
    </row>
    <row r="14458" spans="1:12">
      <c r="A14458" s="6" t="s">
        <v>49</v>
      </c>
      <c r="B14458" s="6"/>
      <c r="C14458" s="6" t="s">
        <v>14482</v>
      </c>
      <c r="D14458" s="6"/>
      <c r="E14458" s="6" t="s">
        <v>9</v>
      </c>
      <c r="F14458" s="7">
        <v>40199</v>
      </c>
      <c r="G14458" s="8">
        <v>1</v>
      </c>
      <c r="H14458" s="8">
        <v>1</v>
      </c>
      <c r="I14458" s="8">
        <v>0</v>
      </c>
      <c r="J14458" s="8">
        <v>1</v>
      </c>
      <c r="K14458" s="9">
        <v>3.02</v>
      </c>
      <c r="L14458" s="6" t="s">
        <v>51</v>
      </c>
    </row>
    <row r="14459" spans="1:12">
      <c r="A14459" s="6" t="s">
        <v>49</v>
      </c>
      <c r="B14459" s="6"/>
      <c r="C14459" s="6" t="s">
        <v>14483</v>
      </c>
      <c r="D14459" s="6"/>
      <c r="E14459" s="6" t="s">
        <v>9</v>
      </c>
      <c r="F14459" s="7">
        <v>40199</v>
      </c>
      <c r="G14459" s="8">
        <v>1</v>
      </c>
      <c r="H14459" s="8">
        <v>1</v>
      </c>
      <c r="I14459" s="8">
        <v>0</v>
      </c>
      <c r="J14459" s="8">
        <v>1</v>
      </c>
      <c r="K14459" s="9">
        <v>2.56</v>
      </c>
      <c r="L14459" s="6" t="s">
        <v>51</v>
      </c>
    </row>
    <row r="14460" spans="1:12">
      <c r="A14460" s="6" t="s">
        <v>49</v>
      </c>
      <c r="B14460" s="6"/>
      <c r="C14460" s="6" t="s">
        <v>14484</v>
      </c>
      <c r="D14460" s="6"/>
      <c r="E14460" s="6" t="s">
        <v>9</v>
      </c>
      <c r="F14460" s="7">
        <v>38657</v>
      </c>
      <c r="G14460" s="8">
        <v>1</v>
      </c>
      <c r="H14460" s="8">
        <v>1</v>
      </c>
      <c r="I14460" s="8">
        <v>0</v>
      </c>
      <c r="J14460" s="8">
        <v>1</v>
      </c>
      <c r="K14460" s="9">
        <v>26</v>
      </c>
      <c r="L14460" s="6" t="s">
        <v>51</v>
      </c>
    </row>
    <row r="14461" spans="1:12">
      <c r="A14461" s="6" t="s">
        <v>49</v>
      </c>
      <c r="B14461" s="6"/>
      <c r="C14461" s="6" t="s">
        <v>14485</v>
      </c>
      <c r="D14461" s="6"/>
      <c r="E14461" s="6" t="s">
        <v>9</v>
      </c>
      <c r="F14461" s="7">
        <v>38657</v>
      </c>
      <c r="G14461" s="8">
        <v>1</v>
      </c>
      <c r="H14461" s="8">
        <v>1</v>
      </c>
      <c r="I14461" s="8">
        <v>0</v>
      </c>
      <c r="J14461" s="8">
        <v>1</v>
      </c>
      <c r="K14461" s="9">
        <v>0.04</v>
      </c>
      <c r="L14461" s="6" t="s">
        <v>51</v>
      </c>
    </row>
    <row r="14462" spans="1:12">
      <c r="A14462" s="6" t="s">
        <v>49</v>
      </c>
      <c r="B14462" s="6"/>
      <c r="C14462" s="6" t="s">
        <v>14486</v>
      </c>
      <c r="D14462" s="6"/>
      <c r="E14462" s="6" t="s">
        <v>9</v>
      </c>
      <c r="F14462" s="7">
        <v>38657</v>
      </c>
      <c r="G14462" s="8">
        <v>1</v>
      </c>
      <c r="H14462" s="8">
        <v>1</v>
      </c>
      <c r="I14462" s="8">
        <v>0</v>
      </c>
      <c r="J14462" s="8">
        <v>1</v>
      </c>
      <c r="K14462" s="9">
        <v>2.69</v>
      </c>
      <c r="L14462" s="6" t="s">
        <v>51</v>
      </c>
    </row>
    <row r="14463" spans="1:12">
      <c r="A14463" s="6" t="s">
        <v>49</v>
      </c>
      <c r="B14463" s="6"/>
      <c r="C14463" s="6" t="s">
        <v>14487</v>
      </c>
      <c r="D14463" s="6"/>
      <c r="E14463" s="6" t="s">
        <v>9</v>
      </c>
      <c r="F14463" s="7">
        <v>38657</v>
      </c>
      <c r="G14463" s="8">
        <v>1</v>
      </c>
      <c r="H14463" s="8">
        <v>1</v>
      </c>
      <c r="I14463" s="8">
        <v>0</v>
      </c>
      <c r="J14463" s="8">
        <v>1</v>
      </c>
      <c r="K14463" s="9">
        <v>178</v>
      </c>
      <c r="L14463" s="6" t="s">
        <v>51</v>
      </c>
    </row>
    <row r="14464" spans="1:12">
      <c r="A14464" s="6" t="s">
        <v>49</v>
      </c>
      <c r="B14464" s="6"/>
      <c r="C14464" s="6" t="s">
        <v>14488</v>
      </c>
      <c r="D14464" s="6"/>
      <c r="E14464" s="6" t="s">
        <v>9</v>
      </c>
      <c r="F14464" s="7">
        <v>38657</v>
      </c>
      <c r="G14464" s="8">
        <v>1</v>
      </c>
      <c r="H14464" s="8">
        <v>1</v>
      </c>
      <c r="I14464" s="8">
        <v>0</v>
      </c>
      <c r="J14464" s="8">
        <v>1</v>
      </c>
      <c r="K14464" s="9">
        <v>0.89</v>
      </c>
      <c r="L14464" s="6" t="s">
        <v>51</v>
      </c>
    </row>
    <row r="14465" spans="1:12">
      <c r="A14465" s="6" t="s">
        <v>49</v>
      </c>
      <c r="B14465" s="6"/>
      <c r="C14465" s="6" t="s">
        <v>14489</v>
      </c>
      <c r="D14465" s="6"/>
      <c r="E14465" s="6" t="s">
        <v>9</v>
      </c>
      <c r="F14465" s="7">
        <v>38657</v>
      </c>
      <c r="G14465" s="8">
        <v>1</v>
      </c>
      <c r="H14465" s="8">
        <v>1</v>
      </c>
      <c r="I14465" s="8">
        <v>0</v>
      </c>
      <c r="J14465" s="8">
        <v>1</v>
      </c>
      <c r="K14465" s="9">
        <v>567</v>
      </c>
      <c r="L14465" s="6" t="s">
        <v>51</v>
      </c>
    </row>
    <row r="14466" spans="1:12">
      <c r="A14466" s="6" t="s">
        <v>49</v>
      </c>
      <c r="B14466" s="6"/>
      <c r="C14466" s="6" t="s">
        <v>14490</v>
      </c>
      <c r="D14466" s="6"/>
      <c r="E14466" s="6" t="s">
        <v>9</v>
      </c>
      <c r="F14466" s="7">
        <v>38657</v>
      </c>
      <c r="G14466" s="8">
        <v>1</v>
      </c>
      <c r="H14466" s="8">
        <v>1</v>
      </c>
      <c r="I14466" s="8">
        <v>0</v>
      </c>
      <c r="J14466" s="8">
        <v>1</v>
      </c>
      <c r="K14466" s="9">
        <v>16</v>
      </c>
      <c r="L14466" s="6" t="s">
        <v>51</v>
      </c>
    </row>
    <row r="14467" spans="1:12">
      <c r="A14467" s="6" t="s">
        <v>49</v>
      </c>
      <c r="B14467" s="6"/>
      <c r="C14467" s="6" t="s">
        <v>14491</v>
      </c>
      <c r="D14467" s="6"/>
      <c r="E14467" s="6" t="s">
        <v>9</v>
      </c>
      <c r="F14467" s="7">
        <v>38657</v>
      </c>
      <c r="G14467" s="8">
        <v>1</v>
      </c>
      <c r="H14467" s="8">
        <v>1</v>
      </c>
      <c r="I14467" s="8">
        <v>0</v>
      </c>
      <c r="J14467" s="8">
        <v>1</v>
      </c>
      <c r="K14467" s="9">
        <v>1353</v>
      </c>
      <c r="L14467" s="6" t="s">
        <v>51</v>
      </c>
    </row>
    <row r="14468" spans="1:12">
      <c r="A14468" s="6" t="s">
        <v>49</v>
      </c>
      <c r="B14468" s="6"/>
      <c r="C14468" s="6" t="s">
        <v>14492</v>
      </c>
      <c r="D14468" s="6"/>
      <c r="E14468" s="6" t="s">
        <v>9</v>
      </c>
      <c r="F14468" s="7">
        <v>38657</v>
      </c>
      <c r="G14468" s="8">
        <v>1</v>
      </c>
      <c r="H14468" s="8">
        <v>1</v>
      </c>
      <c r="I14468" s="8">
        <v>0</v>
      </c>
      <c r="J14468" s="8">
        <v>1</v>
      </c>
      <c r="K14468" s="9">
        <v>101</v>
      </c>
      <c r="L14468" s="6" t="s">
        <v>51</v>
      </c>
    </row>
    <row r="14469" spans="1:12">
      <c r="A14469" s="6" t="s">
        <v>49</v>
      </c>
      <c r="B14469" s="6"/>
      <c r="C14469" s="6" t="s">
        <v>14493</v>
      </c>
      <c r="D14469" s="6"/>
      <c r="E14469" s="6" t="s">
        <v>9</v>
      </c>
      <c r="F14469" s="7">
        <v>38657</v>
      </c>
      <c r="G14469" s="8">
        <v>1</v>
      </c>
      <c r="H14469" s="8">
        <v>1</v>
      </c>
      <c r="I14469" s="8">
        <v>0</v>
      </c>
      <c r="J14469" s="8">
        <v>1</v>
      </c>
      <c r="K14469" s="9">
        <v>20.09</v>
      </c>
      <c r="L14469" s="6" t="s">
        <v>51</v>
      </c>
    </row>
    <row r="14470" spans="1:12">
      <c r="A14470" s="6" t="s">
        <v>49</v>
      </c>
      <c r="B14470" s="6"/>
      <c r="C14470" s="6" t="s">
        <v>14494</v>
      </c>
      <c r="D14470" s="6"/>
      <c r="E14470" s="6" t="s">
        <v>9</v>
      </c>
      <c r="F14470" s="7">
        <v>38657</v>
      </c>
      <c r="G14470" s="8">
        <v>1</v>
      </c>
      <c r="H14470" s="8">
        <v>1</v>
      </c>
      <c r="I14470" s="8">
        <v>0</v>
      </c>
      <c r="J14470" s="8">
        <v>1</v>
      </c>
      <c r="K14470" s="9">
        <v>422.74</v>
      </c>
      <c r="L14470" s="6" t="s">
        <v>51</v>
      </c>
    </row>
    <row r="14471" spans="1:12">
      <c r="A14471" s="6" t="s">
        <v>49</v>
      </c>
      <c r="B14471" s="6"/>
      <c r="C14471" s="6" t="s">
        <v>14495</v>
      </c>
      <c r="D14471" s="6"/>
      <c r="E14471" s="6" t="s">
        <v>9</v>
      </c>
      <c r="F14471" s="7">
        <v>38657</v>
      </c>
      <c r="G14471" s="8">
        <v>1</v>
      </c>
      <c r="H14471" s="8">
        <v>1</v>
      </c>
      <c r="I14471" s="8">
        <v>0</v>
      </c>
      <c r="J14471" s="8">
        <v>1</v>
      </c>
      <c r="K14471" s="9">
        <v>1616</v>
      </c>
      <c r="L14471" s="6" t="s">
        <v>51</v>
      </c>
    </row>
    <row r="14472" spans="1:12">
      <c r="A14472" s="6" t="s">
        <v>49</v>
      </c>
      <c r="B14472" s="6"/>
      <c r="C14472" s="6" t="s">
        <v>14496</v>
      </c>
      <c r="D14472" s="6"/>
      <c r="E14472" s="6" t="s">
        <v>9</v>
      </c>
      <c r="F14472" s="7">
        <v>38657</v>
      </c>
      <c r="G14472" s="8">
        <v>1</v>
      </c>
      <c r="H14472" s="8">
        <v>1</v>
      </c>
      <c r="I14472" s="8">
        <v>0</v>
      </c>
      <c r="J14472" s="8">
        <v>1</v>
      </c>
      <c r="K14472" s="9">
        <v>1635</v>
      </c>
      <c r="L14472" s="6" t="s">
        <v>51</v>
      </c>
    </row>
    <row r="14473" spans="1:12">
      <c r="A14473" s="6" t="s">
        <v>49</v>
      </c>
      <c r="B14473" s="6"/>
      <c r="C14473" s="6" t="s">
        <v>14497</v>
      </c>
      <c r="D14473" s="6"/>
      <c r="E14473" s="6" t="s">
        <v>9</v>
      </c>
      <c r="F14473" s="7">
        <v>38657</v>
      </c>
      <c r="G14473" s="8">
        <v>1</v>
      </c>
      <c r="H14473" s="8">
        <v>1</v>
      </c>
      <c r="I14473" s="8">
        <v>0</v>
      </c>
      <c r="J14473" s="8">
        <v>1</v>
      </c>
      <c r="K14473" s="9">
        <v>680</v>
      </c>
      <c r="L14473" s="6" t="s">
        <v>51</v>
      </c>
    </row>
    <row r="14474" spans="1:12">
      <c r="A14474" s="6" t="s">
        <v>49</v>
      </c>
      <c r="B14474" s="6"/>
      <c r="C14474" s="6" t="s">
        <v>14498</v>
      </c>
      <c r="D14474" s="6"/>
      <c r="E14474" s="6" t="s">
        <v>9</v>
      </c>
      <c r="F14474" s="7">
        <v>38657</v>
      </c>
      <c r="G14474" s="8">
        <v>1</v>
      </c>
      <c r="H14474" s="8">
        <v>1</v>
      </c>
      <c r="I14474" s="8">
        <v>0</v>
      </c>
      <c r="J14474" s="8">
        <v>1</v>
      </c>
      <c r="K14474" s="9">
        <v>540</v>
      </c>
      <c r="L14474" s="6" t="s">
        <v>51</v>
      </c>
    </row>
    <row r="14475" spans="1:12">
      <c r="A14475" s="6" t="s">
        <v>49</v>
      </c>
      <c r="B14475" s="6"/>
      <c r="C14475" s="6" t="s">
        <v>14499</v>
      </c>
      <c r="D14475" s="6"/>
      <c r="E14475" s="6" t="s">
        <v>9</v>
      </c>
      <c r="F14475" s="7">
        <v>38657</v>
      </c>
      <c r="G14475" s="8">
        <v>1</v>
      </c>
      <c r="H14475" s="8">
        <v>1</v>
      </c>
      <c r="I14475" s="8">
        <v>0</v>
      </c>
      <c r="J14475" s="8">
        <v>1</v>
      </c>
      <c r="K14475" s="9">
        <v>1377</v>
      </c>
      <c r="L14475" s="6" t="s">
        <v>51</v>
      </c>
    </row>
    <row r="14476" spans="1:12">
      <c r="A14476" s="6" t="s">
        <v>49</v>
      </c>
      <c r="B14476" s="6"/>
      <c r="C14476" s="6" t="s">
        <v>14500</v>
      </c>
      <c r="D14476" s="6"/>
      <c r="E14476" s="6" t="s">
        <v>9</v>
      </c>
      <c r="F14476" s="7">
        <v>38657</v>
      </c>
      <c r="G14476" s="8">
        <v>1</v>
      </c>
      <c r="H14476" s="8">
        <v>1</v>
      </c>
      <c r="I14476" s="8">
        <v>0</v>
      </c>
      <c r="J14476" s="8">
        <v>1</v>
      </c>
      <c r="K14476" s="9">
        <v>1821</v>
      </c>
      <c r="L14476" s="6" t="s">
        <v>51</v>
      </c>
    </row>
    <row r="14477" spans="1:12">
      <c r="A14477" s="6" t="s">
        <v>49</v>
      </c>
      <c r="B14477" s="6"/>
      <c r="C14477" s="6" t="s">
        <v>14501</v>
      </c>
      <c r="D14477" s="6"/>
      <c r="E14477" s="6" t="s">
        <v>9</v>
      </c>
      <c r="F14477" s="7">
        <v>38657</v>
      </c>
      <c r="G14477" s="8">
        <v>1</v>
      </c>
      <c r="H14477" s="8">
        <v>1</v>
      </c>
      <c r="I14477" s="8">
        <v>0</v>
      </c>
      <c r="J14477" s="8">
        <v>1</v>
      </c>
      <c r="K14477" s="9">
        <v>774</v>
      </c>
      <c r="L14477" s="6" t="s">
        <v>51</v>
      </c>
    </row>
    <row r="14478" spans="1:12">
      <c r="A14478" s="6" t="s">
        <v>49</v>
      </c>
      <c r="B14478" s="6"/>
      <c r="C14478" s="6" t="s">
        <v>14502</v>
      </c>
      <c r="D14478" s="6"/>
      <c r="E14478" s="6" t="s">
        <v>9</v>
      </c>
      <c r="F14478" s="7">
        <v>38657</v>
      </c>
      <c r="G14478" s="8">
        <v>1</v>
      </c>
      <c r="H14478" s="8">
        <v>1</v>
      </c>
      <c r="I14478" s="8">
        <v>0</v>
      </c>
      <c r="J14478" s="8">
        <v>1</v>
      </c>
      <c r="K14478" s="9">
        <v>133</v>
      </c>
      <c r="L14478" s="6" t="s">
        <v>51</v>
      </c>
    </row>
    <row r="14479" spans="1:12">
      <c r="A14479" s="6" t="s">
        <v>49</v>
      </c>
      <c r="B14479" s="6"/>
      <c r="C14479" s="6" t="s">
        <v>14503</v>
      </c>
      <c r="D14479" s="6"/>
      <c r="E14479" s="6" t="s">
        <v>9</v>
      </c>
      <c r="F14479" s="7">
        <v>38657</v>
      </c>
      <c r="G14479" s="8">
        <v>1</v>
      </c>
      <c r="H14479" s="8">
        <v>1</v>
      </c>
      <c r="I14479" s="8">
        <v>0</v>
      </c>
      <c r="J14479" s="8">
        <v>1</v>
      </c>
      <c r="K14479" s="9">
        <v>758</v>
      </c>
      <c r="L14479" s="6" t="s">
        <v>51</v>
      </c>
    </row>
    <row r="14480" spans="1:12">
      <c r="A14480" s="6" t="s">
        <v>49</v>
      </c>
      <c r="B14480" s="6"/>
      <c r="C14480" s="6" t="s">
        <v>14504</v>
      </c>
      <c r="D14480" s="6"/>
      <c r="E14480" s="6" t="s">
        <v>9</v>
      </c>
      <c r="F14480" s="7">
        <v>38657</v>
      </c>
      <c r="G14480" s="8">
        <v>1</v>
      </c>
      <c r="H14480" s="8">
        <v>1</v>
      </c>
      <c r="I14480" s="8">
        <v>0</v>
      </c>
      <c r="J14480" s="8">
        <v>1</v>
      </c>
      <c r="K14480" s="9">
        <v>44</v>
      </c>
      <c r="L14480" s="6" t="s">
        <v>51</v>
      </c>
    </row>
    <row r="14481" spans="1:12">
      <c r="A14481" s="6" t="s">
        <v>49</v>
      </c>
      <c r="B14481" s="6"/>
      <c r="C14481" s="6" t="s">
        <v>14505</v>
      </c>
      <c r="D14481" s="6"/>
      <c r="E14481" s="6" t="s">
        <v>9</v>
      </c>
      <c r="F14481" s="7">
        <v>38657</v>
      </c>
      <c r="G14481" s="8">
        <v>1</v>
      </c>
      <c r="H14481" s="8">
        <v>1</v>
      </c>
      <c r="I14481" s="8">
        <v>0</v>
      </c>
      <c r="J14481" s="8">
        <v>1</v>
      </c>
      <c r="K14481" s="9">
        <v>179</v>
      </c>
      <c r="L14481" s="6" t="s">
        <v>51</v>
      </c>
    </row>
    <row r="14482" spans="1:12">
      <c r="A14482" s="6" t="s">
        <v>49</v>
      </c>
      <c r="B14482" s="6"/>
      <c r="C14482" s="6" t="s">
        <v>14506</v>
      </c>
      <c r="D14482" s="6"/>
      <c r="E14482" s="6" t="s">
        <v>9</v>
      </c>
      <c r="F14482" s="7">
        <v>38657</v>
      </c>
      <c r="G14482" s="8">
        <v>1</v>
      </c>
      <c r="H14482" s="8">
        <v>1</v>
      </c>
      <c r="I14482" s="8">
        <v>0</v>
      </c>
      <c r="J14482" s="8">
        <v>1</v>
      </c>
      <c r="K14482" s="9">
        <v>213</v>
      </c>
      <c r="L14482" s="6" t="s">
        <v>51</v>
      </c>
    </row>
    <row r="14483" spans="1:12">
      <c r="A14483" s="6" t="s">
        <v>49</v>
      </c>
      <c r="B14483" s="6"/>
      <c r="C14483" s="6" t="s">
        <v>14507</v>
      </c>
      <c r="D14483" s="6"/>
      <c r="E14483" s="6" t="s">
        <v>9</v>
      </c>
      <c r="F14483" s="7">
        <v>38657</v>
      </c>
      <c r="G14483" s="8">
        <v>1</v>
      </c>
      <c r="H14483" s="8">
        <v>1</v>
      </c>
      <c r="I14483" s="8">
        <v>0</v>
      </c>
      <c r="J14483" s="8">
        <v>1</v>
      </c>
      <c r="K14483" s="9">
        <v>893</v>
      </c>
      <c r="L14483" s="6" t="s">
        <v>51</v>
      </c>
    </row>
    <row r="14484" spans="1:12">
      <c r="A14484" s="6" t="s">
        <v>49</v>
      </c>
      <c r="B14484" s="6"/>
      <c r="C14484" s="6" t="s">
        <v>14508</v>
      </c>
      <c r="D14484" s="6"/>
      <c r="E14484" s="6" t="s">
        <v>9</v>
      </c>
      <c r="F14484" s="7">
        <v>38657</v>
      </c>
      <c r="G14484" s="8">
        <v>1</v>
      </c>
      <c r="H14484" s="8">
        <v>1</v>
      </c>
      <c r="I14484" s="8">
        <v>0</v>
      </c>
      <c r="J14484" s="8">
        <v>1</v>
      </c>
      <c r="K14484" s="9">
        <v>20</v>
      </c>
      <c r="L14484" s="6" t="s">
        <v>51</v>
      </c>
    </row>
    <row r="14485" spans="1:12">
      <c r="A14485" s="6" t="s">
        <v>49</v>
      </c>
      <c r="B14485" s="6"/>
      <c r="C14485" s="6" t="s">
        <v>14509</v>
      </c>
      <c r="D14485" s="6"/>
      <c r="E14485" s="6" t="s">
        <v>9</v>
      </c>
      <c r="F14485" s="7">
        <v>38657</v>
      </c>
      <c r="G14485" s="8">
        <v>1</v>
      </c>
      <c r="H14485" s="8">
        <v>1</v>
      </c>
      <c r="I14485" s="8">
        <v>0</v>
      </c>
      <c r="J14485" s="8">
        <v>1</v>
      </c>
      <c r="K14485" s="9">
        <v>8.41</v>
      </c>
      <c r="L14485" s="6" t="s">
        <v>51</v>
      </c>
    </row>
    <row r="14486" spans="1:12">
      <c r="A14486" s="6" t="s">
        <v>49</v>
      </c>
      <c r="B14486" s="6"/>
      <c r="C14486" s="6" t="s">
        <v>14510</v>
      </c>
      <c r="D14486" s="6"/>
      <c r="E14486" s="6" t="s">
        <v>9</v>
      </c>
      <c r="F14486" s="7">
        <v>38657</v>
      </c>
      <c r="G14486" s="8">
        <v>1</v>
      </c>
      <c r="H14486" s="8">
        <v>1</v>
      </c>
      <c r="I14486" s="8">
        <v>0</v>
      </c>
      <c r="J14486" s="8">
        <v>1</v>
      </c>
      <c r="K14486" s="9">
        <v>174</v>
      </c>
      <c r="L14486" s="6" t="s">
        <v>51</v>
      </c>
    </row>
    <row r="14487" spans="1:12">
      <c r="A14487" s="6" t="s">
        <v>49</v>
      </c>
      <c r="B14487" s="6"/>
      <c r="C14487" s="6" t="s">
        <v>14511</v>
      </c>
      <c r="D14487" s="6"/>
      <c r="E14487" s="6" t="s">
        <v>9</v>
      </c>
      <c r="F14487" s="7">
        <v>38657</v>
      </c>
      <c r="G14487" s="8">
        <v>1</v>
      </c>
      <c r="H14487" s="8">
        <v>1</v>
      </c>
      <c r="I14487" s="8">
        <v>0</v>
      </c>
      <c r="J14487" s="8">
        <v>1</v>
      </c>
      <c r="K14487" s="9">
        <v>0.57999999999999896</v>
      </c>
      <c r="L14487" s="6" t="s">
        <v>51</v>
      </c>
    </row>
    <row r="14488" spans="1:12">
      <c r="A14488" s="6" t="s">
        <v>49</v>
      </c>
      <c r="B14488" s="6"/>
      <c r="C14488" s="6" t="s">
        <v>14512</v>
      </c>
      <c r="D14488" s="6"/>
      <c r="E14488" s="6" t="s">
        <v>9</v>
      </c>
      <c r="F14488" s="7"/>
      <c r="G14488" s="8">
        <v>1</v>
      </c>
      <c r="H14488" s="8">
        <v>1</v>
      </c>
      <c r="I14488" s="8">
        <v>0</v>
      </c>
      <c r="J14488" s="8">
        <v>1</v>
      </c>
      <c r="K14488" s="9">
        <v>37</v>
      </c>
      <c r="L14488" s="6" t="s">
        <v>51</v>
      </c>
    </row>
    <row r="14489" spans="1:12">
      <c r="A14489" s="6" t="s">
        <v>49</v>
      </c>
      <c r="B14489" s="6"/>
      <c r="C14489" s="6" t="s">
        <v>14513</v>
      </c>
      <c r="D14489" s="6"/>
      <c r="E14489" s="6" t="s">
        <v>9</v>
      </c>
      <c r="F14489" s="7"/>
      <c r="G14489" s="8">
        <v>1</v>
      </c>
      <c r="H14489" s="8">
        <v>1</v>
      </c>
      <c r="I14489" s="8">
        <v>0</v>
      </c>
      <c r="J14489" s="8">
        <v>1</v>
      </c>
      <c r="K14489" s="9">
        <v>0.1</v>
      </c>
      <c r="L14489" s="6" t="s">
        <v>51</v>
      </c>
    </row>
    <row r="14490" spans="1:12">
      <c r="A14490" s="6" t="s">
        <v>49</v>
      </c>
      <c r="B14490" s="6"/>
      <c r="C14490" s="6" t="s">
        <v>14514</v>
      </c>
      <c r="D14490" s="6"/>
      <c r="E14490" s="6" t="s">
        <v>9</v>
      </c>
      <c r="F14490" s="7"/>
      <c r="G14490" s="8">
        <v>1</v>
      </c>
      <c r="H14490" s="8">
        <v>1</v>
      </c>
      <c r="I14490" s="8">
        <v>0</v>
      </c>
      <c r="J14490" s="8">
        <v>1</v>
      </c>
      <c r="K14490" s="9">
        <v>2.35</v>
      </c>
      <c r="L14490" s="6" t="s">
        <v>51</v>
      </c>
    </row>
    <row r="14491" spans="1:12">
      <c r="A14491" s="6" t="s">
        <v>49</v>
      </c>
      <c r="B14491" s="6"/>
      <c r="C14491" s="6" t="s">
        <v>14515</v>
      </c>
      <c r="D14491" s="6"/>
      <c r="E14491" s="6" t="s">
        <v>9</v>
      </c>
      <c r="F14491" s="7">
        <v>38657</v>
      </c>
      <c r="G14491" s="8">
        <v>1</v>
      </c>
      <c r="H14491" s="8">
        <v>1</v>
      </c>
      <c r="I14491" s="8">
        <v>0</v>
      </c>
      <c r="J14491" s="8">
        <v>1</v>
      </c>
      <c r="K14491" s="9">
        <v>157.19999999999899</v>
      </c>
      <c r="L14491" s="6" t="s">
        <v>51</v>
      </c>
    </row>
    <row r="14492" spans="1:12">
      <c r="A14492" s="6" t="s">
        <v>49</v>
      </c>
      <c r="B14492" s="6"/>
      <c r="C14492" s="6" t="s">
        <v>14516</v>
      </c>
      <c r="D14492" s="6"/>
      <c r="E14492" s="6" t="s">
        <v>9</v>
      </c>
      <c r="F14492" s="7"/>
      <c r="G14492" s="8">
        <v>1</v>
      </c>
      <c r="H14492" s="8">
        <v>1</v>
      </c>
      <c r="I14492" s="8">
        <v>0</v>
      </c>
      <c r="J14492" s="8">
        <v>1</v>
      </c>
      <c r="K14492" s="9">
        <v>288</v>
      </c>
      <c r="L14492" s="6" t="s">
        <v>51</v>
      </c>
    </row>
    <row r="14493" spans="1:12">
      <c r="A14493" s="6" t="s">
        <v>49</v>
      </c>
      <c r="B14493" s="6"/>
      <c r="C14493" s="6" t="s">
        <v>14517</v>
      </c>
      <c r="D14493" s="6"/>
      <c r="E14493" s="6" t="s">
        <v>9</v>
      </c>
      <c r="F14493" s="7"/>
      <c r="G14493" s="8">
        <v>1</v>
      </c>
      <c r="H14493" s="8">
        <v>1</v>
      </c>
      <c r="I14493" s="8">
        <v>0</v>
      </c>
      <c r="J14493" s="8">
        <v>1</v>
      </c>
      <c r="K14493" s="9">
        <v>54</v>
      </c>
      <c r="L14493" s="6" t="s">
        <v>51</v>
      </c>
    </row>
    <row r="14494" spans="1:12">
      <c r="A14494" s="6" t="s">
        <v>49</v>
      </c>
      <c r="B14494" s="6"/>
      <c r="C14494" s="6" t="s">
        <v>14518</v>
      </c>
      <c r="D14494" s="6"/>
      <c r="E14494" s="6" t="s">
        <v>9</v>
      </c>
      <c r="F14494" s="7"/>
      <c r="G14494" s="8">
        <v>1</v>
      </c>
      <c r="H14494" s="8">
        <v>1</v>
      </c>
      <c r="I14494" s="8">
        <v>0</v>
      </c>
      <c r="J14494" s="8">
        <v>1</v>
      </c>
      <c r="K14494" s="9">
        <v>41</v>
      </c>
      <c r="L14494" s="6" t="s">
        <v>51</v>
      </c>
    </row>
    <row r="14495" spans="1:12">
      <c r="A14495" s="6" t="s">
        <v>49</v>
      </c>
      <c r="B14495" s="6"/>
      <c r="C14495" s="6" t="s">
        <v>14519</v>
      </c>
      <c r="D14495" s="6"/>
      <c r="E14495" s="6" t="s">
        <v>9</v>
      </c>
      <c r="F14495" s="7"/>
      <c r="G14495" s="8">
        <v>1</v>
      </c>
      <c r="H14495" s="8">
        <v>1</v>
      </c>
      <c r="I14495" s="8">
        <v>0</v>
      </c>
      <c r="J14495" s="8">
        <v>1</v>
      </c>
      <c r="K14495" s="9">
        <v>30</v>
      </c>
      <c r="L14495" s="6" t="s">
        <v>51</v>
      </c>
    </row>
    <row r="14496" spans="1:12">
      <c r="A14496" s="6" t="s">
        <v>49</v>
      </c>
      <c r="B14496" s="6"/>
      <c r="C14496" s="6" t="s">
        <v>14520</v>
      </c>
      <c r="D14496" s="6"/>
      <c r="E14496" s="6" t="s">
        <v>9</v>
      </c>
      <c r="F14496" s="7"/>
      <c r="G14496" s="8">
        <v>1</v>
      </c>
      <c r="H14496" s="8">
        <v>1</v>
      </c>
      <c r="I14496" s="8">
        <v>0</v>
      </c>
      <c r="J14496" s="8">
        <v>1</v>
      </c>
      <c r="K14496" s="9">
        <v>380</v>
      </c>
      <c r="L14496" s="6" t="s">
        <v>51</v>
      </c>
    </row>
    <row r="14497" spans="1:12">
      <c r="A14497" s="6" t="s">
        <v>49</v>
      </c>
      <c r="B14497" s="6"/>
      <c r="C14497" s="6" t="s">
        <v>14521</v>
      </c>
      <c r="D14497" s="6"/>
      <c r="E14497" s="6" t="s">
        <v>9</v>
      </c>
      <c r="F14497" s="7"/>
      <c r="G14497" s="8">
        <v>1</v>
      </c>
      <c r="H14497" s="8">
        <v>1</v>
      </c>
      <c r="I14497" s="8">
        <v>0</v>
      </c>
      <c r="J14497" s="8">
        <v>1</v>
      </c>
      <c r="K14497" s="9">
        <v>351</v>
      </c>
      <c r="L14497" s="6" t="s">
        <v>51</v>
      </c>
    </row>
    <row r="14498" spans="1:12">
      <c r="A14498" s="6" t="s">
        <v>49</v>
      </c>
      <c r="B14498" s="6"/>
      <c r="C14498" s="6" t="s">
        <v>14522</v>
      </c>
      <c r="D14498" s="6"/>
      <c r="E14498" s="6" t="s">
        <v>9</v>
      </c>
      <c r="F14498" s="7"/>
      <c r="G14498" s="8">
        <v>1</v>
      </c>
      <c r="H14498" s="8">
        <v>1</v>
      </c>
      <c r="I14498" s="8">
        <v>0</v>
      </c>
      <c r="J14498" s="8">
        <v>1</v>
      </c>
      <c r="K14498" s="9">
        <v>320</v>
      </c>
      <c r="L14498" s="6" t="s">
        <v>51</v>
      </c>
    </row>
    <row r="14499" spans="1:12">
      <c r="A14499" s="6" t="s">
        <v>49</v>
      </c>
      <c r="B14499" s="6"/>
      <c r="C14499" s="6" t="s">
        <v>14523</v>
      </c>
      <c r="D14499" s="6"/>
      <c r="E14499" s="6" t="s">
        <v>9</v>
      </c>
      <c r="F14499" s="7"/>
      <c r="G14499" s="8">
        <v>1</v>
      </c>
      <c r="H14499" s="8">
        <v>1</v>
      </c>
      <c r="I14499" s="8">
        <v>0</v>
      </c>
      <c r="J14499" s="8">
        <v>1</v>
      </c>
      <c r="K14499" s="9">
        <v>72</v>
      </c>
      <c r="L14499" s="6" t="s">
        <v>51</v>
      </c>
    </row>
    <row r="14500" spans="1:12">
      <c r="A14500" s="6" t="s">
        <v>49</v>
      </c>
      <c r="B14500" s="6"/>
      <c r="C14500" s="6" t="s">
        <v>14524</v>
      </c>
      <c r="D14500" s="6"/>
      <c r="E14500" s="6" t="s">
        <v>9</v>
      </c>
      <c r="F14500" s="7">
        <v>38657</v>
      </c>
      <c r="G14500" s="8">
        <v>1</v>
      </c>
      <c r="H14500" s="8">
        <v>1</v>
      </c>
      <c r="I14500" s="8">
        <v>0</v>
      </c>
      <c r="J14500" s="8">
        <v>1</v>
      </c>
      <c r="K14500" s="9">
        <v>1396</v>
      </c>
      <c r="L14500" s="6" t="s">
        <v>51</v>
      </c>
    </row>
    <row r="14501" spans="1:12">
      <c r="A14501" s="6" t="s">
        <v>49</v>
      </c>
      <c r="B14501" s="6"/>
      <c r="C14501" s="6" t="s">
        <v>14525</v>
      </c>
      <c r="D14501" s="6"/>
      <c r="E14501" s="6" t="s">
        <v>9</v>
      </c>
      <c r="F14501" s="7">
        <v>38657</v>
      </c>
      <c r="G14501" s="8">
        <v>1</v>
      </c>
      <c r="H14501" s="8">
        <v>1</v>
      </c>
      <c r="I14501" s="8">
        <v>0</v>
      </c>
      <c r="J14501" s="8">
        <v>1</v>
      </c>
      <c r="K14501" s="9">
        <v>2667</v>
      </c>
      <c r="L14501" s="6" t="s">
        <v>51</v>
      </c>
    </row>
    <row r="14502" spans="1:12">
      <c r="A14502" s="6" t="s">
        <v>49</v>
      </c>
      <c r="B14502" s="6"/>
      <c r="C14502" s="6" t="s">
        <v>14526</v>
      </c>
      <c r="D14502" s="6"/>
      <c r="E14502" s="6" t="s">
        <v>9</v>
      </c>
      <c r="F14502" s="7">
        <v>38657</v>
      </c>
      <c r="G14502" s="8">
        <v>1</v>
      </c>
      <c r="H14502" s="8">
        <v>1</v>
      </c>
      <c r="I14502" s="8">
        <v>0</v>
      </c>
      <c r="J14502" s="8">
        <v>1</v>
      </c>
      <c r="K14502" s="9">
        <v>189</v>
      </c>
      <c r="L14502" s="6" t="s">
        <v>51</v>
      </c>
    </row>
    <row r="14503" spans="1:12">
      <c r="A14503" s="6" t="s">
        <v>49</v>
      </c>
      <c r="B14503" s="6"/>
      <c r="C14503" s="6" t="s">
        <v>14527</v>
      </c>
      <c r="D14503" s="6"/>
      <c r="E14503" s="6" t="s">
        <v>9</v>
      </c>
      <c r="F14503" s="7">
        <v>38657</v>
      </c>
      <c r="G14503" s="8">
        <v>1</v>
      </c>
      <c r="H14503" s="8">
        <v>1</v>
      </c>
      <c r="I14503" s="8">
        <v>0</v>
      </c>
      <c r="J14503" s="8">
        <v>1</v>
      </c>
      <c r="K14503" s="9">
        <v>3389</v>
      </c>
      <c r="L14503" s="6" t="s">
        <v>51</v>
      </c>
    </row>
    <row r="14504" spans="1:12">
      <c r="A14504" s="6" t="s">
        <v>49</v>
      </c>
      <c r="B14504" s="6"/>
      <c r="C14504" s="6" t="s">
        <v>14528</v>
      </c>
      <c r="D14504" s="6"/>
      <c r="E14504" s="6" t="s">
        <v>9</v>
      </c>
      <c r="F14504" s="7">
        <v>38657</v>
      </c>
      <c r="G14504" s="8">
        <v>1</v>
      </c>
      <c r="H14504" s="8">
        <v>1</v>
      </c>
      <c r="I14504" s="8">
        <v>0</v>
      </c>
      <c r="J14504" s="8">
        <v>1</v>
      </c>
      <c r="K14504" s="9">
        <v>1931</v>
      </c>
      <c r="L14504" s="6" t="s">
        <v>51</v>
      </c>
    </row>
    <row r="14505" spans="1:12">
      <c r="A14505" s="6" t="s">
        <v>49</v>
      </c>
      <c r="B14505" s="6"/>
      <c r="C14505" s="6" t="s">
        <v>14529</v>
      </c>
      <c r="D14505" s="6"/>
      <c r="E14505" s="6" t="s">
        <v>9</v>
      </c>
      <c r="F14505" s="7">
        <v>38657</v>
      </c>
      <c r="G14505" s="8">
        <v>1</v>
      </c>
      <c r="H14505" s="8">
        <v>1</v>
      </c>
      <c r="I14505" s="8">
        <v>0</v>
      </c>
      <c r="J14505" s="8">
        <v>1</v>
      </c>
      <c r="K14505" s="9">
        <v>737</v>
      </c>
      <c r="L14505" s="6" t="s">
        <v>51</v>
      </c>
    </row>
    <row r="14506" spans="1:12">
      <c r="A14506" s="6" t="s">
        <v>49</v>
      </c>
      <c r="B14506" s="6"/>
      <c r="C14506" s="6" t="s">
        <v>14530</v>
      </c>
      <c r="D14506" s="6"/>
      <c r="E14506" s="6" t="s">
        <v>9</v>
      </c>
      <c r="F14506" s="7">
        <v>38657</v>
      </c>
      <c r="G14506" s="8">
        <v>1</v>
      </c>
      <c r="H14506" s="8">
        <v>1</v>
      </c>
      <c r="I14506" s="8">
        <v>0</v>
      </c>
      <c r="J14506" s="8">
        <v>1</v>
      </c>
      <c r="K14506" s="9">
        <v>366</v>
      </c>
      <c r="L14506" s="6" t="s">
        <v>51</v>
      </c>
    </row>
    <row r="14507" spans="1:12">
      <c r="A14507" s="6" t="s">
        <v>49</v>
      </c>
      <c r="B14507" s="6"/>
      <c r="C14507" s="6" t="s">
        <v>14531</v>
      </c>
      <c r="D14507" s="6"/>
      <c r="E14507" s="6" t="s">
        <v>9</v>
      </c>
      <c r="F14507" s="7">
        <v>38657</v>
      </c>
      <c r="G14507" s="8">
        <v>1</v>
      </c>
      <c r="H14507" s="8">
        <v>1</v>
      </c>
      <c r="I14507" s="8">
        <v>0</v>
      </c>
      <c r="J14507" s="8">
        <v>1</v>
      </c>
      <c r="K14507" s="9">
        <v>814</v>
      </c>
      <c r="L14507" s="6" t="s">
        <v>51</v>
      </c>
    </row>
    <row r="14508" spans="1:12">
      <c r="A14508" s="6" t="s">
        <v>49</v>
      </c>
      <c r="B14508" s="6"/>
      <c r="C14508" s="6" t="s">
        <v>14532</v>
      </c>
      <c r="D14508" s="6"/>
      <c r="E14508" s="6" t="s">
        <v>9</v>
      </c>
      <c r="F14508" s="7">
        <v>38657</v>
      </c>
      <c r="G14508" s="8">
        <v>1</v>
      </c>
      <c r="H14508" s="8">
        <v>1</v>
      </c>
      <c r="I14508" s="8">
        <v>0</v>
      </c>
      <c r="J14508" s="8">
        <v>1</v>
      </c>
      <c r="K14508" s="9">
        <v>955</v>
      </c>
      <c r="L14508" s="6" t="s">
        <v>51</v>
      </c>
    </row>
    <row r="14509" spans="1:12">
      <c r="A14509" s="6" t="s">
        <v>49</v>
      </c>
      <c r="B14509" s="6"/>
      <c r="C14509" s="6" t="s">
        <v>14533</v>
      </c>
      <c r="D14509" s="6"/>
      <c r="E14509" s="6" t="s">
        <v>9</v>
      </c>
      <c r="F14509" s="7">
        <v>38657</v>
      </c>
      <c r="G14509" s="8">
        <v>1</v>
      </c>
      <c r="H14509" s="8">
        <v>1</v>
      </c>
      <c r="I14509" s="8">
        <v>0</v>
      </c>
      <c r="J14509" s="8">
        <v>1</v>
      </c>
      <c r="K14509" s="9">
        <v>212</v>
      </c>
      <c r="L14509" s="6" t="s">
        <v>51</v>
      </c>
    </row>
    <row r="14510" spans="1:12">
      <c r="A14510" s="6" t="s">
        <v>49</v>
      </c>
      <c r="B14510" s="6"/>
      <c r="C14510" s="6" t="s">
        <v>14534</v>
      </c>
      <c r="D14510" s="6"/>
      <c r="E14510" s="6" t="s">
        <v>9</v>
      </c>
      <c r="F14510" s="7">
        <v>38657</v>
      </c>
      <c r="G14510" s="8">
        <v>1</v>
      </c>
      <c r="H14510" s="8">
        <v>1</v>
      </c>
      <c r="I14510" s="8">
        <v>0</v>
      </c>
      <c r="J14510" s="8">
        <v>1</v>
      </c>
      <c r="K14510" s="9">
        <v>1175</v>
      </c>
      <c r="L14510" s="6" t="s">
        <v>51</v>
      </c>
    </row>
    <row r="14511" spans="1:12">
      <c r="A14511" s="6" t="s">
        <v>49</v>
      </c>
      <c r="B14511" s="6"/>
      <c r="C14511" s="6" t="s">
        <v>14535</v>
      </c>
      <c r="D14511" s="6"/>
      <c r="E14511" s="6" t="s">
        <v>9</v>
      </c>
      <c r="F14511" s="7">
        <v>38657</v>
      </c>
      <c r="G14511" s="8">
        <v>1</v>
      </c>
      <c r="H14511" s="8">
        <v>1</v>
      </c>
      <c r="I14511" s="8">
        <v>0</v>
      </c>
      <c r="J14511" s="8">
        <v>1</v>
      </c>
      <c r="K14511" s="9">
        <v>786</v>
      </c>
      <c r="L14511" s="6" t="s">
        <v>51</v>
      </c>
    </row>
    <row r="14512" spans="1:12">
      <c r="A14512" s="6" t="s">
        <v>49</v>
      </c>
      <c r="B14512" s="6"/>
      <c r="C14512" s="6" t="s">
        <v>14536</v>
      </c>
      <c r="D14512" s="6"/>
      <c r="E14512" s="6" t="s">
        <v>9</v>
      </c>
      <c r="F14512" s="7"/>
      <c r="G14512" s="8">
        <v>1</v>
      </c>
      <c r="H14512" s="8">
        <v>1</v>
      </c>
      <c r="I14512" s="8">
        <v>0</v>
      </c>
      <c r="J14512" s="8">
        <v>1</v>
      </c>
      <c r="K14512" s="9">
        <v>314</v>
      </c>
      <c r="L14512" s="6" t="s">
        <v>51</v>
      </c>
    </row>
    <row r="14513" spans="1:12">
      <c r="A14513" s="6" t="s">
        <v>49</v>
      </c>
      <c r="B14513" s="6"/>
      <c r="C14513" s="6" t="s">
        <v>14537</v>
      </c>
      <c r="D14513" s="6"/>
      <c r="E14513" s="6" t="s">
        <v>9</v>
      </c>
      <c r="F14513" s="7">
        <v>38657</v>
      </c>
      <c r="G14513" s="8">
        <v>1</v>
      </c>
      <c r="H14513" s="8">
        <v>1</v>
      </c>
      <c r="I14513" s="8">
        <v>0</v>
      </c>
      <c r="J14513" s="8">
        <v>1</v>
      </c>
      <c r="K14513" s="9">
        <v>195</v>
      </c>
      <c r="L14513" s="6" t="s">
        <v>51</v>
      </c>
    </row>
    <row r="14514" spans="1:12">
      <c r="A14514" s="6" t="s">
        <v>49</v>
      </c>
      <c r="B14514" s="6"/>
      <c r="C14514" s="6" t="s">
        <v>14538</v>
      </c>
      <c r="D14514" s="6"/>
      <c r="E14514" s="6" t="s">
        <v>9</v>
      </c>
      <c r="F14514" s="7"/>
      <c r="G14514" s="8">
        <v>1</v>
      </c>
      <c r="H14514" s="8">
        <v>1</v>
      </c>
      <c r="I14514" s="8">
        <v>0</v>
      </c>
      <c r="J14514" s="8">
        <v>1</v>
      </c>
      <c r="K14514" s="9">
        <v>59</v>
      </c>
      <c r="L14514" s="6" t="s">
        <v>51</v>
      </c>
    </row>
    <row r="14515" spans="1:12">
      <c r="A14515" s="6" t="s">
        <v>49</v>
      </c>
      <c r="B14515" s="6"/>
      <c r="C14515" s="6" t="s">
        <v>14539</v>
      </c>
      <c r="D14515" s="6"/>
      <c r="E14515" s="6" t="s">
        <v>9</v>
      </c>
      <c r="F14515" s="7">
        <v>38657</v>
      </c>
      <c r="G14515" s="8">
        <v>1</v>
      </c>
      <c r="H14515" s="8">
        <v>1</v>
      </c>
      <c r="I14515" s="8">
        <v>0</v>
      </c>
      <c r="J14515" s="8">
        <v>1</v>
      </c>
      <c r="K14515" s="9">
        <v>5303</v>
      </c>
      <c r="L14515" s="6" t="s">
        <v>51</v>
      </c>
    </row>
    <row r="14516" spans="1:12">
      <c r="A14516" s="6" t="s">
        <v>49</v>
      </c>
      <c r="B14516" s="6"/>
      <c r="C14516" s="6" t="s">
        <v>14540</v>
      </c>
      <c r="D14516" s="6"/>
      <c r="E14516" s="6" t="s">
        <v>9</v>
      </c>
      <c r="F14516" s="7">
        <v>38657</v>
      </c>
      <c r="G14516" s="8">
        <v>1</v>
      </c>
      <c r="H14516" s="8">
        <v>1</v>
      </c>
      <c r="I14516" s="8">
        <v>0</v>
      </c>
      <c r="J14516" s="8">
        <v>1</v>
      </c>
      <c r="K14516" s="9">
        <v>1060</v>
      </c>
      <c r="L14516" s="6" t="s">
        <v>51</v>
      </c>
    </row>
    <row r="14517" spans="1:12">
      <c r="A14517" s="6" t="s">
        <v>49</v>
      </c>
      <c r="B14517" s="6"/>
      <c r="C14517" s="6" t="s">
        <v>14541</v>
      </c>
      <c r="D14517" s="6"/>
      <c r="E14517" s="6" t="s">
        <v>9</v>
      </c>
      <c r="F14517" s="7">
        <v>38657</v>
      </c>
      <c r="G14517" s="8">
        <v>1</v>
      </c>
      <c r="H14517" s="8">
        <v>1</v>
      </c>
      <c r="I14517" s="8">
        <v>0</v>
      </c>
      <c r="J14517" s="8">
        <v>1</v>
      </c>
      <c r="K14517" s="9">
        <v>310</v>
      </c>
      <c r="L14517" s="6" t="s">
        <v>51</v>
      </c>
    </row>
    <row r="14518" spans="1:12">
      <c r="A14518" s="6" t="s">
        <v>49</v>
      </c>
      <c r="B14518" s="6"/>
      <c r="C14518" s="6" t="s">
        <v>14542</v>
      </c>
      <c r="D14518" s="6"/>
      <c r="E14518" s="6" t="s">
        <v>9</v>
      </c>
      <c r="F14518" s="7">
        <v>38657</v>
      </c>
      <c r="G14518" s="8">
        <v>1</v>
      </c>
      <c r="H14518" s="8">
        <v>1</v>
      </c>
      <c r="I14518" s="8">
        <v>0</v>
      </c>
      <c r="J14518" s="8">
        <v>1</v>
      </c>
      <c r="K14518" s="9">
        <v>1161</v>
      </c>
      <c r="L14518" s="6" t="s">
        <v>51</v>
      </c>
    </row>
    <row r="14519" spans="1:12">
      <c r="A14519" s="6" t="s">
        <v>49</v>
      </c>
      <c r="B14519" s="6"/>
      <c r="C14519" s="6" t="s">
        <v>14543</v>
      </c>
      <c r="D14519" s="6"/>
      <c r="E14519" s="6" t="s">
        <v>9</v>
      </c>
      <c r="F14519" s="7">
        <v>38657</v>
      </c>
      <c r="G14519" s="8">
        <v>1</v>
      </c>
      <c r="H14519" s="8">
        <v>1</v>
      </c>
      <c r="I14519" s="8">
        <v>0</v>
      </c>
      <c r="J14519" s="8">
        <v>1</v>
      </c>
      <c r="K14519" s="9">
        <v>1228</v>
      </c>
      <c r="L14519" s="6" t="s">
        <v>51</v>
      </c>
    </row>
    <row r="14520" spans="1:12">
      <c r="A14520" s="6" t="s">
        <v>49</v>
      </c>
      <c r="B14520" s="6"/>
      <c r="C14520" s="6" t="s">
        <v>14544</v>
      </c>
      <c r="D14520" s="6"/>
      <c r="E14520" s="6" t="s">
        <v>9</v>
      </c>
      <c r="F14520" s="7">
        <v>38657</v>
      </c>
      <c r="G14520" s="8">
        <v>1</v>
      </c>
      <c r="H14520" s="8">
        <v>1</v>
      </c>
      <c r="I14520" s="8">
        <v>0</v>
      </c>
      <c r="J14520" s="8">
        <v>1</v>
      </c>
      <c r="K14520" s="9">
        <v>41</v>
      </c>
      <c r="L14520" s="6" t="s">
        <v>51</v>
      </c>
    </row>
    <row r="14521" spans="1:12">
      <c r="A14521" s="6" t="s">
        <v>49</v>
      </c>
      <c r="B14521" s="6"/>
      <c r="C14521" s="6" t="s">
        <v>14545</v>
      </c>
      <c r="D14521" s="6"/>
      <c r="E14521" s="6" t="s">
        <v>9</v>
      </c>
      <c r="F14521" s="7">
        <v>38657</v>
      </c>
      <c r="G14521" s="8">
        <v>1</v>
      </c>
      <c r="H14521" s="8">
        <v>1</v>
      </c>
      <c r="I14521" s="8">
        <v>0</v>
      </c>
      <c r="J14521" s="8">
        <v>1</v>
      </c>
      <c r="K14521" s="9">
        <v>414</v>
      </c>
      <c r="L14521" s="6" t="s">
        <v>51</v>
      </c>
    </row>
    <row r="14522" spans="1:12">
      <c r="A14522" s="6" t="s">
        <v>49</v>
      </c>
      <c r="B14522" s="6"/>
      <c r="C14522" s="6" t="s">
        <v>14546</v>
      </c>
      <c r="D14522" s="6"/>
      <c r="E14522" s="6" t="s">
        <v>9</v>
      </c>
      <c r="F14522" s="7">
        <v>38657</v>
      </c>
      <c r="G14522" s="8">
        <v>1</v>
      </c>
      <c r="H14522" s="8">
        <v>1</v>
      </c>
      <c r="I14522" s="8">
        <v>0</v>
      </c>
      <c r="J14522" s="8">
        <v>1</v>
      </c>
      <c r="K14522" s="9">
        <v>239</v>
      </c>
      <c r="L14522" s="6" t="s">
        <v>51</v>
      </c>
    </row>
    <row r="14523" spans="1:12">
      <c r="A14523" s="6" t="s">
        <v>49</v>
      </c>
      <c r="B14523" s="6"/>
      <c r="C14523" s="6" t="s">
        <v>14547</v>
      </c>
      <c r="D14523" s="6"/>
      <c r="E14523" s="6" t="s">
        <v>9</v>
      </c>
      <c r="F14523" s="7">
        <v>38657</v>
      </c>
      <c r="G14523" s="8">
        <v>1</v>
      </c>
      <c r="H14523" s="8">
        <v>1</v>
      </c>
      <c r="I14523" s="8">
        <v>0</v>
      </c>
      <c r="J14523" s="8">
        <v>1</v>
      </c>
      <c r="K14523" s="9">
        <v>288</v>
      </c>
      <c r="L14523" s="6" t="s">
        <v>51</v>
      </c>
    </row>
    <row r="14524" spans="1:12">
      <c r="A14524" s="6" t="s">
        <v>49</v>
      </c>
      <c r="B14524" s="6"/>
      <c r="C14524" s="6" t="s">
        <v>14548</v>
      </c>
      <c r="D14524" s="6"/>
      <c r="E14524" s="6" t="s">
        <v>9</v>
      </c>
      <c r="F14524" s="7">
        <v>38657</v>
      </c>
      <c r="G14524" s="8">
        <v>1</v>
      </c>
      <c r="H14524" s="8">
        <v>1</v>
      </c>
      <c r="I14524" s="8">
        <v>0</v>
      </c>
      <c r="J14524" s="8">
        <v>1</v>
      </c>
      <c r="K14524" s="9">
        <v>119</v>
      </c>
      <c r="L14524" s="6" t="s">
        <v>51</v>
      </c>
    </row>
    <row r="14525" spans="1:12">
      <c r="A14525" s="6" t="s">
        <v>49</v>
      </c>
      <c r="B14525" s="6"/>
      <c r="C14525" s="6" t="s">
        <v>14549</v>
      </c>
      <c r="D14525" s="6"/>
      <c r="E14525" s="6" t="s">
        <v>9</v>
      </c>
      <c r="F14525" s="7">
        <v>38657</v>
      </c>
      <c r="G14525" s="8">
        <v>1</v>
      </c>
      <c r="H14525" s="8">
        <v>1</v>
      </c>
      <c r="I14525" s="8">
        <v>0</v>
      </c>
      <c r="J14525" s="8">
        <v>1</v>
      </c>
      <c r="K14525" s="9">
        <v>282</v>
      </c>
      <c r="L14525" s="6" t="s">
        <v>51</v>
      </c>
    </row>
    <row r="14526" spans="1:12">
      <c r="A14526" s="6" t="s">
        <v>49</v>
      </c>
      <c r="B14526" s="6"/>
      <c r="C14526" s="6" t="s">
        <v>14550</v>
      </c>
      <c r="D14526" s="6"/>
      <c r="E14526" s="6" t="s">
        <v>9</v>
      </c>
      <c r="F14526" s="7">
        <v>38657</v>
      </c>
      <c r="G14526" s="8">
        <v>1</v>
      </c>
      <c r="H14526" s="8">
        <v>1</v>
      </c>
      <c r="I14526" s="8">
        <v>0</v>
      </c>
      <c r="J14526" s="8">
        <v>1</v>
      </c>
      <c r="K14526" s="9">
        <v>266</v>
      </c>
      <c r="L14526" s="6" t="s">
        <v>51</v>
      </c>
    </row>
    <row r="14527" spans="1:12">
      <c r="A14527" s="6" t="s">
        <v>49</v>
      </c>
      <c r="B14527" s="6"/>
      <c r="C14527" s="6" t="s">
        <v>14551</v>
      </c>
      <c r="D14527" s="6"/>
      <c r="E14527" s="6" t="s">
        <v>9</v>
      </c>
      <c r="F14527" s="7">
        <v>38657</v>
      </c>
      <c r="G14527" s="8">
        <v>1</v>
      </c>
      <c r="H14527" s="8">
        <v>1</v>
      </c>
      <c r="I14527" s="8">
        <v>0</v>
      </c>
      <c r="J14527" s="8">
        <v>1</v>
      </c>
      <c r="K14527" s="9">
        <v>380</v>
      </c>
      <c r="L14527" s="6" t="s">
        <v>51</v>
      </c>
    </row>
    <row r="14528" spans="1:12">
      <c r="A14528" s="6" t="s">
        <v>49</v>
      </c>
      <c r="B14528" s="6"/>
      <c r="C14528" s="6" t="s">
        <v>14552</v>
      </c>
      <c r="D14528" s="6"/>
      <c r="E14528" s="6" t="s">
        <v>9</v>
      </c>
      <c r="F14528" s="7">
        <v>38657</v>
      </c>
      <c r="G14528" s="8">
        <v>1</v>
      </c>
      <c r="H14528" s="8">
        <v>1</v>
      </c>
      <c r="I14528" s="8">
        <v>0</v>
      </c>
      <c r="J14528" s="8">
        <v>1</v>
      </c>
      <c r="K14528" s="9">
        <v>617</v>
      </c>
      <c r="L14528" s="6" t="s">
        <v>51</v>
      </c>
    </row>
    <row r="14529" spans="1:12">
      <c r="A14529" s="6" t="s">
        <v>49</v>
      </c>
      <c r="B14529" s="6"/>
      <c r="C14529" s="6" t="s">
        <v>14553</v>
      </c>
      <c r="D14529" s="6"/>
      <c r="E14529" s="6" t="s">
        <v>9</v>
      </c>
      <c r="F14529" s="7">
        <v>38657</v>
      </c>
      <c r="G14529" s="8">
        <v>1</v>
      </c>
      <c r="H14529" s="8">
        <v>1</v>
      </c>
      <c r="I14529" s="8">
        <v>0</v>
      </c>
      <c r="J14529" s="8">
        <v>1</v>
      </c>
      <c r="K14529" s="9">
        <v>112</v>
      </c>
      <c r="L14529" s="6" t="s">
        <v>51</v>
      </c>
    </row>
    <row r="14530" spans="1:12">
      <c r="A14530" s="6" t="s">
        <v>49</v>
      </c>
      <c r="B14530" s="6"/>
      <c r="C14530" s="6" t="s">
        <v>14554</v>
      </c>
      <c r="D14530" s="6"/>
      <c r="E14530" s="6" t="s">
        <v>9</v>
      </c>
      <c r="F14530" s="7">
        <v>38657</v>
      </c>
      <c r="G14530" s="8">
        <v>1</v>
      </c>
      <c r="H14530" s="8">
        <v>1</v>
      </c>
      <c r="I14530" s="8">
        <v>0</v>
      </c>
      <c r="J14530" s="8">
        <v>1</v>
      </c>
      <c r="K14530" s="9">
        <v>122</v>
      </c>
      <c r="L14530" s="6" t="s">
        <v>51</v>
      </c>
    </row>
    <row r="14531" spans="1:12">
      <c r="A14531" s="6" t="s">
        <v>49</v>
      </c>
      <c r="B14531" s="6"/>
      <c r="C14531" s="6" t="s">
        <v>14555</v>
      </c>
      <c r="D14531" s="6"/>
      <c r="E14531" s="6" t="s">
        <v>9</v>
      </c>
      <c r="F14531" s="7">
        <v>38657</v>
      </c>
      <c r="G14531" s="8">
        <v>1</v>
      </c>
      <c r="H14531" s="8">
        <v>1</v>
      </c>
      <c r="I14531" s="8">
        <v>0</v>
      </c>
      <c r="J14531" s="8">
        <v>1</v>
      </c>
      <c r="K14531" s="9">
        <v>803</v>
      </c>
      <c r="L14531" s="6" t="s">
        <v>51</v>
      </c>
    </row>
    <row r="14532" spans="1:12">
      <c r="A14532" s="6" t="s">
        <v>49</v>
      </c>
      <c r="B14532" s="6"/>
      <c r="C14532" s="6" t="s">
        <v>14556</v>
      </c>
      <c r="D14532" s="6"/>
      <c r="E14532" s="6" t="s">
        <v>9</v>
      </c>
      <c r="F14532" s="7">
        <v>38657</v>
      </c>
      <c r="G14532" s="8">
        <v>1</v>
      </c>
      <c r="H14532" s="8">
        <v>1</v>
      </c>
      <c r="I14532" s="8">
        <v>0</v>
      </c>
      <c r="J14532" s="8">
        <v>1</v>
      </c>
      <c r="K14532" s="9">
        <v>389</v>
      </c>
      <c r="L14532" s="6" t="s">
        <v>51</v>
      </c>
    </row>
    <row r="14533" spans="1:12">
      <c r="A14533" s="6" t="s">
        <v>49</v>
      </c>
      <c r="B14533" s="6"/>
      <c r="C14533" s="6" t="s">
        <v>14557</v>
      </c>
      <c r="D14533" s="6"/>
      <c r="E14533" s="6" t="s">
        <v>9</v>
      </c>
      <c r="F14533" s="7">
        <v>38657</v>
      </c>
      <c r="G14533" s="8">
        <v>1</v>
      </c>
      <c r="H14533" s="8">
        <v>1</v>
      </c>
      <c r="I14533" s="8">
        <v>0</v>
      </c>
      <c r="J14533" s="8">
        <v>1</v>
      </c>
      <c r="K14533" s="9">
        <v>184</v>
      </c>
      <c r="L14533" s="6" t="s">
        <v>51</v>
      </c>
    </row>
    <row r="14534" spans="1:12">
      <c r="A14534" s="6" t="s">
        <v>49</v>
      </c>
      <c r="B14534" s="6"/>
      <c r="C14534" s="6" t="s">
        <v>14558</v>
      </c>
      <c r="D14534" s="6"/>
      <c r="E14534" s="6" t="s">
        <v>9</v>
      </c>
      <c r="F14534" s="7">
        <v>38657</v>
      </c>
      <c r="G14534" s="8">
        <v>1</v>
      </c>
      <c r="H14534" s="8">
        <v>1</v>
      </c>
      <c r="I14534" s="8">
        <v>0</v>
      </c>
      <c r="J14534" s="8">
        <v>1</v>
      </c>
      <c r="K14534" s="9">
        <v>1077</v>
      </c>
      <c r="L14534" s="6" t="s">
        <v>51</v>
      </c>
    </row>
    <row r="14535" spans="1:12">
      <c r="A14535" s="6" t="s">
        <v>49</v>
      </c>
      <c r="B14535" s="6"/>
      <c r="C14535" s="6" t="s">
        <v>14559</v>
      </c>
      <c r="D14535" s="6"/>
      <c r="E14535" s="6" t="s">
        <v>9</v>
      </c>
      <c r="F14535" s="7">
        <v>38657</v>
      </c>
      <c r="G14535" s="8">
        <v>1</v>
      </c>
      <c r="H14535" s="8">
        <v>1</v>
      </c>
      <c r="I14535" s="8">
        <v>0</v>
      </c>
      <c r="J14535" s="8">
        <v>1</v>
      </c>
      <c r="K14535" s="9">
        <v>20</v>
      </c>
      <c r="L14535" s="6" t="s">
        <v>51</v>
      </c>
    </row>
    <row r="14536" spans="1:12">
      <c r="A14536" s="6" t="s">
        <v>49</v>
      </c>
      <c r="B14536" s="6"/>
      <c r="C14536" s="6" t="s">
        <v>14560</v>
      </c>
      <c r="D14536" s="6"/>
      <c r="E14536" s="6" t="s">
        <v>9</v>
      </c>
      <c r="F14536" s="7">
        <v>38657</v>
      </c>
      <c r="G14536" s="8">
        <v>1</v>
      </c>
      <c r="H14536" s="8">
        <v>1</v>
      </c>
      <c r="I14536" s="8">
        <v>0</v>
      </c>
      <c r="J14536" s="8">
        <v>1</v>
      </c>
      <c r="K14536" s="9">
        <v>904</v>
      </c>
      <c r="L14536" s="6" t="s">
        <v>51</v>
      </c>
    </row>
    <row r="14537" spans="1:12">
      <c r="A14537" s="6" t="s">
        <v>49</v>
      </c>
      <c r="B14537" s="6"/>
      <c r="C14537" s="6" t="s">
        <v>14561</v>
      </c>
      <c r="D14537" s="6"/>
      <c r="E14537" s="6" t="s">
        <v>9</v>
      </c>
      <c r="F14537" s="7">
        <v>38657</v>
      </c>
      <c r="G14537" s="8">
        <v>1</v>
      </c>
      <c r="H14537" s="8">
        <v>1</v>
      </c>
      <c r="I14537" s="8">
        <v>0</v>
      </c>
      <c r="J14537" s="8">
        <v>1</v>
      </c>
      <c r="K14537" s="9">
        <v>3060</v>
      </c>
      <c r="L14537" s="6" t="s">
        <v>51</v>
      </c>
    </row>
    <row r="14538" spans="1:12">
      <c r="A14538" s="6" t="s">
        <v>49</v>
      </c>
      <c r="B14538" s="6"/>
      <c r="C14538" s="6" t="s">
        <v>14562</v>
      </c>
      <c r="D14538" s="6"/>
      <c r="E14538" s="6" t="s">
        <v>9</v>
      </c>
      <c r="F14538" s="7">
        <v>38657</v>
      </c>
      <c r="G14538" s="8">
        <v>1</v>
      </c>
      <c r="H14538" s="8">
        <v>1</v>
      </c>
      <c r="I14538" s="8">
        <v>0</v>
      </c>
      <c r="J14538" s="8">
        <v>1</v>
      </c>
      <c r="K14538" s="9">
        <v>8.7200000000000006</v>
      </c>
      <c r="L14538" s="6" t="s">
        <v>51</v>
      </c>
    </row>
    <row r="14539" spans="1:12">
      <c r="A14539" s="6" t="s">
        <v>49</v>
      </c>
      <c r="B14539" s="6"/>
      <c r="C14539" s="6" t="s">
        <v>14563</v>
      </c>
      <c r="D14539" s="6"/>
      <c r="E14539" s="6" t="s">
        <v>9</v>
      </c>
      <c r="F14539" s="7">
        <v>38657</v>
      </c>
      <c r="G14539" s="8">
        <v>1</v>
      </c>
      <c r="H14539" s="8">
        <v>1</v>
      </c>
      <c r="I14539" s="8">
        <v>0</v>
      </c>
      <c r="J14539" s="8">
        <v>1</v>
      </c>
      <c r="K14539" s="9">
        <v>106</v>
      </c>
      <c r="L14539" s="6" t="s">
        <v>51</v>
      </c>
    </row>
    <row r="14540" spans="1:12">
      <c r="A14540" s="6" t="s">
        <v>49</v>
      </c>
      <c r="B14540" s="6"/>
      <c r="C14540" s="6" t="s">
        <v>14564</v>
      </c>
      <c r="D14540" s="6"/>
      <c r="E14540" s="6" t="s">
        <v>9</v>
      </c>
      <c r="F14540" s="7">
        <v>38657</v>
      </c>
      <c r="G14540" s="8">
        <v>1</v>
      </c>
      <c r="H14540" s="8">
        <v>1</v>
      </c>
      <c r="I14540" s="8">
        <v>0</v>
      </c>
      <c r="J14540" s="8">
        <v>1</v>
      </c>
      <c r="K14540" s="9">
        <v>102</v>
      </c>
      <c r="L14540" s="6" t="s">
        <v>51</v>
      </c>
    </row>
    <row r="14541" spans="1:12">
      <c r="A14541" s="6" t="s">
        <v>49</v>
      </c>
      <c r="B14541" s="6"/>
      <c r="C14541" s="6" t="s">
        <v>14565</v>
      </c>
      <c r="D14541" s="6"/>
      <c r="E14541" s="6" t="s">
        <v>9</v>
      </c>
      <c r="F14541" s="7">
        <v>38657</v>
      </c>
      <c r="G14541" s="8">
        <v>1</v>
      </c>
      <c r="H14541" s="8">
        <v>1</v>
      </c>
      <c r="I14541" s="8">
        <v>0</v>
      </c>
      <c r="J14541" s="8">
        <v>1</v>
      </c>
      <c r="K14541" s="9">
        <v>89</v>
      </c>
      <c r="L14541" s="6" t="s">
        <v>51</v>
      </c>
    </row>
    <row r="14542" spans="1:12">
      <c r="A14542" s="6" t="s">
        <v>49</v>
      </c>
      <c r="B14542" s="6"/>
      <c r="C14542" s="6" t="s">
        <v>14566</v>
      </c>
      <c r="D14542" s="6"/>
      <c r="E14542" s="6" t="s">
        <v>9</v>
      </c>
      <c r="F14542" s="7">
        <v>38657</v>
      </c>
      <c r="G14542" s="8">
        <v>1</v>
      </c>
      <c r="H14542" s="8">
        <v>1</v>
      </c>
      <c r="I14542" s="8">
        <v>0</v>
      </c>
      <c r="J14542" s="8">
        <v>1</v>
      </c>
      <c r="K14542" s="9">
        <v>1291</v>
      </c>
      <c r="L14542" s="6" t="s">
        <v>51</v>
      </c>
    </row>
    <row r="14543" spans="1:12">
      <c r="A14543" s="6" t="s">
        <v>49</v>
      </c>
      <c r="B14543" s="6"/>
      <c r="C14543" s="6" t="s">
        <v>14567</v>
      </c>
      <c r="D14543" s="6"/>
      <c r="E14543" s="6" t="s">
        <v>9</v>
      </c>
      <c r="F14543" s="7">
        <v>38657</v>
      </c>
      <c r="G14543" s="8">
        <v>1</v>
      </c>
      <c r="H14543" s="8">
        <v>1</v>
      </c>
      <c r="I14543" s="8">
        <v>0</v>
      </c>
      <c r="J14543" s="8">
        <v>1</v>
      </c>
      <c r="K14543" s="9">
        <v>1365</v>
      </c>
      <c r="L14543" s="6" t="s">
        <v>51</v>
      </c>
    </row>
    <row r="14544" spans="1:12">
      <c r="A14544" s="6" t="s">
        <v>49</v>
      </c>
      <c r="B14544" s="6"/>
      <c r="C14544" s="6" t="s">
        <v>14568</v>
      </c>
      <c r="D14544" s="6"/>
      <c r="E14544" s="6" t="s">
        <v>9</v>
      </c>
      <c r="F14544" s="7">
        <v>38657</v>
      </c>
      <c r="G14544" s="8">
        <v>1</v>
      </c>
      <c r="H14544" s="8">
        <v>1</v>
      </c>
      <c r="I14544" s="8">
        <v>0</v>
      </c>
      <c r="J14544" s="8">
        <v>1</v>
      </c>
      <c r="K14544" s="9">
        <v>141</v>
      </c>
      <c r="L14544" s="6" t="s">
        <v>51</v>
      </c>
    </row>
    <row r="14545" spans="1:12">
      <c r="A14545" s="6" t="s">
        <v>49</v>
      </c>
      <c r="B14545" s="6"/>
      <c r="C14545" s="6" t="s">
        <v>14569</v>
      </c>
      <c r="D14545" s="6"/>
      <c r="E14545" s="6" t="s">
        <v>9</v>
      </c>
      <c r="F14545" s="7">
        <v>38657</v>
      </c>
      <c r="G14545" s="8">
        <v>1</v>
      </c>
      <c r="H14545" s="8">
        <v>1</v>
      </c>
      <c r="I14545" s="8">
        <v>0</v>
      </c>
      <c r="J14545" s="8">
        <v>1</v>
      </c>
      <c r="K14545" s="9">
        <v>436</v>
      </c>
      <c r="L14545" s="6" t="s">
        <v>51</v>
      </c>
    </row>
    <row r="14546" spans="1:12">
      <c r="A14546" s="6" t="s">
        <v>49</v>
      </c>
      <c r="B14546" s="6"/>
      <c r="C14546" s="6" t="s">
        <v>14570</v>
      </c>
      <c r="D14546" s="6"/>
      <c r="E14546" s="6" t="s">
        <v>9</v>
      </c>
      <c r="F14546" s="7">
        <v>38657</v>
      </c>
      <c r="G14546" s="8">
        <v>1</v>
      </c>
      <c r="H14546" s="8">
        <v>1</v>
      </c>
      <c r="I14546" s="8">
        <v>0</v>
      </c>
      <c r="J14546" s="8">
        <v>1</v>
      </c>
      <c r="K14546" s="9">
        <v>17</v>
      </c>
      <c r="L14546" s="6" t="s">
        <v>51</v>
      </c>
    </row>
    <row r="14547" spans="1:12">
      <c r="A14547" s="6" t="s">
        <v>49</v>
      </c>
      <c r="B14547" s="6"/>
      <c r="C14547" s="6" t="s">
        <v>14571</v>
      </c>
      <c r="D14547" s="6"/>
      <c r="E14547" s="6" t="s">
        <v>9</v>
      </c>
      <c r="F14547" s="7">
        <v>38657</v>
      </c>
      <c r="G14547" s="8">
        <v>1</v>
      </c>
      <c r="H14547" s="8">
        <v>1</v>
      </c>
      <c r="I14547" s="8">
        <v>0</v>
      </c>
      <c r="J14547" s="8">
        <v>1</v>
      </c>
      <c r="K14547" s="9">
        <v>106</v>
      </c>
      <c r="L14547" s="6" t="s">
        <v>51</v>
      </c>
    </row>
    <row r="14548" spans="1:12">
      <c r="A14548" s="6" t="s">
        <v>49</v>
      </c>
      <c r="B14548" s="6"/>
      <c r="C14548" s="6" t="s">
        <v>14572</v>
      </c>
      <c r="D14548" s="6"/>
      <c r="E14548" s="6" t="s">
        <v>9</v>
      </c>
      <c r="F14548" s="7">
        <v>38657</v>
      </c>
      <c r="G14548" s="8">
        <v>1</v>
      </c>
      <c r="H14548" s="8">
        <v>1</v>
      </c>
      <c r="I14548" s="8">
        <v>0</v>
      </c>
      <c r="J14548" s="8">
        <v>1</v>
      </c>
      <c r="K14548" s="9">
        <v>179</v>
      </c>
      <c r="L14548" s="6" t="s">
        <v>51</v>
      </c>
    </row>
    <row r="14549" spans="1:12">
      <c r="A14549" s="6" t="s">
        <v>49</v>
      </c>
      <c r="B14549" s="6"/>
      <c r="C14549" s="6" t="s">
        <v>14573</v>
      </c>
      <c r="D14549" s="6"/>
      <c r="E14549" s="6" t="s">
        <v>9</v>
      </c>
      <c r="F14549" s="7">
        <v>38657</v>
      </c>
      <c r="G14549" s="8">
        <v>1</v>
      </c>
      <c r="H14549" s="8">
        <v>1</v>
      </c>
      <c r="I14549" s="8">
        <v>0</v>
      </c>
      <c r="J14549" s="8">
        <v>1</v>
      </c>
      <c r="K14549" s="9">
        <v>857</v>
      </c>
      <c r="L14549" s="6" t="s">
        <v>51</v>
      </c>
    </row>
    <row r="14550" spans="1:12">
      <c r="A14550" s="6" t="s">
        <v>49</v>
      </c>
      <c r="B14550" s="6"/>
      <c r="C14550" s="6" t="s">
        <v>14574</v>
      </c>
      <c r="D14550" s="6"/>
      <c r="E14550" s="6" t="s">
        <v>9</v>
      </c>
      <c r="F14550" s="7">
        <v>38657</v>
      </c>
      <c r="G14550" s="8">
        <v>1</v>
      </c>
      <c r="H14550" s="8">
        <v>1</v>
      </c>
      <c r="I14550" s="8">
        <v>0</v>
      </c>
      <c r="J14550" s="8">
        <v>1</v>
      </c>
      <c r="K14550" s="9">
        <v>659</v>
      </c>
      <c r="L14550" s="6" t="s">
        <v>51</v>
      </c>
    </row>
    <row r="14551" spans="1:12">
      <c r="A14551" s="6" t="s">
        <v>49</v>
      </c>
      <c r="B14551" s="6"/>
      <c r="C14551" s="6" t="s">
        <v>14575</v>
      </c>
      <c r="D14551" s="6"/>
      <c r="E14551" s="6" t="s">
        <v>9</v>
      </c>
      <c r="F14551" s="7">
        <v>38657</v>
      </c>
      <c r="G14551" s="8">
        <v>1</v>
      </c>
      <c r="H14551" s="8">
        <v>1</v>
      </c>
      <c r="I14551" s="8">
        <v>0</v>
      </c>
      <c r="J14551" s="8">
        <v>1</v>
      </c>
      <c r="K14551" s="9">
        <v>336</v>
      </c>
      <c r="L14551" s="6" t="s">
        <v>51</v>
      </c>
    </row>
    <row r="14552" spans="1:12">
      <c r="A14552" s="6" t="s">
        <v>49</v>
      </c>
      <c r="B14552" s="6"/>
      <c r="C14552" s="6" t="s">
        <v>14576</v>
      </c>
      <c r="D14552" s="6"/>
      <c r="E14552" s="6" t="s">
        <v>9</v>
      </c>
      <c r="F14552" s="7">
        <v>38657</v>
      </c>
      <c r="G14552" s="8">
        <v>1</v>
      </c>
      <c r="H14552" s="8">
        <v>1</v>
      </c>
      <c r="I14552" s="8">
        <v>0</v>
      </c>
      <c r="J14552" s="8">
        <v>1</v>
      </c>
      <c r="K14552" s="9">
        <v>336</v>
      </c>
      <c r="L14552" s="6" t="s">
        <v>51</v>
      </c>
    </row>
    <row r="14553" spans="1:12">
      <c r="A14553" s="6" t="s">
        <v>49</v>
      </c>
      <c r="B14553" s="6"/>
      <c r="C14553" s="6" t="s">
        <v>14577</v>
      </c>
      <c r="D14553" s="6"/>
      <c r="E14553" s="6" t="s">
        <v>9</v>
      </c>
      <c r="F14553" s="7">
        <v>38657</v>
      </c>
      <c r="G14553" s="8">
        <v>1</v>
      </c>
      <c r="H14553" s="8">
        <v>1</v>
      </c>
      <c r="I14553" s="8">
        <v>0</v>
      </c>
      <c r="J14553" s="8">
        <v>1</v>
      </c>
      <c r="K14553" s="9">
        <v>795</v>
      </c>
      <c r="L14553" s="6" t="s">
        <v>51</v>
      </c>
    </row>
    <row r="14554" spans="1:12">
      <c r="A14554" s="6" t="s">
        <v>49</v>
      </c>
      <c r="B14554" s="6"/>
      <c r="C14554" s="6" t="s">
        <v>14578</v>
      </c>
      <c r="D14554" s="6"/>
      <c r="E14554" s="6" t="s">
        <v>9</v>
      </c>
      <c r="F14554" s="7">
        <v>38657</v>
      </c>
      <c r="G14554" s="8">
        <v>1</v>
      </c>
      <c r="H14554" s="8">
        <v>1</v>
      </c>
      <c r="I14554" s="8">
        <v>0</v>
      </c>
      <c r="J14554" s="8">
        <v>1</v>
      </c>
      <c r="K14554" s="9">
        <v>4663</v>
      </c>
      <c r="L14554" s="6" t="s">
        <v>51</v>
      </c>
    </row>
    <row r="14555" spans="1:12">
      <c r="A14555" s="6" t="s">
        <v>49</v>
      </c>
      <c r="B14555" s="6"/>
      <c r="C14555" s="6" t="s">
        <v>14579</v>
      </c>
      <c r="D14555" s="6"/>
      <c r="E14555" s="6" t="s">
        <v>9</v>
      </c>
      <c r="F14555" s="7">
        <v>38657</v>
      </c>
      <c r="G14555" s="8">
        <v>1</v>
      </c>
      <c r="H14555" s="8">
        <v>1</v>
      </c>
      <c r="I14555" s="8">
        <v>0</v>
      </c>
      <c r="J14555" s="8">
        <v>1</v>
      </c>
      <c r="K14555" s="9">
        <v>558</v>
      </c>
      <c r="L14555" s="6" t="s">
        <v>51</v>
      </c>
    </row>
    <row r="14556" spans="1:12">
      <c r="A14556" s="6" t="s">
        <v>49</v>
      </c>
      <c r="B14556" s="6"/>
      <c r="C14556" s="6" t="s">
        <v>14580</v>
      </c>
      <c r="D14556" s="6"/>
      <c r="E14556" s="6" t="s">
        <v>9</v>
      </c>
      <c r="F14556" s="7">
        <v>38657</v>
      </c>
      <c r="G14556" s="8">
        <v>1</v>
      </c>
      <c r="H14556" s="8">
        <v>1</v>
      </c>
      <c r="I14556" s="8">
        <v>0</v>
      </c>
      <c r="J14556" s="8">
        <v>1</v>
      </c>
      <c r="K14556" s="9">
        <v>3466</v>
      </c>
      <c r="L14556" s="6" t="s">
        <v>51</v>
      </c>
    </row>
    <row r="14557" spans="1:12">
      <c r="A14557" s="6" t="s">
        <v>49</v>
      </c>
      <c r="B14557" s="6"/>
      <c r="C14557" s="6" t="s">
        <v>14581</v>
      </c>
      <c r="D14557" s="6"/>
      <c r="E14557" s="6" t="s">
        <v>9</v>
      </c>
      <c r="F14557" s="7">
        <v>38657</v>
      </c>
      <c r="G14557" s="8">
        <v>1</v>
      </c>
      <c r="H14557" s="8">
        <v>1</v>
      </c>
      <c r="I14557" s="8">
        <v>0</v>
      </c>
      <c r="J14557" s="8">
        <v>1</v>
      </c>
      <c r="K14557" s="9">
        <v>1.31</v>
      </c>
      <c r="L14557" s="6" t="s">
        <v>51</v>
      </c>
    </row>
    <row r="14558" spans="1:12">
      <c r="A14558" s="6" t="s">
        <v>49</v>
      </c>
      <c r="B14558" s="6"/>
      <c r="C14558" s="6" t="s">
        <v>14582</v>
      </c>
      <c r="D14558" s="6"/>
      <c r="E14558" s="6" t="s">
        <v>9</v>
      </c>
      <c r="F14558" s="7">
        <v>38657</v>
      </c>
      <c r="G14558" s="8">
        <v>1</v>
      </c>
      <c r="H14558" s="8">
        <v>1</v>
      </c>
      <c r="I14558" s="8">
        <v>0</v>
      </c>
      <c r="J14558" s="8">
        <v>1</v>
      </c>
      <c r="K14558" s="9">
        <v>92</v>
      </c>
      <c r="L14558" s="6" t="s">
        <v>51</v>
      </c>
    </row>
    <row r="14559" spans="1:12">
      <c r="A14559" s="6" t="s">
        <v>49</v>
      </c>
      <c r="B14559" s="6"/>
      <c r="C14559" s="6" t="s">
        <v>14583</v>
      </c>
      <c r="D14559" s="6"/>
      <c r="E14559" s="6" t="s">
        <v>9</v>
      </c>
      <c r="F14559" s="7">
        <v>38657</v>
      </c>
      <c r="G14559" s="8">
        <v>1</v>
      </c>
      <c r="H14559" s="8">
        <v>1</v>
      </c>
      <c r="I14559" s="8">
        <v>0</v>
      </c>
      <c r="J14559" s="8">
        <v>1</v>
      </c>
      <c r="K14559" s="9">
        <v>659</v>
      </c>
      <c r="L14559" s="6" t="s">
        <v>51</v>
      </c>
    </row>
    <row r="14560" spans="1:12">
      <c r="A14560" s="6" t="s">
        <v>49</v>
      </c>
      <c r="B14560" s="6"/>
      <c r="C14560" s="6" t="s">
        <v>14584</v>
      </c>
      <c r="D14560" s="6"/>
      <c r="E14560" s="6" t="s">
        <v>9</v>
      </c>
      <c r="F14560" s="7">
        <v>38657</v>
      </c>
      <c r="G14560" s="8">
        <v>1</v>
      </c>
      <c r="H14560" s="8">
        <v>1</v>
      </c>
      <c r="I14560" s="8">
        <v>0</v>
      </c>
      <c r="J14560" s="8">
        <v>1</v>
      </c>
      <c r="K14560" s="9">
        <v>107</v>
      </c>
      <c r="L14560" s="6" t="s">
        <v>51</v>
      </c>
    </row>
    <row r="14561" spans="1:12">
      <c r="A14561" s="6" t="s">
        <v>49</v>
      </c>
      <c r="B14561" s="6"/>
      <c r="C14561" s="6" t="s">
        <v>14585</v>
      </c>
      <c r="D14561" s="6"/>
      <c r="E14561" s="6" t="s">
        <v>9</v>
      </c>
      <c r="F14561" s="7">
        <v>38657</v>
      </c>
      <c r="G14561" s="8">
        <v>1</v>
      </c>
      <c r="H14561" s="8">
        <v>1</v>
      </c>
      <c r="I14561" s="8">
        <v>0</v>
      </c>
      <c r="J14561" s="8">
        <v>1</v>
      </c>
      <c r="K14561" s="9">
        <v>596</v>
      </c>
      <c r="L14561" s="6" t="s">
        <v>51</v>
      </c>
    </row>
    <row r="14562" spans="1:12">
      <c r="A14562" s="6" t="s">
        <v>49</v>
      </c>
      <c r="B14562" s="6"/>
      <c r="C14562" s="6" t="s">
        <v>14586</v>
      </c>
      <c r="D14562" s="6"/>
      <c r="E14562" s="6" t="s">
        <v>9</v>
      </c>
      <c r="F14562" s="7">
        <v>38657</v>
      </c>
      <c r="G14562" s="8">
        <v>1</v>
      </c>
      <c r="H14562" s="8">
        <v>1</v>
      </c>
      <c r="I14562" s="8">
        <v>0</v>
      </c>
      <c r="J14562" s="8">
        <v>1</v>
      </c>
      <c r="K14562" s="9">
        <v>666</v>
      </c>
      <c r="L14562" s="6" t="s">
        <v>51</v>
      </c>
    </row>
    <row r="14563" spans="1:12">
      <c r="A14563" s="6" t="s">
        <v>49</v>
      </c>
      <c r="B14563" s="6"/>
      <c r="C14563" s="6" t="s">
        <v>14587</v>
      </c>
      <c r="D14563" s="6"/>
      <c r="E14563" s="6" t="s">
        <v>9</v>
      </c>
      <c r="F14563" s="7">
        <v>38657</v>
      </c>
      <c r="G14563" s="8">
        <v>1</v>
      </c>
      <c r="H14563" s="8">
        <v>1</v>
      </c>
      <c r="I14563" s="8">
        <v>0</v>
      </c>
      <c r="J14563" s="8">
        <v>1</v>
      </c>
      <c r="K14563" s="9">
        <v>565</v>
      </c>
      <c r="L14563" s="6" t="s">
        <v>51</v>
      </c>
    </row>
    <row r="14564" spans="1:12">
      <c r="A14564" s="6" t="s">
        <v>49</v>
      </c>
      <c r="B14564" s="6"/>
      <c r="C14564" s="6" t="s">
        <v>14588</v>
      </c>
      <c r="D14564" s="6"/>
      <c r="E14564" s="6" t="s">
        <v>9</v>
      </c>
      <c r="F14564" s="7">
        <v>38657</v>
      </c>
      <c r="G14564" s="8">
        <v>1</v>
      </c>
      <c r="H14564" s="8">
        <v>1</v>
      </c>
      <c r="I14564" s="8">
        <v>0</v>
      </c>
      <c r="J14564" s="8">
        <v>1</v>
      </c>
      <c r="K14564" s="9">
        <v>239</v>
      </c>
      <c r="L14564" s="6" t="s">
        <v>51</v>
      </c>
    </row>
    <row r="14565" spans="1:12">
      <c r="A14565" s="6" t="s">
        <v>49</v>
      </c>
      <c r="B14565" s="6"/>
      <c r="C14565" s="6" t="s">
        <v>14589</v>
      </c>
      <c r="D14565" s="6"/>
      <c r="E14565" s="6" t="s">
        <v>9</v>
      </c>
      <c r="F14565" s="7">
        <v>38657</v>
      </c>
      <c r="G14565" s="8">
        <v>1</v>
      </c>
      <c r="H14565" s="8">
        <v>1</v>
      </c>
      <c r="I14565" s="8">
        <v>0</v>
      </c>
      <c r="J14565" s="8">
        <v>1</v>
      </c>
      <c r="K14565" s="9">
        <v>537</v>
      </c>
      <c r="L14565" s="6" t="s">
        <v>51</v>
      </c>
    </row>
    <row r="14566" spans="1:12">
      <c r="A14566" s="6" t="s">
        <v>49</v>
      </c>
      <c r="B14566" s="6"/>
      <c r="C14566" s="6" t="s">
        <v>14590</v>
      </c>
      <c r="D14566" s="6"/>
      <c r="E14566" s="6" t="s">
        <v>9</v>
      </c>
      <c r="F14566" s="7">
        <v>38657</v>
      </c>
      <c r="G14566" s="8">
        <v>1</v>
      </c>
      <c r="H14566" s="8">
        <v>1</v>
      </c>
      <c r="I14566" s="8">
        <v>0</v>
      </c>
      <c r="J14566" s="8">
        <v>1</v>
      </c>
      <c r="K14566" s="9">
        <v>265</v>
      </c>
      <c r="L14566" s="6" t="s">
        <v>51</v>
      </c>
    </row>
    <row r="14567" spans="1:12">
      <c r="A14567" s="6" t="s">
        <v>49</v>
      </c>
      <c r="B14567" s="6"/>
      <c r="C14567" s="6" t="s">
        <v>14591</v>
      </c>
      <c r="D14567" s="6"/>
      <c r="E14567" s="6" t="s">
        <v>9</v>
      </c>
      <c r="F14567" s="7">
        <v>38657</v>
      </c>
      <c r="G14567" s="8">
        <v>1</v>
      </c>
      <c r="H14567" s="8">
        <v>1</v>
      </c>
      <c r="I14567" s="8">
        <v>0</v>
      </c>
      <c r="J14567" s="8">
        <v>1</v>
      </c>
      <c r="K14567" s="9">
        <v>1509</v>
      </c>
      <c r="L14567" s="6" t="s">
        <v>51</v>
      </c>
    </row>
    <row r="14568" spans="1:12">
      <c r="A14568" s="6" t="s">
        <v>49</v>
      </c>
      <c r="B14568" s="6"/>
      <c r="C14568" s="6" t="s">
        <v>14592</v>
      </c>
      <c r="D14568" s="6"/>
      <c r="E14568" s="6" t="s">
        <v>9</v>
      </c>
      <c r="F14568" s="7">
        <v>38657</v>
      </c>
      <c r="G14568" s="8">
        <v>1</v>
      </c>
      <c r="H14568" s="8">
        <v>1</v>
      </c>
      <c r="I14568" s="8">
        <v>0</v>
      </c>
      <c r="J14568" s="8">
        <v>1</v>
      </c>
      <c r="K14568" s="9">
        <v>80</v>
      </c>
      <c r="L14568" s="6" t="s">
        <v>51</v>
      </c>
    </row>
    <row r="14569" spans="1:12">
      <c r="A14569" s="6" t="s">
        <v>49</v>
      </c>
      <c r="B14569" s="6"/>
      <c r="C14569" s="6" t="s">
        <v>14593</v>
      </c>
      <c r="D14569" s="6"/>
      <c r="E14569" s="6" t="s">
        <v>9</v>
      </c>
      <c r="F14569" s="7">
        <v>38657</v>
      </c>
      <c r="G14569" s="8">
        <v>1</v>
      </c>
      <c r="H14569" s="8">
        <v>1</v>
      </c>
      <c r="I14569" s="8">
        <v>0</v>
      </c>
      <c r="J14569" s="8">
        <v>1</v>
      </c>
      <c r="K14569" s="9">
        <v>493</v>
      </c>
      <c r="L14569" s="6" t="s">
        <v>51</v>
      </c>
    </row>
    <row r="14570" spans="1:12">
      <c r="A14570" s="6" t="s">
        <v>49</v>
      </c>
      <c r="B14570" s="6"/>
      <c r="C14570" s="6" t="s">
        <v>14594</v>
      </c>
      <c r="D14570" s="6"/>
      <c r="E14570" s="6" t="s">
        <v>9</v>
      </c>
      <c r="F14570" s="7">
        <v>38657</v>
      </c>
      <c r="G14570" s="8">
        <v>1</v>
      </c>
      <c r="H14570" s="8">
        <v>1</v>
      </c>
      <c r="I14570" s="8">
        <v>0</v>
      </c>
      <c r="J14570" s="8">
        <v>1</v>
      </c>
      <c r="K14570" s="9">
        <v>852</v>
      </c>
      <c r="L14570" s="6" t="s">
        <v>51</v>
      </c>
    </row>
    <row r="14571" spans="1:12">
      <c r="A14571" s="6" t="s">
        <v>49</v>
      </c>
      <c r="B14571" s="6"/>
      <c r="C14571" s="6" t="s">
        <v>14595</v>
      </c>
      <c r="D14571" s="6"/>
      <c r="E14571" s="6" t="s">
        <v>9</v>
      </c>
      <c r="F14571" s="7">
        <v>38657</v>
      </c>
      <c r="G14571" s="8">
        <v>1</v>
      </c>
      <c r="H14571" s="8">
        <v>1</v>
      </c>
      <c r="I14571" s="8">
        <v>0</v>
      </c>
      <c r="J14571" s="8">
        <v>1</v>
      </c>
      <c r="K14571" s="9">
        <v>343</v>
      </c>
      <c r="L14571" s="6" t="s">
        <v>51</v>
      </c>
    </row>
    <row r="14572" spans="1:12">
      <c r="A14572" s="6" t="s">
        <v>49</v>
      </c>
      <c r="B14572" s="6"/>
      <c r="C14572" s="6" t="s">
        <v>14596</v>
      </c>
      <c r="D14572" s="6"/>
      <c r="E14572" s="6" t="s">
        <v>9</v>
      </c>
      <c r="F14572" s="7">
        <v>38657</v>
      </c>
      <c r="G14572" s="8">
        <v>1</v>
      </c>
      <c r="H14572" s="8">
        <v>1</v>
      </c>
      <c r="I14572" s="8">
        <v>0</v>
      </c>
      <c r="J14572" s="8">
        <v>1</v>
      </c>
      <c r="K14572" s="9">
        <v>14057</v>
      </c>
      <c r="L14572" s="6" t="s">
        <v>51</v>
      </c>
    </row>
    <row r="14573" spans="1:12">
      <c r="A14573" s="6" t="s">
        <v>49</v>
      </c>
      <c r="B14573" s="6"/>
      <c r="C14573" s="6" t="s">
        <v>14597</v>
      </c>
      <c r="D14573" s="6"/>
      <c r="E14573" s="6" t="s">
        <v>9</v>
      </c>
      <c r="F14573" s="7">
        <v>38657</v>
      </c>
      <c r="G14573" s="8">
        <v>1</v>
      </c>
      <c r="H14573" s="8">
        <v>1</v>
      </c>
      <c r="I14573" s="8">
        <v>0</v>
      </c>
      <c r="J14573" s="8">
        <v>1</v>
      </c>
      <c r="K14573" s="9">
        <v>1832</v>
      </c>
      <c r="L14573" s="6" t="s">
        <v>51</v>
      </c>
    </row>
    <row r="14574" spans="1:12">
      <c r="A14574" s="6" t="s">
        <v>49</v>
      </c>
      <c r="B14574" s="6"/>
      <c r="C14574" s="6" t="s">
        <v>14598</v>
      </c>
      <c r="D14574" s="6"/>
      <c r="E14574" s="6" t="s">
        <v>9</v>
      </c>
      <c r="F14574" s="7">
        <v>38657</v>
      </c>
      <c r="G14574" s="8">
        <v>1</v>
      </c>
      <c r="H14574" s="8">
        <v>1</v>
      </c>
      <c r="I14574" s="8">
        <v>0</v>
      </c>
      <c r="J14574" s="8">
        <v>1</v>
      </c>
      <c r="K14574" s="9">
        <v>804</v>
      </c>
      <c r="L14574" s="6" t="s">
        <v>51</v>
      </c>
    </row>
    <row r="14575" spans="1:12">
      <c r="A14575" s="6" t="s">
        <v>49</v>
      </c>
      <c r="B14575" s="6"/>
      <c r="C14575" s="6" t="s">
        <v>14599</v>
      </c>
      <c r="D14575" s="6"/>
      <c r="E14575" s="6" t="s">
        <v>9</v>
      </c>
      <c r="F14575" s="7">
        <v>38657</v>
      </c>
      <c r="G14575" s="8">
        <v>1</v>
      </c>
      <c r="H14575" s="8">
        <v>1</v>
      </c>
      <c r="I14575" s="8">
        <v>0</v>
      </c>
      <c r="J14575" s="8">
        <v>1</v>
      </c>
      <c r="K14575" s="9">
        <v>1334</v>
      </c>
      <c r="L14575" s="6" t="s">
        <v>51</v>
      </c>
    </row>
    <row r="14576" spans="1:12">
      <c r="A14576" s="6" t="s">
        <v>49</v>
      </c>
      <c r="B14576" s="6"/>
      <c r="C14576" s="6" t="s">
        <v>14600</v>
      </c>
      <c r="D14576" s="6"/>
      <c r="E14576" s="6" t="s">
        <v>9</v>
      </c>
      <c r="F14576" s="7">
        <v>38657</v>
      </c>
      <c r="G14576" s="8">
        <v>1</v>
      </c>
      <c r="H14576" s="8">
        <v>1</v>
      </c>
      <c r="I14576" s="8">
        <v>0</v>
      </c>
      <c r="J14576" s="8">
        <v>1</v>
      </c>
      <c r="K14576" s="9">
        <v>2375</v>
      </c>
      <c r="L14576" s="6" t="s">
        <v>51</v>
      </c>
    </row>
    <row r="14577" spans="1:12">
      <c r="A14577" s="6" t="s">
        <v>49</v>
      </c>
      <c r="B14577" s="6"/>
      <c r="C14577" s="6" t="s">
        <v>14601</v>
      </c>
      <c r="D14577" s="6"/>
      <c r="E14577" s="6" t="s">
        <v>9</v>
      </c>
      <c r="F14577" s="7">
        <v>38657</v>
      </c>
      <c r="G14577" s="8">
        <v>1</v>
      </c>
      <c r="H14577" s="8">
        <v>1</v>
      </c>
      <c r="I14577" s="8">
        <v>0</v>
      </c>
      <c r="J14577" s="8">
        <v>1</v>
      </c>
      <c r="K14577" s="9">
        <v>1532</v>
      </c>
      <c r="L14577" s="6" t="s">
        <v>51</v>
      </c>
    </row>
    <row r="14578" spans="1:12">
      <c r="A14578" s="6" t="s">
        <v>49</v>
      </c>
      <c r="B14578" s="6"/>
      <c r="C14578" s="6" t="s">
        <v>14602</v>
      </c>
      <c r="D14578" s="6"/>
      <c r="E14578" s="6" t="s">
        <v>9</v>
      </c>
      <c r="F14578" s="7">
        <v>38657</v>
      </c>
      <c r="G14578" s="8">
        <v>1</v>
      </c>
      <c r="H14578" s="8">
        <v>1</v>
      </c>
      <c r="I14578" s="8">
        <v>0</v>
      </c>
      <c r="J14578" s="8">
        <v>1</v>
      </c>
      <c r="K14578" s="9">
        <v>924</v>
      </c>
      <c r="L14578" s="6" t="s">
        <v>51</v>
      </c>
    </row>
    <row r="14579" spans="1:12">
      <c r="A14579" s="6" t="s">
        <v>49</v>
      </c>
      <c r="B14579" s="6"/>
      <c r="C14579" s="6" t="s">
        <v>14603</v>
      </c>
      <c r="D14579" s="6"/>
      <c r="E14579" s="6" t="s">
        <v>9</v>
      </c>
      <c r="F14579" s="7">
        <v>38657</v>
      </c>
      <c r="G14579" s="8">
        <v>1</v>
      </c>
      <c r="H14579" s="8">
        <v>1</v>
      </c>
      <c r="I14579" s="8">
        <v>0</v>
      </c>
      <c r="J14579" s="8">
        <v>1</v>
      </c>
      <c r="K14579" s="9">
        <v>29</v>
      </c>
      <c r="L14579" s="6" t="s">
        <v>51</v>
      </c>
    </row>
    <row r="14580" spans="1:12">
      <c r="A14580" s="6" t="s">
        <v>49</v>
      </c>
      <c r="B14580" s="6"/>
      <c r="C14580" s="6" t="s">
        <v>14604</v>
      </c>
      <c r="D14580" s="6"/>
      <c r="E14580" s="6" t="s">
        <v>9</v>
      </c>
      <c r="F14580" s="7">
        <v>38657</v>
      </c>
      <c r="G14580" s="8">
        <v>1</v>
      </c>
      <c r="H14580" s="8">
        <v>1</v>
      </c>
      <c r="I14580" s="8">
        <v>0</v>
      </c>
      <c r="J14580" s="8">
        <v>1</v>
      </c>
      <c r="K14580" s="9">
        <v>148</v>
      </c>
      <c r="L14580" s="6" t="s">
        <v>51</v>
      </c>
    </row>
    <row r="14581" spans="1:12">
      <c r="A14581" s="6" t="s">
        <v>49</v>
      </c>
      <c r="B14581" s="6"/>
      <c r="C14581" s="6" t="s">
        <v>14605</v>
      </c>
      <c r="D14581" s="6"/>
      <c r="E14581" s="6" t="s">
        <v>9</v>
      </c>
      <c r="F14581" s="7">
        <v>38657</v>
      </c>
      <c r="G14581" s="8">
        <v>1</v>
      </c>
      <c r="H14581" s="8">
        <v>1</v>
      </c>
      <c r="I14581" s="8">
        <v>0</v>
      </c>
      <c r="J14581" s="8">
        <v>1</v>
      </c>
      <c r="K14581" s="9">
        <v>6866</v>
      </c>
      <c r="L14581" s="6" t="s">
        <v>51</v>
      </c>
    </row>
    <row r="14582" spans="1:12">
      <c r="A14582" s="6" t="s">
        <v>49</v>
      </c>
      <c r="B14582" s="6"/>
      <c r="C14582" s="6" t="s">
        <v>14606</v>
      </c>
      <c r="D14582" s="6"/>
      <c r="E14582" s="6" t="s">
        <v>9</v>
      </c>
      <c r="F14582" s="7">
        <v>38657</v>
      </c>
      <c r="G14582" s="8">
        <v>1</v>
      </c>
      <c r="H14582" s="8">
        <v>1</v>
      </c>
      <c r="I14582" s="8">
        <v>0</v>
      </c>
      <c r="J14582" s="8">
        <v>1</v>
      </c>
      <c r="K14582" s="9">
        <v>3048</v>
      </c>
      <c r="L14582" s="6" t="s">
        <v>51</v>
      </c>
    </row>
    <row r="14583" spans="1:12">
      <c r="A14583" s="6" t="s">
        <v>49</v>
      </c>
      <c r="B14583" s="6"/>
      <c r="C14583" s="6" t="s">
        <v>14607</v>
      </c>
      <c r="D14583" s="6"/>
      <c r="E14583" s="6" t="s">
        <v>9</v>
      </c>
      <c r="F14583" s="7">
        <v>38657</v>
      </c>
      <c r="G14583" s="8">
        <v>1</v>
      </c>
      <c r="H14583" s="8">
        <v>1</v>
      </c>
      <c r="I14583" s="8">
        <v>0</v>
      </c>
      <c r="J14583" s="8">
        <v>1</v>
      </c>
      <c r="K14583" s="9">
        <v>2886</v>
      </c>
      <c r="L14583" s="6" t="s">
        <v>51</v>
      </c>
    </row>
    <row r="14584" spans="1:12">
      <c r="A14584" s="6" t="s">
        <v>49</v>
      </c>
      <c r="B14584" s="6"/>
      <c r="C14584" s="6" t="s">
        <v>14608</v>
      </c>
      <c r="D14584" s="6"/>
      <c r="E14584" s="6" t="s">
        <v>9</v>
      </c>
      <c r="F14584" s="7">
        <v>38657</v>
      </c>
      <c r="G14584" s="8">
        <v>1</v>
      </c>
      <c r="H14584" s="8">
        <v>1</v>
      </c>
      <c r="I14584" s="8">
        <v>0</v>
      </c>
      <c r="J14584" s="8">
        <v>1</v>
      </c>
      <c r="K14584" s="9">
        <v>277</v>
      </c>
      <c r="L14584" s="6" t="s">
        <v>51</v>
      </c>
    </row>
    <row r="14585" spans="1:12">
      <c r="A14585" s="6" t="s">
        <v>49</v>
      </c>
      <c r="B14585" s="6"/>
      <c r="C14585" s="6" t="s">
        <v>14609</v>
      </c>
      <c r="D14585" s="6"/>
      <c r="E14585" s="6" t="s">
        <v>9</v>
      </c>
      <c r="F14585" s="7">
        <v>38657</v>
      </c>
      <c r="G14585" s="8">
        <v>1</v>
      </c>
      <c r="H14585" s="8">
        <v>1</v>
      </c>
      <c r="I14585" s="8">
        <v>0</v>
      </c>
      <c r="J14585" s="8">
        <v>1</v>
      </c>
      <c r="K14585" s="9">
        <v>1584</v>
      </c>
      <c r="L14585" s="6" t="s">
        <v>51</v>
      </c>
    </row>
    <row r="14586" spans="1:12">
      <c r="A14586" s="6" t="s">
        <v>49</v>
      </c>
      <c r="B14586" s="6"/>
      <c r="C14586" s="6" t="s">
        <v>14610</v>
      </c>
      <c r="D14586" s="6"/>
      <c r="E14586" s="6" t="s">
        <v>9</v>
      </c>
      <c r="F14586" s="7">
        <v>38657</v>
      </c>
      <c r="G14586" s="8">
        <v>1</v>
      </c>
      <c r="H14586" s="8">
        <v>1</v>
      </c>
      <c r="I14586" s="8">
        <v>0</v>
      </c>
      <c r="J14586" s="8">
        <v>1</v>
      </c>
      <c r="K14586" s="9">
        <v>999</v>
      </c>
      <c r="L14586" s="6" t="s">
        <v>51</v>
      </c>
    </row>
    <row r="14587" spans="1:12">
      <c r="A14587" s="6" t="s">
        <v>49</v>
      </c>
      <c r="B14587" s="6"/>
      <c r="C14587" s="6" t="s">
        <v>14611</v>
      </c>
      <c r="D14587" s="6"/>
      <c r="E14587" s="6" t="s">
        <v>9</v>
      </c>
      <c r="F14587" s="7">
        <v>38657</v>
      </c>
      <c r="G14587" s="8">
        <v>1</v>
      </c>
      <c r="H14587" s="8">
        <v>1</v>
      </c>
      <c r="I14587" s="8">
        <v>0</v>
      </c>
      <c r="J14587" s="8">
        <v>1</v>
      </c>
      <c r="K14587" s="9">
        <v>138</v>
      </c>
      <c r="L14587" s="6" t="s">
        <v>51</v>
      </c>
    </row>
    <row r="14588" spans="1:12">
      <c r="A14588" s="6" t="s">
        <v>49</v>
      </c>
      <c r="B14588" s="6"/>
      <c r="C14588" s="6" t="s">
        <v>14612</v>
      </c>
      <c r="D14588" s="6"/>
      <c r="E14588" s="6" t="s">
        <v>9</v>
      </c>
      <c r="F14588" s="7">
        <v>38657</v>
      </c>
      <c r="G14588" s="8">
        <v>1</v>
      </c>
      <c r="H14588" s="8">
        <v>1</v>
      </c>
      <c r="I14588" s="8">
        <v>0</v>
      </c>
      <c r="J14588" s="8">
        <v>1</v>
      </c>
      <c r="K14588" s="9">
        <v>60.49</v>
      </c>
      <c r="L14588" s="6" t="s">
        <v>51</v>
      </c>
    </row>
    <row r="14589" spans="1:12">
      <c r="A14589" s="6" t="s">
        <v>49</v>
      </c>
      <c r="B14589" s="6"/>
      <c r="C14589" s="6" t="s">
        <v>14613</v>
      </c>
      <c r="D14589" s="6"/>
      <c r="E14589" s="6" t="s">
        <v>9</v>
      </c>
      <c r="F14589" s="7">
        <v>38657</v>
      </c>
      <c r="G14589" s="8">
        <v>1</v>
      </c>
      <c r="H14589" s="8">
        <v>1</v>
      </c>
      <c r="I14589" s="8">
        <v>0</v>
      </c>
      <c r="J14589" s="8">
        <v>1</v>
      </c>
      <c r="K14589" s="9">
        <v>162.31</v>
      </c>
      <c r="L14589" s="6" t="s">
        <v>51</v>
      </c>
    </row>
    <row r="14590" spans="1:12">
      <c r="A14590" s="6" t="s">
        <v>49</v>
      </c>
      <c r="B14590" s="6"/>
      <c r="C14590" s="6" t="s">
        <v>14614</v>
      </c>
      <c r="D14590" s="6"/>
      <c r="E14590" s="6" t="s">
        <v>9</v>
      </c>
      <c r="F14590" s="7">
        <v>38657</v>
      </c>
      <c r="G14590" s="8">
        <v>1</v>
      </c>
      <c r="H14590" s="8">
        <v>1</v>
      </c>
      <c r="I14590" s="8">
        <v>0</v>
      </c>
      <c r="J14590" s="8">
        <v>1</v>
      </c>
      <c r="K14590" s="9">
        <v>35.619999999999898</v>
      </c>
      <c r="L14590" s="6" t="s">
        <v>51</v>
      </c>
    </row>
    <row r="14591" spans="1:12">
      <c r="A14591" s="6" t="s">
        <v>49</v>
      </c>
      <c r="B14591" s="6"/>
      <c r="C14591" s="6" t="s">
        <v>14615</v>
      </c>
      <c r="D14591" s="6"/>
      <c r="E14591" s="6" t="s">
        <v>9</v>
      </c>
      <c r="F14591" s="7">
        <v>38657</v>
      </c>
      <c r="G14591" s="8">
        <v>1</v>
      </c>
      <c r="H14591" s="8">
        <v>1</v>
      </c>
      <c r="I14591" s="8">
        <v>0</v>
      </c>
      <c r="J14591" s="8">
        <v>1</v>
      </c>
      <c r="K14591" s="9">
        <v>7.97</v>
      </c>
      <c r="L14591" s="6" t="s">
        <v>51</v>
      </c>
    </row>
    <row r="14592" spans="1:12">
      <c r="A14592" s="6" t="s">
        <v>49</v>
      </c>
      <c r="B14592" s="6"/>
      <c r="C14592" s="6" t="s">
        <v>14616</v>
      </c>
      <c r="D14592" s="6"/>
      <c r="E14592" s="6" t="s">
        <v>9</v>
      </c>
      <c r="F14592" s="7">
        <v>38657</v>
      </c>
      <c r="G14592" s="8">
        <v>1</v>
      </c>
      <c r="H14592" s="8">
        <v>1</v>
      </c>
      <c r="I14592" s="8">
        <v>0</v>
      </c>
      <c r="J14592" s="8">
        <v>1</v>
      </c>
      <c r="K14592" s="9">
        <v>53.14</v>
      </c>
      <c r="L14592" s="6" t="s">
        <v>51</v>
      </c>
    </row>
    <row r="14593" spans="1:12">
      <c r="A14593" s="6" t="s">
        <v>49</v>
      </c>
      <c r="B14593" s="6"/>
      <c r="C14593" s="6" t="s">
        <v>14617</v>
      </c>
      <c r="D14593" s="6"/>
      <c r="E14593" s="6" t="s">
        <v>9</v>
      </c>
      <c r="F14593" s="7">
        <v>38657</v>
      </c>
      <c r="G14593" s="8">
        <v>1</v>
      </c>
      <c r="H14593" s="8">
        <v>1</v>
      </c>
      <c r="I14593" s="8">
        <v>0</v>
      </c>
      <c r="J14593" s="8">
        <v>1</v>
      </c>
      <c r="K14593" s="9">
        <v>3820</v>
      </c>
      <c r="L14593" s="6" t="s">
        <v>51</v>
      </c>
    </row>
    <row r="14594" spans="1:12">
      <c r="A14594" s="6" t="s">
        <v>49</v>
      </c>
      <c r="B14594" s="6"/>
      <c r="C14594" s="6" t="s">
        <v>14618</v>
      </c>
      <c r="D14594" s="6"/>
      <c r="E14594" s="6" t="s">
        <v>9</v>
      </c>
      <c r="F14594" s="7">
        <v>38657</v>
      </c>
      <c r="G14594" s="8">
        <v>1</v>
      </c>
      <c r="H14594" s="8">
        <v>1</v>
      </c>
      <c r="I14594" s="8">
        <v>0</v>
      </c>
      <c r="J14594" s="8">
        <v>1</v>
      </c>
      <c r="K14594" s="9">
        <v>1031</v>
      </c>
      <c r="L14594" s="6" t="s">
        <v>51</v>
      </c>
    </row>
    <row r="14595" spans="1:12">
      <c r="A14595" s="6" t="s">
        <v>49</v>
      </c>
      <c r="B14595" s="6"/>
      <c r="C14595" s="6" t="s">
        <v>14619</v>
      </c>
      <c r="D14595" s="6"/>
      <c r="E14595" s="6" t="s">
        <v>9</v>
      </c>
      <c r="F14595" s="7">
        <v>38657</v>
      </c>
      <c r="G14595" s="8">
        <v>1</v>
      </c>
      <c r="H14595" s="8">
        <v>1</v>
      </c>
      <c r="I14595" s="8">
        <v>0</v>
      </c>
      <c r="J14595" s="8">
        <v>1</v>
      </c>
      <c r="K14595" s="9">
        <v>2448</v>
      </c>
      <c r="L14595" s="6" t="s">
        <v>51</v>
      </c>
    </row>
    <row r="14596" spans="1:12">
      <c r="A14596" s="6" t="s">
        <v>49</v>
      </c>
      <c r="B14596" s="6"/>
      <c r="C14596" s="6" t="s">
        <v>14620</v>
      </c>
      <c r="D14596" s="6"/>
      <c r="E14596" s="6" t="s">
        <v>9</v>
      </c>
      <c r="F14596" s="7">
        <v>38657</v>
      </c>
      <c r="G14596" s="8">
        <v>1</v>
      </c>
      <c r="H14596" s="8">
        <v>1</v>
      </c>
      <c r="I14596" s="8">
        <v>0</v>
      </c>
      <c r="J14596" s="8">
        <v>1</v>
      </c>
      <c r="K14596" s="9">
        <v>871</v>
      </c>
      <c r="L14596" s="6" t="s">
        <v>51</v>
      </c>
    </row>
    <row r="14597" spans="1:12">
      <c r="A14597" s="6" t="s">
        <v>49</v>
      </c>
      <c r="B14597" s="6"/>
      <c r="C14597" s="6" t="s">
        <v>14621</v>
      </c>
      <c r="D14597" s="6"/>
      <c r="E14597" s="6" t="s">
        <v>9</v>
      </c>
      <c r="F14597" s="7">
        <v>38657</v>
      </c>
      <c r="G14597" s="8">
        <v>1</v>
      </c>
      <c r="H14597" s="8">
        <v>1</v>
      </c>
      <c r="I14597" s="8">
        <v>0</v>
      </c>
      <c r="J14597" s="8">
        <v>1</v>
      </c>
      <c r="K14597" s="9">
        <v>152</v>
      </c>
      <c r="L14597" s="6" t="s">
        <v>51</v>
      </c>
    </row>
    <row r="14598" spans="1:12">
      <c r="A14598" s="6" t="s">
        <v>49</v>
      </c>
      <c r="B14598" s="6"/>
      <c r="C14598" s="6" t="s">
        <v>14622</v>
      </c>
      <c r="D14598" s="6"/>
      <c r="E14598" s="6" t="s">
        <v>9</v>
      </c>
      <c r="F14598" s="7">
        <v>38657</v>
      </c>
      <c r="G14598" s="8">
        <v>1</v>
      </c>
      <c r="H14598" s="8">
        <v>1</v>
      </c>
      <c r="I14598" s="8">
        <v>0</v>
      </c>
      <c r="J14598" s="8">
        <v>1</v>
      </c>
      <c r="K14598" s="9">
        <v>1431</v>
      </c>
      <c r="L14598" s="6" t="s">
        <v>51</v>
      </c>
    </row>
    <row r="14599" spans="1:12">
      <c r="A14599" s="6" t="s">
        <v>49</v>
      </c>
      <c r="B14599" s="6"/>
      <c r="C14599" s="6" t="s">
        <v>14623</v>
      </c>
      <c r="D14599" s="6"/>
      <c r="E14599" s="6" t="s">
        <v>9</v>
      </c>
      <c r="F14599" s="7">
        <v>38657</v>
      </c>
      <c r="G14599" s="8">
        <v>1</v>
      </c>
      <c r="H14599" s="8">
        <v>1</v>
      </c>
      <c r="I14599" s="8">
        <v>0</v>
      </c>
      <c r="J14599" s="8">
        <v>1</v>
      </c>
      <c r="K14599" s="9">
        <v>57</v>
      </c>
      <c r="L14599" s="6" t="s">
        <v>51</v>
      </c>
    </row>
    <row r="14600" spans="1:12">
      <c r="A14600" s="6" t="s">
        <v>49</v>
      </c>
      <c r="B14600" s="6"/>
      <c r="C14600" s="6" t="s">
        <v>14624</v>
      </c>
      <c r="D14600" s="6"/>
      <c r="E14600" s="6" t="s">
        <v>9</v>
      </c>
      <c r="F14600" s="7">
        <v>38657</v>
      </c>
      <c r="G14600" s="8">
        <v>1</v>
      </c>
      <c r="H14600" s="8">
        <v>1</v>
      </c>
      <c r="I14600" s="8">
        <v>0</v>
      </c>
      <c r="J14600" s="8">
        <v>1</v>
      </c>
      <c r="K14600" s="9">
        <v>56</v>
      </c>
      <c r="L14600" s="6" t="s">
        <v>51</v>
      </c>
    </row>
    <row r="14601" spans="1:12">
      <c r="A14601" s="6" t="s">
        <v>49</v>
      </c>
      <c r="B14601" s="6"/>
      <c r="C14601" s="6" t="s">
        <v>14625</v>
      </c>
      <c r="D14601" s="6"/>
      <c r="E14601" s="6" t="s">
        <v>9</v>
      </c>
      <c r="F14601" s="7">
        <v>38657</v>
      </c>
      <c r="G14601" s="8">
        <v>1</v>
      </c>
      <c r="H14601" s="8">
        <v>1</v>
      </c>
      <c r="I14601" s="8">
        <v>0</v>
      </c>
      <c r="J14601" s="8">
        <v>1</v>
      </c>
      <c r="K14601" s="9">
        <v>1319</v>
      </c>
      <c r="L14601" s="6" t="s">
        <v>51</v>
      </c>
    </row>
    <row r="14602" spans="1:12">
      <c r="A14602" s="6" t="s">
        <v>49</v>
      </c>
      <c r="B14602" s="6"/>
      <c r="C14602" s="6" t="s">
        <v>14626</v>
      </c>
      <c r="D14602" s="6"/>
      <c r="E14602" s="6" t="s">
        <v>9</v>
      </c>
      <c r="F14602" s="7">
        <v>38657</v>
      </c>
      <c r="G14602" s="8">
        <v>1</v>
      </c>
      <c r="H14602" s="8">
        <v>1</v>
      </c>
      <c r="I14602" s="8">
        <v>0</v>
      </c>
      <c r="J14602" s="8">
        <v>1</v>
      </c>
      <c r="K14602" s="9">
        <v>178</v>
      </c>
      <c r="L14602" s="6" t="s">
        <v>51</v>
      </c>
    </row>
    <row r="14603" spans="1:12">
      <c r="A14603" s="6" t="s">
        <v>49</v>
      </c>
      <c r="B14603" s="6"/>
      <c r="C14603" s="6" t="s">
        <v>14627</v>
      </c>
      <c r="D14603" s="6"/>
      <c r="E14603" s="6" t="s">
        <v>9</v>
      </c>
      <c r="F14603" s="7">
        <v>38657</v>
      </c>
      <c r="G14603" s="8">
        <v>1</v>
      </c>
      <c r="H14603" s="8">
        <v>1</v>
      </c>
      <c r="I14603" s="8">
        <v>0</v>
      </c>
      <c r="J14603" s="8">
        <v>1</v>
      </c>
      <c r="K14603" s="9">
        <v>3235</v>
      </c>
      <c r="L14603" s="6" t="s">
        <v>51</v>
      </c>
    </row>
    <row r="14604" spans="1:12">
      <c r="A14604" s="6" t="s">
        <v>49</v>
      </c>
      <c r="B14604" s="6"/>
      <c r="C14604" s="6" t="s">
        <v>14628</v>
      </c>
      <c r="D14604" s="6"/>
      <c r="E14604" s="6" t="s">
        <v>9</v>
      </c>
      <c r="F14604" s="7">
        <v>38657</v>
      </c>
      <c r="G14604" s="8">
        <v>1</v>
      </c>
      <c r="H14604" s="8">
        <v>1</v>
      </c>
      <c r="I14604" s="8">
        <v>0</v>
      </c>
      <c r="J14604" s="8">
        <v>1</v>
      </c>
      <c r="K14604" s="9">
        <v>575</v>
      </c>
      <c r="L14604" s="6" t="s">
        <v>51</v>
      </c>
    </row>
    <row r="14605" spans="1:12">
      <c r="A14605" s="6" t="s">
        <v>49</v>
      </c>
      <c r="B14605" s="6"/>
      <c r="C14605" s="6" t="s">
        <v>14629</v>
      </c>
      <c r="D14605" s="6"/>
      <c r="E14605" s="6" t="s">
        <v>9</v>
      </c>
      <c r="F14605" s="7">
        <v>38657</v>
      </c>
      <c r="G14605" s="8">
        <v>1</v>
      </c>
      <c r="H14605" s="8">
        <v>1</v>
      </c>
      <c r="I14605" s="8">
        <v>0</v>
      </c>
      <c r="J14605" s="8">
        <v>1</v>
      </c>
      <c r="K14605" s="9">
        <v>570</v>
      </c>
      <c r="L14605" s="6" t="s">
        <v>51</v>
      </c>
    </row>
    <row r="14606" spans="1:12">
      <c r="A14606" s="6" t="s">
        <v>49</v>
      </c>
      <c r="B14606" s="6"/>
      <c r="C14606" s="6" t="s">
        <v>14630</v>
      </c>
      <c r="D14606" s="6"/>
      <c r="E14606" s="6" t="s">
        <v>9</v>
      </c>
      <c r="F14606" s="7">
        <v>38657</v>
      </c>
      <c r="G14606" s="8">
        <v>1</v>
      </c>
      <c r="H14606" s="8">
        <v>1</v>
      </c>
      <c r="I14606" s="8">
        <v>0</v>
      </c>
      <c r="J14606" s="8">
        <v>1</v>
      </c>
      <c r="K14606" s="9">
        <v>878</v>
      </c>
      <c r="L14606" s="6" t="s">
        <v>51</v>
      </c>
    </row>
    <row r="14607" spans="1:12">
      <c r="A14607" s="6" t="s">
        <v>49</v>
      </c>
      <c r="B14607" s="6"/>
      <c r="C14607" s="6" t="s">
        <v>14631</v>
      </c>
      <c r="D14607" s="6"/>
      <c r="E14607" s="6" t="s">
        <v>9</v>
      </c>
      <c r="F14607" s="7">
        <v>38657</v>
      </c>
      <c r="G14607" s="8">
        <v>1</v>
      </c>
      <c r="H14607" s="8">
        <v>1</v>
      </c>
      <c r="I14607" s="8">
        <v>0</v>
      </c>
      <c r="J14607" s="8">
        <v>1</v>
      </c>
      <c r="K14607" s="9">
        <v>602</v>
      </c>
      <c r="L14607" s="6" t="s">
        <v>51</v>
      </c>
    </row>
    <row r="14608" spans="1:12">
      <c r="A14608" s="6" t="s">
        <v>49</v>
      </c>
      <c r="B14608" s="6"/>
      <c r="C14608" s="6" t="s">
        <v>14632</v>
      </c>
      <c r="D14608" s="6"/>
      <c r="E14608" s="6" t="s">
        <v>9</v>
      </c>
      <c r="F14608" s="7">
        <v>38657</v>
      </c>
      <c r="G14608" s="8">
        <v>1</v>
      </c>
      <c r="H14608" s="8">
        <v>1</v>
      </c>
      <c r="I14608" s="8">
        <v>0</v>
      </c>
      <c r="J14608" s="8">
        <v>1</v>
      </c>
      <c r="K14608" s="9">
        <v>461</v>
      </c>
      <c r="L14608" s="6" t="s">
        <v>51</v>
      </c>
    </row>
    <row r="14609" spans="1:12">
      <c r="A14609" s="6" t="s">
        <v>49</v>
      </c>
      <c r="B14609" s="6"/>
      <c r="C14609" s="6" t="s">
        <v>14633</v>
      </c>
      <c r="D14609" s="6"/>
      <c r="E14609" s="6" t="s">
        <v>9</v>
      </c>
      <c r="F14609" s="7">
        <v>38657</v>
      </c>
      <c r="G14609" s="8">
        <v>1</v>
      </c>
      <c r="H14609" s="8">
        <v>1</v>
      </c>
      <c r="I14609" s="8">
        <v>0</v>
      </c>
      <c r="J14609" s="8">
        <v>1</v>
      </c>
      <c r="K14609" s="9">
        <v>120</v>
      </c>
      <c r="L14609" s="6" t="s">
        <v>51</v>
      </c>
    </row>
    <row r="14610" spans="1:12">
      <c r="A14610" s="6" t="s">
        <v>49</v>
      </c>
      <c r="B14610" s="6"/>
      <c r="C14610" s="6" t="s">
        <v>14634</v>
      </c>
      <c r="D14610" s="6"/>
      <c r="E14610" s="6" t="s">
        <v>9</v>
      </c>
      <c r="F14610" s="7">
        <v>38657</v>
      </c>
      <c r="G14610" s="8">
        <v>1</v>
      </c>
      <c r="H14610" s="8">
        <v>1</v>
      </c>
      <c r="I14610" s="8">
        <v>0</v>
      </c>
      <c r="J14610" s="8">
        <v>1</v>
      </c>
      <c r="K14610" s="9">
        <v>119</v>
      </c>
      <c r="L14610" s="6" t="s">
        <v>51</v>
      </c>
    </row>
    <row r="14611" spans="1:12">
      <c r="A14611" s="6" t="s">
        <v>49</v>
      </c>
      <c r="B14611" s="6"/>
      <c r="C14611" s="6" t="s">
        <v>14635</v>
      </c>
      <c r="D14611" s="6"/>
      <c r="E14611" s="6" t="s">
        <v>9</v>
      </c>
      <c r="F14611" s="7">
        <v>38657</v>
      </c>
      <c r="G14611" s="8">
        <v>1</v>
      </c>
      <c r="H14611" s="8">
        <v>1</v>
      </c>
      <c r="I14611" s="8">
        <v>0</v>
      </c>
      <c r="J14611" s="8">
        <v>1</v>
      </c>
      <c r="K14611" s="9">
        <v>129</v>
      </c>
      <c r="L14611" s="6" t="s">
        <v>51</v>
      </c>
    </row>
    <row r="14612" spans="1:12">
      <c r="A14612" s="6" t="s">
        <v>49</v>
      </c>
      <c r="B14612" s="6"/>
      <c r="C14612" s="6" t="s">
        <v>14636</v>
      </c>
      <c r="D14612" s="6"/>
      <c r="E14612" s="6" t="s">
        <v>9</v>
      </c>
      <c r="F14612" s="7">
        <v>38657</v>
      </c>
      <c r="G14612" s="8">
        <v>1</v>
      </c>
      <c r="H14612" s="8">
        <v>1</v>
      </c>
      <c r="I14612" s="8">
        <v>0</v>
      </c>
      <c r="J14612" s="8">
        <v>1</v>
      </c>
      <c r="K14612" s="9">
        <v>1178</v>
      </c>
      <c r="L14612" s="6" t="s">
        <v>51</v>
      </c>
    </row>
    <row r="14613" spans="1:12">
      <c r="A14613" s="6" t="s">
        <v>49</v>
      </c>
      <c r="B14613" s="6"/>
      <c r="C14613" s="6" t="s">
        <v>14637</v>
      </c>
      <c r="D14613" s="6"/>
      <c r="E14613" s="6" t="s">
        <v>9</v>
      </c>
      <c r="F14613" s="7">
        <v>38657</v>
      </c>
      <c r="G14613" s="8">
        <v>1</v>
      </c>
      <c r="H14613" s="8">
        <v>1</v>
      </c>
      <c r="I14613" s="8">
        <v>0</v>
      </c>
      <c r="J14613" s="8">
        <v>1</v>
      </c>
      <c r="K14613" s="9">
        <v>30</v>
      </c>
      <c r="L14613" s="6" t="s">
        <v>51</v>
      </c>
    </row>
    <row r="14614" spans="1:12">
      <c r="A14614" s="6" t="s">
        <v>49</v>
      </c>
      <c r="B14614" s="6"/>
      <c r="C14614" s="6" t="s">
        <v>14638</v>
      </c>
      <c r="D14614" s="6"/>
      <c r="E14614" s="6" t="s">
        <v>9</v>
      </c>
      <c r="F14614" s="7">
        <v>38657</v>
      </c>
      <c r="G14614" s="8">
        <v>1</v>
      </c>
      <c r="H14614" s="8">
        <v>1</v>
      </c>
      <c r="I14614" s="8">
        <v>0</v>
      </c>
      <c r="J14614" s="8">
        <v>1</v>
      </c>
      <c r="K14614" s="9">
        <v>1564</v>
      </c>
      <c r="L14614" s="6" t="s">
        <v>51</v>
      </c>
    </row>
    <row r="14615" spans="1:12">
      <c r="A14615" s="6" t="s">
        <v>49</v>
      </c>
      <c r="B14615" s="6"/>
      <c r="C14615" s="6" t="s">
        <v>14639</v>
      </c>
      <c r="D14615" s="6"/>
      <c r="E14615" s="6" t="s">
        <v>9</v>
      </c>
      <c r="F14615" s="7">
        <v>38657</v>
      </c>
      <c r="G14615" s="8">
        <v>1</v>
      </c>
      <c r="H14615" s="8">
        <v>1</v>
      </c>
      <c r="I14615" s="8">
        <v>0</v>
      </c>
      <c r="J14615" s="8">
        <v>1</v>
      </c>
      <c r="K14615" s="9">
        <v>60</v>
      </c>
      <c r="L14615" s="6" t="s">
        <v>51</v>
      </c>
    </row>
    <row r="14616" spans="1:12">
      <c r="A14616" s="6" t="s">
        <v>49</v>
      </c>
      <c r="B14616" s="6"/>
      <c r="C14616" s="6" t="s">
        <v>14640</v>
      </c>
      <c r="D14616" s="6"/>
      <c r="E14616" s="6" t="s">
        <v>9</v>
      </c>
      <c r="F14616" s="7">
        <v>38657</v>
      </c>
      <c r="G14616" s="8">
        <v>1</v>
      </c>
      <c r="H14616" s="8">
        <v>1</v>
      </c>
      <c r="I14616" s="8">
        <v>0</v>
      </c>
      <c r="J14616" s="8">
        <v>1</v>
      </c>
      <c r="K14616" s="9">
        <v>402</v>
      </c>
      <c r="L14616" s="6" t="s">
        <v>51</v>
      </c>
    </row>
    <row r="14617" spans="1:12">
      <c r="A14617" s="6" t="s">
        <v>49</v>
      </c>
      <c r="B14617" s="6"/>
      <c r="C14617" s="6" t="s">
        <v>14641</v>
      </c>
      <c r="D14617" s="6"/>
      <c r="E14617" s="6" t="s">
        <v>9</v>
      </c>
      <c r="F14617" s="7">
        <v>38657</v>
      </c>
      <c r="G14617" s="8">
        <v>1</v>
      </c>
      <c r="H14617" s="8">
        <v>1</v>
      </c>
      <c r="I14617" s="8">
        <v>0</v>
      </c>
      <c r="J14617" s="8">
        <v>1</v>
      </c>
      <c r="K14617" s="9">
        <v>57.74</v>
      </c>
      <c r="L14617" s="6" t="s">
        <v>51</v>
      </c>
    </row>
    <row r="14618" spans="1:12">
      <c r="A14618" s="6" t="s">
        <v>49</v>
      </c>
      <c r="B14618" s="6"/>
      <c r="C14618" s="6" t="s">
        <v>14642</v>
      </c>
      <c r="D14618" s="6"/>
      <c r="E14618" s="6" t="s">
        <v>9</v>
      </c>
      <c r="F14618" s="7">
        <v>38657</v>
      </c>
      <c r="G14618" s="8">
        <v>1</v>
      </c>
      <c r="H14618" s="8">
        <v>1</v>
      </c>
      <c r="I14618" s="8">
        <v>0</v>
      </c>
      <c r="J14618" s="8">
        <v>1</v>
      </c>
      <c r="K14618" s="9">
        <v>47</v>
      </c>
      <c r="L14618" s="6" t="s">
        <v>51</v>
      </c>
    </row>
    <row r="14619" spans="1:12">
      <c r="A14619" s="6" t="s">
        <v>49</v>
      </c>
      <c r="B14619" s="6"/>
      <c r="C14619" s="6" t="s">
        <v>14643</v>
      </c>
      <c r="D14619" s="6"/>
      <c r="E14619" s="6" t="s">
        <v>9</v>
      </c>
      <c r="F14619" s="7">
        <v>38657</v>
      </c>
      <c r="G14619" s="8">
        <v>1</v>
      </c>
      <c r="H14619" s="8">
        <v>1</v>
      </c>
      <c r="I14619" s="8">
        <v>0</v>
      </c>
      <c r="J14619" s="8">
        <v>1</v>
      </c>
      <c r="K14619" s="9">
        <v>36</v>
      </c>
      <c r="L14619" s="6" t="s">
        <v>51</v>
      </c>
    </row>
    <row r="14620" spans="1:12">
      <c r="A14620" s="6" t="s">
        <v>49</v>
      </c>
      <c r="B14620" s="6"/>
      <c r="C14620" s="6" t="s">
        <v>14644</v>
      </c>
      <c r="D14620" s="6"/>
      <c r="E14620" s="6" t="s">
        <v>9</v>
      </c>
      <c r="F14620" s="7">
        <v>38657</v>
      </c>
      <c r="G14620" s="8">
        <v>1</v>
      </c>
      <c r="H14620" s="8">
        <v>1</v>
      </c>
      <c r="I14620" s="8">
        <v>0</v>
      </c>
      <c r="J14620" s="8">
        <v>1</v>
      </c>
      <c r="K14620" s="9">
        <v>741</v>
      </c>
      <c r="L14620" s="6" t="s">
        <v>51</v>
      </c>
    </row>
    <row r="14621" spans="1:12">
      <c r="A14621" s="6" t="s">
        <v>49</v>
      </c>
      <c r="B14621" s="6"/>
      <c r="C14621" s="6" t="s">
        <v>14645</v>
      </c>
      <c r="D14621" s="6"/>
      <c r="E14621" s="6" t="s">
        <v>9</v>
      </c>
      <c r="F14621" s="7">
        <v>38657</v>
      </c>
      <c r="G14621" s="8">
        <v>1</v>
      </c>
      <c r="H14621" s="8">
        <v>1</v>
      </c>
      <c r="I14621" s="8">
        <v>0</v>
      </c>
      <c r="J14621" s="8">
        <v>1</v>
      </c>
      <c r="K14621" s="9">
        <v>503</v>
      </c>
      <c r="L14621" s="6" t="s">
        <v>51</v>
      </c>
    </row>
    <row r="14622" spans="1:12">
      <c r="A14622" s="6" t="s">
        <v>49</v>
      </c>
      <c r="B14622" s="6"/>
      <c r="C14622" s="6" t="s">
        <v>14646</v>
      </c>
      <c r="D14622" s="6"/>
      <c r="E14622" s="6" t="s">
        <v>9</v>
      </c>
      <c r="F14622" s="7">
        <v>38657</v>
      </c>
      <c r="G14622" s="8">
        <v>1</v>
      </c>
      <c r="H14622" s="8">
        <v>1</v>
      </c>
      <c r="I14622" s="8">
        <v>0</v>
      </c>
      <c r="J14622" s="8">
        <v>1</v>
      </c>
      <c r="K14622" s="9">
        <v>1007</v>
      </c>
      <c r="L14622" s="6" t="s">
        <v>51</v>
      </c>
    </row>
    <row r="14623" spans="1:12">
      <c r="A14623" s="6" t="s">
        <v>49</v>
      </c>
      <c r="B14623" s="6"/>
      <c r="C14623" s="6" t="s">
        <v>14647</v>
      </c>
      <c r="D14623" s="6"/>
      <c r="E14623" s="6" t="s">
        <v>9</v>
      </c>
      <c r="F14623" s="7">
        <v>38657</v>
      </c>
      <c r="G14623" s="8">
        <v>1</v>
      </c>
      <c r="H14623" s="8">
        <v>1</v>
      </c>
      <c r="I14623" s="8">
        <v>0</v>
      </c>
      <c r="J14623" s="8">
        <v>1</v>
      </c>
      <c r="K14623" s="9">
        <v>2096</v>
      </c>
      <c r="L14623" s="6" t="s">
        <v>51</v>
      </c>
    </row>
    <row r="14624" spans="1:12">
      <c r="A14624" s="6" t="s">
        <v>49</v>
      </c>
      <c r="B14624" s="6"/>
      <c r="C14624" s="6" t="s">
        <v>14648</v>
      </c>
      <c r="D14624" s="6"/>
      <c r="E14624" s="6" t="s">
        <v>9</v>
      </c>
      <c r="F14624" s="7">
        <v>38657</v>
      </c>
      <c r="G14624" s="8">
        <v>1</v>
      </c>
      <c r="H14624" s="8">
        <v>1</v>
      </c>
      <c r="I14624" s="8">
        <v>0</v>
      </c>
      <c r="J14624" s="8">
        <v>1</v>
      </c>
      <c r="K14624" s="9">
        <v>161</v>
      </c>
      <c r="L14624" s="6" t="s">
        <v>51</v>
      </c>
    </row>
    <row r="14625" spans="1:12">
      <c r="A14625" s="6" t="s">
        <v>49</v>
      </c>
      <c r="B14625" s="6"/>
      <c r="C14625" s="6" t="s">
        <v>14649</v>
      </c>
      <c r="D14625" s="6"/>
      <c r="E14625" s="6" t="s">
        <v>9</v>
      </c>
      <c r="F14625" s="7">
        <v>38657</v>
      </c>
      <c r="G14625" s="8">
        <v>1</v>
      </c>
      <c r="H14625" s="8">
        <v>1</v>
      </c>
      <c r="I14625" s="8">
        <v>0</v>
      </c>
      <c r="J14625" s="8">
        <v>1</v>
      </c>
      <c r="K14625" s="9">
        <v>1348</v>
      </c>
      <c r="L14625" s="6" t="s">
        <v>51</v>
      </c>
    </row>
    <row r="14626" spans="1:12">
      <c r="A14626" s="6" t="s">
        <v>49</v>
      </c>
      <c r="B14626" s="6"/>
      <c r="C14626" s="6" t="s">
        <v>14650</v>
      </c>
      <c r="D14626" s="6"/>
      <c r="E14626" s="6" t="s">
        <v>9</v>
      </c>
      <c r="F14626" s="7">
        <v>38657</v>
      </c>
      <c r="G14626" s="8">
        <v>1</v>
      </c>
      <c r="H14626" s="8">
        <v>1</v>
      </c>
      <c r="I14626" s="8">
        <v>0</v>
      </c>
      <c r="J14626" s="8">
        <v>1</v>
      </c>
      <c r="K14626" s="9">
        <v>580</v>
      </c>
      <c r="L14626" s="6" t="s">
        <v>51</v>
      </c>
    </row>
    <row r="14627" spans="1:12">
      <c r="A14627" s="6" t="s">
        <v>49</v>
      </c>
      <c r="B14627" s="6"/>
      <c r="C14627" s="6" t="s">
        <v>14651</v>
      </c>
      <c r="D14627" s="6"/>
      <c r="E14627" s="6" t="s">
        <v>9</v>
      </c>
      <c r="F14627" s="7">
        <v>38657</v>
      </c>
      <c r="G14627" s="8">
        <v>1</v>
      </c>
      <c r="H14627" s="8">
        <v>1</v>
      </c>
      <c r="I14627" s="8">
        <v>0</v>
      </c>
      <c r="J14627" s="8">
        <v>1</v>
      </c>
      <c r="K14627" s="9">
        <v>441</v>
      </c>
      <c r="L14627" s="6" t="s">
        <v>51</v>
      </c>
    </row>
    <row r="14628" spans="1:12">
      <c r="A14628" s="6" t="s">
        <v>49</v>
      </c>
      <c r="B14628" s="6"/>
      <c r="C14628" s="6" t="s">
        <v>14652</v>
      </c>
      <c r="D14628" s="6"/>
      <c r="E14628" s="6" t="s">
        <v>9</v>
      </c>
      <c r="F14628" s="7">
        <v>38657</v>
      </c>
      <c r="G14628" s="8">
        <v>1</v>
      </c>
      <c r="H14628" s="8">
        <v>1</v>
      </c>
      <c r="I14628" s="8">
        <v>0</v>
      </c>
      <c r="J14628" s="8">
        <v>1</v>
      </c>
      <c r="K14628" s="9">
        <v>223</v>
      </c>
      <c r="L14628" s="6" t="s">
        <v>51</v>
      </c>
    </row>
    <row r="14629" spans="1:12">
      <c r="A14629" s="6" t="s">
        <v>49</v>
      </c>
      <c r="B14629" s="6"/>
      <c r="C14629" s="6" t="s">
        <v>14653</v>
      </c>
      <c r="D14629" s="6"/>
      <c r="E14629" s="6" t="s">
        <v>9</v>
      </c>
      <c r="F14629" s="7">
        <v>38657</v>
      </c>
      <c r="G14629" s="8">
        <v>1</v>
      </c>
      <c r="H14629" s="8">
        <v>1</v>
      </c>
      <c r="I14629" s="8">
        <v>0</v>
      </c>
      <c r="J14629" s="8">
        <v>1</v>
      </c>
      <c r="K14629" s="9">
        <v>249</v>
      </c>
      <c r="L14629" s="6" t="s">
        <v>51</v>
      </c>
    </row>
    <row r="14630" spans="1:12">
      <c r="A14630" s="6" t="s">
        <v>49</v>
      </c>
      <c r="B14630" s="6"/>
      <c r="C14630" s="6" t="s">
        <v>14654</v>
      </c>
      <c r="D14630" s="6"/>
      <c r="E14630" s="6" t="s">
        <v>9</v>
      </c>
      <c r="F14630" s="7">
        <v>38657</v>
      </c>
      <c r="G14630" s="8">
        <v>1</v>
      </c>
      <c r="H14630" s="8">
        <v>1</v>
      </c>
      <c r="I14630" s="8">
        <v>0</v>
      </c>
      <c r="J14630" s="8">
        <v>1</v>
      </c>
      <c r="K14630" s="9">
        <v>63</v>
      </c>
      <c r="L14630" s="6" t="s">
        <v>51</v>
      </c>
    </row>
    <row r="14631" spans="1:12">
      <c r="A14631" s="6" t="s">
        <v>49</v>
      </c>
      <c r="B14631" s="6"/>
      <c r="C14631" s="6" t="s">
        <v>14655</v>
      </c>
      <c r="D14631" s="6"/>
      <c r="E14631" s="6" t="s">
        <v>9</v>
      </c>
      <c r="F14631" s="7">
        <v>38657</v>
      </c>
      <c r="G14631" s="8">
        <v>1</v>
      </c>
      <c r="H14631" s="8">
        <v>1</v>
      </c>
      <c r="I14631" s="8">
        <v>0</v>
      </c>
      <c r="J14631" s="8">
        <v>1</v>
      </c>
      <c r="K14631" s="9">
        <v>62</v>
      </c>
      <c r="L14631" s="6" t="s">
        <v>51</v>
      </c>
    </row>
    <row r="14632" spans="1:12">
      <c r="A14632" s="6" t="s">
        <v>49</v>
      </c>
      <c r="B14632" s="6"/>
      <c r="C14632" s="6" t="s">
        <v>14656</v>
      </c>
      <c r="D14632" s="6"/>
      <c r="E14632" s="6" t="s">
        <v>9</v>
      </c>
      <c r="F14632" s="7">
        <v>38657</v>
      </c>
      <c r="G14632" s="8">
        <v>1</v>
      </c>
      <c r="H14632" s="8">
        <v>1</v>
      </c>
      <c r="I14632" s="8">
        <v>0</v>
      </c>
      <c r="J14632" s="8">
        <v>1</v>
      </c>
      <c r="K14632" s="9">
        <v>875</v>
      </c>
      <c r="L14632" s="6" t="s">
        <v>51</v>
      </c>
    </row>
    <row r="14633" spans="1:12">
      <c r="A14633" s="6" t="s">
        <v>49</v>
      </c>
      <c r="B14633" s="6"/>
      <c r="C14633" s="6" t="s">
        <v>14657</v>
      </c>
      <c r="D14633" s="6"/>
      <c r="E14633" s="6" t="s">
        <v>9</v>
      </c>
      <c r="F14633" s="7">
        <v>38657</v>
      </c>
      <c r="G14633" s="8">
        <v>1</v>
      </c>
      <c r="H14633" s="8">
        <v>1</v>
      </c>
      <c r="I14633" s="8">
        <v>0</v>
      </c>
      <c r="J14633" s="8">
        <v>1</v>
      </c>
      <c r="K14633" s="9">
        <v>55</v>
      </c>
      <c r="L14633" s="6" t="s">
        <v>51</v>
      </c>
    </row>
    <row r="14634" spans="1:12">
      <c r="A14634" s="6" t="s">
        <v>49</v>
      </c>
      <c r="B14634" s="6"/>
      <c r="C14634" s="6" t="s">
        <v>14658</v>
      </c>
      <c r="D14634" s="6"/>
      <c r="E14634" s="6" t="s">
        <v>9</v>
      </c>
      <c r="F14634" s="7">
        <v>38657</v>
      </c>
      <c r="G14634" s="8">
        <v>1</v>
      </c>
      <c r="H14634" s="8">
        <v>1</v>
      </c>
      <c r="I14634" s="8">
        <v>0</v>
      </c>
      <c r="J14634" s="8">
        <v>1</v>
      </c>
      <c r="K14634" s="9">
        <v>61</v>
      </c>
      <c r="L14634" s="6" t="s">
        <v>51</v>
      </c>
    </row>
    <row r="14635" spans="1:12">
      <c r="A14635" s="6" t="s">
        <v>49</v>
      </c>
      <c r="B14635" s="6"/>
      <c r="C14635" s="6" t="s">
        <v>14659</v>
      </c>
      <c r="D14635" s="6"/>
      <c r="E14635" s="6" t="s">
        <v>9</v>
      </c>
      <c r="F14635" s="7">
        <v>38657</v>
      </c>
      <c r="G14635" s="8">
        <v>1</v>
      </c>
      <c r="H14635" s="8">
        <v>1</v>
      </c>
      <c r="I14635" s="8">
        <v>0</v>
      </c>
      <c r="J14635" s="8">
        <v>1</v>
      </c>
      <c r="K14635" s="9">
        <v>16</v>
      </c>
      <c r="L14635" s="6" t="s">
        <v>51</v>
      </c>
    </row>
    <row r="14636" spans="1:12">
      <c r="A14636" s="6" t="s">
        <v>49</v>
      </c>
      <c r="B14636" s="6"/>
      <c r="C14636" s="6" t="s">
        <v>14660</v>
      </c>
      <c r="D14636" s="6"/>
      <c r="E14636" s="6" t="s">
        <v>9</v>
      </c>
      <c r="F14636" s="7">
        <v>38657</v>
      </c>
      <c r="G14636" s="8">
        <v>1</v>
      </c>
      <c r="H14636" s="8">
        <v>1</v>
      </c>
      <c r="I14636" s="8">
        <v>0</v>
      </c>
      <c r="J14636" s="8">
        <v>1</v>
      </c>
      <c r="K14636" s="9">
        <v>445</v>
      </c>
      <c r="L14636" s="6" t="s">
        <v>51</v>
      </c>
    </row>
    <row r="14637" spans="1:12">
      <c r="A14637" s="6" t="s">
        <v>49</v>
      </c>
      <c r="B14637" s="6"/>
      <c r="C14637" s="6" t="s">
        <v>14661</v>
      </c>
      <c r="D14637" s="6"/>
      <c r="E14637" s="6" t="s">
        <v>9</v>
      </c>
      <c r="F14637" s="7">
        <v>38657</v>
      </c>
      <c r="G14637" s="8">
        <v>1</v>
      </c>
      <c r="H14637" s="8">
        <v>1</v>
      </c>
      <c r="I14637" s="8">
        <v>0</v>
      </c>
      <c r="J14637" s="8">
        <v>1</v>
      </c>
      <c r="K14637" s="9">
        <v>2578</v>
      </c>
      <c r="L14637" s="6" t="s">
        <v>51</v>
      </c>
    </row>
    <row r="14638" spans="1:12">
      <c r="A14638" s="6" t="s">
        <v>49</v>
      </c>
      <c r="B14638" s="6"/>
      <c r="C14638" s="6" t="s">
        <v>14662</v>
      </c>
      <c r="D14638" s="6"/>
      <c r="E14638" s="6" t="s">
        <v>9</v>
      </c>
      <c r="F14638" s="7">
        <v>38657</v>
      </c>
      <c r="G14638" s="8">
        <v>1</v>
      </c>
      <c r="H14638" s="8">
        <v>1</v>
      </c>
      <c r="I14638" s="8">
        <v>0</v>
      </c>
      <c r="J14638" s="8">
        <v>1</v>
      </c>
      <c r="K14638" s="9">
        <v>647</v>
      </c>
      <c r="L14638" s="6" t="s">
        <v>51</v>
      </c>
    </row>
    <row r="14639" spans="1:12">
      <c r="A14639" s="6" t="s">
        <v>49</v>
      </c>
      <c r="B14639" s="6"/>
      <c r="C14639" s="6" t="s">
        <v>14663</v>
      </c>
      <c r="D14639" s="6"/>
      <c r="E14639" s="6" t="s">
        <v>9</v>
      </c>
      <c r="F14639" s="7">
        <v>38657</v>
      </c>
      <c r="G14639" s="8">
        <v>1</v>
      </c>
      <c r="H14639" s="8">
        <v>1</v>
      </c>
      <c r="I14639" s="8">
        <v>0</v>
      </c>
      <c r="J14639" s="8">
        <v>1</v>
      </c>
      <c r="K14639" s="9">
        <v>1028</v>
      </c>
      <c r="L14639" s="6" t="s">
        <v>51</v>
      </c>
    </row>
    <row r="14640" spans="1:12">
      <c r="A14640" s="6" t="s">
        <v>49</v>
      </c>
      <c r="B14640" s="6"/>
      <c r="C14640" s="6" t="s">
        <v>14664</v>
      </c>
      <c r="D14640" s="6"/>
      <c r="E14640" s="6" t="s">
        <v>9</v>
      </c>
      <c r="F14640" s="7">
        <v>38657</v>
      </c>
      <c r="G14640" s="8">
        <v>1</v>
      </c>
      <c r="H14640" s="8">
        <v>1</v>
      </c>
      <c r="I14640" s="8">
        <v>0</v>
      </c>
      <c r="J14640" s="8">
        <v>1</v>
      </c>
      <c r="K14640" s="9">
        <v>834</v>
      </c>
      <c r="L14640" s="6" t="s">
        <v>51</v>
      </c>
    </row>
    <row r="14641" spans="1:12">
      <c r="A14641" s="6" t="s">
        <v>49</v>
      </c>
      <c r="B14641" s="6"/>
      <c r="C14641" s="6" t="s">
        <v>14665</v>
      </c>
      <c r="D14641" s="6"/>
      <c r="E14641" s="6" t="s">
        <v>9</v>
      </c>
      <c r="F14641" s="7">
        <v>38657</v>
      </c>
      <c r="G14641" s="8">
        <v>1</v>
      </c>
      <c r="H14641" s="8">
        <v>1</v>
      </c>
      <c r="I14641" s="8">
        <v>0</v>
      </c>
      <c r="J14641" s="8">
        <v>1</v>
      </c>
      <c r="K14641" s="9">
        <v>1324</v>
      </c>
      <c r="L14641" s="6" t="s">
        <v>51</v>
      </c>
    </row>
    <row r="14642" spans="1:12">
      <c r="A14642" s="6" t="s">
        <v>49</v>
      </c>
      <c r="B14642" s="6"/>
      <c r="C14642" s="6" t="s">
        <v>14666</v>
      </c>
      <c r="D14642" s="6"/>
      <c r="E14642" s="6" t="s">
        <v>9</v>
      </c>
      <c r="F14642" s="7">
        <v>38657</v>
      </c>
      <c r="G14642" s="8">
        <v>1</v>
      </c>
      <c r="H14642" s="8">
        <v>1</v>
      </c>
      <c r="I14642" s="8">
        <v>0</v>
      </c>
      <c r="J14642" s="8">
        <v>1</v>
      </c>
      <c r="K14642" s="9">
        <v>1832</v>
      </c>
      <c r="L14642" s="6" t="s">
        <v>51</v>
      </c>
    </row>
    <row r="14643" spans="1:12">
      <c r="A14643" s="6" t="s">
        <v>49</v>
      </c>
      <c r="B14643" s="6"/>
      <c r="C14643" s="6" t="s">
        <v>14667</v>
      </c>
      <c r="D14643" s="6"/>
      <c r="E14643" s="6" t="s">
        <v>9</v>
      </c>
      <c r="F14643" s="7">
        <v>38657</v>
      </c>
      <c r="G14643" s="8">
        <v>1</v>
      </c>
      <c r="H14643" s="8">
        <v>1</v>
      </c>
      <c r="I14643" s="8">
        <v>0</v>
      </c>
      <c r="J14643" s="8">
        <v>1</v>
      </c>
      <c r="K14643" s="9">
        <v>59</v>
      </c>
      <c r="L14643" s="6" t="s">
        <v>51</v>
      </c>
    </row>
    <row r="14644" spans="1:12">
      <c r="A14644" s="6" t="s">
        <v>49</v>
      </c>
      <c r="B14644" s="6"/>
      <c r="C14644" s="6" t="s">
        <v>14668</v>
      </c>
      <c r="D14644" s="6"/>
      <c r="E14644" s="6" t="s">
        <v>9</v>
      </c>
      <c r="F14644" s="7">
        <v>38657</v>
      </c>
      <c r="G14644" s="8">
        <v>1</v>
      </c>
      <c r="H14644" s="8">
        <v>1</v>
      </c>
      <c r="I14644" s="8">
        <v>0</v>
      </c>
      <c r="J14644" s="8">
        <v>1</v>
      </c>
      <c r="K14644" s="9">
        <v>1060</v>
      </c>
      <c r="L14644" s="6" t="s">
        <v>51</v>
      </c>
    </row>
    <row r="14645" spans="1:12">
      <c r="A14645" s="6" t="s">
        <v>49</v>
      </c>
      <c r="B14645" s="6"/>
      <c r="C14645" s="6" t="s">
        <v>14669</v>
      </c>
      <c r="D14645" s="6"/>
      <c r="E14645" s="6" t="s">
        <v>9</v>
      </c>
      <c r="F14645" s="7">
        <v>38657</v>
      </c>
      <c r="G14645" s="8">
        <v>1</v>
      </c>
      <c r="H14645" s="8">
        <v>1</v>
      </c>
      <c r="I14645" s="8">
        <v>0</v>
      </c>
      <c r="J14645" s="8">
        <v>1</v>
      </c>
      <c r="K14645" s="9">
        <v>1059</v>
      </c>
      <c r="L14645" s="6" t="s">
        <v>51</v>
      </c>
    </row>
    <row r="14646" spans="1:12">
      <c r="A14646" s="6" t="s">
        <v>49</v>
      </c>
      <c r="B14646" s="6"/>
      <c r="C14646" s="6" t="s">
        <v>14670</v>
      </c>
      <c r="D14646" s="6"/>
      <c r="E14646" s="6" t="s">
        <v>9</v>
      </c>
      <c r="F14646" s="7">
        <v>38657</v>
      </c>
      <c r="G14646" s="8">
        <v>1</v>
      </c>
      <c r="H14646" s="8">
        <v>1</v>
      </c>
      <c r="I14646" s="8">
        <v>0</v>
      </c>
      <c r="J14646" s="8">
        <v>1</v>
      </c>
      <c r="K14646" s="9">
        <v>178</v>
      </c>
      <c r="L14646" s="6" t="s">
        <v>51</v>
      </c>
    </row>
    <row r="14647" spans="1:12">
      <c r="A14647" s="6" t="s">
        <v>49</v>
      </c>
      <c r="B14647" s="6"/>
      <c r="C14647" s="6" t="s">
        <v>14671</v>
      </c>
      <c r="D14647" s="6"/>
      <c r="E14647" s="6" t="s">
        <v>9</v>
      </c>
      <c r="F14647" s="7">
        <v>38657</v>
      </c>
      <c r="G14647" s="8">
        <v>1</v>
      </c>
      <c r="H14647" s="8">
        <v>1</v>
      </c>
      <c r="I14647" s="8">
        <v>0</v>
      </c>
      <c r="J14647" s="8">
        <v>1</v>
      </c>
      <c r="K14647" s="9">
        <v>1241</v>
      </c>
      <c r="L14647" s="6" t="s">
        <v>51</v>
      </c>
    </row>
    <row r="14648" spans="1:12">
      <c r="A14648" s="6" t="s">
        <v>49</v>
      </c>
      <c r="B14648" s="6"/>
      <c r="C14648" s="6" t="s">
        <v>14672</v>
      </c>
      <c r="D14648" s="6"/>
      <c r="E14648" s="6" t="s">
        <v>9</v>
      </c>
      <c r="F14648" s="7">
        <v>38657</v>
      </c>
      <c r="G14648" s="8">
        <v>1</v>
      </c>
      <c r="H14648" s="8">
        <v>1</v>
      </c>
      <c r="I14648" s="8">
        <v>0</v>
      </c>
      <c r="J14648" s="8">
        <v>1</v>
      </c>
      <c r="K14648" s="9">
        <v>94</v>
      </c>
      <c r="L14648" s="6" t="s">
        <v>51</v>
      </c>
    </row>
    <row r="14649" spans="1:12">
      <c r="A14649" s="6" t="s">
        <v>49</v>
      </c>
      <c r="B14649" s="6"/>
      <c r="C14649" s="6" t="s">
        <v>14673</v>
      </c>
      <c r="D14649" s="6"/>
      <c r="E14649" s="6" t="s">
        <v>9</v>
      </c>
      <c r="F14649" s="7">
        <v>38657</v>
      </c>
      <c r="G14649" s="8">
        <v>1</v>
      </c>
      <c r="H14649" s="8">
        <v>1</v>
      </c>
      <c r="I14649" s="8">
        <v>0</v>
      </c>
      <c r="J14649" s="8">
        <v>1</v>
      </c>
      <c r="K14649" s="9">
        <v>109</v>
      </c>
      <c r="L14649" s="6" t="s">
        <v>51</v>
      </c>
    </row>
    <row r="14650" spans="1:12">
      <c r="A14650" s="6" t="s">
        <v>49</v>
      </c>
      <c r="B14650" s="6"/>
      <c r="C14650" s="6" t="s">
        <v>14674</v>
      </c>
      <c r="D14650" s="6"/>
      <c r="E14650" s="6" t="s">
        <v>9</v>
      </c>
      <c r="F14650" s="7">
        <v>38657</v>
      </c>
      <c r="G14650" s="8">
        <v>1</v>
      </c>
      <c r="H14650" s="8">
        <v>1</v>
      </c>
      <c r="I14650" s="8">
        <v>0</v>
      </c>
      <c r="J14650" s="8">
        <v>1</v>
      </c>
      <c r="K14650" s="9">
        <v>1138</v>
      </c>
      <c r="L14650" s="6" t="s">
        <v>51</v>
      </c>
    </row>
    <row r="14651" spans="1:12">
      <c r="A14651" s="6" t="s">
        <v>49</v>
      </c>
      <c r="B14651" s="6"/>
      <c r="C14651" s="6" t="s">
        <v>14675</v>
      </c>
      <c r="D14651" s="6"/>
      <c r="E14651" s="6" t="s">
        <v>9</v>
      </c>
      <c r="F14651" s="7">
        <v>38657</v>
      </c>
      <c r="G14651" s="8">
        <v>1</v>
      </c>
      <c r="H14651" s="8">
        <v>1</v>
      </c>
      <c r="I14651" s="8">
        <v>0</v>
      </c>
      <c r="J14651" s="8">
        <v>1</v>
      </c>
      <c r="K14651" s="9">
        <v>58</v>
      </c>
      <c r="L14651" s="6" t="s">
        <v>51</v>
      </c>
    </row>
    <row r="14652" spans="1:12">
      <c r="A14652" s="6" t="s">
        <v>49</v>
      </c>
      <c r="B14652" s="6"/>
      <c r="C14652" s="6" t="s">
        <v>14676</v>
      </c>
      <c r="D14652" s="6"/>
      <c r="E14652" s="6" t="s">
        <v>9</v>
      </c>
      <c r="F14652" s="7">
        <v>38657</v>
      </c>
      <c r="G14652" s="8">
        <v>1</v>
      </c>
      <c r="H14652" s="8">
        <v>1</v>
      </c>
      <c r="I14652" s="8">
        <v>0</v>
      </c>
      <c r="J14652" s="8">
        <v>1</v>
      </c>
      <c r="K14652" s="9">
        <v>58</v>
      </c>
      <c r="L14652" s="6" t="s">
        <v>51</v>
      </c>
    </row>
    <row r="14653" spans="1:12">
      <c r="A14653" s="6" t="s">
        <v>49</v>
      </c>
      <c r="B14653" s="6"/>
      <c r="C14653" s="6" t="s">
        <v>14677</v>
      </c>
      <c r="D14653" s="6"/>
      <c r="E14653" s="6" t="s">
        <v>9</v>
      </c>
      <c r="F14653" s="7">
        <v>38657</v>
      </c>
      <c r="G14653" s="8">
        <v>1</v>
      </c>
      <c r="H14653" s="8">
        <v>1</v>
      </c>
      <c r="I14653" s="8">
        <v>0</v>
      </c>
      <c r="J14653" s="8">
        <v>1</v>
      </c>
      <c r="K14653" s="9">
        <v>1246</v>
      </c>
      <c r="L14653" s="6" t="s">
        <v>51</v>
      </c>
    </row>
    <row r="14654" spans="1:12">
      <c r="A14654" s="6" t="s">
        <v>49</v>
      </c>
      <c r="B14654" s="6"/>
      <c r="C14654" s="6" t="s">
        <v>14678</v>
      </c>
      <c r="D14654" s="6"/>
      <c r="E14654" s="6" t="s">
        <v>9</v>
      </c>
      <c r="F14654" s="7">
        <v>38657</v>
      </c>
      <c r="G14654" s="8">
        <v>1</v>
      </c>
      <c r="H14654" s="8">
        <v>1</v>
      </c>
      <c r="I14654" s="8">
        <v>0</v>
      </c>
      <c r="J14654" s="8">
        <v>1</v>
      </c>
      <c r="K14654" s="9">
        <v>9070</v>
      </c>
      <c r="L14654" s="6" t="s">
        <v>51</v>
      </c>
    </row>
    <row r="14655" spans="1:12">
      <c r="A14655" s="6" t="s">
        <v>49</v>
      </c>
      <c r="B14655" s="6"/>
      <c r="C14655" s="6" t="s">
        <v>14679</v>
      </c>
      <c r="D14655" s="6"/>
      <c r="E14655" s="6" t="s">
        <v>9</v>
      </c>
      <c r="F14655" s="7">
        <v>38657</v>
      </c>
      <c r="G14655" s="8">
        <v>1</v>
      </c>
      <c r="H14655" s="8">
        <v>1</v>
      </c>
      <c r="I14655" s="8">
        <v>0</v>
      </c>
      <c r="J14655" s="8">
        <v>1</v>
      </c>
      <c r="K14655" s="9">
        <v>1830</v>
      </c>
      <c r="L14655" s="6" t="s">
        <v>51</v>
      </c>
    </row>
    <row r="14656" spans="1:12">
      <c r="A14656" s="6" t="s">
        <v>49</v>
      </c>
      <c r="B14656" s="6"/>
      <c r="C14656" s="6" t="s">
        <v>14680</v>
      </c>
      <c r="D14656" s="6"/>
      <c r="E14656" s="6" t="s">
        <v>9</v>
      </c>
      <c r="F14656" s="7">
        <v>38657</v>
      </c>
      <c r="G14656" s="8">
        <v>1</v>
      </c>
      <c r="H14656" s="8">
        <v>1</v>
      </c>
      <c r="I14656" s="8">
        <v>0</v>
      </c>
      <c r="J14656" s="8">
        <v>1</v>
      </c>
      <c r="K14656" s="9">
        <v>113</v>
      </c>
      <c r="L14656" s="6" t="s">
        <v>51</v>
      </c>
    </row>
    <row r="14657" spans="1:12">
      <c r="A14657" s="6" t="s">
        <v>49</v>
      </c>
      <c r="B14657" s="6"/>
      <c r="C14657" s="6" t="s">
        <v>14681</v>
      </c>
      <c r="D14657" s="6"/>
      <c r="E14657" s="6" t="s">
        <v>9</v>
      </c>
      <c r="F14657" s="7">
        <v>38657</v>
      </c>
      <c r="G14657" s="8">
        <v>1</v>
      </c>
      <c r="H14657" s="8">
        <v>1</v>
      </c>
      <c r="I14657" s="8">
        <v>0</v>
      </c>
      <c r="J14657" s="8">
        <v>1</v>
      </c>
      <c r="K14657" s="9">
        <v>39</v>
      </c>
      <c r="L14657" s="6" t="s">
        <v>51</v>
      </c>
    </row>
    <row r="14658" spans="1:12">
      <c r="A14658" s="6" t="s">
        <v>49</v>
      </c>
      <c r="B14658" s="6"/>
      <c r="C14658" s="6" t="s">
        <v>14682</v>
      </c>
      <c r="D14658" s="6"/>
      <c r="E14658" s="6" t="s">
        <v>9</v>
      </c>
      <c r="F14658" s="7">
        <v>38657</v>
      </c>
      <c r="G14658" s="8">
        <v>1</v>
      </c>
      <c r="H14658" s="8">
        <v>1</v>
      </c>
      <c r="I14658" s="8">
        <v>0</v>
      </c>
      <c r="J14658" s="8">
        <v>1</v>
      </c>
      <c r="K14658" s="9">
        <v>131</v>
      </c>
      <c r="L14658" s="6" t="s">
        <v>51</v>
      </c>
    </row>
    <row r="14659" spans="1:12">
      <c r="A14659" s="6" t="s">
        <v>49</v>
      </c>
      <c r="B14659" s="6"/>
      <c r="C14659" s="6" t="s">
        <v>14683</v>
      </c>
      <c r="D14659" s="6"/>
      <c r="E14659" s="6" t="s">
        <v>9</v>
      </c>
      <c r="F14659" s="7">
        <v>38657</v>
      </c>
      <c r="G14659" s="8">
        <v>1</v>
      </c>
      <c r="H14659" s="8">
        <v>1</v>
      </c>
      <c r="I14659" s="8">
        <v>0</v>
      </c>
      <c r="J14659" s="8">
        <v>1</v>
      </c>
      <c r="K14659" s="9">
        <v>291</v>
      </c>
      <c r="L14659" s="6" t="s">
        <v>51</v>
      </c>
    </row>
    <row r="14660" spans="1:12">
      <c r="A14660" s="6" t="s">
        <v>49</v>
      </c>
      <c r="B14660" s="6"/>
      <c r="C14660" s="6" t="s">
        <v>14684</v>
      </c>
      <c r="D14660" s="6"/>
      <c r="E14660" s="6" t="s">
        <v>9</v>
      </c>
      <c r="F14660" s="7">
        <v>38657</v>
      </c>
      <c r="G14660" s="8">
        <v>1</v>
      </c>
      <c r="H14660" s="8">
        <v>1</v>
      </c>
      <c r="I14660" s="8">
        <v>0</v>
      </c>
      <c r="J14660" s="8">
        <v>1</v>
      </c>
      <c r="K14660" s="9">
        <v>1082</v>
      </c>
      <c r="L14660" s="6" t="s">
        <v>51</v>
      </c>
    </row>
    <row r="14661" spans="1:12">
      <c r="A14661" s="6" t="s">
        <v>49</v>
      </c>
      <c r="B14661" s="6"/>
      <c r="C14661" s="6" t="s">
        <v>14685</v>
      </c>
      <c r="D14661" s="6"/>
      <c r="E14661" s="6" t="s">
        <v>9</v>
      </c>
      <c r="F14661" s="7">
        <v>38657</v>
      </c>
      <c r="G14661" s="8">
        <v>1</v>
      </c>
      <c r="H14661" s="8">
        <v>1</v>
      </c>
      <c r="I14661" s="8">
        <v>0</v>
      </c>
      <c r="J14661" s="8">
        <v>1</v>
      </c>
      <c r="K14661" s="9">
        <v>960</v>
      </c>
      <c r="L14661" s="6" t="s">
        <v>51</v>
      </c>
    </row>
    <row r="14662" spans="1:12">
      <c r="A14662" s="6" t="s">
        <v>49</v>
      </c>
      <c r="B14662" s="6"/>
      <c r="C14662" s="6" t="s">
        <v>14686</v>
      </c>
      <c r="D14662" s="6"/>
      <c r="E14662" s="6" t="s">
        <v>9</v>
      </c>
      <c r="F14662" s="7">
        <v>38657</v>
      </c>
      <c r="G14662" s="8">
        <v>1</v>
      </c>
      <c r="H14662" s="8">
        <v>1</v>
      </c>
      <c r="I14662" s="8">
        <v>0</v>
      </c>
      <c r="J14662" s="8">
        <v>1</v>
      </c>
      <c r="K14662" s="9">
        <v>1396</v>
      </c>
      <c r="L14662" s="6" t="s">
        <v>51</v>
      </c>
    </row>
    <row r="14663" spans="1:12">
      <c r="A14663" s="6" t="s">
        <v>49</v>
      </c>
      <c r="B14663" s="6"/>
      <c r="C14663" s="6" t="s">
        <v>14687</v>
      </c>
      <c r="D14663" s="6"/>
      <c r="E14663" s="6" t="s">
        <v>9</v>
      </c>
      <c r="F14663" s="7">
        <v>38657</v>
      </c>
      <c r="G14663" s="8">
        <v>1</v>
      </c>
      <c r="H14663" s="8">
        <v>1</v>
      </c>
      <c r="I14663" s="8">
        <v>0</v>
      </c>
      <c r="J14663" s="8">
        <v>1</v>
      </c>
      <c r="K14663" s="9">
        <v>113</v>
      </c>
      <c r="L14663" s="6" t="s">
        <v>51</v>
      </c>
    </row>
    <row r="14664" spans="1:12">
      <c r="A14664" s="6" t="s">
        <v>49</v>
      </c>
      <c r="B14664" s="6"/>
      <c r="C14664" s="6" t="s">
        <v>14688</v>
      </c>
      <c r="D14664" s="6"/>
      <c r="E14664" s="6" t="s">
        <v>9</v>
      </c>
      <c r="F14664" s="7">
        <v>38657</v>
      </c>
      <c r="G14664" s="8">
        <v>1</v>
      </c>
      <c r="H14664" s="8">
        <v>1</v>
      </c>
      <c r="I14664" s="8">
        <v>0</v>
      </c>
      <c r="J14664" s="8">
        <v>1</v>
      </c>
      <c r="K14664" s="9">
        <v>577</v>
      </c>
      <c r="L14664" s="6" t="s">
        <v>51</v>
      </c>
    </row>
    <row r="14665" spans="1:12">
      <c r="A14665" s="6" t="s">
        <v>49</v>
      </c>
      <c r="B14665" s="6"/>
      <c r="C14665" s="6" t="s">
        <v>14689</v>
      </c>
      <c r="D14665" s="6"/>
      <c r="E14665" s="6" t="s">
        <v>9</v>
      </c>
      <c r="F14665" s="7">
        <v>38657</v>
      </c>
      <c r="G14665" s="8">
        <v>1</v>
      </c>
      <c r="H14665" s="8">
        <v>1</v>
      </c>
      <c r="I14665" s="8">
        <v>0</v>
      </c>
      <c r="J14665" s="8">
        <v>1</v>
      </c>
      <c r="K14665" s="9">
        <v>1322</v>
      </c>
      <c r="L14665" s="6" t="s">
        <v>51</v>
      </c>
    </row>
    <row r="14666" spans="1:12">
      <c r="A14666" s="6" t="s">
        <v>49</v>
      </c>
      <c r="B14666" s="6"/>
      <c r="C14666" s="6" t="s">
        <v>14690</v>
      </c>
      <c r="D14666" s="6"/>
      <c r="E14666" s="6" t="s">
        <v>9</v>
      </c>
      <c r="F14666" s="7">
        <v>38657</v>
      </c>
      <c r="G14666" s="8">
        <v>1</v>
      </c>
      <c r="H14666" s="8">
        <v>1</v>
      </c>
      <c r="I14666" s="8">
        <v>0</v>
      </c>
      <c r="J14666" s="8">
        <v>1</v>
      </c>
      <c r="K14666" s="9">
        <v>111</v>
      </c>
      <c r="L14666" s="6" t="s">
        <v>51</v>
      </c>
    </row>
    <row r="14667" spans="1:12">
      <c r="A14667" s="6" t="s">
        <v>49</v>
      </c>
      <c r="B14667" s="6"/>
      <c r="C14667" s="6" t="s">
        <v>14691</v>
      </c>
      <c r="D14667" s="6"/>
      <c r="E14667" s="6" t="s">
        <v>9</v>
      </c>
      <c r="F14667" s="7">
        <v>38657</v>
      </c>
      <c r="G14667" s="8">
        <v>1</v>
      </c>
      <c r="H14667" s="8">
        <v>1</v>
      </c>
      <c r="I14667" s="8">
        <v>0</v>
      </c>
      <c r="J14667" s="8">
        <v>1</v>
      </c>
      <c r="K14667" s="9">
        <v>113</v>
      </c>
      <c r="L14667" s="6" t="s">
        <v>51</v>
      </c>
    </row>
    <row r="14668" spans="1:12">
      <c r="A14668" s="6" t="s">
        <v>49</v>
      </c>
      <c r="B14668" s="6"/>
      <c r="C14668" s="6" t="s">
        <v>14692</v>
      </c>
      <c r="D14668" s="6"/>
      <c r="E14668" s="6" t="s">
        <v>9</v>
      </c>
      <c r="F14668" s="7">
        <v>38657</v>
      </c>
      <c r="G14668" s="8">
        <v>1</v>
      </c>
      <c r="H14668" s="8">
        <v>1</v>
      </c>
      <c r="I14668" s="8">
        <v>0</v>
      </c>
      <c r="J14668" s="8">
        <v>1</v>
      </c>
      <c r="K14668" s="9">
        <v>39</v>
      </c>
      <c r="L14668" s="6" t="s">
        <v>51</v>
      </c>
    </row>
    <row r="14669" spans="1:12">
      <c r="A14669" s="6" t="s">
        <v>49</v>
      </c>
      <c r="B14669" s="6"/>
      <c r="C14669" s="6" t="s">
        <v>14693</v>
      </c>
      <c r="D14669" s="6"/>
      <c r="E14669" s="6" t="s">
        <v>9</v>
      </c>
      <c r="F14669" s="7">
        <v>38657</v>
      </c>
      <c r="G14669" s="8">
        <v>1</v>
      </c>
      <c r="H14669" s="8">
        <v>1</v>
      </c>
      <c r="I14669" s="8">
        <v>0</v>
      </c>
      <c r="J14669" s="8">
        <v>1</v>
      </c>
      <c r="K14669" s="9">
        <v>875</v>
      </c>
      <c r="L14669" s="6" t="s">
        <v>51</v>
      </c>
    </row>
    <row r="14670" spans="1:12">
      <c r="A14670" s="6" t="s">
        <v>49</v>
      </c>
      <c r="B14670" s="6"/>
      <c r="C14670" s="6" t="s">
        <v>14694</v>
      </c>
      <c r="D14670" s="6"/>
      <c r="E14670" s="6" t="s">
        <v>9</v>
      </c>
      <c r="F14670" s="7">
        <v>38657</v>
      </c>
      <c r="G14670" s="8">
        <v>1</v>
      </c>
      <c r="H14670" s="8">
        <v>1</v>
      </c>
      <c r="I14670" s="8">
        <v>0</v>
      </c>
      <c r="J14670" s="8">
        <v>1</v>
      </c>
      <c r="K14670" s="9">
        <v>1830</v>
      </c>
      <c r="L14670" s="6" t="s">
        <v>51</v>
      </c>
    </row>
    <row r="14671" spans="1:12">
      <c r="A14671" s="6" t="s">
        <v>49</v>
      </c>
      <c r="B14671" s="6"/>
      <c r="C14671" s="6" t="s">
        <v>14695</v>
      </c>
      <c r="D14671" s="6"/>
      <c r="E14671" s="6" t="s">
        <v>9</v>
      </c>
      <c r="F14671" s="7">
        <v>38657</v>
      </c>
      <c r="G14671" s="8">
        <v>1</v>
      </c>
      <c r="H14671" s="8">
        <v>1</v>
      </c>
      <c r="I14671" s="8">
        <v>0</v>
      </c>
      <c r="J14671" s="8">
        <v>1</v>
      </c>
      <c r="K14671" s="9">
        <v>1652</v>
      </c>
      <c r="L14671" s="6" t="s">
        <v>51</v>
      </c>
    </row>
    <row r="14672" spans="1:12">
      <c r="A14672" s="6" t="s">
        <v>49</v>
      </c>
      <c r="B14672" s="6"/>
      <c r="C14672" s="6" t="s">
        <v>14696</v>
      </c>
      <c r="D14672" s="6"/>
      <c r="E14672" s="6" t="s">
        <v>9</v>
      </c>
      <c r="F14672" s="7">
        <v>38657</v>
      </c>
      <c r="G14672" s="8">
        <v>1</v>
      </c>
      <c r="H14672" s="8">
        <v>1</v>
      </c>
      <c r="I14672" s="8">
        <v>0</v>
      </c>
      <c r="J14672" s="8">
        <v>1</v>
      </c>
      <c r="K14672" s="9">
        <v>1282</v>
      </c>
      <c r="L14672" s="6" t="s">
        <v>51</v>
      </c>
    </row>
    <row r="14673" spans="1:12">
      <c r="A14673" s="6" t="s">
        <v>49</v>
      </c>
      <c r="B14673" s="6"/>
      <c r="C14673" s="6" t="s">
        <v>14697</v>
      </c>
      <c r="D14673" s="6"/>
      <c r="E14673" s="6" t="s">
        <v>9</v>
      </c>
      <c r="F14673" s="7">
        <v>38657</v>
      </c>
      <c r="G14673" s="8">
        <v>1</v>
      </c>
      <c r="H14673" s="8">
        <v>1</v>
      </c>
      <c r="I14673" s="8">
        <v>0</v>
      </c>
      <c r="J14673" s="8">
        <v>1</v>
      </c>
      <c r="K14673" s="9">
        <v>1417</v>
      </c>
      <c r="L14673" s="6" t="s">
        <v>51</v>
      </c>
    </row>
    <row r="14674" spans="1:12">
      <c r="A14674" s="6" t="s">
        <v>49</v>
      </c>
      <c r="B14674" s="6"/>
      <c r="C14674" s="6" t="s">
        <v>14698</v>
      </c>
      <c r="D14674" s="6"/>
      <c r="E14674" s="6" t="s">
        <v>9</v>
      </c>
      <c r="F14674" s="7">
        <v>38657</v>
      </c>
      <c r="G14674" s="8">
        <v>1</v>
      </c>
      <c r="H14674" s="8">
        <v>1</v>
      </c>
      <c r="I14674" s="8">
        <v>0</v>
      </c>
      <c r="J14674" s="8">
        <v>1</v>
      </c>
      <c r="K14674" s="9">
        <v>57</v>
      </c>
      <c r="L14674" s="6" t="s">
        <v>51</v>
      </c>
    </row>
    <row r="14675" spans="1:12">
      <c r="A14675" s="6" t="s">
        <v>49</v>
      </c>
      <c r="B14675" s="6"/>
      <c r="C14675" s="6" t="s">
        <v>14699</v>
      </c>
      <c r="D14675" s="6"/>
      <c r="E14675" s="6" t="s">
        <v>9</v>
      </c>
      <c r="F14675" s="7">
        <v>38657</v>
      </c>
      <c r="G14675" s="8">
        <v>1</v>
      </c>
      <c r="H14675" s="8">
        <v>1</v>
      </c>
      <c r="I14675" s="8">
        <v>0</v>
      </c>
      <c r="J14675" s="8">
        <v>1</v>
      </c>
      <c r="K14675" s="9">
        <v>59</v>
      </c>
      <c r="L14675" s="6" t="s">
        <v>51</v>
      </c>
    </row>
    <row r="14676" spans="1:12">
      <c r="A14676" s="6" t="s">
        <v>49</v>
      </c>
      <c r="B14676" s="6"/>
      <c r="C14676" s="6" t="s">
        <v>14700</v>
      </c>
      <c r="D14676" s="6"/>
      <c r="E14676" s="6" t="s">
        <v>9</v>
      </c>
      <c r="F14676" s="7">
        <v>38657</v>
      </c>
      <c r="G14676" s="8">
        <v>1</v>
      </c>
      <c r="H14676" s="8">
        <v>1</v>
      </c>
      <c r="I14676" s="8">
        <v>0</v>
      </c>
      <c r="J14676" s="8">
        <v>1</v>
      </c>
      <c r="K14676" s="9">
        <v>1155</v>
      </c>
      <c r="L14676" s="6" t="s">
        <v>51</v>
      </c>
    </row>
    <row r="14677" spans="1:12">
      <c r="A14677" s="6" t="s">
        <v>49</v>
      </c>
      <c r="B14677" s="6"/>
      <c r="C14677" s="6" t="s">
        <v>14701</v>
      </c>
      <c r="D14677" s="6"/>
      <c r="E14677" s="6" t="s">
        <v>9</v>
      </c>
      <c r="F14677" s="7">
        <v>38657</v>
      </c>
      <c r="G14677" s="8">
        <v>1</v>
      </c>
      <c r="H14677" s="8">
        <v>1</v>
      </c>
      <c r="I14677" s="8">
        <v>0</v>
      </c>
      <c r="J14677" s="8">
        <v>1</v>
      </c>
      <c r="K14677" s="9">
        <v>106</v>
      </c>
      <c r="L14677" s="6" t="s">
        <v>51</v>
      </c>
    </row>
    <row r="14678" spans="1:12">
      <c r="A14678" s="6" t="s">
        <v>49</v>
      </c>
      <c r="B14678" s="6"/>
      <c r="C14678" s="6" t="s">
        <v>14702</v>
      </c>
      <c r="D14678" s="6"/>
      <c r="E14678" s="6" t="s">
        <v>9</v>
      </c>
      <c r="F14678" s="7">
        <v>38657</v>
      </c>
      <c r="G14678" s="8">
        <v>1</v>
      </c>
      <c r="H14678" s="8">
        <v>1</v>
      </c>
      <c r="I14678" s="8">
        <v>0</v>
      </c>
      <c r="J14678" s="8">
        <v>1</v>
      </c>
      <c r="K14678" s="9">
        <v>859</v>
      </c>
      <c r="L14678" s="6" t="s">
        <v>51</v>
      </c>
    </row>
    <row r="14679" spans="1:12">
      <c r="A14679" s="6" t="s">
        <v>49</v>
      </c>
      <c r="B14679" s="6"/>
      <c r="C14679" s="6" t="s">
        <v>14703</v>
      </c>
      <c r="D14679" s="6"/>
      <c r="E14679" s="6" t="s">
        <v>9</v>
      </c>
      <c r="F14679" s="7">
        <v>38657</v>
      </c>
      <c r="G14679" s="8">
        <v>1</v>
      </c>
      <c r="H14679" s="8">
        <v>1</v>
      </c>
      <c r="I14679" s="8">
        <v>0</v>
      </c>
      <c r="J14679" s="8">
        <v>1</v>
      </c>
      <c r="K14679" s="9">
        <v>145</v>
      </c>
      <c r="L14679" s="6" t="s">
        <v>51</v>
      </c>
    </row>
    <row r="14680" spans="1:12">
      <c r="A14680" s="6" t="s">
        <v>49</v>
      </c>
      <c r="B14680" s="6"/>
      <c r="C14680" s="6" t="s">
        <v>14704</v>
      </c>
      <c r="D14680" s="6"/>
      <c r="E14680" s="6" t="s">
        <v>9</v>
      </c>
      <c r="F14680" s="7">
        <v>38657</v>
      </c>
      <c r="G14680" s="8">
        <v>1</v>
      </c>
      <c r="H14680" s="8">
        <v>1</v>
      </c>
      <c r="I14680" s="8">
        <v>0</v>
      </c>
      <c r="J14680" s="8">
        <v>1</v>
      </c>
      <c r="K14680" s="9">
        <v>105</v>
      </c>
      <c r="L14680" s="6" t="s">
        <v>51</v>
      </c>
    </row>
    <row r="14681" spans="1:12">
      <c r="A14681" s="6" t="s">
        <v>49</v>
      </c>
      <c r="B14681" s="6"/>
      <c r="C14681" s="6" t="s">
        <v>14705</v>
      </c>
      <c r="D14681" s="6"/>
      <c r="E14681" s="6" t="s">
        <v>9</v>
      </c>
      <c r="F14681" s="7">
        <v>38657</v>
      </c>
      <c r="G14681" s="8">
        <v>1</v>
      </c>
      <c r="H14681" s="8">
        <v>1</v>
      </c>
      <c r="I14681" s="8">
        <v>0</v>
      </c>
      <c r="J14681" s="8">
        <v>1</v>
      </c>
      <c r="K14681" s="9">
        <v>792</v>
      </c>
      <c r="L14681" s="6" t="s">
        <v>51</v>
      </c>
    </row>
    <row r="14682" spans="1:12">
      <c r="A14682" s="6" t="s">
        <v>49</v>
      </c>
      <c r="B14682" s="6"/>
      <c r="C14682" s="6" t="s">
        <v>14706</v>
      </c>
      <c r="D14682" s="6"/>
      <c r="E14682" s="6" t="s">
        <v>9</v>
      </c>
      <c r="F14682" s="7">
        <v>38657</v>
      </c>
      <c r="G14682" s="8">
        <v>1</v>
      </c>
      <c r="H14682" s="8">
        <v>1</v>
      </c>
      <c r="I14682" s="8">
        <v>0</v>
      </c>
      <c r="J14682" s="8">
        <v>1</v>
      </c>
      <c r="K14682" s="9">
        <v>102</v>
      </c>
      <c r="L14682" s="6" t="s">
        <v>51</v>
      </c>
    </row>
    <row r="14683" spans="1:12">
      <c r="A14683" s="6" t="s">
        <v>49</v>
      </c>
      <c r="B14683" s="6"/>
      <c r="C14683" s="6" t="s">
        <v>14707</v>
      </c>
      <c r="D14683" s="6"/>
      <c r="E14683" s="6" t="s">
        <v>9</v>
      </c>
      <c r="F14683" s="7">
        <v>38657</v>
      </c>
      <c r="G14683" s="8">
        <v>1</v>
      </c>
      <c r="H14683" s="8">
        <v>1</v>
      </c>
      <c r="I14683" s="8">
        <v>0</v>
      </c>
      <c r="J14683" s="8">
        <v>1</v>
      </c>
      <c r="K14683" s="9">
        <v>969</v>
      </c>
      <c r="L14683" s="6" t="s">
        <v>51</v>
      </c>
    </row>
    <row r="14684" spans="1:12">
      <c r="A14684" s="6" t="s">
        <v>49</v>
      </c>
      <c r="B14684" s="6"/>
      <c r="C14684" s="6" t="s">
        <v>14708</v>
      </c>
      <c r="D14684" s="6"/>
      <c r="E14684" s="6" t="s">
        <v>9</v>
      </c>
      <c r="F14684" s="7">
        <v>38657</v>
      </c>
      <c r="G14684" s="8">
        <v>1</v>
      </c>
      <c r="H14684" s="8">
        <v>1</v>
      </c>
      <c r="I14684" s="8">
        <v>0</v>
      </c>
      <c r="J14684" s="8">
        <v>1</v>
      </c>
      <c r="K14684" s="9">
        <v>60</v>
      </c>
      <c r="L14684" s="6" t="s">
        <v>51</v>
      </c>
    </row>
    <row r="14685" spans="1:12">
      <c r="A14685" s="6" t="s">
        <v>49</v>
      </c>
      <c r="B14685" s="6"/>
      <c r="C14685" s="6" t="s">
        <v>14709</v>
      </c>
      <c r="D14685" s="6"/>
      <c r="E14685" s="6" t="s">
        <v>9</v>
      </c>
      <c r="F14685" s="7">
        <v>38657</v>
      </c>
      <c r="G14685" s="8">
        <v>1</v>
      </c>
      <c r="H14685" s="8">
        <v>1</v>
      </c>
      <c r="I14685" s="8">
        <v>0</v>
      </c>
      <c r="J14685" s="8">
        <v>1</v>
      </c>
      <c r="K14685" s="9">
        <v>1180</v>
      </c>
      <c r="L14685" s="6" t="s">
        <v>51</v>
      </c>
    </row>
    <row r="14686" spans="1:12">
      <c r="A14686" s="6" t="s">
        <v>49</v>
      </c>
      <c r="B14686" s="6"/>
      <c r="C14686" s="6" t="s">
        <v>14710</v>
      </c>
      <c r="D14686" s="6"/>
      <c r="E14686" s="6" t="s">
        <v>9</v>
      </c>
      <c r="F14686" s="7">
        <v>38657</v>
      </c>
      <c r="G14686" s="8">
        <v>1</v>
      </c>
      <c r="H14686" s="8">
        <v>1</v>
      </c>
      <c r="I14686" s="8">
        <v>0</v>
      </c>
      <c r="J14686" s="8">
        <v>1</v>
      </c>
      <c r="K14686" s="9">
        <v>5259</v>
      </c>
      <c r="L14686" s="6" t="s">
        <v>51</v>
      </c>
    </row>
    <row r="14687" spans="1:12">
      <c r="A14687" s="6" t="s">
        <v>49</v>
      </c>
      <c r="B14687" s="6"/>
      <c r="C14687" s="6" t="s">
        <v>14711</v>
      </c>
      <c r="D14687" s="6"/>
      <c r="E14687" s="6" t="s">
        <v>9</v>
      </c>
      <c r="F14687" s="7">
        <v>38657</v>
      </c>
      <c r="G14687" s="8">
        <v>1</v>
      </c>
      <c r="H14687" s="8">
        <v>1</v>
      </c>
      <c r="I14687" s="8">
        <v>0</v>
      </c>
      <c r="J14687" s="8">
        <v>1</v>
      </c>
      <c r="K14687" s="9">
        <v>346</v>
      </c>
      <c r="L14687" s="6" t="s">
        <v>51</v>
      </c>
    </row>
    <row r="14688" spans="1:12">
      <c r="A14688" s="6" t="s">
        <v>49</v>
      </c>
      <c r="B14688" s="6"/>
      <c r="C14688" s="6" t="s">
        <v>14712</v>
      </c>
      <c r="D14688" s="6"/>
      <c r="E14688" s="6" t="s">
        <v>9</v>
      </c>
      <c r="F14688" s="7">
        <v>38657</v>
      </c>
      <c r="G14688" s="8">
        <v>1</v>
      </c>
      <c r="H14688" s="8">
        <v>1</v>
      </c>
      <c r="I14688" s="8">
        <v>0</v>
      </c>
      <c r="J14688" s="8">
        <v>1</v>
      </c>
      <c r="K14688" s="9">
        <v>3095</v>
      </c>
      <c r="L14688" s="6" t="s">
        <v>51</v>
      </c>
    </row>
    <row r="14689" spans="1:12">
      <c r="A14689" s="6" t="s">
        <v>49</v>
      </c>
      <c r="B14689" s="6"/>
      <c r="C14689" s="6" t="s">
        <v>14713</v>
      </c>
      <c r="D14689" s="6"/>
      <c r="E14689" s="6" t="s">
        <v>9</v>
      </c>
      <c r="F14689" s="7">
        <v>38657</v>
      </c>
      <c r="G14689" s="8">
        <v>1</v>
      </c>
      <c r="H14689" s="8">
        <v>1</v>
      </c>
      <c r="I14689" s="8">
        <v>0</v>
      </c>
      <c r="J14689" s="8">
        <v>1</v>
      </c>
      <c r="K14689" s="9">
        <v>2241</v>
      </c>
      <c r="L14689" s="6" t="s">
        <v>51</v>
      </c>
    </row>
    <row r="14690" spans="1:12">
      <c r="A14690" s="6" t="s">
        <v>49</v>
      </c>
      <c r="B14690" s="6"/>
      <c r="C14690" s="6" t="s">
        <v>14714</v>
      </c>
      <c r="D14690" s="6"/>
      <c r="E14690" s="6" t="s">
        <v>9</v>
      </c>
      <c r="F14690" s="7">
        <v>38657</v>
      </c>
      <c r="G14690" s="8">
        <v>1</v>
      </c>
      <c r="H14690" s="8">
        <v>1</v>
      </c>
      <c r="I14690" s="8">
        <v>0</v>
      </c>
      <c r="J14690" s="8">
        <v>1</v>
      </c>
      <c r="K14690" s="9">
        <v>14.04</v>
      </c>
      <c r="L14690" s="6" t="s">
        <v>51</v>
      </c>
    </row>
    <row r="14691" spans="1:12">
      <c r="A14691" s="6" t="s">
        <v>49</v>
      </c>
      <c r="B14691" s="6"/>
      <c r="C14691" s="6" t="s">
        <v>14715</v>
      </c>
      <c r="D14691" s="6"/>
      <c r="E14691" s="6" t="s">
        <v>9</v>
      </c>
      <c r="F14691" s="7">
        <v>38657</v>
      </c>
      <c r="G14691" s="8">
        <v>1</v>
      </c>
      <c r="H14691" s="8">
        <v>1</v>
      </c>
      <c r="I14691" s="8">
        <v>0</v>
      </c>
      <c r="J14691" s="8">
        <v>1</v>
      </c>
      <c r="K14691" s="9">
        <v>82</v>
      </c>
      <c r="L14691" s="6" t="s">
        <v>51</v>
      </c>
    </row>
    <row r="14692" spans="1:12">
      <c r="A14692" s="6" t="s">
        <v>49</v>
      </c>
      <c r="B14692" s="6"/>
      <c r="C14692" s="6" t="s">
        <v>14716</v>
      </c>
      <c r="D14692" s="6"/>
      <c r="E14692" s="6" t="s">
        <v>9</v>
      </c>
      <c r="F14692" s="7">
        <v>38657</v>
      </c>
      <c r="G14692" s="8">
        <v>1</v>
      </c>
      <c r="H14692" s="8">
        <v>1</v>
      </c>
      <c r="I14692" s="8">
        <v>0</v>
      </c>
      <c r="J14692" s="8">
        <v>1</v>
      </c>
      <c r="K14692" s="9">
        <v>1031</v>
      </c>
      <c r="L14692" s="6" t="s">
        <v>51</v>
      </c>
    </row>
    <row r="14693" spans="1:12">
      <c r="A14693" s="6" t="s">
        <v>49</v>
      </c>
      <c r="B14693" s="6"/>
      <c r="C14693" s="6" t="s">
        <v>14717</v>
      </c>
      <c r="D14693" s="6"/>
      <c r="E14693" s="6" t="s">
        <v>9</v>
      </c>
      <c r="F14693" s="7">
        <v>38657</v>
      </c>
      <c r="G14693" s="8">
        <v>1</v>
      </c>
      <c r="H14693" s="8">
        <v>1</v>
      </c>
      <c r="I14693" s="8">
        <v>0</v>
      </c>
      <c r="J14693" s="8">
        <v>1</v>
      </c>
      <c r="K14693" s="9">
        <v>595</v>
      </c>
      <c r="L14693" s="6" t="s">
        <v>51</v>
      </c>
    </row>
    <row r="14694" spans="1:12">
      <c r="A14694" s="6" t="s">
        <v>49</v>
      </c>
      <c r="B14694" s="6"/>
      <c r="C14694" s="6" t="s">
        <v>14718</v>
      </c>
      <c r="D14694" s="6"/>
      <c r="E14694" s="6" t="s">
        <v>9</v>
      </c>
      <c r="F14694" s="7">
        <v>38657</v>
      </c>
      <c r="G14694" s="8">
        <v>1</v>
      </c>
      <c r="H14694" s="8">
        <v>1</v>
      </c>
      <c r="I14694" s="8">
        <v>0</v>
      </c>
      <c r="J14694" s="8">
        <v>1</v>
      </c>
      <c r="K14694" s="9">
        <v>315</v>
      </c>
      <c r="L14694" s="6" t="s">
        <v>51</v>
      </c>
    </row>
    <row r="14695" spans="1:12">
      <c r="A14695" s="6" t="s">
        <v>49</v>
      </c>
      <c r="B14695" s="6"/>
      <c r="C14695" s="6" t="s">
        <v>14719</v>
      </c>
      <c r="D14695" s="6"/>
      <c r="E14695" s="6" t="s">
        <v>9</v>
      </c>
      <c r="F14695" s="7">
        <v>38657</v>
      </c>
      <c r="G14695" s="8">
        <v>1</v>
      </c>
      <c r="H14695" s="8">
        <v>1</v>
      </c>
      <c r="I14695" s="8">
        <v>0</v>
      </c>
      <c r="J14695" s="8">
        <v>1</v>
      </c>
      <c r="K14695" s="9">
        <v>1081</v>
      </c>
      <c r="L14695" s="6" t="s">
        <v>51</v>
      </c>
    </row>
    <row r="14696" spans="1:12">
      <c r="A14696" s="6" t="s">
        <v>49</v>
      </c>
      <c r="B14696" s="6"/>
      <c r="C14696" s="6" t="s">
        <v>14720</v>
      </c>
      <c r="D14696" s="6"/>
      <c r="E14696" s="6" t="s">
        <v>9</v>
      </c>
      <c r="F14696" s="7">
        <v>38657</v>
      </c>
      <c r="G14696" s="8">
        <v>1</v>
      </c>
      <c r="H14696" s="8">
        <v>1</v>
      </c>
      <c r="I14696" s="8">
        <v>0</v>
      </c>
      <c r="J14696" s="8">
        <v>1</v>
      </c>
      <c r="K14696" s="9">
        <v>3099</v>
      </c>
      <c r="L14696" s="6" t="s">
        <v>51</v>
      </c>
    </row>
    <row r="14697" spans="1:12">
      <c r="A14697" s="6" t="s">
        <v>49</v>
      </c>
      <c r="B14697" s="6"/>
      <c r="C14697" s="6" t="s">
        <v>14721</v>
      </c>
      <c r="D14697" s="6"/>
      <c r="E14697" s="6" t="s">
        <v>9</v>
      </c>
      <c r="F14697" s="7">
        <v>38657</v>
      </c>
      <c r="G14697" s="8">
        <v>1</v>
      </c>
      <c r="H14697" s="8">
        <v>1</v>
      </c>
      <c r="I14697" s="8">
        <v>0</v>
      </c>
      <c r="J14697" s="8">
        <v>1</v>
      </c>
      <c r="K14697" s="9">
        <v>1327</v>
      </c>
      <c r="L14697" s="6" t="s">
        <v>51</v>
      </c>
    </row>
    <row r="14698" spans="1:12">
      <c r="A14698" s="6" t="s">
        <v>49</v>
      </c>
      <c r="B14698" s="6"/>
      <c r="C14698" s="6" t="s">
        <v>14722</v>
      </c>
      <c r="D14698" s="6"/>
      <c r="E14698" s="6" t="s">
        <v>9</v>
      </c>
      <c r="F14698" s="7">
        <v>38657</v>
      </c>
      <c r="G14698" s="8">
        <v>1</v>
      </c>
      <c r="H14698" s="8">
        <v>1</v>
      </c>
      <c r="I14698" s="8">
        <v>0</v>
      </c>
      <c r="J14698" s="8">
        <v>1</v>
      </c>
      <c r="K14698" s="9">
        <v>197</v>
      </c>
      <c r="L14698" s="6" t="s">
        <v>51</v>
      </c>
    </row>
    <row r="14699" spans="1:12">
      <c r="A14699" s="6" t="s">
        <v>49</v>
      </c>
      <c r="B14699" s="6"/>
      <c r="C14699" s="6" t="s">
        <v>14723</v>
      </c>
      <c r="D14699" s="6"/>
      <c r="E14699" s="6" t="s">
        <v>9</v>
      </c>
      <c r="F14699" s="7">
        <v>38657</v>
      </c>
      <c r="G14699" s="8">
        <v>1</v>
      </c>
      <c r="H14699" s="8">
        <v>1</v>
      </c>
      <c r="I14699" s="8">
        <v>0</v>
      </c>
      <c r="J14699" s="8">
        <v>1</v>
      </c>
      <c r="K14699" s="9">
        <v>50.93</v>
      </c>
      <c r="L14699" s="6" t="s">
        <v>51</v>
      </c>
    </row>
    <row r="14700" spans="1:12">
      <c r="A14700" s="6" t="s">
        <v>49</v>
      </c>
      <c r="B14700" s="6"/>
      <c r="C14700" s="6" t="s">
        <v>14724</v>
      </c>
      <c r="D14700" s="6"/>
      <c r="E14700" s="6" t="s">
        <v>9</v>
      </c>
      <c r="F14700" s="7">
        <v>38657</v>
      </c>
      <c r="G14700" s="8">
        <v>1</v>
      </c>
      <c r="H14700" s="8">
        <v>1</v>
      </c>
      <c r="I14700" s="8">
        <v>0</v>
      </c>
      <c r="J14700" s="8">
        <v>1</v>
      </c>
      <c r="K14700" s="9">
        <v>1811</v>
      </c>
      <c r="L14700" s="6" t="s">
        <v>51</v>
      </c>
    </row>
    <row r="14701" spans="1:12">
      <c r="A14701" s="6" t="s">
        <v>49</v>
      </c>
      <c r="B14701" s="6"/>
      <c r="C14701" s="6" t="s">
        <v>14725</v>
      </c>
      <c r="D14701" s="6"/>
      <c r="E14701" s="6" t="s">
        <v>9</v>
      </c>
      <c r="F14701" s="7">
        <v>38657</v>
      </c>
      <c r="G14701" s="8">
        <v>1</v>
      </c>
      <c r="H14701" s="8">
        <v>1</v>
      </c>
      <c r="I14701" s="8">
        <v>0</v>
      </c>
      <c r="J14701" s="8">
        <v>1</v>
      </c>
      <c r="K14701" s="9">
        <v>1148</v>
      </c>
      <c r="L14701" s="6" t="s">
        <v>51</v>
      </c>
    </row>
    <row r="14702" spans="1:12">
      <c r="A14702" s="6" t="s">
        <v>49</v>
      </c>
      <c r="B14702" s="6"/>
      <c r="C14702" s="6" t="s">
        <v>14726</v>
      </c>
      <c r="D14702" s="6"/>
      <c r="E14702" s="6" t="s">
        <v>9</v>
      </c>
      <c r="F14702" s="7">
        <v>38657</v>
      </c>
      <c r="G14702" s="8">
        <v>1</v>
      </c>
      <c r="H14702" s="8">
        <v>1</v>
      </c>
      <c r="I14702" s="8">
        <v>0</v>
      </c>
      <c r="J14702" s="8">
        <v>1</v>
      </c>
      <c r="K14702" s="9">
        <v>40</v>
      </c>
      <c r="L14702" s="6" t="s">
        <v>51</v>
      </c>
    </row>
    <row r="14703" spans="1:12">
      <c r="A14703" s="6" t="s">
        <v>49</v>
      </c>
      <c r="B14703" s="6"/>
      <c r="C14703" s="6" t="s">
        <v>14727</v>
      </c>
      <c r="D14703" s="6"/>
      <c r="E14703" s="6" t="s">
        <v>9</v>
      </c>
      <c r="F14703" s="7">
        <v>38657</v>
      </c>
      <c r="G14703" s="8">
        <v>1</v>
      </c>
      <c r="H14703" s="8">
        <v>1</v>
      </c>
      <c r="I14703" s="8">
        <v>0</v>
      </c>
      <c r="J14703" s="8">
        <v>1</v>
      </c>
      <c r="K14703" s="9">
        <v>499</v>
      </c>
      <c r="L14703" s="6" t="s">
        <v>51</v>
      </c>
    </row>
    <row r="14704" spans="1:12">
      <c r="A14704" s="6" t="s">
        <v>49</v>
      </c>
      <c r="B14704" s="6"/>
      <c r="C14704" s="6" t="s">
        <v>14728</v>
      </c>
      <c r="D14704" s="6"/>
      <c r="E14704" s="6" t="s">
        <v>9</v>
      </c>
      <c r="F14704" s="7">
        <v>38657</v>
      </c>
      <c r="G14704" s="8">
        <v>1</v>
      </c>
      <c r="H14704" s="8">
        <v>1</v>
      </c>
      <c r="I14704" s="8">
        <v>0</v>
      </c>
      <c r="J14704" s="8">
        <v>1</v>
      </c>
      <c r="K14704" s="9">
        <v>516</v>
      </c>
      <c r="L14704" s="6" t="s">
        <v>51</v>
      </c>
    </row>
    <row r="14705" spans="1:12">
      <c r="A14705" s="6" t="s">
        <v>49</v>
      </c>
      <c r="B14705" s="6"/>
      <c r="C14705" s="6" t="s">
        <v>14729</v>
      </c>
      <c r="D14705" s="6"/>
      <c r="E14705" s="6" t="s">
        <v>9</v>
      </c>
      <c r="F14705" s="7">
        <v>38657</v>
      </c>
      <c r="G14705" s="8">
        <v>1</v>
      </c>
      <c r="H14705" s="8">
        <v>1</v>
      </c>
      <c r="I14705" s="8">
        <v>0</v>
      </c>
      <c r="J14705" s="8">
        <v>1</v>
      </c>
      <c r="K14705" s="9">
        <v>644</v>
      </c>
      <c r="L14705" s="6" t="s">
        <v>51</v>
      </c>
    </row>
    <row r="14706" spans="1:12">
      <c r="A14706" s="6" t="s">
        <v>49</v>
      </c>
      <c r="B14706" s="6"/>
      <c r="C14706" s="6" t="s">
        <v>14730</v>
      </c>
      <c r="D14706" s="6"/>
      <c r="E14706" s="6" t="s">
        <v>9</v>
      </c>
      <c r="F14706" s="7">
        <v>38657</v>
      </c>
      <c r="G14706" s="8">
        <v>1</v>
      </c>
      <c r="H14706" s="8">
        <v>1</v>
      </c>
      <c r="I14706" s="8">
        <v>0</v>
      </c>
      <c r="J14706" s="8">
        <v>1</v>
      </c>
      <c r="K14706" s="9">
        <v>874</v>
      </c>
      <c r="L14706" s="6" t="s">
        <v>51</v>
      </c>
    </row>
    <row r="14707" spans="1:12">
      <c r="A14707" s="6" t="s">
        <v>49</v>
      </c>
      <c r="B14707" s="6"/>
      <c r="C14707" s="6" t="s">
        <v>14731</v>
      </c>
      <c r="D14707" s="6"/>
      <c r="E14707" s="6" t="s">
        <v>9</v>
      </c>
      <c r="F14707" s="7">
        <v>38657</v>
      </c>
      <c r="G14707" s="8">
        <v>1</v>
      </c>
      <c r="H14707" s="8">
        <v>1</v>
      </c>
      <c r="I14707" s="8">
        <v>0</v>
      </c>
      <c r="J14707" s="8">
        <v>1</v>
      </c>
      <c r="K14707" s="9">
        <v>403</v>
      </c>
      <c r="L14707" s="6" t="s">
        <v>51</v>
      </c>
    </row>
    <row r="14708" spans="1:12">
      <c r="A14708" s="6" t="s">
        <v>49</v>
      </c>
      <c r="B14708" s="6"/>
      <c r="C14708" s="6" t="s">
        <v>14732</v>
      </c>
      <c r="D14708" s="6"/>
      <c r="E14708" s="6" t="s">
        <v>9</v>
      </c>
      <c r="F14708" s="7">
        <v>38657</v>
      </c>
      <c r="G14708" s="8">
        <v>1</v>
      </c>
      <c r="H14708" s="8">
        <v>1</v>
      </c>
      <c r="I14708" s="8">
        <v>0</v>
      </c>
      <c r="J14708" s="8">
        <v>1</v>
      </c>
      <c r="K14708" s="9">
        <v>62</v>
      </c>
      <c r="L14708" s="6" t="s">
        <v>51</v>
      </c>
    </row>
    <row r="14709" spans="1:12">
      <c r="A14709" s="6" t="s">
        <v>49</v>
      </c>
      <c r="B14709" s="6"/>
      <c r="C14709" s="6" t="s">
        <v>14733</v>
      </c>
      <c r="D14709" s="6"/>
      <c r="E14709" s="6" t="s">
        <v>9</v>
      </c>
      <c r="F14709" s="7">
        <v>38657</v>
      </c>
      <c r="G14709" s="8">
        <v>1</v>
      </c>
      <c r="H14709" s="8">
        <v>1</v>
      </c>
      <c r="I14709" s="8">
        <v>0</v>
      </c>
      <c r="J14709" s="8">
        <v>1</v>
      </c>
      <c r="K14709" s="9">
        <v>10</v>
      </c>
      <c r="L14709" s="6" t="s">
        <v>51</v>
      </c>
    </row>
    <row r="14710" spans="1:12">
      <c r="A14710" s="6" t="s">
        <v>49</v>
      </c>
      <c r="B14710" s="6"/>
      <c r="C14710" s="6" t="s">
        <v>14734</v>
      </c>
      <c r="D14710" s="6"/>
      <c r="E14710" s="6" t="s">
        <v>9</v>
      </c>
      <c r="F14710" s="7">
        <v>38657</v>
      </c>
      <c r="G14710" s="8">
        <v>1</v>
      </c>
      <c r="H14710" s="8">
        <v>1</v>
      </c>
      <c r="I14710" s="8">
        <v>0</v>
      </c>
      <c r="J14710" s="8">
        <v>1</v>
      </c>
      <c r="K14710" s="9">
        <v>262</v>
      </c>
      <c r="L14710" s="6" t="s">
        <v>51</v>
      </c>
    </row>
    <row r="14711" spans="1:12">
      <c r="A14711" s="6" t="s">
        <v>49</v>
      </c>
      <c r="B14711" s="6"/>
      <c r="C14711" s="6" t="s">
        <v>14735</v>
      </c>
      <c r="D14711" s="6"/>
      <c r="E14711" s="6" t="s">
        <v>9</v>
      </c>
      <c r="F14711" s="7">
        <v>38657</v>
      </c>
      <c r="G14711" s="8">
        <v>1</v>
      </c>
      <c r="H14711" s="8">
        <v>1</v>
      </c>
      <c r="I14711" s="8">
        <v>0</v>
      </c>
      <c r="J14711" s="8">
        <v>1</v>
      </c>
      <c r="K14711" s="9">
        <v>35</v>
      </c>
      <c r="L14711" s="6" t="s">
        <v>51</v>
      </c>
    </row>
    <row r="14712" spans="1:12">
      <c r="A14712" s="6" t="s">
        <v>49</v>
      </c>
      <c r="B14712" s="6"/>
      <c r="C14712" s="6" t="s">
        <v>14736</v>
      </c>
      <c r="D14712" s="6"/>
      <c r="E14712" s="6" t="s">
        <v>9</v>
      </c>
      <c r="F14712" s="7">
        <v>38657</v>
      </c>
      <c r="G14712" s="8">
        <v>1</v>
      </c>
      <c r="H14712" s="8">
        <v>1</v>
      </c>
      <c r="I14712" s="8">
        <v>0</v>
      </c>
      <c r="J14712" s="8">
        <v>1</v>
      </c>
      <c r="K14712" s="9">
        <v>800</v>
      </c>
      <c r="L14712" s="6" t="s">
        <v>51</v>
      </c>
    </row>
    <row r="14713" spans="1:12">
      <c r="A14713" s="6" t="s">
        <v>49</v>
      </c>
      <c r="B14713" s="6"/>
      <c r="C14713" s="6" t="s">
        <v>14737</v>
      </c>
      <c r="D14713" s="6"/>
      <c r="E14713" s="6" t="s">
        <v>9</v>
      </c>
      <c r="F14713" s="7">
        <v>38657</v>
      </c>
      <c r="G14713" s="8">
        <v>1</v>
      </c>
      <c r="H14713" s="8">
        <v>1</v>
      </c>
      <c r="I14713" s="8">
        <v>0</v>
      </c>
      <c r="J14713" s="8">
        <v>1</v>
      </c>
      <c r="K14713" s="9">
        <v>19</v>
      </c>
      <c r="L14713" s="6" t="s">
        <v>51</v>
      </c>
    </row>
    <row r="14714" spans="1:12">
      <c r="A14714" s="6" t="s">
        <v>49</v>
      </c>
      <c r="B14714" s="6"/>
      <c r="C14714" s="6" t="s">
        <v>14738</v>
      </c>
      <c r="D14714" s="6"/>
      <c r="E14714" s="6" t="s">
        <v>9</v>
      </c>
      <c r="F14714" s="7">
        <v>38657</v>
      </c>
      <c r="G14714" s="8">
        <v>1</v>
      </c>
      <c r="H14714" s="8">
        <v>1</v>
      </c>
      <c r="I14714" s="8">
        <v>0</v>
      </c>
      <c r="J14714" s="8">
        <v>1</v>
      </c>
      <c r="K14714" s="9">
        <v>1819</v>
      </c>
      <c r="L14714" s="6" t="s">
        <v>51</v>
      </c>
    </row>
    <row r="14715" spans="1:12">
      <c r="A14715" s="6" t="s">
        <v>49</v>
      </c>
      <c r="B14715" s="6"/>
      <c r="C14715" s="6" t="s">
        <v>14739</v>
      </c>
      <c r="D14715" s="6"/>
      <c r="E14715" s="6" t="s">
        <v>9</v>
      </c>
      <c r="F14715" s="7">
        <v>38657</v>
      </c>
      <c r="G14715" s="8">
        <v>1</v>
      </c>
      <c r="H14715" s="8">
        <v>1</v>
      </c>
      <c r="I14715" s="8">
        <v>0</v>
      </c>
      <c r="J14715" s="8">
        <v>1</v>
      </c>
      <c r="K14715" s="9">
        <v>834</v>
      </c>
      <c r="L14715" s="6" t="s">
        <v>51</v>
      </c>
    </row>
    <row r="14716" spans="1:12">
      <c r="A14716" s="6" t="s">
        <v>49</v>
      </c>
      <c r="B14716" s="6"/>
      <c r="C14716" s="6" t="s">
        <v>14740</v>
      </c>
      <c r="D14716" s="6"/>
      <c r="E14716" s="6" t="s">
        <v>9</v>
      </c>
      <c r="F14716" s="7">
        <v>38657</v>
      </c>
      <c r="G14716" s="8">
        <v>1</v>
      </c>
      <c r="H14716" s="8">
        <v>1</v>
      </c>
      <c r="I14716" s="8">
        <v>0</v>
      </c>
      <c r="J14716" s="8">
        <v>1</v>
      </c>
      <c r="K14716" s="9">
        <v>388</v>
      </c>
      <c r="L14716" s="6" t="s">
        <v>51</v>
      </c>
    </row>
    <row r="14717" spans="1:12">
      <c r="A14717" s="6" t="s">
        <v>49</v>
      </c>
      <c r="B14717" s="6"/>
      <c r="C14717" s="6" t="s">
        <v>14741</v>
      </c>
      <c r="D14717" s="6"/>
      <c r="E14717" s="6" t="s">
        <v>9</v>
      </c>
      <c r="F14717" s="7">
        <v>38657</v>
      </c>
      <c r="G14717" s="8">
        <v>1</v>
      </c>
      <c r="H14717" s="8">
        <v>1</v>
      </c>
      <c r="I14717" s="8">
        <v>0</v>
      </c>
      <c r="J14717" s="8">
        <v>1</v>
      </c>
      <c r="K14717" s="9">
        <v>799</v>
      </c>
      <c r="L14717" s="6" t="s">
        <v>51</v>
      </c>
    </row>
    <row r="14718" spans="1:12">
      <c r="A14718" s="6" t="s">
        <v>49</v>
      </c>
      <c r="B14718" s="6"/>
      <c r="C14718" s="6" t="s">
        <v>14742</v>
      </c>
      <c r="D14718" s="6"/>
      <c r="E14718" s="6" t="s">
        <v>9</v>
      </c>
      <c r="F14718" s="7">
        <v>38657</v>
      </c>
      <c r="G14718" s="8">
        <v>1</v>
      </c>
      <c r="H14718" s="8">
        <v>1</v>
      </c>
      <c r="I14718" s="8">
        <v>0</v>
      </c>
      <c r="J14718" s="8">
        <v>1</v>
      </c>
      <c r="K14718" s="9">
        <v>557</v>
      </c>
      <c r="L14718" s="6" t="s">
        <v>51</v>
      </c>
    </row>
    <row r="14719" spans="1:12">
      <c r="A14719" s="6" t="s">
        <v>49</v>
      </c>
      <c r="B14719" s="6"/>
      <c r="C14719" s="6" t="s">
        <v>14743</v>
      </c>
      <c r="D14719" s="6"/>
      <c r="E14719" s="6" t="s">
        <v>9</v>
      </c>
      <c r="F14719" s="7">
        <v>38657</v>
      </c>
      <c r="G14719" s="8">
        <v>1</v>
      </c>
      <c r="H14719" s="8">
        <v>1</v>
      </c>
      <c r="I14719" s="8">
        <v>0</v>
      </c>
      <c r="J14719" s="8">
        <v>1</v>
      </c>
      <c r="K14719" s="9">
        <v>444</v>
      </c>
      <c r="L14719" s="6" t="s">
        <v>51</v>
      </c>
    </row>
    <row r="14720" spans="1:12">
      <c r="A14720" s="6" t="s">
        <v>49</v>
      </c>
      <c r="B14720" s="6"/>
      <c r="C14720" s="6" t="s">
        <v>14744</v>
      </c>
      <c r="D14720" s="6"/>
      <c r="E14720" s="6" t="s">
        <v>9</v>
      </c>
      <c r="F14720" s="7">
        <v>38657</v>
      </c>
      <c r="G14720" s="8">
        <v>1</v>
      </c>
      <c r="H14720" s="8">
        <v>1</v>
      </c>
      <c r="I14720" s="8">
        <v>0</v>
      </c>
      <c r="J14720" s="8">
        <v>1</v>
      </c>
      <c r="K14720" s="9">
        <v>723</v>
      </c>
      <c r="L14720" s="6" t="s">
        <v>51</v>
      </c>
    </row>
    <row r="14721" spans="1:12">
      <c r="A14721" s="6" t="s">
        <v>49</v>
      </c>
      <c r="B14721" s="6"/>
      <c r="C14721" s="6" t="s">
        <v>14745</v>
      </c>
      <c r="D14721" s="6"/>
      <c r="E14721" s="6" t="s">
        <v>9</v>
      </c>
      <c r="F14721" s="7">
        <v>38657</v>
      </c>
      <c r="G14721" s="8">
        <v>1</v>
      </c>
      <c r="H14721" s="8">
        <v>1</v>
      </c>
      <c r="I14721" s="8">
        <v>0</v>
      </c>
      <c r="J14721" s="8">
        <v>1</v>
      </c>
      <c r="K14721" s="9">
        <v>450</v>
      </c>
      <c r="L14721" s="6" t="s">
        <v>51</v>
      </c>
    </row>
    <row r="14722" spans="1:12">
      <c r="A14722" s="6" t="s">
        <v>49</v>
      </c>
      <c r="B14722" s="6"/>
      <c r="C14722" s="6" t="s">
        <v>14746</v>
      </c>
      <c r="D14722" s="6"/>
      <c r="E14722" s="6" t="s">
        <v>9</v>
      </c>
      <c r="F14722" s="7">
        <v>38657</v>
      </c>
      <c r="G14722" s="8">
        <v>1</v>
      </c>
      <c r="H14722" s="8">
        <v>1</v>
      </c>
      <c r="I14722" s="8">
        <v>0</v>
      </c>
      <c r="J14722" s="8">
        <v>1</v>
      </c>
      <c r="K14722" s="9">
        <v>394</v>
      </c>
      <c r="L14722" s="6" t="s">
        <v>51</v>
      </c>
    </row>
    <row r="14723" spans="1:12">
      <c r="A14723" s="6" t="s">
        <v>49</v>
      </c>
      <c r="B14723" s="6"/>
      <c r="C14723" s="6" t="s">
        <v>14747</v>
      </c>
      <c r="D14723" s="6"/>
      <c r="E14723" s="6" t="s">
        <v>9</v>
      </c>
      <c r="F14723" s="7">
        <v>38657</v>
      </c>
      <c r="G14723" s="8">
        <v>1</v>
      </c>
      <c r="H14723" s="8">
        <v>1</v>
      </c>
      <c r="I14723" s="8">
        <v>0</v>
      </c>
      <c r="J14723" s="8">
        <v>1</v>
      </c>
      <c r="K14723" s="9">
        <v>1569</v>
      </c>
      <c r="L14723" s="6" t="s">
        <v>51</v>
      </c>
    </row>
    <row r="14724" spans="1:12">
      <c r="A14724" s="6" t="s">
        <v>49</v>
      </c>
      <c r="B14724" s="6"/>
      <c r="C14724" s="6" t="s">
        <v>14748</v>
      </c>
      <c r="D14724" s="6"/>
      <c r="E14724" s="6" t="s">
        <v>9</v>
      </c>
      <c r="F14724" s="7">
        <v>38657</v>
      </c>
      <c r="G14724" s="8">
        <v>1</v>
      </c>
      <c r="H14724" s="8">
        <v>1</v>
      </c>
      <c r="I14724" s="8">
        <v>0</v>
      </c>
      <c r="J14724" s="8">
        <v>1</v>
      </c>
      <c r="K14724" s="9">
        <v>29.98</v>
      </c>
      <c r="L14724" s="6" t="s">
        <v>51</v>
      </c>
    </row>
    <row r="14725" spans="1:12">
      <c r="A14725" s="6" t="s">
        <v>49</v>
      </c>
      <c r="B14725" s="6"/>
      <c r="C14725" s="6" t="s">
        <v>14749</v>
      </c>
      <c r="D14725" s="6"/>
      <c r="E14725" s="6" t="s">
        <v>9</v>
      </c>
      <c r="F14725" s="7">
        <v>38657</v>
      </c>
      <c r="G14725" s="8">
        <v>1</v>
      </c>
      <c r="H14725" s="8">
        <v>1</v>
      </c>
      <c r="I14725" s="8">
        <v>0</v>
      </c>
      <c r="J14725" s="8">
        <v>1</v>
      </c>
      <c r="K14725" s="9">
        <v>1166</v>
      </c>
      <c r="L14725" s="6" t="s">
        <v>51</v>
      </c>
    </row>
    <row r="14726" spans="1:12">
      <c r="A14726" s="6" t="s">
        <v>49</v>
      </c>
      <c r="B14726" s="6"/>
      <c r="C14726" s="6" t="s">
        <v>14750</v>
      </c>
      <c r="D14726" s="6"/>
      <c r="E14726" s="6" t="s">
        <v>9</v>
      </c>
      <c r="F14726" s="7">
        <v>38657</v>
      </c>
      <c r="G14726" s="8">
        <v>1</v>
      </c>
      <c r="H14726" s="8">
        <v>1</v>
      </c>
      <c r="I14726" s="8">
        <v>0</v>
      </c>
      <c r="J14726" s="8">
        <v>1</v>
      </c>
      <c r="K14726" s="9">
        <v>414</v>
      </c>
      <c r="L14726" s="6" t="s">
        <v>51</v>
      </c>
    </row>
    <row r="14727" spans="1:12">
      <c r="A14727" s="6" t="s">
        <v>49</v>
      </c>
      <c r="B14727" s="6"/>
      <c r="C14727" s="6" t="s">
        <v>14751</v>
      </c>
      <c r="D14727" s="6"/>
      <c r="E14727" s="6" t="s">
        <v>9</v>
      </c>
      <c r="F14727" s="7">
        <v>38657</v>
      </c>
      <c r="G14727" s="8">
        <v>1</v>
      </c>
      <c r="H14727" s="8">
        <v>1</v>
      </c>
      <c r="I14727" s="8">
        <v>0</v>
      </c>
      <c r="J14727" s="8">
        <v>1</v>
      </c>
      <c r="K14727" s="9">
        <v>474</v>
      </c>
      <c r="L14727" s="6" t="s">
        <v>51</v>
      </c>
    </row>
    <row r="14728" spans="1:12">
      <c r="A14728" s="6" t="s">
        <v>49</v>
      </c>
      <c r="B14728" s="6"/>
      <c r="C14728" s="6" t="s">
        <v>14752</v>
      </c>
      <c r="D14728" s="6"/>
      <c r="E14728" s="6" t="s">
        <v>9</v>
      </c>
      <c r="F14728" s="7">
        <v>38657</v>
      </c>
      <c r="G14728" s="8">
        <v>1</v>
      </c>
      <c r="H14728" s="8">
        <v>1</v>
      </c>
      <c r="I14728" s="8">
        <v>0</v>
      </c>
      <c r="J14728" s="8">
        <v>1</v>
      </c>
      <c r="K14728" s="9">
        <v>348</v>
      </c>
      <c r="L14728" s="6" t="s">
        <v>51</v>
      </c>
    </row>
    <row r="14729" spans="1:12">
      <c r="A14729" s="6" t="s">
        <v>49</v>
      </c>
      <c r="B14729" s="6"/>
      <c r="C14729" s="6" t="s">
        <v>14753</v>
      </c>
      <c r="D14729" s="6"/>
      <c r="E14729" s="6" t="s">
        <v>9</v>
      </c>
      <c r="F14729" s="7">
        <v>38657</v>
      </c>
      <c r="G14729" s="8">
        <v>1</v>
      </c>
      <c r="H14729" s="8">
        <v>1</v>
      </c>
      <c r="I14729" s="8">
        <v>0</v>
      </c>
      <c r="J14729" s="8">
        <v>1</v>
      </c>
      <c r="K14729" s="9">
        <v>496</v>
      </c>
      <c r="L14729" s="6" t="s">
        <v>51</v>
      </c>
    </row>
    <row r="14730" spans="1:12">
      <c r="A14730" s="6" t="s">
        <v>49</v>
      </c>
      <c r="B14730" s="6"/>
      <c r="C14730" s="6" t="s">
        <v>14754</v>
      </c>
      <c r="D14730" s="6"/>
      <c r="E14730" s="6" t="s">
        <v>9</v>
      </c>
      <c r="F14730" s="7">
        <v>38657</v>
      </c>
      <c r="G14730" s="8">
        <v>1</v>
      </c>
      <c r="H14730" s="8">
        <v>1</v>
      </c>
      <c r="I14730" s="8">
        <v>0</v>
      </c>
      <c r="J14730" s="8">
        <v>1</v>
      </c>
      <c r="K14730" s="9">
        <v>390</v>
      </c>
      <c r="L14730" s="6" t="s">
        <v>51</v>
      </c>
    </row>
    <row r="14731" spans="1:12">
      <c r="A14731" s="6" t="s">
        <v>49</v>
      </c>
      <c r="B14731" s="6"/>
      <c r="C14731" s="6" t="s">
        <v>14755</v>
      </c>
      <c r="D14731" s="6"/>
      <c r="E14731" s="6" t="s">
        <v>9</v>
      </c>
      <c r="F14731" s="7">
        <v>38657</v>
      </c>
      <c r="G14731" s="8">
        <v>1</v>
      </c>
      <c r="H14731" s="8">
        <v>1</v>
      </c>
      <c r="I14731" s="8">
        <v>0</v>
      </c>
      <c r="J14731" s="8">
        <v>1</v>
      </c>
      <c r="K14731" s="9">
        <v>1310</v>
      </c>
      <c r="L14731" s="6" t="s">
        <v>51</v>
      </c>
    </row>
    <row r="14732" spans="1:12">
      <c r="A14732" s="6" t="s">
        <v>49</v>
      </c>
      <c r="B14732" s="6"/>
      <c r="C14732" s="6" t="s">
        <v>14756</v>
      </c>
      <c r="D14732" s="6"/>
      <c r="E14732" s="6" t="s">
        <v>9</v>
      </c>
      <c r="F14732" s="7">
        <v>38657</v>
      </c>
      <c r="G14732" s="8">
        <v>1</v>
      </c>
      <c r="H14732" s="8">
        <v>1</v>
      </c>
      <c r="I14732" s="8">
        <v>0</v>
      </c>
      <c r="J14732" s="8">
        <v>1</v>
      </c>
      <c r="K14732" s="9">
        <v>688</v>
      </c>
      <c r="L14732" s="6" t="s">
        <v>51</v>
      </c>
    </row>
    <row r="14733" spans="1:12">
      <c r="A14733" s="6" t="s">
        <v>49</v>
      </c>
      <c r="B14733" s="6"/>
      <c r="C14733" s="6" t="s">
        <v>14757</v>
      </c>
      <c r="D14733" s="6"/>
      <c r="E14733" s="6" t="s">
        <v>9</v>
      </c>
      <c r="F14733" s="7">
        <v>38657</v>
      </c>
      <c r="G14733" s="8">
        <v>1</v>
      </c>
      <c r="H14733" s="8">
        <v>1</v>
      </c>
      <c r="I14733" s="8">
        <v>0</v>
      </c>
      <c r="J14733" s="8">
        <v>1</v>
      </c>
      <c r="K14733" s="9">
        <v>510</v>
      </c>
      <c r="L14733" s="6" t="s">
        <v>51</v>
      </c>
    </row>
    <row r="14734" spans="1:12">
      <c r="A14734" s="6" t="s">
        <v>49</v>
      </c>
      <c r="B14734" s="6"/>
      <c r="C14734" s="6" t="s">
        <v>14758</v>
      </c>
      <c r="D14734" s="6"/>
      <c r="E14734" s="6" t="s">
        <v>9</v>
      </c>
      <c r="F14734" s="7">
        <v>38657</v>
      </c>
      <c r="G14734" s="8">
        <v>1</v>
      </c>
      <c r="H14734" s="8">
        <v>1</v>
      </c>
      <c r="I14734" s="8">
        <v>0</v>
      </c>
      <c r="J14734" s="8">
        <v>1</v>
      </c>
      <c r="K14734" s="9">
        <v>534</v>
      </c>
      <c r="L14734" s="6" t="s">
        <v>51</v>
      </c>
    </row>
    <row r="14735" spans="1:12">
      <c r="A14735" s="6" t="s">
        <v>49</v>
      </c>
      <c r="B14735" s="6"/>
      <c r="C14735" s="6" t="s">
        <v>14759</v>
      </c>
      <c r="D14735" s="6"/>
      <c r="E14735" s="6" t="s">
        <v>9</v>
      </c>
      <c r="F14735" s="7">
        <v>38657</v>
      </c>
      <c r="G14735" s="8">
        <v>1</v>
      </c>
      <c r="H14735" s="8">
        <v>1</v>
      </c>
      <c r="I14735" s="8">
        <v>0</v>
      </c>
      <c r="J14735" s="8">
        <v>1</v>
      </c>
      <c r="K14735" s="9">
        <v>52</v>
      </c>
      <c r="L14735" s="6" t="s">
        <v>51</v>
      </c>
    </row>
    <row r="14736" spans="1:12">
      <c r="A14736" s="6" t="s">
        <v>49</v>
      </c>
      <c r="B14736" s="6"/>
      <c r="C14736" s="6" t="s">
        <v>14760</v>
      </c>
      <c r="D14736" s="6"/>
      <c r="E14736" s="6" t="s">
        <v>9</v>
      </c>
      <c r="F14736" s="7">
        <v>38657</v>
      </c>
      <c r="G14736" s="8">
        <v>1</v>
      </c>
      <c r="H14736" s="8">
        <v>1</v>
      </c>
      <c r="I14736" s="8">
        <v>0</v>
      </c>
      <c r="J14736" s="8">
        <v>1</v>
      </c>
      <c r="K14736" s="9">
        <v>773</v>
      </c>
      <c r="L14736" s="6" t="s">
        <v>51</v>
      </c>
    </row>
    <row r="14737" spans="1:12">
      <c r="A14737" s="6" t="s">
        <v>49</v>
      </c>
      <c r="B14737" s="6"/>
      <c r="C14737" s="6" t="s">
        <v>14761</v>
      </c>
      <c r="D14737" s="6"/>
      <c r="E14737" s="6" t="s">
        <v>9</v>
      </c>
      <c r="F14737" s="7">
        <v>38657</v>
      </c>
      <c r="G14737" s="8">
        <v>1</v>
      </c>
      <c r="H14737" s="8">
        <v>1</v>
      </c>
      <c r="I14737" s="8">
        <v>0</v>
      </c>
      <c r="J14737" s="8">
        <v>1</v>
      </c>
      <c r="K14737" s="9">
        <v>133</v>
      </c>
      <c r="L14737" s="6" t="s">
        <v>51</v>
      </c>
    </row>
    <row r="14738" spans="1:12">
      <c r="A14738" s="6" t="s">
        <v>49</v>
      </c>
      <c r="B14738" s="6"/>
      <c r="C14738" s="6" t="s">
        <v>14762</v>
      </c>
      <c r="D14738" s="6"/>
      <c r="E14738" s="6" t="s">
        <v>9</v>
      </c>
      <c r="F14738" s="7">
        <v>38657</v>
      </c>
      <c r="G14738" s="8">
        <v>1</v>
      </c>
      <c r="H14738" s="8">
        <v>1</v>
      </c>
      <c r="I14738" s="8">
        <v>0</v>
      </c>
      <c r="J14738" s="8">
        <v>1</v>
      </c>
      <c r="K14738" s="9">
        <v>607</v>
      </c>
      <c r="L14738" s="6" t="s">
        <v>51</v>
      </c>
    </row>
    <row r="14739" spans="1:12">
      <c r="A14739" s="6" t="s">
        <v>49</v>
      </c>
      <c r="B14739" s="6"/>
      <c r="C14739" s="6" t="s">
        <v>14763</v>
      </c>
      <c r="D14739" s="6"/>
      <c r="E14739" s="6" t="s">
        <v>9</v>
      </c>
      <c r="F14739" s="7">
        <v>38657</v>
      </c>
      <c r="G14739" s="8">
        <v>1</v>
      </c>
      <c r="H14739" s="8">
        <v>1</v>
      </c>
      <c r="I14739" s="8">
        <v>0</v>
      </c>
      <c r="J14739" s="8">
        <v>1</v>
      </c>
      <c r="K14739" s="9">
        <v>3413</v>
      </c>
      <c r="L14739" s="6" t="s">
        <v>51</v>
      </c>
    </row>
    <row r="14740" spans="1:12">
      <c r="A14740" s="6" t="s">
        <v>49</v>
      </c>
      <c r="B14740" s="6"/>
      <c r="C14740" s="6" t="s">
        <v>14764</v>
      </c>
      <c r="D14740" s="6"/>
      <c r="E14740" s="6" t="s">
        <v>9</v>
      </c>
      <c r="F14740" s="7">
        <v>38657</v>
      </c>
      <c r="G14740" s="8">
        <v>1</v>
      </c>
      <c r="H14740" s="8">
        <v>1</v>
      </c>
      <c r="I14740" s="8">
        <v>0</v>
      </c>
      <c r="J14740" s="8">
        <v>1</v>
      </c>
      <c r="K14740" s="9">
        <v>1850</v>
      </c>
      <c r="L14740" s="6" t="s">
        <v>51</v>
      </c>
    </row>
    <row r="14741" spans="1:12">
      <c r="A14741" s="6" t="s">
        <v>49</v>
      </c>
      <c r="B14741" s="6"/>
      <c r="C14741" s="6" t="s">
        <v>14765</v>
      </c>
      <c r="D14741" s="6"/>
      <c r="E14741" s="6" t="s">
        <v>9</v>
      </c>
      <c r="F14741" s="7">
        <v>38657</v>
      </c>
      <c r="G14741" s="8">
        <v>1</v>
      </c>
      <c r="H14741" s="8">
        <v>1</v>
      </c>
      <c r="I14741" s="8">
        <v>0</v>
      </c>
      <c r="J14741" s="8">
        <v>1</v>
      </c>
      <c r="K14741" s="9">
        <v>504</v>
      </c>
      <c r="L14741" s="6" t="s">
        <v>51</v>
      </c>
    </row>
    <row r="14742" spans="1:12">
      <c r="A14742" s="6" t="s">
        <v>49</v>
      </c>
      <c r="B14742" s="6"/>
      <c r="C14742" s="6" t="s">
        <v>14766</v>
      </c>
      <c r="D14742" s="6"/>
      <c r="E14742" s="6" t="s">
        <v>9</v>
      </c>
      <c r="F14742" s="7">
        <v>38657</v>
      </c>
      <c r="G14742" s="8">
        <v>1</v>
      </c>
      <c r="H14742" s="8">
        <v>1</v>
      </c>
      <c r="I14742" s="8">
        <v>0</v>
      </c>
      <c r="J14742" s="8">
        <v>1</v>
      </c>
      <c r="K14742" s="9">
        <v>302</v>
      </c>
      <c r="L14742" s="6" t="s">
        <v>51</v>
      </c>
    </row>
    <row r="14743" spans="1:12">
      <c r="A14743" s="6" t="s">
        <v>49</v>
      </c>
      <c r="B14743" s="6"/>
      <c r="C14743" s="6" t="s">
        <v>14767</v>
      </c>
      <c r="D14743" s="6"/>
      <c r="E14743" s="6" t="s">
        <v>9</v>
      </c>
      <c r="F14743" s="7">
        <v>38657</v>
      </c>
      <c r="G14743" s="8">
        <v>1</v>
      </c>
      <c r="H14743" s="8">
        <v>1</v>
      </c>
      <c r="I14743" s="8">
        <v>0</v>
      </c>
      <c r="J14743" s="8">
        <v>1</v>
      </c>
      <c r="K14743" s="9">
        <v>2394</v>
      </c>
      <c r="L14743" s="6" t="s">
        <v>51</v>
      </c>
    </row>
    <row r="14744" spans="1:12">
      <c r="A14744" s="6" t="s">
        <v>49</v>
      </c>
      <c r="B14744" s="6"/>
      <c r="C14744" s="6" t="s">
        <v>14768</v>
      </c>
      <c r="D14744" s="6"/>
      <c r="E14744" s="6" t="s">
        <v>9</v>
      </c>
      <c r="F14744" s="7">
        <v>38657</v>
      </c>
      <c r="G14744" s="8">
        <v>1</v>
      </c>
      <c r="H14744" s="8">
        <v>1</v>
      </c>
      <c r="I14744" s="8">
        <v>0</v>
      </c>
      <c r="J14744" s="8">
        <v>1</v>
      </c>
      <c r="K14744" s="9">
        <v>1038</v>
      </c>
      <c r="L14744" s="6" t="s">
        <v>51</v>
      </c>
    </row>
    <row r="14745" spans="1:12">
      <c r="A14745" s="6" t="s">
        <v>49</v>
      </c>
      <c r="B14745" s="6"/>
      <c r="C14745" s="6" t="s">
        <v>14769</v>
      </c>
      <c r="D14745" s="6"/>
      <c r="E14745" s="6" t="s">
        <v>9</v>
      </c>
      <c r="F14745" s="7">
        <v>38657</v>
      </c>
      <c r="G14745" s="8">
        <v>1</v>
      </c>
      <c r="H14745" s="8">
        <v>1</v>
      </c>
      <c r="I14745" s="8">
        <v>0</v>
      </c>
      <c r="J14745" s="8">
        <v>1</v>
      </c>
      <c r="K14745" s="9">
        <v>1349</v>
      </c>
      <c r="L14745" s="6" t="s">
        <v>51</v>
      </c>
    </row>
    <row r="14746" spans="1:12">
      <c r="A14746" s="6" t="s">
        <v>49</v>
      </c>
      <c r="B14746" s="6"/>
      <c r="C14746" s="6" t="s">
        <v>14770</v>
      </c>
      <c r="D14746" s="6"/>
      <c r="E14746" s="6" t="s">
        <v>9</v>
      </c>
      <c r="F14746" s="7">
        <v>38657</v>
      </c>
      <c r="G14746" s="8">
        <v>1</v>
      </c>
      <c r="H14746" s="8">
        <v>1</v>
      </c>
      <c r="I14746" s="8">
        <v>0</v>
      </c>
      <c r="J14746" s="8">
        <v>1</v>
      </c>
      <c r="K14746" s="9">
        <v>31</v>
      </c>
      <c r="L14746" s="6" t="s">
        <v>51</v>
      </c>
    </row>
    <row r="14747" spans="1:12">
      <c r="A14747" s="6" t="s">
        <v>49</v>
      </c>
      <c r="B14747" s="6"/>
      <c r="C14747" s="6" t="s">
        <v>14771</v>
      </c>
      <c r="D14747" s="6"/>
      <c r="E14747" s="6" t="s">
        <v>9</v>
      </c>
      <c r="F14747" s="7">
        <v>38657</v>
      </c>
      <c r="G14747" s="8">
        <v>1</v>
      </c>
      <c r="H14747" s="8">
        <v>1</v>
      </c>
      <c r="I14747" s="8">
        <v>0</v>
      </c>
      <c r="J14747" s="8">
        <v>1</v>
      </c>
      <c r="K14747" s="9">
        <v>870</v>
      </c>
      <c r="L14747" s="6" t="s">
        <v>51</v>
      </c>
    </row>
    <row r="14748" spans="1:12">
      <c r="A14748" s="6" t="s">
        <v>49</v>
      </c>
      <c r="B14748" s="6"/>
      <c r="C14748" s="6" t="s">
        <v>14772</v>
      </c>
      <c r="D14748" s="6"/>
      <c r="E14748" s="6" t="s">
        <v>9</v>
      </c>
      <c r="F14748" s="7">
        <v>38657</v>
      </c>
      <c r="G14748" s="8">
        <v>1</v>
      </c>
      <c r="H14748" s="8">
        <v>1</v>
      </c>
      <c r="I14748" s="8">
        <v>0</v>
      </c>
      <c r="J14748" s="8">
        <v>1</v>
      </c>
      <c r="K14748" s="9">
        <v>32</v>
      </c>
      <c r="L14748" s="6" t="s">
        <v>51</v>
      </c>
    </row>
    <row r="14749" spans="1:12">
      <c r="A14749" s="6" t="s">
        <v>49</v>
      </c>
      <c r="B14749" s="6"/>
      <c r="C14749" s="6" t="s">
        <v>14773</v>
      </c>
      <c r="D14749" s="6"/>
      <c r="E14749" s="6" t="s">
        <v>9</v>
      </c>
      <c r="F14749" s="7">
        <v>38657</v>
      </c>
      <c r="G14749" s="8">
        <v>1</v>
      </c>
      <c r="H14749" s="8">
        <v>1</v>
      </c>
      <c r="I14749" s="8">
        <v>0</v>
      </c>
      <c r="J14749" s="8">
        <v>1</v>
      </c>
      <c r="K14749" s="9">
        <v>487</v>
      </c>
      <c r="L14749" s="6" t="s">
        <v>51</v>
      </c>
    </row>
    <row r="14750" spans="1:12">
      <c r="A14750" s="6" t="s">
        <v>49</v>
      </c>
      <c r="B14750" s="6"/>
      <c r="C14750" s="6" t="s">
        <v>14774</v>
      </c>
      <c r="D14750" s="6"/>
      <c r="E14750" s="6" t="s">
        <v>9</v>
      </c>
      <c r="F14750" s="7">
        <v>38657</v>
      </c>
      <c r="G14750" s="8">
        <v>1</v>
      </c>
      <c r="H14750" s="8">
        <v>1</v>
      </c>
      <c r="I14750" s="8">
        <v>0</v>
      </c>
      <c r="J14750" s="8">
        <v>1</v>
      </c>
      <c r="K14750" s="9">
        <v>5.41</v>
      </c>
      <c r="L14750" s="6" t="s">
        <v>51</v>
      </c>
    </row>
    <row r="14751" spans="1:12">
      <c r="A14751" s="6" t="s">
        <v>49</v>
      </c>
      <c r="B14751" s="6"/>
      <c r="C14751" s="6" t="s">
        <v>14775</v>
      </c>
      <c r="D14751" s="6"/>
      <c r="E14751" s="6" t="s">
        <v>9</v>
      </c>
      <c r="F14751" s="7">
        <v>38657</v>
      </c>
      <c r="G14751" s="8">
        <v>1</v>
      </c>
      <c r="H14751" s="8">
        <v>1</v>
      </c>
      <c r="I14751" s="8">
        <v>0</v>
      </c>
      <c r="J14751" s="8">
        <v>1</v>
      </c>
      <c r="K14751" s="9">
        <v>909</v>
      </c>
      <c r="L14751" s="6" t="s">
        <v>51</v>
      </c>
    </row>
    <row r="14752" spans="1:12">
      <c r="A14752" s="6" t="s">
        <v>49</v>
      </c>
      <c r="B14752" s="6"/>
      <c r="C14752" s="6" t="s">
        <v>14776</v>
      </c>
      <c r="D14752" s="6"/>
      <c r="E14752" s="6" t="s">
        <v>9</v>
      </c>
      <c r="F14752" s="7">
        <v>38657</v>
      </c>
      <c r="G14752" s="8">
        <v>1</v>
      </c>
      <c r="H14752" s="8">
        <v>1</v>
      </c>
      <c r="I14752" s="8">
        <v>0</v>
      </c>
      <c r="J14752" s="8">
        <v>1</v>
      </c>
      <c r="K14752" s="9">
        <v>212</v>
      </c>
      <c r="L14752" s="6" t="s">
        <v>51</v>
      </c>
    </row>
    <row r="14753" spans="1:12">
      <c r="A14753" s="6" t="s">
        <v>49</v>
      </c>
      <c r="B14753" s="6"/>
      <c r="C14753" s="6" t="s">
        <v>14777</v>
      </c>
      <c r="D14753" s="6"/>
      <c r="E14753" s="6" t="s">
        <v>9</v>
      </c>
      <c r="F14753" s="7">
        <v>38657</v>
      </c>
      <c r="G14753" s="8">
        <v>1</v>
      </c>
      <c r="H14753" s="8">
        <v>1</v>
      </c>
      <c r="I14753" s="8">
        <v>0</v>
      </c>
      <c r="J14753" s="8">
        <v>1</v>
      </c>
      <c r="K14753" s="9">
        <v>1048</v>
      </c>
      <c r="L14753" s="6" t="s">
        <v>51</v>
      </c>
    </row>
    <row r="14754" spans="1:12">
      <c r="A14754" s="6" t="s">
        <v>49</v>
      </c>
      <c r="B14754" s="6"/>
      <c r="C14754" s="6" t="s">
        <v>14778</v>
      </c>
      <c r="D14754" s="6"/>
      <c r="E14754" s="6" t="s">
        <v>9</v>
      </c>
      <c r="F14754" s="7">
        <v>38657</v>
      </c>
      <c r="G14754" s="8">
        <v>1</v>
      </c>
      <c r="H14754" s="8">
        <v>1</v>
      </c>
      <c r="I14754" s="8">
        <v>0</v>
      </c>
      <c r="J14754" s="8">
        <v>1</v>
      </c>
      <c r="K14754" s="9">
        <v>821</v>
      </c>
      <c r="L14754" s="6" t="s">
        <v>51</v>
      </c>
    </row>
    <row r="14755" spans="1:12">
      <c r="A14755" s="6" t="s">
        <v>49</v>
      </c>
      <c r="B14755" s="6"/>
      <c r="C14755" s="6" t="s">
        <v>14779</v>
      </c>
      <c r="D14755" s="6"/>
      <c r="E14755" s="6" t="s">
        <v>9</v>
      </c>
      <c r="F14755" s="7">
        <v>38657</v>
      </c>
      <c r="G14755" s="8">
        <v>1</v>
      </c>
      <c r="H14755" s="8">
        <v>1</v>
      </c>
      <c r="I14755" s="8">
        <v>0</v>
      </c>
      <c r="J14755" s="8">
        <v>1</v>
      </c>
      <c r="K14755" s="9">
        <v>518</v>
      </c>
      <c r="L14755" s="6" t="s">
        <v>51</v>
      </c>
    </row>
    <row r="14756" spans="1:12">
      <c r="A14756" s="6" t="s">
        <v>49</v>
      </c>
      <c r="B14756" s="6"/>
      <c r="C14756" s="6" t="s">
        <v>14780</v>
      </c>
      <c r="D14756" s="6"/>
      <c r="E14756" s="6" t="s">
        <v>9</v>
      </c>
      <c r="F14756" s="7">
        <v>38657</v>
      </c>
      <c r="G14756" s="8">
        <v>1</v>
      </c>
      <c r="H14756" s="8">
        <v>1</v>
      </c>
      <c r="I14756" s="8">
        <v>0</v>
      </c>
      <c r="J14756" s="8">
        <v>1</v>
      </c>
      <c r="K14756" s="9">
        <v>1126</v>
      </c>
      <c r="L14756" s="6" t="s">
        <v>51</v>
      </c>
    </row>
    <row r="14757" spans="1:12">
      <c r="A14757" s="6" t="s">
        <v>49</v>
      </c>
      <c r="B14757" s="6"/>
      <c r="C14757" s="6" t="s">
        <v>14781</v>
      </c>
      <c r="D14757" s="6"/>
      <c r="E14757" s="6" t="s">
        <v>9</v>
      </c>
      <c r="F14757" s="7">
        <v>38657</v>
      </c>
      <c r="G14757" s="8">
        <v>1</v>
      </c>
      <c r="H14757" s="8">
        <v>1</v>
      </c>
      <c r="I14757" s="8">
        <v>0</v>
      </c>
      <c r="J14757" s="8">
        <v>1</v>
      </c>
      <c r="K14757" s="9">
        <v>55</v>
      </c>
      <c r="L14757" s="6" t="s">
        <v>51</v>
      </c>
    </row>
    <row r="14758" spans="1:12">
      <c r="A14758" s="6" t="s">
        <v>49</v>
      </c>
      <c r="B14758" s="6"/>
      <c r="C14758" s="6" t="s">
        <v>14782</v>
      </c>
      <c r="D14758" s="6"/>
      <c r="E14758" s="6" t="s">
        <v>9</v>
      </c>
      <c r="F14758" s="7">
        <v>38657</v>
      </c>
      <c r="G14758" s="8">
        <v>1</v>
      </c>
      <c r="H14758" s="8">
        <v>1</v>
      </c>
      <c r="I14758" s="8">
        <v>0</v>
      </c>
      <c r="J14758" s="8">
        <v>1</v>
      </c>
      <c r="K14758" s="9">
        <v>75</v>
      </c>
      <c r="L14758" s="6" t="s">
        <v>51</v>
      </c>
    </row>
    <row r="14759" spans="1:12">
      <c r="A14759" s="6" t="s">
        <v>49</v>
      </c>
      <c r="B14759" s="6"/>
      <c r="C14759" s="6" t="s">
        <v>14783</v>
      </c>
      <c r="D14759" s="6"/>
      <c r="E14759" s="6" t="s">
        <v>9</v>
      </c>
      <c r="F14759" s="7">
        <v>38657</v>
      </c>
      <c r="G14759" s="8">
        <v>1</v>
      </c>
      <c r="H14759" s="8">
        <v>1</v>
      </c>
      <c r="I14759" s="8">
        <v>0</v>
      </c>
      <c r="J14759" s="8">
        <v>1</v>
      </c>
      <c r="K14759" s="9">
        <v>655</v>
      </c>
      <c r="L14759" s="6" t="s">
        <v>51</v>
      </c>
    </row>
    <row r="14760" spans="1:12">
      <c r="A14760" s="6" t="s">
        <v>49</v>
      </c>
      <c r="B14760" s="6"/>
      <c r="C14760" s="6" t="s">
        <v>14784</v>
      </c>
      <c r="D14760" s="6"/>
      <c r="E14760" s="6" t="s">
        <v>9</v>
      </c>
      <c r="F14760" s="7">
        <v>38657</v>
      </c>
      <c r="G14760" s="8">
        <v>1</v>
      </c>
      <c r="H14760" s="8">
        <v>1</v>
      </c>
      <c r="I14760" s="8">
        <v>0</v>
      </c>
      <c r="J14760" s="8">
        <v>1</v>
      </c>
      <c r="K14760" s="9">
        <v>76</v>
      </c>
      <c r="L14760" s="6" t="s">
        <v>51</v>
      </c>
    </row>
    <row r="14761" spans="1:12">
      <c r="A14761" s="6" t="s">
        <v>49</v>
      </c>
      <c r="B14761" s="6"/>
      <c r="C14761" s="6" t="s">
        <v>14785</v>
      </c>
      <c r="D14761" s="6"/>
      <c r="E14761" s="6" t="s">
        <v>9</v>
      </c>
      <c r="F14761" s="7">
        <v>38657</v>
      </c>
      <c r="G14761" s="8">
        <v>1</v>
      </c>
      <c r="H14761" s="8">
        <v>1</v>
      </c>
      <c r="I14761" s="8">
        <v>0</v>
      </c>
      <c r="J14761" s="8">
        <v>1</v>
      </c>
      <c r="K14761" s="9">
        <v>442</v>
      </c>
      <c r="L14761" s="6" t="s">
        <v>51</v>
      </c>
    </row>
    <row r="14762" spans="1:12">
      <c r="A14762" s="6" t="s">
        <v>49</v>
      </c>
      <c r="B14762" s="6"/>
      <c r="C14762" s="6" t="s">
        <v>14786</v>
      </c>
      <c r="D14762" s="6"/>
      <c r="E14762" s="6" t="s">
        <v>9</v>
      </c>
      <c r="F14762" s="7">
        <v>38657</v>
      </c>
      <c r="G14762" s="8">
        <v>1</v>
      </c>
      <c r="H14762" s="8">
        <v>1</v>
      </c>
      <c r="I14762" s="8">
        <v>0</v>
      </c>
      <c r="J14762" s="8">
        <v>1</v>
      </c>
      <c r="K14762" s="9">
        <v>531</v>
      </c>
      <c r="L14762" s="6" t="s">
        <v>51</v>
      </c>
    </row>
    <row r="14763" spans="1:12">
      <c r="A14763" s="6" t="s">
        <v>49</v>
      </c>
      <c r="B14763" s="6"/>
      <c r="C14763" s="6" t="s">
        <v>14787</v>
      </c>
      <c r="D14763" s="6"/>
      <c r="E14763" s="6" t="s">
        <v>9</v>
      </c>
      <c r="F14763" s="7">
        <v>38657</v>
      </c>
      <c r="G14763" s="8">
        <v>1</v>
      </c>
      <c r="H14763" s="8">
        <v>1</v>
      </c>
      <c r="I14763" s="8">
        <v>0</v>
      </c>
      <c r="J14763" s="8">
        <v>1</v>
      </c>
      <c r="K14763" s="9">
        <v>596</v>
      </c>
      <c r="L14763" s="6" t="s">
        <v>51</v>
      </c>
    </row>
    <row r="14764" spans="1:12">
      <c r="A14764" s="6" t="s">
        <v>49</v>
      </c>
      <c r="B14764" s="6"/>
      <c r="C14764" s="6" t="s">
        <v>14788</v>
      </c>
      <c r="D14764" s="6"/>
      <c r="E14764" s="6" t="s">
        <v>9</v>
      </c>
      <c r="F14764" s="7">
        <v>38657</v>
      </c>
      <c r="G14764" s="8">
        <v>1</v>
      </c>
      <c r="H14764" s="8">
        <v>1</v>
      </c>
      <c r="I14764" s="8">
        <v>0</v>
      </c>
      <c r="J14764" s="8">
        <v>1</v>
      </c>
      <c r="K14764" s="9">
        <v>76</v>
      </c>
      <c r="L14764" s="6" t="s">
        <v>51</v>
      </c>
    </row>
    <row r="14765" spans="1:12">
      <c r="A14765" s="6" t="s">
        <v>49</v>
      </c>
      <c r="B14765" s="6"/>
      <c r="C14765" s="6" t="s">
        <v>14789</v>
      </c>
      <c r="D14765" s="6"/>
      <c r="E14765" s="6" t="s">
        <v>9</v>
      </c>
      <c r="F14765" s="7">
        <v>38657</v>
      </c>
      <c r="G14765" s="8">
        <v>1</v>
      </c>
      <c r="H14765" s="8">
        <v>1</v>
      </c>
      <c r="I14765" s="8">
        <v>0</v>
      </c>
      <c r="J14765" s="8">
        <v>1</v>
      </c>
      <c r="K14765" s="9">
        <v>585</v>
      </c>
      <c r="L14765" s="6" t="s">
        <v>51</v>
      </c>
    </row>
    <row r="14766" spans="1:12">
      <c r="A14766" s="6" t="s">
        <v>49</v>
      </c>
      <c r="B14766" s="6"/>
      <c r="C14766" s="6" t="s">
        <v>14790</v>
      </c>
      <c r="D14766" s="6"/>
      <c r="E14766" s="6" t="s">
        <v>9</v>
      </c>
      <c r="F14766" s="7">
        <v>38657</v>
      </c>
      <c r="G14766" s="8">
        <v>1</v>
      </c>
      <c r="H14766" s="8">
        <v>1</v>
      </c>
      <c r="I14766" s="8">
        <v>0</v>
      </c>
      <c r="J14766" s="8">
        <v>1</v>
      </c>
      <c r="K14766" s="9">
        <v>76</v>
      </c>
      <c r="L14766" s="6" t="s">
        <v>51</v>
      </c>
    </row>
    <row r="14767" spans="1:12">
      <c r="A14767" s="6" t="s">
        <v>49</v>
      </c>
      <c r="B14767" s="6"/>
      <c r="C14767" s="6" t="s">
        <v>14791</v>
      </c>
      <c r="D14767" s="6"/>
      <c r="E14767" s="6" t="s">
        <v>9</v>
      </c>
      <c r="F14767" s="7">
        <v>38657</v>
      </c>
      <c r="G14767" s="8">
        <v>1</v>
      </c>
      <c r="H14767" s="8">
        <v>1</v>
      </c>
      <c r="I14767" s="8">
        <v>0</v>
      </c>
      <c r="J14767" s="8">
        <v>1</v>
      </c>
      <c r="K14767" s="9">
        <v>1189</v>
      </c>
      <c r="L14767" s="6" t="s">
        <v>51</v>
      </c>
    </row>
    <row r="14768" spans="1:12">
      <c r="A14768" s="6" t="s">
        <v>49</v>
      </c>
      <c r="B14768" s="6"/>
      <c r="C14768" s="6" t="s">
        <v>14792</v>
      </c>
      <c r="D14768" s="6"/>
      <c r="E14768" s="6" t="s">
        <v>9</v>
      </c>
      <c r="F14768" s="7">
        <v>38657</v>
      </c>
      <c r="G14768" s="8">
        <v>1</v>
      </c>
      <c r="H14768" s="8">
        <v>1</v>
      </c>
      <c r="I14768" s="8">
        <v>0</v>
      </c>
      <c r="J14768" s="8">
        <v>1</v>
      </c>
      <c r="K14768" s="9">
        <v>41.97</v>
      </c>
      <c r="L14768" s="6" t="s">
        <v>51</v>
      </c>
    </row>
    <row r="14769" spans="1:12">
      <c r="A14769" s="6" t="s">
        <v>49</v>
      </c>
      <c r="B14769" s="6"/>
      <c r="C14769" s="6" t="s">
        <v>14793</v>
      </c>
      <c r="D14769" s="6"/>
      <c r="E14769" s="6" t="s">
        <v>9</v>
      </c>
      <c r="F14769" s="7">
        <v>38657</v>
      </c>
      <c r="G14769" s="8">
        <v>1</v>
      </c>
      <c r="H14769" s="8">
        <v>1</v>
      </c>
      <c r="I14769" s="8">
        <v>0</v>
      </c>
      <c r="J14769" s="8">
        <v>1</v>
      </c>
      <c r="K14769" s="9">
        <v>269</v>
      </c>
      <c r="L14769" s="6" t="s">
        <v>51</v>
      </c>
    </row>
    <row r="14770" spans="1:12">
      <c r="A14770" s="6" t="s">
        <v>49</v>
      </c>
      <c r="B14770" s="6"/>
      <c r="C14770" s="6" t="s">
        <v>14794</v>
      </c>
      <c r="D14770" s="6"/>
      <c r="E14770" s="6" t="s">
        <v>9</v>
      </c>
      <c r="F14770" s="7">
        <v>38657</v>
      </c>
      <c r="G14770" s="8">
        <v>1</v>
      </c>
      <c r="H14770" s="8">
        <v>1</v>
      </c>
      <c r="I14770" s="8">
        <v>0</v>
      </c>
      <c r="J14770" s="8">
        <v>1</v>
      </c>
      <c r="K14770" s="9">
        <v>215</v>
      </c>
      <c r="L14770" s="6" t="s">
        <v>51</v>
      </c>
    </row>
    <row r="14771" spans="1:12">
      <c r="A14771" s="6" t="s">
        <v>49</v>
      </c>
      <c r="B14771" s="6"/>
      <c r="C14771" s="6" t="s">
        <v>14795</v>
      </c>
      <c r="D14771" s="6"/>
      <c r="E14771" s="6" t="s">
        <v>9</v>
      </c>
      <c r="F14771" s="7">
        <v>38657</v>
      </c>
      <c r="G14771" s="8">
        <v>1</v>
      </c>
      <c r="H14771" s="8">
        <v>1</v>
      </c>
      <c r="I14771" s="8">
        <v>0</v>
      </c>
      <c r="J14771" s="8">
        <v>1</v>
      </c>
      <c r="K14771" s="9">
        <v>387</v>
      </c>
      <c r="L14771" s="6" t="s">
        <v>51</v>
      </c>
    </row>
    <row r="14772" spans="1:12">
      <c r="A14772" s="6" t="s">
        <v>49</v>
      </c>
      <c r="B14772" s="6"/>
      <c r="C14772" s="6" t="s">
        <v>14796</v>
      </c>
      <c r="D14772" s="6"/>
      <c r="E14772" s="6" t="s">
        <v>9</v>
      </c>
      <c r="F14772" s="7">
        <v>38657</v>
      </c>
      <c r="G14772" s="8">
        <v>1</v>
      </c>
      <c r="H14772" s="8">
        <v>1</v>
      </c>
      <c r="I14772" s="8">
        <v>0</v>
      </c>
      <c r="J14772" s="8">
        <v>1</v>
      </c>
      <c r="K14772" s="9">
        <v>534</v>
      </c>
      <c r="L14772" s="6" t="s">
        <v>51</v>
      </c>
    </row>
    <row r="14773" spans="1:12">
      <c r="A14773" s="6" t="s">
        <v>49</v>
      </c>
      <c r="B14773" s="6"/>
      <c r="C14773" s="6" t="s">
        <v>14797</v>
      </c>
      <c r="D14773" s="6"/>
      <c r="E14773" s="6" t="s">
        <v>9</v>
      </c>
      <c r="F14773" s="7">
        <v>38657</v>
      </c>
      <c r="G14773" s="8">
        <v>1</v>
      </c>
      <c r="H14773" s="8">
        <v>1</v>
      </c>
      <c r="I14773" s="8">
        <v>0</v>
      </c>
      <c r="J14773" s="8">
        <v>1</v>
      </c>
      <c r="K14773" s="9">
        <v>645</v>
      </c>
      <c r="L14773" s="6" t="s">
        <v>51</v>
      </c>
    </row>
    <row r="14774" spans="1:12">
      <c r="A14774" s="6" t="s">
        <v>49</v>
      </c>
      <c r="B14774" s="6"/>
      <c r="C14774" s="6" t="s">
        <v>14798</v>
      </c>
      <c r="D14774" s="6"/>
      <c r="E14774" s="6" t="s">
        <v>9</v>
      </c>
      <c r="F14774" s="7">
        <v>38657</v>
      </c>
      <c r="G14774" s="8">
        <v>1</v>
      </c>
      <c r="H14774" s="8">
        <v>1</v>
      </c>
      <c r="I14774" s="8">
        <v>0</v>
      </c>
      <c r="J14774" s="8">
        <v>1</v>
      </c>
      <c r="K14774" s="9">
        <v>75</v>
      </c>
      <c r="L14774" s="6" t="s">
        <v>51</v>
      </c>
    </row>
    <row r="14775" spans="1:12">
      <c r="A14775" s="6" t="s">
        <v>49</v>
      </c>
      <c r="B14775" s="6"/>
      <c r="C14775" s="6" t="s">
        <v>14799</v>
      </c>
      <c r="D14775" s="6"/>
      <c r="E14775" s="6" t="s">
        <v>9</v>
      </c>
      <c r="F14775" s="7">
        <v>38657</v>
      </c>
      <c r="G14775" s="8">
        <v>1</v>
      </c>
      <c r="H14775" s="8">
        <v>1</v>
      </c>
      <c r="I14775" s="8">
        <v>0</v>
      </c>
      <c r="J14775" s="8">
        <v>1</v>
      </c>
      <c r="K14775" s="9">
        <v>672</v>
      </c>
      <c r="L14775" s="6" t="s">
        <v>51</v>
      </c>
    </row>
    <row r="14776" spans="1:12">
      <c r="A14776" s="6" t="s">
        <v>49</v>
      </c>
      <c r="B14776" s="6"/>
      <c r="C14776" s="6" t="s">
        <v>14800</v>
      </c>
      <c r="D14776" s="6"/>
      <c r="E14776" s="6" t="s">
        <v>9</v>
      </c>
      <c r="F14776" s="7">
        <v>38657</v>
      </c>
      <c r="G14776" s="8">
        <v>1</v>
      </c>
      <c r="H14776" s="8">
        <v>1</v>
      </c>
      <c r="I14776" s="8">
        <v>0</v>
      </c>
      <c r="J14776" s="8">
        <v>1</v>
      </c>
      <c r="K14776" s="9">
        <v>72</v>
      </c>
      <c r="L14776" s="6" t="s">
        <v>51</v>
      </c>
    </row>
    <row r="14777" spans="1:12">
      <c r="A14777" s="6" t="s">
        <v>49</v>
      </c>
      <c r="B14777" s="6"/>
      <c r="C14777" s="6" t="s">
        <v>14801</v>
      </c>
      <c r="D14777" s="6"/>
      <c r="E14777" s="6" t="s">
        <v>9</v>
      </c>
      <c r="F14777" s="7">
        <v>38657</v>
      </c>
      <c r="G14777" s="8">
        <v>1</v>
      </c>
      <c r="H14777" s="8">
        <v>1</v>
      </c>
      <c r="I14777" s="8">
        <v>0</v>
      </c>
      <c r="J14777" s="8">
        <v>1</v>
      </c>
      <c r="K14777" s="9">
        <v>738</v>
      </c>
      <c r="L14777" s="6" t="s">
        <v>51</v>
      </c>
    </row>
    <row r="14778" spans="1:12">
      <c r="A14778" s="6" t="s">
        <v>49</v>
      </c>
      <c r="B14778" s="6"/>
      <c r="C14778" s="6" t="s">
        <v>14802</v>
      </c>
      <c r="D14778" s="6"/>
      <c r="E14778" s="6" t="s">
        <v>9</v>
      </c>
      <c r="F14778" s="7">
        <v>38657</v>
      </c>
      <c r="G14778" s="8">
        <v>1</v>
      </c>
      <c r="H14778" s="8">
        <v>1</v>
      </c>
      <c r="I14778" s="8">
        <v>0</v>
      </c>
      <c r="J14778" s="8">
        <v>1</v>
      </c>
      <c r="K14778" s="9">
        <v>73</v>
      </c>
      <c r="L14778" s="6" t="s">
        <v>51</v>
      </c>
    </row>
    <row r="14779" spans="1:12">
      <c r="A14779" s="6" t="s">
        <v>49</v>
      </c>
      <c r="B14779" s="6"/>
      <c r="C14779" s="6" t="s">
        <v>14803</v>
      </c>
      <c r="D14779" s="6"/>
      <c r="E14779" s="6" t="s">
        <v>9</v>
      </c>
      <c r="F14779" s="7">
        <v>38657</v>
      </c>
      <c r="G14779" s="8">
        <v>1</v>
      </c>
      <c r="H14779" s="8">
        <v>1</v>
      </c>
      <c r="I14779" s="8">
        <v>0</v>
      </c>
      <c r="J14779" s="8">
        <v>1</v>
      </c>
      <c r="K14779" s="9">
        <v>229</v>
      </c>
      <c r="L14779" s="6" t="s">
        <v>51</v>
      </c>
    </row>
    <row r="14780" spans="1:12">
      <c r="A14780" s="6" t="s">
        <v>49</v>
      </c>
      <c r="B14780" s="6"/>
      <c r="C14780" s="6" t="s">
        <v>14804</v>
      </c>
      <c r="D14780" s="6"/>
      <c r="E14780" s="6" t="s">
        <v>9</v>
      </c>
      <c r="F14780" s="7">
        <v>38657</v>
      </c>
      <c r="G14780" s="8">
        <v>1</v>
      </c>
      <c r="H14780" s="8">
        <v>1</v>
      </c>
      <c r="I14780" s="8">
        <v>0</v>
      </c>
      <c r="J14780" s="8">
        <v>1</v>
      </c>
      <c r="K14780" s="9">
        <v>379</v>
      </c>
      <c r="L14780" s="6" t="s">
        <v>51</v>
      </c>
    </row>
    <row r="14781" spans="1:12">
      <c r="A14781" s="6" t="s">
        <v>49</v>
      </c>
      <c r="B14781" s="6"/>
      <c r="C14781" s="6" t="s">
        <v>14805</v>
      </c>
      <c r="D14781" s="6"/>
      <c r="E14781" s="6" t="s">
        <v>9</v>
      </c>
      <c r="F14781" s="7">
        <v>38657</v>
      </c>
      <c r="G14781" s="8">
        <v>1</v>
      </c>
      <c r="H14781" s="8">
        <v>1</v>
      </c>
      <c r="I14781" s="8">
        <v>0</v>
      </c>
      <c r="J14781" s="8">
        <v>1</v>
      </c>
      <c r="K14781" s="9">
        <v>552</v>
      </c>
      <c r="L14781" s="6" t="s">
        <v>51</v>
      </c>
    </row>
    <row r="14782" spans="1:12">
      <c r="A14782" s="6" t="s">
        <v>49</v>
      </c>
      <c r="B14782" s="6"/>
      <c r="C14782" s="6" t="s">
        <v>14806</v>
      </c>
      <c r="D14782" s="6"/>
      <c r="E14782" s="6" t="s">
        <v>9</v>
      </c>
      <c r="F14782" s="7">
        <v>38657</v>
      </c>
      <c r="G14782" s="8">
        <v>1</v>
      </c>
      <c r="H14782" s="8">
        <v>1</v>
      </c>
      <c r="I14782" s="8">
        <v>0</v>
      </c>
      <c r="J14782" s="8">
        <v>1</v>
      </c>
      <c r="K14782" s="9">
        <v>242</v>
      </c>
      <c r="L14782" s="6" t="s">
        <v>51</v>
      </c>
    </row>
    <row r="14783" spans="1:12">
      <c r="A14783" s="6" t="s">
        <v>49</v>
      </c>
      <c r="B14783" s="6"/>
      <c r="C14783" s="6" t="s">
        <v>14807</v>
      </c>
      <c r="D14783" s="6"/>
      <c r="E14783" s="6" t="s">
        <v>9</v>
      </c>
      <c r="F14783" s="7">
        <v>38657</v>
      </c>
      <c r="G14783" s="8">
        <v>1</v>
      </c>
      <c r="H14783" s="8">
        <v>1</v>
      </c>
      <c r="I14783" s="8">
        <v>0</v>
      </c>
      <c r="J14783" s="8">
        <v>1</v>
      </c>
      <c r="K14783" s="9">
        <v>247</v>
      </c>
      <c r="L14783" s="6" t="s">
        <v>51</v>
      </c>
    </row>
    <row r="14784" spans="1:12">
      <c r="A14784" s="6" t="s">
        <v>49</v>
      </c>
      <c r="B14784" s="6"/>
      <c r="C14784" s="6" t="s">
        <v>14808</v>
      </c>
      <c r="D14784" s="6"/>
      <c r="E14784" s="6" t="s">
        <v>9</v>
      </c>
      <c r="F14784" s="7">
        <v>38657</v>
      </c>
      <c r="G14784" s="8">
        <v>1</v>
      </c>
      <c r="H14784" s="8">
        <v>1</v>
      </c>
      <c r="I14784" s="8">
        <v>0</v>
      </c>
      <c r="J14784" s="8">
        <v>1</v>
      </c>
      <c r="K14784" s="9">
        <v>856</v>
      </c>
      <c r="L14784" s="6" t="s">
        <v>51</v>
      </c>
    </row>
    <row r="14785" spans="1:12">
      <c r="A14785" s="6" t="s">
        <v>49</v>
      </c>
      <c r="B14785" s="6"/>
      <c r="C14785" s="6" t="s">
        <v>14809</v>
      </c>
      <c r="D14785" s="6"/>
      <c r="E14785" s="6" t="s">
        <v>9</v>
      </c>
      <c r="F14785" s="7">
        <v>38657</v>
      </c>
      <c r="G14785" s="8">
        <v>1</v>
      </c>
      <c r="H14785" s="8">
        <v>1</v>
      </c>
      <c r="I14785" s="8">
        <v>0</v>
      </c>
      <c r="J14785" s="8">
        <v>1</v>
      </c>
      <c r="K14785" s="9">
        <v>716</v>
      </c>
      <c r="L14785" s="6" t="s">
        <v>51</v>
      </c>
    </row>
    <row r="14786" spans="1:12">
      <c r="A14786" s="6" t="s">
        <v>49</v>
      </c>
      <c r="B14786" s="6"/>
      <c r="C14786" s="6" t="s">
        <v>14810</v>
      </c>
      <c r="D14786" s="6"/>
      <c r="E14786" s="6" t="s">
        <v>9</v>
      </c>
      <c r="F14786" s="7">
        <v>38657</v>
      </c>
      <c r="G14786" s="8">
        <v>1</v>
      </c>
      <c r="H14786" s="8">
        <v>1</v>
      </c>
      <c r="I14786" s="8">
        <v>0</v>
      </c>
      <c r="J14786" s="8">
        <v>1</v>
      </c>
      <c r="K14786" s="9">
        <v>68</v>
      </c>
      <c r="L14786" s="6" t="s">
        <v>51</v>
      </c>
    </row>
    <row r="14787" spans="1:12">
      <c r="A14787" s="6" t="s">
        <v>49</v>
      </c>
      <c r="B14787" s="6"/>
      <c r="C14787" s="6" t="s">
        <v>14811</v>
      </c>
      <c r="D14787" s="6"/>
      <c r="E14787" s="6" t="s">
        <v>9</v>
      </c>
      <c r="F14787" s="7">
        <v>38657</v>
      </c>
      <c r="G14787" s="8">
        <v>1</v>
      </c>
      <c r="H14787" s="8">
        <v>1</v>
      </c>
      <c r="I14787" s="8">
        <v>0</v>
      </c>
      <c r="J14787" s="8">
        <v>1</v>
      </c>
      <c r="K14787" s="9">
        <v>799</v>
      </c>
      <c r="L14787" s="6" t="s">
        <v>51</v>
      </c>
    </row>
    <row r="14788" spans="1:12">
      <c r="A14788" s="6" t="s">
        <v>49</v>
      </c>
      <c r="B14788" s="6"/>
      <c r="C14788" s="6" t="s">
        <v>14812</v>
      </c>
      <c r="D14788" s="6"/>
      <c r="E14788" s="6" t="s">
        <v>9</v>
      </c>
      <c r="F14788" s="7">
        <v>38657</v>
      </c>
      <c r="G14788" s="8">
        <v>1</v>
      </c>
      <c r="H14788" s="8">
        <v>1</v>
      </c>
      <c r="I14788" s="8">
        <v>0</v>
      </c>
      <c r="J14788" s="8">
        <v>1</v>
      </c>
      <c r="K14788" s="9">
        <v>226</v>
      </c>
      <c r="L14788" s="6" t="s">
        <v>51</v>
      </c>
    </row>
    <row r="14789" spans="1:12">
      <c r="A14789" s="6" t="s">
        <v>49</v>
      </c>
      <c r="B14789" s="6"/>
      <c r="C14789" s="6" t="s">
        <v>14813</v>
      </c>
      <c r="D14789" s="6"/>
      <c r="E14789" s="6" t="s">
        <v>9</v>
      </c>
      <c r="F14789" s="7">
        <v>38657</v>
      </c>
      <c r="G14789" s="8">
        <v>1</v>
      </c>
      <c r="H14789" s="8">
        <v>1</v>
      </c>
      <c r="I14789" s="8">
        <v>0</v>
      </c>
      <c r="J14789" s="8">
        <v>1</v>
      </c>
      <c r="K14789" s="9">
        <v>800</v>
      </c>
      <c r="L14789" s="6" t="s">
        <v>51</v>
      </c>
    </row>
    <row r="14790" spans="1:12">
      <c r="A14790" s="6" t="s">
        <v>49</v>
      </c>
      <c r="B14790" s="6"/>
      <c r="C14790" s="6" t="s">
        <v>14814</v>
      </c>
      <c r="D14790" s="6"/>
      <c r="E14790" s="6" t="s">
        <v>9</v>
      </c>
      <c r="F14790" s="7">
        <v>38657</v>
      </c>
      <c r="G14790" s="8">
        <v>1</v>
      </c>
      <c r="H14790" s="8">
        <v>1</v>
      </c>
      <c r="I14790" s="8">
        <v>0</v>
      </c>
      <c r="J14790" s="8">
        <v>1</v>
      </c>
      <c r="K14790" s="9">
        <v>13</v>
      </c>
      <c r="L14790" s="6" t="s">
        <v>51</v>
      </c>
    </row>
    <row r="14791" spans="1:12">
      <c r="A14791" s="6" t="s">
        <v>49</v>
      </c>
      <c r="B14791" s="6"/>
      <c r="C14791" s="6" t="s">
        <v>14815</v>
      </c>
      <c r="D14791" s="6"/>
      <c r="E14791" s="6" t="s">
        <v>9</v>
      </c>
      <c r="F14791" s="7">
        <v>38657</v>
      </c>
      <c r="G14791" s="8">
        <v>1</v>
      </c>
      <c r="H14791" s="8">
        <v>1</v>
      </c>
      <c r="I14791" s="8">
        <v>0</v>
      </c>
      <c r="J14791" s="8">
        <v>1</v>
      </c>
      <c r="K14791" s="9">
        <v>65</v>
      </c>
      <c r="L14791" s="6" t="s">
        <v>51</v>
      </c>
    </row>
    <row r="14792" spans="1:12">
      <c r="A14792" s="6" t="s">
        <v>49</v>
      </c>
      <c r="B14792" s="6"/>
      <c r="C14792" s="6" t="s">
        <v>14816</v>
      </c>
      <c r="D14792" s="6"/>
      <c r="E14792" s="6" t="s">
        <v>9</v>
      </c>
      <c r="F14792" s="7">
        <v>38657</v>
      </c>
      <c r="G14792" s="8">
        <v>1</v>
      </c>
      <c r="H14792" s="8">
        <v>1</v>
      </c>
      <c r="I14792" s="8">
        <v>0</v>
      </c>
      <c r="J14792" s="8">
        <v>1</v>
      </c>
      <c r="K14792" s="9">
        <v>850</v>
      </c>
      <c r="L14792" s="6" t="s">
        <v>51</v>
      </c>
    </row>
    <row r="14793" spans="1:12">
      <c r="A14793" s="6" t="s">
        <v>49</v>
      </c>
      <c r="B14793" s="6"/>
      <c r="C14793" s="6" t="s">
        <v>14817</v>
      </c>
      <c r="D14793" s="6"/>
      <c r="E14793" s="6" t="s">
        <v>9</v>
      </c>
      <c r="F14793" s="7">
        <v>38657</v>
      </c>
      <c r="G14793" s="8">
        <v>1</v>
      </c>
      <c r="H14793" s="8">
        <v>1</v>
      </c>
      <c r="I14793" s="8">
        <v>0</v>
      </c>
      <c r="J14793" s="8">
        <v>1</v>
      </c>
      <c r="K14793" s="9">
        <v>281</v>
      </c>
      <c r="L14793" s="6" t="s">
        <v>51</v>
      </c>
    </row>
    <row r="14794" spans="1:12">
      <c r="A14794" s="6" t="s">
        <v>49</v>
      </c>
      <c r="B14794" s="6"/>
      <c r="C14794" s="6" t="s">
        <v>14818</v>
      </c>
      <c r="D14794" s="6"/>
      <c r="E14794" s="6" t="s">
        <v>9</v>
      </c>
      <c r="F14794" s="7">
        <v>41778</v>
      </c>
      <c r="G14794" s="8">
        <v>1</v>
      </c>
      <c r="H14794" s="8">
        <v>1</v>
      </c>
      <c r="I14794" s="8">
        <v>0</v>
      </c>
      <c r="J14794" s="8">
        <v>1</v>
      </c>
      <c r="K14794" s="9">
        <v>1578</v>
      </c>
      <c r="L14794" s="6" t="s">
        <v>51</v>
      </c>
    </row>
    <row r="14795" spans="1:12">
      <c r="A14795" s="6" t="s">
        <v>49</v>
      </c>
      <c r="B14795" s="6"/>
      <c r="C14795" s="6" t="s">
        <v>14819</v>
      </c>
      <c r="D14795" s="6"/>
      <c r="E14795" s="6" t="s">
        <v>9</v>
      </c>
      <c r="F14795" s="7">
        <v>38657</v>
      </c>
      <c r="G14795" s="8">
        <v>1</v>
      </c>
      <c r="H14795" s="8">
        <v>1</v>
      </c>
      <c r="I14795" s="8">
        <v>0</v>
      </c>
      <c r="J14795" s="8">
        <v>1</v>
      </c>
      <c r="K14795" s="9">
        <v>1899</v>
      </c>
      <c r="L14795" s="6" t="s">
        <v>51</v>
      </c>
    </row>
    <row r="14796" spans="1:12">
      <c r="A14796" s="6" t="s">
        <v>49</v>
      </c>
      <c r="B14796" s="6"/>
      <c r="C14796" s="6" t="s">
        <v>14820</v>
      </c>
      <c r="D14796" s="6"/>
      <c r="E14796" s="6" t="s">
        <v>9</v>
      </c>
      <c r="F14796" s="7">
        <v>38657</v>
      </c>
      <c r="G14796" s="8">
        <v>1</v>
      </c>
      <c r="H14796" s="8">
        <v>1</v>
      </c>
      <c r="I14796" s="8">
        <v>0</v>
      </c>
      <c r="J14796" s="8">
        <v>1</v>
      </c>
      <c r="K14796" s="9">
        <v>553</v>
      </c>
      <c r="L14796" s="6" t="s">
        <v>51</v>
      </c>
    </row>
    <row r="14797" spans="1:12">
      <c r="A14797" s="6" t="s">
        <v>49</v>
      </c>
      <c r="B14797" s="6"/>
      <c r="C14797" s="6" t="s">
        <v>14821</v>
      </c>
      <c r="D14797" s="6"/>
      <c r="E14797" s="6" t="s">
        <v>9</v>
      </c>
      <c r="F14797" s="7">
        <v>38657</v>
      </c>
      <c r="G14797" s="8">
        <v>1</v>
      </c>
      <c r="H14797" s="8">
        <v>1</v>
      </c>
      <c r="I14797" s="8">
        <v>0</v>
      </c>
      <c r="J14797" s="8">
        <v>1</v>
      </c>
      <c r="K14797" s="9">
        <v>775</v>
      </c>
      <c r="L14797" s="6" t="s">
        <v>51</v>
      </c>
    </row>
    <row r="14798" spans="1:12">
      <c r="A14798" s="6" t="s">
        <v>49</v>
      </c>
      <c r="B14798" s="6"/>
      <c r="C14798" s="6" t="s">
        <v>14822</v>
      </c>
      <c r="D14798" s="6"/>
      <c r="E14798" s="6" t="s">
        <v>9</v>
      </c>
      <c r="F14798" s="7">
        <v>38657</v>
      </c>
      <c r="G14798" s="8">
        <v>1</v>
      </c>
      <c r="H14798" s="8">
        <v>1</v>
      </c>
      <c r="I14798" s="8">
        <v>0</v>
      </c>
      <c r="J14798" s="8">
        <v>1</v>
      </c>
      <c r="K14798" s="9">
        <v>77</v>
      </c>
      <c r="L14798" s="6" t="s">
        <v>51</v>
      </c>
    </row>
    <row r="14799" spans="1:12">
      <c r="A14799" s="6" t="s">
        <v>49</v>
      </c>
      <c r="B14799" s="6"/>
      <c r="C14799" s="6" t="s">
        <v>14823</v>
      </c>
      <c r="D14799" s="6"/>
      <c r="E14799" s="6" t="s">
        <v>9</v>
      </c>
      <c r="F14799" s="7">
        <v>38657</v>
      </c>
      <c r="G14799" s="8">
        <v>1</v>
      </c>
      <c r="H14799" s="8">
        <v>1</v>
      </c>
      <c r="I14799" s="8">
        <v>0</v>
      </c>
      <c r="J14799" s="8">
        <v>1</v>
      </c>
      <c r="K14799" s="9">
        <v>73</v>
      </c>
      <c r="L14799" s="6" t="s">
        <v>51</v>
      </c>
    </row>
    <row r="14800" spans="1:12">
      <c r="A14800" s="6" t="s">
        <v>49</v>
      </c>
      <c r="B14800" s="6"/>
      <c r="C14800" s="6" t="s">
        <v>14824</v>
      </c>
      <c r="D14800" s="6"/>
      <c r="E14800" s="6" t="s">
        <v>9</v>
      </c>
      <c r="F14800" s="7">
        <v>38657</v>
      </c>
      <c r="G14800" s="8">
        <v>1</v>
      </c>
      <c r="H14800" s="8">
        <v>1</v>
      </c>
      <c r="I14800" s="8">
        <v>0</v>
      </c>
      <c r="J14800" s="8">
        <v>1</v>
      </c>
      <c r="K14800" s="9">
        <v>548</v>
      </c>
      <c r="L14800" s="6" t="s">
        <v>51</v>
      </c>
    </row>
    <row r="14801" spans="1:12">
      <c r="A14801" s="6" t="s">
        <v>49</v>
      </c>
      <c r="B14801" s="6"/>
      <c r="C14801" s="6" t="s">
        <v>14825</v>
      </c>
      <c r="D14801" s="6"/>
      <c r="E14801" s="6" t="s">
        <v>9</v>
      </c>
      <c r="F14801" s="7">
        <v>38657</v>
      </c>
      <c r="G14801" s="8">
        <v>1</v>
      </c>
      <c r="H14801" s="8">
        <v>1</v>
      </c>
      <c r="I14801" s="8">
        <v>0</v>
      </c>
      <c r="J14801" s="8">
        <v>1</v>
      </c>
      <c r="K14801" s="9">
        <v>14.61</v>
      </c>
      <c r="L14801" s="6" t="s">
        <v>51</v>
      </c>
    </row>
    <row r="14802" spans="1:12">
      <c r="A14802" s="6" t="s">
        <v>49</v>
      </c>
      <c r="B14802" s="6"/>
      <c r="C14802" s="6" t="s">
        <v>14826</v>
      </c>
      <c r="D14802" s="6"/>
      <c r="E14802" s="6" t="s">
        <v>9</v>
      </c>
      <c r="F14802" s="7">
        <v>38657</v>
      </c>
      <c r="G14802" s="8">
        <v>1</v>
      </c>
      <c r="H14802" s="8">
        <v>1</v>
      </c>
      <c r="I14802" s="8">
        <v>0</v>
      </c>
      <c r="J14802" s="8">
        <v>1</v>
      </c>
      <c r="K14802" s="9">
        <v>116</v>
      </c>
      <c r="L14802" s="6" t="s">
        <v>51</v>
      </c>
    </row>
    <row r="14803" spans="1:12">
      <c r="A14803" s="6" t="s">
        <v>49</v>
      </c>
      <c r="B14803" s="6"/>
      <c r="C14803" s="6" t="s">
        <v>14827</v>
      </c>
      <c r="D14803" s="6"/>
      <c r="E14803" s="6" t="s">
        <v>9</v>
      </c>
      <c r="F14803" s="7">
        <v>38657</v>
      </c>
      <c r="G14803" s="8">
        <v>1</v>
      </c>
      <c r="H14803" s="8">
        <v>1</v>
      </c>
      <c r="I14803" s="8">
        <v>0</v>
      </c>
      <c r="J14803" s="8">
        <v>1</v>
      </c>
      <c r="K14803" s="9">
        <v>2559</v>
      </c>
      <c r="L14803" s="6" t="s">
        <v>51</v>
      </c>
    </row>
    <row r="14804" spans="1:12">
      <c r="A14804" s="6" t="s">
        <v>49</v>
      </c>
      <c r="B14804" s="6"/>
      <c r="C14804" s="6" t="s">
        <v>14828</v>
      </c>
      <c r="D14804" s="6"/>
      <c r="E14804" s="6" t="s">
        <v>9</v>
      </c>
      <c r="F14804" s="7">
        <v>38657</v>
      </c>
      <c r="G14804" s="8">
        <v>1</v>
      </c>
      <c r="H14804" s="8">
        <v>1</v>
      </c>
      <c r="I14804" s="8">
        <v>0</v>
      </c>
      <c r="J14804" s="8">
        <v>1</v>
      </c>
      <c r="K14804" s="9">
        <v>9708</v>
      </c>
      <c r="L14804" s="6" t="s">
        <v>51</v>
      </c>
    </row>
    <row r="14805" spans="1:12">
      <c r="A14805" s="6" t="s">
        <v>49</v>
      </c>
      <c r="B14805" s="6"/>
      <c r="C14805" s="6" t="s">
        <v>14829</v>
      </c>
      <c r="D14805" s="6"/>
      <c r="E14805" s="6" t="s">
        <v>9</v>
      </c>
      <c r="F14805" s="7">
        <v>42324</v>
      </c>
      <c r="G14805" s="8">
        <v>1256375</v>
      </c>
      <c r="H14805" s="8">
        <v>1256375</v>
      </c>
      <c r="I14805" s="8">
        <v>0</v>
      </c>
      <c r="J14805" s="8">
        <v>1256375</v>
      </c>
      <c r="K14805" s="9">
        <v>28.75</v>
      </c>
      <c r="L14805" s="6" t="s">
        <v>10</v>
      </c>
    </row>
    <row r="14806" spans="1:12">
      <c r="A14806" s="6" t="s">
        <v>49</v>
      </c>
      <c r="B14806" s="6"/>
      <c r="C14806" s="6" t="s">
        <v>14830</v>
      </c>
      <c r="D14806" s="6"/>
      <c r="E14806" s="6" t="s">
        <v>9</v>
      </c>
      <c r="F14806" s="7">
        <v>38657</v>
      </c>
      <c r="G14806" s="8">
        <v>1</v>
      </c>
      <c r="H14806" s="8">
        <v>1</v>
      </c>
      <c r="I14806" s="8">
        <v>0</v>
      </c>
      <c r="J14806" s="8">
        <v>1</v>
      </c>
      <c r="K14806" s="9">
        <v>237</v>
      </c>
      <c r="L14806" s="6" t="s">
        <v>51</v>
      </c>
    </row>
    <row r="14807" spans="1:12">
      <c r="A14807" s="6" t="s">
        <v>49</v>
      </c>
      <c r="B14807" s="6"/>
      <c r="C14807" s="6" t="s">
        <v>14831</v>
      </c>
      <c r="D14807" s="6"/>
      <c r="E14807" s="6" t="s">
        <v>9</v>
      </c>
      <c r="F14807" s="7">
        <v>38657</v>
      </c>
      <c r="G14807" s="8">
        <v>1</v>
      </c>
      <c r="H14807" s="8">
        <v>1</v>
      </c>
      <c r="I14807" s="8">
        <v>0</v>
      </c>
      <c r="J14807" s="8">
        <v>1</v>
      </c>
      <c r="K14807" s="9">
        <v>2182</v>
      </c>
      <c r="L14807" s="6" t="s">
        <v>51</v>
      </c>
    </row>
    <row r="14808" spans="1:12">
      <c r="A14808" s="6" t="s">
        <v>49</v>
      </c>
      <c r="B14808" s="6"/>
      <c r="C14808" s="6" t="s">
        <v>14832</v>
      </c>
      <c r="D14808" s="6"/>
      <c r="E14808" s="6" t="s">
        <v>9</v>
      </c>
      <c r="F14808" s="7">
        <v>38657</v>
      </c>
      <c r="G14808" s="8">
        <v>1</v>
      </c>
      <c r="H14808" s="8">
        <v>1</v>
      </c>
      <c r="I14808" s="8">
        <v>0</v>
      </c>
      <c r="J14808" s="8">
        <v>1</v>
      </c>
      <c r="K14808" s="9">
        <v>405</v>
      </c>
      <c r="L14808" s="6" t="s">
        <v>51</v>
      </c>
    </row>
    <row r="14809" spans="1:12">
      <c r="A14809" s="6" t="s">
        <v>49</v>
      </c>
      <c r="B14809" s="6"/>
      <c r="C14809" s="6" t="s">
        <v>14833</v>
      </c>
      <c r="D14809" s="6"/>
      <c r="E14809" s="6" t="s">
        <v>9</v>
      </c>
      <c r="F14809" s="7">
        <v>38657</v>
      </c>
      <c r="G14809" s="8">
        <v>1</v>
      </c>
      <c r="H14809" s="8">
        <v>1</v>
      </c>
      <c r="I14809" s="8">
        <v>0</v>
      </c>
      <c r="J14809" s="8">
        <v>1</v>
      </c>
      <c r="K14809" s="9">
        <v>475</v>
      </c>
      <c r="L14809" s="6" t="s">
        <v>51</v>
      </c>
    </row>
    <row r="14810" spans="1:12">
      <c r="A14810" s="6" t="s">
        <v>49</v>
      </c>
      <c r="B14810" s="6"/>
      <c r="C14810" s="6" t="s">
        <v>14834</v>
      </c>
      <c r="D14810" s="6"/>
      <c r="E14810" s="6" t="s">
        <v>9</v>
      </c>
      <c r="F14810" s="7">
        <v>38657</v>
      </c>
      <c r="G14810" s="8">
        <v>1</v>
      </c>
      <c r="H14810" s="8">
        <v>1</v>
      </c>
      <c r="I14810" s="8">
        <v>0</v>
      </c>
      <c r="J14810" s="8">
        <v>1</v>
      </c>
      <c r="K14810" s="9">
        <v>37</v>
      </c>
      <c r="L14810" s="6" t="s">
        <v>51</v>
      </c>
    </row>
    <row r="14811" spans="1:12">
      <c r="A14811" s="6" t="s">
        <v>49</v>
      </c>
      <c r="B14811" s="6"/>
      <c r="C14811" s="6" t="s">
        <v>14835</v>
      </c>
      <c r="D14811" s="6"/>
      <c r="E14811" s="6" t="s">
        <v>9</v>
      </c>
      <c r="F14811" s="7">
        <v>38657</v>
      </c>
      <c r="G14811" s="8">
        <v>1</v>
      </c>
      <c r="H14811" s="8">
        <v>1</v>
      </c>
      <c r="I14811" s="8">
        <v>0</v>
      </c>
      <c r="J14811" s="8">
        <v>1</v>
      </c>
      <c r="K14811" s="9">
        <v>2336</v>
      </c>
      <c r="L14811" s="6" t="s">
        <v>51</v>
      </c>
    </row>
    <row r="14812" spans="1:12">
      <c r="A14812" s="6" t="s">
        <v>49</v>
      </c>
      <c r="B14812" s="6"/>
      <c r="C14812" s="6" t="s">
        <v>14836</v>
      </c>
      <c r="D14812" s="6"/>
      <c r="E14812" s="6" t="s">
        <v>9</v>
      </c>
      <c r="F14812" s="7">
        <v>38657</v>
      </c>
      <c r="G14812" s="8">
        <v>1</v>
      </c>
      <c r="H14812" s="8">
        <v>1</v>
      </c>
      <c r="I14812" s="8">
        <v>0</v>
      </c>
      <c r="J14812" s="8">
        <v>1</v>
      </c>
      <c r="K14812" s="9">
        <v>208</v>
      </c>
      <c r="L14812" s="6" t="s">
        <v>51</v>
      </c>
    </row>
    <row r="14813" spans="1:12">
      <c r="A14813" s="6" t="s">
        <v>49</v>
      </c>
      <c r="B14813" s="6"/>
      <c r="C14813" s="6" t="s">
        <v>14837</v>
      </c>
      <c r="D14813" s="6"/>
      <c r="E14813" s="6" t="s">
        <v>9</v>
      </c>
      <c r="F14813" s="7">
        <v>38657</v>
      </c>
      <c r="G14813" s="8">
        <v>1</v>
      </c>
      <c r="H14813" s="8">
        <v>1</v>
      </c>
      <c r="I14813" s="8">
        <v>0</v>
      </c>
      <c r="J14813" s="8">
        <v>1</v>
      </c>
      <c r="K14813" s="9">
        <v>109</v>
      </c>
      <c r="L14813" s="6" t="s">
        <v>51</v>
      </c>
    </row>
    <row r="14814" spans="1:12">
      <c r="A14814" s="6" t="s">
        <v>49</v>
      </c>
      <c r="B14814" s="6"/>
      <c r="C14814" s="6" t="s">
        <v>14838</v>
      </c>
      <c r="D14814" s="6"/>
      <c r="E14814" s="6" t="s">
        <v>9</v>
      </c>
      <c r="F14814" s="7">
        <v>38657</v>
      </c>
      <c r="G14814" s="8">
        <v>1</v>
      </c>
      <c r="H14814" s="8">
        <v>1</v>
      </c>
      <c r="I14814" s="8">
        <v>0</v>
      </c>
      <c r="J14814" s="8">
        <v>1</v>
      </c>
      <c r="K14814" s="9">
        <v>101</v>
      </c>
      <c r="L14814" s="6" t="s">
        <v>51</v>
      </c>
    </row>
    <row r="14815" spans="1:12">
      <c r="A14815" s="6" t="s">
        <v>49</v>
      </c>
      <c r="B14815" s="6"/>
      <c r="C14815" s="6" t="s">
        <v>14839</v>
      </c>
      <c r="D14815" s="6"/>
      <c r="E14815" s="6" t="s">
        <v>9</v>
      </c>
      <c r="F14815" s="7">
        <v>38657</v>
      </c>
      <c r="G14815" s="8">
        <v>1</v>
      </c>
      <c r="H14815" s="8">
        <v>1</v>
      </c>
      <c r="I14815" s="8">
        <v>0</v>
      </c>
      <c r="J14815" s="8">
        <v>1</v>
      </c>
      <c r="K14815" s="9">
        <v>30</v>
      </c>
      <c r="L14815" s="6" t="s">
        <v>51</v>
      </c>
    </row>
    <row r="14816" spans="1:12">
      <c r="A14816" s="6" t="s">
        <v>49</v>
      </c>
      <c r="B14816" s="6"/>
      <c r="C14816" s="6" t="s">
        <v>14840</v>
      </c>
      <c r="D14816" s="6"/>
      <c r="E14816" s="6" t="s">
        <v>9</v>
      </c>
      <c r="F14816" s="7">
        <v>38657</v>
      </c>
      <c r="G14816" s="8">
        <v>1</v>
      </c>
      <c r="H14816" s="8">
        <v>1</v>
      </c>
      <c r="I14816" s="8">
        <v>0</v>
      </c>
      <c r="J14816" s="8">
        <v>1</v>
      </c>
      <c r="K14816" s="9">
        <v>1445</v>
      </c>
      <c r="L14816" s="6" t="s">
        <v>51</v>
      </c>
    </row>
    <row r="14817" spans="1:12">
      <c r="A14817" s="6" t="s">
        <v>49</v>
      </c>
      <c r="B14817" s="6"/>
      <c r="C14817" s="6" t="s">
        <v>14841</v>
      </c>
      <c r="D14817" s="6"/>
      <c r="E14817" s="6" t="s">
        <v>9</v>
      </c>
      <c r="F14817" s="7">
        <v>38657</v>
      </c>
      <c r="G14817" s="8">
        <v>1</v>
      </c>
      <c r="H14817" s="8">
        <v>1</v>
      </c>
      <c r="I14817" s="8">
        <v>0</v>
      </c>
      <c r="J14817" s="8">
        <v>1</v>
      </c>
      <c r="K14817" s="9">
        <v>708</v>
      </c>
      <c r="L14817" s="6" t="s">
        <v>51</v>
      </c>
    </row>
    <row r="14818" spans="1:12">
      <c r="A14818" s="6" t="s">
        <v>49</v>
      </c>
      <c r="B14818" s="6"/>
      <c r="C14818" s="6" t="s">
        <v>14842</v>
      </c>
      <c r="D14818" s="6"/>
      <c r="E14818" s="6" t="s">
        <v>9</v>
      </c>
      <c r="F14818" s="7">
        <v>38657</v>
      </c>
      <c r="G14818" s="8">
        <v>1</v>
      </c>
      <c r="H14818" s="8">
        <v>1</v>
      </c>
      <c r="I14818" s="8">
        <v>0</v>
      </c>
      <c r="J14818" s="8">
        <v>1</v>
      </c>
      <c r="K14818" s="9">
        <v>1567</v>
      </c>
      <c r="L14818" s="6" t="s">
        <v>51</v>
      </c>
    </row>
    <row r="14819" spans="1:12">
      <c r="A14819" s="6" t="s">
        <v>49</v>
      </c>
      <c r="B14819" s="6"/>
      <c r="C14819" s="6" t="s">
        <v>14843</v>
      </c>
      <c r="D14819" s="6"/>
      <c r="E14819" s="6" t="s">
        <v>9</v>
      </c>
      <c r="F14819" s="7">
        <v>38657</v>
      </c>
      <c r="G14819" s="8">
        <v>1</v>
      </c>
      <c r="H14819" s="8">
        <v>1</v>
      </c>
      <c r="I14819" s="8">
        <v>0</v>
      </c>
      <c r="J14819" s="8">
        <v>1</v>
      </c>
      <c r="K14819" s="9">
        <v>438</v>
      </c>
      <c r="L14819" s="6" t="s">
        <v>51</v>
      </c>
    </row>
    <row r="14820" spans="1:12">
      <c r="A14820" s="6" t="s">
        <v>49</v>
      </c>
      <c r="B14820" s="6"/>
      <c r="C14820" s="6" t="s">
        <v>14844</v>
      </c>
      <c r="D14820" s="6"/>
      <c r="E14820" s="6" t="s">
        <v>9</v>
      </c>
      <c r="F14820" s="7">
        <v>38657</v>
      </c>
      <c r="G14820" s="8">
        <v>1</v>
      </c>
      <c r="H14820" s="8">
        <v>1</v>
      </c>
      <c r="I14820" s="8">
        <v>0</v>
      </c>
      <c r="J14820" s="8">
        <v>1</v>
      </c>
      <c r="K14820" s="9">
        <v>383</v>
      </c>
      <c r="L14820" s="6" t="s">
        <v>51</v>
      </c>
    </row>
    <row r="14821" spans="1:12">
      <c r="A14821" s="6" t="s">
        <v>49</v>
      </c>
      <c r="B14821" s="6"/>
      <c r="C14821" s="6" t="s">
        <v>14845</v>
      </c>
      <c r="D14821" s="6"/>
      <c r="E14821" s="6" t="s">
        <v>9</v>
      </c>
      <c r="F14821" s="7">
        <v>38657</v>
      </c>
      <c r="G14821" s="8">
        <v>1</v>
      </c>
      <c r="H14821" s="8">
        <v>1</v>
      </c>
      <c r="I14821" s="8">
        <v>0</v>
      </c>
      <c r="J14821" s="8">
        <v>1</v>
      </c>
      <c r="K14821" s="9">
        <v>528</v>
      </c>
      <c r="L14821" s="6" t="s">
        <v>51</v>
      </c>
    </row>
    <row r="14822" spans="1:12">
      <c r="A14822" s="6" t="s">
        <v>49</v>
      </c>
      <c r="B14822" s="6"/>
      <c r="C14822" s="6" t="s">
        <v>14846</v>
      </c>
      <c r="D14822" s="6"/>
      <c r="E14822" s="6" t="s">
        <v>9</v>
      </c>
      <c r="F14822" s="7">
        <v>38657</v>
      </c>
      <c r="G14822" s="8">
        <v>1</v>
      </c>
      <c r="H14822" s="8">
        <v>1</v>
      </c>
      <c r="I14822" s="8">
        <v>0</v>
      </c>
      <c r="J14822" s="8">
        <v>1</v>
      </c>
      <c r="K14822" s="9">
        <v>125</v>
      </c>
      <c r="L14822" s="6" t="s">
        <v>51</v>
      </c>
    </row>
    <row r="14823" spans="1:12">
      <c r="A14823" s="6" t="s">
        <v>49</v>
      </c>
      <c r="B14823" s="6"/>
      <c r="C14823" s="6" t="s">
        <v>14847</v>
      </c>
      <c r="D14823" s="6"/>
      <c r="E14823" s="6" t="s">
        <v>9</v>
      </c>
      <c r="F14823" s="7">
        <v>38657</v>
      </c>
      <c r="G14823" s="8">
        <v>1</v>
      </c>
      <c r="H14823" s="8">
        <v>1</v>
      </c>
      <c r="I14823" s="8">
        <v>0</v>
      </c>
      <c r="J14823" s="8">
        <v>1</v>
      </c>
      <c r="K14823" s="9">
        <v>1481</v>
      </c>
      <c r="L14823" s="6" t="s">
        <v>51</v>
      </c>
    </row>
    <row r="14824" spans="1:12">
      <c r="A14824" s="6" t="s">
        <v>49</v>
      </c>
      <c r="B14824" s="6"/>
      <c r="C14824" s="6" t="s">
        <v>14848</v>
      </c>
      <c r="D14824" s="6"/>
      <c r="E14824" s="6" t="s">
        <v>9</v>
      </c>
      <c r="F14824" s="7">
        <v>38657</v>
      </c>
      <c r="G14824" s="8">
        <v>1</v>
      </c>
      <c r="H14824" s="8">
        <v>1</v>
      </c>
      <c r="I14824" s="8">
        <v>0</v>
      </c>
      <c r="J14824" s="8">
        <v>1</v>
      </c>
      <c r="K14824" s="9">
        <v>86.63</v>
      </c>
      <c r="L14824" s="6" t="s">
        <v>51</v>
      </c>
    </row>
    <row r="14825" spans="1:12">
      <c r="A14825" s="6" t="s">
        <v>49</v>
      </c>
      <c r="B14825" s="6"/>
      <c r="C14825" s="6" t="s">
        <v>14849</v>
      </c>
      <c r="D14825" s="6"/>
      <c r="E14825" s="6" t="s">
        <v>9</v>
      </c>
      <c r="F14825" s="7">
        <v>38657</v>
      </c>
      <c r="G14825" s="8">
        <v>1</v>
      </c>
      <c r="H14825" s="8">
        <v>1</v>
      </c>
      <c r="I14825" s="8">
        <v>0</v>
      </c>
      <c r="J14825" s="8">
        <v>1</v>
      </c>
      <c r="K14825" s="9">
        <v>475</v>
      </c>
      <c r="L14825" s="6" t="s">
        <v>51</v>
      </c>
    </row>
    <row r="14826" spans="1:12">
      <c r="A14826" s="6" t="s">
        <v>49</v>
      </c>
      <c r="B14826" s="6"/>
      <c r="C14826" s="6" t="s">
        <v>14850</v>
      </c>
      <c r="D14826" s="6"/>
      <c r="E14826" s="6" t="s">
        <v>9</v>
      </c>
      <c r="F14826" s="7">
        <v>38657</v>
      </c>
      <c r="G14826" s="8">
        <v>1</v>
      </c>
      <c r="H14826" s="8">
        <v>1</v>
      </c>
      <c r="I14826" s="8">
        <v>0</v>
      </c>
      <c r="J14826" s="8">
        <v>1</v>
      </c>
      <c r="K14826" s="9">
        <v>605</v>
      </c>
      <c r="L14826" s="6" t="s">
        <v>51</v>
      </c>
    </row>
    <row r="14827" spans="1:12">
      <c r="A14827" s="6" t="s">
        <v>49</v>
      </c>
      <c r="B14827" s="6"/>
      <c r="C14827" s="6" t="s">
        <v>14851</v>
      </c>
      <c r="D14827" s="6"/>
      <c r="E14827" s="6" t="s">
        <v>9</v>
      </c>
      <c r="F14827" s="7">
        <v>38657</v>
      </c>
      <c r="G14827" s="8">
        <v>1</v>
      </c>
      <c r="H14827" s="8">
        <v>1</v>
      </c>
      <c r="I14827" s="8">
        <v>0</v>
      </c>
      <c r="J14827" s="8">
        <v>1</v>
      </c>
      <c r="K14827" s="9">
        <v>328</v>
      </c>
      <c r="L14827" s="6" t="s">
        <v>51</v>
      </c>
    </row>
    <row r="14828" spans="1:12">
      <c r="A14828" s="6" t="s">
        <v>49</v>
      </c>
      <c r="B14828" s="6"/>
      <c r="C14828" s="6" t="s">
        <v>14852</v>
      </c>
      <c r="D14828" s="6"/>
      <c r="E14828" s="6" t="s">
        <v>9</v>
      </c>
      <c r="F14828" s="7">
        <v>38657</v>
      </c>
      <c r="G14828" s="8">
        <v>1</v>
      </c>
      <c r="H14828" s="8">
        <v>1</v>
      </c>
      <c r="I14828" s="8">
        <v>0</v>
      </c>
      <c r="J14828" s="8">
        <v>1</v>
      </c>
      <c r="K14828" s="9">
        <v>372</v>
      </c>
      <c r="L14828" s="6" t="s">
        <v>51</v>
      </c>
    </row>
    <row r="14829" spans="1:12">
      <c r="A14829" s="6" t="s">
        <v>49</v>
      </c>
      <c r="B14829" s="6"/>
      <c r="C14829" s="6" t="s">
        <v>14853</v>
      </c>
      <c r="D14829" s="6"/>
      <c r="E14829" s="6" t="s">
        <v>9</v>
      </c>
      <c r="F14829" s="7">
        <v>38657</v>
      </c>
      <c r="G14829" s="8">
        <v>1</v>
      </c>
      <c r="H14829" s="8">
        <v>1</v>
      </c>
      <c r="I14829" s="8">
        <v>0</v>
      </c>
      <c r="J14829" s="8">
        <v>1</v>
      </c>
      <c r="K14829" s="9">
        <v>505</v>
      </c>
      <c r="L14829" s="6" t="s">
        <v>51</v>
      </c>
    </row>
    <row r="14830" spans="1:12">
      <c r="A14830" s="6" t="s">
        <v>49</v>
      </c>
      <c r="B14830" s="6"/>
      <c r="C14830" s="6" t="s">
        <v>14854</v>
      </c>
      <c r="D14830" s="6"/>
      <c r="E14830" s="6" t="s">
        <v>9</v>
      </c>
      <c r="F14830" s="7">
        <v>38657</v>
      </c>
      <c r="G14830" s="8">
        <v>1</v>
      </c>
      <c r="H14830" s="8">
        <v>1</v>
      </c>
      <c r="I14830" s="8">
        <v>0</v>
      </c>
      <c r="J14830" s="8">
        <v>1</v>
      </c>
      <c r="K14830" s="9">
        <v>1374</v>
      </c>
      <c r="L14830" s="6" t="s">
        <v>51</v>
      </c>
    </row>
    <row r="14831" spans="1:12">
      <c r="A14831" s="6" t="s">
        <v>49</v>
      </c>
      <c r="B14831" s="6"/>
      <c r="C14831" s="6" t="s">
        <v>14855</v>
      </c>
      <c r="D14831" s="6"/>
      <c r="E14831" s="6" t="s">
        <v>9</v>
      </c>
      <c r="F14831" s="7">
        <v>38657</v>
      </c>
      <c r="G14831" s="8">
        <v>1</v>
      </c>
      <c r="H14831" s="8">
        <v>1</v>
      </c>
      <c r="I14831" s="8">
        <v>0</v>
      </c>
      <c r="J14831" s="8">
        <v>1</v>
      </c>
      <c r="K14831" s="9">
        <v>1979</v>
      </c>
      <c r="L14831" s="6" t="s">
        <v>51</v>
      </c>
    </row>
    <row r="14832" spans="1:12">
      <c r="A14832" s="6" t="s">
        <v>49</v>
      </c>
      <c r="B14832" s="6"/>
      <c r="C14832" s="6" t="s">
        <v>14856</v>
      </c>
      <c r="D14832" s="6"/>
      <c r="E14832" s="6" t="s">
        <v>9</v>
      </c>
      <c r="F14832" s="7">
        <v>38657</v>
      </c>
      <c r="G14832" s="8">
        <v>1</v>
      </c>
      <c r="H14832" s="8">
        <v>1</v>
      </c>
      <c r="I14832" s="8">
        <v>0</v>
      </c>
      <c r="J14832" s="8">
        <v>1</v>
      </c>
      <c r="K14832" s="9">
        <v>508</v>
      </c>
      <c r="L14832" s="6" t="s">
        <v>51</v>
      </c>
    </row>
    <row r="14833" spans="1:12">
      <c r="A14833" s="6" t="s">
        <v>49</v>
      </c>
      <c r="B14833" s="6"/>
      <c r="C14833" s="6" t="s">
        <v>14857</v>
      </c>
      <c r="D14833" s="6"/>
      <c r="E14833" s="6" t="s">
        <v>9</v>
      </c>
      <c r="F14833" s="7">
        <v>38657</v>
      </c>
      <c r="G14833" s="8">
        <v>1</v>
      </c>
      <c r="H14833" s="8">
        <v>1</v>
      </c>
      <c r="I14833" s="8">
        <v>0</v>
      </c>
      <c r="J14833" s="8">
        <v>1</v>
      </c>
      <c r="K14833" s="9">
        <v>329</v>
      </c>
      <c r="L14833" s="6" t="s">
        <v>51</v>
      </c>
    </row>
    <row r="14834" spans="1:12">
      <c r="A14834" s="6" t="s">
        <v>49</v>
      </c>
      <c r="B14834" s="6"/>
      <c r="C14834" s="6" t="s">
        <v>14858</v>
      </c>
      <c r="D14834" s="6"/>
      <c r="E14834" s="6" t="s">
        <v>9</v>
      </c>
      <c r="F14834" s="7">
        <v>38657</v>
      </c>
      <c r="G14834" s="8">
        <v>1</v>
      </c>
      <c r="H14834" s="8">
        <v>1</v>
      </c>
      <c r="I14834" s="8">
        <v>0</v>
      </c>
      <c r="J14834" s="8">
        <v>1</v>
      </c>
      <c r="K14834" s="9">
        <v>410</v>
      </c>
      <c r="L14834" s="6" t="s">
        <v>51</v>
      </c>
    </row>
    <row r="14835" spans="1:12">
      <c r="A14835" s="6" t="s">
        <v>49</v>
      </c>
      <c r="B14835" s="6"/>
      <c r="C14835" s="6" t="s">
        <v>14859</v>
      </c>
      <c r="D14835" s="6"/>
      <c r="E14835" s="6" t="s">
        <v>9</v>
      </c>
      <c r="F14835" s="7">
        <v>38657</v>
      </c>
      <c r="G14835" s="8">
        <v>1</v>
      </c>
      <c r="H14835" s="8">
        <v>1</v>
      </c>
      <c r="I14835" s="8">
        <v>0</v>
      </c>
      <c r="J14835" s="8">
        <v>1</v>
      </c>
      <c r="K14835" s="9">
        <v>119</v>
      </c>
      <c r="L14835" s="6" t="s">
        <v>51</v>
      </c>
    </row>
    <row r="14836" spans="1:12">
      <c r="A14836" s="6" t="s">
        <v>49</v>
      </c>
      <c r="B14836" s="6"/>
      <c r="C14836" s="6" t="s">
        <v>14860</v>
      </c>
      <c r="D14836" s="6"/>
      <c r="E14836" s="6" t="s">
        <v>9</v>
      </c>
      <c r="F14836" s="7">
        <v>38657</v>
      </c>
      <c r="G14836" s="8">
        <v>1</v>
      </c>
      <c r="H14836" s="8">
        <v>1</v>
      </c>
      <c r="I14836" s="8">
        <v>0</v>
      </c>
      <c r="J14836" s="8">
        <v>1</v>
      </c>
      <c r="K14836" s="9">
        <v>918</v>
      </c>
      <c r="L14836" s="6" t="s">
        <v>51</v>
      </c>
    </row>
    <row r="14837" spans="1:12">
      <c r="A14837" s="6" t="s">
        <v>49</v>
      </c>
      <c r="B14837" s="6"/>
      <c r="C14837" s="6" t="s">
        <v>14861</v>
      </c>
      <c r="D14837" s="6"/>
      <c r="E14837" s="6" t="s">
        <v>9</v>
      </c>
      <c r="F14837" s="7">
        <v>38657</v>
      </c>
      <c r="G14837" s="8">
        <v>1</v>
      </c>
      <c r="H14837" s="8">
        <v>1</v>
      </c>
      <c r="I14837" s="8">
        <v>0</v>
      </c>
      <c r="J14837" s="8">
        <v>1</v>
      </c>
      <c r="K14837" s="9">
        <v>42</v>
      </c>
      <c r="L14837" s="6" t="s">
        <v>51</v>
      </c>
    </row>
    <row r="14838" spans="1:12">
      <c r="A14838" s="6" t="s">
        <v>49</v>
      </c>
      <c r="B14838" s="6"/>
      <c r="C14838" s="6" t="s">
        <v>14862</v>
      </c>
      <c r="D14838" s="6"/>
      <c r="E14838" s="6" t="s">
        <v>9</v>
      </c>
      <c r="F14838" s="7">
        <v>38657</v>
      </c>
      <c r="G14838" s="8">
        <v>1</v>
      </c>
      <c r="H14838" s="8">
        <v>1</v>
      </c>
      <c r="I14838" s="8">
        <v>0</v>
      </c>
      <c r="J14838" s="8">
        <v>1</v>
      </c>
      <c r="K14838" s="9">
        <v>493</v>
      </c>
      <c r="L14838" s="6" t="s">
        <v>51</v>
      </c>
    </row>
    <row r="14839" spans="1:12">
      <c r="A14839" s="6" t="s">
        <v>49</v>
      </c>
      <c r="B14839" s="6"/>
      <c r="C14839" s="6" t="s">
        <v>14863</v>
      </c>
      <c r="D14839" s="6"/>
      <c r="E14839" s="6" t="s">
        <v>9</v>
      </c>
      <c r="F14839" s="7">
        <v>38657</v>
      </c>
      <c r="G14839" s="8">
        <v>1</v>
      </c>
      <c r="H14839" s="8">
        <v>1</v>
      </c>
      <c r="I14839" s="8">
        <v>0</v>
      </c>
      <c r="J14839" s="8">
        <v>1</v>
      </c>
      <c r="K14839" s="9">
        <v>5313</v>
      </c>
      <c r="L14839" s="6" t="s">
        <v>51</v>
      </c>
    </row>
    <row r="14840" spans="1:12">
      <c r="A14840" s="6" t="s">
        <v>49</v>
      </c>
      <c r="B14840" s="6"/>
      <c r="C14840" s="6" t="s">
        <v>14864</v>
      </c>
      <c r="D14840" s="6"/>
      <c r="E14840" s="6" t="s">
        <v>9</v>
      </c>
      <c r="F14840" s="7">
        <v>38657</v>
      </c>
      <c r="G14840" s="8">
        <v>1</v>
      </c>
      <c r="H14840" s="8">
        <v>1</v>
      </c>
      <c r="I14840" s="8">
        <v>0</v>
      </c>
      <c r="J14840" s="8">
        <v>1</v>
      </c>
      <c r="K14840" s="9">
        <v>1556</v>
      </c>
      <c r="L14840" s="6" t="s">
        <v>51</v>
      </c>
    </row>
    <row r="14841" spans="1:12">
      <c r="A14841" s="6" t="s">
        <v>49</v>
      </c>
      <c r="B14841" s="6"/>
      <c r="C14841" s="6" t="s">
        <v>14865</v>
      </c>
      <c r="D14841" s="6"/>
      <c r="E14841" s="6" t="s">
        <v>9</v>
      </c>
      <c r="F14841" s="7">
        <v>38657</v>
      </c>
      <c r="G14841" s="8">
        <v>1</v>
      </c>
      <c r="H14841" s="8">
        <v>1</v>
      </c>
      <c r="I14841" s="8">
        <v>0</v>
      </c>
      <c r="J14841" s="8">
        <v>1</v>
      </c>
      <c r="K14841" s="9">
        <v>494</v>
      </c>
      <c r="L14841" s="6" t="s">
        <v>51</v>
      </c>
    </row>
    <row r="14842" spans="1:12">
      <c r="A14842" s="6" t="s">
        <v>49</v>
      </c>
      <c r="B14842" s="6"/>
      <c r="C14842" s="6" t="s">
        <v>14866</v>
      </c>
      <c r="D14842" s="6"/>
      <c r="E14842" s="6" t="s">
        <v>9</v>
      </c>
      <c r="F14842" s="7">
        <v>38657</v>
      </c>
      <c r="G14842" s="8">
        <v>1</v>
      </c>
      <c r="H14842" s="8">
        <v>1</v>
      </c>
      <c r="I14842" s="8">
        <v>0</v>
      </c>
      <c r="J14842" s="8">
        <v>1</v>
      </c>
      <c r="K14842" s="9">
        <v>337</v>
      </c>
      <c r="L14842" s="6" t="s">
        <v>51</v>
      </c>
    </row>
    <row r="14843" spans="1:12">
      <c r="A14843" s="6" t="s">
        <v>49</v>
      </c>
      <c r="B14843" s="6"/>
      <c r="C14843" s="6" t="s">
        <v>14867</v>
      </c>
      <c r="D14843" s="6"/>
      <c r="E14843" s="6" t="s">
        <v>9</v>
      </c>
      <c r="F14843" s="7">
        <v>38657</v>
      </c>
      <c r="G14843" s="8">
        <v>1</v>
      </c>
      <c r="H14843" s="8">
        <v>1</v>
      </c>
      <c r="I14843" s="8">
        <v>0</v>
      </c>
      <c r="J14843" s="8">
        <v>1</v>
      </c>
      <c r="K14843" s="9">
        <v>618</v>
      </c>
      <c r="L14843" s="6" t="s">
        <v>51</v>
      </c>
    </row>
    <row r="14844" spans="1:12">
      <c r="A14844" s="6" t="s">
        <v>49</v>
      </c>
      <c r="B14844" s="6"/>
      <c r="C14844" s="6" t="s">
        <v>14868</v>
      </c>
      <c r="D14844" s="6"/>
      <c r="E14844" s="6" t="s">
        <v>9</v>
      </c>
      <c r="F14844" s="7">
        <v>38657</v>
      </c>
      <c r="G14844" s="8">
        <v>1</v>
      </c>
      <c r="H14844" s="8">
        <v>1</v>
      </c>
      <c r="I14844" s="8">
        <v>0</v>
      </c>
      <c r="J14844" s="8">
        <v>1</v>
      </c>
      <c r="K14844" s="9">
        <v>315</v>
      </c>
      <c r="L14844" s="6" t="s">
        <v>51</v>
      </c>
    </row>
    <row r="14845" spans="1:12">
      <c r="A14845" s="6" t="s">
        <v>49</v>
      </c>
      <c r="B14845" s="6"/>
      <c r="C14845" s="6" t="s">
        <v>14869</v>
      </c>
      <c r="D14845" s="6"/>
      <c r="E14845" s="6" t="s">
        <v>9</v>
      </c>
      <c r="F14845" s="7">
        <v>38657</v>
      </c>
      <c r="G14845" s="8">
        <v>1</v>
      </c>
      <c r="H14845" s="8">
        <v>1</v>
      </c>
      <c r="I14845" s="8">
        <v>0</v>
      </c>
      <c r="J14845" s="8">
        <v>1</v>
      </c>
      <c r="K14845" s="9">
        <v>697</v>
      </c>
      <c r="L14845" s="6" t="s">
        <v>51</v>
      </c>
    </row>
    <row r="14846" spans="1:12">
      <c r="A14846" s="6" t="s">
        <v>49</v>
      </c>
      <c r="B14846" s="6"/>
      <c r="C14846" s="6" t="s">
        <v>14870</v>
      </c>
      <c r="D14846" s="6"/>
      <c r="E14846" s="6" t="s">
        <v>9</v>
      </c>
      <c r="F14846" s="7">
        <v>38657</v>
      </c>
      <c r="G14846" s="8">
        <v>1</v>
      </c>
      <c r="H14846" s="8">
        <v>1</v>
      </c>
      <c r="I14846" s="8">
        <v>0</v>
      </c>
      <c r="J14846" s="8">
        <v>1</v>
      </c>
      <c r="K14846" s="9">
        <v>115</v>
      </c>
      <c r="L14846" s="6" t="s">
        <v>51</v>
      </c>
    </row>
    <row r="14847" spans="1:12">
      <c r="A14847" s="6" t="s">
        <v>49</v>
      </c>
      <c r="B14847" s="6"/>
      <c r="C14847" s="6" t="s">
        <v>14871</v>
      </c>
      <c r="D14847" s="6"/>
      <c r="E14847" s="6" t="s">
        <v>9</v>
      </c>
      <c r="F14847" s="7">
        <v>38657</v>
      </c>
      <c r="G14847" s="8">
        <v>1</v>
      </c>
      <c r="H14847" s="8">
        <v>1</v>
      </c>
      <c r="I14847" s="8">
        <v>0</v>
      </c>
      <c r="J14847" s="8">
        <v>1</v>
      </c>
      <c r="K14847" s="9">
        <v>929</v>
      </c>
      <c r="L14847" s="6" t="s">
        <v>51</v>
      </c>
    </row>
    <row r="14848" spans="1:12">
      <c r="A14848" s="6" t="s">
        <v>49</v>
      </c>
      <c r="B14848" s="6"/>
      <c r="C14848" s="6" t="s">
        <v>14872</v>
      </c>
      <c r="D14848" s="6"/>
      <c r="E14848" s="6" t="s">
        <v>9</v>
      </c>
      <c r="F14848" s="7">
        <v>38657</v>
      </c>
      <c r="G14848" s="8">
        <v>1</v>
      </c>
      <c r="H14848" s="8">
        <v>1</v>
      </c>
      <c r="I14848" s="8">
        <v>0</v>
      </c>
      <c r="J14848" s="8">
        <v>1</v>
      </c>
      <c r="K14848" s="9">
        <v>68</v>
      </c>
      <c r="L14848" s="6" t="s">
        <v>51</v>
      </c>
    </row>
    <row r="14849" spans="1:12">
      <c r="A14849" s="6" t="s">
        <v>49</v>
      </c>
      <c r="B14849" s="6"/>
      <c r="C14849" s="6" t="s">
        <v>14873</v>
      </c>
      <c r="D14849" s="6"/>
      <c r="E14849" s="6" t="s">
        <v>9</v>
      </c>
      <c r="F14849" s="7">
        <v>38657</v>
      </c>
      <c r="G14849" s="8">
        <v>1</v>
      </c>
      <c r="H14849" s="8">
        <v>1</v>
      </c>
      <c r="I14849" s="8">
        <v>0</v>
      </c>
      <c r="J14849" s="8">
        <v>1</v>
      </c>
      <c r="K14849" s="9">
        <v>1511</v>
      </c>
      <c r="L14849" s="6" t="s">
        <v>51</v>
      </c>
    </row>
    <row r="14850" spans="1:12">
      <c r="A14850" s="6" t="s">
        <v>49</v>
      </c>
      <c r="B14850" s="6"/>
      <c r="C14850" s="6" t="s">
        <v>14874</v>
      </c>
      <c r="D14850" s="6"/>
      <c r="E14850" s="6" t="s">
        <v>9</v>
      </c>
      <c r="F14850" s="7">
        <v>38657</v>
      </c>
      <c r="G14850" s="8">
        <v>1</v>
      </c>
      <c r="H14850" s="8">
        <v>1</v>
      </c>
      <c r="I14850" s="8">
        <v>0</v>
      </c>
      <c r="J14850" s="8">
        <v>1</v>
      </c>
      <c r="K14850" s="9">
        <v>36</v>
      </c>
      <c r="L14850" s="6" t="s">
        <v>51</v>
      </c>
    </row>
    <row r="14851" spans="1:12">
      <c r="A14851" s="6" t="s">
        <v>49</v>
      </c>
      <c r="B14851" s="6"/>
      <c r="C14851" s="6" t="s">
        <v>14875</v>
      </c>
      <c r="D14851" s="6"/>
      <c r="E14851" s="6" t="s">
        <v>9</v>
      </c>
      <c r="F14851" s="7">
        <v>38657</v>
      </c>
      <c r="G14851" s="8">
        <v>1</v>
      </c>
      <c r="H14851" s="8">
        <v>1</v>
      </c>
      <c r="I14851" s="8">
        <v>0</v>
      </c>
      <c r="J14851" s="8">
        <v>1</v>
      </c>
      <c r="K14851" s="9">
        <v>40</v>
      </c>
      <c r="L14851" s="6" t="s">
        <v>51</v>
      </c>
    </row>
    <row r="14852" spans="1:12">
      <c r="A14852" s="6" t="s">
        <v>49</v>
      </c>
      <c r="B14852" s="6"/>
      <c r="C14852" s="6" t="s">
        <v>14876</v>
      </c>
      <c r="D14852" s="6"/>
      <c r="E14852" s="6" t="s">
        <v>9</v>
      </c>
      <c r="F14852" s="7">
        <v>38657</v>
      </c>
      <c r="G14852" s="8">
        <v>1</v>
      </c>
      <c r="H14852" s="8">
        <v>1</v>
      </c>
      <c r="I14852" s="8">
        <v>0</v>
      </c>
      <c r="J14852" s="8">
        <v>1</v>
      </c>
      <c r="K14852" s="9">
        <v>1156</v>
      </c>
      <c r="L14852" s="6" t="s">
        <v>51</v>
      </c>
    </row>
    <row r="14853" spans="1:12">
      <c r="A14853" s="6" t="s">
        <v>49</v>
      </c>
      <c r="B14853" s="6"/>
      <c r="C14853" s="6" t="s">
        <v>14877</v>
      </c>
      <c r="D14853" s="6"/>
      <c r="E14853" s="6" t="s">
        <v>9</v>
      </c>
      <c r="F14853" s="7">
        <v>38657</v>
      </c>
      <c r="G14853" s="8">
        <v>1</v>
      </c>
      <c r="H14853" s="8">
        <v>1</v>
      </c>
      <c r="I14853" s="8">
        <v>0</v>
      </c>
      <c r="J14853" s="8">
        <v>1</v>
      </c>
      <c r="K14853" s="9">
        <v>68</v>
      </c>
      <c r="L14853" s="6" t="s">
        <v>51</v>
      </c>
    </row>
    <row r="14854" spans="1:12">
      <c r="A14854" s="6" t="s">
        <v>49</v>
      </c>
      <c r="B14854" s="6"/>
      <c r="C14854" s="6" t="s">
        <v>14878</v>
      </c>
      <c r="D14854" s="6"/>
      <c r="E14854" s="6" t="s">
        <v>9</v>
      </c>
      <c r="F14854" s="7">
        <v>38657</v>
      </c>
      <c r="G14854" s="8">
        <v>1</v>
      </c>
      <c r="H14854" s="8">
        <v>1</v>
      </c>
      <c r="I14854" s="8">
        <v>0</v>
      </c>
      <c r="J14854" s="8">
        <v>1</v>
      </c>
      <c r="K14854" s="9">
        <v>172</v>
      </c>
      <c r="L14854" s="6" t="s">
        <v>51</v>
      </c>
    </row>
    <row r="14855" spans="1:12">
      <c r="A14855" s="6" t="s">
        <v>49</v>
      </c>
      <c r="B14855" s="6"/>
      <c r="C14855" s="6" t="s">
        <v>14879</v>
      </c>
      <c r="D14855" s="6"/>
      <c r="E14855" s="6" t="s">
        <v>9</v>
      </c>
      <c r="F14855" s="7">
        <v>38657</v>
      </c>
      <c r="G14855" s="8">
        <v>1</v>
      </c>
      <c r="H14855" s="8">
        <v>1</v>
      </c>
      <c r="I14855" s="8">
        <v>0</v>
      </c>
      <c r="J14855" s="8">
        <v>1</v>
      </c>
      <c r="K14855" s="9">
        <v>1227</v>
      </c>
      <c r="L14855" s="6" t="s">
        <v>51</v>
      </c>
    </row>
    <row r="14856" spans="1:12">
      <c r="A14856" s="6" t="s">
        <v>49</v>
      </c>
      <c r="B14856" s="6"/>
      <c r="C14856" s="6" t="s">
        <v>14880</v>
      </c>
      <c r="D14856" s="6"/>
      <c r="E14856" s="6" t="s">
        <v>9</v>
      </c>
      <c r="F14856" s="7">
        <v>38657</v>
      </c>
      <c r="G14856" s="8">
        <v>1</v>
      </c>
      <c r="H14856" s="8">
        <v>1</v>
      </c>
      <c r="I14856" s="8">
        <v>0</v>
      </c>
      <c r="J14856" s="8">
        <v>1</v>
      </c>
      <c r="K14856" s="9">
        <v>36</v>
      </c>
      <c r="L14856" s="6" t="s">
        <v>51</v>
      </c>
    </row>
    <row r="14857" spans="1:12">
      <c r="A14857" s="6" t="s">
        <v>49</v>
      </c>
      <c r="B14857" s="6"/>
      <c r="C14857" s="6" t="s">
        <v>14881</v>
      </c>
      <c r="D14857" s="6"/>
      <c r="E14857" s="6" t="s">
        <v>9</v>
      </c>
      <c r="F14857" s="7">
        <v>38657</v>
      </c>
      <c r="G14857" s="8">
        <v>1</v>
      </c>
      <c r="H14857" s="8">
        <v>1</v>
      </c>
      <c r="I14857" s="8">
        <v>0</v>
      </c>
      <c r="J14857" s="8">
        <v>1</v>
      </c>
      <c r="K14857" s="9">
        <v>63.88</v>
      </c>
      <c r="L14857" s="6" t="s">
        <v>51</v>
      </c>
    </row>
    <row r="14858" spans="1:12">
      <c r="A14858" s="6" t="s">
        <v>49</v>
      </c>
      <c r="B14858" s="6"/>
      <c r="C14858" s="6" t="s">
        <v>14882</v>
      </c>
      <c r="D14858" s="6"/>
      <c r="E14858" s="6" t="s">
        <v>9</v>
      </c>
      <c r="F14858" s="7">
        <v>38657</v>
      </c>
      <c r="G14858" s="8">
        <v>1</v>
      </c>
      <c r="H14858" s="8">
        <v>1</v>
      </c>
      <c r="I14858" s="8">
        <v>0</v>
      </c>
      <c r="J14858" s="8">
        <v>1</v>
      </c>
      <c r="K14858" s="9">
        <v>1403</v>
      </c>
      <c r="L14858" s="6" t="s">
        <v>51</v>
      </c>
    </row>
    <row r="14859" spans="1:12">
      <c r="A14859" s="6" t="s">
        <v>49</v>
      </c>
      <c r="B14859" s="6"/>
      <c r="C14859" s="6" t="s">
        <v>14883</v>
      </c>
      <c r="D14859" s="6"/>
      <c r="E14859" s="6" t="s">
        <v>9</v>
      </c>
      <c r="F14859" s="7">
        <v>38657</v>
      </c>
      <c r="G14859" s="8">
        <v>1</v>
      </c>
      <c r="H14859" s="8">
        <v>1</v>
      </c>
      <c r="I14859" s="8">
        <v>0</v>
      </c>
      <c r="J14859" s="8">
        <v>1</v>
      </c>
      <c r="K14859" s="9">
        <v>267</v>
      </c>
      <c r="L14859" s="6" t="s">
        <v>51</v>
      </c>
    </row>
    <row r="14860" spans="1:12">
      <c r="A14860" s="6" t="s">
        <v>49</v>
      </c>
      <c r="B14860" s="6"/>
      <c r="C14860" s="6" t="s">
        <v>14884</v>
      </c>
      <c r="D14860" s="6"/>
      <c r="E14860" s="6" t="s">
        <v>9</v>
      </c>
      <c r="F14860" s="7">
        <v>38657</v>
      </c>
      <c r="G14860" s="8">
        <v>1</v>
      </c>
      <c r="H14860" s="8">
        <v>1</v>
      </c>
      <c r="I14860" s="8">
        <v>0</v>
      </c>
      <c r="J14860" s="8">
        <v>1</v>
      </c>
      <c r="K14860" s="9">
        <v>231</v>
      </c>
      <c r="L14860" s="6" t="s">
        <v>51</v>
      </c>
    </row>
    <row r="14861" spans="1:12">
      <c r="A14861" s="6" t="s">
        <v>49</v>
      </c>
      <c r="B14861" s="6"/>
      <c r="C14861" s="6" t="s">
        <v>14885</v>
      </c>
      <c r="D14861" s="6"/>
      <c r="E14861" s="6" t="s">
        <v>9</v>
      </c>
      <c r="F14861" s="7">
        <v>38657</v>
      </c>
      <c r="G14861" s="8">
        <v>1</v>
      </c>
      <c r="H14861" s="8">
        <v>1</v>
      </c>
      <c r="I14861" s="8">
        <v>0</v>
      </c>
      <c r="J14861" s="8">
        <v>1</v>
      </c>
      <c r="K14861" s="9">
        <v>36</v>
      </c>
      <c r="L14861" s="6" t="s">
        <v>51</v>
      </c>
    </row>
    <row r="14862" spans="1:12">
      <c r="A14862" s="6" t="s">
        <v>49</v>
      </c>
      <c r="B14862" s="6"/>
      <c r="C14862" s="6" t="s">
        <v>14886</v>
      </c>
      <c r="D14862" s="6"/>
      <c r="E14862" s="6" t="s">
        <v>9</v>
      </c>
      <c r="F14862" s="7">
        <v>38657</v>
      </c>
      <c r="G14862" s="8">
        <v>1</v>
      </c>
      <c r="H14862" s="8">
        <v>1</v>
      </c>
      <c r="I14862" s="8">
        <v>0</v>
      </c>
      <c r="J14862" s="8">
        <v>1</v>
      </c>
      <c r="K14862" s="9">
        <v>1105</v>
      </c>
      <c r="L14862" s="6" t="s">
        <v>51</v>
      </c>
    </row>
    <row r="14863" spans="1:12">
      <c r="A14863" s="6" t="s">
        <v>49</v>
      </c>
      <c r="B14863" s="6"/>
      <c r="C14863" s="6" t="s">
        <v>14887</v>
      </c>
      <c r="D14863" s="6"/>
      <c r="E14863" s="6" t="s">
        <v>9</v>
      </c>
      <c r="F14863" s="7">
        <v>38657</v>
      </c>
      <c r="G14863" s="8">
        <v>1</v>
      </c>
      <c r="H14863" s="8">
        <v>1</v>
      </c>
      <c r="I14863" s="8">
        <v>0</v>
      </c>
      <c r="J14863" s="8">
        <v>1</v>
      </c>
      <c r="K14863" s="9">
        <v>971</v>
      </c>
      <c r="L14863" s="6" t="s">
        <v>51</v>
      </c>
    </row>
    <row r="14864" spans="1:12">
      <c r="A14864" s="6" t="s">
        <v>49</v>
      </c>
      <c r="B14864" s="6"/>
      <c r="C14864" s="6" t="s">
        <v>14888</v>
      </c>
      <c r="D14864" s="6"/>
      <c r="E14864" s="6" t="s">
        <v>9</v>
      </c>
      <c r="F14864" s="7">
        <v>38657</v>
      </c>
      <c r="G14864" s="8">
        <v>1</v>
      </c>
      <c r="H14864" s="8">
        <v>1</v>
      </c>
      <c r="I14864" s="8">
        <v>0</v>
      </c>
      <c r="J14864" s="8">
        <v>1</v>
      </c>
      <c r="K14864" s="9">
        <v>489</v>
      </c>
      <c r="L14864" s="6" t="s">
        <v>51</v>
      </c>
    </row>
    <row r="14865" spans="1:12">
      <c r="A14865" s="6" t="s">
        <v>49</v>
      </c>
      <c r="B14865" s="6"/>
      <c r="C14865" s="6" t="s">
        <v>14889</v>
      </c>
      <c r="D14865" s="6"/>
      <c r="E14865" s="6" t="s">
        <v>9</v>
      </c>
      <c r="F14865" s="7">
        <v>38657</v>
      </c>
      <c r="G14865" s="8">
        <v>1</v>
      </c>
      <c r="H14865" s="8">
        <v>1</v>
      </c>
      <c r="I14865" s="8">
        <v>0</v>
      </c>
      <c r="J14865" s="8">
        <v>1</v>
      </c>
      <c r="K14865" s="9">
        <v>532</v>
      </c>
      <c r="L14865" s="6" t="s">
        <v>51</v>
      </c>
    </row>
    <row r="14866" spans="1:12">
      <c r="A14866" s="6" t="s">
        <v>49</v>
      </c>
      <c r="B14866" s="6"/>
      <c r="C14866" s="6" t="s">
        <v>14890</v>
      </c>
      <c r="D14866" s="6"/>
      <c r="E14866" s="6" t="s">
        <v>9</v>
      </c>
      <c r="F14866" s="7">
        <v>38657</v>
      </c>
      <c r="G14866" s="8">
        <v>1</v>
      </c>
      <c r="H14866" s="8">
        <v>1</v>
      </c>
      <c r="I14866" s="8">
        <v>0</v>
      </c>
      <c r="J14866" s="8">
        <v>1</v>
      </c>
      <c r="K14866" s="9">
        <v>533</v>
      </c>
      <c r="L14866" s="6" t="s">
        <v>51</v>
      </c>
    </row>
    <row r="14867" spans="1:12">
      <c r="A14867" s="6" t="s">
        <v>49</v>
      </c>
      <c r="B14867" s="6"/>
      <c r="C14867" s="6" t="s">
        <v>14891</v>
      </c>
      <c r="D14867" s="6"/>
      <c r="E14867" s="6" t="s">
        <v>9</v>
      </c>
      <c r="F14867" s="7">
        <v>38657</v>
      </c>
      <c r="G14867" s="8">
        <v>1</v>
      </c>
      <c r="H14867" s="8">
        <v>1</v>
      </c>
      <c r="I14867" s="8">
        <v>0</v>
      </c>
      <c r="J14867" s="8">
        <v>1</v>
      </c>
      <c r="K14867" s="9">
        <v>70</v>
      </c>
      <c r="L14867" s="6" t="s">
        <v>51</v>
      </c>
    </row>
    <row r="14868" spans="1:12">
      <c r="A14868" s="6" t="s">
        <v>49</v>
      </c>
      <c r="B14868" s="6"/>
      <c r="C14868" s="6" t="s">
        <v>14892</v>
      </c>
      <c r="D14868" s="6"/>
      <c r="E14868" s="6" t="s">
        <v>9</v>
      </c>
      <c r="F14868" s="7">
        <v>38657</v>
      </c>
      <c r="G14868" s="8">
        <v>1</v>
      </c>
      <c r="H14868" s="8">
        <v>1</v>
      </c>
      <c r="I14868" s="8">
        <v>0</v>
      </c>
      <c r="J14868" s="8">
        <v>1</v>
      </c>
      <c r="K14868" s="9">
        <v>86.03</v>
      </c>
      <c r="L14868" s="6" t="s">
        <v>51</v>
      </c>
    </row>
    <row r="14869" spans="1:12">
      <c r="A14869" s="6" t="s">
        <v>49</v>
      </c>
      <c r="B14869" s="6"/>
      <c r="C14869" s="6" t="s">
        <v>14893</v>
      </c>
      <c r="D14869" s="6"/>
      <c r="E14869" s="6" t="s">
        <v>9</v>
      </c>
      <c r="F14869" s="7">
        <v>38657</v>
      </c>
      <c r="G14869" s="8">
        <v>1</v>
      </c>
      <c r="H14869" s="8">
        <v>1</v>
      </c>
      <c r="I14869" s="8">
        <v>0</v>
      </c>
      <c r="J14869" s="8">
        <v>1</v>
      </c>
      <c r="K14869" s="9">
        <v>2903</v>
      </c>
      <c r="L14869" s="6" t="s">
        <v>51</v>
      </c>
    </row>
    <row r="14870" spans="1:12">
      <c r="A14870" s="6" t="s">
        <v>49</v>
      </c>
      <c r="B14870" s="6"/>
      <c r="C14870" s="6" t="s">
        <v>14894</v>
      </c>
      <c r="D14870" s="6"/>
      <c r="E14870" s="6" t="s">
        <v>9</v>
      </c>
      <c r="F14870" s="7">
        <v>38657</v>
      </c>
      <c r="G14870" s="8">
        <v>1</v>
      </c>
      <c r="H14870" s="8">
        <v>1</v>
      </c>
      <c r="I14870" s="8">
        <v>0</v>
      </c>
      <c r="J14870" s="8">
        <v>1</v>
      </c>
      <c r="K14870" s="9">
        <v>38</v>
      </c>
      <c r="L14870" s="6" t="s">
        <v>51</v>
      </c>
    </row>
    <row r="14871" spans="1:12">
      <c r="A14871" s="6" t="s">
        <v>49</v>
      </c>
      <c r="B14871" s="6"/>
      <c r="C14871" s="6" t="s">
        <v>14895</v>
      </c>
      <c r="D14871" s="6"/>
      <c r="E14871" s="6" t="s">
        <v>9</v>
      </c>
      <c r="F14871" s="7">
        <v>38657</v>
      </c>
      <c r="G14871" s="8">
        <v>1</v>
      </c>
      <c r="H14871" s="8">
        <v>1</v>
      </c>
      <c r="I14871" s="8">
        <v>0</v>
      </c>
      <c r="J14871" s="8">
        <v>1</v>
      </c>
      <c r="K14871" s="9">
        <v>36</v>
      </c>
      <c r="L14871" s="6" t="s">
        <v>51</v>
      </c>
    </row>
    <row r="14872" spans="1:12">
      <c r="A14872" s="6" t="s">
        <v>49</v>
      </c>
      <c r="B14872" s="6"/>
      <c r="C14872" s="6" t="s">
        <v>14896</v>
      </c>
      <c r="D14872" s="6"/>
      <c r="E14872" s="6" t="s">
        <v>9</v>
      </c>
      <c r="F14872" s="7">
        <v>38657</v>
      </c>
      <c r="G14872" s="8">
        <v>1</v>
      </c>
      <c r="H14872" s="8">
        <v>1</v>
      </c>
      <c r="I14872" s="8">
        <v>0</v>
      </c>
      <c r="J14872" s="8">
        <v>1</v>
      </c>
      <c r="K14872" s="9">
        <v>946</v>
      </c>
      <c r="L14872" s="6" t="s">
        <v>51</v>
      </c>
    </row>
    <row r="14873" spans="1:12">
      <c r="A14873" s="6" t="s">
        <v>49</v>
      </c>
      <c r="B14873" s="6"/>
      <c r="C14873" s="6" t="s">
        <v>14897</v>
      </c>
      <c r="D14873" s="6"/>
      <c r="E14873" s="6" t="s">
        <v>9</v>
      </c>
      <c r="F14873" s="7">
        <v>38657</v>
      </c>
      <c r="G14873" s="8">
        <v>1</v>
      </c>
      <c r="H14873" s="8">
        <v>1</v>
      </c>
      <c r="I14873" s="8">
        <v>0</v>
      </c>
      <c r="J14873" s="8">
        <v>1</v>
      </c>
      <c r="K14873" s="9">
        <v>641</v>
      </c>
      <c r="L14873" s="6" t="s">
        <v>51</v>
      </c>
    </row>
    <row r="14874" spans="1:12">
      <c r="A14874" s="6" t="s">
        <v>49</v>
      </c>
      <c r="B14874" s="6"/>
      <c r="C14874" s="6" t="s">
        <v>14898</v>
      </c>
      <c r="D14874" s="6"/>
      <c r="E14874" s="6" t="s">
        <v>9</v>
      </c>
      <c r="F14874" s="7">
        <v>38657</v>
      </c>
      <c r="G14874" s="8">
        <v>1</v>
      </c>
      <c r="H14874" s="8">
        <v>1</v>
      </c>
      <c r="I14874" s="8">
        <v>0</v>
      </c>
      <c r="J14874" s="8">
        <v>1</v>
      </c>
      <c r="K14874" s="9">
        <v>39</v>
      </c>
      <c r="L14874" s="6" t="s">
        <v>51</v>
      </c>
    </row>
    <row r="14875" spans="1:12">
      <c r="A14875" s="6" t="s">
        <v>49</v>
      </c>
      <c r="B14875" s="6"/>
      <c r="C14875" s="6" t="s">
        <v>14899</v>
      </c>
      <c r="D14875" s="6"/>
      <c r="E14875" s="6" t="s">
        <v>9</v>
      </c>
      <c r="F14875" s="7">
        <v>38657</v>
      </c>
      <c r="G14875" s="8">
        <v>1</v>
      </c>
      <c r="H14875" s="8">
        <v>1</v>
      </c>
      <c r="I14875" s="8">
        <v>0</v>
      </c>
      <c r="J14875" s="8">
        <v>1</v>
      </c>
      <c r="K14875" s="9">
        <v>73</v>
      </c>
      <c r="L14875" s="6" t="s">
        <v>51</v>
      </c>
    </row>
    <row r="14876" spans="1:12">
      <c r="A14876" s="6" t="s">
        <v>49</v>
      </c>
      <c r="B14876" s="6"/>
      <c r="C14876" s="6" t="s">
        <v>14900</v>
      </c>
      <c r="D14876" s="6"/>
      <c r="E14876" s="6" t="s">
        <v>9</v>
      </c>
      <c r="F14876" s="7">
        <v>38657</v>
      </c>
      <c r="G14876" s="8">
        <v>1</v>
      </c>
      <c r="H14876" s="8">
        <v>1</v>
      </c>
      <c r="I14876" s="8">
        <v>0</v>
      </c>
      <c r="J14876" s="8">
        <v>1</v>
      </c>
      <c r="K14876" s="9">
        <v>672</v>
      </c>
      <c r="L14876" s="6" t="s">
        <v>51</v>
      </c>
    </row>
    <row r="14877" spans="1:12">
      <c r="A14877" s="6" t="s">
        <v>49</v>
      </c>
      <c r="B14877" s="6"/>
      <c r="C14877" s="6" t="s">
        <v>14901</v>
      </c>
      <c r="D14877" s="6"/>
      <c r="E14877" s="6" t="s">
        <v>9</v>
      </c>
      <c r="F14877" s="7">
        <v>38657</v>
      </c>
      <c r="G14877" s="8">
        <v>1</v>
      </c>
      <c r="H14877" s="8">
        <v>1</v>
      </c>
      <c r="I14877" s="8">
        <v>0</v>
      </c>
      <c r="J14877" s="8">
        <v>1</v>
      </c>
      <c r="K14877" s="9">
        <v>74</v>
      </c>
      <c r="L14877" s="6" t="s">
        <v>51</v>
      </c>
    </row>
    <row r="14878" spans="1:12">
      <c r="A14878" s="6" t="s">
        <v>49</v>
      </c>
      <c r="B14878" s="6"/>
      <c r="C14878" s="6" t="s">
        <v>14902</v>
      </c>
      <c r="D14878" s="6"/>
      <c r="E14878" s="6" t="s">
        <v>9</v>
      </c>
      <c r="F14878" s="7">
        <v>38657</v>
      </c>
      <c r="G14878" s="8">
        <v>1</v>
      </c>
      <c r="H14878" s="8">
        <v>1</v>
      </c>
      <c r="I14878" s="8">
        <v>0</v>
      </c>
      <c r="J14878" s="8">
        <v>1</v>
      </c>
      <c r="K14878" s="9">
        <v>696</v>
      </c>
      <c r="L14878" s="6" t="s">
        <v>51</v>
      </c>
    </row>
    <row r="14879" spans="1:12">
      <c r="A14879" s="6" t="s">
        <v>49</v>
      </c>
      <c r="B14879" s="6"/>
      <c r="C14879" s="6" t="s">
        <v>14903</v>
      </c>
      <c r="D14879" s="6"/>
      <c r="E14879" s="6" t="s">
        <v>9</v>
      </c>
      <c r="F14879" s="7">
        <v>38657</v>
      </c>
      <c r="G14879" s="8">
        <v>1</v>
      </c>
      <c r="H14879" s="8">
        <v>1</v>
      </c>
      <c r="I14879" s="8">
        <v>0</v>
      </c>
      <c r="J14879" s="8">
        <v>1</v>
      </c>
      <c r="K14879" s="9">
        <v>102</v>
      </c>
      <c r="L14879" s="6" t="s">
        <v>51</v>
      </c>
    </row>
    <row r="14880" spans="1:12">
      <c r="A14880" s="6" t="s">
        <v>49</v>
      </c>
      <c r="B14880" s="6"/>
      <c r="C14880" s="6" t="s">
        <v>14904</v>
      </c>
      <c r="D14880" s="6"/>
      <c r="E14880" s="6" t="s">
        <v>9</v>
      </c>
      <c r="F14880" s="7">
        <v>38657</v>
      </c>
      <c r="G14880" s="8">
        <v>1</v>
      </c>
      <c r="H14880" s="8">
        <v>1</v>
      </c>
      <c r="I14880" s="8">
        <v>0</v>
      </c>
      <c r="J14880" s="8">
        <v>1</v>
      </c>
      <c r="K14880" s="9">
        <v>1131</v>
      </c>
      <c r="L14880" s="6" t="s">
        <v>51</v>
      </c>
    </row>
    <row r="14881" spans="1:12">
      <c r="A14881" s="6" t="s">
        <v>49</v>
      </c>
      <c r="B14881" s="6"/>
      <c r="C14881" s="6" t="s">
        <v>14905</v>
      </c>
      <c r="D14881" s="6"/>
      <c r="E14881" s="6" t="s">
        <v>9</v>
      </c>
      <c r="F14881" s="7">
        <v>38657</v>
      </c>
      <c r="G14881" s="8">
        <v>1</v>
      </c>
      <c r="H14881" s="8">
        <v>1</v>
      </c>
      <c r="I14881" s="8">
        <v>0</v>
      </c>
      <c r="J14881" s="8">
        <v>1</v>
      </c>
      <c r="K14881" s="9">
        <v>36</v>
      </c>
      <c r="L14881" s="6" t="s">
        <v>51</v>
      </c>
    </row>
    <row r="14882" spans="1:12">
      <c r="A14882" s="6" t="s">
        <v>49</v>
      </c>
      <c r="B14882" s="6"/>
      <c r="C14882" s="6" t="s">
        <v>14906</v>
      </c>
      <c r="D14882" s="6"/>
      <c r="E14882" s="6" t="s">
        <v>9</v>
      </c>
      <c r="F14882" s="7">
        <v>38657</v>
      </c>
      <c r="G14882" s="8">
        <v>1</v>
      </c>
      <c r="H14882" s="8">
        <v>1</v>
      </c>
      <c r="I14882" s="8">
        <v>0</v>
      </c>
      <c r="J14882" s="8">
        <v>1</v>
      </c>
      <c r="K14882" s="9">
        <v>36</v>
      </c>
      <c r="L14882" s="6" t="s">
        <v>51</v>
      </c>
    </row>
    <row r="14883" spans="1:12">
      <c r="A14883" s="6" t="s">
        <v>49</v>
      </c>
      <c r="B14883" s="6"/>
      <c r="C14883" s="6" t="s">
        <v>14907</v>
      </c>
      <c r="D14883" s="6"/>
      <c r="E14883" s="6" t="s">
        <v>9</v>
      </c>
      <c r="F14883" s="7">
        <v>38657</v>
      </c>
      <c r="G14883" s="8">
        <v>1</v>
      </c>
      <c r="H14883" s="8">
        <v>1</v>
      </c>
      <c r="I14883" s="8">
        <v>0</v>
      </c>
      <c r="J14883" s="8">
        <v>1</v>
      </c>
      <c r="K14883" s="9">
        <v>438</v>
      </c>
      <c r="L14883" s="6" t="s">
        <v>51</v>
      </c>
    </row>
    <row r="14884" spans="1:12">
      <c r="A14884" s="6" t="s">
        <v>49</v>
      </c>
      <c r="B14884" s="6"/>
      <c r="C14884" s="6" t="s">
        <v>14908</v>
      </c>
      <c r="D14884" s="6"/>
      <c r="E14884" s="6" t="s">
        <v>9</v>
      </c>
      <c r="F14884" s="7">
        <v>38657</v>
      </c>
      <c r="G14884" s="8">
        <v>1</v>
      </c>
      <c r="H14884" s="8">
        <v>1</v>
      </c>
      <c r="I14884" s="8">
        <v>0</v>
      </c>
      <c r="J14884" s="8">
        <v>1</v>
      </c>
      <c r="K14884" s="9">
        <v>393</v>
      </c>
      <c r="L14884" s="6" t="s">
        <v>51</v>
      </c>
    </row>
    <row r="14885" spans="1:12">
      <c r="A14885" s="6" t="s">
        <v>49</v>
      </c>
      <c r="B14885" s="6"/>
      <c r="C14885" s="6" t="s">
        <v>14909</v>
      </c>
      <c r="D14885" s="6"/>
      <c r="E14885" s="6" t="s">
        <v>9</v>
      </c>
      <c r="F14885" s="7">
        <v>38657</v>
      </c>
      <c r="G14885" s="8">
        <v>1</v>
      </c>
      <c r="H14885" s="8">
        <v>1</v>
      </c>
      <c r="I14885" s="8">
        <v>0</v>
      </c>
      <c r="J14885" s="8">
        <v>1</v>
      </c>
      <c r="K14885" s="9">
        <v>2126</v>
      </c>
      <c r="L14885" s="6" t="s">
        <v>51</v>
      </c>
    </row>
    <row r="14886" spans="1:12">
      <c r="A14886" s="6" t="s">
        <v>49</v>
      </c>
      <c r="B14886" s="6"/>
      <c r="C14886" s="6" t="s">
        <v>14910</v>
      </c>
      <c r="D14886" s="6"/>
      <c r="E14886" s="6" t="s">
        <v>9</v>
      </c>
      <c r="F14886" s="7">
        <v>38657</v>
      </c>
      <c r="G14886" s="8">
        <v>1</v>
      </c>
      <c r="H14886" s="8">
        <v>1</v>
      </c>
      <c r="I14886" s="8">
        <v>0</v>
      </c>
      <c r="J14886" s="8">
        <v>1</v>
      </c>
      <c r="K14886" s="9">
        <v>423</v>
      </c>
      <c r="L14886" s="6" t="s">
        <v>51</v>
      </c>
    </row>
    <row r="14887" spans="1:12">
      <c r="A14887" s="6" t="s">
        <v>49</v>
      </c>
      <c r="B14887" s="6"/>
      <c r="C14887" s="6" t="s">
        <v>14911</v>
      </c>
      <c r="D14887" s="6"/>
      <c r="E14887" s="6" t="s">
        <v>9</v>
      </c>
      <c r="F14887" s="7">
        <v>38657</v>
      </c>
      <c r="G14887" s="8">
        <v>1</v>
      </c>
      <c r="H14887" s="8">
        <v>1</v>
      </c>
      <c r="I14887" s="8">
        <v>0</v>
      </c>
      <c r="J14887" s="8">
        <v>1</v>
      </c>
      <c r="K14887" s="9">
        <v>223</v>
      </c>
      <c r="L14887" s="6" t="s">
        <v>51</v>
      </c>
    </row>
    <row r="14888" spans="1:12">
      <c r="A14888" s="6" t="s">
        <v>49</v>
      </c>
      <c r="B14888" s="6"/>
      <c r="C14888" s="6" t="s">
        <v>14912</v>
      </c>
      <c r="D14888" s="6"/>
      <c r="E14888" s="6" t="s">
        <v>9</v>
      </c>
      <c r="F14888" s="7">
        <v>38657</v>
      </c>
      <c r="G14888" s="8">
        <v>1</v>
      </c>
      <c r="H14888" s="8">
        <v>1</v>
      </c>
      <c r="I14888" s="8">
        <v>0</v>
      </c>
      <c r="J14888" s="8">
        <v>1</v>
      </c>
      <c r="K14888" s="9">
        <v>499</v>
      </c>
      <c r="L14888" s="6" t="s">
        <v>51</v>
      </c>
    </row>
    <row r="14889" spans="1:12">
      <c r="A14889" s="6" t="s">
        <v>49</v>
      </c>
      <c r="B14889" s="6"/>
      <c r="C14889" s="6" t="s">
        <v>14913</v>
      </c>
      <c r="D14889" s="6"/>
      <c r="E14889" s="6" t="s">
        <v>9</v>
      </c>
      <c r="F14889" s="7">
        <v>38657</v>
      </c>
      <c r="G14889" s="8">
        <v>1</v>
      </c>
      <c r="H14889" s="8">
        <v>1</v>
      </c>
      <c r="I14889" s="8">
        <v>0</v>
      </c>
      <c r="J14889" s="8">
        <v>1</v>
      </c>
      <c r="K14889" s="9">
        <v>549</v>
      </c>
      <c r="L14889" s="6" t="s">
        <v>51</v>
      </c>
    </row>
    <row r="14890" spans="1:12">
      <c r="A14890" s="6" t="s">
        <v>49</v>
      </c>
      <c r="B14890" s="6"/>
      <c r="C14890" s="6" t="s">
        <v>14914</v>
      </c>
      <c r="D14890" s="6"/>
      <c r="E14890" s="6" t="s">
        <v>9</v>
      </c>
      <c r="F14890" s="7">
        <v>38657</v>
      </c>
      <c r="G14890" s="8">
        <v>1</v>
      </c>
      <c r="H14890" s="8">
        <v>1</v>
      </c>
      <c r="I14890" s="8">
        <v>0</v>
      </c>
      <c r="J14890" s="8">
        <v>1</v>
      </c>
      <c r="K14890" s="9">
        <v>95</v>
      </c>
      <c r="L14890" s="6" t="s">
        <v>51</v>
      </c>
    </row>
    <row r="14891" spans="1:12">
      <c r="A14891" s="6" t="s">
        <v>49</v>
      </c>
      <c r="B14891" s="6"/>
      <c r="C14891" s="6" t="s">
        <v>14915</v>
      </c>
      <c r="D14891" s="6"/>
      <c r="E14891" s="6" t="s">
        <v>9</v>
      </c>
      <c r="F14891" s="7">
        <v>38657</v>
      </c>
      <c r="G14891" s="8">
        <v>1</v>
      </c>
      <c r="H14891" s="8">
        <v>1</v>
      </c>
      <c r="I14891" s="8">
        <v>0</v>
      </c>
      <c r="J14891" s="8">
        <v>1</v>
      </c>
      <c r="K14891" s="9">
        <v>592</v>
      </c>
      <c r="L14891" s="6" t="s">
        <v>51</v>
      </c>
    </row>
    <row r="14892" spans="1:12">
      <c r="A14892" s="6" t="s">
        <v>49</v>
      </c>
      <c r="B14892" s="6"/>
      <c r="C14892" s="6" t="s">
        <v>14916</v>
      </c>
      <c r="D14892" s="6"/>
      <c r="E14892" s="6" t="s">
        <v>9</v>
      </c>
      <c r="F14892" s="7">
        <v>38657</v>
      </c>
      <c r="G14892" s="8">
        <v>1</v>
      </c>
      <c r="H14892" s="8">
        <v>1</v>
      </c>
      <c r="I14892" s="8">
        <v>0</v>
      </c>
      <c r="J14892" s="8">
        <v>1</v>
      </c>
      <c r="K14892" s="9">
        <v>451</v>
      </c>
      <c r="L14892" s="6" t="s">
        <v>51</v>
      </c>
    </row>
    <row r="14893" spans="1:12">
      <c r="A14893" s="6" t="s">
        <v>49</v>
      </c>
      <c r="B14893" s="6"/>
      <c r="C14893" s="6" t="s">
        <v>14917</v>
      </c>
      <c r="D14893" s="6"/>
      <c r="E14893" s="6" t="s">
        <v>9</v>
      </c>
      <c r="F14893" s="7">
        <v>38657</v>
      </c>
      <c r="G14893" s="8">
        <v>1</v>
      </c>
      <c r="H14893" s="8">
        <v>1</v>
      </c>
      <c r="I14893" s="8">
        <v>0</v>
      </c>
      <c r="J14893" s="8">
        <v>1</v>
      </c>
      <c r="K14893" s="9">
        <v>359</v>
      </c>
      <c r="L14893" s="6" t="s">
        <v>51</v>
      </c>
    </row>
    <row r="14894" spans="1:12">
      <c r="A14894" s="6" t="s">
        <v>49</v>
      </c>
      <c r="B14894" s="6"/>
      <c r="C14894" s="6" t="s">
        <v>14918</v>
      </c>
      <c r="D14894" s="6"/>
      <c r="E14894" s="6" t="s">
        <v>9</v>
      </c>
      <c r="F14894" s="7">
        <v>38657</v>
      </c>
      <c r="G14894" s="8">
        <v>1</v>
      </c>
      <c r="H14894" s="8">
        <v>1</v>
      </c>
      <c r="I14894" s="8">
        <v>0</v>
      </c>
      <c r="J14894" s="8">
        <v>1</v>
      </c>
      <c r="K14894" s="9">
        <v>561</v>
      </c>
      <c r="L14894" s="6" t="s">
        <v>51</v>
      </c>
    </row>
    <row r="14895" spans="1:12">
      <c r="A14895" s="6" t="s">
        <v>49</v>
      </c>
      <c r="B14895" s="6"/>
      <c r="C14895" s="6" t="s">
        <v>14919</v>
      </c>
      <c r="D14895" s="6"/>
      <c r="E14895" s="6" t="s">
        <v>9</v>
      </c>
      <c r="F14895" s="7">
        <v>38657</v>
      </c>
      <c r="G14895" s="8">
        <v>1</v>
      </c>
      <c r="H14895" s="8">
        <v>1</v>
      </c>
      <c r="I14895" s="8">
        <v>0</v>
      </c>
      <c r="J14895" s="8">
        <v>1</v>
      </c>
      <c r="K14895" s="9">
        <v>505</v>
      </c>
      <c r="L14895" s="6" t="s">
        <v>51</v>
      </c>
    </row>
    <row r="14896" spans="1:12">
      <c r="A14896" s="6" t="s">
        <v>49</v>
      </c>
      <c r="B14896" s="6"/>
      <c r="C14896" s="6" t="s">
        <v>14920</v>
      </c>
      <c r="D14896" s="6"/>
      <c r="E14896" s="6" t="s">
        <v>9</v>
      </c>
      <c r="F14896" s="7">
        <v>38657</v>
      </c>
      <c r="G14896" s="8">
        <v>1</v>
      </c>
      <c r="H14896" s="8">
        <v>1</v>
      </c>
      <c r="I14896" s="8">
        <v>0</v>
      </c>
      <c r="J14896" s="8">
        <v>1</v>
      </c>
      <c r="K14896" s="9">
        <v>2760</v>
      </c>
      <c r="L14896" s="6" t="s">
        <v>51</v>
      </c>
    </row>
    <row r="14897" spans="1:12">
      <c r="A14897" s="6" t="s">
        <v>49</v>
      </c>
      <c r="B14897" s="6"/>
      <c r="C14897" s="6" t="s">
        <v>14921</v>
      </c>
      <c r="D14897" s="6"/>
      <c r="E14897" s="6" t="s">
        <v>9</v>
      </c>
      <c r="F14897" s="7">
        <v>38657</v>
      </c>
      <c r="G14897" s="8">
        <v>1</v>
      </c>
      <c r="H14897" s="8">
        <v>1</v>
      </c>
      <c r="I14897" s="8">
        <v>0</v>
      </c>
      <c r="J14897" s="8">
        <v>1</v>
      </c>
      <c r="K14897" s="9">
        <v>61</v>
      </c>
      <c r="L14897" s="6" t="s">
        <v>51</v>
      </c>
    </row>
    <row r="14898" spans="1:12">
      <c r="A14898" s="6" t="s">
        <v>49</v>
      </c>
      <c r="B14898" s="6"/>
      <c r="C14898" s="6" t="s">
        <v>14922</v>
      </c>
      <c r="D14898" s="6"/>
      <c r="E14898" s="6" t="s">
        <v>9</v>
      </c>
      <c r="F14898" s="7">
        <v>38657</v>
      </c>
      <c r="G14898" s="8">
        <v>1</v>
      </c>
      <c r="H14898" s="8">
        <v>1</v>
      </c>
      <c r="I14898" s="8">
        <v>0</v>
      </c>
      <c r="J14898" s="8">
        <v>1</v>
      </c>
      <c r="K14898" s="9">
        <v>649</v>
      </c>
      <c r="L14898" s="6" t="s">
        <v>51</v>
      </c>
    </row>
    <row r="14899" spans="1:12">
      <c r="A14899" s="6" t="s">
        <v>49</v>
      </c>
      <c r="B14899" s="6"/>
      <c r="C14899" s="6" t="s">
        <v>14923</v>
      </c>
      <c r="D14899" s="6"/>
      <c r="E14899" s="6" t="s">
        <v>9</v>
      </c>
      <c r="F14899" s="7">
        <v>38657</v>
      </c>
      <c r="G14899" s="8">
        <v>1</v>
      </c>
      <c r="H14899" s="8">
        <v>1</v>
      </c>
      <c r="I14899" s="8">
        <v>0</v>
      </c>
      <c r="J14899" s="8">
        <v>1</v>
      </c>
      <c r="K14899" s="9">
        <v>660</v>
      </c>
      <c r="L14899" s="6" t="s">
        <v>51</v>
      </c>
    </row>
    <row r="14900" spans="1:12">
      <c r="A14900" s="6" t="s">
        <v>49</v>
      </c>
      <c r="B14900" s="6"/>
      <c r="C14900" s="6" t="s">
        <v>14924</v>
      </c>
      <c r="D14900" s="6"/>
      <c r="E14900" s="6" t="s">
        <v>9</v>
      </c>
      <c r="F14900" s="7">
        <v>38657</v>
      </c>
      <c r="G14900" s="8">
        <v>1</v>
      </c>
      <c r="H14900" s="8">
        <v>1</v>
      </c>
      <c r="I14900" s="8">
        <v>0</v>
      </c>
      <c r="J14900" s="8">
        <v>1</v>
      </c>
      <c r="K14900" s="9">
        <v>432</v>
      </c>
      <c r="L14900" s="6" t="s">
        <v>51</v>
      </c>
    </row>
    <row r="14901" spans="1:12">
      <c r="A14901" s="6" t="s">
        <v>49</v>
      </c>
      <c r="B14901" s="6"/>
      <c r="C14901" s="6" t="s">
        <v>14925</v>
      </c>
      <c r="D14901" s="6"/>
      <c r="E14901" s="6" t="s">
        <v>9</v>
      </c>
      <c r="F14901" s="7">
        <v>38657</v>
      </c>
      <c r="G14901" s="8">
        <v>1</v>
      </c>
      <c r="H14901" s="8">
        <v>1</v>
      </c>
      <c r="I14901" s="8">
        <v>0</v>
      </c>
      <c r="J14901" s="8">
        <v>1</v>
      </c>
      <c r="K14901" s="9">
        <v>23</v>
      </c>
      <c r="L14901" s="6" t="s">
        <v>51</v>
      </c>
    </row>
    <row r="14902" spans="1:12">
      <c r="A14902" s="6" t="s">
        <v>49</v>
      </c>
      <c r="B14902" s="6"/>
      <c r="C14902" s="6" t="s">
        <v>14926</v>
      </c>
      <c r="D14902" s="6"/>
      <c r="E14902" s="6" t="s">
        <v>9</v>
      </c>
      <c r="F14902" s="7">
        <v>38657</v>
      </c>
      <c r="G14902" s="8">
        <v>1</v>
      </c>
      <c r="H14902" s="8">
        <v>1</v>
      </c>
      <c r="I14902" s="8">
        <v>0</v>
      </c>
      <c r="J14902" s="8">
        <v>1</v>
      </c>
      <c r="K14902" s="9">
        <v>1150</v>
      </c>
      <c r="L14902" s="6" t="s">
        <v>51</v>
      </c>
    </row>
    <row r="14903" spans="1:12">
      <c r="A14903" s="6" t="s">
        <v>49</v>
      </c>
      <c r="B14903" s="6"/>
      <c r="C14903" s="6" t="s">
        <v>14927</v>
      </c>
      <c r="D14903" s="6"/>
      <c r="E14903" s="6" t="s">
        <v>9</v>
      </c>
      <c r="F14903" s="7">
        <v>38657</v>
      </c>
      <c r="G14903" s="8">
        <v>1</v>
      </c>
      <c r="H14903" s="8">
        <v>1</v>
      </c>
      <c r="I14903" s="8">
        <v>0</v>
      </c>
      <c r="J14903" s="8">
        <v>1</v>
      </c>
      <c r="K14903" s="9">
        <v>121</v>
      </c>
      <c r="L14903" s="6" t="s">
        <v>51</v>
      </c>
    </row>
    <row r="14904" spans="1:12">
      <c r="A14904" s="6" t="s">
        <v>49</v>
      </c>
      <c r="B14904" s="6"/>
      <c r="C14904" s="6" t="s">
        <v>14928</v>
      </c>
      <c r="D14904" s="6"/>
      <c r="E14904" s="6" t="s">
        <v>9</v>
      </c>
      <c r="F14904" s="7">
        <v>38657</v>
      </c>
      <c r="G14904" s="8">
        <v>1</v>
      </c>
      <c r="H14904" s="8">
        <v>1</v>
      </c>
      <c r="I14904" s="8">
        <v>0</v>
      </c>
      <c r="J14904" s="8">
        <v>1</v>
      </c>
      <c r="K14904" s="9">
        <v>66</v>
      </c>
      <c r="L14904" s="6" t="s">
        <v>51</v>
      </c>
    </row>
    <row r="14905" spans="1:12">
      <c r="A14905" s="6" t="s">
        <v>49</v>
      </c>
      <c r="B14905" s="6"/>
      <c r="C14905" s="6" t="s">
        <v>14929</v>
      </c>
      <c r="D14905" s="6"/>
      <c r="E14905" s="6" t="s">
        <v>9</v>
      </c>
      <c r="F14905" s="7">
        <v>38657</v>
      </c>
      <c r="G14905" s="8">
        <v>1</v>
      </c>
      <c r="H14905" s="8">
        <v>1</v>
      </c>
      <c r="I14905" s="8">
        <v>0</v>
      </c>
      <c r="J14905" s="8">
        <v>1</v>
      </c>
      <c r="K14905" s="9">
        <v>524</v>
      </c>
      <c r="L14905" s="6" t="s">
        <v>51</v>
      </c>
    </row>
    <row r="14906" spans="1:12">
      <c r="A14906" s="6" t="s">
        <v>49</v>
      </c>
      <c r="B14906" s="6"/>
      <c r="C14906" s="6" t="s">
        <v>14930</v>
      </c>
      <c r="D14906" s="6"/>
      <c r="E14906" s="6" t="s">
        <v>9</v>
      </c>
      <c r="F14906" s="7">
        <v>38657</v>
      </c>
      <c r="G14906" s="8">
        <v>1</v>
      </c>
      <c r="H14906" s="8">
        <v>1</v>
      </c>
      <c r="I14906" s="8">
        <v>0</v>
      </c>
      <c r="J14906" s="8">
        <v>1</v>
      </c>
      <c r="K14906" s="9">
        <v>750</v>
      </c>
      <c r="L14906" s="6" t="s">
        <v>51</v>
      </c>
    </row>
    <row r="14907" spans="1:12">
      <c r="A14907" s="6" t="s">
        <v>49</v>
      </c>
      <c r="B14907" s="6"/>
      <c r="C14907" s="6" t="s">
        <v>14931</v>
      </c>
      <c r="D14907" s="6"/>
      <c r="E14907" s="6" t="s">
        <v>9</v>
      </c>
      <c r="F14907" s="7">
        <v>38657</v>
      </c>
      <c r="G14907" s="8">
        <v>1</v>
      </c>
      <c r="H14907" s="8">
        <v>1</v>
      </c>
      <c r="I14907" s="8">
        <v>0</v>
      </c>
      <c r="J14907" s="8">
        <v>1</v>
      </c>
      <c r="K14907" s="9">
        <v>68</v>
      </c>
      <c r="L14907" s="6" t="s">
        <v>51</v>
      </c>
    </row>
    <row r="14908" spans="1:12">
      <c r="A14908" s="6" t="s">
        <v>49</v>
      </c>
      <c r="B14908" s="6"/>
      <c r="C14908" s="6" t="s">
        <v>14932</v>
      </c>
      <c r="D14908" s="6"/>
      <c r="E14908" s="6" t="s">
        <v>9</v>
      </c>
      <c r="F14908" s="7">
        <v>38657</v>
      </c>
      <c r="G14908" s="8">
        <v>1</v>
      </c>
      <c r="H14908" s="8">
        <v>1</v>
      </c>
      <c r="I14908" s="8">
        <v>0</v>
      </c>
      <c r="J14908" s="8">
        <v>1</v>
      </c>
      <c r="K14908" s="9">
        <v>315</v>
      </c>
      <c r="L14908" s="6" t="s">
        <v>51</v>
      </c>
    </row>
    <row r="14909" spans="1:12">
      <c r="A14909" s="6" t="s">
        <v>49</v>
      </c>
      <c r="B14909" s="6"/>
      <c r="C14909" s="6" t="s">
        <v>14933</v>
      </c>
      <c r="D14909" s="6"/>
      <c r="E14909" s="6" t="s">
        <v>9</v>
      </c>
      <c r="F14909" s="7">
        <v>38657</v>
      </c>
      <c r="G14909" s="8">
        <v>1</v>
      </c>
      <c r="H14909" s="8">
        <v>1</v>
      </c>
      <c r="I14909" s="8">
        <v>0</v>
      </c>
      <c r="J14909" s="8">
        <v>1</v>
      </c>
      <c r="K14909" s="9">
        <v>1497</v>
      </c>
      <c r="L14909" s="6" t="s">
        <v>51</v>
      </c>
    </row>
    <row r="14910" spans="1:12">
      <c r="A14910" s="6" t="s">
        <v>49</v>
      </c>
      <c r="B14910" s="6"/>
      <c r="C14910" s="6" t="s">
        <v>14934</v>
      </c>
      <c r="D14910" s="6"/>
      <c r="E14910" s="6" t="s">
        <v>9</v>
      </c>
      <c r="F14910" s="7">
        <v>38657</v>
      </c>
      <c r="G14910" s="8">
        <v>1</v>
      </c>
      <c r="H14910" s="8">
        <v>1</v>
      </c>
      <c r="I14910" s="8">
        <v>0</v>
      </c>
      <c r="J14910" s="8">
        <v>1</v>
      </c>
      <c r="K14910" s="9">
        <v>114</v>
      </c>
      <c r="L14910" s="6" t="s">
        <v>51</v>
      </c>
    </row>
    <row r="14911" spans="1:12">
      <c r="A14911" s="6" t="s">
        <v>49</v>
      </c>
      <c r="B14911" s="6"/>
      <c r="C14911" s="6" t="s">
        <v>14935</v>
      </c>
      <c r="D14911" s="6"/>
      <c r="E14911" s="6" t="s">
        <v>9</v>
      </c>
      <c r="F14911" s="7">
        <v>38657</v>
      </c>
      <c r="G14911" s="8">
        <v>1</v>
      </c>
      <c r="H14911" s="8">
        <v>1</v>
      </c>
      <c r="I14911" s="8">
        <v>0</v>
      </c>
      <c r="J14911" s="8">
        <v>1</v>
      </c>
      <c r="K14911" s="9">
        <v>312</v>
      </c>
      <c r="L14911" s="6" t="s">
        <v>51</v>
      </c>
    </row>
    <row r="14912" spans="1:12">
      <c r="A14912" s="6" t="s">
        <v>49</v>
      </c>
      <c r="B14912" s="6"/>
      <c r="C14912" s="6" t="s">
        <v>14936</v>
      </c>
      <c r="D14912" s="6"/>
      <c r="E14912" s="6" t="s">
        <v>9</v>
      </c>
      <c r="F14912" s="7">
        <v>38657</v>
      </c>
      <c r="G14912" s="8">
        <v>1</v>
      </c>
      <c r="H14912" s="8">
        <v>1</v>
      </c>
      <c r="I14912" s="8">
        <v>0</v>
      </c>
      <c r="J14912" s="8">
        <v>1</v>
      </c>
      <c r="K14912" s="9">
        <v>11.57</v>
      </c>
      <c r="L14912" s="6" t="s">
        <v>51</v>
      </c>
    </row>
    <row r="14913" spans="1:12">
      <c r="A14913" s="6" t="s">
        <v>49</v>
      </c>
      <c r="B14913" s="6"/>
      <c r="C14913" s="6" t="s">
        <v>14937</v>
      </c>
      <c r="D14913" s="6"/>
      <c r="E14913" s="6" t="s">
        <v>9</v>
      </c>
      <c r="F14913" s="7">
        <v>38657</v>
      </c>
      <c r="G14913" s="8">
        <v>1</v>
      </c>
      <c r="H14913" s="8">
        <v>1</v>
      </c>
      <c r="I14913" s="8">
        <v>0</v>
      </c>
      <c r="J14913" s="8">
        <v>1</v>
      </c>
      <c r="K14913" s="9">
        <v>59.23</v>
      </c>
      <c r="L14913" s="6" t="s">
        <v>51</v>
      </c>
    </row>
    <row r="14914" spans="1:12">
      <c r="A14914" s="6" t="s">
        <v>49</v>
      </c>
      <c r="B14914" s="6"/>
      <c r="C14914" s="6" t="s">
        <v>14938</v>
      </c>
      <c r="D14914" s="6"/>
      <c r="E14914" s="6" t="s">
        <v>9</v>
      </c>
      <c r="F14914" s="7">
        <v>38657</v>
      </c>
      <c r="G14914" s="8">
        <v>1</v>
      </c>
      <c r="H14914" s="8">
        <v>1</v>
      </c>
      <c r="I14914" s="8">
        <v>0</v>
      </c>
      <c r="J14914" s="8">
        <v>1</v>
      </c>
      <c r="K14914" s="9">
        <v>392</v>
      </c>
      <c r="L14914" s="6" t="s">
        <v>51</v>
      </c>
    </row>
    <row r="14915" spans="1:12">
      <c r="A14915" s="6" t="s">
        <v>49</v>
      </c>
      <c r="B14915" s="6"/>
      <c r="C14915" s="6" t="s">
        <v>14939</v>
      </c>
      <c r="D14915" s="6"/>
      <c r="E14915" s="6" t="s">
        <v>9</v>
      </c>
      <c r="F14915" s="7">
        <v>38657</v>
      </c>
      <c r="G14915" s="8">
        <v>1</v>
      </c>
      <c r="H14915" s="8">
        <v>1</v>
      </c>
      <c r="I14915" s="8">
        <v>0</v>
      </c>
      <c r="J14915" s="8">
        <v>1</v>
      </c>
      <c r="K14915" s="9">
        <v>682</v>
      </c>
      <c r="L14915" s="6" t="s">
        <v>51</v>
      </c>
    </row>
    <row r="14916" spans="1:12">
      <c r="A14916" s="6" t="s">
        <v>49</v>
      </c>
      <c r="B14916" s="6"/>
      <c r="C14916" s="6" t="s">
        <v>14940</v>
      </c>
      <c r="D14916" s="6"/>
      <c r="E14916" s="6" t="s">
        <v>9</v>
      </c>
      <c r="F14916" s="7">
        <v>38657</v>
      </c>
      <c r="G14916" s="8">
        <v>1</v>
      </c>
      <c r="H14916" s="8">
        <v>1</v>
      </c>
      <c r="I14916" s="8">
        <v>0</v>
      </c>
      <c r="J14916" s="8">
        <v>1</v>
      </c>
      <c r="K14916" s="9">
        <v>60</v>
      </c>
      <c r="L14916" s="6" t="s">
        <v>51</v>
      </c>
    </row>
    <row r="14917" spans="1:12">
      <c r="A14917" s="6" t="s">
        <v>49</v>
      </c>
      <c r="B14917" s="6"/>
      <c r="C14917" s="6" t="s">
        <v>14941</v>
      </c>
      <c r="D14917" s="6"/>
      <c r="E14917" s="6" t="s">
        <v>9</v>
      </c>
      <c r="F14917" s="7">
        <v>38657</v>
      </c>
      <c r="G14917" s="8">
        <v>1</v>
      </c>
      <c r="H14917" s="8">
        <v>1</v>
      </c>
      <c r="I14917" s="8">
        <v>0</v>
      </c>
      <c r="J14917" s="8">
        <v>1</v>
      </c>
      <c r="K14917" s="9">
        <v>591</v>
      </c>
      <c r="L14917" s="6" t="s">
        <v>51</v>
      </c>
    </row>
    <row r="14918" spans="1:12">
      <c r="A14918" s="6" t="s">
        <v>49</v>
      </c>
      <c r="B14918" s="6"/>
      <c r="C14918" s="6" t="s">
        <v>14942</v>
      </c>
      <c r="D14918" s="6"/>
      <c r="E14918" s="6" t="s">
        <v>9</v>
      </c>
      <c r="F14918" s="7">
        <v>38657</v>
      </c>
      <c r="G14918" s="8">
        <v>1</v>
      </c>
      <c r="H14918" s="8">
        <v>1</v>
      </c>
      <c r="I14918" s="8">
        <v>0</v>
      </c>
      <c r="J14918" s="8">
        <v>1</v>
      </c>
      <c r="K14918" s="9">
        <v>496</v>
      </c>
      <c r="L14918" s="6" t="s">
        <v>51</v>
      </c>
    </row>
    <row r="14919" spans="1:12">
      <c r="A14919" s="6" t="s">
        <v>49</v>
      </c>
      <c r="B14919" s="6"/>
      <c r="C14919" s="6" t="s">
        <v>14943</v>
      </c>
      <c r="D14919" s="6"/>
      <c r="E14919" s="6" t="s">
        <v>9</v>
      </c>
      <c r="F14919" s="7">
        <v>38657</v>
      </c>
      <c r="G14919" s="8">
        <v>1</v>
      </c>
      <c r="H14919" s="8">
        <v>1</v>
      </c>
      <c r="I14919" s="8">
        <v>0</v>
      </c>
      <c r="J14919" s="8">
        <v>1</v>
      </c>
      <c r="K14919" s="9">
        <v>715</v>
      </c>
      <c r="L14919" s="6" t="s">
        <v>51</v>
      </c>
    </row>
    <row r="14920" spans="1:12">
      <c r="A14920" s="6" t="s">
        <v>49</v>
      </c>
      <c r="B14920" s="6"/>
      <c r="C14920" s="6" t="s">
        <v>14944</v>
      </c>
      <c r="D14920" s="6"/>
      <c r="E14920" s="6" t="s">
        <v>9</v>
      </c>
      <c r="F14920" s="7">
        <v>38657</v>
      </c>
      <c r="G14920" s="8">
        <v>1</v>
      </c>
      <c r="H14920" s="8">
        <v>1</v>
      </c>
      <c r="I14920" s="8">
        <v>0</v>
      </c>
      <c r="J14920" s="8">
        <v>1</v>
      </c>
      <c r="K14920" s="9">
        <v>109</v>
      </c>
      <c r="L14920" s="6" t="s">
        <v>51</v>
      </c>
    </row>
    <row r="14921" spans="1:12">
      <c r="A14921" s="6" t="s">
        <v>49</v>
      </c>
      <c r="B14921" s="6"/>
      <c r="C14921" s="6" t="s">
        <v>14945</v>
      </c>
      <c r="D14921" s="6"/>
      <c r="E14921" s="6" t="s">
        <v>9</v>
      </c>
      <c r="F14921" s="7">
        <v>38657</v>
      </c>
      <c r="G14921" s="8">
        <v>1</v>
      </c>
      <c r="H14921" s="8">
        <v>1</v>
      </c>
      <c r="I14921" s="8">
        <v>0</v>
      </c>
      <c r="J14921" s="8">
        <v>1</v>
      </c>
      <c r="K14921" s="9">
        <v>111</v>
      </c>
      <c r="L14921" s="6" t="s">
        <v>51</v>
      </c>
    </row>
    <row r="14922" spans="1:12">
      <c r="A14922" s="6" t="s">
        <v>49</v>
      </c>
      <c r="B14922" s="6"/>
      <c r="C14922" s="6" t="s">
        <v>14946</v>
      </c>
      <c r="D14922" s="6"/>
      <c r="E14922" s="6" t="s">
        <v>9</v>
      </c>
      <c r="F14922" s="7">
        <v>38657</v>
      </c>
      <c r="G14922" s="8">
        <v>1</v>
      </c>
      <c r="H14922" s="8">
        <v>1</v>
      </c>
      <c r="I14922" s="8">
        <v>0</v>
      </c>
      <c r="J14922" s="8">
        <v>1</v>
      </c>
      <c r="K14922" s="9">
        <v>5725</v>
      </c>
      <c r="L14922" s="6" t="s">
        <v>51</v>
      </c>
    </row>
    <row r="14923" spans="1:12">
      <c r="A14923" s="6" t="s">
        <v>49</v>
      </c>
      <c r="B14923" s="6"/>
      <c r="C14923" s="6" t="s">
        <v>14947</v>
      </c>
      <c r="D14923" s="6"/>
      <c r="E14923" s="6" t="s">
        <v>9</v>
      </c>
      <c r="F14923" s="7">
        <v>38657</v>
      </c>
      <c r="G14923" s="8">
        <v>1</v>
      </c>
      <c r="H14923" s="8">
        <v>1</v>
      </c>
      <c r="I14923" s="8">
        <v>0</v>
      </c>
      <c r="J14923" s="8">
        <v>1</v>
      </c>
      <c r="K14923" s="9">
        <v>799</v>
      </c>
      <c r="L14923" s="6" t="s">
        <v>51</v>
      </c>
    </row>
    <row r="14924" spans="1:12">
      <c r="A14924" s="6" t="s">
        <v>49</v>
      </c>
      <c r="B14924" s="6"/>
      <c r="C14924" s="6" t="s">
        <v>14948</v>
      </c>
      <c r="D14924" s="6"/>
      <c r="E14924" s="6" t="s">
        <v>9</v>
      </c>
      <c r="F14924" s="7">
        <v>38657</v>
      </c>
      <c r="G14924" s="8">
        <v>1</v>
      </c>
      <c r="H14924" s="8">
        <v>1</v>
      </c>
      <c r="I14924" s="8">
        <v>0</v>
      </c>
      <c r="J14924" s="8">
        <v>1</v>
      </c>
      <c r="K14924" s="9">
        <v>63.43</v>
      </c>
      <c r="L14924" s="6" t="s">
        <v>51</v>
      </c>
    </row>
    <row r="14925" spans="1:12">
      <c r="A14925" s="6" t="s">
        <v>49</v>
      </c>
      <c r="B14925" s="6"/>
      <c r="C14925" s="6" t="s">
        <v>14949</v>
      </c>
      <c r="D14925" s="6"/>
      <c r="E14925" s="6" t="s">
        <v>9</v>
      </c>
      <c r="F14925" s="7">
        <v>38657</v>
      </c>
      <c r="G14925" s="8">
        <v>1</v>
      </c>
      <c r="H14925" s="8">
        <v>1</v>
      </c>
      <c r="I14925" s="8">
        <v>0</v>
      </c>
      <c r="J14925" s="8">
        <v>1</v>
      </c>
      <c r="K14925" s="9">
        <v>1427</v>
      </c>
      <c r="L14925" s="6" t="s">
        <v>51</v>
      </c>
    </row>
    <row r="14926" spans="1:12">
      <c r="A14926" s="6" t="s">
        <v>49</v>
      </c>
      <c r="B14926" s="6"/>
      <c r="C14926" s="6" t="s">
        <v>14950</v>
      </c>
      <c r="D14926" s="6"/>
      <c r="E14926" s="6" t="s">
        <v>9</v>
      </c>
      <c r="F14926" s="7">
        <v>38657</v>
      </c>
      <c r="G14926" s="8">
        <v>1</v>
      </c>
      <c r="H14926" s="8">
        <v>1</v>
      </c>
      <c r="I14926" s="8">
        <v>0</v>
      </c>
      <c r="J14926" s="8">
        <v>1</v>
      </c>
      <c r="K14926" s="9">
        <v>70</v>
      </c>
      <c r="L14926" s="6" t="s">
        <v>51</v>
      </c>
    </row>
    <row r="14927" spans="1:12">
      <c r="A14927" s="6" t="s">
        <v>49</v>
      </c>
      <c r="B14927" s="6"/>
      <c r="C14927" s="6" t="s">
        <v>14951</v>
      </c>
      <c r="D14927" s="6"/>
      <c r="E14927" s="6" t="s">
        <v>9</v>
      </c>
      <c r="F14927" s="7">
        <v>38657</v>
      </c>
      <c r="G14927" s="8">
        <v>1</v>
      </c>
      <c r="H14927" s="8">
        <v>1</v>
      </c>
      <c r="I14927" s="8">
        <v>0</v>
      </c>
      <c r="J14927" s="8">
        <v>1</v>
      </c>
      <c r="K14927" s="9">
        <v>1343</v>
      </c>
      <c r="L14927" s="6" t="s">
        <v>51</v>
      </c>
    </row>
    <row r="14928" spans="1:12">
      <c r="A14928" s="6" t="s">
        <v>49</v>
      </c>
      <c r="B14928" s="6"/>
      <c r="C14928" s="6" t="s">
        <v>14952</v>
      </c>
      <c r="D14928" s="6"/>
      <c r="E14928" s="6" t="s">
        <v>9</v>
      </c>
      <c r="F14928" s="7">
        <v>38657</v>
      </c>
      <c r="G14928" s="8">
        <v>1</v>
      </c>
      <c r="H14928" s="8">
        <v>1</v>
      </c>
      <c r="I14928" s="8">
        <v>0</v>
      </c>
      <c r="J14928" s="8">
        <v>1</v>
      </c>
      <c r="K14928" s="9">
        <v>36</v>
      </c>
      <c r="L14928" s="6" t="s">
        <v>51</v>
      </c>
    </row>
    <row r="14929" spans="1:12">
      <c r="A14929" s="6" t="s">
        <v>49</v>
      </c>
      <c r="B14929" s="6"/>
      <c r="C14929" s="6" t="s">
        <v>14953</v>
      </c>
      <c r="D14929" s="6"/>
      <c r="E14929" s="6" t="s">
        <v>9</v>
      </c>
      <c r="F14929" s="7">
        <v>38657</v>
      </c>
      <c r="G14929" s="8">
        <v>1</v>
      </c>
      <c r="H14929" s="8">
        <v>1</v>
      </c>
      <c r="I14929" s="8">
        <v>0</v>
      </c>
      <c r="J14929" s="8">
        <v>1</v>
      </c>
      <c r="K14929" s="9">
        <v>220</v>
      </c>
      <c r="L14929" s="6" t="s">
        <v>51</v>
      </c>
    </row>
    <row r="14930" spans="1:12">
      <c r="A14930" s="6" t="s">
        <v>49</v>
      </c>
      <c r="B14930" s="6"/>
      <c r="C14930" s="6" t="s">
        <v>14954</v>
      </c>
      <c r="D14930" s="6"/>
      <c r="E14930" s="6" t="s">
        <v>9</v>
      </c>
      <c r="F14930" s="7">
        <v>38657</v>
      </c>
      <c r="G14930" s="8">
        <v>1</v>
      </c>
      <c r="H14930" s="8">
        <v>1</v>
      </c>
      <c r="I14930" s="8">
        <v>0</v>
      </c>
      <c r="J14930" s="8">
        <v>1</v>
      </c>
      <c r="K14930" s="9">
        <v>33</v>
      </c>
      <c r="L14930" s="6" t="s">
        <v>51</v>
      </c>
    </row>
    <row r="14931" spans="1:12">
      <c r="A14931" s="6" t="s">
        <v>49</v>
      </c>
      <c r="B14931" s="6"/>
      <c r="C14931" s="6" t="s">
        <v>14955</v>
      </c>
      <c r="D14931" s="6"/>
      <c r="E14931" s="6" t="s">
        <v>9</v>
      </c>
      <c r="F14931" s="7">
        <v>38657</v>
      </c>
      <c r="G14931" s="8">
        <v>1</v>
      </c>
      <c r="H14931" s="8">
        <v>1</v>
      </c>
      <c r="I14931" s="8">
        <v>0</v>
      </c>
      <c r="J14931" s="8">
        <v>1</v>
      </c>
      <c r="K14931" s="9">
        <v>89</v>
      </c>
      <c r="L14931" s="6" t="s">
        <v>51</v>
      </c>
    </row>
    <row r="14932" spans="1:12">
      <c r="A14932" s="6" t="s">
        <v>49</v>
      </c>
      <c r="B14932" s="6"/>
      <c r="C14932" s="6" t="s">
        <v>14956</v>
      </c>
      <c r="D14932" s="6"/>
      <c r="E14932" s="6" t="s">
        <v>9</v>
      </c>
      <c r="F14932" s="7">
        <v>38657</v>
      </c>
      <c r="G14932" s="8">
        <v>1</v>
      </c>
      <c r="H14932" s="8">
        <v>1</v>
      </c>
      <c r="I14932" s="8">
        <v>0</v>
      </c>
      <c r="J14932" s="8">
        <v>1</v>
      </c>
      <c r="K14932" s="9">
        <v>851</v>
      </c>
      <c r="L14932" s="6" t="s">
        <v>51</v>
      </c>
    </row>
    <row r="14933" spans="1:12">
      <c r="A14933" s="6" t="s">
        <v>49</v>
      </c>
      <c r="B14933" s="6"/>
      <c r="C14933" s="6" t="s">
        <v>14957</v>
      </c>
      <c r="D14933" s="6"/>
      <c r="E14933" s="6" t="s">
        <v>9</v>
      </c>
      <c r="F14933" s="7">
        <v>38657</v>
      </c>
      <c r="G14933" s="8">
        <v>1</v>
      </c>
      <c r="H14933" s="8">
        <v>1</v>
      </c>
      <c r="I14933" s="8">
        <v>0</v>
      </c>
      <c r="J14933" s="8">
        <v>1</v>
      </c>
      <c r="K14933" s="9">
        <v>380</v>
      </c>
      <c r="L14933" s="6" t="s">
        <v>51</v>
      </c>
    </row>
    <row r="14934" spans="1:12">
      <c r="A14934" s="6" t="s">
        <v>49</v>
      </c>
      <c r="B14934" s="6"/>
      <c r="C14934" s="6" t="s">
        <v>14958</v>
      </c>
      <c r="D14934" s="6"/>
      <c r="E14934" s="6" t="s">
        <v>9</v>
      </c>
      <c r="F14934" s="7">
        <v>38657</v>
      </c>
      <c r="G14934" s="8">
        <v>1</v>
      </c>
      <c r="H14934" s="8">
        <v>1</v>
      </c>
      <c r="I14934" s="8">
        <v>0</v>
      </c>
      <c r="J14934" s="8">
        <v>1</v>
      </c>
      <c r="K14934" s="9">
        <v>404</v>
      </c>
      <c r="L14934" s="6" t="s">
        <v>51</v>
      </c>
    </row>
    <row r="14935" spans="1:12">
      <c r="A14935" s="6" t="s">
        <v>49</v>
      </c>
      <c r="B14935" s="6"/>
      <c r="C14935" s="6" t="s">
        <v>14959</v>
      </c>
      <c r="D14935" s="6"/>
      <c r="E14935" s="6" t="s">
        <v>9</v>
      </c>
      <c r="F14935" s="7">
        <v>38657</v>
      </c>
      <c r="G14935" s="8">
        <v>1</v>
      </c>
      <c r="H14935" s="8">
        <v>1</v>
      </c>
      <c r="I14935" s="8">
        <v>0</v>
      </c>
      <c r="J14935" s="8">
        <v>1</v>
      </c>
      <c r="K14935" s="9">
        <v>189.28</v>
      </c>
      <c r="L14935" s="6" t="s">
        <v>51</v>
      </c>
    </row>
    <row r="14936" spans="1:12">
      <c r="A14936" s="6" t="s">
        <v>49</v>
      </c>
      <c r="B14936" s="6"/>
      <c r="C14936" s="6" t="s">
        <v>14960</v>
      </c>
      <c r="D14936" s="6"/>
      <c r="E14936" s="6" t="s">
        <v>9</v>
      </c>
      <c r="F14936" s="7">
        <v>38657</v>
      </c>
      <c r="G14936" s="8">
        <v>1</v>
      </c>
      <c r="H14936" s="8">
        <v>1</v>
      </c>
      <c r="I14936" s="8">
        <v>0</v>
      </c>
      <c r="J14936" s="8">
        <v>1</v>
      </c>
      <c r="K14936" s="9">
        <v>600</v>
      </c>
      <c r="L14936" s="6" t="s">
        <v>51</v>
      </c>
    </row>
    <row r="14937" spans="1:12">
      <c r="A14937" s="6" t="s">
        <v>49</v>
      </c>
      <c r="B14937" s="6"/>
      <c r="C14937" s="6" t="s">
        <v>14961</v>
      </c>
      <c r="D14937" s="6"/>
      <c r="E14937" s="6" t="s">
        <v>9</v>
      </c>
      <c r="F14937" s="7">
        <v>38657</v>
      </c>
      <c r="G14937" s="8">
        <v>1</v>
      </c>
      <c r="H14937" s="8">
        <v>1</v>
      </c>
      <c r="I14937" s="8">
        <v>0</v>
      </c>
      <c r="J14937" s="8">
        <v>1</v>
      </c>
      <c r="K14937" s="9">
        <v>34</v>
      </c>
      <c r="L14937" s="6" t="s">
        <v>51</v>
      </c>
    </row>
    <row r="14938" spans="1:12">
      <c r="A14938" s="6" t="s">
        <v>49</v>
      </c>
      <c r="B14938" s="6"/>
      <c r="C14938" s="6" t="s">
        <v>14962</v>
      </c>
      <c r="D14938" s="6"/>
      <c r="E14938" s="6" t="s">
        <v>9</v>
      </c>
      <c r="F14938" s="7">
        <v>38657</v>
      </c>
      <c r="G14938" s="8">
        <v>1</v>
      </c>
      <c r="H14938" s="8">
        <v>1</v>
      </c>
      <c r="I14938" s="8">
        <v>0</v>
      </c>
      <c r="J14938" s="8">
        <v>1</v>
      </c>
      <c r="K14938" s="9">
        <v>538</v>
      </c>
      <c r="L14938" s="6" t="s">
        <v>51</v>
      </c>
    </row>
    <row r="14939" spans="1:12">
      <c r="A14939" s="6" t="s">
        <v>49</v>
      </c>
      <c r="B14939" s="6"/>
      <c r="C14939" s="6" t="s">
        <v>14963</v>
      </c>
      <c r="D14939" s="6"/>
      <c r="E14939" s="6" t="s">
        <v>9</v>
      </c>
      <c r="F14939" s="7">
        <v>38657</v>
      </c>
      <c r="G14939" s="8">
        <v>1</v>
      </c>
      <c r="H14939" s="8">
        <v>1</v>
      </c>
      <c r="I14939" s="8">
        <v>0</v>
      </c>
      <c r="J14939" s="8">
        <v>1</v>
      </c>
      <c r="K14939" s="9">
        <v>2264</v>
      </c>
      <c r="L14939" s="6" t="s">
        <v>51</v>
      </c>
    </row>
    <row r="14940" spans="1:12">
      <c r="A14940" s="6" t="s">
        <v>49</v>
      </c>
      <c r="B14940" s="6"/>
      <c r="C14940" s="6" t="s">
        <v>14964</v>
      </c>
      <c r="D14940" s="6"/>
      <c r="E14940" s="6" t="s">
        <v>9</v>
      </c>
      <c r="F14940" s="7">
        <v>38657</v>
      </c>
      <c r="G14940" s="8">
        <v>1</v>
      </c>
      <c r="H14940" s="8">
        <v>1</v>
      </c>
      <c r="I14940" s="8">
        <v>0</v>
      </c>
      <c r="J14940" s="8">
        <v>1</v>
      </c>
      <c r="K14940" s="9">
        <v>284</v>
      </c>
      <c r="L14940" s="6" t="s">
        <v>51</v>
      </c>
    </row>
    <row r="14941" spans="1:12">
      <c r="A14941" s="6" t="s">
        <v>49</v>
      </c>
      <c r="B14941" s="6"/>
      <c r="C14941" s="6" t="s">
        <v>14965</v>
      </c>
      <c r="D14941" s="6"/>
      <c r="E14941" s="6" t="s">
        <v>9</v>
      </c>
      <c r="F14941" s="7">
        <v>38657</v>
      </c>
      <c r="G14941" s="8">
        <v>1</v>
      </c>
      <c r="H14941" s="8">
        <v>1</v>
      </c>
      <c r="I14941" s="8">
        <v>0</v>
      </c>
      <c r="J14941" s="8">
        <v>1</v>
      </c>
      <c r="K14941" s="9">
        <v>680</v>
      </c>
      <c r="L14941" s="6" t="s">
        <v>51</v>
      </c>
    </row>
    <row r="14942" spans="1:12">
      <c r="A14942" s="6" t="s">
        <v>49</v>
      </c>
      <c r="B14942" s="6"/>
      <c r="C14942" s="6" t="s">
        <v>14966</v>
      </c>
      <c r="D14942" s="6"/>
      <c r="E14942" s="6" t="s">
        <v>9</v>
      </c>
      <c r="F14942" s="7">
        <v>38657</v>
      </c>
      <c r="G14942" s="8">
        <v>1</v>
      </c>
      <c r="H14942" s="8">
        <v>1</v>
      </c>
      <c r="I14942" s="8">
        <v>0</v>
      </c>
      <c r="J14942" s="8">
        <v>1</v>
      </c>
      <c r="K14942" s="9">
        <v>439</v>
      </c>
      <c r="L14942" s="6" t="s">
        <v>51</v>
      </c>
    </row>
    <row r="14943" spans="1:12">
      <c r="A14943" s="6" t="s">
        <v>49</v>
      </c>
      <c r="B14943" s="6"/>
      <c r="C14943" s="6" t="s">
        <v>14967</v>
      </c>
      <c r="D14943" s="6"/>
      <c r="E14943" s="6" t="s">
        <v>9</v>
      </c>
      <c r="F14943" s="7">
        <v>38657</v>
      </c>
      <c r="G14943" s="8">
        <v>1</v>
      </c>
      <c r="H14943" s="8">
        <v>1</v>
      </c>
      <c r="I14943" s="8">
        <v>0</v>
      </c>
      <c r="J14943" s="8">
        <v>1</v>
      </c>
      <c r="K14943" s="9">
        <v>558</v>
      </c>
      <c r="L14943" s="6" t="s">
        <v>51</v>
      </c>
    </row>
    <row r="14944" spans="1:12">
      <c r="A14944" s="6" t="s">
        <v>49</v>
      </c>
      <c r="B14944" s="6"/>
      <c r="C14944" s="6" t="s">
        <v>14968</v>
      </c>
      <c r="D14944" s="6"/>
      <c r="E14944" s="6" t="s">
        <v>9</v>
      </c>
      <c r="F14944" s="7">
        <v>38657</v>
      </c>
      <c r="G14944" s="8">
        <v>1</v>
      </c>
      <c r="H14944" s="8">
        <v>1</v>
      </c>
      <c r="I14944" s="8">
        <v>0</v>
      </c>
      <c r="J14944" s="8">
        <v>1</v>
      </c>
      <c r="K14944" s="9">
        <v>4980</v>
      </c>
      <c r="L14944" s="6" t="s">
        <v>51</v>
      </c>
    </row>
    <row r="14945" spans="1:12">
      <c r="A14945" s="6" t="s">
        <v>49</v>
      </c>
      <c r="B14945" s="6"/>
      <c r="C14945" s="6" t="s">
        <v>14969</v>
      </c>
      <c r="D14945" s="6"/>
      <c r="E14945" s="6" t="s">
        <v>9</v>
      </c>
      <c r="F14945" s="7">
        <v>38657</v>
      </c>
      <c r="G14945" s="8">
        <v>1</v>
      </c>
      <c r="H14945" s="8">
        <v>1</v>
      </c>
      <c r="I14945" s="8">
        <v>0</v>
      </c>
      <c r="J14945" s="8">
        <v>1</v>
      </c>
      <c r="K14945" s="9">
        <v>1408</v>
      </c>
      <c r="L14945" s="6" t="s">
        <v>51</v>
      </c>
    </row>
    <row r="14946" spans="1:12">
      <c r="A14946" s="6" t="s">
        <v>49</v>
      </c>
      <c r="B14946" s="6"/>
      <c r="C14946" s="6" t="s">
        <v>14970</v>
      </c>
      <c r="D14946" s="6"/>
      <c r="E14946" s="6" t="s">
        <v>9</v>
      </c>
      <c r="F14946" s="7">
        <v>38657</v>
      </c>
      <c r="G14946" s="8">
        <v>1</v>
      </c>
      <c r="H14946" s="8">
        <v>1</v>
      </c>
      <c r="I14946" s="8">
        <v>0</v>
      </c>
      <c r="J14946" s="8">
        <v>1</v>
      </c>
      <c r="K14946" s="9">
        <v>199.05</v>
      </c>
      <c r="L14946" s="6" t="s">
        <v>51</v>
      </c>
    </row>
    <row r="14947" spans="1:12">
      <c r="A14947" s="6" t="s">
        <v>49</v>
      </c>
      <c r="B14947" s="6"/>
      <c r="C14947" s="6" t="s">
        <v>14971</v>
      </c>
      <c r="D14947" s="6"/>
      <c r="E14947" s="6" t="s">
        <v>9</v>
      </c>
      <c r="F14947" s="7">
        <v>38657</v>
      </c>
      <c r="G14947" s="8">
        <v>1</v>
      </c>
      <c r="H14947" s="8">
        <v>1</v>
      </c>
      <c r="I14947" s="8">
        <v>0</v>
      </c>
      <c r="J14947" s="8">
        <v>1</v>
      </c>
      <c r="K14947" s="9">
        <v>2080</v>
      </c>
      <c r="L14947" s="6" t="s">
        <v>51</v>
      </c>
    </row>
    <row r="14948" spans="1:12">
      <c r="A14948" s="6" t="s">
        <v>49</v>
      </c>
      <c r="B14948" s="6"/>
      <c r="C14948" s="6" t="s">
        <v>14972</v>
      </c>
      <c r="D14948" s="6"/>
      <c r="E14948" s="6" t="s">
        <v>9</v>
      </c>
      <c r="F14948" s="7">
        <v>38657</v>
      </c>
      <c r="G14948" s="8">
        <v>1</v>
      </c>
      <c r="H14948" s="8">
        <v>1</v>
      </c>
      <c r="I14948" s="8">
        <v>0</v>
      </c>
      <c r="J14948" s="8">
        <v>1</v>
      </c>
      <c r="K14948" s="9">
        <v>1473</v>
      </c>
      <c r="L14948" s="6" t="s">
        <v>51</v>
      </c>
    </row>
    <row r="14949" spans="1:12">
      <c r="A14949" s="6" t="s">
        <v>49</v>
      </c>
      <c r="B14949" s="6"/>
      <c r="C14949" s="6" t="s">
        <v>14973</v>
      </c>
      <c r="D14949" s="6"/>
      <c r="E14949" s="6" t="s">
        <v>9</v>
      </c>
      <c r="F14949" s="7">
        <v>38657</v>
      </c>
      <c r="G14949" s="8">
        <v>1</v>
      </c>
      <c r="H14949" s="8">
        <v>1</v>
      </c>
      <c r="I14949" s="8">
        <v>0</v>
      </c>
      <c r="J14949" s="8">
        <v>1</v>
      </c>
      <c r="K14949" s="9">
        <v>78</v>
      </c>
      <c r="L14949" s="6" t="s">
        <v>51</v>
      </c>
    </row>
    <row r="14950" spans="1:12">
      <c r="A14950" s="6" t="s">
        <v>49</v>
      </c>
      <c r="B14950" s="6"/>
      <c r="C14950" s="6" t="s">
        <v>14974</v>
      </c>
      <c r="D14950" s="6"/>
      <c r="E14950" s="6" t="s">
        <v>9</v>
      </c>
      <c r="F14950" s="7">
        <v>38657</v>
      </c>
      <c r="G14950" s="8">
        <v>1</v>
      </c>
      <c r="H14950" s="8">
        <v>1</v>
      </c>
      <c r="I14950" s="8">
        <v>0</v>
      </c>
      <c r="J14950" s="8">
        <v>1</v>
      </c>
      <c r="K14950" s="9">
        <v>85</v>
      </c>
      <c r="L14950" s="6" t="s">
        <v>51</v>
      </c>
    </row>
    <row r="14951" spans="1:12">
      <c r="A14951" s="6" t="s">
        <v>49</v>
      </c>
      <c r="B14951" s="6"/>
      <c r="C14951" s="6" t="s">
        <v>14975</v>
      </c>
      <c r="D14951" s="6"/>
      <c r="E14951" s="6" t="s">
        <v>9</v>
      </c>
      <c r="F14951" s="7">
        <v>38657</v>
      </c>
      <c r="G14951" s="8">
        <v>1</v>
      </c>
      <c r="H14951" s="8">
        <v>1</v>
      </c>
      <c r="I14951" s="8">
        <v>0</v>
      </c>
      <c r="J14951" s="8">
        <v>1</v>
      </c>
      <c r="K14951" s="9">
        <v>1073</v>
      </c>
      <c r="L14951" s="6" t="s">
        <v>51</v>
      </c>
    </row>
    <row r="14952" spans="1:12">
      <c r="A14952" s="6" t="s">
        <v>49</v>
      </c>
      <c r="B14952" s="6"/>
      <c r="C14952" s="6" t="s">
        <v>14976</v>
      </c>
      <c r="D14952" s="6"/>
      <c r="E14952" s="6" t="s">
        <v>9</v>
      </c>
      <c r="F14952" s="7">
        <v>38657</v>
      </c>
      <c r="G14952" s="8">
        <v>1</v>
      </c>
      <c r="H14952" s="8">
        <v>1</v>
      </c>
      <c r="I14952" s="8">
        <v>0</v>
      </c>
      <c r="J14952" s="8">
        <v>1</v>
      </c>
      <c r="K14952" s="9">
        <v>2</v>
      </c>
      <c r="L14952" s="6" t="s">
        <v>51</v>
      </c>
    </row>
    <row r="14953" spans="1:12">
      <c r="A14953" s="6" t="s">
        <v>49</v>
      </c>
      <c r="B14953" s="6"/>
      <c r="C14953" s="6" t="s">
        <v>14977</v>
      </c>
      <c r="D14953" s="6"/>
      <c r="E14953" s="6" t="s">
        <v>9</v>
      </c>
      <c r="F14953" s="7">
        <v>38657</v>
      </c>
      <c r="G14953" s="8">
        <v>1</v>
      </c>
      <c r="H14953" s="8">
        <v>1</v>
      </c>
      <c r="I14953" s="8">
        <v>0</v>
      </c>
      <c r="J14953" s="8">
        <v>1</v>
      </c>
      <c r="K14953" s="9">
        <v>68</v>
      </c>
      <c r="L14953" s="6" t="s">
        <v>51</v>
      </c>
    </row>
    <row r="14954" spans="1:12">
      <c r="A14954" s="6" t="s">
        <v>49</v>
      </c>
      <c r="B14954" s="6"/>
      <c r="C14954" s="6" t="s">
        <v>14978</v>
      </c>
      <c r="D14954" s="6"/>
      <c r="E14954" s="6" t="s">
        <v>9</v>
      </c>
      <c r="F14954" s="7">
        <v>38657</v>
      </c>
      <c r="G14954" s="8">
        <v>1</v>
      </c>
      <c r="H14954" s="8">
        <v>1</v>
      </c>
      <c r="I14954" s="8">
        <v>0</v>
      </c>
      <c r="J14954" s="8">
        <v>1</v>
      </c>
      <c r="K14954" s="9">
        <v>558</v>
      </c>
      <c r="L14954" s="6" t="s">
        <v>51</v>
      </c>
    </row>
    <row r="14955" spans="1:12">
      <c r="A14955" s="6" t="s">
        <v>49</v>
      </c>
      <c r="B14955" s="6"/>
      <c r="C14955" s="6" t="s">
        <v>14979</v>
      </c>
      <c r="D14955" s="6"/>
      <c r="E14955" s="6" t="s">
        <v>9</v>
      </c>
      <c r="F14955" s="7">
        <v>38657</v>
      </c>
      <c r="G14955" s="8">
        <v>1</v>
      </c>
      <c r="H14955" s="8">
        <v>1</v>
      </c>
      <c r="I14955" s="8">
        <v>0</v>
      </c>
      <c r="J14955" s="8">
        <v>1</v>
      </c>
      <c r="K14955" s="9">
        <v>537</v>
      </c>
      <c r="L14955" s="6" t="s">
        <v>51</v>
      </c>
    </row>
    <row r="14956" spans="1:12">
      <c r="A14956" s="6" t="s">
        <v>49</v>
      </c>
      <c r="B14956" s="6"/>
      <c r="C14956" s="6" t="s">
        <v>14980</v>
      </c>
      <c r="D14956" s="6"/>
      <c r="E14956" s="6" t="s">
        <v>9</v>
      </c>
      <c r="F14956" s="7">
        <v>38657</v>
      </c>
      <c r="G14956" s="8">
        <v>1</v>
      </c>
      <c r="H14956" s="8">
        <v>1</v>
      </c>
      <c r="I14956" s="8">
        <v>0</v>
      </c>
      <c r="J14956" s="8">
        <v>1</v>
      </c>
      <c r="K14956" s="9">
        <v>554</v>
      </c>
      <c r="L14956" s="6" t="s">
        <v>51</v>
      </c>
    </row>
    <row r="14957" spans="1:12">
      <c r="A14957" s="6" t="s">
        <v>49</v>
      </c>
      <c r="B14957" s="6"/>
      <c r="C14957" s="6" t="s">
        <v>14981</v>
      </c>
      <c r="D14957" s="6"/>
      <c r="E14957" s="6" t="s">
        <v>9</v>
      </c>
      <c r="F14957" s="7">
        <v>38657</v>
      </c>
      <c r="G14957" s="8">
        <v>1</v>
      </c>
      <c r="H14957" s="8">
        <v>1</v>
      </c>
      <c r="I14957" s="8">
        <v>0</v>
      </c>
      <c r="J14957" s="8">
        <v>1</v>
      </c>
      <c r="K14957" s="9">
        <v>178</v>
      </c>
      <c r="L14957" s="6" t="s">
        <v>51</v>
      </c>
    </row>
    <row r="14958" spans="1:12">
      <c r="A14958" s="6" t="s">
        <v>49</v>
      </c>
      <c r="B14958" s="6"/>
      <c r="C14958" s="6" t="s">
        <v>14982</v>
      </c>
      <c r="D14958" s="6"/>
      <c r="E14958" s="6" t="s">
        <v>9</v>
      </c>
      <c r="F14958" s="7">
        <v>38657</v>
      </c>
      <c r="G14958" s="8">
        <v>1</v>
      </c>
      <c r="H14958" s="8">
        <v>1</v>
      </c>
      <c r="I14958" s="8">
        <v>0</v>
      </c>
      <c r="J14958" s="8">
        <v>1</v>
      </c>
      <c r="K14958" s="9">
        <v>553</v>
      </c>
      <c r="L14958" s="6" t="s">
        <v>51</v>
      </c>
    </row>
    <row r="14959" spans="1:12">
      <c r="A14959" s="6" t="s">
        <v>49</v>
      </c>
      <c r="B14959" s="6"/>
      <c r="C14959" s="6" t="s">
        <v>14983</v>
      </c>
      <c r="D14959" s="6"/>
      <c r="E14959" s="6" t="s">
        <v>9</v>
      </c>
      <c r="F14959" s="7">
        <v>38657</v>
      </c>
      <c r="G14959" s="8">
        <v>1</v>
      </c>
      <c r="H14959" s="8">
        <v>1</v>
      </c>
      <c r="I14959" s="8">
        <v>0</v>
      </c>
      <c r="J14959" s="8">
        <v>1</v>
      </c>
      <c r="K14959" s="9">
        <v>732</v>
      </c>
      <c r="L14959" s="6" t="s">
        <v>51</v>
      </c>
    </row>
    <row r="14960" spans="1:12">
      <c r="A14960" s="6" t="s">
        <v>49</v>
      </c>
      <c r="B14960" s="6"/>
      <c r="C14960" s="6" t="s">
        <v>14984</v>
      </c>
      <c r="D14960" s="6"/>
      <c r="E14960" s="6" t="s">
        <v>9</v>
      </c>
      <c r="F14960" s="7">
        <v>38657</v>
      </c>
      <c r="G14960" s="8">
        <v>1</v>
      </c>
      <c r="H14960" s="8">
        <v>1</v>
      </c>
      <c r="I14960" s="8">
        <v>0</v>
      </c>
      <c r="J14960" s="8">
        <v>1</v>
      </c>
      <c r="K14960" s="9">
        <v>19</v>
      </c>
      <c r="L14960" s="6" t="s">
        <v>51</v>
      </c>
    </row>
    <row r="14961" spans="1:12">
      <c r="A14961" s="6" t="s">
        <v>49</v>
      </c>
      <c r="B14961" s="6"/>
      <c r="C14961" s="6" t="s">
        <v>14985</v>
      </c>
      <c r="D14961" s="6"/>
      <c r="E14961" s="6" t="s">
        <v>9</v>
      </c>
      <c r="F14961" s="7">
        <v>38657</v>
      </c>
      <c r="G14961" s="8">
        <v>1</v>
      </c>
      <c r="H14961" s="8">
        <v>1</v>
      </c>
      <c r="I14961" s="8">
        <v>0</v>
      </c>
      <c r="J14961" s="8">
        <v>1</v>
      </c>
      <c r="K14961" s="9">
        <v>7684</v>
      </c>
      <c r="L14961" s="6" t="s">
        <v>51</v>
      </c>
    </row>
    <row r="14962" spans="1:12">
      <c r="A14962" s="6" t="s">
        <v>49</v>
      </c>
      <c r="B14962" s="6"/>
      <c r="C14962" s="6" t="s">
        <v>14986</v>
      </c>
      <c r="D14962" s="6"/>
      <c r="E14962" s="6" t="s">
        <v>9</v>
      </c>
      <c r="F14962" s="7">
        <v>38657</v>
      </c>
      <c r="G14962" s="8">
        <v>1</v>
      </c>
      <c r="H14962" s="8">
        <v>1</v>
      </c>
      <c r="I14962" s="8">
        <v>0</v>
      </c>
      <c r="J14962" s="8">
        <v>1</v>
      </c>
      <c r="K14962" s="9">
        <v>116</v>
      </c>
      <c r="L14962" s="6" t="s">
        <v>51</v>
      </c>
    </row>
    <row r="14963" spans="1:12">
      <c r="A14963" s="6" t="s">
        <v>49</v>
      </c>
      <c r="B14963" s="6"/>
      <c r="C14963" s="6" t="s">
        <v>14987</v>
      </c>
      <c r="D14963" s="6"/>
      <c r="E14963" s="6" t="s">
        <v>9</v>
      </c>
      <c r="F14963" s="7">
        <v>38657</v>
      </c>
      <c r="G14963" s="8">
        <v>1</v>
      </c>
      <c r="H14963" s="8">
        <v>1</v>
      </c>
      <c r="I14963" s="8">
        <v>0</v>
      </c>
      <c r="J14963" s="8">
        <v>1</v>
      </c>
      <c r="K14963" s="9">
        <v>5.43</v>
      </c>
      <c r="L14963" s="6" t="s">
        <v>51</v>
      </c>
    </row>
    <row r="14964" spans="1:12">
      <c r="A14964" s="6" t="s">
        <v>49</v>
      </c>
      <c r="B14964" s="6"/>
      <c r="C14964" s="6" t="s">
        <v>14988</v>
      </c>
      <c r="D14964" s="6"/>
      <c r="E14964" s="6" t="s">
        <v>9</v>
      </c>
      <c r="F14964" s="7">
        <v>38657</v>
      </c>
      <c r="G14964" s="8">
        <v>1</v>
      </c>
      <c r="H14964" s="8">
        <v>1</v>
      </c>
      <c r="I14964" s="8">
        <v>0</v>
      </c>
      <c r="J14964" s="8">
        <v>1</v>
      </c>
      <c r="K14964" s="9">
        <v>1539</v>
      </c>
      <c r="L14964" s="6" t="s">
        <v>51</v>
      </c>
    </row>
    <row r="14965" spans="1:12">
      <c r="A14965" s="6" t="s">
        <v>49</v>
      </c>
      <c r="B14965" s="6"/>
      <c r="C14965" s="6" t="s">
        <v>14989</v>
      </c>
      <c r="D14965" s="6"/>
      <c r="E14965" s="6" t="s">
        <v>9</v>
      </c>
      <c r="F14965" s="7">
        <v>38657</v>
      </c>
      <c r="G14965" s="8">
        <v>1</v>
      </c>
      <c r="H14965" s="8">
        <v>1</v>
      </c>
      <c r="I14965" s="8">
        <v>0</v>
      </c>
      <c r="J14965" s="8">
        <v>1</v>
      </c>
      <c r="K14965" s="9">
        <v>19</v>
      </c>
      <c r="L14965" s="6" t="s">
        <v>51</v>
      </c>
    </row>
    <row r="14966" spans="1:12">
      <c r="A14966" s="6" t="s">
        <v>49</v>
      </c>
      <c r="B14966" s="6"/>
      <c r="C14966" s="6" t="s">
        <v>14990</v>
      </c>
      <c r="D14966" s="6"/>
      <c r="E14966" s="6" t="s">
        <v>9</v>
      </c>
      <c r="F14966" s="7">
        <v>38657</v>
      </c>
      <c r="G14966" s="8">
        <v>1</v>
      </c>
      <c r="H14966" s="8">
        <v>1</v>
      </c>
      <c r="I14966" s="8">
        <v>0</v>
      </c>
      <c r="J14966" s="8">
        <v>1</v>
      </c>
      <c r="K14966" s="9">
        <v>16</v>
      </c>
      <c r="L14966" s="6" t="s">
        <v>51</v>
      </c>
    </row>
    <row r="14967" spans="1:12">
      <c r="A14967" s="6" t="s">
        <v>49</v>
      </c>
      <c r="B14967" s="6"/>
      <c r="C14967" s="6" t="s">
        <v>14991</v>
      </c>
      <c r="D14967" s="6"/>
      <c r="E14967" s="6" t="s">
        <v>9</v>
      </c>
      <c r="F14967" s="7">
        <v>38657</v>
      </c>
      <c r="G14967" s="8">
        <v>1</v>
      </c>
      <c r="H14967" s="8">
        <v>1</v>
      </c>
      <c r="I14967" s="8">
        <v>0</v>
      </c>
      <c r="J14967" s="8">
        <v>1</v>
      </c>
      <c r="K14967" s="9">
        <v>109</v>
      </c>
      <c r="L14967" s="6" t="s">
        <v>51</v>
      </c>
    </row>
    <row r="14968" spans="1:12">
      <c r="A14968" s="6" t="s">
        <v>49</v>
      </c>
      <c r="B14968" s="6"/>
      <c r="C14968" s="6" t="s">
        <v>14992</v>
      </c>
      <c r="D14968" s="6"/>
      <c r="E14968" s="6" t="s">
        <v>9</v>
      </c>
      <c r="F14968" s="7">
        <v>38657</v>
      </c>
      <c r="G14968" s="8">
        <v>1</v>
      </c>
      <c r="H14968" s="8">
        <v>1</v>
      </c>
      <c r="I14968" s="8">
        <v>0</v>
      </c>
      <c r="J14968" s="8">
        <v>1</v>
      </c>
      <c r="K14968" s="9">
        <v>25.91</v>
      </c>
      <c r="L14968" s="6" t="s">
        <v>51</v>
      </c>
    </row>
    <row r="14969" spans="1:12">
      <c r="A14969" s="6" t="s">
        <v>49</v>
      </c>
      <c r="B14969" s="6"/>
      <c r="C14969" s="6" t="s">
        <v>14993</v>
      </c>
      <c r="D14969" s="6"/>
      <c r="E14969" s="6" t="s">
        <v>9</v>
      </c>
      <c r="F14969" s="7">
        <v>38657</v>
      </c>
      <c r="G14969" s="8">
        <v>1</v>
      </c>
      <c r="H14969" s="8">
        <v>1</v>
      </c>
      <c r="I14969" s="8">
        <v>0</v>
      </c>
      <c r="J14969" s="8">
        <v>1</v>
      </c>
      <c r="K14969" s="9">
        <v>276</v>
      </c>
      <c r="L14969" s="6" t="s">
        <v>51</v>
      </c>
    </row>
    <row r="14970" spans="1:12">
      <c r="A14970" s="6" t="s">
        <v>49</v>
      </c>
      <c r="B14970" s="6"/>
      <c r="C14970" s="6" t="s">
        <v>14994</v>
      </c>
      <c r="D14970" s="6"/>
      <c r="E14970" s="6" t="s">
        <v>9</v>
      </c>
      <c r="F14970" s="7">
        <v>38657</v>
      </c>
      <c r="G14970" s="8">
        <v>1</v>
      </c>
      <c r="H14970" s="8">
        <v>1</v>
      </c>
      <c r="I14970" s="8">
        <v>0</v>
      </c>
      <c r="J14970" s="8">
        <v>1</v>
      </c>
      <c r="K14970" s="9">
        <v>418</v>
      </c>
      <c r="L14970" s="6" t="s">
        <v>51</v>
      </c>
    </row>
    <row r="14971" spans="1:12">
      <c r="A14971" s="6" t="s">
        <v>49</v>
      </c>
      <c r="B14971" s="6"/>
      <c r="C14971" s="6" t="s">
        <v>14995</v>
      </c>
      <c r="D14971" s="6"/>
      <c r="E14971" s="6" t="s">
        <v>9</v>
      </c>
      <c r="F14971" s="7">
        <v>38657</v>
      </c>
      <c r="G14971" s="8">
        <v>1</v>
      </c>
      <c r="H14971" s="8">
        <v>1</v>
      </c>
      <c r="I14971" s="8">
        <v>0</v>
      </c>
      <c r="J14971" s="8">
        <v>1</v>
      </c>
      <c r="K14971" s="9">
        <v>612</v>
      </c>
      <c r="L14971" s="6" t="s">
        <v>51</v>
      </c>
    </row>
    <row r="14972" spans="1:12">
      <c r="A14972" s="6" t="s">
        <v>49</v>
      </c>
      <c r="B14972" s="6"/>
      <c r="C14972" s="6" t="s">
        <v>14996</v>
      </c>
      <c r="D14972" s="6"/>
      <c r="E14972" s="6" t="s">
        <v>9</v>
      </c>
      <c r="F14972" s="7">
        <v>38657</v>
      </c>
      <c r="G14972" s="8">
        <v>1</v>
      </c>
      <c r="H14972" s="8">
        <v>1</v>
      </c>
      <c r="I14972" s="8">
        <v>0</v>
      </c>
      <c r="J14972" s="8">
        <v>1</v>
      </c>
      <c r="K14972" s="9">
        <v>446</v>
      </c>
      <c r="L14972" s="6" t="s">
        <v>51</v>
      </c>
    </row>
    <row r="14973" spans="1:12">
      <c r="A14973" s="6" t="s">
        <v>49</v>
      </c>
      <c r="B14973" s="6"/>
      <c r="C14973" s="6" t="s">
        <v>14997</v>
      </c>
      <c r="D14973" s="6"/>
      <c r="E14973" s="6" t="s">
        <v>9</v>
      </c>
      <c r="F14973" s="7">
        <v>38657</v>
      </c>
      <c r="G14973" s="8">
        <v>1</v>
      </c>
      <c r="H14973" s="8">
        <v>1</v>
      </c>
      <c r="I14973" s="8">
        <v>0</v>
      </c>
      <c r="J14973" s="8">
        <v>1</v>
      </c>
      <c r="K14973" s="9">
        <v>1152</v>
      </c>
      <c r="L14973" s="6" t="s">
        <v>51</v>
      </c>
    </row>
    <row r="14974" spans="1:12">
      <c r="A14974" s="6" t="s">
        <v>49</v>
      </c>
      <c r="B14974" s="6"/>
      <c r="C14974" s="6" t="s">
        <v>14998</v>
      </c>
      <c r="D14974" s="6"/>
      <c r="E14974" s="6" t="s">
        <v>9</v>
      </c>
      <c r="F14974" s="7">
        <v>38657</v>
      </c>
      <c r="G14974" s="8">
        <v>1</v>
      </c>
      <c r="H14974" s="8">
        <v>1</v>
      </c>
      <c r="I14974" s="8">
        <v>0</v>
      </c>
      <c r="J14974" s="8">
        <v>1</v>
      </c>
      <c r="K14974" s="9">
        <v>1327</v>
      </c>
      <c r="L14974" s="6" t="s">
        <v>51</v>
      </c>
    </row>
    <row r="14975" spans="1:12">
      <c r="A14975" s="6" t="s">
        <v>49</v>
      </c>
      <c r="B14975" s="6"/>
      <c r="C14975" s="6" t="s">
        <v>14999</v>
      </c>
      <c r="D14975" s="6"/>
      <c r="E14975" s="6" t="s">
        <v>9</v>
      </c>
      <c r="F14975" s="7">
        <v>38657</v>
      </c>
      <c r="G14975" s="8">
        <v>1</v>
      </c>
      <c r="H14975" s="8">
        <v>1</v>
      </c>
      <c r="I14975" s="8">
        <v>0</v>
      </c>
      <c r="J14975" s="8">
        <v>1</v>
      </c>
      <c r="K14975" s="9">
        <v>3130</v>
      </c>
      <c r="L14975" s="6" t="s">
        <v>51</v>
      </c>
    </row>
    <row r="14976" spans="1:12">
      <c r="A14976" s="6" t="s">
        <v>49</v>
      </c>
      <c r="B14976" s="6"/>
      <c r="C14976" s="6" t="s">
        <v>15000</v>
      </c>
      <c r="D14976" s="6"/>
      <c r="E14976" s="6" t="s">
        <v>9</v>
      </c>
      <c r="F14976" s="7">
        <v>38657</v>
      </c>
      <c r="G14976" s="8">
        <v>6016824</v>
      </c>
      <c r="H14976" s="8">
        <v>6016824</v>
      </c>
      <c r="I14976" s="8">
        <v>0</v>
      </c>
      <c r="J14976" s="8">
        <v>6016824</v>
      </c>
      <c r="K14976" s="9">
        <v>1177</v>
      </c>
      <c r="L14976" s="6" t="s">
        <v>23</v>
      </c>
    </row>
    <row r="14977" spans="1:12">
      <c r="A14977" s="6" t="s">
        <v>49</v>
      </c>
      <c r="B14977" s="6"/>
      <c r="C14977" s="6" t="s">
        <v>15001</v>
      </c>
      <c r="D14977" s="6"/>
      <c r="E14977" s="6" t="s">
        <v>9</v>
      </c>
      <c r="F14977" s="7">
        <v>38657</v>
      </c>
      <c r="G14977" s="8">
        <v>1</v>
      </c>
      <c r="H14977" s="8">
        <v>1</v>
      </c>
      <c r="I14977" s="8">
        <v>0</v>
      </c>
      <c r="J14977" s="8">
        <v>1</v>
      </c>
      <c r="K14977" s="9">
        <v>2705</v>
      </c>
      <c r="L14977" s="6" t="s">
        <v>51</v>
      </c>
    </row>
    <row r="14978" spans="1:12">
      <c r="A14978" s="6" t="s">
        <v>49</v>
      </c>
      <c r="B14978" s="6"/>
      <c r="C14978" s="6" t="s">
        <v>15002</v>
      </c>
      <c r="D14978" s="6"/>
      <c r="E14978" s="6" t="s">
        <v>9</v>
      </c>
      <c r="F14978" s="7">
        <v>38657</v>
      </c>
      <c r="G14978" s="8">
        <v>1</v>
      </c>
      <c r="H14978" s="8">
        <v>1</v>
      </c>
      <c r="I14978" s="8">
        <v>0</v>
      </c>
      <c r="J14978" s="8">
        <v>1</v>
      </c>
      <c r="K14978" s="9">
        <v>660</v>
      </c>
      <c r="L14978" s="6" t="s">
        <v>51</v>
      </c>
    </row>
    <row r="14979" spans="1:12">
      <c r="A14979" s="6" t="s">
        <v>49</v>
      </c>
      <c r="B14979" s="6"/>
      <c r="C14979" s="6" t="s">
        <v>15003</v>
      </c>
      <c r="D14979" s="6"/>
      <c r="E14979" s="6" t="s">
        <v>9</v>
      </c>
      <c r="F14979" s="7">
        <v>38657</v>
      </c>
      <c r="G14979" s="8">
        <v>1</v>
      </c>
      <c r="H14979" s="8">
        <v>1</v>
      </c>
      <c r="I14979" s="8">
        <v>0</v>
      </c>
      <c r="J14979" s="8">
        <v>1</v>
      </c>
      <c r="K14979" s="9">
        <v>81.319999999999894</v>
      </c>
      <c r="L14979" s="6" t="s">
        <v>51</v>
      </c>
    </row>
    <row r="14980" spans="1:12">
      <c r="A14980" s="6" t="s">
        <v>49</v>
      </c>
      <c r="B14980" s="6"/>
      <c r="C14980" s="6" t="s">
        <v>15004</v>
      </c>
      <c r="D14980" s="6"/>
      <c r="E14980" s="6" t="s">
        <v>9</v>
      </c>
      <c r="F14980" s="7">
        <v>38657</v>
      </c>
      <c r="G14980" s="8">
        <v>1</v>
      </c>
      <c r="H14980" s="8">
        <v>1</v>
      </c>
      <c r="I14980" s="8">
        <v>0</v>
      </c>
      <c r="J14980" s="8">
        <v>1</v>
      </c>
      <c r="K14980" s="9">
        <v>822</v>
      </c>
      <c r="L14980" s="6" t="s">
        <v>51</v>
      </c>
    </row>
    <row r="14981" spans="1:12">
      <c r="A14981" s="6" t="s">
        <v>49</v>
      </c>
      <c r="B14981" s="6"/>
      <c r="C14981" s="6" t="s">
        <v>15005</v>
      </c>
      <c r="D14981" s="6"/>
      <c r="E14981" s="6" t="s">
        <v>9</v>
      </c>
      <c r="F14981" s="7">
        <v>38657</v>
      </c>
      <c r="G14981" s="8">
        <v>1</v>
      </c>
      <c r="H14981" s="8">
        <v>1</v>
      </c>
      <c r="I14981" s="8">
        <v>0</v>
      </c>
      <c r="J14981" s="8">
        <v>1</v>
      </c>
      <c r="K14981" s="9">
        <v>822</v>
      </c>
      <c r="L14981" s="6" t="s">
        <v>51</v>
      </c>
    </row>
    <row r="14982" spans="1:12">
      <c r="A14982" s="6" t="s">
        <v>49</v>
      </c>
      <c r="B14982" s="6"/>
      <c r="C14982" s="6" t="s">
        <v>15006</v>
      </c>
      <c r="D14982" s="6"/>
      <c r="E14982" s="6" t="s">
        <v>9</v>
      </c>
      <c r="F14982" s="7">
        <v>38657</v>
      </c>
      <c r="G14982" s="8">
        <v>1</v>
      </c>
      <c r="H14982" s="8">
        <v>1</v>
      </c>
      <c r="I14982" s="8">
        <v>0</v>
      </c>
      <c r="J14982" s="8">
        <v>1</v>
      </c>
      <c r="K14982" s="9">
        <v>677</v>
      </c>
      <c r="L14982" s="6" t="s">
        <v>51</v>
      </c>
    </row>
    <row r="14983" spans="1:12">
      <c r="A14983" s="6" t="s">
        <v>49</v>
      </c>
      <c r="B14983" s="6"/>
      <c r="C14983" s="6" t="s">
        <v>15007</v>
      </c>
      <c r="D14983" s="6"/>
      <c r="E14983" s="6" t="s">
        <v>9</v>
      </c>
      <c r="F14983" s="7">
        <v>38657</v>
      </c>
      <c r="G14983" s="8">
        <v>1</v>
      </c>
      <c r="H14983" s="8">
        <v>1</v>
      </c>
      <c r="I14983" s="8">
        <v>0</v>
      </c>
      <c r="J14983" s="8">
        <v>1</v>
      </c>
      <c r="K14983" s="9">
        <v>3050</v>
      </c>
      <c r="L14983" s="6" t="s">
        <v>51</v>
      </c>
    </row>
    <row r="14984" spans="1:12">
      <c r="A14984" s="6" t="s">
        <v>49</v>
      </c>
      <c r="B14984" s="6"/>
      <c r="C14984" s="6" t="s">
        <v>15008</v>
      </c>
      <c r="D14984" s="6"/>
      <c r="E14984" s="6" t="s">
        <v>9</v>
      </c>
      <c r="F14984" s="7">
        <v>38657</v>
      </c>
      <c r="G14984" s="8">
        <v>1</v>
      </c>
      <c r="H14984" s="8">
        <v>1</v>
      </c>
      <c r="I14984" s="8">
        <v>0</v>
      </c>
      <c r="J14984" s="8">
        <v>1</v>
      </c>
      <c r="K14984" s="9">
        <v>5702</v>
      </c>
      <c r="L14984" s="6" t="s">
        <v>51</v>
      </c>
    </row>
    <row r="14985" spans="1:12">
      <c r="A14985" s="6" t="s">
        <v>49</v>
      </c>
      <c r="B14985" s="6"/>
      <c r="C14985" s="6" t="s">
        <v>15009</v>
      </c>
      <c r="D14985" s="6"/>
      <c r="E14985" s="6" t="s">
        <v>9</v>
      </c>
      <c r="F14985" s="7">
        <v>38657</v>
      </c>
      <c r="G14985" s="8">
        <v>1</v>
      </c>
      <c r="H14985" s="8">
        <v>1</v>
      </c>
      <c r="I14985" s="8">
        <v>0</v>
      </c>
      <c r="J14985" s="8">
        <v>1</v>
      </c>
      <c r="K14985" s="9">
        <v>1565</v>
      </c>
      <c r="L14985" s="6" t="s">
        <v>51</v>
      </c>
    </row>
    <row r="14986" spans="1:12">
      <c r="A14986" s="6" t="s">
        <v>49</v>
      </c>
      <c r="B14986" s="6"/>
      <c r="C14986" s="6" t="s">
        <v>15010</v>
      </c>
      <c r="D14986" s="6"/>
      <c r="E14986" s="6" t="s">
        <v>9</v>
      </c>
      <c r="F14986" s="7">
        <v>38657</v>
      </c>
      <c r="G14986" s="8">
        <v>1</v>
      </c>
      <c r="H14986" s="8">
        <v>1</v>
      </c>
      <c r="I14986" s="8">
        <v>0</v>
      </c>
      <c r="J14986" s="8">
        <v>1</v>
      </c>
      <c r="K14986" s="9">
        <v>795</v>
      </c>
      <c r="L14986" s="6" t="s">
        <v>51</v>
      </c>
    </row>
    <row r="14987" spans="1:12">
      <c r="A14987" s="6" t="s">
        <v>49</v>
      </c>
      <c r="B14987" s="6"/>
      <c r="C14987" s="6" t="s">
        <v>15011</v>
      </c>
      <c r="D14987" s="6"/>
      <c r="E14987" s="6" t="s">
        <v>9</v>
      </c>
      <c r="F14987" s="7">
        <v>38657</v>
      </c>
      <c r="G14987" s="8">
        <v>1</v>
      </c>
      <c r="H14987" s="8">
        <v>1</v>
      </c>
      <c r="I14987" s="8">
        <v>0</v>
      </c>
      <c r="J14987" s="8">
        <v>1</v>
      </c>
      <c r="K14987" s="9">
        <v>811</v>
      </c>
      <c r="L14987" s="6" t="s">
        <v>51</v>
      </c>
    </row>
    <row r="14988" spans="1:12">
      <c r="A14988" s="6" t="s">
        <v>49</v>
      </c>
      <c r="B14988" s="6"/>
      <c r="C14988" s="6" t="s">
        <v>15012</v>
      </c>
      <c r="D14988" s="6"/>
      <c r="E14988" s="6" t="s">
        <v>9</v>
      </c>
      <c r="F14988" s="7">
        <v>38657</v>
      </c>
      <c r="G14988" s="8">
        <v>1</v>
      </c>
      <c r="H14988" s="8">
        <v>1</v>
      </c>
      <c r="I14988" s="8">
        <v>0</v>
      </c>
      <c r="J14988" s="8">
        <v>1</v>
      </c>
      <c r="K14988" s="9">
        <v>353</v>
      </c>
      <c r="L14988" s="6" t="s">
        <v>51</v>
      </c>
    </row>
    <row r="14989" spans="1:12">
      <c r="A14989" s="6" t="s">
        <v>49</v>
      </c>
      <c r="B14989" s="6"/>
      <c r="C14989" s="6" t="s">
        <v>15013</v>
      </c>
      <c r="D14989" s="6"/>
      <c r="E14989" s="6" t="s">
        <v>9</v>
      </c>
      <c r="F14989" s="7">
        <v>38657</v>
      </c>
      <c r="G14989" s="8">
        <v>1</v>
      </c>
      <c r="H14989" s="8">
        <v>1</v>
      </c>
      <c r="I14989" s="8">
        <v>0</v>
      </c>
      <c r="J14989" s="8">
        <v>1</v>
      </c>
      <c r="K14989" s="9">
        <v>338</v>
      </c>
      <c r="L14989" s="6" t="s">
        <v>51</v>
      </c>
    </row>
    <row r="14990" spans="1:12">
      <c r="A14990" s="6" t="s">
        <v>49</v>
      </c>
      <c r="B14990" s="6"/>
      <c r="C14990" s="6" t="s">
        <v>15014</v>
      </c>
      <c r="D14990" s="6"/>
      <c r="E14990" s="6" t="s">
        <v>9</v>
      </c>
      <c r="F14990" s="7">
        <v>38657</v>
      </c>
      <c r="G14990" s="8">
        <v>1</v>
      </c>
      <c r="H14990" s="8">
        <v>1</v>
      </c>
      <c r="I14990" s="8">
        <v>0</v>
      </c>
      <c r="J14990" s="8">
        <v>1</v>
      </c>
      <c r="K14990" s="9">
        <v>26.38</v>
      </c>
      <c r="L14990" s="6" t="s">
        <v>51</v>
      </c>
    </row>
    <row r="14991" spans="1:12">
      <c r="A14991" s="6" t="s">
        <v>49</v>
      </c>
      <c r="B14991" s="6"/>
      <c r="C14991" s="6" t="s">
        <v>15015</v>
      </c>
      <c r="D14991" s="6"/>
      <c r="E14991" s="6" t="s">
        <v>9</v>
      </c>
      <c r="F14991" s="7">
        <v>38657</v>
      </c>
      <c r="G14991" s="8">
        <v>1</v>
      </c>
      <c r="H14991" s="8">
        <v>1</v>
      </c>
      <c r="I14991" s="8">
        <v>0</v>
      </c>
      <c r="J14991" s="8">
        <v>1</v>
      </c>
      <c r="K14991" s="9">
        <v>2245</v>
      </c>
      <c r="L14991" s="6" t="s">
        <v>51</v>
      </c>
    </row>
    <row r="14992" spans="1:12">
      <c r="A14992" s="6" t="s">
        <v>49</v>
      </c>
      <c r="B14992" s="6"/>
      <c r="C14992" s="6" t="s">
        <v>15016</v>
      </c>
      <c r="D14992" s="6"/>
      <c r="E14992" s="6" t="s">
        <v>9</v>
      </c>
      <c r="F14992" s="7">
        <v>38657</v>
      </c>
      <c r="G14992" s="8">
        <v>3430152</v>
      </c>
      <c r="H14992" s="8">
        <v>3430152</v>
      </c>
      <c r="I14992" s="8">
        <v>0</v>
      </c>
      <c r="J14992" s="8">
        <v>3430152</v>
      </c>
      <c r="K14992" s="9">
        <v>671</v>
      </c>
      <c r="L14992" s="6" t="s">
        <v>23</v>
      </c>
    </row>
    <row r="14993" spans="1:12">
      <c r="A14993" s="6" t="s">
        <v>49</v>
      </c>
      <c r="B14993" s="6"/>
      <c r="C14993" s="6" t="s">
        <v>15017</v>
      </c>
      <c r="D14993" s="6"/>
      <c r="E14993" s="6" t="s">
        <v>9</v>
      </c>
      <c r="F14993" s="7">
        <v>38657</v>
      </c>
      <c r="G14993" s="8">
        <v>1</v>
      </c>
      <c r="H14993" s="8">
        <v>1</v>
      </c>
      <c r="I14993" s="8">
        <v>0</v>
      </c>
      <c r="J14993" s="8">
        <v>1</v>
      </c>
      <c r="K14993" s="9">
        <v>68</v>
      </c>
      <c r="L14993" s="6" t="s">
        <v>51</v>
      </c>
    </row>
    <row r="14994" spans="1:12">
      <c r="A14994" s="6" t="s">
        <v>49</v>
      </c>
      <c r="B14994" s="6"/>
      <c r="C14994" s="6" t="s">
        <v>15018</v>
      </c>
      <c r="D14994" s="6"/>
      <c r="E14994" s="6" t="s">
        <v>9</v>
      </c>
      <c r="F14994" s="7">
        <v>38657</v>
      </c>
      <c r="G14994" s="8">
        <v>1</v>
      </c>
      <c r="H14994" s="8">
        <v>1</v>
      </c>
      <c r="I14994" s="8">
        <v>0</v>
      </c>
      <c r="J14994" s="8">
        <v>1</v>
      </c>
      <c r="K14994" s="9">
        <v>1296</v>
      </c>
      <c r="L14994" s="6" t="s">
        <v>51</v>
      </c>
    </row>
    <row r="14995" spans="1:12">
      <c r="A14995" s="6" t="s">
        <v>49</v>
      </c>
      <c r="B14995" s="6"/>
      <c r="C14995" s="6" t="s">
        <v>15019</v>
      </c>
      <c r="D14995" s="6"/>
      <c r="E14995" s="6" t="s">
        <v>9</v>
      </c>
      <c r="F14995" s="7">
        <v>38657</v>
      </c>
      <c r="G14995" s="8">
        <v>1</v>
      </c>
      <c r="H14995" s="8">
        <v>1</v>
      </c>
      <c r="I14995" s="8">
        <v>0</v>
      </c>
      <c r="J14995" s="8">
        <v>1</v>
      </c>
      <c r="K14995" s="9">
        <v>571</v>
      </c>
      <c r="L14995" s="6" t="s">
        <v>51</v>
      </c>
    </row>
    <row r="14996" spans="1:12">
      <c r="A14996" s="6" t="s">
        <v>49</v>
      </c>
      <c r="B14996" s="6"/>
      <c r="C14996" s="6" t="s">
        <v>15020</v>
      </c>
      <c r="D14996" s="6"/>
      <c r="E14996" s="6" t="s">
        <v>9</v>
      </c>
      <c r="F14996" s="7">
        <v>38657</v>
      </c>
      <c r="G14996" s="8">
        <v>1</v>
      </c>
      <c r="H14996" s="8">
        <v>1</v>
      </c>
      <c r="I14996" s="8">
        <v>0</v>
      </c>
      <c r="J14996" s="8">
        <v>1</v>
      </c>
      <c r="K14996" s="9">
        <v>463</v>
      </c>
      <c r="L14996" s="6" t="s">
        <v>51</v>
      </c>
    </row>
    <row r="14997" spans="1:12">
      <c r="A14997" s="6" t="s">
        <v>49</v>
      </c>
      <c r="B14997" s="6"/>
      <c r="C14997" s="6" t="s">
        <v>15021</v>
      </c>
      <c r="D14997" s="6"/>
      <c r="E14997" s="6" t="s">
        <v>9</v>
      </c>
      <c r="F14997" s="7">
        <v>38657</v>
      </c>
      <c r="G14997" s="8">
        <v>1</v>
      </c>
      <c r="H14997" s="8">
        <v>1</v>
      </c>
      <c r="I14997" s="8">
        <v>0</v>
      </c>
      <c r="J14997" s="8">
        <v>1</v>
      </c>
      <c r="K14997" s="9">
        <v>1097</v>
      </c>
      <c r="L14997" s="6" t="s">
        <v>51</v>
      </c>
    </row>
    <row r="14998" spans="1:12">
      <c r="A14998" s="6" t="s">
        <v>49</v>
      </c>
      <c r="B14998" s="6"/>
      <c r="C14998" s="6" t="s">
        <v>15022</v>
      </c>
      <c r="D14998" s="6"/>
      <c r="E14998" s="6" t="s">
        <v>9</v>
      </c>
      <c r="F14998" s="7">
        <v>38657</v>
      </c>
      <c r="G14998" s="8">
        <v>1</v>
      </c>
      <c r="H14998" s="8">
        <v>1</v>
      </c>
      <c r="I14998" s="8">
        <v>0</v>
      </c>
      <c r="J14998" s="8">
        <v>1</v>
      </c>
      <c r="K14998" s="9">
        <v>1485</v>
      </c>
      <c r="L14998" s="6" t="s">
        <v>51</v>
      </c>
    </row>
    <row r="14999" spans="1:12">
      <c r="A14999" s="6" t="s">
        <v>49</v>
      </c>
      <c r="B14999" s="6"/>
      <c r="C14999" s="6" t="s">
        <v>15023</v>
      </c>
      <c r="D14999" s="6"/>
      <c r="E14999" s="6" t="s">
        <v>9</v>
      </c>
      <c r="F14999" s="7">
        <v>38657</v>
      </c>
      <c r="G14999" s="8">
        <v>1</v>
      </c>
      <c r="H14999" s="8">
        <v>1</v>
      </c>
      <c r="I14999" s="8">
        <v>0</v>
      </c>
      <c r="J14999" s="8">
        <v>1</v>
      </c>
      <c r="K14999" s="9">
        <v>753</v>
      </c>
      <c r="L14999" s="6" t="s">
        <v>51</v>
      </c>
    </row>
    <row r="15000" spans="1:12">
      <c r="A15000" s="6" t="s">
        <v>49</v>
      </c>
      <c r="B15000" s="6"/>
      <c r="C15000" s="6" t="s">
        <v>15024</v>
      </c>
      <c r="D15000" s="6"/>
      <c r="E15000" s="6" t="s">
        <v>9</v>
      </c>
      <c r="F15000" s="7">
        <v>38657</v>
      </c>
      <c r="G15000" s="8">
        <v>1</v>
      </c>
      <c r="H15000" s="8">
        <v>1</v>
      </c>
      <c r="I15000" s="8">
        <v>0</v>
      </c>
      <c r="J15000" s="8">
        <v>1</v>
      </c>
      <c r="K15000" s="9">
        <v>464</v>
      </c>
      <c r="L15000" s="6" t="s">
        <v>51</v>
      </c>
    </row>
    <row r="15001" spans="1:12">
      <c r="A15001" s="6" t="s">
        <v>49</v>
      </c>
      <c r="B15001" s="6"/>
      <c r="C15001" s="6" t="s">
        <v>15025</v>
      </c>
      <c r="D15001" s="6"/>
      <c r="E15001" s="6" t="s">
        <v>9</v>
      </c>
      <c r="F15001" s="7">
        <v>38657</v>
      </c>
      <c r="G15001" s="8">
        <v>1</v>
      </c>
      <c r="H15001" s="8">
        <v>1</v>
      </c>
      <c r="I15001" s="8">
        <v>0</v>
      </c>
      <c r="J15001" s="8">
        <v>1</v>
      </c>
      <c r="K15001" s="9">
        <v>37.950000000000003</v>
      </c>
      <c r="L15001" s="6" t="s">
        <v>51</v>
      </c>
    </row>
    <row r="15002" spans="1:12">
      <c r="A15002" s="6" t="s">
        <v>49</v>
      </c>
      <c r="B15002" s="6"/>
      <c r="C15002" s="6" t="s">
        <v>15026</v>
      </c>
      <c r="D15002" s="6"/>
      <c r="E15002" s="6" t="s">
        <v>9</v>
      </c>
      <c r="F15002" s="7">
        <v>38657</v>
      </c>
      <c r="G15002" s="8">
        <v>1</v>
      </c>
      <c r="H15002" s="8">
        <v>1</v>
      </c>
      <c r="I15002" s="8">
        <v>0</v>
      </c>
      <c r="J15002" s="8">
        <v>1</v>
      </c>
      <c r="K15002" s="9">
        <v>329</v>
      </c>
      <c r="L15002" s="6" t="s">
        <v>51</v>
      </c>
    </row>
    <row r="15003" spans="1:12">
      <c r="A15003" s="6" t="s">
        <v>49</v>
      </c>
      <c r="B15003" s="6"/>
      <c r="C15003" s="6" t="s">
        <v>15027</v>
      </c>
      <c r="D15003" s="6"/>
      <c r="E15003" s="6" t="s">
        <v>9</v>
      </c>
      <c r="F15003" s="7">
        <v>38657</v>
      </c>
      <c r="G15003" s="8">
        <v>1</v>
      </c>
      <c r="H15003" s="8">
        <v>1</v>
      </c>
      <c r="I15003" s="8">
        <v>0</v>
      </c>
      <c r="J15003" s="8">
        <v>1</v>
      </c>
      <c r="K15003" s="9">
        <v>584</v>
      </c>
      <c r="L15003" s="6" t="s">
        <v>51</v>
      </c>
    </row>
    <row r="15004" spans="1:12">
      <c r="A15004" s="6" t="s">
        <v>49</v>
      </c>
      <c r="B15004" s="6"/>
      <c r="C15004" s="6" t="s">
        <v>15028</v>
      </c>
      <c r="D15004" s="6"/>
      <c r="E15004" s="6" t="s">
        <v>9</v>
      </c>
      <c r="F15004" s="7">
        <v>38657</v>
      </c>
      <c r="G15004" s="8">
        <v>1</v>
      </c>
      <c r="H15004" s="8">
        <v>1</v>
      </c>
      <c r="I15004" s="8">
        <v>0</v>
      </c>
      <c r="J15004" s="8">
        <v>1</v>
      </c>
      <c r="K15004" s="9">
        <v>768</v>
      </c>
      <c r="L15004" s="6" t="s">
        <v>51</v>
      </c>
    </row>
    <row r="15005" spans="1:12">
      <c r="A15005" s="6" t="s">
        <v>49</v>
      </c>
      <c r="B15005" s="6"/>
      <c r="C15005" s="6" t="s">
        <v>15029</v>
      </c>
      <c r="D15005" s="6"/>
      <c r="E15005" s="6" t="s">
        <v>9</v>
      </c>
      <c r="F15005" s="7">
        <v>38657</v>
      </c>
      <c r="G15005" s="8">
        <v>1</v>
      </c>
      <c r="H15005" s="8">
        <v>1</v>
      </c>
      <c r="I15005" s="8">
        <v>0</v>
      </c>
      <c r="J15005" s="8">
        <v>1</v>
      </c>
      <c r="K15005" s="9">
        <v>106</v>
      </c>
      <c r="L15005" s="6" t="s">
        <v>51</v>
      </c>
    </row>
    <row r="15006" spans="1:12">
      <c r="A15006" s="6" t="s">
        <v>49</v>
      </c>
      <c r="B15006" s="6"/>
      <c r="C15006" s="6" t="s">
        <v>15030</v>
      </c>
      <c r="D15006" s="6"/>
      <c r="E15006" s="6" t="s">
        <v>9</v>
      </c>
      <c r="F15006" s="7">
        <v>38657</v>
      </c>
      <c r="G15006" s="8">
        <v>1</v>
      </c>
      <c r="H15006" s="8">
        <v>1</v>
      </c>
      <c r="I15006" s="8">
        <v>0</v>
      </c>
      <c r="J15006" s="8">
        <v>1</v>
      </c>
      <c r="K15006" s="9">
        <v>13.22</v>
      </c>
      <c r="L15006" s="6" t="s">
        <v>51</v>
      </c>
    </row>
    <row r="15007" spans="1:12">
      <c r="A15007" s="6" t="s">
        <v>49</v>
      </c>
      <c r="B15007" s="6"/>
      <c r="C15007" s="6" t="s">
        <v>15031</v>
      </c>
      <c r="D15007" s="6"/>
      <c r="E15007" s="6" t="s">
        <v>9</v>
      </c>
      <c r="F15007" s="7">
        <v>38657</v>
      </c>
      <c r="G15007" s="8">
        <v>1</v>
      </c>
      <c r="H15007" s="8">
        <v>1</v>
      </c>
      <c r="I15007" s="8">
        <v>0</v>
      </c>
      <c r="J15007" s="8">
        <v>1</v>
      </c>
      <c r="K15007" s="9">
        <v>13</v>
      </c>
      <c r="L15007" s="6" t="s">
        <v>51</v>
      </c>
    </row>
    <row r="15008" spans="1:12">
      <c r="A15008" s="6" t="s">
        <v>49</v>
      </c>
      <c r="B15008" s="6"/>
      <c r="C15008" s="6" t="s">
        <v>15032</v>
      </c>
      <c r="D15008" s="6"/>
      <c r="E15008" s="6" t="s">
        <v>9</v>
      </c>
      <c r="F15008" s="7">
        <v>38657</v>
      </c>
      <c r="G15008" s="8">
        <v>1</v>
      </c>
      <c r="H15008" s="8">
        <v>1</v>
      </c>
      <c r="I15008" s="8">
        <v>0</v>
      </c>
      <c r="J15008" s="8">
        <v>1</v>
      </c>
      <c r="K15008" s="9">
        <v>104.94</v>
      </c>
      <c r="L15008" s="6" t="s">
        <v>51</v>
      </c>
    </row>
    <row r="15009" spans="1:12">
      <c r="A15009" s="6" t="s">
        <v>49</v>
      </c>
      <c r="B15009" s="6"/>
      <c r="C15009" s="6" t="s">
        <v>15033</v>
      </c>
      <c r="D15009" s="6"/>
      <c r="E15009" s="6" t="s">
        <v>9</v>
      </c>
      <c r="F15009" s="7">
        <v>38657</v>
      </c>
      <c r="G15009" s="8">
        <v>1</v>
      </c>
      <c r="H15009" s="8">
        <v>1</v>
      </c>
      <c r="I15009" s="8">
        <v>0</v>
      </c>
      <c r="J15009" s="8">
        <v>1</v>
      </c>
      <c r="K15009" s="9">
        <v>105</v>
      </c>
      <c r="L15009" s="6" t="s">
        <v>51</v>
      </c>
    </row>
    <row r="15010" spans="1:12">
      <c r="A15010" s="6" t="s">
        <v>49</v>
      </c>
      <c r="B15010" s="6"/>
      <c r="C15010" s="6" t="s">
        <v>15034</v>
      </c>
      <c r="D15010" s="6"/>
      <c r="E15010" s="6" t="s">
        <v>9</v>
      </c>
      <c r="F15010" s="7">
        <v>38657</v>
      </c>
      <c r="G15010" s="8">
        <v>1</v>
      </c>
      <c r="H15010" s="8">
        <v>1</v>
      </c>
      <c r="I15010" s="8">
        <v>0</v>
      </c>
      <c r="J15010" s="8">
        <v>1</v>
      </c>
      <c r="K15010" s="9">
        <v>121</v>
      </c>
      <c r="L15010" s="6" t="s">
        <v>51</v>
      </c>
    </row>
    <row r="15011" spans="1:12">
      <c r="A15011" s="6" t="s">
        <v>49</v>
      </c>
      <c r="B15011" s="6"/>
      <c r="C15011" s="6" t="s">
        <v>15035</v>
      </c>
      <c r="D15011" s="6"/>
      <c r="E15011" s="6" t="s">
        <v>9</v>
      </c>
      <c r="F15011" s="7">
        <v>38657</v>
      </c>
      <c r="G15011" s="8">
        <v>1</v>
      </c>
      <c r="H15011" s="8">
        <v>1</v>
      </c>
      <c r="I15011" s="8">
        <v>0</v>
      </c>
      <c r="J15011" s="8">
        <v>1</v>
      </c>
      <c r="K15011" s="9">
        <v>121</v>
      </c>
      <c r="L15011" s="6" t="s">
        <v>51</v>
      </c>
    </row>
    <row r="15012" spans="1:12">
      <c r="A15012" s="6" t="s">
        <v>49</v>
      </c>
      <c r="B15012" s="6"/>
      <c r="C15012" s="6" t="s">
        <v>15036</v>
      </c>
      <c r="D15012" s="6"/>
      <c r="E15012" s="6" t="s">
        <v>9</v>
      </c>
      <c r="F15012" s="7">
        <v>38657</v>
      </c>
      <c r="G15012" s="8">
        <v>1</v>
      </c>
      <c r="H15012" s="8">
        <v>1</v>
      </c>
      <c r="I15012" s="8">
        <v>0</v>
      </c>
      <c r="J15012" s="8">
        <v>1</v>
      </c>
      <c r="K15012" s="9">
        <v>98.67</v>
      </c>
      <c r="L15012" s="6" t="s">
        <v>51</v>
      </c>
    </row>
    <row r="15013" spans="1:12">
      <c r="A15013" s="6" t="s">
        <v>49</v>
      </c>
      <c r="B15013" s="6"/>
      <c r="C15013" s="6" t="s">
        <v>15037</v>
      </c>
      <c r="D15013" s="6"/>
      <c r="E15013" s="6" t="s">
        <v>9</v>
      </c>
      <c r="F15013" s="7">
        <v>38657</v>
      </c>
      <c r="G15013" s="8">
        <v>1</v>
      </c>
      <c r="H15013" s="8">
        <v>1</v>
      </c>
      <c r="I15013" s="8">
        <v>0</v>
      </c>
      <c r="J15013" s="8">
        <v>1</v>
      </c>
      <c r="K15013" s="9">
        <v>103</v>
      </c>
      <c r="L15013" s="6" t="s">
        <v>51</v>
      </c>
    </row>
    <row r="15014" spans="1:12">
      <c r="A15014" s="6" t="s">
        <v>49</v>
      </c>
      <c r="B15014" s="6"/>
      <c r="C15014" s="6" t="s">
        <v>15038</v>
      </c>
      <c r="D15014" s="6"/>
      <c r="E15014" s="6" t="s">
        <v>9</v>
      </c>
      <c r="F15014" s="7">
        <v>38657</v>
      </c>
      <c r="G15014" s="8">
        <v>1</v>
      </c>
      <c r="H15014" s="8">
        <v>1</v>
      </c>
      <c r="I15014" s="8">
        <v>0</v>
      </c>
      <c r="J15014" s="8">
        <v>1</v>
      </c>
      <c r="K15014" s="9">
        <v>20</v>
      </c>
      <c r="L15014" s="6" t="s">
        <v>51</v>
      </c>
    </row>
    <row r="15015" spans="1:12">
      <c r="A15015" s="6" t="s">
        <v>49</v>
      </c>
      <c r="B15015" s="6"/>
      <c r="C15015" s="6" t="s">
        <v>15039</v>
      </c>
      <c r="D15015" s="6"/>
      <c r="E15015" s="6" t="s">
        <v>9</v>
      </c>
      <c r="F15015" s="7">
        <v>41364</v>
      </c>
      <c r="G15015" s="8">
        <v>1</v>
      </c>
      <c r="H15015" s="8">
        <v>1</v>
      </c>
      <c r="I15015" s="8">
        <v>0</v>
      </c>
      <c r="J15015" s="8">
        <v>1</v>
      </c>
      <c r="K15015" s="9">
        <v>52</v>
      </c>
      <c r="L15015" s="6" t="s">
        <v>51</v>
      </c>
    </row>
    <row r="15016" spans="1:12">
      <c r="A15016" s="6" t="s">
        <v>49</v>
      </c>
      <c r="B15016" s="6"/>
      <c r="C15016" s="6" t="s">
        <v>15040</v>
      </c>
      <c r="D15016" s="6"/>
      <c r="E15016" s="6" t="s">
        <v>9</v>
      </c>
      <c r="F15016" s="7">
        <v>38657</v>
      </c>
      <c r="G15016" s="8">
        <v>1</v>
      </c>
      <c r="H15016" s="8">
        <v>1</v>
      </c>
      <c r="I15016" s="8">
        <v>0</v>
      </c>
      <c r="J15016" s="8">
        <v>1</v>
      </c>
      <c r="K15016" s="9">
        <v>16.510000000000002</v>
      </c>
      <c r="L15016" s="6" t="s">
        <v>51</v>
      </c>
    </row>
    <row r="15017" spans="1:12">
      <c r="A15017" s="6" t="s">
        <v>49</v>
      </c>
      <c r="B15017" s="6"/>
      <c r="C15017" s="6" t="s">
        <v>15041</v>
      </c>
      <c r="D15017" s="6"/>
      <c r="E15017" s="6" t="s">
        <v>9</v>
      </c>
      <c r="F15017" s="7">
        <v>38657</v>
      </c>
      <c r="G15017" s="8">
        <v>1</v>
      </c>
      <c r="H15017" s="8">
        <v>1</v>
      </c>
      <c r="I15017" s="8">
        <v>0</v>
      </c>
      <c r="J15017" s="8">
        <v>1</v>
      </c>
      <c r="K15017" s="9">
        <v>14</v>
      </c>
      <c r="L15017" s="6" t="s">
        <v>51</v>
      </c>
    </row>
    <row r="15018" spans="1:12">
      <c r="A15018" s="6" t="s">
        <v>49</v>
      </c>
      <c r="B15018" s="6"/>
      <c r="C15018" s="6" t="s">
        <v>15042</v>
      </c>
      <c r="D15018" s="6"/>
      <c r="E15018" s="6" t="s">
        <v>9</v>
      </c>
      <c r="F15018" s="7">
        <v>38657</v>
      </c>
      <c r="G15018" s="8">
        <v>1</v>
      </c>
      <c r="H15018" s="8">
        <v>1</v>
      </c>
      <c r="I15018" s="8">
        <v>0</v>
      </c>
      <c r="J15018" s="8">
        <v>1</v>
      </c>
      <c r="K15018" s="9">
        <v>16</v>
      </c>
      <c r="L15018" s="6" t="s">
        <v>51</v>
      </c>
    </row>
    <row r="15019" spans="1:12">
      <c r="A15019" s="6" t="s">
        <v>49</v>
      </c>
      <c r="B15019" s="6"/>
      <c r="C15019" s="6" t="s">
        <v>15043</v>
      </c>
      <c r="D15019" s="6"/>
      <c r="E15019" s="6" t="s">
        <v>9</v>
      </c>
      <c r="F15019" s="7">
        <v>38657</v>
      </c>
      <c r="G15019" s="8">
        <v>1</v>
      </c>
      <c r="H15019" s="8">
        <v>1</v>
      </c>
      <c r="I15019" s="8">
        <v>0</v>
      </c>
      <c r="J15019" s="8">
        <v>1</v>
      </c>
      <c r="K15019" s="9">
        <v>31.41</v>
      </c>
      <c r="L15019" s="6" t="s">
        <v>51</v>
      </c>
    </row>
    <row r="15020" spans="1:12">
      <c r="A15020" s="6" t="s">
        <v>49</v>
      </c>
      <c r="B15020" s="6"/>
      <c r="C15020" s="6" t="s">
        <v>15044</v>
      </c>
      <c r="D15020" s="6"/>
      <c r="E15020" s="6" t="s">
        <v>9</v>
      </c>
      <c r="F15020" s="7">
        <v>38657</v>
      </c>
      <c r="G15020" s="8">
        <v>1</v>
      </c>
      <c r="H15020" s="8">
        <v>1</v>
      </c>
      <c r="I15020" s="8">
        <v>0</v>
      </c>
      <c r="J15020" s="8">
        <v>1</v>
      </c>
      <c r="K15020" s="9">
        <v>2.58</v>
      </c>
      <c r="L15020" s="6" t="s">
        <v>51</v>
      </c>
    </row>
    <row r="15021" spans="1:12">
      <c r="A15021" s="6" t="s">
        <v>49</v>
      </c>
      <c r="B15021" s="6"/>
      <c r="C15021" s="6" t="s">
        <v>15045</v>
      </c>
      <c r="D15021" s="6"/>
      <c r="E15021" s="6" t="s">
        <v>9</v>
      </c>
      <c r="F15021" s="7">
        <v>38657</v>
      </c>
      <c r="G15021" s="8">
        <v>1</v>
      </c>
      <c r="H15021" s="8">
        <v>1</v>
      </c>
      <c r="I15021" s="8">
        <v>0</v>
      </c>
      <c r="J15021" s="8">
        <v>1</v>
      </c>
      <c r="K15021" s="9">
        <v>261</v>
      </c>
      <c r="L15021" s="6" t="s">
        <v>51</v>
      </c>
    </row>
    <row r="15022" spans="1:12">
      <c r="A15022" s="6" t="s">
        <v>49</v>
      </c>
      <c r="B15022" s="6"/>
      <c r="C15022" s="6" t="s">
        <v>15046</v>
      </c>
      <c r="D15022" s="6"/>
      <c r="E15022" s="6" t="s">
        <v>9</v>
      </c>
      <c r="F15022" s="7">
        <v>38657</v>
      </c>
      <c r="G15022" s="8">
        <v>1</v>
      </c>
      <c r="H15022" s="8">
        <v>1</v>
      </c>
      <c r="I15022" s="8">
        <v>0</v>
      </c>
      <c r="J15022" s="8">
        <v>1</v>
      </c>
      <c r="K15022" s="9">
        <v>261</v>
      </c>
      <c r="L15022" s="6" t="s">
        <v>51</v>
      </c>
    </row>
    <row r="15023" spans="1:12">
      <c r="A15023" s="6" t="s">
        <v>49</v>
      </c>
      <c r="B15023" s="6"/>
      <c r="C15023" s="6" t="s">
        <v>15047</v>
      </c>
      <c r="D15023" s="6"/>
      <c r="E15023" s="6" t="s">
        <v>9</v>
      </c>
      <c r="F15023" s="7">
        <v>38657</v>
      </c>
      <c r="G15023" s="8">
        <v>1</v>
      </c>
      <c r="H15023" s="8">
        <v>1</v>
      </c>
      <c r="I15023" s="8">
        <v>0</v>
      </c>
      <c r="J15023" s="8">
        <v>1</v>
      </c>
      <c r="K15023" s="9">
        <v>9.25</v>
      </c>
      <c r="L15023" s="6" t="s">
        <v>51</v>
      </c>
    </row>
    <row r="15024" spans="1:12">
      <c r="A15024" s="6" t="s">
        <v>49</v>
      </c>
      <c r="B15024" s="6"/>
      <c r="C15024" s="6" t="s">
        <v>15048</v>
      </c>
      <c r="D15024" s="6"/>
      <c r="E15024" s="6" t="s">
        <v>9</v>
      </c>
      <c r="F15024" s="7">
        <v>38657</v>
      </c>
      <c r="G15024" s="8">
        <v>1</v>
      </c>
      <c r="H15024" s="8">
        <v>1</v>
      </c>
      <c r="I15024" s="8">
        <v>0</v>
      </c>
      <c r="J15024" s="8">
        <v>1</v>
      </c>
      <c r="K15024" s="9">
        <v>49.09</v>
      </c>
      <c r="L15024" s="6" t="s">
        <v>51</v>
      </c>
    </row>
    <row r="15025" spans="1:12">
      <c r="A15025" s="6" t="s">
        <v>49</v>
      </c>
      <c r="B15025" s="6"/>
      <c r="C15025" s="6" t="s">
        <v>15049</v>
      </c>
      <c r="D15025" s="6"/>
      <c r="E15025" s="6" t="s">
        <v>9</v>
      </c>
      <c r="F15025" s="7">
        <v>38657</v>
      </c>
      <c r="G15025" s="8">
        <v>1</v>
      </c>
      <c r="H15025" s="8">
        <v>1</v>
      </c>
      <c r="I15025" s="8">
        <v>0</v>
      </c>
      <c r="J15025" s="8">
        <v>1</v>
      </c>
      <c r="K15025" s="9">
        <v>16</v>
      </c>
      <c r="L15025" s="6" t="s">
        <v>51</v>
      </c>
    </row>
    <row r="15026" spans="1:12">
      <c r="A15026" s="6" t="s">
        <v>49</v>
      </c>
      <c r="B15026" s="6"/>
      <c r="C15026" s="6" t="s">
        <v>15050</v>
      </c>
      <c r="D15026" s="6"/>
      <c r="E15026" s="6" t="s">
        <v>9</v>
      </c>
      <c r="F15026" s="7">
        <v>38657</v>
      </c>
      <c r="G15026" s="8">
        <v>1</v>
      </c>
      <c r="H15026" s="8">
        <v>1</v>
      </c>
      <c r="I15026" s="8">
        <v>0</v>
      </c>
      <c r="J15026" s="8">
        <v>1</v>
      </c>
      <c r="K15026" s="9">
        <v>16</v>
      </c>
      <c r="L15026" s="6" t="s">
        <v>51</v>
      </c>
    </row>
    <row r="15027" spans="1:12">
      <c r="A15027" s="6" t="s">
        <v>49</v>
      </c>
      <c r="B15027" s="6"/>
      <c r="C15027" s="6" t="s">
        <v>15051</v>
      </c>
      <c r="D15027" s="6"/>
      <c r="E15027" s="6" t="s">
        <v>9</v>
      </c>
      <c r="F15027" s="7">
        <v>38657</v>
      </c>
      <c r="G15027" s="8">
        <v>1</v>
      </c>
      <c r="H15027" s="8">
        <v>1</v>
      </c>
      <c r="I15027" s="8">
        <v>0</v>
      </c>
      <c r="J15027" s="8">
        <v>1</v>
      </c>
      <c r="K15027" s="9">
        <v>16</v>
      </c>
      <c r="L15027" s="6" t="s">
        <v>51</v>
      </c>
    </row>
    <row r="15028" spans="1:12">
      <c r="A15028" s="6" t="s">
        <v>49</v>
      </c>
      <c r="B15028" s="6"/>
      <c r="C15028" s="6" t="s">
        <v>15052</v>
      </c>
      <c r="D15028" s="6"/>
      <c r="E15028" s="6" t="s">
        <v>9</v>
      </c>
      <c r="F15028" s="7">
        <v>38657</v>
      </c>
      <c r="G15028" s="8">
        <v>1</v>
      </c>
      <c r="H15028" s="8">
        <v>1</v>
      </c>
      <c r="I15028" s="8">
        <v>0</v>
      </c>
      <c r="J15028" s="8">
        <v>1</v>
      </c>
      <c r="K15028" s="9">
        <v>16</v>
      </c>
      <c r="L15028" s="6" t="s">
        <v>51</v>
      </c>
    </row>
    <row r="15029" spans="1:12">
      <c r="A15029" s="6" t="s">
        <v>49</v>
      </c>
      <c r="B15029" s="6"/>
      <c r="C15029" s="6" t="s">
        <v>15053</v>
      </c>
      <c r="D15029" s="6"/>
      <c r="E15029" s="6" t="s">
        <v>9</v>
      </c>
      <c r="F15029" s="7">
        <v>38657</v>
      </c>
      <c r="G15029" s="8">
        <v>1</v>
      </c>
      <c r="H15029" s="8">
        <v>1</v>
      </c>
      <c r="I15029" s="8">
        <v>0</v>
      </c>
      <c r="J15029" s="8">
        <v>1</v>
      </c>
      <c r="K15029" s="9">
        <v>16</v>
      </c>
      <c r="L15029" s="6" t="s">
        <v>51</v>
      </c>
    </row>
    <row r="15030" spans="1:12">
      <c r="A15030" s="6" t="s">
        <v>49</v>
      </c>
      <c r="B15030" s="6"/>
      <c r="C15030" s="6" t="s">
        <v>15054</v>
      </c>
      <c r="D15030" s="6"/>
      <c r="E15030" s="6" t="s">
        <v>9</v>
      </c>
      <c r="F15030" s="7">
        <v>38657</v>
      </c>
      <c r="G15030" s="8">
        <v>1</v>
      </c>
      <c r="H15030" s="8">
        <v>1</v>
      </c>
      <c r="I15030" s="8">
        <v>0</v>
      </c>
      <c r="J15030" s="8">
        <v>1</v>
      </c>
      <c r="K15030" s="9">
        <v>16</v>
      </c>
      <c r="L15030" s="6" t="s">
        <v>51</v>
      </c>
    </row>
    <row r="15031" spans="1:12">
      <c r="A15031" s="6" t="s">
        <v>49</v>
      </c>
      <c r="B15031" s="6"/>
      <c r="C15031" s="6" t="s">
        <v>15055</v>
      </c>
      <c r="D15031" s="6"/>
      <c r="E15031" s="6" t="s">
        <v>9</v>
      </c>
      <c r="F15031" s="7">
        <v>38657</v>
      </c>
      <c r="G15031" s="8">
        <v>1</v>
      </c>
      <c r="H15031" s="8">
        <v>1</v>
      </c>
      <c r="I15031" s="8">
        <v>0</v>
      </c>
      <c r="J15031" s="8">
        <v>1</v>
      </c>
      <c r="K15031" s="9">
        <v>14</v>
      </c>
      <c r="L15031" s="6" t="s">
        <v>51</v>
      </c>
    </row>
    <row r="15032" spans="1:12">
      <c r="A15032" s="6" t="s">
        <v>49</v>
      </c>
      <c r="B15032" s="6"/>
      <c r="C15032" s="6" t="s">
        <v>15056</v>
      </c>
      <c r="D15032" s="6"/>
      <c r="E15032" s="6" t="s">
        <v>9</v>
      </c>
      <c r="F15032" s="7">
        <v>38657</v>
      </c>
      <c r="G15032" s="8">
        <v>1</v>
      </c>
      <c r="H15032" s="8">
        <v>1</v>
      </c>
      <c r="I15032" s="8">
        <v>0</v>
      </c>
      <c r="J15032" s="8">
        <v>1</v>
      </c>
      <c r="K15032" s="9">
        <v>73</v>
      </c>
      <c r="L15032" s="6" t="s">
        <v>51</v>
      </c>
    </row>
    <row r="15033" spans="1:12">
      <c r="A15033" s="6" t="s">
        <v>49</v>
      </c>
      <c r="B15033" s="6"/>
      <c r="C15033" s="6" t="s">
        <v>15057</v>
      </c>
      <c r="D15033" s="6"/>
      <c r="E15033" s="6" t="s">
        <v>9</v>
      </c>
      <c r="F15033" s="7">
        <v>38657</v>
      </c>
      <c r="G15033" s="8">
        <v>1</v>
      </c>
      <c r="H15033" s="8">
        <v>1</v>
      </c>
      <c r="I15033" s="8">
        <v>0</v>
      </c>
      <c r="J15033" s="8">
        <v>1</v>
      </c>
      <c r="K15033" s="9">
        <v>80</v>
      </c>
      <c r="L15033" s="6" t="s">
        <v>51</v>
      </c>
    </row>
    <row r="15034" spans="1:12">
      <c r="A15034" s="6" t="s">
        <v>49</v>
      </c>
      <c r="B15034" s="6"/>
      <c r="C15034" s="6" t="s">
        <v>15058</v>
      </c>
      <c r="D15034" s="6"/>
      <c r="E15034" s="6" t="s">
        <v>9</v>
      </c>
      <c r="F15034" s="7">
        <v>38657</v>
      </c>
      <c r="G15034" s="8">
        <v>1</v>
      </c>
      <c r="H15034" s="8">
        <v>1</v>
      </c>
      <c r="I15034" s="8">
        <v>0</v>
      </c>
      <c r="J15034" s="8">
        <v>1</v>
      </c>
      <c r="K15034" s="9">
        <v>80</v>
      </c>
      <c r="L15034" s="6" t="s">
        <v>51</v>
      </c>
    </row>
    <row r="15035" spans="1:12">
      <c r="A15035" s="6" t="s">
        <v>49</v>
      </c>
      <c r="B15035" s="6"/>
      <c r="C15035" s="6" t="s">
        <v>15059</v>
      </c>
      <c r="D15035" s="6"/>
      <c r="E15035" s="6" t="s">
        <v>9</v>
      </c>
      <c r="F15035" s="7">
        <v>38657</v>
      </c>
      <c r="G15035" s="8">
        <v>1</v>
      </c>
      <c r="H15035" s="8">
        <v>1</v>
      </c>
      <c r="I15035" s="8">
        <v>0</v>
      </c>
      <c r="J15035" s="8">
        <v>1</v>
      </c>
      <c r="K15035" s="9">
        <v>41.15</v>
      </c>
      <c r="L15035" s="6" t="s">
        <v>51</v>
      </c>
    </row>
    <row r="15036" spans="1:12">
      <c r="A15036" s="6" t="s">
        <v>49</v>
      </c>
      <c r="B15036" s="6"/>
      <c r="C15036" s="6" t="s">
        <v>15060</v>
      </c>
      <c r="D15036" s="6"/>
      <c r="E15036" s="6" t="s">
        <v>9</v>
      </c>
      <c r="F15036" s="7">
        <v>38657</v>
      </c>
      <c r="G15036" s="8">
        <v>1</v>
      </c>
      <c r="H15036" s="8">
        <v>1</v>
      </c>
      <c r="I15036" s="8">
        <v>0</v>
      </c>
      <c r="J15036" s="8">
        <v>1</v>
      </c>
      <c r="K15036" s="9">
        <v>80</v>
      </c>
      <c r="L15036" s="6" t="s">
        <v>51</v>
      </c>
    </row>
    <row r="15037" spans="1:12">
      <c r="A15037" s="6" t="s">
        <v>49</v>
      </c>
      <c r="B15037" s="6"/>
      <c r="C15037" s="6" t="s">
        <v>15061</v>
      </c>
      <c r="D15037" s="6"/>
      <c r="E15037" s="6" t="s">
        <v>9</v>
      </c>
      <c r="F15037" s="7">
        <v>38657</v>
      </c>
      <c r="G15037" s="8">
        <v>1</v>
      </c>
      <c r="H15037" s="8">
        <v>1</v>
      </c>
      <c r="I15037" s="8">
        <v>0</v>
      </c>
      <c r="J15037" s="8">
        <v>1</v>
      </c>
      <c r="K15037" s="9">
        <v>80</v>
      </c>
      <c r="L15037" s="6" t="s">
        <v>51</v>
      </c>
    </row>
    <row r="15038" spans="1:12">
      <c r="A15038" s="6" t="s">
        <v>49</v>
      </c>
      <c r="B15038" s="6"/>
      <c r="C15038" s="6" t="s">
        <v>15062</v>
      </c>
      <c r="D15038" s="6"/>
      <c r="E15038" s="6" t="s">
        <v>9</v>
      </c>
      <c r="F15038" s="7">
        <v>38657</v>
      </c>
      <c r="G15038" s="8">
        <v>1</v>
      </c>
      <c r="H15038" s="8">
        <v>1</v>
      </c>
      <c r="I15038" s="8">
        <v>0</v>
      </c>
      <c r="J15038" s="8">
        <v>1</v>
      </c>
      <c r="K15038" s="9">
        <v>80</v>
      </c>
      <c r="L15038" s="6" t="s">
        <v>51</v>
      </c>
    </row>
    <row r="15039" spans="1:12">
      <c r="A15039" s="6" t="s">
        <v>49</v>
      </c>
      <c r="B15039" s="6"/>
      <c r="C15039" s="6" t="s">
        <v>15063</v>
      </c>
      <c r="D15039" s="6"/>
      <c r="E15039" s="6" t="s">
        <v>9</v>
      </c>
      <c r="F15039" s="7">
        <v>38657</v>
      </c>
      <c r="G15039" s="8">
        <v>1</v>
      </c>
      <c r="H15039" s="8">
        <v>1</v>
      </c>
      <c r="I15039" s="8">
        <v>0</v>
      </c>
      <c r="J15039" s="8">
        <v>1</v>
      </c>
      <c r="K15039" s="9">
        <v>257</v>
      </c>
      <c r="L15039" s="6" t="s">
        <v>51</v>
      </c>
    </row>
    <row r="15040" spans="1:12">
      <c r="A15040" s="6" t="s">
        <v>49</v>
      </c>
      <c r="B15040" s="6"/>
      <c r="C15040" s="6" t="s">
        <v>15064</v>
      </c>
      <c r="D15040" s="6"/>
      <c r="E15040" s="6" t="s">
        <v>9</v>
      </c>
      <c r="F15040" s="7">
        <v>38657</v>
      </c>
      <c r="G15040" s="8">
        <v>1</v>
      </c>
      <c r="H15040" s="8">
        <v>1</v>
      </c>
      <c r="I15040" s="8">
        <v>0</v>
      </c>
      <c r="J15040" s="8">
        <v>1</v>
      </c>
      <c r="K15040" s="9">
        <v>58</v>
      </c>
      <c r="L15040" s="6" t="s">
        <v>51</v>
      </c>
    </row>
    <row r="15041" spans="1:12">
      <c r="A15041" s="6" t="s">
        <v>49</v>
      </c>
      <c r="B15041" s="6"/>
      <c r="C15041" s="6" t="s">
        <v>15065</v>
      </c>
      <c r="D15041" s="6"/>
      <c r="E15041" s="6" t="s">
        <v>9</v>
      </c>
      <c r="F15041" s="7">
        <v>38657</v>
      </c>
      <c r="G15041" s="8">
        <v>1</v>
      </c>
      <c r="H15041" s="8">
        <v>1</v>
      </c>
      <c r="I15041" s="8">
        <v>0</v>
      </c>
      <c r="J15041" s="8">
        <v>1</v>
      </c>
      <c r="K15041" s="9">
        <v>123</v>
      </c>
      <c r="L15041" s="6" t="s">
        <v>51</v>
      </c>
    </row>
    <row r="15042" spans="1:12">
      <c r="A15042" s="6" t="s">
        <v>49</v>
      </c>
      <c r="B15042" s="6"/>
      <c r="C15042" s="6" t="s">
        <v>15066</v>
      </c>
      <c r="D15042" s="6"/>
      <c r="E15042" s="6" t="s">
        <v>9</v>
      </c>
      <c r="F15042" s="7">
        <v>38657</v>
      </c>
      <c r="G15042" s="8">
        <v>1</v>
      </c>
      <c r="H15042" s="8">
        <v>1</v>
      </c>
      <c r="I15042" s="8">
        <v>0</v>
      </c>
      <c r="J15042" s="8">
        <v>1</v>
      </c>
      <c r="K15042" s="9">
        <v>21.47</v>
      </c>
      <c r="L15042" s="6" t="s">
        <v>51</v>
      </c>
    </row>
    <row r="15043" spans="1:12">
      <c r="A15043" s="6" t="s">
        <v>49</v>
      </c>
      <c r="B15043" s="6"/>
      <c r="C15043" s="6" t="s">
        <v>15067</v>
      </c>
      <c r="D15043" s="6"/>
      <c r="E15043" s="6" t="s">
        <v>9</v>
      </c>
      <c r="F15043" s="7">
        <v>38657</v>
      </c>
      <c r="G15043" s="8">
        <v>1</v>
      </c>
      <c r="H15043" s="8">
        <v>1</v>
      </c>
      <c r="I15043" s="8">
        <v>0</v>
      </c>
      <c r="J15043" s="8">
        <v>1</v>
      </c>
      <c r="K15043" s="9">
        <v>16.52</v>
      </c>
      <c r="L15043" s="6" t="s">
        <v>51</v>
      </c>
    </row>
    <row r="15044" spans="1:12">
      <c r="A15044" s="6" t="s">
        <v>49</v>
      </c>
      <c r="B15044" s="6"/>
      <c r="C15044" s="6" t="s">
        <v>15068</v>
      </c>
      <c r="D15044" s="6"/>
      <c r="E15044" s="6" t="s">
        <v>9</v>
      </c>
      <c r="F15044" s="7">
        <v>38657</v>
      </c>
      <c r="G15044" s="8">
        <v>1</v>
      </c>
      <c r="H15044" s="8">
        <v>1</v>
      </c>
      <c r="I15044" s="8">
        <v>0</v>
      </c>
      <c r="J15044" s="8">
        <v>1</v>
      </c>
      <c r="K15044" s="9">
        <v>16.52</v>
      </c>
      <c r="L15044" s="6" t="s">
        <v>51</v>
      </c>
    </row>
    <row r="15045" spans="1:12">
      <c r="A15045" s="6" t="s">
        <v>49</v>
      </c>
      <c r="B15045" s="6"/>
      <c r="C15045" s="6" t="s">
        <v>15069</v>
      </c>
      <c r="D15045" s="6"/>
      <c r="E15045" s="6" t="s">
        <v>9</v>
      </c>
      <c r="F15045" s="7">
        <v>38657</v>
      </c>
      <c r="G15045" s="8">
        <v>1</v>
      </c>
      <c r="H15045" s="8">
        <v>1</v>
      </c>
      <c r="I15045" s="8">
        <v>0</v>
      </c>
      <c r="J15045" s="8">
        <v>1</v>
      </c>
      <c r="K15045" s="9">
        <v>16.52</v>
      </c>
      <c r="L15045" s="6" t="s">
        <v>51</v>
      </c>
    </row>
    <row r="15046" spans="1:12">
      <c r="A15046" s="6" t="s">
        <v>49</v>
      </c>
      <c r="B15046" s="6"/>
      <c r="C15046" s="6" t="s">
        <v>15070</v>
      </c>
      <c r="D15046" s="6"/>
      <c r="E15046" s="6" t="s">
        <v>9</v>
      </c>
      <c r="F15046" s="7">
        <v>41122</v>
      </c>
      <c r="G15046" s="8">
        <v>1</v>
      </c>
      <c r="H15046" s="8">
        <v>1</v>
      </c>
      <c r="I15046" s="8">
        <v>0</v>
      </c>
      <c r="J15046" s="8">
        <v>1</v>
      </c>
      <c r="K15046" s="9">
        <v>481</v>
      </c>
      <c r="L15046" s="6" t="s">
        <v>51</v>
      </c>
    </row>
    <row r="15047" spans="1:12">
      <c r="A15047" s="6" t="s">
        <v>49</v>
      </c>
      <c r="B15047" s="6"/>
      <c r="C15047" s="6" t="s">
        <v>15071</v>
      </c>
      <c r="D15047" s="6"/>
      <c r="E15047" s="6" t="s">
        <v>9</v>
      </c>
      <c r="F15047" s="7">
        <v>38657</v>
      </c>
      <c r="G15047" s="8">
        <v>1</v>
      </c>
      <c r="H15047" s="8">
        <v>1</v>
      </c>
      <c r="I15047" s="8">
        <v>0</v>
      </c>
      <c r="J15047" s="8">
        <v>1</v>
      </c>
      <c r="K15047" s="9">
        <v>16.52</v>
      </c>
      <c r="L15047" s="6" t="s">
        <v>51</v>
      </c>
    </row>
    <row r="15048" spans="1:12">
      <c r="A15048" s="6" t="s">
        <v>49</v>
      </c>
      <c r="B15048" s="6"/>
      <c r="C15048" s="6" t="s">
        <v>15072</v>
      </c>
      <c r="D15048" s="6"/>
      <c r="E15048" s="6" t="s">
        <v>9</v>
      </c>
      <c r="F15048" s="7">
        <v>38657</v>
      </c>
      <c r="G15048" s="8">
        <v>1</v>
      </c>
      <c r="H15048" s="8">
        <v>1</v>
      </c>
      <c r="I15048" s="8">
        <v>0</v>
      </c>
      <c r="J15048" s="8">
        <v>1</v>
      </c>
      <c r="K15048" s="9">
        <v>16.52</v>
      </c>
      <c r="L15048" s="6" t="s">
        <v>51</v>
      </c>
    </row>
    <row r="15049" spans="1:12">
      <c r="A15049" s="6" t="s">
        <v>49</v>
      </c>
      <c r="B15049" s="6"/>
      <c r="C15049" s="6" t="s">
        <v>15073</v>
      </c>
      <c r="D15049" s="6"/>
      <c r="E15049" s="6" t="s">
        <v>9</v>
      </c>
      <c r="F15049" s="7">
        <v>38657</v>
      </c>
      <c r="G15049" s="8">
        <v>1</v>
      </c>
      <c r="H15049" s="8">
        <v>1</v>
      </c>
      <c r="I15049" s="8">
        <v>0</v>
      </c>
      <c r="J15049" s="8">
        <v>1</v>
      </c>
      <c r="K15049" s="9">
        <v>16.52</v>
      </c>
      <c r="L15049" s="6" t="s">
        <v>51</v>
      </c>
    </row>
    <row r="15050" spans="1:12">
      <c r="A15050" s="6" t="s">
        <v>49</v>
      </c>
      <c r="B15050" s="6"/>
      <c r="C15050" s="6" t="s">
        <v>15074</v>
      </c>
      <c r="D15050" s="6"/>
      <c r="E15050" s="6" t="s">
        <v>9</v>
      </c>
      <c r="F15050" s="7">
        <v>38657</v>
      </c>
      <c r="G15050" s="8">
        <v>1</v>
      </c>
      <c r="H15050" s="8">
        <v>1</v>
      </c>
      <c r="I15050" s="8">
        <v>0</v>
      </c>
      <c r="J15050" s="8">
        <v>1</v>
      </c>
      <c r="K15050" s="9">
        <v>16.52</v>
      </c>
      <c r="L15050" s="6" t="s">
        <v>51</v>
      </c>
    </row>
    <row r="15051" spans="1:12">
      <c r="A15051" s="6" t="s">
        <v>49</v>
      </c>
      <c r="B15051" s="6"/>
      <c r="C15051" s="6" t="s">
        <v>15075</v>
      </c>
      <c r="D15051" s="6"/>
      <c r="E15051" s="6" t="s">
        <v>9</v>
      </c>
      <c r="F15051" s="7">
        <v>38657</v>
      </c>
      <c r="G15051" s="8">
        <v>1</v>
      </c>
      <c r="H15051" s="8">
        <v>1</v>
      </c>
      <c r="I15051" s="8">
        <v>0</v>
      </c>
      <c r="J15051" s="8">
        <v>1</v>
      </c>
      <c r="K15051" s="9">
        <v>16.52</v>
      </c>
      <c r="L15051" s="6" t="s">
        <v>51</v>
      </c>
    </row>
    <row r="15052" spans="1:12">
      <c r="A15052" s="6" t="s">
        <v>49</v>
      </c>
      <c r="B15052" s="6"/>
      <c r="C15052" s="6" t="s">
        <v>15076</v>
      </c>
      <c r="D15052" s="6"/>
      <c r="E15052" s="6" t="s">
        <v>9</v>
      </c>
      <c r="F15052" s="7">
        <v>38657</v>
      </c>
      <c r="G15052" s="8">
        <v>1</v>
      </c>
      <c r="H15052" s="8">
        <v>1</v>
      </c>
      <c r="I15052" s="8">
        <v>0</v>
      </c>
      <c r="J15052" s="8">
        <v>1</v>
      </c>
      <c r="K15052" s="9">
        <v>16.52</v>
      </c>
      <c r="L15052" s="6" t="s">
        <v>51</v>
      </c>
    </row>
    <row r="15053" spans="1:12">
      <c r="A15053" s="6" t="s">
        <v>49</v>
      </c>
      <c r="B15053" s="6"/>
      <c r="C15053" s="6" t="s">
        <v>15077</v>
      </c>
      <c r="D15053" s="6"/>
      <c r="E15053" s="6" t="s">
        <v>9</v>
      </c>
      <c r="F15053" s="7">
        <v>38657</v>
      </c>
      <c r="G15053" s="8">
        <v>1</v>
      </c>
      <c r="H15053" s="8">
        <v>1</v>
      </c>
      <c r="I15053" s="8">
        <v>0</v>
      </c>
      <c r="J15053" s="8">
        <v>1</v>
      </c>
      <c r="K15053" s="9">
        <v>5.58</v>
      </c>
      <c r="L15053" s="6" t="s">
        <v>51</v>
      </c>
    </row>
    <row r="15054" spans="1:12">
      <c r="A15054" s="6" t="s">
        <v>49</v>
      </c>
      <c r="B15054" s="6"/>
      <c r="C15054" s="6" t="s">
        <v>15078</v>
      </c>
      <c r="D15054" s="6"/>
      <c r="E15054" s="6" t="s">
        <v>9</v>
      </c>
      <c r="F15054" s="7">
        <v>38657</v>
      </c>
      <c r="G15054" s="8">
        <v>1</v>
      </c>
      <c r="H15054" s="8">
        <v>1</v>
      </c>
      <c r="I15054" s="8">
        <v>0</v>
      </c>
      <c r="J15054" s="8">
        <v>1</v>
      </c>
      <c r="K15054" s="9">
        <v>664</v>
      </c>
      <c r="L15054" s="6" t="s">
        <v>51</v>
      </c>
    </row>
    <row r="15055" spans="1:12">
      <c r="A15055" s="6" t="s">
        <v>49</v>
      </c>
      <c r="B15055" s="6"/>
      <c r="C15055" s="6" t="s">
        <v>15079</v>
      </c>
      <c r="D15055" s="6"/>
      <c r="E15055" s="6" t="s">
        <v>9</v>
      </c>
      <c r="F15055" s="7">
        <v>38657</v>
      </c>
      <c r="G15055" s="8">
        <v>1</v>
      </c>
      <c r="H15055" s="8">
        <v>1</v>
      </c>
      <c r="I15055" s="8">
        <v>0</v>
      </c>
      <c r="J15055" s="8">
        <v>1</v>
      </c>
      <c r="K15055" s="9">
        <v>9.9</v>
      </c>
      <c r="L15055" s="6" t="s">
        <v>51</v>
      </c>
    </row>
    <row r="15056" spans="1:12">
      <c r="A15056" s="6" t="s">
        <v>49</v>
      </c>
      <c r="B15056" s="6"/>
      <c r="C15056" s="6" t="s">
        <v>15080</v>
      </c>
      <c r="D15056" s="6"/>
      <c r="E15056" s="6" t="s">
        <v>9</v>
      </c>
      <c r="F15056" s="7">
        <v>38657</v>
      </c>
      <c r="G15056" s="8">
        <v>1</v>
      </c>
      <c r="H15056" s="8">
        <v>1</v>
      </c>
      <c r="I15056" s="8">
        <v>0</v>
      </c>
      <c r="J15056" s="8">
        <v>1</v>
      </c>
      <c r="K15056" s="9">
        <v>101</v>
      </c>
      <c r="L15056" s="6" t="s">
        <v>51</v>
      </c>
    </row>
    <row r="15057" spans="1:12">
      <c r="A15057" s="6" t="s">
        <v>49</v>
      </c>
      <c r="B15057" s="6"/>
      <c r="C15057" s="6" t="s">
        <v>15081</v>
      </c>
      <c r="D15057" s="6"/>
      <c r="E15057" s="6" t="s">
        <v>9</v>
      </c>
      <c r="F15057" s="7">
        <v>41122</v>
      </c>
      <c r="G15057" s="8">
        <v>1</v>
      </c>
      <c r="H15057" s="8">
        <v>1</v>
      </c>
      <c r="I15057" s="8">
        <v>0</v>
      </c>
      <c r="J15057" s="8">
        <v>1</v>
      </c>
      <c r="K15057" s="9">
        <v>3.91</v>
      </c>
      <c r="L15057" s="6" t="s">
        <v>51</v>
      </c>
    </row>
    <row r="15058" spans="1:12">
      <c r="A15058" s="6" t="s">
        <v>49</v>
      </c>
      <c r="B15058" s="6"/>
      <c r="C15058" s="6" t="s">
        <v>15082</v>
      </c>
      <c r="D15058" s="6"/>
      <c r="E15058" s="6" t="s">
        <v>9</v>
      </c>
      <c r="F15058" s="7">
        <v>38657</v>
      </c>
      <c r="G15058" s="8">
        <v>1</v>
      </c>
      <c r="H15058" s="8">
        <v>1</v>
      </c>
      <c r="I15058" s="8">
        <v>0</v>
      </c>
      <c r="J15058" s="8">
        <v>1</v>
      </c>
      <c r="K15058" s="9">
        <v>16.79</v>
      </c>
      <c r="L15058" s="6" t="s">
        <v>51</v>
      </c>
    </row>
    <row r="15059" spans="1:12">
      <c r="A15059" s="6" t="s">
        <v>49</v>
      </c>
      <c r="B15059" s="6"/>
      <c r="C15059" s="6" t="s">
        <v>15083</v>
      </c>
      <c r="D15059" s="6"/>
      <c r="E15059" s="6" t="s">
        <v>9</v>
      </c>
      <c r="F15059" s="7">
        <v>38657</v>
      </c>
      <c r="G15059" s="8">
        <v>1</v>
      </c>
      <c r="H15059" s="8">
        <v>1</v>
      </c>
      <c r="I15059" s="8">
        <v>0</v>
      </c>
      <c r="J15059" s="8">
        <v>1</v>
      </c>
      <c r="K15059" s="9">
        <v>8.4700000000000006</v>
      </c>
      <c r="L15059" s="6" t="s">
        <v>51</v>
      </c>
    </row>
    <row r="15060" spans="1:12">
      <c r="A15060" s="6" t="s">
        <v>49</v>
      </c>
      <c r="B15060" s="6"/>
      <c r="C15060" s="6" t="s">
        <v>15084</v>
      </c>
      <c r="D15060" s="6"/>
      <c r="E15060" s="6" t="s">
        <v>9</v>
      </c>
      <c r="F15060" s="7">
        <v>38657</v>
      </c>
      <c r="G15060" s="8">
        <v>1</v>
      </c>
      <c r="H15060" s="8">
        <v>1</v>
      </c>
      <c r="I15060" s="8">
        <v>0</v>
      </c>
      <c r="J15060" s="8">
        <v>1</v>
      </c>
      <c r="K15060" s="9">
        <v>268.27999999999901</v>
      </c>
      <c r="L15060" s="6" t="s">
        <v>51</v>
      </c>
    </row>
    <row r="15061" spans="1:12">
      <c r="A15061" s="6" t="s">
        <v>49</v>
      </c>
      <c r="B15061" s="6"/>
      <c r="C15061" s="6" t="s">
        <v>15085</v>
      </c>
      <c r="D15061" s="6"/>
      <c r="E15061" s="6" t="s">
        <v>9</v>
      </c>
      <c r="F15061" s="7">
        <v>38657</v>
      </c>
      <c r="G15061" s="8">
        <v>1</v>
      </c>
      <c r="H15061" s="8">
        <v>1</v>
      </c>
      <c r="I15061" s="8">
        <v>0</v>
      </c>
      <c r="J15061" s="8">
        <v>1</v>
      </c>
      <c r="K15061" s="9">
        <v>116</v>
      </c>
      <c r="L15061" s="6" t="s">
        <v>51</v>
      </c>
    </row>
    <row r="15062" spans="1:12">
      <c r="A15062" s="6" t="s">
        <v>49</v>
      </c>
      <c r="B15062" s="6"/>
      <c r="C15062" s="6" t="s">
        <v>15086</v>
      </c>
      <c r="D15062" s="6"/>
      <c r="E15062" s="6" t="s">
        <v>9</v>
      </c>
      <c r="F15062" s="7">
        <v>38657</v>
      </c>
      <c r="G15062" s="8">
        <v>1</v>
      </c>
      <c r="H15062" s="8">
        <v>1</v>
      </c>
      <c r="I15062" s="8">
        <v>0</v>
      </c>
      <c r="J15062" s="8">
        <v>1</v>
      </c>
      <c r="K15062" s="9">
        <v>458</v>
      </c>
      <c r="L15062" s="6" t="s">
        <v>51</v>
      </c>
    </row>
    <row r="15063" spans="1:12">
      <c r="A15063" s="6" t="s">
        <v>49</v>
      </c>
      <c r="B15063" s="6"/>
      <c r="C15063" s="6" t="s">
        <v>15087</v>
      </c>
      <c r="D15063" s="6"/>
      <c r="E15063" s="6" t="s">
        <v>9</v>
      </c>
      <c r="F15063" s="7">
        <v>38657</v>
      </c>
      <c r="G15063" s="8">
        <v>1</v>
      </c>
      <c r="H15063" s="8">
        <v>1</v>
      </c>
      <c r="I15063" s="8">
        <v>0</v>
      </c>
      <c r="J15063" s="8">
        <v>1</v>
      </c>
      <c r="K15063" s="9">
        <v>375</v>
      </c>
      <c r="L15063" s="6" t="s">
        <v>51</v>
      </c>
    </row>
    <row r="15064" spans="1:12">
      <c r="A15064" s="6" t="s">
        <v>49</v>
      </c>
      <c r="B15064" s="6"/>
      <c r="C15064" s="6" t="s">
        <v>15088</v>
      </c>
      <c r="D15064" s="6"/>
      <c r="E15064" s="6" t="s">
        <v>9</v>
      </c>
      <c r="F15064" s="7">
        <v>38657</v>
      </c>
      <c r="G15064" s="8">
        <v>1</v>
      </c>
      <c r="H15064" s="8">
        <v>1</v>
      </c>
      <c r="I15064" s="8">
        <v>0</v>
      </c>
      <c r="J15064" s="8">
        <v>1</v>
      </c>
      <c r="K15064" s="9">
        <v>331</v>
      </c>
      <c r="L15064" s="6" t="s">
        <v>51</v>
      </c>
    </row>
    <row r="15065" spans="1:12">
      <c r="A15065" s="6" t="s">
        <v>49</v>
      </c>
      <c r="B15065" s="6"/>
      <c r="C15065" s="6" t="s">
        <v>15089</v>
      </c>
      <c r="D15065" s="6"/>
      <c r="E15065" s="6" t="s">
        <v>9</v>
      </c>
      <c r="F15065" s="7">
        <v>38657</v>
      </c>
      <c r="G15065" s="8">
        <v>1</v>
      </c>
      <c r="H15065" s="8">
        <v>1</v>
      </c>
      <c r="I15065" s="8">
        <v>0</v>
      </c>
      <c r="J15065" s="8">
        <v>1</v>
      </c>
      <c r="K15065" s="9">
        <v>404</v>
      </c>
      <c r="L15065" s="6" t="s">
        <v>51</v>
      </c>
    </row>
    <row r="15066" spans="1:12">
      <c r="A15066" s="6" t="s">
        <v>49</v>
      </c>
      <c r="B15066" s="6"/>
      <c r="C15066" s="6" t="s">
        <v>15090</v>
      </c>
      <c r="D15066" s="6"/>
      <c r="E15066" s="6" t="s">
        <v>9</v>
      </c>
      <c r="F15066" s="7">
        <v>38657</v>
      </c>
      <c r="G15066" s="8">
        <v>1</v>
      </c>
      <c r="H15066" s="8">
        <v>1</v>
      </c>
      <c r="I15066" s="8">
        <v>0</v>
      </c>
      <c r="J15066" s="8">
        <v>1</v>
      </c>
      <c r="K15066" s="9">
        <v>1.42</v>
      </c>
      <c r="L15066" s="6" t="s">
        <v>51</v>
      </c>
    </row>
    <row r="15067" spans="1:12">
      <c r="A15067" s="6" t="s">
        <v>49</v>
      </c>
      <c r="B15067" s="6"/>
      <c r="C15067" s="6" t="s">
        <v>15091</v>
      </c>
      <c r="D15067" s="6"/>
      <c r="E15067" s="6" t="s">
        <v>9</v>
      </c>
      <c r="F15067" s="7">
        <v>38657</v>
      </c>
      <c r="G15067" s="8">
        <v>1</v>
      </c>
      <c r="H15067" s="8">
        <v>1</v>
      </c>
      <c r="I15067" s="8">
        <v>0</v>
      </c>
      <c r="J15067" s="8">
        <v>1</v>
      </c>
      <c r="K15067" s="9">
        <v>52</v>
      </c>
      <c r="L15067" s="6" t="s">
        <v>51</v>
      </c>
    </row>
    <row r="15068" spans="1:12">
      <c r="A15068" s="6" t="s">
        <v>49</v>
      </c>
      <c r="B15068" s="6"/>
      <c r="C15068" s="6" t="s">
        <v>15092</v>
      </c>
      <c r="D15068" s="6"/>
      <c r="E15068" s="6" t="s">
        <v>9</v>
      </c>
      <c r="F15068" s="7">
        <v>38657</v>
      </c>
      <c r="G15068" s="8">
        <v>1</v>
      </c>
      <c r="H15068" s="8">
        <v>1</v>
      </c>
      <c r="I15068" s="8">
        <v>0</v>
      </c>
      <c r="J15068" s="8">
        <v>1</v>
      </c>
      <c r="K15068" s="9">
        <v>35.700000000000003</v>
      </c>
      <c r="L15068" s="6" t="s">
        <v>51</v>
      </c>
    </row>
    <row r="15069" spans="1:12">
      <c r="A15069" s="6" t="s">
        <v>49</v>
      </c>
      <c r="B15069" s="6"/>
      <c r="C15069" s="6" t="s">
        <v>15093</v>
      </c>
      <c r="D15069" s="6"/>
      <c r="E15069" s="6" t="s">
        <v>9</v>
      </c>
      <c r="F15069" s="7">
        <v>38657</v>
      </c>
      <c r="G15069" s="8">
        <v>1</v>
      </c>
      <c r="H15069" s="8">
        <v>1</v>
      </c>
      <c r="I15069" s="8">
        <v>0</v>
      </c>
      <c r="J15069" s="8">
        <v>1</v>
      </c>
      <c r="K15069" s="9">
        <v>136</v>
      </c>
      <c r="L15069" s="6" t="s">
        <v>51</v>
      </c>
    </row>
    <row r="15070" spans="1:12">
      <c r="A15070" s="6" t="s">
        <v>49</v>
      </c>
      <c r="B15070" s="6"/>
      <c r="C15070" s="6" t="s">
        <v>15094</v>
      </c>
      <c r="D15070" s="6"/>
      <c r="E15070" s="6" t="s">
        <v>9</v>
      </c>
      <c r="F15070" s="7">
        <v>38657</v>
      </c>
      <c r="G15070" s="8">
        <v>1</v>
      </c>
      <c r="H15070" s="8">
        <v>1</v>
      </c>
      <c r="I15070" s="8">
        <v>0</v>
      </c>
      <c r="J15070" s="8">
        <v>1</v>
      </c>
      <c r="K15070" s="9">
        <v>1701</v>
      </c>
      <c r="L15070" s="6" t="s">
        <v>51</v>
      </c>
    </row>
    <row r="15071" spans="1:12">
      <c r="A15071" s="6" t="s">
        <v>49</v>
      </c>
      <c r="B15071" s="6"/>
      <c r="C15071" s="6" t="s">
        <v>15095</v>
      </c>
      <c r="D15071" s="6"/>
      <c r="E15071" s="6" t="s">
        <v>9</v>
      </c>
      <c r="F15071" s="7">
        <v>41730</v>
      </c>
      <c r="G15071" s="8">
        <v>1</v>
      </c>
      <c r="H15071" s="8">
        <v>1</v>
      </c>
      <c r="I15071" s="8">
        <v>0</v>
      </c>
      <c r="J15071" s="8">
        <v>1</v>
      </c>
      <c r="K15071" s="9">
        <v>336</v>
      </c>
      <c r="L15071" s="6" t="s">
        <v>4151</v>
      </c>
    </row>
    <row r="15072" spans="1:12">
      <c r="A15072" s="6" t="s">
        <v>49</v>
      </c>
      <c r="B15072" s="6"/>
      <c r="C15072" s="6" t="s">
        <v>15096</v>
      </c>
      <c r="D15072" s="6"/>
      <c r="E15072" s="6" t="s">
        <v>9</v>
      </c>
      <c r="F15072" s="7">
        <v>41730</v>
      </c>
      <c r="G15072" s="8">
        <v>1</v>
      </c>
      <c r="H15072" s="8">
        <v>1</v>
      </c>
      <c r="I15072" s="8">
        <v>0</v>
      </c>
      <c r="J15072" s="8">
        <v>1</v>
      </c>
      <c r="K15072" s="9">
        <v>101</v>
      </c>
      <c r="L15072" s="6" t="s">
        <v>4151</v>
      </c>
    </row>
    <row r="15073" spans="1:12">
      <c r="A15073" s="6" t="s">
        <v>49</v>
      </c>
      <c r="B15073" s="6"/>
      <c r="C15073" s="6" t="s">
        <v>15097</v>
      </c>
      <c r="D15073" s="6"/>
      <c r="E15073" s="6" t="s">
        <v>9</v>
      </c>
      <c r="F15073" s="7">
        <v>41690</v>
      </c>
      <c r="G15073" s="8">
        <v>1</v>
      </c>
      <c r="H15073" s="8">
        <v>1</v>
      </c>
      <c r="I15073" s="8">
        <v>0</v>
      </c>
      <c r="J15073" s="8">
        <v>1</v>
      </c>
      <c r="K15073" s="9">
        <v>1206</v>
      </c>
      <c r="L15073" s="6" t="s">
        <v>51</v>
      </c>
    </row>
    <row r="15074" spans="1:12">
      <c r="A15074" s="6" t="s">
        <v>49</v>
      </c>
      <c r="B15074" s="6"/>
      <c r="C15074" s="6" t="s">
        <v>15098</v>
      </c>
      <c r="D15074" s="6"/>
      <c r="E15074" s="6" t="s">
        <v>9</v>
      </c>
      <c r="F15074" s="7">
        <v>41660</v>
      </c>
      <c r="G15074" s="8">
        <v>1</v>
      </c>
      <c r="H15074" s="8">
        <v>1</v>
      </c>
      <c r="I15074" s="8">
        <v>0</v>
      </c>
      <c r="J15074" s="8">
        <v>1</v>
      </c>
      <c r="K15074" s="9">
        <v>792</v>
      </c>
      <c r="L15074" s="6" t="s">
        <v>51</v>
      </c>
    </row>
    <row r="15075" spans="1:12">
      <c r="A15075" s="6" t="s">
        <v>49</v>
      </c>
      <c r="B15075" s="6"/>
      <c r="C15075" s="6" t="s">
        <v>15099</v>
      </c>
      <c r="D15075" s="6"/>
      <c r="E15075" s="6" t="s">
        <v>9</v>
      </c>
      <c r="F15075" s="7">
        <v>41660</v>
      </c>
      <c r="G15075" s="8">
        <v>1</v>
      </c>
      <c r="H15075" s="8">
        <v>1</v>
      </c>
      <c r="I15075" s="8">
        <v>0</v>
      </c>
      <c r="J15075" s="8">
        <v>1</v>
      </c>
      <c r="K15075" s="9">
        <v>15</v>
      </c>
      <c r="L15075" s="6" t="s">
        <v>51</v>
      </c>
    </row>
    <row r="15076" spans="1:12">
      <c r="A15076" s="6" t="s">
        <v>49</v>
      </c>
      <c r="B15076" s="6"/>
      <c r="C15076" s="6" t="s">
        <v>15100</v>
      </c>
      <c r="D15076" s="6"/>
      <c r="E15076" s="6" t="s">
        <v>9</v>
      </c>
      <c r="F15076" s="7">
        <v>41660</v>
      </c>
      <c r="G15076" s="8">
        <v>1</v>
      </c>
      <c r="H15076" s="8">
        <v>1</v>
      </c>
      <c r="I15076" s="8">
        <v>0</v>
      </c>
      <c r="J15076" s="8">
        <v>1</v>
      </c>
      <c r="K15076" s="9">
        <v>16</v>
      </c>
      <c r="L15076" s="6" t="s">
        <v>51</v>
      </c>
    </row>
    <row r="15077" spans="1:12">
      <c r="A15077" s="6" t="s">
        <v>49</v>
      </c>
      <c r="B15077" s="6"/>
      <c r="C15077" s="6" t="s">
        <v>15101</v>
      </c>
      <c r="D15077" s="6"/>
      <c r="E15077" s="6" t="s">
        <v>9</v>
      </c>
      <c r="F15077" s="7">
        <v>41660</v>
      </c>
      <c r="G15077" s="8">
        <v>1</v>
      </c>
      <c r="H15077" s="8">
        <v>1</v>
      </c>
      <c r="I15077" s="8">
        <v>0</v>
      </c>
      <c r="J15077" s="8">
        <v>1</v>
      </c>
      <c r="K15077" s="9">
        <v>58</v>
      </c>
      <c r="L15077" s="6" t="s">
        <v>51</v>
      </c>
    </row>
    <row r="15078" spans="1:12">
      <c r="A15078" s="6" t="s">
        <v>49</v>
      </c>
      <c r="B15078" s="6"/>
      <c r="C15078" s="6" t="s">
        <v>15102</v>
      </c>
      <c r="D15078" s="6"/>
      <c r="E15078" s="6" t="s">
        <v>9</v>
      </c>
      <c r="F15078" s="7">
        <v>41660</v>
      </c>
      <c r="G15078" s="8">
        <v>1</v>
      </c>
      <c r="H15078" s="8">
        <v>1</v>
      </c>
      <c r="I15078" s="8">
        <v>0</v>
      </c>
      <c r="J15078" s="8">
        <v>1</v>
      </c>
      <c r="K15078" s="9">
        <v>43</v>
      </c>
      <c r="L15078" s="6" t="s">
        <v>51</v>
      </c>
    </row>
    <row r="15079" spans="1:12">
      <c r="A15079" s="6" t="s">
        <v>49</v>
      </c>
      <c r="B15079" s="6"/>
      <c r="C15079" s="6" t="s">
        <v>15103</v>
      </c>
      <c r="D15079" s="6"/>
      <c r="E15079" s="6" t="s">
        <v>9</v>
      </c>
      <c r="F15079" s="7">
        <v>38657</v>
      </c>
      <c r="G15079" s="8">
        <v>1</v>
      </c>
      <c r="H15079" s="8">
        <v>1</v>
      </c>
      <c r="I15079" s="8">
        <v>0</v>
      </c>
      <c r="J15079" s="8">
        <v>1</v>
      </c>
      <c r="K15079" s="9">
        <v>64.459999999999894</v>
      </c>
      <c r="L15079" s="6" t="s">
        <v>51</v>
      </c>
    </row>
    <row r="15080" spans="1:12">
      <c r="A15080" s="6" t="s">
        <v>49</v>
      </c>
      <c r="B15080" s="6"/>
      <c r="C15080" s="6" t="s">
        <v>15104</v>
      </c>
      <c r="D15080" s="6"/>
      <c r="E15080" s="6" t="s">
        <v>9</v>
      </c>
      <c r="F15080" s="7">
        <v>41660</v>
      </c>
      <c r="G15080" s="8">
        <v>1</v>
      </c>
      <c r="H15080" s="8">
        <v>1</v>
      </c>
      <c r="I15080" s="8">
        <v>0</v>
      </c>
      <c r="J15080" s="8">
        <v>1</v>
      </c>
      <c r="K15080" s="9">
        <v>119</v>
      </c>
      <c r="L15080" s="6" t="s">
        <v>51</v>
      </c>
    </row>
    <row r="15081" spans="1:12">
      <c r="A15081" s="6" t="s">
        <v>49</v>
      </c>
      <c r="B15081" s="6"/>
      <c r="C15081" s="6" t="s">
        <v>15105</v>
      </c>
      <c r="D15081" s="6"/>
      <c r="E15081" s="6" t="s">
        <v>9</v>
      </c>
      <c r="F15081" s="7">
        <v>41660</v>
      </c>
      <c r="G15081" s="8">
        <v>1</v>
      </c>
      <c r="H15081" s="8">
        <v>1</v>
      </c>
      <c r="I15081" s="8">
        <v>0</v>
      </c>
      <c r="J15081" s="8">
        <v>1</v>
      </c>
      <c r="K15081" s="9">
        <v>294</v>
      </c>
      <c r="L15081" s="6" t="s">
        <v>51</v>
      </c>
    </row>
    <row r="15082" spans="1:12">
      <c r="A15082" s="6" t="s">
        <v>49</v>
      </c>
      <c r="B15082" s="6"/>
      <c r="C15082" s="6" t="s">
        <v>15106</v>
      </c>
      <c r="D15082" s="6"/>
      <c r="E15082" s="6" t="s">
        <v>9</v>
      </c>
      <c r="F15082" s="7">
        <v>41660</v>
      </c>
      <c r="G15082" s="8">
        <v>1</v>
      </c>
      <c r="H15082" s="8">
        <v>1</v>
      </c>
      <c r="I15082" s="8">
        <v>0</v>
      </c>
      <c r="J15082" s="8">
        <v>1</v>
      </c>
      <c r="K15082" s="9">
        <v>543</v>
      </c>
      <c r="L15082" s="6" t="s">
        <v>51</v>
      </c>
    </row>
    <row r="15083" spans="1:12">
      <c r="A15083" s="6" t="s">
        <v>49</v>
      </c>
      <c r="B15083" s="6"/>
      <c r="C15083" s="6" t="s">
        <v>15107</v>
      </c>
      <c r="D15083" s="6"/>
      <c r="E15083" s="6" t="s">
        <v>9</v>
      </c>
      <c r="F15083" s="7">
        <v>41690</v>
      </c>
      <c r="G15083" s="8">
        <v>1</v>
      </c>
      <c r="H15083" s="8">
        <v>1</v>
      </c>
      <c r="I15083" s="8">
        <v>0</v>
      </c>
      <c r="J15083" s="8">
        <v>1</v>
      </c>
      <c r="K15083" s="9">
        <v>125</v>
      </c>
      <c r="L15083" s="6" t="s">
        <v>51</v>
      </c>
    </row>
    <row r="15084" spans="1:12">
      <c r="A15084" s="6" t="s">
        <v>49</v>
      </c>
      <c r="B15084" s="6"/>
      <c r="C15084" s="6" t="s">
        <v>15108</v>
      </c>
      <c r="D15084" s="6"/>
      <c r="E15084" s="6" t="s">
        <v>9</v>
      </c>
      <c r="F15084" s="7">
        <v>41660</v>
      </c>
      <c r="G15084" s="8">
        <v>1</v>
      </c>
      <c r="H15084" s="8">
        <v>1</v>
      </c>
      <c r="I15084" s="8">
        <v>0</v>
      </c>
      <c r="J15084" s="8">
        <v>1</v>
      </c>
      <c r="K15084" s="9">
        <v>47</v>
      </c>
      <c r="L15084" s="6" t="s">
        <v>51</v>
      </c>
    </row>
    <row r="15085" spans="1:12">
      <c r="A15085" s="6" t="s">
        <v>49</v>
      </c>
      <c r="B15085" s="6"/>
      <c r="C15085" s="6" t="s">
        <v>15109</v>
      </c>
      <c r="D15085" s="6"/>
      <c r="E15085" s="6" t="s">
        <v>9</v>
      </c>
      <c r="F15085" s="7">
        <v>41660</v>
      </c>
      <c r="G15085" s="8">
        <v>1</v>
      </c>
      <c r="H15085" s="8">
        <v>1</v>
      </c>
      <c r="I15085" s="8">
        <v>0</v>
      </c>
      <c r="J15085" s="8">
        <v>1</v>
      </c>
      <c r="K15085" s="9">
        <v>130</v>
      </c>
      <c r="L15085" s="6" t="s">
        <v>51</v>
      </c>
    </row>
    <row r="15086" spans="1:12">
      <c r="A15086" s="6" t="s">
        <v>49</v>
      </c>
      <c r="B15086" s="6"/>
      <c r="C15086" s="6" t="s">
        <v>15110</v>
      </c>
      <c r="D15086" s="6"/>
      <c r="E15086" s="6" t="s">
        <v>9</v>
      </c>
      <c r="F15086" s="7">
        <v>41660</v>
      </c>
      <c r="G15086" s="8">
        <v>1</v>
      </c>
      <c r="H15086" s="8">
        <v>1</v>
      </c>
      <c r="I15086" s="8">
        <v>0</v>
      </c>
      <c r="J15086" s="8">
        <v>1</v>
      </c>
      <c r="K15086" s="9">
        <v>138</v>
      </c>
      <c r="L15086" s="6" t="s">
        <v>51</v>
      </c>
    </row>
    <row r="15087" spans="1:12">
      <c r="A15087" s="6" t="s">
        <v>49</v>
      </c>
      <c r="B15087" s="6"/>
      <c r="C15087" s="6" t="s">
        <v>15111</v>
      </c>
      <c r="D15087" s="6"/>
      <c r="E15087" s="6" t="s">
        <v>9</v>
      </c>
      <c r="F15087" s="7">
        <v>41660</v>
      </c>
      <c r="G15087" s="8">
        <v>1</v>
      </c>
      <c r="H15087" s="8">
        <v>1</v>
      </c>
      <c r="I15087" s="8">
        <v>0</v>
      </c>
      <c r="J15087" s="8">
        <v>1</v>
      </c>
      <c r="K15087" s="9">
        <v>463</v>
      </c>
      <c r="L15087" s="6" t="s">
        <v>51</v>
      </c>
    </row>
    <row r="15088" spans="1:12">
      <c r="A15088" s="6" t="s">
        <v>49</v>
      </c>
      <c r="B15088" s="6"/>
      <c r="C15088" s="6" t="s">
        <v>15112</v>
      </c>
      <c r="D15088" s="6"/>
      <c r="E15088" s="6" t="s">
        <v>9</v>
      </c>
      <c r="F15088" s="7">
        <v>41660</v>
      </c>
      <c r="G15088" s="8">
        <v>1</v>
      </c>
      <c r="H15088" s="8">
        <v>1</v>
      </c>
      <c r="I15088" s="8">
        <v>0</v>
      </c>
      <c r="J15088" s="8">
        <v>1</v>
      </c>
      <c r="K15088" s="9">
        <v>103</v>
      </c>
      <c r="L15088" s="6" t="s">
        <v>51</v>
      </c>
    </row>
    <row r="15089" spans="1:12">
      <c r="A15089" s="6" t="s">
        <v>49</v>
      </c>
      <c r="B15089" s="6"/>
      <c r="C15089" s="6" t="s">
        <v>15113</v>
      </c>
      <c r="D15089" s="6"/>
      <c r="E15089" s="6" t="s">
        <v>9</v>
      </c>
      <c r="F15089" s="7">
        <v>41660</v>
      </c>
      <c r="G15089" s="8">
        <v>1</v>
      </c>
      <c r="H15089" s="8">
        <v>1</v>
      </c>
      <c r="I15089" s="8">
        <v>0</v>
      </c>
      <c r="J15089" s="8">
        <v>1</v>
      </c>
      <c r="K15089" s="9">
        <v>108</v>
      </c>
      <c r="L15089" s="6" t="s">
        <v>51</v>
      </c>
    </row>
    <row r="15090" spans="1:12">
      <c r="A15090" s="6" t="s">
        <v>49</v>
      </c>
      <c r="B15090" s="6"/>
      <c r="C15090" s="6" t="s">
        <v>15114</v>
      </c>
      <c r="D15090" s="6"/>
      <c r="E15090" s="6" t="s">
        <v>9</v>
      </c>
      <c r="F15090" s="7">
        <v>38657</v>
      </c>
      <c r="G15090" s="8">
        <v>1</v>
      </c>
      <c r="H15090" s="8">
        <v>1</v>
      </c>
      <c r="I15090" s="8">
        <v>0</v>
      </c>
      <c r="J15090" s="8">
        <v>1</v>
      </c>
      <c r="K15090" s="9">
        <v>22.74</v>
      </c>
      <c r="L15090" s="6" t="s">
        <v>51</v>
      </c>
    </row>
    <row r="15091" spans="1:12">
      <c r="A15091" s="6" t="s">
        <v>49</v>
      </c>
      <c r="B15091" s="6"/>
      <c r="C15091" s="6" t="s">
        <v>15115</v>
      </c>
      <c r="D15091" s="6"/>
      <c r="E15091" s="6" t="s">
        <v>9</v>
      </c>
      <c r="F15091" s="7">
        <v>41660</v>
      </c>
      <c r="G15091" s="8">
        <v>1</v>
      </c>
      <c r="H15091" s="8">
        <v>1</v>
      </c>
      <c r="I15091" s="8">
        <v>0</v>
      </c>
      <c r="J15091" s="8">
        <v>1</v>
      </c>
      <c r="K15091" s="9">
        <v>132</v>
      </c>
      <c r="L15091" s="6" t="s">
        <v>51</v>
      </c>
    </row>
    <row r="15092" spans="1:12">
      <c r="A15092" s="6" t="s">
        <v>49</v>
      </c>
      <c r="B15092" s="6"/>
      <c r="C15092" s="6" t="s">
        <v>15116</v>
      </c>
      <c r="D15092" s="6"/>
      <c r="E15092" s="6" t="s">
        <v>9</v>
      </c>
      <c r="F15092" s="7">
        <v>41660</v>
      </c>
      <c r="G15092" s="8">
        <v>1</v>
      </c>
      <c r="H15092" s="8">
        <v>1</v>
      </c>
      <c r="I15092" s="8">
        <v>0</v>
      </c>
      <c r="J15092" s="8">
        <v>1</v>
      </c>
      <c r="K15092" s="9">
        <v>356</v>
      </c>
      <c r="L15092" s="6" t="s">
        <v>51</v>
      </c>
    </row>
    <row r="15093" spans="1:12">
      <c r="A15093" s="6" t="s">
        <v>49</v>
      </c>
      <c r="B15093" s="6"/>
      <c r="C15093" s="6" t="s">
        <v>15117</v>
      </c>
      <c r="D15093" s="6"/>
      <c r="E15093" s="6" t="s">
        <v>9</v>
      </c>
      <c r="F15093" s="7">
        <v>38657</v>
      </c>
      <c r="G15093" s="8">
        <v>1</v>
      </c>
      <c r="H15093" s="8">
        <v>1</v>
      </c>
      <c r="I15093" s="8">
        <v>0</v>
      </c>
      <c r="J15093" s="8">
        <v>1</v>
      </c>
      <c r="K15093" s="9">
        <v>1094</v>
      </c>
      <c r="L15093" s="6" t="s">
        <v>51</v>
      </c>
    </row>
    <row r="15094" spans="1:12">
      <c r="A15094" s="6" t="s">
        <v>49</v>
      </c>
      <c r="B15094" s="6"/>
      <c r="C15094" s="6" t="s">
        <v>15118</v>
      </c>
      <c r="D15094" s="6"/>
      <c r="E15094" s="6" t="s">
        <v>9</v>
      </c>
      <c r="F15094" s="7">
        <v>38657</v>
      </c>
      <c r="G15094" s="8">
        <v>1</v>
      </c>
      <c r="H15094" s="8">
        <v>1</v>
      </c>
      <c r="I15094" s="8">
        <v>0</v>
      </c>
      <c r="J15094" s="8">
        <v>1</v>
      </c>
      <c r="K15094" s="9">
        <v>3.06</v>
      </c>
      <c r="L15094" s="6" t="s">
        <v>51</v>
      </c>
    </row>
    <row r="15095" spans="1:12">
      <c r="A15095" s="6" t="s">
        <v>49</v>
      </c>
      <c r="B15095" s="6"/>
      <c r="C15095" s="6" t="s">
        <v>15119</v>
      </c>
      <c r="D15095" s="6"/>
      <c r="E15095" s="6" t="s">
        <v>9</v>
      </c>
      <c r="F15095" s="7">
        <v>38657</v>
      </c>
      <c r="G15095" s="8">
        <v>1</v>
      </c>
      <c r="H15095" s="8">
        <v>1</v>
      </c>
      <c r="I15095" s="8">
        <v>0</v>
      </c>
      <c r="J15095" s="8">
        <v>1</v>
      </c>
      <c r="K15095" s="9">
        <v>386</v>
      </c>
      <c r="L15095" s="6" t="s">
        <v>51</v>
      </c>
    </row>
    <row r="15096" spans="1:12">
      <c r="A15096" s="6" t="s">
        <v>49</v>
      </c>
      <c r="B15096" s="6"/>
      <c r="C15096" s="6" t="s">
        <v>15120</v>
      </c>
      <c r="D15096" s="6"/>
      <c r="E15096" s="6" t="s">
        <v>9</v>
      </c>
      <c r="F15096" s="7">
        <v>38657</v>
      </c>
      <c r="G15096" s="8">
        <v>1</v>
      </c>
      <c r="H15096" s="8">
        <v>1</v>
      </c>
      <c r="I15096" s="8">
        <v>0</v>
      </c>
      <c r="J15096" s="8">
        <v>1</v>
      </c>
      <c r="K15096" s="9">
        <v>86</v>
      </c>
      <c r="L15096" s="6" t="s">
        <v>51</v>
      </c>
    </row>
    <row r="15097" spans="1:12">
      <c r="A15097" s="6" t="s">
        <v>49</v>
      </c>
      <c r="B15097" s="6"/>
      <c r="C15097" s="6" t="s">
        <v>15121</v>
      </c>
      <c r="D15097" s="6"/>
      <c r="E15097" s="6" t="s">
        <v>9</v>
      </c>
      <c r="F15097" s="7">
        <v>38657</v>
      </c>
      <c r="G15097" s="8">
        <v>1</v>
      </c>
      <c r="H15097" s="8">
        <v>1</v>
      </c>
      <c r="I15097" s="8">
        <v>0</v>
      </c>
      <c r="J15097" s="8">
        <v>1</v>
      </c>
      <c r="K15097" s="9">
        <v>91</v>
      </c>
      <c r="L15097" s="6" t="s">
        <v>51</v>
      </c>
    </row>
    <row r="15098" spans="1:12">
      <c r="A15098" s="6" t="s">
        <v>49</v>
      </c>
      <c r="B15098" s="6"/>
      <c r="C15098" s="6" t="s">
        <v>15122</v>
      </c>
      <c r="D15098" s="6"/>
      <c r="E15098" s="6" t="s">
        <v>9</v>
      </c>
      <c r="F15098" s="7">
        <v>38657</v>
      </c>
      <c r="G15098" s="8">
        <v>1</v>
      </c>
      <c r="H15098" s="8">
        <v>1</v>
      </c>
      <c r="I15098" s="8">
        <v>0</v>
      </c>
      <c r="J15098" s="8">
        <v>1</v>
      </c>
      <c r="K15098" s="9">
        <v>37</v>
      </c>
      <c r="L15098" s="6" t="s">
        <v>51</v>
      </c>
    </row>
    <row r="15099" spans="1:12">
      <c r="A15099" s="6" t="s">
        <v>49</v>
      </c>
      <c r="B15099" s="6"/>
      <c r="C15099" s="6" t="s">
        <v>15123</v>
      </c>
      <c r="D15099" s="6"/>
      <c r="E15099" s="6" t="s">
        <v>9</v>
      </c>
      <c r="F15099" s="7">
        <v>38657</v>
      </c>
      <c r="G15099" s="8">
        <v>1</v>
      </c>
      <c r="H15099" s="8">
        <v>1</v>
      </c>
      <c r="I15099" s="8">
        <v>0</v>
      </c>
      <c r="J15099" s="8">
        <v>1</v>
      </c>
      <c r="K15099" s="9">
        <v>1050</v>
      </c>
      <c r="L15099" s="6" t="s">
        <v>51</v>
      </c>
    </row>
    <row r="15100" spans="1:12">
      <c r="A15100" s="6" t="s">
        <v>49</v>
      </c>
      <c r="B15100" s="6"/>
      <c r="C15100" s="6" t="s">
        <v>15124</v>
      </c>
      <c r="D15100" s="6"/>
      <c r="E15100" s="6" t="s">
        <v>9</v>
      </c>
      <c r="F15100" s="7">
        <v>38657</v>
      </c>
      <c r="G15100" s="8">
        <v>1</v>
      </c>
      <c r="H15100" s="8">
        <v>1</v>
      </c>
      <c r="I15100" s="8">
        <v>0</v>
      </c>
      <c r="J15100" s="8">
        <v>1</v>
      </c>
      <c r="K15100" s="9">
        <v>1003</v>
      </c>
      <c r="L15100" s="6" t="s">
        <v>51</v>
      </c>
    </row>
    <row r="15101" spans="1:12">
      <c r="A15101" s="6" t="s">
        <v>49</v>
      </c>
      <c r="B15101" s="6"/>
      <c r="C15101" s="6" t="s">
        <v>15125</v>
      </c>
      <c r="D15101" s="6"/>
      <c r="E15101" s="6" t="s">
        <v>9</v>
      </c>
      <c r="F15101" s="7">
        <v>38657</v>
      </c>
      <c r="G15101" s="8">
        <v>21751470</v>
      </c>
      <c r="H15101" s="8">
        <v>21751470</v>
      </c>
      <c r="I15101" s="8">
        <v>0</v>
      </c>
      <c r="J15101" s="8">
        <v>21751470</v>
      </c>
      <c r="K15101" s="9">
        <v>929.55</v>
      </c>
      <c r="L15101" s="6" t="s">
        <v>51</v>
      </c>
    </row>
    <row r="15102" spans="1:12">
      <c r="A15102" s="6" t="s">
        <v>49</v>
      </c>
      <c r="B15102" s="6"/>
      <c r="C15102" s="6" t="s">
        <v>15126</v>
      </c>
      <c r="D15102" s="6"/>
      <c r="E15102" s="6" t="s">
        <v>9</v>
      </c>
      <c r="F15102" s="7">
        <v>38657</v>
      </c>
      <c r="G15102" s="8">
        <v>1</v>
      </c>
      <c r="H15102" s="8">
        <v>1</v>
      </c>
      <c r="I15102" s="8">
        <v>0</v>
      </c>
      <c r="J15102" s="8">
        <v>1</v>
      </c>
      <c r="K15102" s="9">
        <v>90</v>
      </c>
      <c r="L15102" s="6" t="s">
        <v>51</v>
      </c>
    </row>
    <row r="15103" spans="1:12">
      <c r="A15103" s="6" t="s">
        <v>49</v>
      </c>
      <c r="B15103" s="6"/>
      <c r="C15103" s="6" t="s">
        <v>15127</v>
      </c>
      <c r="D15103" s="6"/>
      <c r="E15103" s="6" t="s">
        <v>9</v>
      </c>
      <c r="F15103" s="7">
        <v>38657</v>
      </c>
      <c r="G15103" s="8">
        <v>1</v>
      </c>
      <c r="H15103" s="8">
        <v>1</v>
      </c>
      <c r="I15103" s="8">
        <v>0</v>
      </c>
      <c r="J15103" s="8">
        <v>1</v>
      </c>
      <c r="K15103" s="9">
        <v>90</v>
      </c>
      <c r="L15103" s="6" t="s">
        <v>51</v>
      </c>
    </row>
    <row r="15104" spans="1:12">
      <c r="A15104" s="6" t="s">
        <v>49</v>
      </c>
      <c r="B15104" s="6"/>
      <c r="C15104" s="6" t="s">
        <v>15128</v>
      </c>
      <c r="D15104" s="6"/>
      <c r="E15104" s="6" t="s">
        <v>9</v>
      </c>
      <c r="F15104" s="7">
        <v>41660</v>
      </c>
      <c r="G15104" s="8">
        <v>1</v>
      </c>
      <c r="H15104" s="8">
        <v>1</v>
      </c>
      <c r="I15104" s="8">
        <v>0</v>
      </c>
      <c r="J15104" s="8">
        <v>1</v>
      </c>
      <c r="K15104" s="9">
        <v>406</v>
      </c>
      <c r="L15104" s="6" t="s">
        <v>51</v>
      </c>
    </row>
    <row r="15105" spans="1:12">
      <c r="A15105" s="6" t="s">
        <v>49</v>
      </c>
      <c r="B15105" s="6"/>
      <c r="C15105" s="6" t="s">
        <v>15129</v>
      </c>
      <c r="D15105" s="6"/>
      <c r="E15105" s="6" t="s">
        <v>9</v>
      </c>
      <c r="F15105" s="7">
        <v>41660</v>
      </c>
      <c r="G15105" s="8">
        <v>1</v>
      </c>
      <c r="H15105" s="8">
        <v>1</v>
      </c>
      <c r="I15105" s="8">
        <v>0</v>
      </c>
      <c r="J15105" s="8">
        <v>1</v>
      </c>
      <c r="K15105" s="9">
        <v>146</v>
      </c>
      <c r="L15105" s="6" t="s">
        <v>51</v>
      </c>
    </row>
    <row r="15106" spans="1:12">
      <c r="A15106" s="6" t="s">
        <v>49</v>
      </c>
      <c r="B15106" s="6"/>
      <c r="C15106" s="6" t="s">
        <v>15130</v>
      </c>
      <c r="D15106" s="6"/>
      <c r="E15106" s="6" t="s">
        <v>9</v>
      </c>
      <c r="F15106" s="7">
        <v>41660</v>
      </c>
      <c r="G15106" s="8">
        <v>1</v>
      </c>
      <c r="H15106" s="8">
        <v>1</v>
      </c>
      <c r="I15106" s="8">
        <v>0</v>
      </c>
      <c r="J15106" s="8">
        <v>1</v>
      </c>
      <c r="K15106" s="9">
        <v>274</v>
      </c>
      <c r="L15106" s="6" t="s">
        <v>51</v>
      </c>
    </row>
    <row r="15107" spans="1:12">
      <c r="A15107" s="6" t="s">
        <v>49</v>
      </c>
      <c r="B15107" s="6"/>
      <c r="C15107" s="6" t="s">
        <v>15131</v>
      </c>
      <c r="D15107" s="6"/>
      <c r="E15107" s="6" t="s">
        <v>9</v>
      </c>
      <c r="F15107" s="7">
        <v>41730</v>
      </c>
      <c r="G15107" s="8">
        <v>1</v>
      </c>
      <c r="H15107" s="8">
        <v>1</v>
      </c>
      <c r="I15107" s="8">
        <v>0</v>
      </c>
      <c r="J15107" s="8">
        <v>1</v>
      </c>
      <c r="K15107" s="9">
        <v>27</v>
      </c>
      <c r="L15107" s="6" t="s">
        <v>51</v>
      </c>
    </row>
    <row r="15108" spans="1:12">
      <c r="A15108" s="6" t="s">
        <v>49</v>
      </c>
      <c r="B15108" s="6"/>
      <c r="C15108" s="6" t="s">
        <v>15132</v>
      </c>
      <c r="D15108" s="6"/>
      <c r="E15108" s="6" t="s">
        <v>9</v>
      </c>
      <c r="F15108" s="7">
        <v>38657</v>
      </c>
      <c r="G15108" s="8">
        <v>1</v>
      </c>
      <c r="H15108" s="8">
        <v>1</v>
      </c>
      <c r="I15108" s="8">
        <v>0</v>
      </c>
      <c r="J15108" s="8">
        <v>1</v>
      </c>
      <c r="K15108" s="9">
        <v>201</v>
      </c>
      <c r="L15108" s="6" t="s">
        <v>51</v>
      </c>
    </row>
    <row r="15109" spans="1:12">
      <c r="A15109" s="6" t="s">
        <v>49</v>
      </c>
      <c r="B15109" s="6"/>
      <c r="C15109" s="6" t="s">
        <v>15133</v>
      </c>
      <c r="D15109" s="6"/>
      <c r="E15109" s="6" t="s">
        <v>9</v>
      </c>
      <c r="F15109" s="7">
        <v>38657</v>
      </c>
      <c r="G15109" s="8">
        <v>1</v>
      </c>
      <c r="H15109" s="8">
        <v>1</v>
      </c>
      <c r="I15109" s="8">
        <v>0</v>
      </c>
      <c r="J15109" s="8">
        <v>1</v>
      </c>
      <c r="K15109" s="9">
        <v>274</v>
      </c>
      <c r="L15109" s="6" t="s">
        <v>51</v>
      </c>
    </row>
    <row r="15110" spans="1:12">
      <c r="A15110" s="6" t="s">
        <v>49</v>
      </c>
      <c r="B15110" s="6"/>
      <c r="C15110" s="6" t="s">
        <v>15134</v>
      </c>
      <c r="D15110" s="6"/>
      <c r="E15110" s="6" t="s">
        <v>9</v>
      </c>
      <c r="F15110" s="7">
        <v>38657</v>
      </c>
      <c r="G15110" s="8">
        <v>1</v>
      </c>
      <c r="H15110" s="8">
        <v>1</v>
      </c>
      <c r="I15110" s="8">
        <v>0</v>
      </c>
      <c r="J15110" s="8">
        <v>1</v>
      </c>
      <c r="K15110" s="9">
        <v>90</v>
      </c>
      <c r="L15110" s="6" t="s">
        <v>51</v>
      </c>
    </row>
    <row r="15111" spans="1:12">
      <c r="A15111" s="6" t="s">
        <v>49</v>
      </c>
      <c r="B15111" s="6"/>
      <c r="C15111" s="6" t="s">
        <v>15135</v>
      </c>
      <c r="D15111" s="6"/>
      <c r="E15111" s="6" t="s">
        <v>9</v>
      </c>
      <c r="F15111" s="7">
        <v>38657</v>
      </c>
      <c r="G15111" s="8">
        <v>1</v>
      </c>
      <c r="H15111" s="8">
        <v>1</v>
      </c>
      <c r="I15111" s="8">
        <v>0</v>
      </c>
      <c r="J15111" s="8">
        <v>1</v>
      </c>
      <c r="K15111" s="9">
        <v>154</v>
      </c>
      <c r="L15111" s="6" t="s">
        <v>51</v>
      </c>
    </row>
    <row r="15112" spans="1:12">
      <c r="A15112" s="6" t="s">
        <v>49</v>
      </c>
      <c r="B15112" s="6"/>
      <c r="C15112" s="6" t="s">
        <v>15136</v>
      </c>
      <c r="D15112" s="6"/>
      <c r="E15112" s="6" t="s">
        <v>9</v>
      </c>
      <c r="F15112" s="7">
        <v>38657</v>
      </c>
      <c r="G15112" s="8">
        <v>1</v>
      </c>
      <c r="H15112" s="8">
        <v>1</v>
      </c>
      <c r="I15112" s="8">
        <v>0</v>
      </c>
      <c r="J15112" s="8">
        <v>1</v>
      </c>
      <c r="K15112" s="9">
        <v>47</v>
      </c>
      <c r="L15112" s="6" t="s">
        <v>51</v>
      </c>
    </row>
    <row r="15113" spans="1:12">
      <c r="A15113" s="6" t="s">
        <v>49</v>
      </c>
      <c r="B15113" s="6"/>
      <c r="C15113" s="6" t="s">
        <v>15137</v>
      </c>
      <c r="D15113" s="6"/>
      <c r="E15113" s="6" t="s">
        <v>9</v>
      </c>
      <c r="F15113" s="7">
        <v>38657</v>
      </c>
      <c r="G15113" s="8">
        <v>1</v>
      </c>
      <c r="H15113" s="8">
        <v>1</v>
      </c>
      <c r="I15113" s="8">
        <v>0</v>
      </c>
      <c r="J15113" s="8">
        <v>1</v>
      </c>
      <c r="K15113" s="9">
        <v>139</v>
      </c>
      <c r="L15113" s="6" t="s">
        <v>51</v>
      </c>
    </row>
    <row r="15114" spans="1:12">
      <c r="A15114" s="6" t="s">
        <v>49</v>
      </c>
      <c r="B15114" s="6"/>
      <c r="C15114" s="6" t="s">
        <v>15138</v>
      </c>
      <c r="D15114" s="6"/>
      <c r="E15114" s="6" t="s">
        <v>9</v>
      </c>
      <c r="F15114" s="7">
        <v>38657</v>
      </c>
      <c r="G15114" s="8">
        <v>1</v>
      </c>
      <c r="H15114" s="8">
        <v>1</v>
      </c>
      <c r="I15114" s="8">
        <v>0</v>
      </c>
      <c r="J15114" s="8">
        <v>1</v>
      </c>
      <c r="K15114" s="9">
        <v>610</v>
      </c>
      <c r="L15114" s="6" t="s">
        <v>51</v>
      </c>
    </row>
    <row r="15115" spans="1:12">
      <c r="A15115" s="6" t="s">
        <v>49</v>
      </c>
      <c r="B15115" s="6"/>
      <c r="C15115" s="6" t="s">
        <v>15139</v>
      </c>
      <c r="D15115" s="6"/>
      <c r="E15115" s="6" t="s">
        <v>9</v>
      </c>
      <c r="F15115" s="7">
        <v>38657</v>
      </c>
      <c r="G15115" s="8">
        <v>1</v>
      </c>
      <c r="H15115" s="8">
        <v>1</v>
      </c>
      <c r="I15115" s="8">
        <v>0</v>
      </c>
      <c r="J15115" s="8">
        <v>1</v>
      </c>
      <c r="K15115" s="9">
        <v>291</v>
      </c>
      <c r="L15115" s="6" t="s">
        <v>51</v>
      </c>
    </row>
    <row r="15116" spans="1:12">
      <c r="A15116" s="6" t="s">
        <v>49</v>
      </c>
      <c r="B15116" s="6"/>
      <c r="C15116" s="6" t="s">
        <v>15140</v>
      </c>
      <c r="D15116" s="6"/>
      <c r="E15116" s="6" t="s">
        <v>9</v>
      </c>
      <c r="F15116" s="7">
        <v>38657</v>
      </c>
      <c r="G15116" s="8">
        <v>1</v>
      </c>
      <c r="H15116" s="8">
        <v>1</v>
      </c>
      <c r="I15116" s="8">
        <v>0</v>
      </c>
      <c r="J15116" s="8">
        <v>1</v>
      </c>
      <c r="K15116" s="9">
        <v>831</v>
      </c>
      <c r="L15116" s="6" t="s">
        <v>51</v>
      </c>
    </row>
    <row r="15117" spans="1:12">
      <c r="A15117" s="6" t="s">
        <v>49</v>
      </c>
      <c r="B15117" s="6"/>
      <c r="C15117" s="6" t="s">
        <v>15141</v>
      </c>
      <c r="D15117" s="6"/>
      <c r="E15117" s="6" t="s">
        <v>9</v>
      </c>
      <c r="F15117" s="7">
        <v>38657</v>
      </c>
      <c r="G15117" s="8">
        <v>1</v>
      </c>
      <c r="H15117" s="8">
        <v>1</v>
      </c>
      <c r="I15117" s="8">
        <v>0</v>
      </c>
      <c r="J15117" s="8">
        <v>1</v>
      </c>
      <c r="K15117" s="9">
        <v>86</v>
      </c>
      <c r="L15117" s="6" t="s">
        <v>51</v>
      </c>
    </row>
    <row r="15118" spans="1:12">
      <c r="A15118" s="6" t="s">
        <v>49</v>
      </c>
      <c r="B15118" s="6"/>
      <c r="C15118" s="6" t="s">
        <v>15142</v>
      </c>
      <c r="D15118" s="6"/>
      <c r="E15118" s="6" t="s">
        <v>9</v>
      </c>
      <c r="F15118" s="7">
        <v>38657</v>
      </c>
      <c r="G15118" s="8">
        <v>1</v>
      </c>
      <c r="H15118" s="8">
        <v>1</v>
      </c>
      <c r="I15118" s="8">
        <v>0</v>
      </c>
      <c r="J15118" s="8">
        <v>1</v>
      </c>
      <c r="K15118" s="9">
        <v>46</v>
      </c>
      <c r="L15118" s="6" t="s">
        <v>51</v>
      </c>
    </row>
    <row r="15119" spans="1:12">
      <c r="A15119" s="6" t="s">
        <v>49</v>
      </c>
      <c r="B15119" s="6"/>
      <c r="C15119" s="6" t="s">
        <v>15143</v>
      </c>
      <c r="D15119" s="6"/>
      <c r="E15119" s="6" t="s">
        <v>9</v>
      </c>
      <c r="F15119" s="7">
        <v>38657</v>
      </c>
      <c r="G15119" s="8">
        <v>1</v>
      </c>
      <c r="H15119" s="8">
        <v>1</v>
      </c>
      <c r="I15119" s="8">
        <v>0</v>
      </c>
      <c r="J15119" s="8">
        <v>1</v>
      </c>
      <c r="K15119" s="9">
        <v>189</v>
      </c>
      <c r="L15119" s="6" t="s">
        <v>51</v>
      </c>
    </row>
    <row r="15120" spans="1:12">
      <c r="A15120" s="6" t="s">
        <v>49</v>
      </c>
      <c r="B15120" s="6"/>
      <c r="C15120" s="6" t="s">
        <v>15144</v>
      </c>
      <c r="D15120" s="6"/>
      <c r="E15120" s="6" t="s">
        <v>9</v>
      </c>
      <c r="F15120" s="7">
        <v>38657</v>
      </c>
      <c r="G15120" s="8">
        <v>1</v>
      </c>
      <c r="H15120" s="8">
        <v>1</v>
      </c>
      <c r="I15120" s="8">
        <v>0</v>
      </c>
      <c r="J15120" s="8">
        <v>1</v>
      </c>
      <c r="K15120" s="9">
        <v>625</v>
      </c>
      <c r="L15120" s="6" t="s">
        <v>51</v>
      </c>
    </row>
    <row r="15121" spans="1:12">
      <c r="A15121" s="6" t="s">
        <v>49</v>
      </c>
      <c r="B15121" s="6"/>
      <c r="C15121" s="6" t="s">
        <v>15145</v>
      </c>
      <c r="D15121" s="6"/>
      <c r="E15121" s="6" t="s">
        <v>9</v>
      </c>
      <c r="F15121" s="7">
        <v>38657</v>
      </c>
      <c r="G15121" s="8">
        <v>1</v>
      </c>
      <c r="H15121" s="8">
        <v>1</v>
      </c>
      <c r="I15121" s="8">
        <v>0</v>
      </c>
      <c r="J15121" s="8">
        <v>1</v>
      </c>
      <c r="K15121" s="9">
        <v>37</v>
      </c>
      <c r="L15121" s="6" t="s">
        <v>51</v>
      </c>
    </row>
    <row r="15122" spans="1:12">
      <c r="A15122" s="6" t="s">
        <v>49</v>
      </c>
      <c r="B15122" s="6"/>
      <c r="C15122" s="6" t="s">
        <v>15146</v>
      </c>
      <c r="D15122" s="6"/>
      <c r="E15122" s="6" t="s">
        <v>9</v>
      </c>
      <c r="F15122" s="7">
        <v>38657</v>
      </c>
      <c r="G15122" s="8">
        <v>1</v>
      </c>
      <c r="H15122" s="8">
        <v>1</v>
      </c>
      <c r="I15122" s="8">
        <v>0</v>
      </c>
      <c r="J15122" s="8">
        <v>1</v>
      </c>
      <c r="K15122" s="9">
        <v>355</v>
      </c>
      <c r="L15122" s="6" t="s">
        <v>51</v>
      </c>
    </row>
    <row r="15123" spans="1:12">
      <c r="A15123" s="6" t="s">
        <v>49</v>
      </c>
      <c r="B15123" s="6"/>
      <c r="C15123" s="6" t="s">
        <v>15147</v>
      </c>
      <c r="D15123" s="6"/>
      <c r="E15123" s="6" t="s">
        <v>9</v>
      </c>
      <c r="F15123" s="7">
        <v>38657</v>
      </c>
      <c r="G15123" s="8">
        <v>1</v>
      </c>
      <c r="H15123" s="8">
        <v>1</v>
      </c>
      <c r="I15123" s="8">
        <v>0</v>
      </c>
      <c r="J15123" s="8">
        <v>1</v>
      </c>
      <c r="K15123" s="9">
        <v>31</v>
      </c>
      <c r="L15123" s="6" t="s">
        <v>51</v>
      </c>
    </row>
    <row r="15124" spans="1:12">
      <c r="A15124" s="6" t="s">
        <v>49</v>
      </c>
      <c r="B15124" s="6"/>
      <c r="C15124" s="6" t="s">
        <v>15148</v>
      </c>
      <c r="D15124" s="6"/>
      <c r="E15124" s="6" t="s">
        <v>9</v>
      </c>
      <c r="F15124" s="7">
        <v>38657</v>
      </c>
      <c r="G15124" s="8">
        <v>1</v>
      </c>
      <c r="H15124" s="8">
        <v>1</v>
      </c>
      <c r="I15124" s="8">
        <v>0</v>
      </c>
      <c r="J15124" s="8">
        <v>1</v>
      </c>
      <c r="K15124" s="9">
        <v>307</v>
      </c>
      <c r="L15124" s="6" t="s">
        <v>51</v>
      </c>
    </row>
    <row r="15125" spans="1:12">
      <c r="A15125" s="6" t="s">
        <v>49</v>
      </c>
      <c r="B15125" s="6"/>
      <c r="C15125" s="6" t="s">
        <v>15149</v>
      </c>
      <c r="D15125" s="6"/>
      <c r="E15125" s="6" t="s">
        <v>9</v>
      </c>
      <c r="F15125" s="7">
        <v>38657</v>
      </c>
      <c r="G15125" s="8">
        <v>1</v>
      </c>
      <c r="H15125" s="8">
        <v>1</v>
      </c>
      <c r="I15125" s="8">
        <v>0</v>
      </c>
      <c r="J15125" s="8">
        <v>1</v>
      </c>
      <c r="K15125" s="9">
        <v>83</v>
      </c>
      <c r="L15125" s="6" t="s">
        <v>51</v>
      </c>
    </row>
    <row r="15126" spans="1:12">
      <c r="A15126" s="6" t="s">
        <v>49</v>
      </c>
      <c r="B15126" s="6"/>
      <c r="C15126" s="6" t="s">
        <v>15150</v>
      </c>
      <c r="D15126" s="6"/>
      <c r="E15126" s="6" t="s">
        <v>9</v>
      </c>
      <c r="F15126" s="7">
        <v>38657</v>
      </c>
      <c r="G15126" s="8">
        <v>1</v>
      </c>
      <c r="H15126" s="8">
        <v>1</v>
      </c>
      <c r="I15126" s="8">
        <v>0</v>
      </c>
      <c r="J15126" s="8">
        <v>1</v>
      </c>
      <c r="K15126" s="9">
        <v>54</v>
      </c>
      <c r="L15126" s="6" t="s">
        <v>51</v>
      </c>
    </row>
    <row r="15127" spans="1:12">
      <c r="A15127" s="6" t="s">
        <v>49</v>
      </c>
      <c r="B15127" s="6"/>
      <c r="C15127" s="6" t="s">
        <v>15151</v>
      </c>
      <c r="D15127" s="6"/>
      <c r="E15127" s="6" t="s">
        <v>9</v>
      </c>
      <c r="F15127" s="7">
        <v>38657</v>
      </c>
      <c r="G15127" s="8">
        <v>1</v>
      </c>
      <c r="H15127" s="8">
        <v>1</v>
      </c>
      <c r="I15127" s="8">
        <v>0</v>
      </c>
      <c r="J15127" s="8">
        <v>1</v>
      </c>
      <c r="K15127" s="9">
        <v>122</v>
      </c>
      <c r="L15127" s="6" t="s">
        <v>51</v>
      </c>
    </row>
    <row r="15128" spans="1:12">
      <c r="A15128" s="6" t="s">
        <v>49</v>
      </c>
      <c r="B15128" s="6"/>
      <c r="C15128" s="6" t="s">
        <v>15152</v>
      </c>
      <c r="D15128" s="6"/>
      <c r="E15128" s="6" t="s">
        <v>9</v>
      </c>
      <c r="F15128" s="7">
        <v>38657</v>
      </c>
      <c r="G15128" s="8">
        <v>1</v>
      </c>
      <c r="H15128" s="8">
        <v>1</v>
      </c>
      <c r="I15128" s="8">
        <v>0</v>
      </c>
      <c r="J15128" s="8">
        <v>1</v>
      </c>
      <c r="K15128" s="9">
        <v>121</v>
      </c>
      <c r="L15128" s="6" t="s">
        <v>51</v>
      </c>
    </row>
    <row r="15129" spans="1:12">
      <c r="A15129" s="6" t="s">
        <v>49</v>
      </c>
      <c r="B15129" s="6"/>
      <c r="C15129" s="6" t="s">
        <v>15153</v>
      </c>
      <c r="D15129" s="6"/>
      <c r="E15129" s="6" t="s">
        <v>9</v>
      </c>
      <c r="F15129" s="7">
        <v>38657</v>
      </c>
      <c r="G15129" s="8">
        <v>1</v>
      </c>
      <c r="H15129" s="8">
        <v>1</v>
      </c>
      <c r="I15129" s="8">
        <v>0</v>
      </c>
      <c r="J15129" s="8">
        <v>1</v>
      </c>
      <c r="K15129" s="9">
        <v>120</v>
      </c>
      <c r="L15129" s="6" t="s">
        <v>51</v>
      </c>
    </row>
    <row r="15130" spans="1:12">
      <c r="A15130" s="6" t="s">
        <v>49</v>
      </c>
      <c r="B15130" s="6"/>
      <c r="C15130" s="6" t="s">
        <v>15154</v>
      </c>
      <c r="D15130" s="6"/>
      <c r="E15130" s="6" t="s">
        <v>9</v>
      </c>
      <c r="F15130" s="7">
        <v>38657</v>
      </c>
      <c r="G15130" s="8">
        <v>1</v>
      </c>
      <c r="H15130" s="8">
        <v>1</v>
      </c>
      <c r="I15130" s="8">
        <v>0</v>
      </c>
      <c r="J15130" s="8">
        <v>1</v>
      </c>
      <c r="K15130" s="9">
        <v>63</v>
      </c>
      <c r="L15130" s="6" t="s">
        <v>51</v>
      </c>
    </row>
    <row r="15131" spans="1:12">
      <c r="A15131" s="6" t="s">
        <v>49</v>
      </c>
      <c r="B15131" s="6"/>
      <c r="C15131" s="6" t="s">
        <v>15155</v>
      </c>
      <c r="D15131" s="6"/>
      <c r="E15131" s="6" t="s">
        <v>9</v>
      </c>
      <c r="F15131" s="7">
        <v>38657</v>
      </c>
      <c r="G15131" s="8">
        <v>1</v>
      </c>
      <c r="H15131" s="8">
        <v>1</v>
      </c>
      <c r="I15131" s="8">
        <v>0</v>
      </c>
      <c r="J15131" s="8">
        <v>1</v>
      </c>
      <c r="K15131" s="9">
        <v>2.12</v>
      </c>
      <c r="L15131" s="6" t="s">
        <v>51</v>
      </c>
    </row>
    <row r="15132" spans="1:12">
      <c r="A15132" s="6" t="s">
        <v>49</v>
      </c>
      <c r="B15132" s="6"/>
      <c r="C15132" s="6" t="s">
        <v>15156</v>
      </c>
      <c r="D15132" s="6"/>
      <c r="E15132" s="6" t="s">
        <v>9</v>
      </c>
      <c r="F15132" s="7">
        <v>38657</v>
      </c>
      <c r="G15132" s="8">
        <v>1</v>
      </c>
      <c r="H15132" s="8">
        <v>1</v>
      </c>
      <c r="I15132" s="8">
        <v>0</v>
      </c>
      <c r="J15132" s="8">
        <v>1</v>
      </c>
      <c r="K15132" s="9">
        <v>36</v>
      </c>
      <c r="L15132" s="6" t="s">
        <v>51</v>
      </c>
    </row>
    <row r="15133" spans="1:12">
      <c r="A15133" s="6" t="s">
        <v>49</v>
      </c>
      <c r="B15133" s="6"/>
      <c r="C15133" s="6" t="s">
        <v>15157</v>
      </c>
      <c r="D15133" s="6"/>
      <c r="E15133" s="6" t="s">
        <v>9</v>
      </c>
      <c r="F15133" s="7">
        <v>38657</v>
      </c>
      <c r="G15133" s="8">
        <v>1</v>
      </c>
      <c r="H15133" s="8">
        <v>1</v>
      </c>
      <c r="I15133" s="8">
        <v>0</v>
      </c>
      <c r="J15133" s="8">
        <v>1</v>
      </c>
      <c r="K15133" s="9">
        <v>28</v>
      </c>
      <c r="L15133" s="6" t="s">
        <v>51</v>
      </c>
    </row>
    <row r="15134" spans="1:12">
      <c r="A15134" s="6" t="s">
        <v>49</v>
      </c>
      <c r="B15134" s="6"/>
      <c r="C15134" s="6" t="s">
        <v>15158</v>
      </c>
      <c r="D15134" s="6"/>
      <c r="E15134" s="6" t="s">
        <v>9</v>
      </c>
      <c r="F15134" s="7">
        <v>38657</v>
      </c>
      <c r="G15134" s="8">
        <v>1</v>
      </c>
      <c r="H15134" s="8">
        <v>1</v>
      </c>
      <c r="I15134" s="8">
        <v>0</v>
      </c>
      <c r="J15134" s="8">
        <v>1</v>
      </c>
      <c r="K15134" s="9">
        <v>34</v>
      </c>
      <c r="L15134" s="6" t="s">
        <v>51</v>
      </c>
    </row>
    <row r="15135" spans="1:12">
      <c r="A15135" s="6" t="s">
        <v>49</v>
      </c>
      <c r="B15135" s="6"/>
      <c r="C15135" s="6" t="s">
        <v>15159</v>
      </c>
      <c r="D15135" s="6"/>
      <c r="E15135" s="6" t="s">
        <v>9</v>
      </c>
      <c r="F15135" s="7">
        <v>38657</v>
      </c>
      <c r="G15135" s="8">
        <v>1</v>
      </c>
      <c r="H15135" s="8">
        <v>1</v>
      </c>
      <c r="I15135" s="8">
        <v>0</v>
      </c>
      <c r="J15135" s="8">
        <v>1</v>
      </c>
      <c r="K15135" s="9">
        <v>111</v>
      </c>
      <c r="L15135" s="6" t="s">
        <v>51</v>
      </c>
    </row>
    <row r="15136" spans="1:12">
      <c r="A15136" s="6" t="s">
        <v>49</v>
      </c>
      <c r="B15136" s="6"/>
      <c r="C15136" s="6" t="s">
        <v>15160</v>
      </c>
      <c r="D15136" s="6"/>
      <c r="E15136" s="6" t="s">
        <v>9</v>
      </c>
      <c r="F15136" s="7">
        <v>38657</v>
      </c>
      <c r="G15136" s="8">
        <v>1</v>
      </c>
      <c r="H15136" s="8">
        <v>1</v>
      </c>
      <c r="I15136" s="8">
        <v>0</v>
      </c>
      <c r="J15136" s="8">
        <v>1</v>
      </c>
      <c r="K15136" s="9">
        <v>219</v>
      </c>
      <c r="L15136" s="6" t="s">
        <v>51</v>
      </c>
    </row>
    <row r="15137" spans="1:12">
      <c r="A15137" s="6" t="s">
        <v>49</v>
      </c>
      <c r="B15137" s="6"/>
      <c r="C15137" s="6" t="s">
        <v>15161</v>
      </c>
      <c r="D15137" s="6"/>
      <c r="E15137" s="6" t="s">
        <v>9</v>
      </c>
      <c r="F15137" s="7">
        <v>38657</v>
      </c>
      <c r="G15137" s="8">
        <v>1</v>
      </c>
      <c r="H15137" s="8">
        <v>1</v>
      </c>
      <c r="I15137" s="8">
        <v>0</v>
      </c>
      <c r="J15137" s="8">
        <v>1</v>
      </c>
      <c r="K15137" s="9">
        <v>38</v>
      </c>
      <c r="L15137" s="6" t="s">
        <v>51</v>
      </c>
    </row>
    <row r="15138" spans="1:12">
      <c r="A15138" s="6" t="s">
        <v>49</v>
      </c>
      <c r="B15138" s="6"/>
      <c r="C15138" s="6" t="s">
        <v>15162</v>
      </c>
      <c r="D15138" s="6"/>
      <c r="E15138" s="6" t="s">
        <v>9</v>
      </c>
      <c r="F15138" s="7">
        <v>38657</v>
      </c>
      <c r="G15138" s="8">
        <v>1</v>
      </c>
      <c r="H15138" s="8">
        <v>1</v>
      </c>
      <c r="I15138" s="8">
        <v>0</v>
      </c>
      <c r="J15138" s="8">
        <v>1</v>
      </c>
      <c r="K15138" s="9">
        <v>13</v>
      </c>
      <c r="L15138" s="6" t="s">
        <v>51</v>
      </c>
    </row>
    <row r="15139" spans="1:12">
      <c r="A15139" s="6" t="s">
        <v>49</v>
      </c>
      <c r="B15139" s="6"/>
      <c r="C15139" s="6" t="s">
        <v>15163</v>
      </c>
      <c r="D15139" s="6"/>
      <c r="E15139" s="6" t="s">
        <v>9</v>
      </c>
      <c r="F15139" s="7">
        <v>38657</v>
      </c>
      <c r="G15139" s="8">
        <v>1</v>
      </c>
      <c r="H15139" s="8">
        <v>1</v>
      </c>
      <c r="I15139" s="8">
        <v>0</v>
      </c>
      <c r="J15139" s="8">
        <v>1</v>
      </c>
      <c r="K15139" s="9">
        <v>241</v>
      </c>
      <c r="L15139" s="6" t="s">
        <v>51</v>
      </c>
    </row>
    <row r="15140" spans="1:12">
      <c r="A15140" s="6" t="s">
        <v>49</v>
      </c>
      <c r="B15140" s="6"/>
      <c r="C15140" s="6" t="s">
        <v>15164</v>
      </c>
      <c r="D15140" s="6"/>
      <c r="E15140" s="6" t="s">
        <v>9</v>
      </c>
      <c r="F15140" s="7">
        <v>38657</v>
      </c>
      <c r="G15140" s="8">
        <v>1</v>
      </c>
      <c r="H15140" s="8">
        <v>1</v>
      </c>
      <c r="I15140" s="8">
        <v>0</v>
      </c>
      <c r="J15140" s="8">
        <v>1</v>
      </c>
      <c r="K15140" s="9">
        <v>38</v>
      </c>
      <c r="L15140" s="6" t="s">
        <v>51</v>
      </c>
    </row>
    <row r="15141" spans="1:12">
      <c r="A15141" s="6" t="s">
        <v>49</v>
      </c>
      <c r="B15141" s="6"/>
      <c r="C15141" s="6" t="s">
        <v>15165</v>
      </c>
      <c r="D15141" s="6"/>
      <c r="E15141" s="6" t="s">
        <v>9</v>
      </c>
      <c r="F15141" s="7">
        <v>38657</v>
      </c>
      <c r="G15141" s="8">
        <v>1</v>
      </c>
      <c r="H15141" s="8">
        <v>1</v>
      </c>
      <c r="I15141" s="8">
        <v>0</v>
      </c>
      <c r="J15141" s="8">
        <v>1</v>
      </c>
      <c r="K15141" s="9">
        <v>196</v>
      </c>
      <c r="L15141" s="6" t="s">
        <v>51</v>
      </c>
    </row>
    <row r="15142" spans="1:12">
      <c r="A15142" s="6" t="s">
        <v>49</v>
      </c>
      <c r="B15142" s="6"/>
      <c r="C15142" s="6" t="s">
        <v>15166</v>
      </c>
      <c r="D15142" s="6"/>
      <c r="E15142" s="6" t="s">
        <v>9</v>
      </c>
      <c r="F15142" s="7">
        <v>38657</v>
      </c>
      <c r="G15142" s="8">
        <v>1</v>
      </c>
      <c r="H15142" s="8">
        <v>1</v>
      </c>
      <c r="I15142" s="8">
        <v>0</v>
      </c>
      <c r="J15142" s="8">
        <v>1</v>
      </c>
      <c r="K15142" s="9">
        <v>38</v>
      </c>
      <c r="L15142" s="6" t="s">
        <v>51</v>
      </c>
    </row>
    <row r="15143" spans="1:12">
      <c r="A15143" s="6" t="s">
        <v>49</v>
      </c>
      <c r="B15143" s="6"/>
      <c r="C15143" s="6" t="s">
        <v>15167</v>
      </c>
      <c r="D15143" s="6"/>
      <c r="E15143" s="6" t="s">
        <v>9</v>
      </c>
      <c r="F15143" s="7">
        <v>38657</v>
      </c>
      <c r="G15143" s="8">
        <v>1</v>
      </c>
      <c r="H15143" s="8">
        <v>1</v>
      </c>
      <c r="I15143" s="8">
        <v>0</v>
      </c>
      <c r="J15143" s="8">
        <v>1</v>
      </c>
      <c r="K15143" s="9">
        <v>151</v>
      </c>
      <c r="L15143" s="6" t="s">
        <v>51</v>
      </c>
    </row>
    <row r="15144" spans="1:12">
      <c r="A15144" s="6" t="s">
        <v>49</v>
      </c>
      <c r="B15144" s="6"/>
      <c r="C15144" s="6" t="s">
        <v>15168</v>
      </c>
      <c r="D15144" s="6"/>
      <c r="E15144" s="6" t="s">
        <v>9</v>
      </c>
      <c r="F15144" s="7">
        <v>38657</v>
      </c>
      <c r="G15144" s="8">
        <v>1</v>
      </c>
      <c r="H15144" s="8">
        <v>1</v>
      </c>
      <c r="I15144" s="8">
        <v>0</v>
      </c>
      <c r="J15144" s="8">
        <v>1</v>
      </c>
      <c r="K15144" s="9">
        <v>38</v>
      </c>
      <c r="L15144" s="6" t="s">
        <v>51</v>
      </c>
    </row>
    <row r="15145" spans="1:12">
      <c r="A15145" s="6" t="s">
        <v>49</v>
      </c>
      <c r="B15145" s="6"/>
      <c r="C15145" s="6" t="s">
        <v>15169</v>
      </c>
      <c r="D15145" s="6"/>
      <c r="E15145" s="6" t="s">
        <v>9</v>
      </c>
      <c r="F15145" s="7">
        <v>38657</v>
      </c>
      <c r="G15145" s="8">
        <v>1</v>
      </c>
      <c r="H15145" s="8">
        <v>1</v>
      </c>
      <c r="I15145" s="8">
        <v>0</v>
      </c>
      <c r="J15145" s="8">
        <v>1</v>
      </c>
      <c r="K15145" s="9">
        <v>119</v>
      </c>
      <c r="L15145" s="6" t="s">
        <v>51</v>
      </c>
    </row>
    <row r="15146" spans="1:12">
      <c r="A15146" s="6" t="s">
        <v>49</v>
      </c>
      <c r="B15146" s="6"/>
      <c r="C15146" s="6" t="s">
        <v>15170</v>
      </c>
      <c r="D15146" s="6"/>
      <c r="E15146" s="6" t="s">
        <v>9</v>
      </c>
      <c r="F15146" s="7">
        <v>38657</v>
      </c>
      <c r="G15146" s="8">
        <v>1</v>
      </c>
      <c r="H15146" s="8">
        <v>1</v>
      </c>
      <c r="I15146" s="8">
        <v>0</v>
      </c>
      <c r="J15146" s="8">
        <v>1</v>
      </c>
      <c r="K15146" s="9">
        <v>681</v>
      </c>
      <c r="L15146" s="6" t="s">
        <v>51</v>
      </c>
    </row>
    <row r="15147" spans="1:12">
      <c r="A15147" s="6" t="s">
        <v>49</v>
      </c>
      <c r="B15147" s="6"/>
      <c r="C15147" s="6" t="s">
        <v>15171</v>
      </c>
      <c r="D15147" s="6"/>
      <c r="E15147" s="6" t="s">
        <v>9</v>
      </c>
      <c r="F15147" s="7">
        <v>38657</v>
      </c>
      <c r="G15147" s="8">
        <v>1</v>
      </c>
      <c r="H15147" s="8">
        <v>1</v>
      </c>
      <c r="I15147" s="8">
        <v>0</v>
      </c>
      <c r="J15147" s="8">
        <v>1</v>
      </c>
      <c r="K15147" s="9">
        <v>100</v>
      </c>
      <c r="L15147" s="6" t="s">
        <v>51</v>
      </c>
    </row>
    <row r="15148" spans="1:12">
      <c r="A15148" s="6" t="s">
        <v>49</v>
      </c>
      <c r="B15148" s="6"/>
      <c r="C15148" s="6" t="s">
        <v>15172</v>
      </c>
      <c r="D15148" s="6"/>
      <c r="E15148" s="6" t="s">
        <v>9</v>
      </c>
      <c r="F15148" s="7">
        <v>38657</v>
      </c>
      <c r="G15148" s="8">
        <v>1</v>
      </c>
      <c r="H15148" s="8">
        <v>1</v>
      </c>
      <c r="I15148" s="8">
        <v>0</v>
      </c>
      <c r="J15148" s="8">
        <v>1</v>
      </c>
      <c r="K15148" s="9">
        <v>93</v>
      </c>
      <c r="L15148" s="6" t="s">
        <v>51</v>
      </c>
    </row>
    <row r="15149" spans="1:12">
      <c r="A15149" s="6" t="s">
        <v>49</v>
      </c>
      <c r="B15149" s="6"/>
      <c r="C15149" s="6" t="s">
        <v>15173</v>
      </c>
      <c r="D15149" s="6"/>
      <c r="E15149" s="6" t="s">
        <v>9</v>
      </c>
      <c r="F15149" s="7">
        <v>38657</v>
      </c>
      <c r="G15149" s="8">
        <v>1</v>
      </c>
      <c r="H15149" s="8">
        <v>1</v>
      </c>
      <c r="I15149" s="8">
        <v>0</v>
      </c>
      <c r="J15149" s="8">
        <v>1</v>
      </c>
      <c r="K15149" s="9">
        <v>94</v>
      </c>
      <c r="L15149" s="6" t="s">
        <v>51</v>
      </c>
    </row>
    <row r="15150" spans="1:12">
      <c r="A15150" s="6" t="s">
        <v>49</v>
      </c>
      <c r="B15150" s="6"/>
      <c r="C15150" s="6" t="s">
        <v>15174</v>
      </c>
      <c r="D15150" s="6"/>
      <c r="E15150" s="6" t="s">
        <v>9</v>
      </c>
      <c r="F15150" s="7">
        <v>38657</v>
      </c>
      <c r="G15150" s="8">
        <v>1</v>
      </c>
      <c r="H15150" s="8">
        <v>1</v>
      </c>
      <c r="I15150" s="8">
        <v>0</v>
      </c>
      <c r="J15150" s="8">
        <v>1</v>
      </c>
      <c r="K15150" s="9">
        <v>94</v>
      </c>
      <c r="L15150" s="6" t="s">
        <v>51</v>
      </c>
    </row>
    <row r="15151" spans="1:12">
      <c r="A15151" s="6" t="s">
        <v>49</v>
      </c>
      <c r="B15151" s="6"/>
      <c r="C15151" s="6" t="s">
        <v>15175</v>
      </c>
      <c r="D15151" s="6"/>
      <c r="E15151" s="6" t="s">
        <v>9</v>
      </c>
      <c r="F15151" s="7">
        <v>38657</v>
      </c>
      <c r="G15151" s="8">
        <v>1</v>
      </c>
      <c r="H15151" s="8">
        <v>1</v>
      </c>
      <c r="I15151" s="8">
        <v>0</v>
      </c>
      <c r="J15151" s="8">
        <v>1</v>
      </c>
      <c r="K15151" s="9">
        <v>74</v>
      </c>
      <c r="L15151" s="6" t="s">
        <v>51</v>
      </c>
    </row>
    <row r="15152" spans="1:12">
      <c r="A15152" s="6" t="s">
        <v>49</v>
      </c>
      <c r="B15152" s="6"/>
      <c r="C15152" s="6" t="s">
        <v>15176</v>
      </c>
      <c r="D15152" s="6"/>
      <c r="E15152" s="6" t="s">
        <v>9</v>
      </c>
      <c r="F15152" s="7">
        <v>38657</v>
      </c>
      <c r="G15152" s="8">
        <v>1</v>
      </c>
      <c r="H15152" s="8">
        <v>1</v>
      </c>
      <c r="I15152" s="8">
        <v>0</v>
      </c>
      <c r="J15152" s="8">
        <v>1</v>
      </c>
      <c r="K15152" s="9">
        <v>85</v>
      </c>
      <c r="L15152" s="6" t="s">
        <v>51</v>
      </c>
    </row>
    <row r="15153" spans="1:12">
      <c r="A15153" s="6" t="s">
        <v>49</v>
      </c>
      <c r="B15153" s="6"/>
      <c r="C15153" s="6" t="s">
        <v>15177</v>
      </c>
      <c r="D15153" s="6"/>
      <c r="E15153" s="6" t="s">
        <v>9</v>
      </c>
      <c r="F15153" s="7">
        <v>38657</v>
      </c>
      <c r="G15153" s="8">
        <v>1</v>
      </c>
      <c r="H15153" s="8">
        <v>1</v>
      </c>
      <c r="I15153" s="8">
        <v>0</v>
      </c>
      <c r="J15153" s="8">
        <v>1</v>
      </c>
      <c r="K15153" s="9">
        <v>92</v>
      </c>
      <c r="L15153" s="6" t="s">
        <v>51</v>
      </c>
    </row>
    <row r="15154" spans="1:12">
      <c r="A15154" s="6" t="s">
        <v>49</v>
      </c>
      <c r="B15154" s="6"/>
      <c r="C15154" s="6" t="s">
        <v>15178</v>
      </c>
      <c r="D15154" s="6"/>
      <c r="E15154" s="6" t="s">
        <v>9</v>
      </c>
      <c r="F15154" s="7">
        <v>38657</v>
      </c>
      <c r="G15154" s="8">
        <v>1</v>
      </c>
      <c r="H15154" s="8">
        <v>1</v>
      </c>
      <c r="I15154" s="8">
        <v>0</v>
      </c>
      <c r="J15154" s="8">
        <v>1</v>
      </c>
      <c r="K15154" s="9">
        <v>92</v>
      </c>
      <c r="L15154" s="6" t="s">
        <v>51</v>
      </c>
    </row>
    <row r="15155" spans="1:12">
      <c r="A15155" s="6" t="s">
        <v>49</v>
      </c>
      <c r="B15155" s="6"/>
      <c r="C15155" s="6" t="s">
        <v>15179</v>
      </c>
      <c r="D15155" s="6"/>
      <c r="E15155" s="6" t="s">
        <v>9</v>
      </c>
      <c r="F15155" s="7">
        <v>38657</v>
      </c>
      <c r="G15155" s="8">
        <v>1</v>
      </c>
      <c r="H15155" s="8">
        <v>1</v>
      </c>
      <c r="I15155" s="8">
        <v>0</v>
      </c>
      <c r="J15155" s="8">
        <v>1</v>
      </c>
      <c r="K15155" s="9">
        <v>92</v>
      </c>
      <c r="L15155" s="6" t="s">
        <v>51</v>
      </c>
    </row>
    <row r="15156" spans="1:12">
      <c r="A15156" s="6" t="s">
        <v>49</v>
      </c>
      <c r="B15156" s="6"/>
      <c r="C15156" s="6" t="s">
        <v>15180</v>
      </c>
      <c r="D15156" s="6"/>
      <c r="E15156" s="6" t="s">
        <v>9</v>
      </c>
      <c r="F15156" s="7">
        <v>38657</v>
      </c>
      <c r="G15156" s="8">
        <v>1</v>
      </c>
      <c r="H15156" s="8">
        <v>1</v>
      </c>
      <c r="I15156" s="8">
        <v>0</v>
      </c>
      <c r="J15156" s="8">
        <v>1</v>
      </c>
      <c r="K15156" s="9">
        <v>92</v>
      </c>
      <c r="L15156" s="6" t="s">
        <v>51</v>
      </c>
    </row>
    <row r="15157" spans="1:12">
      <c r="A15157" s="6" t="s">
        <v>49</v>
      </c>
      <c r="B15157" s="6"/>
      <c r="C15157" s="6" t="s">
        <v>15181</v>
      </c>
      <c r="D15157" s="6"/>
      <c r="E15157" s="6" t="s">
        <v>9</v>
      </c>
      <c r="F15157" s="7">
        <v>38657</v>
      </c>
      <c r="G15157" s="8">
        <v>1</v>
      </c>
      <c r="H15157" s="8">
        <v>1</v>
      </c>
      <c r="I15157" s="8">
        <v>0</v>
      </c>
      <c r="J15157" s="8">
        <v>1</v>
      </c>
      <c r="K15157" s="9">
        <v>649</v>
      </c>
      <c r="L15157" s="6" t="s">
        <v>51</v>
      </c>
    </row>
    <row r="15158" spans="1:12">
      <c r="A15158" s="6" t="s">
        <v>49</v>
      </c>
      <c r="B15158" s="6"/>
      <c r="C15158" s="6" t="s">
        <v>15182</v>
      </c>
      <c r="D15158" s="6"/>
      <c r="E15158" s="6" t="s">
        <v>9</v>
      </c>
      <c r="F15158" s="7">
        <v>38657</v>
      </c>
      <c r="G15158" s="8">
        <v>1</v>
      </c>
      <c r="H15158" s="8">
        <v>1</v>
      </c>
      <c r="I15158" s="8">
        <v>0</v>
      </c>
      <c r="J15158" s="8">
        <v>1</v>
      </c>
      <c r="K15158" s="9">
        <v>93</v>
      </c>
      <c r="L15158" s="6" t="s">
        <v>51</v>
      </c>
    </row>
    <row r="15159" spans="1:12">
      <c r="A15159" s="6" t="s">
        <v>49</v>
      </c>
      <c r="B15159" s="6"/>
      <c r="C15159" s="6" t="s">
        <v>15183</v>
      </c>
      <c r="D15159" s="6"/>
      <c r="E15159" s="6" t="s">
        <v>9</v>
      </c>
      <c r="F15159" s="7">
        <v>38657</v>
      </c>
      <c r="G15159" s="8">
        <v>1</v>
      </c>
      <c r="H15159" s="8">
        <v>1</v>
      </c>
      <c r="I15159" s="8">
        <v>0</v>
      </c>
      <c r="J15159" s="8">
        <v>1</v>
      </c>
      <c r="K15159" s="9">
        <v>93</v>
      </c>
      <c r="L15159" s="6" t="s">
        <v>51</v>
      </c>
    </row>
    <row r="15160" spans="1:12">
      <c r="A15160" s="6" t="s">
        <v>49</v>
      </c>
      <c r="B15160" s="6"/>
      <c r="C15160" s="6" t="s">
        <v>15184</v>
      </c>
      <c r="D15160" s="6"/>
      <c r="E15160" s="6" t="s">
        <v>9</v>
      </c>
      <c r="F15160" s="7">
        <v>38657</v>
      </c>
      <c r="G15160" s="8">
        <v>1</v>
      </c>
      <c r="H15160" s="8">
        <v>1</v>
      </c>
      <c r="I15160" s="8">
        <v>0</v>
      </c>
      <c r="J15160" s="8">
        <v>1</v>
      </c>
      <c r="K15160" s="9">
        <v>91</v>
      </c>
      <c r="L15160" s="6" t="s">
        <v>51</v>
      </c>
    </row>
    <row r="15161" spans="1:12">
      <c r="A15161" s="6" t="s">
        <v>49</v>
      </c>
      <c r="B15161" s="6"/>
      <c r="C15161" s="6" t="s">
        <v>15185</v>
      </c>
      <c r="D15161" s="6"/>
      <c r="E15161" s="6" t="s">
        <v>9</v>
      </c>
      <c r="F15161" s="7">
        <v>38657</v>
      </c>
      <c r="G15161" s="8">
        <v>1</v>
      </c>
      <c r="H15161" s="8">
        <v>1</v>
      </c>
      <c r="I15161" s="8">
        <v>0</v>
      </c>
      <c r="J15161" s="8">
        <v>1</v>
      </c>
      <c r="K15161" s="9">
        <v>95</v>
      </c>
      <c r="L15161" s="6" t="s">
        <v>51</v>
      </c>
    </row>
    <row r="15162" spans="1:12">
      <c r="A15162" s="6" t="s">
        <v>49</v>
      </c>
      <c r="B15162" s="6"/>
      <c r="C15162" s="6" t="s">
        <v>15186</v>
      </c>
      <c r="D15162" s="6"/>
      <c r="E15162" s="6" t="s">
        <v>9</v>
      </c>
      <c r="F15162" s="7">
        <v>38657</v>
      </c>
      <c r="G15162" s="8">
        <v>1</v>
      </c>
      <c r="H15162" s="8">
        <v>1</v>
      </c>
      <c r="I15162" s="8">
        <v>0</v>
      </c>
      <c r="J15162" s="8">
        <v>1</v>
      </c>
      <c r="K15162" s="9">
        <v>95</v>
      </c>
      <c r="L15162" s="6" t="s">
        <v>51</v>
      </c>
    </row>
    <row r="15163" spans="1:12">
      <c r="A15163" s="6" t="s">
        <v>49</v>
      </c>
      <c r="B15163" s="6"/>
      <c r="C15163" s="6" t="s">
        <v>15187</v>
      </c>
      <c r="D15163" s="6"/>
      <c r="E15163" s="6" t="s">
        <v>9</v>
      </c>
      <c r="F15163" s="7">
        <v>38657</v>
      </c>
      <c r="G15163" s="8">
        <v>1</v>
      </c>
      <c r="H15163" s="8">
        <v>1</v>
      </c>
      <c r="I15163" s="8">
        <v>0</v>
      </c>
      <c r="J15163" s="8">
        <v>1</v>
      </c>
      <c r="K15163" s="9">
        <v>307</v>
      </c>
      <c r="L15163" s="6" t="s">
        <v>51</v>
      </c>
    </row>
    <row r="15164" spans="1:12">
      <c r="A15164" s="6" t="s">
        <v>49</v>
      </c>
      <c r="B15164" s="6"/>
      <c r="C15164" s="6" t="s">
        <v>15188</v>
      </c>
      <c r="D15164" s="6"/>
      <c r="E15164" s="6" t="s">
        <v>9</v>
      </c>
      <c r="F15164" s="7">
        <v>38657</v>
      </c>
      <c r="G15164" s="8">
        <v>1</v>
      </c>
      <c r="H15164" s="8">
        <v>1</v>
      </c>
      <c r="I15164" s="8">
        <v>0</v>
      </c>
      <c r="J15164" s="8">
        <v>1</v>
      </c>
      <c r="K15164" s="9">
        <v>102</v>
      </c>
      <c r="L15164" s="6" t="s">
        <v>51</v>
      </c>
    </row>
    <row r="15165" spans="1:12">
      <c r="A15165" s="6" t="s">
        <v>49</v>
      </c>
      <c r="B15165" s="6"/>
      <c r="C15165" s="6" t="s">
        <v>15189</v>
      </c>
      <c r="D15165" s="6"/>
      <c r="E15165" s="6" t="s">
        <v>9</v>
      </c>
      <c r="F15165" s="7">
        <v>38657</v>
      </c>
      <c r="G15165" s="8">
        <v>1</v>
      </c>
      <c r="H15165" s="8">
        <v>1</v>
      </c>
      <c r="I15165" s="8">
        <v>0</v>
      </c>
      <c r="J15165" s="8">
        <v>1</v>
      </c>
      <c r="K15165" s="9">
        <v>38</v>
      </c>
      <c r="L15165" s="6" t="s">
        <v>51</v>
      </c>
    </row>
    <row r="15166" spans="1:12">
      <c r="A15166" s="6" t="s">
        <v>49</v>
      </c>
      <c r="B15166" s="6"/>
      <c r="C15166" s="6" t="s">
        <v>15190</v>
      </c>
      <c r="D15166" s="6"/>
      <c r="E15166" s="6" t="s">
        <v>9</v>
      </c>
      <c r="F15166" s="7">
        <v>38657</v>
      </c>
      <c r="G15166" s="8">
        <v>1</v>
      </c>
      <c r="H15166" s="8">
        <v>1</v>
      </c>
      <c r="I15166" s="8">
        <v>0</v>
      </c>
      <c r="J15166" s="8">
        <v>1</v>
      </c>
      <c r="K15166" s="9">
        <v>294</v>
      </c>
      <c r="L15166" s="6" t="s">
        <v>51</v>
      </c>
    </row>
    <row r="15167" spans="1:12">
      <c r="A15167" s="6" t="s">
        <v>49</v>
      </c>
      <c r="B15167" s="6"/>
      <c r="C15167" s="6" t="s">
        <v>15191</v>
      </c>
      <c r="D15167" s="6"/>
      <c r="E15167" s="6" t="s">
        <v>9</v>
      </c>
      <c r="F15167" s="7">
        <v>38657</v>
      </c>
      <c r="G15167" s="8">
        <v>1</v>
      </c>
      <c r="H15167" s="8">
        <v>1</v>
      </c>
      <c r="I15167" s="8">
        <v>0</v>
      </c>
      <c r="J15167" s="8">
        <v>1</v>
      </c>
      <c r="K15167" s="9">
        <v>34</v>
      </c>
      <c r="L15167" s="6" t="s">
        <v>51</v>
      </c>
    </row>
    <row r="15168" spans="1:12">
      <c r="A15168" s="6" t="s">
        <v>49</v>
      </c>
      <c r="B15168" s="6"/>
      <c r="C15168" s="6" t="s">
        <v>15192</v>
      </c>
      <c r="D15168" s="6"/>
      <c r="E15168" s="6" t="s">
        <v>9</v>
      </c>
      <c r="F15168" s="7">
        <v>38657</v>
      </c>
      <c r="G15168" s="8">
        <v>1</v>
      </c>
      <c r="H15168" s="8">
        <v>1</v>
      </c>
      <c r="I15168" s="8">
        <v>0</v>
      </c>
      <c r="J15168" s="8">
        <v>1</v>
      </c>
      <c r="K15168" s="9">
        <v>99</v>
      </c>
      <c r="L15168" s="6" t="s">
        <v>51</v>
      </c>
    </row>
    <row r="15169" spans="1:12">
      <c r="A15169" s="6" t="s">
        <v>49</v>
      </c>
      <c r="B15169" s="6"/>
      <c r="C15169" s="6" t="s">
        <v>15193</v>
      </c>
      <c r="D15169" s="6"/>
      <c r="E15169" s="6" t="s">
        <v>9</v>
      </c>
      <c r="F15169" s="7">
        <v>38657</v>
      </c>
      <c r="G15169" s="8">
        <v>1</v>
      </c>
      <c r="H15169" s="8">
        <v>1</v>
      </c>
      <c r="I15169" s="8">
        <v>0</v>
      </c>
      <c r="J15169" s="8">
        <v>1</v>
      </c>
      <c r="K15169" s="9">
        <v>43</v>
      </c>
      <c r="L15169" s="6" t="s">
        <v>51</v>
      </c>
    </row>
    <row r="15170" spans="1:12">
      <c r="A15170" s="6" t="s">
        <v>49</v>
      </c>
      <c r="B15170" s="6"/>
      <c r="C15170" s="6" t="s">
        <v>15194</v>
      </c>
      <c r="D15170" s="6"/>
      <c r="E15170" s="6" t="s">
        <v>9</v>
      </c>
      <c r="F15170" s="7">
        <v>38657</v>
      </c>
      <c r="G15170" s="8">
        <v>1</v>
      </c>
      <c r="H15170" s="8">
        <v>1</v>
      </c>
      <c r="I15170" s="8">
        <v>0</v>
      </c>
      <c r="J15170" s="8">
        <v>1</v>
      </c>
      <c r="K15170" s="9">
        <v>46</v>
      </c>
      <c r="L15170" s="6" t="s">
        <v>51</v>
      </c>
    </row>
    <row r="15171" spans="1:12">
      <c r="A15171" s="6" t="s">
        <v>49</v>
      </c>
      <c r="B15171" s="6"/>
      <c r="C15171" s="6" t="s">
        <v>15195</v>
      </c>
      <c r="D15171" s="6"/>
      <c r="E15171" s="6" t="s">
        <v>9</v>
      </c>
      <c r="F15171" s="7">
        <v>38657</v>
      </c>
      <c r="G15171" s="8">
        <v>1</v>
      </c>
      <c r="H15171" s="8">
        <v>1</v>
      </c>
      <c r="I15171" s="8">
        <v>0</v>
      </c>
      <c r="J15171" s="8">
        <v>1</v>
      </c>
      <c r="K15171" s="9">
        <v>382</v>
      </c>
      <c r="L15171" s="6" t="s">
        <v>51</v>
      </c>
    </row>
    <row r="15172" spans="1:12">
      <c r="A15172" s="6" t="s">
        <v>49</v>
      </c>
      <c r="B15172" s="6"/>
      <c r="C15172" s="6" t="s">
        <v>15196</v>
      </c>
      <c r="D15172" s="6"/>
      <c r="E15172" s="6" t="s">
        <v>9</v>
      </c>
      <c r="F15172" s="7">
        <v>38657</v>
      </c>
      <c r="G15172" s="8">
        <v>1</v>
      </c>
      <c r="H15172" s="8">
        <v>1</v>
      </c>
      <c r="I15172" s="8">
        <v>0</v>
      </c>
      <c r="J15172" s="8">
        <v>1</v>
      </c>
      <c r="K15172" s="9">
        <v>47</v>
      </c>
      <c r="L15172" s="6" t="s">
        <v>51</v>
      </c>
    </row>
    <row r="15173" spans="1:12">
      <c r="A15173" s="6" t="s">
        <v>49</v>
      </c>
      <c r="B15173" s="6"/>
      <c r="C15173" s="6" t="s">
        <v>15197</v>
      </c>
      <c r="D15173" s="6"/>
      <c r="E15173" s="6" t="s">
        <v>9</v>
      </c>
      <c r="F15173" s="7">
        <v>38657</v>
      </c>
      <c r="G15173" s="8">
        <v>1</v>
      </c>
      <c r="H15173" s="8">
        <v>1</v>
      </c>
      <c r="I15173" s="8">
        <v>0</v>
      </c>
      <c r="J15173" s="8">
        <v>1</v>
      </c>
      <c r="K15173" s="9">
        <v>292</v>
      </c>
      <c r="L15173" s="6" t="s">
        <v>51</v>
      </c>
    </row>
    <row r="15174" spans="1:12">
      <c r="A15174" s="6" t="s">
        <v>49</v>
      </c>
      <c r="B15174" s="6"/>
      <c r="C15174" s="6" t="s">
        <v>15198</v>
      </c>
      <c r="D15174" s="6"/>
      <c r="E15174" s="6" t="s">
        <v>9</v>
      </c>
      <c r="F15174" s="7">
        <v>38657</v>
      </c>
      <c r="G15174" s="8">
        <v>1</v>
      </c>
      <c r="H15174" s="8">
        <v>1</v>
      </c>
      <c r="I15174" s="8">
        <v>0</v>
      </c>
      <c r="J15174" s="8">
        <v>1</v>
      </c>
      <c r="K15174" s="9">
        <v>293</v>
      </c>
      <c r="L15174" s="6" t="s">
        <v>51</v>
      </c>
    </row>
    <row r="15175" spans="1:12">
      <c r="A15175" s="6" t="s">
        <v>49</v>
      </c>
      <c r="B15175" s="6"/>
      <c r="C15175" s="6" t="s">
        <v>15199</v>
      </c>
      <c r="D15175" s="6"/>
      <c r="E15175" s="6" t="s">
        <v>9</v>
      </c>
      <c r="F15175" s="7">
        <v>38657</v>
      </c>
      <c r="G15175" s="8">
        <v>1</v>
      </c>
      <c r="H15175" s="8">
        <v>1</v>
      </c>
      <c r="I15175" s="8">
        <v>0</v>
      </c>
      <c r="J15175" s="8">
        <v>1</v>
      </c>
      <c r="K15175" s="9">
        <v>43</v>
      </c>
      <c r="L15175" s="6" t="s">
        <v>51</v>
      </c>
    </row>
    <row r="15176" spans="1:12">
      <c r="A15176" s="6" t="s">
        <v>49</v>
      </c>
      <c r="B15176" s="6"/>
      <c r="C15176" s="6" t="s">
        <v>15200</v>
      </c>
      <c r="D15176" s="6"/>
      <c r="E15176" s="6" t="s">
        <v>9</v>
      </c>
      <c r="F15176" s="7">
        <v>38657</v>
      </c>
      <c r="G15176" s="8">
        <v>1</v>
      </c>
      <c r="H15176" s="8">
        <v>1</v>
      </c>
      <c r="I15176" s="8">
        <v>0</v>
      </c>
      <c r="J15176" s="8">
        <v>1</v>
      </c>
      <c r="K15176" s="9">
        <v>47</v>
      </c>
      <c r="L15176" s="6" t="s">
        <v>51</v>
      </c>
    </row>
    <row r="15177" spans="1:12">
      <c r="A15177" s="6" t="s">
        <v>49</v>
      </c>
      <c r="B15177" s="6"/>
      <c r="C15177" s="6" t="s">
        <v>15201</v>
      </c>
      <c r="D15177" s="6"/>
      <c r="E15177" s="6" t="s">
        <v>9</v>
      </c>
      <c r="F15177" s="7">
        <v>38657</v>
      </c>
      <c r="G15177" s="8">
        <v>1</v>
      </c>
      <c r="H15177" s="8">
        <v>1</v>
      </c>
      <c r="I15177" s="8">
        <v>0</v>
      </c>
      <c r="J15177" s="8">
        <v>1</v>
      </c>
      <c r="K15177" s="9">
        <v>47</v>
      </c>
      <c r="L15177" s="6" t="s">
        <v>51</v>
      </c>
    </row>
    <row r="15178" spans="1:12">
      <c r="A15178" s="6" t="s">
        <v>49</v>
      </c>
      <c r="B15178" s="6"/>
      <c r="C15178" s="6" t="s">
        <v>15202</v>
      </c>
      <c r="D15178" s="6"/>
      <c r="E15178" s="6" t="s">
        <v>9</v>
      </c>
      <c r="F15178" s="7">
        <v>38657</v>
      </c>
      <c r="G15178" s="8">
        <v>1</v>
      </c>
      <c r="H15178" s="8">
        <v>1</v>
      </c>
      <c r="I15178" s="8">
        <v>0</v>
      </c>
      <c r="J15178" s="8">
        <v>1</v>
      </c>
      <c r="K15178" s="9">
        <v>38</v>
      </c>
      <c r="L15178" s="6" t="s">
        <v>51</v>
      </c>
    </row>
    <row r="15179" spans="1:12">
      <c r="A15179" s="6" t="s">
        <v>49</v>
      </c>
      <c r="B15179" s="6"/>
      <c r="C15179" s="6" t="s">
        <v>15203</v>
      </c>
      <c r="D15179" s="6"/>
      <c r="E15179" s="6" t="s">
        <v>9</v>
      </c>
      <c r="F15179" s="7">
        <v>38657</v>
      </c>
      <c r="G15179" s="8">
        <v>1</v>
      </c>
      <c r="H15179" s="8">
        <v>1</v>
      </c>
      <c r="I15179" s="8">
        <v>0</v>
      </c>
      <c r="J15179" s="8">
        <v>1</v>
      </c>
      <c r="K15179" s="9">
        <v>16</v>
      </c>
      <c r="L15179" s="6" t="s">
        <v>51</v>
      </c>
    </row>
    <row r="15180" spans="1:12">
      <c r="A15180" s="6" t="s">
        <v>49</v>
      </c>
      <c r="B15180" s="6"/>
      <c r="C15180" s="6" t="s">
        <v>15204</v>
      </c>
      <c r="D15180" s="6"/>
      <c r="E15180" s="6" t="s">
        <v>9</v>
      </c>
      <c r="F15180" s="7">
        <v>38657</v>
      </c>
      <c r="G15180" s="8">
        <v>1</v>
      </c>
      <c r="H15180" s="8">
        <v>1</v>
      </c>
      <c r="I15180" s="8">
        <v>0</v>
      </c>
      <c r="J15180" s="8">
        <v>1</v>
      </c>
      <c r="K15180" s="9">
        <v>108</v>
      </c>
      <c r="L15180" s="6" t="s">
        <v>51</v>
      </c>
    </row>
    <row r="15181" spans="1:12">
      <c r="A15181" s="6" t="s">
        <v>49</v>
      </c>
      <c r="B15181" s="6"/>
      <c r="C15181" s="6" t="s">
        <v>15205</v>
      </c>
      <c r="D15181" s="6"/>
      <c r="E15181" s="6" t="s">
        <v>9</v>
      </c>
      <c r="F15181" s="7">
        <v>38657</v>
      </c>
      <c r="G15181" s="8">
        <v>1</v>
      </c>
      <c r="H15181" s="8">
        <v>1</v>
      </c>
      <c r="I15181" s="8">
        <v>0</v>
      </c>
      <c r="J15181" s="8">
        <v>1</v>
      </c>
      <c r="K15181" s="9">
        <v>67</v>
      </c>
      <c r="L15181" s="6" t="s">
        <v>51</v>
      </c>
    </row>
    <row r="15182" spans="1:12">
      <c r="A15182" s="6" t="s">
        <v>49</v>
      </c>
      <c r="B15182" s="6"/>
      <c r="C15182" s="6" t="s">
        <v>15206</v>
      </c>
      <c r="D15182" s="6"/>
      <c r="E15182" s="6" t="s">
        <v>9</v>
      </c>
      <c r="F15182" s="7">
        <v>38657</v>
      </c>
      <c r="G15182" s="8">
        <v>1</v>
      </c>
      <c r="H15182" s="8">
        <v>1</v>
      </c>
      <c r="I15182" s="8">
        <v>0</v>
      </c>
      <c r="J15182" s="8">
        <v>1</v>
      </c>
      <c r="K15182" s="9">
        <v>2.23</v>
      </c>
      <c r="L15182" s="6" t="s">
        <v>51</v>
      </c>
    </row>
    <row r="15183" spans="1:12">
      <c r="A15183" s="6" t="s">
        <v>49</v>
      </c>
      <c r="B15183" s="6"/>
      <c r="C15183" s="6" t="s">
        <v>15207</v>
      </c>
      <c r="D15183" s="6"/>
      <c r="E15183" s="6" t="s">
        <v>9</v>
      </c>
      <c r="F15183" s="7">
        <v>38657</v>
      </c>
      <c r="G15183" s="8">
        <v>1</v>
      </c>
      <c r="H15183" s="8">
        <v>1</v>
      </c>
      <c r="I15183" s="8">
        <v>0</v>
      </c>
      <c r="J15183" s="8">
        <v>1</v>
      </c>
      <c r="K15183" s="9">
        <v>44</v>
      </c>
      <c r="L15183" s="6" t="s">
        <v>51</v>
      </c>
    </row>
    <row r="15184" spans="1:12">
      <c r="A15184" s="6" t="s">
        <v>49</v>
      </c>
      <c r="B15184" s="6"/>
      <c r="C15184" s="6" t="s">
        <v>15208</v>
      </c>
      <c r="D15184" s="6"/>
      <c r="E15184" s="6" t="s">
        <v>9</v>
      </c>
      <c r="F15184" s="7">
        <v>38657</v>
      </c>
      <c r="G15184" s="8">
        <v>1</v>
      </c>
      <c r="H15184" s="8">
        <v>1</v>
      </c>
      <c r="I15184" s="8">
        <v>0</v>
      </c>
      <c r="J15184" s="8">
        <v>1</v>
      </c>
      <c r="K15184" s="9">
        <v>43</v>
      </c>
      <c r="L15184" s="6" t="s">
        <v>51</v>
      </c>
    </row>
    <row r="15185" spans="1:12">
      <c r="A15185" s="6" t="s">
        <v>49</v>
      </c>
      <c r="B15185" s="6"/>
      <c r="C15185" s="6" t="s">
        <v>15209</v>
      </c>
      <c r="D15185" s="6"/>
      <c r="E15185" s="6" t="s">
        <v>9</v>
      </c>
      <c r="F15185" s="7">
        <v>38657</v>
      </c>
      <c r="G15185" s="8">
        <v>1</v>
      </c>
      <c r="H15185" s="8">
        <v>1</v>
      </c>
      <c r="I15185" s="8">
        <v>0</v>
      </c>
      <c r="J15185" s="8">
        <v>1</v>
      </c>
      <c r="K15185" s="9">
        <v>36</v>
      </c>
      <c r="L15185" s="6" t="s">
        <v>51</v>
      </c>
    </row>
    <row r="15186" spans="1:12">
      <c r="A15186" s="6" t="s">
        <v>49</v>
      </c>
      <c r="B15186" s="6"/>
      <c r="C15186" s="6" t="s">
        <v>15210</v>
      </c>
      <c r="D15186" s="6"/>
      <c r="E15186" s="6" t="s">
        <v>9</v>
      </c>
      <c r="F15186" s="7">
        <v>38657</v>
      </c>
      <c r="G15186" s="8">
        <v>1</v>
      </c>
      <c r="H15186" s="8">
        <v>1</v>
      </c>
      <c r="I15186" s="8">
        <v>0</v>
      </c>
      <c r="J15186" s="8">
        <v>1</v>
      </c>
      <c r="K15186" s="9">
        <v>63</v>
      </c>
      <c r="L15186" s="6" t="s">
        <v>51</v>
      </c>
    </row>
    <row r="15187" spans="1:12">
      <c r="A15187" s="6" t="s">
        <v>49</v>
      </c>
      <c r="B15187" s="6"/>
      <c r="C15187" s="6" t="s">
        <v>15211</v>
      </c>
      <c r="D15187" s="6"/>
      <c r="E15187" s="6" t="s">
        <v>9</v>
      </c>
      <c r="F15187" s="7">
        <v>38657</v>
      </c>
      <c r="G15187" s="8">
        <v>1</v>
      </c>
      <c r="H15187" s="8">
        <v>1</v>
      </c>
      <c r="I15187" s="8">
        <v>0</v>
      </c>
      <c r="J15187" s="8">
        <v>1</v>
      </c>
      <c r="K15187" s="9">
        <v>36</v>
      </c>
      <c r="L15187" s="6" t="s">
        <v>51</v>
      </c>
    </row>
    <row r="15188" spans="1:12">
      <c r="A15188" s="6" t="s">
        <v>49</v>
      </c>
      <c r="B15188" s="6"/>
      <c r="C15188" s="6" t="s">
        <v>15212</v>
      </c>
      <c r="D15188" s="6"/>
      <c r="E15188" s="6" t="s">
        <v>9</v>
      </c>
      <c r="F15188" s="7">
        <v>38657</v>
      </c>
      <c r="G15188" s="8">
        <v>1</v>
      </c>
      <c r="H15188" s="8">
        <v>1</v>
      </c>
      <c r="I15188" s="8">
        <v>0</v>
      </c>
      <c r="J15188" s="8">
        <v>1</v>
      </c>
      <c r="K15188" s="9">
        <v>64</v>
      </c>
      <c r="L15188" s="6" t="s">
        <v>51</v>
      </c>
    </row>
    <row r="15189" spans="1:12">
      <c r="A15189" s="6" t="s">
        <v>49</v>
      </c>
      <c r="B15189" s="6"/>
      <c r="C15189" s="6" t="s">
        <v>15213</v>
      </c>
      <c r="D15189" s="6"/>
      <c r="E15189" s="6" t="s">
        <v>9</v>
      </c>
      <c r="F15189" s="7">
        <v>38657</v>
      </c>
      <c r="G15189" s="8">
        <v>1</v>
      </c>
      <c r="H15189" s="8">
        <v>1</v>
      </c>
      <c r="I15189" s="8">
        <v>0</v>
      </c>
      <c r="J15189" s="8">
        <v>1</v>
      </c>
      <c r="K15189" s="9">
        <v>337</v>
      </c>
      <c r="L15189" s="6" t="s">
        <v>51</v>
      </c>
    </row>
    <row r="15190" spans="1:12">
      <c r="A15190" s="6" t="s">
        <v>49</v>
      </c>
      <c r="B15190" s="6"/>
      <c r="C15190" s="6" t="s">
        <v>15214</v>
      </c>
      <c r="D15190" s="6"/>
      <c r="E15190" s="6" t="s">
        <v>9</v>
      </c>
      <c r="F15190" s="7">
        <v>38657</v>
      </c>
      <c r="G15190" s="8">
        <v>1</v>
      </c>
      <c r="H15190" s="8">
        <v>1</v>
      </c>
      <c r="I15190" s="8">
        <v>0</v>
      </c>
      <c r="J15190" s="8">
        <v>1</v>
      </c>
      <c r="K15190" s="9">
        <v>59</v>
      </c>
      <c r="L15190" s="6" t="s">
        <v>51</v>
      </c>
    </row>
    <row r="15191" spans="1:12">
      <c r="A15191" s="6" t="s">
        <v>49</v>
      </c>
      <c r="B15191" s="6"/>
      <c r="C15191" s="6" t="s">
        <v>15215</v>
      </c>
      <c r="D15191" s="6"/>
      <c r="E15191" s="6" t="s">
        <v>9</v>
      </c>
      <c r="F15191" s="7">
        <v>38657</v>
      </c>
      <c r="G15191" s="8">
        <v>1</v>
      </c>
      <c r="H15191" s="8">
        <v>1</v>
      </c>
      <c r="I15191" s="8">
        <v>0</v>
      </c>
      <c r="J15191" s="8">
        <v>1</v>
      </c>
      <c r="K15191" s="9">
        <v>36</v>
      </c>
      <c r="L15191" s="6" t="s">
        <v>51</v>
      </c>
    </row>
    <row r="15192" spans="1:12">
      <c r="A15192" s="6" t="s">
        <v>49</v>
      </c>
      <c r="B15192" s="6"/>
      <c r="C15192" s="6" t="s">
        <v>15216</v>
      </c>
      <c r="D15192" s="6"/>
      <c r="E15192" s="6" t="s">
        <v>9</v>
      </c>
      <c r="F15192" s="7">
        <v>38657</v>
      </c>
      <c r="G15192" s="8">
        <v>1</v>
      </c>
      <c r="H15192" s="8">
        <v>1</v>
      </c>
      <c r="I15192" s="8">
        <v>0</v>
      </c>
      <c r="J15192" s="8">
        <v>1</v>
      </c>
      <c r="K15192" s="9">
        <v>64</v>
      </c>
      <c r="L15192" s="6" t="s">
        <v>51</v>
      </c>
    </row>
    <row r="15193" spans="1:12">
      <c r="A15193" s="6" t="s">
        <v>49</v>
      </c>
      <c r="B15193" s="6"/>
      <c r="C15193" s="6" t="s">
        <v>15217</v>
      </c>
      <c r="D15193" s="6"/>
      <c r="E15193" s="6" t="s">
        <v>9</v>
      </c>
      <c r="F15193" s="7">
        <v>38657</v>
      </c>
      <c r="G15193" s="8">
        <v>1</v>
      </c>
      <c r="H15193" s="8">
        <v>1</v>
      </c>
      <c r="I15193" s="8">
        <v>0</v>
      </c>
      <c r="J15193" s="8">
        <v>1</v>
      </c>
      <c r="K15193" s="9">
        <v>0.36</v>
      </c>
      <c r="L15193" s="6" t="s">
        <v>51</v>
      </c>
    </row>
    <row r="15194" spans="1:12">
      <c r="A15194" s="6" t="s">
        <v>49</v>
      </c>
      <c r="B15194" s="6"/>
      <c r="C15194" s="6" t="s">
        <v>15218</v>
      </c>
      <c r="D15194" s="6"/>
      <c r="E15194" s="6" t="s">
        <v>9</v>
      </c>
      <c r="F15194" s="7">
        <v>38657</v>
      </c>
      <c r="G15194" s="8">
        <v>1</v>
      </c>
      <c r="H15194" s="8">
        <v>1</v>
      </c>
      <c r="I15194" s="8">
        <v>0</v>
      </c>
      <c r="J15194" s="8">
        <v>1</v>
      </c>
      <c r="K15194" s="9">
        <v>36</v>
      </c>
      <c r="L15194" s="6" t="s">
        <v>51</v>
      </c>
    </row>
    <row r="15195" spans="1:12">
      <c r="A15195" s="6" t="s">
        <v>49</v>
      </c>
      <c r="B15195" s="6"/>
      <c r="C15195" s="6" t="s">
        <v>15219</v>
      </c>
      <c r="D15195" s="6"/>
      <c r="E15195" s="6" t="s">
        <v>9</v>
      </c>
      <c r="F15195" s="7">
        <v>38657</v>
      </c>
      <c r="G15195" s="8">
        <v>1</v>
      </c>
      <c r="H15195" s="8">
        <v>1</v>
      </c>
      <c r="I15195" s="8">
        <v>0</v>
      </c>
      <c r="J15195" s="8">
        <v>1</v>
      </c>
      <c r="K15195" s="9">
        <v>64</v>
      </c>
      <c r="L15195" s="6" t="s">
        <v>51</v>
      </c>
    </row>
    <row r="15196" spans="1:12">
      <c r="A15196" s="6" t="s">
        <v>49</v>
      </c>
      <c r="B15196" s="6"/>
      <c r="C15196" s="6" t="s">
        <v>15220</v>
      </c>
      <c r="D15196" s="6"/>
      <c r="E15196" s="6" t="s">
        <v>9</v>
      </c>
      <c r="F15196" s="7">
        <v>38657</v>
      </c>
      <c r="G15196" s="8">
        <v>1</v>
      </c>
      <c r="H15196" s="8">
        <v>1</v>
      </c>
      <c r="I15196" s="8">
        <v>0</v>
      </c>
      <c r="J15196" s="8">
        <v>1</v>
      </c>
      <c r="K15196" s="9">
        <v>583</v>
      </c>
      <c r="L15196" s="6" t="s">
        <v>51</v>
      </c>
    </row>
    <row r="15197" spans="1:12">
      <c r="A15197" s="6" t="s">
        <v>49</v>
      </c>
      <c r="B15197" s="6"/>
      <c r="C15197" s="6" t="s">
        <v>15221</v>
      </c>
      <c r="D15197" s="6"/>
      <c r="E15197" s="6" t="s">
        <v>9</v>
      </c>
      <c r="F15197" s="7">
        <v>38657</v>
      </c>
      <c r="G15197" s="8">
        <v>1</v>
      </c>
      <c r="H15197" s="8">
        <v>1</v>
      </c>
      <c r="I15197" s="8">
        <v>0</v>
      </c>
      <c r="J15197" s="8">
        <v>1</v>
      </c>
      <c r="K15197" s="9">
        <v>232</v>
      </c>
      <c r="L15197" s="6" t="s">
        <v>51</v>
      </c>
    </row>
    <row r="15198" spans="1:12">
      <c r="A15198" s="6" t="s">
        <v>49</v>
      </c>
      <c r="B15198" s="6"/>
      <c r="C15198" s="6" t="s">
        <v>15222</v>
      </c>
      <c r="D15198" s="6"/>
      <c r="E15198" s="6" t="s">
        <v>9</v>
      </c>
      <c r="F15198" s="7">
        <v>38657</v>
      </c>
      <c r="G15198" s="8">
        <v>1</v>
      </c>
      <c r="H15198" s="8">
        <v>1</v>
      </c>
      <c r="I15198" s="8">
        <v>0</v>
      </c>
      <c r="J15198" s="8">
        <v>1</v>
      </c>
      <c r="K15198" s="9">
        <v>36</v>
      </c>
      <c r="L15198" s="6" t="s">
        <v>51</v>
      </c>
    </row>
    <row r="15199" spans="1:12">
      <c r="A15199" s="6" t="s">
        <v>49</v>
      </c>
      <c r="B15199" s="6"/>
      <c r="C15199" s="6" t="s">
        <v>15223</v>
      </c>
      <c r="D15199" s="6"/>
      <c r="E15199" s="6" t="s">
        <v>9</v>
      </c>
      <c r="F15199" s="7">
        <v>38657</v>
      </c>
      <c r="G15199" s="8">
        <v>1</v>
      </c>
      <c r="H15199" s="8">
        <v>1</v>
      </c>
      <c r="I15199" s="8">
        <v>0</v>
      </c>
      <c r="J15199" s="8">
        <v>1</v>
      </c>
      <c r="K15199" s="9">
        <v>64</v>
      </c>
      <c r="L15199" s="6" t="s">
        <v>51</v>
      </c>
    </row>
    <row r="15200" spans="1:12">
      <c r="A15200" s="6" t="s">
        <v>49</v>
      </c>
      <c r="B15200" s="6"/>
      <c r="C15200" s="6" t="s">
        <v>15224</v>
      </c>
      <c r="D15200" s="6"/>
      <c r="E15200" s="6" t="s">
        <v>9</v>
      </c>
      <c r="F15200" s="7">
        <v>38657</v>
      </c>
      <c r="G15200" s="8">
        <v>1</v>
      </c>
      <c r="H15200" s="8">
        <v>1</v>
      </c>
      <c r="I15200" s="8">
        <v>0</v>
      </c>
      <c r="J15200" s="8">
        <v>1</v>
      </c>
      <c r="K15200" s="9">
        <v>13</v>
      </c>
      <c r="L15200" s="6" t="s">
        <v>51</v>
      </c>
    </row>
    <row r="15201" spans="1:12">
      <c r="A15201" s="6" t="s">
        <v>49</v>
      </c>
      <c r="B15201" s="6"/>
      <c r="C15201" s="6" t="s">
        <v>15225</v>
      </c>
      <c r="D15201" s="6"/>
      <c r="E15201" s="6" t="s">
        <v>9</v>
      </c>
      <c r="F15201" s="7">
        <v>38657</v>
      </c>
      <c r="G15201" s="8">
        <v>1</v>
      </c>
      <c r="H15201" s="8">
        <v>1</v>
      </c>
      <c r="I15201" s="8">
        <v>0</v>
      </c>
      <c r="J15201" s="8">
        <v>1</v>
      </c>
      <c r="K15201" s="9">
        <v>495</v>
      </c>
      <c r="L15201" s="6" t="s">
        <v>51</v>
      </c>
    </row>
    <row r="15202" spans="1:12">
      <c r="A15202" s="6" t="s">
        <v>49</v>
      </c>
      <c r="B15202" s="6"/>
      <c r="C15202" s="6" t="s">
        <v>15226</v>
      </c>
      <c r="D15202" s="6"/>
      <c r="E15202" s="6" t="s">
        <v>9</v>
      </c>
      <c r="F15202" s="7">
        <v>38657</v>
      </c>
      <c r="G15202" s="8">
        <v>1</v>
      </c>
      <c r="H15202" s="8">
        <v>1</v>
      </c>
      <c r="I15202" s="8">
        <v>0</v>
      </c>
      <c r="J15202" s="8">
        <v>1</v>
      </c>
      <c r="K15202" s="9">
        <v>36</v>
      </c>
      <c r="L15202" s="6" t="s">
        <v>51</v>
      </c>
    </row>
    <row r="15203" spans="1:12">
      <c r="A15203" s="6" t="s">
        <v>49</v>
      </c>
      <c r="B15203" s="6"/>
      <c r="C15203" s="6" t="s">
        <v>15227</v>
      </c>
      <c r="D15203" s="6"/>
      <c r="E15203" s="6" t="s">
        <v>9</v>
      </c>
      <c r="F15203" s="7">
        <v>38657</v>
      </c>
      <c r="G15203" s="8">
        <v>1</v>
      </c>
      <c r="H15203" s="8">
        <v>1</v>
      </c>
      <c r="I15203" s="8">
        <v>0</v>
      </c>
      <c r="J15203" s="8">
        <v>1</v>
      </c>
      <c r="K15203" s="9">
        <v>65</v>
      </c>
      <c r="L15203" s="6" t="s">
        <v>51</v>
      </c>
    </row>
    <row r="15204" spans="1:12">
      <c r="A15204" s="6" t="s">
        <v>49</v>
      </c>
      <c r="B15204" s="6"/>
      <c r="C15204" s="6" t="s">
        <v>15228</v>
      </c>
      <c r="D15204" s="6"/>
      <c r="E15204" s="6" t="s">
        <v>9</v>
      </c>
      <c r="F15204" s="7">
        <v>38657</v>
      </c>
      <c r="G15204" s="8">
        <v>1</v>
      </c>
      <c r="H15204" s="8">
        <v>1</v>
      </c>
      <c r="I15204" s="8">
        <v>0</v>
      </c>
      <c r="J15204" s="8">
        <v>1</v>
      </c>
      <c r="K15204" s="9">
        <v>35</v>
      </c>
      <c r="L15204" s="6" t="s">
        <v>51</v>
      </c>
    </row>
    <row r="15205" spans="1:12">
      <c r="A15205" s="6" t="s">
        <v>49</v>
      </c>
      <c r="B15205" s="6"/>
      <c r="C15205" s="6" t="s">
        <v>15229</v>
      </c>
      <c r="D15205" s="6"/>
      <c r="E15205" s="6" t="s">
        <v>9</v>
      </c>
      <c r="F15205" s="7">
        <v>38657</v>
      </c>
      <c r="G15205" s="8">
        <v>1</v>
      </c>
      <c r="H15205" s="8">
        <v>1</v>
      </c>
      <c r="I15205" s="8">
        <v>0</v>
      </c>
      <c r="J15205" s="8">
        <v>1</v>
      </c>
      <c r="K15205" s="9">
        <v>64</v>
      </c>
      <c r="L15205" s="6" t="s">
        <v>51</v>
      </c>
    </row>
    <row r="15206" spans="1:12">
      <c r="A15206" s="6" t="s">
        <v>49</v>
      </c>
      <c r="B15206" s="6"/>
      <c r="C15206" s="6" t="s">
        <v>15230</v>
      </c>
      <c r="D15206" s="6"/>
      <c r="E15206" s="6" t="s">
        <v>9</v>
      </c>
      <c r="F15206" s="7">
        <v>38657</v>
      </c>
      <c r="G15206" s="8">
        <v>1</v>
      </c>
      <c r="H15206" s="8">
        <v>1</v>
      </c>
      <c r="I15206" s="8">
        <v>0</v>
      </c>
      <c r="J15206" s="8">
        <v>1</v>
      </c>
      <c r="K15206" s="9">
        <v>397</v>
      </c>
      <c r="L15206" s="6" t="s">
        <v>51</v>
      </c>
    </row>
    <row r="15207" spans="1:12">
      <c r="A15207" s="6" t="s">
        <v>49</v>
      </c>
      <c r="B15207" s="6"/>
      <c r="C15207" s="6" t="s">
        <v>15231</v>
      </c>
      <c r="D15207" s="6"/>
      <c r="E15207" s="6" t="s">
        <v>9</v>
      </c>
      <c r="F15207" s="7">
        <v>38657</v>
      </c>
      <c r="G15207" s="8">
        <v>1</v>
      </c>
      <c r="H15207" s="8">
        <v>1</v>
      </c>
      <c r="I15207" s="8">
        <v>0</v>
      </c>
      <c r="J15207" s="8">
        <v>1</v>
      </c>
      <c r="K15207" s="9">
        <v>36</v>
      </c>
      <c r="L15207" s="6" t="s">
        <v>51</v>
      </c>
    </row>
    <row r="15208" spans="1:12">
      <c r="A15208" s="6" t="s">
        <v>49</v>
      </c>
      <c r="B15208" s="6"/>
      <c r="C15208" s="6" t="s">
        <v>15232</v>
      </c>
      <c r="D15208" s="6"/>
      <c r="E15208" s="6" t="s">
        <v>9</v>
      </c>
      <c r="F15208" s="7">
        <v>38657</v>
      </c>
      <c r="G15208" s="8">
        <v>1</v>
      </c>
      <c r="H15208" s="8">
        <v>1</v>
      </c>
      <c r="I15208" s="8">
        <v>0</v>
      </c>
      <c r="J15208" s="8">
        <v>1</v>
      </c>
      <c r="K15208" s="9">
        <v>65</v>
      </c>
      <c r="L15208" s="6" t="s">
        <v>51</v>
      </c>
    </row>
    <row r="15209" spans="1:12">
      <c r="A15209" s="6" t="s">
        <v>49</v>
      </c>
      <c r="B15209" s="6"/>
      <c r="C15209" s="6" t="s">
        <v>15233</v>
      </c>
      <c r="D15209" s="6"/>
      <c r="E15209" s="6" t="s">
        <v>9</v>
      </c>
      <c r="F15209" s="7">
        <v>38657</v>
      </c>
      <c r="G15209" s="8">
        <v>1</v>
      </c>
      <c r="H15209" s="8">
        <v>1</v>
      </c>
      <c r="I15209" s="8">
        <v>0</v>
      </c>
      <c r="J15209" s="8">
        <v>1</v>
      </c>
      <c r="K15209" s="9">
        <v>36</v>
      </c>
      <c r="L15209" s="6" t="s">
        <v>51</v>
      </c>
    </row>
    <row r="15210" spans="1:12">
      <c r="A15210" s="6" t="s">
        <v>49</v>
      </c>
      <c r="B15210" s="6"/>
      <c r="C15210" s="6" t="s">
        <v>15234</v>
      </c>
      <c r="D15210" s="6"/>
      <c r="E15210" s="6" t="s">
        <v>9</v>
      </c>
      <c r="F15210" s="7">
        <v>38657</v>
      </c>
      <c r="G15210" s="8">
        <v>1</v>
      </c>
      <c r="H15210" s="8">
        <v>1</v>
      </c>
      <c r="I15210" s="8">
        <v>0</v>
      </c>
      <c r="J15210" s="8">
        <v>1</v>
      </c>
      <c r="K15210" s="9">
        <v>65.430000000000007</v>
      </c>
      <c r="L15210" s="6" t="s">
        <v>51</v>
      </c>
    </row>
    <row r="15211" spans="1:12">
      <c r="A15211" s="6" t="s">
        <v>49</v>
      </c>
      <c r="B15211" s="6"/>
      <c r="C15211" s="6" t="s">
        <v>15235</v>
      </c>
      <c r="D15211" s="6"/>
      <c r="E15211" s="6" t="s">
        <v>9</v>
      </c>
      <c r="F15211" s="7">
        <v>38657</v>
      </c>
      <c r="G15211" s="8">
        <v>1</v>
      </c>
      <c r="H15211" s="8">
        <v>1</v>
      </c>
      <c r="I15211" s="8">
        <v>0</v>
      </c>
      <c r="J15211" s="8">
        <v>1</v>
      </c>
      <c r="K15211" s="9">
        <v>27</v>
      </c>
      <c r="L15211" s="6" t="s">
        <v>51</v>
      </c>
    </row>
    <row r="15212" spans="1:12">
      <c r="A15212" s="6" t="s">
        <v>49</v>
      </c>
      <c r="B15212" s="6"/>
      <c r="C15212" s="6" t="s">
        <v>15236</v>
      </c>
      <c r="D15212" s="6"/>
      <c r="E15212" s="6" t="s">
        <v>9</v>
      </c>
      <c r="F15212" s="7">
        <v>38657</v>
      </c>
      <c r="G15212" s="8">
        <v>1</v>
      </c>
      <c r="H15212" s="8">
        <v>1</v>
      </c>
      <c r="I15212" s="8">
        <v>0</v>
      </c>
      <c r="J15212" s="8">
        <v>1</v>
      </c>
      <c r="K15212" s="9">
        <v>42</v>
      </c>
      <c r="L15212" s="6" t="s">
        <v>51</v>
      </c>
    </row>
    <row r="15213" spans="1:12">
      <c r="A15213" s="6" t="s">
        <v>49</v>
      </c>
      <c r="B15213" s="6"/>
      <c r="C15213" s="6" t="s">
        <v>15237</v>
      </c>
      <c r="D15213" s="6"/>
      <c r="E15213" s="6" t="s">
        <v>9</v>
      </c>
      <c r="F15213" s="7">
        <v>38657</v>
      </c>
      <c r="G15213" s="8">
        <v>1</v>
      </c>
      <c r="H15213" s="8">
        <v>1</v>
      </c>
      <c r="I15213" s="8">
        <v>0</v>
      </c>
      <c r="J15213" s="8">
        <v>1</v>
      </c>
      <c r="K15213" s="9">
        <v>36</v>
      </c>
      <c r="L15213" s="6" t="s">
        <v>51</v>
      </c>
    </row>
    <row r="15214" spans="1:12">
      <c r="A15214" s="6" t="s">
        <v>49</v>
      </c>
      <c r="B15214" s="6"/>
      <c r="C15214" s="6" t="s">
        <v>15238</v>
      </c>
      <c r="D15214" s="6"/>
      <c r="E15214" s="6" t="s">
        <v>9</v>
      </c>
      <c r="F15214" s="7">
        <v>38657</v>
      </c>
      <c r="G15214" s="8">
        <v>1</v>
      </c>
      <c r="H15214" s="8">
        <v>1</v>
      </c>
      <c r="I15214" s="8">
        <v>0</v>
      </c>
      <c r="J15214" s="8">
        <v>1</v>
      </c>
      <c r="K15214" s="9">
        <v>65</v>
      </c>
      <c r="L15214" s="6" t="s">
        <v>51</v>
      </c>
    </row>
    <row r="15215" spans="1:12">
      <c r="A15215" s="6" t="s">
        <v>49</v>
      </c>
      <c r="B15215" s="6"/>
      <c r="C15215" s="6" t="s">
        <v>15239</v>
      </c>
      <c r="D15215" s="6"/>
      <c r="E15215" s="6" t="s">
        <v>9</v>
      </c>
      <c r="F15215" s="7">
        <v>38657</v>
      </c>
      <c r="G15215" s="8">
        <v>1</v>
      </c>
      <c r="H15215" s="8">
        <v>1</v>
      </c>
      <c r="I15215" s="8">
        <v>0</v>
      </c>
      <c r="J15215" s="8">
        <v>1</v>
      </c>
      <c r="K15215" s="9">
        <v>655</v>
      </c>
      <c r="L15215" s="6" t="s">
        <v>51</v>
      </c>
    </row>
    <row r="15216" spans="1:12">
      <c r="A15216" s="6" t="s">
        <v>49</v>
      </c>
      <c r="B15216" s="6"/>
      <c r="C15216" s="6" t="s">
        <v>15240</v>
      </c>
      <c r="D15216" s="6"/>
      <c r="E15216" s="6" t="s">
        <v>9</v>
      </c>
      <c r="F15216" s="7">
        <v>38657</v>
      </c>
      <c r="G15216" s="8">
        <v>1</v>
      </c>
      <c r="H15216" s="8">
        <v>1</v>
      </c>
      <c r="I15216" s="8">
        <v>0</v>
      </c>
      <c r="J15216" s="8">
        <v>1</v>
      </c>
      <c r="K15216" s="9">
        <v>36</v>
      </c>
      <c r="L15216" s="6" t="s">
        <v>51</v>
      </c>
    </row>
    <row r="15217" spans="1:12">
      <c r="A15217" s="6" t="s">
        <v>49</v>
      </c>
      <c r="B15217" s="6"/>
      <c r="C15217" s="6" t="s">
        <v>15241</v>
      </c>
      <c r="D15217" s="6"/>
      <c r="E15217" s="6" t="s">
        <v>9</v>
      </c>
      <c r="F15217" s="7">
        <v>38657</v>
      </c>
      <c r="G15217" s="8">
        <v>1</v>
      </c>
      <c r="H15217" s="8">
        <v>1</v>
      </c>
      <c r="I15217" s="8">
        <v>0</v>
      </c>
      <c r="J15217" s="8">
        <v>1</v>
      </c>
      <c r="K15217" s="9">
        <v>23</v>
      </c>
      <c r="L15217" s="6" t="s">
        <v>51</v>
      </c>
    </row>
    <row r="15218" spans="1:12">
      <c r="A15218" s="6" t="s">
        <v>49</v>
      </c>
      <c r="B15218" s="6"/>
      <c r="C15218" s="6" t="s">
        <v>15242</v>
      </c>
      <c r="D15218" s="6"/>
      <c r="E15218" s="6" t="s">
        <v>9</v>
      </c>
      <c r="F15218" s="7">
        <v>38657</v>
      </c>
      <c r="G15218" s="8">
        <v>1</v>
      </c>
      <c r="H15218" s="8">
        <v>1</v>
      </c>
      <c r="I15218" s="8">
        <v>0</v>
      </c>
      <c r="J15218" s="8">
        <v>1</v>
      </c>
      <c r="K15218" s="9">
        <v>36</v>
      </c>
      <c r="L15218" s="6" t="s">
        <v>51</v>
      </c>
    </row>
    <row r="15219" spans="1:12">
      <c r="A15219" s="6" t="s">
        <v>49</v>
      </c>
      <c r="B15219" s="6"/>
      <c r="C15219" s="6" t="s">
        <v>15243</v>
      </c>
      <c r="D15219" s="6"/>
      <c r="E15219" s="6" t="s">
        <v>9</v>
      </c>
      <c r="F15219" s="7">
        <v>38657</v>
      </c>
      <c r="G15219" s="8">
        <v>1</v>
      </c>
      <c r="H15219" s="8">
        <v>1</v>
      </c>
      <c r="I15219" s="8">
        <v>0</v>
      </c>
      <c r="J15219" s="8">
        <v>1</v>
      </c>
      <c r="K15219" s="9">
        <v>10</v>
      </c>
      <c r="L15219" s="6" t="s">
        <v>51</v>
      </c>
    </row>
    <row r="15220" spans="1:12">
      <c r="A15220" s="6" t="s">
        <v>49</v>
      </c>
      <c r="B15220" s="6"/>
      <c r="C15220" s="6" t="s">
        <v>15244</v>
      </c>
      <c r="D15220" s="6"/>
      <c r="E15220" s="6" t="s">
        <v>9</v>
      </c>
      <c r="F15220" s="7">
        <v>38657</v>
      </c>
      <c r="G15220" s="8">
        <v>1</v>
      </c>
      <c r="H15220" s="8">
        <v>1</v>
      </c>
      <c r="I15220" s="8">
        <v>0</v>
      </c>
      <c r="J15220" s="8">
        <v>1</v>
      </c>
      <c r="K15220" s="9">
        <v>47</v>
      </c>
      <c r="L15220" s="6" t="s">
        <v>51</v>
      </c>
    </row>
    <row r="15221" spans="1:12">
      <c r="A15221" s="6" t="s">
        <v>49</v>
      </c>
      <c r="B15221" s="6"/>
      <c r="C15221" s="6" t="s">
        <v>15245</v>
      </c>
      <c r="D15221" s="6"/>
      <c r="E15221" s="6" t="s">
        <v>9</v>
      </c>
      <c r="F15221" s="7">
        <v>38657</v>
      </c>
      <c r="G15221" s="8">
        <v>1</v>
      </c>
      <c r="H15221" s="8">
        <v>1</v>
      </c>
      <c r="I15221" s="8">
        <v>0</v>
      </c>
      <c r="J15221" s="8">
        <v>1</v>
      </c>
      <c r="K15221" s="9">
        <v>46</v>
      </c>
      <c r="L15221" s="6" t="s">
        <v>51</v>
      </c>
    </row>
    <row r="15222" spans="1:12">
      <c r="A15222" s="6" t="s">
        <v>49</v>
      </c>
      <c r="B15222" s="6"/>
      <c r="C15222" s="6" t="s">
        <v>15246</v>
      </c>
      <c r="D15222" s="6"/>
      <c r="E15222" s="6" t="s">
        <v>9</v>
      </c>
      <c r="F15222" s="7">
        <v>38657</v>
      </c>
      <c r="G15222" s="8">
        <v>1</v>
      </c>
      <c r="H15222" s="8">
        <v>1</v>
      </c>
      <c r="I15222" s="8">
        <v>0</v>
      </c>
      <c r="J15222" s="8">
        <v>1</v>
      </c>
      <c r="K15222" s="9">
        <v>679</v>
      </c>
      <c r="L15222" s="6" t="s">
        <v>51</v>
      </c>
    </row>
    <row r="15223" spans="1:12">
      <c r="A15223" s="6" t="s">
        <v>49</v>
      </c>
      <c r="B15223" s="6"/>
      <c r="C15223" s="6" t="s">
        <v>15247</v>
      </c>
      <c r="D15223" s="6"/>
      <c r="E15223" s="6" t="s">
        <v>9</v>
      </c>
      <c r="F15223" s="7">
        <v>40241</v>
      </c>
      <c r="G15223" s="8">
        <v>1</v>
      </c>
      <c r="H15223" s="8">
        <v>1</v>
      </c>
      <c r="I15223" s="8">
        <v>0</v>
      </c>
      <c r="J15223" s="8">
        <v>1</v>
      </c>
      <c r="K15223" s="9">
        <v>7.04</v>
      </c>
      <c r="L15223" s="6" t="s">
        <v>51</v>
      </c>
    </row>
    <row r="15224" spans="1:12">
      <c r="A15224" s="6" t="s">
        <v>49</v>
      </c>
      <c r="B15224" s="6"/>
      <c r="C15224" s="6" t="s">
        <v>15248</v>
      </c>
      <c r="D15224" s="6"/>
      <c r="E15224" s="6" t="s">
        <v>9</v>
      </c>
      <c r="F15224" s="7">
        <v>38657</v>
      </c>
      <c r="G15224" s="8">
        <v>1</v>
      </c>
      <c r="H15224" s="8">
        <v>1</v>
      </c>
      <c r="I15224" s="8">
        <v>0</v>
      </c>
      <c r="J15224" s="8">
        <v>1</v>
      </c>
      <c r="K15224" s="9">
        <v>47</v>
      </c>
      <c r="L15224" s="6" t="s">
        <v>51</v>
      </c>
    </row>
    <row r="15225" spans="1:12">
      <c r="A15225" s="6" t="s">
        <v>49</v>
      </c>
      <c r="B15225" s="6"/>
      <c r="C15225" s="6" t="s">
        <v>15249</v>
      </c>
      <c r="D15225" s="6"/>
      <c r="E15225" s="6" t="s">
        <v>9</v>
      </c>
      <c r="F15225" s="7">
        <v>38657</v>
      </c>
      <c r="G15225" s="8">
        <v>1</v>
      </c>
      <c r="H15225" s="8">
        <v>1</v>
      </c>
      <c r="I15225" s="8">
        <v>0</v>
      </c>
      <c r="J15225" s="8">
        <v>1</v>
      </c>
      <c r="K15225" s="9">
        <v>47</v>
      </c>
      <c r="L15225" s="6" t="s">
        <v>51</v>
      </c>
    </row>
    <row r="15226" spans="1:12">
      <c r="A15226" s="6" t="s">
        <v>49</v>
      </c>
      <c r="B15226" s="6"/>
      <c r="C15226" s="6" t="s">
        <v>15250</v>
      </c>
      <c r="D15226" s="6"/>
      <c r="E15226" s="6" t="s">
        <v>9</v>
      </c>
      <c r="F15226" s="7">
        <v>38657</v>
      </c>
      <c r="G15226" s="8">
        <v>1</v>
      </c>
      <c r="H15226" s="8">
        <v>1</v>
      </c>
      <c r="I15226" s="8">
        <v>0</v>
      </c>
      <c r="J15226" s="8">
        <v>1</v>
      </c>
      <c r="K15226" s="9">
        <v>47</v>
      </c>
      <c r="L15226" s="6" t="s">
        <v>51</v>
      </c>
    </row>
    <row r="15227" spans="1:12">
      <c r="A15227" s="6" t="s">
        <v>49</v>
      </c>
      <c r="B15227" s="6"/>
      <c r="C15227" s="6" t="s">
        <v>15251</v>
      </c>
      <c r="D15227" s="6"/>
      <c r="E15227" s="6" t="s">
        <v>9</v>
      </c>
      <c r="F15227" s="7">
        <v>38657</v>
      </c>
      <c r="G15227" s="8">
        <v>1</v>
      </c>
      <c r="H15227" s="8">
        <v>1</v>
      </c>
      <c r="I15227" s="8">
        <v>0</v>
      </c>
      <c r="J15227" s="8">
        <v>1</v>
      </c>
      <c r="K15227" s="9">
        <v>47</v>
      </c>
      <c r="L15227" s="6" t="s">
        <v>51</v>
      </c>
    </row>
    <row r="15228" spans="1:12">
      <c r="A15228" s="6" t="s">
        <v>49</v>
      </c>
      <c r="B15228" s="6"/>
      <c r="C15228" s="6" t="s">
        <v>15252</v>
      </c>
      <c r="D15228" s="6"/>
      <c r="E15228" s="6" t="s">
        <v>9</v>
      </c>
      <c r="F15228" s="7">
        <v>38657</v>
      </c>
      <c r="G15228" s="8">
        <v>1</v>
      </c>
      <c r="H15228" s="8">
        <v>1</v>
      </c>
      <c r="I15228" s="8">
        <v>0</v>
      </c>
      <c r="J15228" s="8">
        <v>1</v>
      </c>
      <c r="K15228" s="9">
        <v>6.23</v>
      </c>
      <c r="L15228" s="6" t="s">
        <v>51</v>
      </c>
    </row>
    <row r="15229" spans="1:12">
      <c r="A15229" s="6" t="s">
        <v>49</v>
      </c>
      <c r="B15229" s="6"/>
      <c r="C15229" s="6" t="s">
        <v>15253</v>
      </c>
      <c r="D15229" s="6"/>
      <c r="E15229" s="6" t="s">
        <v>9</v>
      </c>
      <c r="F15229" s="7">
        <v>38657</v>
      </c>
      <c r="G15229" s="8">
        <v>1</v>
      </c>
      <c r="H15229" s="8">
        <v>1</v>
      </c>
      <c r="I15229" s="8">
        <v>0</v>
      </c>
      <c r="J15229" s="8">
        <v>1</v>
      </c>
      <c r="K15229" s="9">
        <v>6.26</v>
      </c>
      <c r="L15229" s="6" t="s">
        <v>51</v>
      </c>
    </row>
    <row r="15230" spans="1:12">
      <c r="A15230" s="6" t="s">
        <v>49</v>
      </c>
      <c r="B15230" s="6"/>
      <c r="C15230" s="6" t="s">
        <v>15254</v>
      </c>
      <c r="D15230" s="6"/>
      <c r="E15230" s="6" t="s">
        <v>9</v>
      </c>
      <c r="F15230" s="7">
        <v>38657</v>
      </c>
      <c r="G15230" s="8">
        <v>1</v>
      </c>
      <c r="H15230" s="8">
        <v>1</v>
      </c>
      <c r="I15230" s="8">
        <v>0</v>
      </c>
      <c r="J15230" s="8">
        <v>1</v>
      </c>
      <c r="K15230" s="9">
        <v>47</v>
      </c>
      <c r="L15230" s="6" t="s">
        <v>51</v>
      </c>
    </row>
    <row r="15231" spans="1:12">
      <c r="A15231" s="6" t="s">
        <v>49</v>
      </c>
      <c r="B15231" s="6"/>
      <c r="C15231" s="6" t="s">
        <v>15255</v>
      </c>
      <c r="D15231" s="6"/>
      <c r="E15231" s="6" t="s">
        <v>9</v>
      </c>
      <c r="F15231" s="7">
        <v>38657</v>
      </c>
      <c r="G15231" s="8">
        <v>1</v>
      </c>
      <c r="H15231" s="8">
        <v>1</v>
      </c>
      <c r="I15231" s="8">
        <v>0</v>
      </c>
      <c r="J15231" s="8">
        <v>1</v>
      </c>
      <c r="K15231" s="9">
        <v>453</v>
      </c>
      <c r="L15231" s="6" t="s">
        <v>51</v>
      </c>
    </row>
    <row r="15232" spans="1:12">
      <c r="A15232" s="6" t="s">
        <v>49</v>
      </c>
      <c r="B15232" s="6"/>
      <c r="C15232" s="6" t="s">
        <v>15256</v>
      </c>
      <c r="D15232" s="6"/>
      <c r="E15232" s="6" t="s">
        <v>9</v>
      </c>
      <c r="F15232" s="7">
        <v>38657</v>
      </c>
      <c r="G15232" s="8">
        <v>1</v>
      </c>
      <c r="H15232" s="8">
        <v>1</v>
      </c>
      <c r="I15232" s="8">
        <v>0</v>
      </c>
      <c r="J15232" s="8">
        <v>1</v>
      </c>
      <c r="K15232" s="9">
        <v>82</v>
      </c>
      <c r="L15232" s="6" t="s">
        <v>51</v>
      </c>
    </row>
    <row r="15233" spans="1:12">
      <c r="A15233" s="6" t="s">
        <v>49</v>
      </c>
      <c r="B15233" s="6"/>
      <c r="C15233" s="6" t="s">
        <v>15257</v>
      </c>
      <c r="D15233" s="6"/>
      <c r="E15233" s="6" t="s">
        <v>9</v>
      </c>
      <c r="F15233" s="7">
        <v>38657</v>
      </c>
      <c r="G15233" s="8">
        <v>1</v>
      </c>
      <c r="H15233" s="8">
        <v>1</v>
      </c>
      <c r="I15233" s="8">
        <v>0</v>
      </c>
      <c r="J15233" s="8">
        <v>1</v>
      </c>
      <c r="K15233" s="9">
        <v>47</v>
      </c>
      <c r="L15233" s="6" t="s">
        <v>51</v>
      </c>
    </row>
    <row r="15234" spans="1:12">
      <c r="A15234" s="6" t="s">
        <v>49</v>
      </c>
      <c r="B15234" s="6"/>
      <c r="C15234" s="6" t="s">
        <v>15258</v>
      </c>
      <c r="D15234" s="6"/>
      <c r="E15234" s="6" t="s">
        <v>9</v>
      </c>
      <c r="F15234" s="7">
        <v>38657</v>
      </c>
      <c r="G15234" s="8">
        <v>1</v>
      </c>
      <c r="H15234" s="8">
        <v>1</v>
      </c>
      <c r="I15234" s="8">
        <v>0</v>
      </c>
      <c r="J15234" s="8">
        <v>1</v>
      </c>
      <c r="K15234" s="9">
        <v>3.57</v>
      </c>
      <c r="L15234" s="6" t="s">
        <v>51</v>
      </c>
    </row>
    <row r="15235" spans="1:12">
      <c r="A15235" s="6" t="s">
        <v>49</v>
      </c>
      <c r="B15235" s="6"/>
      <c r="C15235" s="6" t="s">
        <v>15259</v>
      </c>
      <c r="D15235" s="6"/>
      <c r="E15235" s="6" t="s">
        <v>9</v>
      </c>
      <c r="F15235" s="7">
        <v>38657</v>
      </c>
      <c r="G15235" s="8">
        <v>1</v>
      </c>
      <c r="H15235" s="8">
        <v>1</v>
      </c>
      <c r="I15235" s="8">
        <v>0</v>
      </c>
      <c r="J15235" s="8">
        <v>1</v>
      </c>
      <c r="K15235" s="9">
        <v>44</v>
      </c>
      <c r="L15235" s="6" t="s">
        <v>51</v>
      </c>
    </row>
    <row r="15236" spans="1:12">
      <c r="A15236" s="6" t="s">
        <v>49</v>
      </c>
      <c r="B15236" s="6"/>
      <c r="C15236" s="6" t="s">
        <v>15260</v>
      </c>
      <c r="D15236" s="6"/>
      <c r="E15236" s="6" t="s">
        <v>9</v>
      </c>
      <c r="F15236" s="7">
        <v>38657</v>
      </c>
      <c r="G15236" s="8">
        <v>1</v>
      </c>
      <c r="H15236" s="8">
        <v>1</v>
      </c>
      <c r="I15236" s="8">
        <v>0</v>
      </c>
      <c r="J15236" s="8">
        <v>1</v>
      </c>
      <c r="K15236" s="9">
        <v>52</v>
      </c>
      <c r="L15236" s="6" t="s">
        <v>51</v>
      </c>
    </row>
    <row r="15237" spans="1:12">
      <c r="A15237" s="6" t="s">
        <v>49</v>
      </c>
      <c r="B15237" s="6"/>
      <c r="C15237" s="6" t="s">
        <v>15261</v>
      </c>
      <c r="D15237" s="6"/>
      <c r="E15237" s="6" t="s">
        <v>9</v>
      </c>
      <c r="F15237" s="7">
        <v>38657</v>
      </c>
      <c r="G15237" s="8">
        <v>1</v>
      </c>
      <c r="H15237" s="8">
        <v>1</v>
      </c>
      <c r="I15237" s="8">
        <v>0</v>
      </c>
      <c r="J15237" s="8">
        <v>1</v>
      </c>
      <c r="K15237" s="9">
        <v>998</v>
      </c>
      <c r="L15237" s="6" t="s">
        <v>51</v>
      </c>
    </row>
    <row r="15238" spans="1:12">
      <c r="A15238" s="6" t="s">
        <v>49</v>
      </c>
      <c r="B15238" s="6"/>
      <c r="C15238" s="6" t="s">
        <v>15262</v>
      </c>
      <c r="D15238" s="6"/>
      <c r="E15238" s="6" t="s">
        <v>9</v>
      </c>
      <c r="F15238" s="7">
        <v>38657</v>
      </c>
      <c r="G15238" s="8">
        <v>1</v>
      </c>
      <c r="H15238" s="8">
        <v>1</v>
      </c>
      <c r="I15238" s="8">
        <v>0</v>
      </c>
      <c r="J15238" s="8">
        <v>1</v>
      </c>
      <c r="K15238" s="9">
        <v>28</v>
      </c>
      <c r="L15238" s="6" t="s">
        <v>51</v>
      </c>
    </row>
    <row r="15239" spans="1:12">
      <c r="A15239" s="6" t="s">
        <v>49</v>
      </c>
      <c r="B15239" s="6"/>
      <c r="C15239" s="6" t="s">
        <v>15263</v>
      </c>
      <c r="D15239" s="6"/>
      <c r="E15239" s="6" t="s">
        <v>9</v>
      </c>
      <c r="F15239" s="7">
        <v>38657</v>
      </c>
      <c r="G15239" s="8">
        <v>1</v>
      </c>
      <c r="H15239" s="8">
        <v>1</v>
      </c>
      <c r="I15239" s="8">
        <v>0</v>
      </c>
      <c r="J15239" s="8">
        <v>1</v>
      </c>
      <c r="K15239" s="9">
        <v>7.92</v>
      </c>
      <c r="L15239" s="6" t="s">
        <v>51</v>
      </c>
    </row>
    <row r="15240" spans="1:12">
      <c r="A15240" s="6" t="s">
        <v>49</v>
      </c>
      <c r="B15240" s="6"/>
      <c r="C15240" s="6" t="s">
        <v>15264</v>
      </c>
      <c r="D15240" s="6"/>
      <c r="E15240" s="6" t="s">
        <v>9</v>
      </c>
      <c r="F15240" s="7">
        <v>38657</v>
      </c>
      <c r="G15240" s="8">
        <v>1</v>
      </c>
      <c r="H15240" s="8">
        <v>1</v>
      </c>
      <c r="I15240" s="8">
        <v>0</v>
      </c>
      <c r="J15240" s="8">
        <v>1</v>
      </c>
      <c r="K15240" s="9">
        <v>268</v>
      </c>
      <c r="L15240" s="6" t="s">
        <v>51</v>
      </c>
    </row>
    <row r="15241" spans="1:12">
      <c r="A15241" s="6" t="s">
        <v>49</v>
      </c>
      <c r="B15241" s="6"/>
      <c r="C15241" s="6" t="s">
        <v>15265</v>
      </c>
      <c r="D15241" s="6"/>
      <c r="E15241" s="6" t="s">
        <v>9</v>
      </c>
      <c r="F15241" s="7">
        <v>38657</v>
      </c>
      <c r="G15241" s="8">
        <v>1</v>
      </c>
      <c r="H15241" s="8">
        <v>1</v>
      </c>
      <c r="I15241" s="8">
        <v>0</v>
      </c>
      <c r="J15241" s="8">
        <v>1</v>
      </c>
      <c r="K15241" s="9">
        <v>36</v>
      </c>
      <c r="L15241" s="6" t="s">
        <v>51</v>
      </c>
    </row>
    <row r="15242" spans="1:12">
      <c r="A15242" s="6" t="s">
        <v>49</v>
      </c>
      <c r="B15242" s="6"/>
      <c r="C15242" s="6" t="s">
        <v>15266</v>
      </c>
      <c r="D15242" s="6"/>
      <c r="E15242" s="6" t="s">
        <v>9</v>
      </c>
      <c r="F15242" s="7">
        <v>38657</v>
      </c>
      <c r="G15242" s="8">
        <v>1</v>
      </c>
      <c r="H15242" s="8">
        <v>1</v>
      </c>
      <c r="I15242" s="8">
        <v>0</v>
      </c>
      <c r="J15242" s="8">
        <v>1</v>
      </c>
      <c r="K15242" s="9">
        <v>10</v>
      </c>
      <c r="L15242" s="6" t="s">
        <v>51</v>
      </c>
    </row>
    <row r="15243" spans="1:12">
      <c r="A15243" s="6" t="s">
        <v>49</v>
      </c>
      <c r="B15243" s="6"/>
      <c r="C15243" s="6" t="s">
        <v>15267</v>
      </c>
      <c r="D15243" s="6"/>
      <c r="E15243" s="6" t="s">
        <v>9</v>
      </c>
      <c r="F15243" s="7">
        <v>38657</v>
      </c>
      <c r="G15243" s="8">
        <v>1</v>
      </c>
      <c r="H15243" s="8">
        <v>1</v>
      </c>
      <c r="I15243" s="8">
        <v>0</v>
      </c>
      <c r="J15243" s="8">
        <v>1</v>
      </c>
      <c r="K15243" s="9">
        <v>36</v>
      </c>
      <c r="L15243" s="6" t="s">
        <v>51</v>
      </c>
    </row>
    <row r="15244" spans="1:12">
      <c r="A15244" s="6" t="s">
        <v>49</v>
      </c>
      <c r="B15244" s="6"/>
      <c r="C15244" s="6" t="s">
        <v>15268</v>
      </c>
      <c r="D15244" s="6"/>
      <c r="E15244" s="6" t="s">
        <v>9</v>
      </c>
      <c r="F15244" s="7">
        <v>38657</v>
      </c>
      <c r="G15244" s="8">
        <v>1</v>
      </c>
      <c r="H15244" s="8">
        <v>1</v>
      </c>
      <c r="I15244" s="8">
        <v>0</v>
      </c>
      <c r="J15244" s="8">
        <v>1</v>
      </c>
      <c r="K15244" s="9">
        <v>11</v>
      </c>
      <c r="L15244" s="6" t="s">
        <v>51</v>
      </c>
    </row>
    <row r="15245" spans="1:12">
      <c r="A15245" s="6" t="s">
        <v>49</v>
      </c>
      <c r="B15245" s="6"/>
      <c r="C15245" s="6" t="s">
        <v>15269</v>
      </c>
      <c r="D15245" s="6"/>
      <c r="E15245" s="6" t="s">
        <v>9</v>
      </c>
      <c r="F15245" s="7">
        <v>38657</v>
      </c>
      <c r="G15245" s="8">
        <v>1</v>
      </c>
      <c r="H15245" s="8">
        <v>1</v>
      </c>
      <c r="I15245" s="8">
        <v>0</v>
      </c>
      <c r="J15245" s="8">
        <v>1</v>
      </c>
      <c r="K15245" s="9">
        <v>46.14</v>
      </c>
      <c r="L15245" s="6" t="s">
        <v>51</v>
      </c>
    </row>
    <row r="15246" spans="1:12">
      <c r="A15246" s="6" t="s">
        <v>49</v>
      </c>
      <c r="B15246" s="6"/>
      <c r="C15246" s="6" t="s">
        <v>15270</v>
      </c>
      <c r="D15246" s="6"/>
      <c r="E15246" s="6" t="s">
        <v>9</v>
      </c>
      <c r="F15246" s="7">
        <v>38657</v>
      </c>
      <c r="G15246" s="8">
        <v>1</v>
      </c>
      <c r="H15246" s="8">
        <v>1</v>
      </c>
      <c r="I15246" s="8">
        <v>0</v>
      </c>
      <c r="J15246" s="8">
        <v>1</v>
      </c>
      <c r="K15246" s="9">
        <v>6.61</v>
      </c>
      <c r="L15246" s="6" t="s">
        <v>51</v>
      </c>
    </row>
    <row r="15247" spans="1:12">
      <c r="A15247" s="6" t="s">
        <v>49</v>
      </c>
      <c r="B15247" s="6"/>
      <c r="C15247" s="6" t="s">
        <v>15271</v>
      </c>
      <c r="D15247" s="6"/>
      <c r="E15247" s="6" t="s">
        <v>9</v>
      </c>
      <c r="F15247" s="7">
        <v>38657</v>
      </c>
      <c r="G15247" s="8">
        <v>1</v>
      </c>
      <c r="H15247" s="8">
        <v>1</v>
      </c>
      <c r="I15247" s="8">
        <v>0</v>
      </c>
      <c r="J15247" s="8">
        <v>1</v>
      </c>
      <c r="K15247" s="9">
        <v>36</v>
      </c>
      <c r="L15247" s="6" t="s">
        <v>51</v>
      </c>
    </row>
    <row r="15248" spans="1:12">
      <c r="A15248" s="6" t="s">
        <v>49</v>
      </c>
      <c r="B15248" s="6"/>
      <c r="C15248" s="6" t="s">
        <v>15272</v>
      </c>
      <c r="D15248" s="6"/>
      <c r="E15248" s="6" t="s">
        <v>9</v>
      </c>
      <c r="F15248" s="7">
        <v>38657</v>
      </c>
      <c r="G15248" s="8">
        <v>1</v>
      </c>
      <c r="H15248" s="8">
        <v>1</v>
      </c>
      <c r="I15248" s="8">
        <v>0</v>
      </c>
      <c r="J15248" s="8">
        <v>1</v>
      </c>
      <c r="K15248" s="9">
        <v>11</v>
      </c>
      <c r="L15248" s="6" t="s">
        <v>51</v>
      </c>
    </row>
    <row r="15249" spans="1:12">
      <c r="A15249" s="6" t="s">
        <v>49</v>
      </c>
      <c r="B15249" s="6"/>
      <c r="C15249" s="6" t="s">
        <v>15273</v>
      </c>
      <c r="D15249" s="6"/>
      <c r="E15249" s="6" t="s">
        <v>9</v>
      </c>
      <c r="F15249" s="7">
        <v>38657</v>
      </c>
      <c r="G15249" s="8">
        <v>1</v>
      </c>
      <c r="H15249" s="8">
        <v>1</v>
      </c>
      <c r="I15249" s="8">
        <v>0</v>
      </c>
      <c r="J15249" s="8">
        <v>1</v>
      </c>
      <c r="K15249" s="9">
        <v>36</v>
      </c>
      <c r="L15249" s="6" t="s">
        <v>51</v>
      </c>
    </row>
    <row r="15250" spans="1:12">
      <c r="A15250" s="6" t="s">
        <v>49</v>
      </c>
      <c r="B15250" s="6"/>
      <c r="C15250" s="6" t="s">
        <v>15274</v>
      </c>
      <c r="D15250" s="6"/>
      <c r="E15250" s="6" t="s">
        <v>9</v>
      </c>
      <c r="F15250" s="7">
        <v>38657</v>
      </c>
      <c r="G15250" s="8">
        <v>1</v>
      </c>
      <c r="H15250" s="8">
        <v>1</v>
      </c>
      <c r="I15250" s="8">
        <v>0</v>
      </c>
      <c r="J15250" s="8">
        <v>1</v>
      </c>
      <c r="K15250" s="9">
        <v>5.07</v>
      </c>
      <c r="L15250" s="6" t="s">
        <v>51</v>
      </c>
    </row>
    <row r="15251" spans="1:12">
      <c r="A15251" s="6" t="s">
        <v>49</v>
      </c>
      <c r="B15251" s="6"/>
      <c r="C15251" s="6" t="s">
        <v>15275</v>
      </c>
      <c r="D15251" s="6"/>
      <c r="E15251" s="6" t="s">
        <v>9</v>
      </c>
      <c r="F15251" s="7">
        <v>38657</v>
      </c>
      <c r="G15251" s="8">
        <v>1</v>
      </c>
      <c r="H15251" s="8">
        <v>1</v>
      </c>
      <c r="I15251" s="8">
        <v>0</v>
      </c>
      <c r="J15251" s="8">
        <v>1</v>
      </c>
      <c r="K15251" s="9">
        <v>36</v>
      </c>
      <c r="L15251" s="6" t="s">
        <v>51</v>
      </c>
    </row>
    <row r="15252" spans="1:12">
      <c r="A15252" s="6" t="s">
        <v>49</v>
      </c>
      <c r="B15252" s="6"/>
      <c r="C15252" s="6" t="s">
        <v>15276</v>
      </c>
      <c r="D15252" s="6"/>
      <c r="E15252" s="6" t="s">
        <v>9</v>
      </c>
      <c r="F15252" s="7">
        <v>38657</v>
      </c>
      <c r="G15252" s="8">
        <v>1</v>
      </c>
      <c r="H15252" s="8">
        <v>1</v>
      </c>
      <c r="I15252" s="8">
        <v>0</v>
      </c>
      <c r="J15252" s="8">
        <v>1</v>
      </c>
      <c r="K15252" s="9">
        <v>36</v>
      </c>
      <c r="L15252" s="6" t="s">
        <v>51</v>
      </c>
    </row>
    <row r="15253" spans="1:12">
      <c r="A15253" s="6" t="s">
        <v>49</v>
      </c>
      <c r="B15253" s="6"/>
      <c r="C15253" s="6" t="s">
        <v>15277</v>
      </c>
      <c r="D15253" s="6"/>
      <c r="E15253" s="6" t="s">
        <v>9</v>
      </c>
      <c r="F15253" s="7">
        <v>38657</v>
      </c>
      <c r="G15253" s="8">
        <v>1</v>
      </c>
      <c r="H15253" s="8">
        <v>1</v>
      </c>
      <c r="I15253" s="8">
        <v>0</v>
      </c>
      <c r="J15253" s="8">
        <v>1</v>
      </c>
      <c r="K15253" s="9">
        <v>36</v>
      </c>
      <c r="L15253" s="6" t="s">
        <v>51</v>
      </c>
    </row>
    <row r="15254" spans="1:12">
      <c r="A15254" s="6" t="s">
        <v>49</v>
      </c>
      <c r="B15254" s="6"/>
      <c r="C15254" s="6" t="s">
        <v>15278</v>
      </c>
      <c r="D15254" s="6"/>
      <c r="E15254" s="6" t="s">
        <v>9</v>
      </c>
      <c r="F15254" s="7">
        <v>38657</v>
      </c>
      <c r="G15254" s="8">
        <v>1</v>
      </c>
      <c r="H15254" s="8">
        <v>1</v>
      </c>
      <c r="I15254" s="8">
        <v>0</v>
      </c>
      <c r="J15254" s="8">
        <v>1</v>
      </c>
      <c r="K15254" s="9">
        <v>512</v>
      </c>
      <c r="L15254" s="6" t="s">
        <v>51</v>
      </c>
    </row>
    <row r="15255" spans="1:12">
      <c r="A15255" s="6" t="s">
        <v>49</v>
      </c>
      <c r="B15255" s="6"/>
      <c r="C15255" s="6" t="s">
        <v>15279</v>
      </c>
      <c r="D15255" s="6"/>
      <c r="E15255" s="6" t="s">
        <v>9</v>
      </c>
      <c r="F15255" s="7">
        <v>38657</v>
      </c>
      <c r="G15255" s="8">
        <v>1</v>
      </c>
      <c r="H15255" s="8">
        <v>1</v>
      </c>
      <c r="I15255" s="8">
        <v>0</v>
      </c>
      <c r="J15255" s="8">
        <v>1</v>
      </c>
      <c r="K15255" s="9">
        <v>8.69</v>
      </c>
      <c r="L15255" s="6" t="s">
        <v>51</v>
      </c>
    </row>
    <row r="15256" spans="1:12">
      <c r="A15256" s="6" t="s">
        <v>49</v>
      </c>
      <c r="B15256" s="6"/>
      <c r="C15256" s="6" t="s">
        <v>15280</v>
      </c>
      <c r="D15256" s="6"/>
      <c r="E15256" s="6" t="s">
        <v>9</v>
      </c>
      <c r="F15256" s="7">
        <v>38657</v>
      </c>
      <c r="G15256" s="8">
        <v>1</v>
      </c>
      <c r="H15256" s="8">
        <v>1</v>
      </c>
      <c r="I15256" s="8">
        <v>0</v>
      </c>
      <c r="J15256" s="8">
        <v>1</v>
      </c>
      <c r="K15256" s="9">
        <v>2.73</v>
      </c>
      <c r="L15256" s="6" t="s">
        <v>51</v>
      </c>
    </row>
    <row r="15257" spans="1:12">
      <c r="A15257" s="6" t="s">
        <v>49</v>
      </c>
      <c r="B15257" s="6"/>
      <c r="C15257" s="6" t="s">
        <v>15281</v>
      </c>
      <c r="D15257" s="6"/>
      <c r="E15257" s="6" t="s">
        <v>9</v>
      </c>
      <c r="F15257" s="7">
        <v>38657</v>
      </c>
      <c r="G15257" s="8">
        <v>1</v>
      </c>
      <c r="H15257" s="8">
        <v>1</v>
      </c>
      <c r="I15257" s="8">
        <v>0</v>
      </c>
      <c r="J15257" s="8">
        <v>1</v>
      </c>
      <c r="K15257" s="9">
        <v>0.75</v>
      </c>
      <c r="L15257" s="6" t="s">
        <v>51</v>
      </c>
    </row>
    <row r="15258" spans="1:12">
      <c r="A15258" s="6" t="s">
        <v>49</v>
      </c>
      <c r="B15258" s="6"/>
      <c r="C15258" s="6" t="s">
        <v>15282</v>
      </c>
      <c r="D15258" s="6"/>
      <c r="E15258" s="6" t="s">
        <v>9</v>
      </c>
      <c r="F15258" s="7">
        <v>38657</v>
      </c>
      <c r="G15258" s="8">
        <v>1</v>
      </c>
      <c r="H15258" s="8">
        <v>1</v>
      </c>
      <c r="I15258" s="8">
        <v>0</v>
      </c>
      <c r="J15258" s="8">
        <v>1</v>
      </c>
      <c r="K15258" s="9">
        <v>24</v>
      </c>
      <c r="L15258" s="6" t="s">
        <v>51</v>
      </c>
    </row>
    <row r="15259" spans="1:12">
      <c r="A15259" s="6" t="s">
        <v>49</v>
      </c>
      <c r="B15259" s="6"/>
      <c r="C15259" s="6" t="s">
        <v>15283</v>
      </c>
      <c r="D15259" s="6"/>
      <c r="E15259" s="6" t="s">
        <v>9</v>
      </c>
      <c r="F15259" s="7">
        <v>38657</v>
      </c>
      <c r="G15259" s="8">
        <v>1</v>
      </c>
      <c r="H15259" s="8">
        <v>1</v>
      </c>
      <c r="I15259" s="8">
        <v>0</v>
      </c>
      <c r="J15259" s="8">
        <v>1</v>
      </c>
      <c r="K15259" s="9">
        <v>197</v>
      </c>
      <c r="L15259" s="6" t="s">
        <v>51</v>
      </c>
    </row>
    <row r="15260" spans="1:12">
      <c r="A15260" s="6" t="s">
        <v>49</v>
      </c>
      <c r="B15260" s="6"/>
      <c r="C15260" s="6" t="s">
        <v>15284</v>
      </c>
      <c r="D15260" s="6"/>
      <c r="E15260" s="6" t="s">
        <v>9</v>
      </c>
      <c r="F15260" s="7">
        <v>38657</v>
      </c>
      <c r="G15260" s="8">
        <v>1</v>
      </c>
      <c r="H15260" s="8">
        <v>1</v>
      </c>
      <c r="I15260" s="8">
        <v>0</v>
      </c>
      <c r="J15260" s="8">
        <v>1</v>
      </c>
      <c r="K15260" s="9">
        <v>150</v>
      </c>
      <c r="L15260" s="6" t="s">
        <v>51</v>
      </c>
    </row>
    <row r="15261" spans="1:12">
      <c r="A15261" s="6" t="s">
        <v>49</v>
      </c>
      <c r="B15261" s="6"/>
      <c r="C15261" s="6" t="s">
        <v>15285</v>
      </c>
      <c r="D15261" s="6"/>
      <c r="E15261" s="6" t="s">
        <v>9</v>
      </c>
      <c r="F15261" s="7">
        <v>38657</v>
      </c>
      <c r="G15261" s="8">
        <v>1</v>
      </c>
      <c r="H15261" s="8">
        <v>1</v>
      </c>
      <c r="I15261" s="8">
        <v>0</v>
      </c>
      <c r="J15261" s="8">
        <v>1</v>
      </c>
      <c r="K15261" s="9">
        <v>151</v>
      </c>
      <c r="L15261" s="6" t="s">
        <v>51</v>
      </c>
    </row>
    <row r="15262" spans="1:12">
      <c r="A15262" s="6" t="s">
        <v>49</v>
      </c>
      <c r="B15262" s="6"/>
      <c r="C15262" s="6" t="s">
        <v>15286</v>
      </c>
      <c r="D15262" s="6"/>
      <c r="E15262" s="6" t="s">
        <v>9</v>
      </c>
      <c r="F15262" s="7">
        <v>38657</v>
      </c>
      <c r="G15262" s="8">
        <v>1</v>
      </c>
      <c r="H15262" s="8">
        <v>1</v>
      </c>
      <c r="I15262" s="8">
        <v>0</v>
      </c>
      <c r="J15262" s="8">
        <v>1</v>
      </c>
      <c r="K15262" s="9">
        <v>147</v>
      </c>
      <c r="L15262" s="6" t="s">
        <v>51</v>
      </c>
    </row>
    <row r="15263" spans="1:12">
      <c r="A15263" s="6" t="s">
        <v>49</v>
      </c>
      <c r="B15263" s="6"/>
      <c r="C15263" s="6" t="s">
        <v>15287</v>
      </c>
      <c r="D15263" s="6"/>
      <c r="E15263" s="6" t="s">
        <v>9</v>
      </c>
      <c r="F15263" s="7">
        <v>38657</v>
      </c>
      <c r="G15263" s="8">
        <v>1</v>
      </c>
      <c r="H15263" s="8">
        <v>1</v>
      </c>
      <c r="I15263" s="8">
        <v>0</v>
      </c>
      <c r="J15263" s="8">
        <v>1</v>
      </c>
      <c r="K15263" s="9">
        <v>142</v>
      </c>
      <c r="L15263" s="6" t="s">
        <v>51</v>
      </c>
    </row>
    <row r="15264" spans="1:12">
      <c r="A15264" s="6" t="s">
        <v>49</v>
      </c>
      <c r="B15264" s="6"/>
      <c r="C15264" s="6" t="s">
        <v>15288</v>
      </c>
      <c r="D15264" s="6"/>
      <c r="E15264" s="6" t="s">
        <v>9</v>
      </c>
      <c r="F15264" s="7">
        <v>38657</v>
      </c>
      <c r="G15264" s="8">
        <v>1</v>
      </c>
      <c r="H15264" s="8">
        <v>1</v>
      </c>
      <c r="I15264" s="8">
        <v>0</v>
      </c>
      <c r="J15264" s="8">
        <v>1</v>
      </c>
      <c r="K15264" s="9">
        <v>100</v>
      </c>
      <c r="L15264" s="6" t="s">
        <v>51</v>
      </c>
    </row>
    <row r="15265" spans="1:12">
      <c r="A15265" s="6" t="s">
        <v>49</v>
      </c>
      <c r="B15265" s="6"/>
      <c r="C15265" s="6" t="s">
        <v>15289</v>
      </c>
      <c r="D15265" s="6"/>
      <c r="E15265" s="6" t="s">
        <v>9</v>
      </c>
      <c r="F15265" s="7">
        <v>38657</v>
      </c>
      <c r="G15265" s="8">
        <v>1</v>
      </c>
      <c r="H15265" s="8">
        <v>1</v>
      </c>
      <c r="I15265" s="8">
        <v>0</v>
      </c>
      <c r="J15265" s="8">
        <v>1</v>
      </c>
      <c r="K15265" s="9">
        <v>147</v>
      </c>
      <c r="L15265" s="6" t="s">
        <v>51</v>
      </c>
    </row>
    <row r="15266" spans="1:12">
      <c r="A15266" s="6" t="s">
        <v>49</v>
      </c>
      <c r="B15266" s="6"/>
      <c r="C15266" s="6" t="s">
        <v>15290</v>
      </c>
      <c r="D15266" s="6"/>
      <c r="E15266" s="6" t="s">
        <v>9</v>
      </c>
      <c r="F15266" s="7">
        <v>38657</v>
      </c>
      <c r="G15266" s="8">
        <v>1</v>
      </c>
      <c r="H15266" s="8">
        <v>1</v>
      </c>
      <c r="I15266" s="8">
        <v>0</v>
      </c>
      <c r="J15266" s="8">
        <v>1</v>
      </c>
      <c r="K15266" s="9">
        <v>149</v>
      </c>
      <c r="L15266" s="6" t="s">
        <v>51</v>
      </c>
    </row>
    <row r="15267" spans="1:12">
      <c r="A15267" s="6" t="s">
        <v>49</v>
      </c>
      <c r="B15267" s="6"/>
      <c r="C15267" s="6" t="s">
        <v>15291</v>
      </c>
      <c r="D15267" s="6"/>
      <c r="E15267" s="6" t="s">
        <v>9</v>
      </c>
      <c r="F15267" s="7">
        <v>38657</v>
      </c>
      <c r="G15267" s="8">
        <v>1</v>
      </c>
      <c r="H15267" s="8">
        <v>1</v>
      </c>
      <c r="I15267" s="8">
        <v>0</v>
      </c>
      <c r="J15267" s="8">
        <v>1</v>
      </c>
      <c r="K15267" s="9">
        <v>150</v>
      </c>
      <c r="L15267" s="6" t="s">
        <v>51</v>
      </c>
    </row>
    <row r="15268" spans="1:12">
      <c r="A15268" s="6" t="s">
        <v>49</v>
      </c>
      <c r="B15268" s="6"/>
      <c r="C15268" s="6" t="s">
        <v>15292</v>
      </c>
      <c r="D15268" s="6"/>
      <c r="E15268" s="6" t="s">
        <v>9</v>
      </c>
      <c r="F15268" s="7">
        <v>38657</v>
      </c>
      <c r="G15268" s="8">
        <v>1</v>
      </c>
      <c r="H15268" s="8">
        <v>1</v>
      </c>
      <c r="I15268" s="8">
        <v>0</v>
      </c>
      <c r="J15268" s="8">
        <v>1</v>
      </c>
      <c r="K15268" s="9">
        <v>61</v>
      </c>
      <c r="L15268" s="6" t="s">
        <v>51</v>
      </c>
    </row>
    <row r="15269" spans="1:12">
      <c r="A15269" s="6" t="s">
        <v>49</v>
      </c>
      <c r="B15269" s="6"/>
      <c r="C15269" s="6" t="s">
        <v>15293</v>
      </c>
      <c r="D15269" s="6"/>
      <c r="E15269" s="6" t="s">
        <v>9</v>
      </c>
      <c r="F15269" s="7">
        <v>38657</v>
      </c>
      <c r="G15269" s="8">
        <v>1</v>
      </c>
      <c r="H15269" s="8">
        <v>1</v>
      </c>
      <c r="I15269" s="8">
        <v>0</v>
      </c>
      <c r="J15269" s="8">
        <v>1</v>
      </c>
      <c r="K15269" s="9">
        <v>150</v>
      </c>
      <c r="L15269" s="6" t="s">
        <v>51</v>
      </c>
    </row>
    <row r="15270" spans="1:12">
      <c r="A15270" s="6" t="s">
        <v>49</v>
      </c>
      <c r="B15270" s="6"/>
      <c r="C15270" s="6" t="s">
        <v>15294</v>
      </c>
      <c r="D15270" s="6"/>
      <c r="E15270" s="6" t="s">
        <v>9</v>
      </c>
      <c r="F15270" s="7">
        <v>38657</v>
      </c>
      <c r="G15270" s="8">
        <v>1</v>
      </c>
      <c r="H15270" s="8">
        <v>1</v>
      </c>
      <c r="I15270" s="8">
        <v>0</v>
      </c>
      <c r="J15270" s="8">
        <v>1</v>
      </c>
      <c r="K15270" s="9">
        <v>148</v>
      </c>
      <c r="L15270" s="6" t="s">
        <v>51</v>
      </c>
    </row>
    <row r="15271" spans="1:12">
      <c r="A15271" s="6" t="s">
        <v>49</v>
      </c>
      <c r="B15271" s="6"/>
      <c r="C15271" s="6" t="s">
        <v>15295</v>
      </c>
      <c r="D15271" s="6"/>
      <c r="E15271" s="6" t="s">
        <v>9</v>
      </c>
      <c r="F15271" s="7">
        <v>38657</v>
      </c>
      <c r="G15271" s="8">
        <v>1</v>
      </c>
      <c r="H15271" s="8">
        <v>1</v>
      </c>
      <c r="I15271" s="8">
        <v>0</v>
      </c>
      <c r="J15271" s="8">
        <v>1</v>
      </c>
      <c r="K15271" s="9">
        <v>151</v>
      </c>
      <c r="L15271" s="6" t="s">
        <v>51</v>
      </c>
    </row>
    <row r="15272" spans="1:12">
      <c r="A15272" s="6" t="s">
        <v>49</v>
      </c>
      <c r="B15272" s="6"/>
      <c r="C15272" s="6" t="s">
        <v>15296</v>
      </c>
      <c r="D15272" s="6"/>
      <c r="E15272" s="6" t="s">
        <v>9</v>
      </c>
      <c r="F15272" s="7">
        <v>38657</v>
      </c>
      <c r="G15272" s="8">
        <v>1</v>
      </c>
      <c r="H15272" s="8">
        <v>1</v>
      </c>
      <c r="I15272" s="8">
        <v>0</v>
      </c>
      <c r="J15272" s="8">
        <v>1</v>
      </c>
      <c r="K15272" s="9">
        <v>153</v>
      </c>
      <c r="L15272" s="6" t="s">
        <v>51</v>
      </c>
    </row>
    <row r="15273" spans="1:12">
      <c r="A15273" s="6" t="s">
        <v>49</v>
      </c>
      <c r="B15273" s="6"/>
      <c r="C15273" s="6" t="s">
        <v>15297</v>
      </c>
      <c r="D15273" s="6"/>
      <c r="E15273" s="6" t="s">
        <v>9</v>
      </c>
      <c r="F15273" s="7">
        <v>38657</v>
      </c>
      <c r="G15273" s="8">
        <v>1</v>
      </c>
      <c r="H15273" s="8">
        <v>1</v>
      </c>
      <c r="I15273" s="8">
        <v>0</v>
      </c>
      <c r="J15273" s="8">
        <v>1</v>
      </c>
      <c r="K15273" s="9">
        <v>153</v>
      </c>
      <c r="L15273" s="6" t="s">
        <v>51</v>
      </c>
    </row>
    <row r="15274" spans="1:12">
      <c r="A15274" s="6" t="s">
        <v>49</v>
      </c>
      <c r="B15274" s="6"/>
      <c r="C15274" s="6" t="s">
        <v>15298</v>
      </c>
      <c r="D15274" s="6"/>
      <c r="E15274" s="6" t="s">
        <v>9</v>
      </c>
      <c r="F15274" s="7">
        <v>38657</v>
      </c>
      <c r="G15274" s="8">
        <v>1</v>
      </c>
      <c r="H15274" s="8">
        <v>1</v>
      </c>
      <c r="I15274" s="8">
        <v>0</v>
      </c>
      <c r="J15274" s="8">
        <v>1</v>
      </c>
      <c r="K15274" s="9">
        <v>153</v>
      </c>
      <c r="L15274" s="6" t="s">
        <v>51</v>
      </c>
    </row>
    <row r="15275" spans="1:12">
      <c r="A15275" s="6" t="s">
        <v>49</v>
      </c>
      <c r="B15275" s="6"/>
      <c r="C15275" s="6" t="s">
        <v>15299</v>
      </c>
      <c r="D15275" s="6"/>
      <c r="E15275" s="6" t="s">
        <v>9</v>
      </c>
      <c r="F15275" s="7">
        <v>38657</v>
      </c>
      <c r="G15275" s="8">
        <v>1</v>
      </c>
      <c r="H15275" s="8">
        <v>1</v>
      </c>
      <c r="I15275" s="8">
        <v>0</v>
      </c>
      <c r="J15275" s="8">
        <v>1</v>
      </c>
      <c r="K15275" s="9">
        <v>167</v>
      </c>
      <c r="L15275" s="6" t="s">
        <v>51</v>
      </c>
    </row>
    <row r="15276" spans="1:12">
      <c r="A15276" s="6" t="s">
        <v>49</v>
      </c>
      <c r="B15276" s="6"/>
      <c r="C15276" s="6" t="s">
        <v>15300</v>
      </c>
      <c r="D15276" s="6"/>
      <c r="E15276" s="6" t="s">
        <v>9</v>
      </c>
      <c r="F15276" s="7">
        <v>38657</v>
      </c>
      <c r="G15276" s="8">
        <v>1</v>
      </c>
      <c r="H15276" s="8">
        <v>1</v>
      </c>
      <c r="I15276" s="8">
        <v>0</v>
      </c>
      <c r="J15276" s="8">
        <v>1</v>
      </c>
      <c r="K15276" s="9">
        <v>186</v>
      </c>
      <c r="L15276" s="6" t="s">
        <v>51</v>
      </c>
    </row>
    <row r="15277" spans="1:12">
      <c r="A15277" s="6" t="s">
        <v>49</v>
      </c>
      <c r="B15277" s="6"/>
      <c r="C15277" s="6" t="s">
        <v>15301</v>
      </c>
      <c r="D15277" s="6"/>
      <c r="E15277" s="6" t="s">
        <v>9</v>
      </c>
      <c r="F15277" s="7">
        <v>38657</v>
      </c>
      <c r="G15277" s="8">
        <v>1</v>
      </c>
      <c r="H15277" s="8">
        <v>1</v>
      </c>
      <c r="I15277" s="8">
        <v>0</v>
      </c>
      <c r="J15277" s="8">
        <v>1</v>
      </c>
      <c r="K15277" s="9">
        <v>217</v>
      </c>
      <c r="L15277" s="6" t="s">
        <v>51</v>
      </c>
    </row>
    <row r="15278" spans="1:12">
      <c r="A15278" s="6" t="s">
        <v>49</v>
      </c>
      <c r="B15278" s="6"/>
      <c r="C15278" s="6" t="s">
        <v>15302</v>
      </c>
      <c r="D15278" s="6"/>
      <c r="E15278" s="6" t="s">
        <v>9</v>
      </c>
      <c r="F15278" s="7">
        <v>38657</v>
      </c>
      <c r="G15278" s="8">
        <v>1</v>
      </c>
      <c r="H15278" s="8">
        <v>1</v>
      </c>
      <c r="I15278" s="8">
        <v>0</v>
      </c>
      <c r="J15278" s="8">
        <v>1</v>
      </c>
      <c r="K15278" s="9">
        <v>374</v>
      </c>
      <c r="L15278" s="6" t="s">
        <v>51</v>
      </c>
    </row>
    <row r="15279" spans="1:12">
      <c r="A15279" s="6" t="s">
        <v>49</v>
      </c>
      <c r="B15279" s="6"/>
      <c r="C15279" s="6" t="s">
        <v>15303</v>
      </c>
      <c r="D15279" s="6"/>
      <c r="E15279" s="6" t="s">
        <v>9</v>
      </c>
      <c r="F15279" s="7">
        <v>38657</v>
      </c>
      <c r="G15279" s="8">
        <v>1</v>
      </c>
      <c r="H15279" s="8">
        <v>1</v>
      </c>
      <c r="I15279" s="8">
        <v>0</v>
      </c>
      <c r="J15279" s="8">
        <v>1</v>
      </c>
      <c r="K15279" s="9">
        <v>32</v>
      </c>
      <c r="L15279" s="6" t="s">
        <v>51</v>
      </c>
    </row>
    <row r="15280" spans="1:12">
      <c r="A15280" s="6" t="s">
        <v>49</v>
      </c>
      <c r="B15280" s="6"/>
      <c r="C15280" s="6" t="s">
        <v>15304</v>
      </c>
      <c r="D15280" s="6"/>
      <c r="E15280" s="6" t="s">
        <v>9</v>
      </c>
      <c r="F15280" s="7">
        <v>38657</v>
      </c>
      <c r="G15280" s="8">
        <v>1</v>
      </c>
      <c r="H15280" s="8">
        <v>1</v>
      </c>
      <c r="I15280" s="8">
        <v>0</v>
      </c>
      <c r="J15280" s="8">
        <v>1</v>
      </c>
      <c r="K15280" s="9">
        <v>1278</v>
      </c>
      <c r="L15280" s="6" t="s">
        <v>51</v>
      </c>
    </row>
    <row r="15281" spans="1:12">
      <c r="A15281" s="6" t="s">
        <v>49</v>
      </c>
      <c r="B15281" s="6"/>
      <c r="C15281" s="6" t="s">
        <v>15305</v>
      </c>
      <c r="D15281" s="6"/>
      <c r="E15281" s="6" t="s">
        <v>9</v>
      </c>
      <c r="F15281" s="7">
        <v>38657</v>
      </c>
      <c r="G15281" s="8">
        <v>1</v>
      </c>
      <c r="H15281" s="8">
        <v>1</v>
      </c>
      <c r="I15281" s="8">
        <v>0</v>
      </c>
      <c r="J15281" s="8">
        <v>1</v>
      </c>
      <c r="K15281" s="9">
        <v>1082</v>
      </c>
      <c r="L15281" s="6" t="s">
        <v>51</v>
      </c>
    </row>
    <row r="15282" spans="1:12">
      <c r="A15282" s="6" t="s">
        <v>49</v>
      </c>
      <c r="B15282" s="6"/>
      <c r="C15282" s="6" t="s">
        <v>15306</v>
      </c>
      <c r="D15282" s="6"/>
      <c r="E15282" s="6" t="s">
        <v>9</v>
      </c>
      <c r="F15282" s="7">
        <v>38657</v>
      </c>
      <c r="G15282" s="8">
        <v>1</v>
      </c>
      <c r="H15282" s="8">
        <v>1</v>
      </c>
      <c r="I15282" s="8">
        <v>0</v>
      </c>
      <c r="J15282" s="8">
        <v>1</v>
      </c>
      <c r="K15282" s="9">
        <v>392</v>
      </c>
      <c r="L15282" s="6" t="s">
        <v>51</v>
      </c>
    </row>
    <row r="15283" spans="1:12">
      <c r="A15283" s="6" t="s">
        <v>49</v>
      </c>
      <c r="B15283" s="6"/>
      <c r="C15283" s="6" t="s">
        <v>15307</v>
      </c>
      <c r="D15283" s="6"/>
      <c r="E15283" s="6" t="s">
        <v>9</v>
      </c>
      <c r="F15283" s="7">
        <v>38657</v>
      </c>
      <c r="G15283" s="8">
        <v>1</v>
      </c>
      <c r="H15283" s="8">
        <v>1</v>
      </c>
      <c r="I15283" s="8">
        <v>0</v>
      </c>
      <c r="J15283" s="8">
        <v>1</v>
      </c>
      <c r="K15283" s="9">
        <v>3.7</v>
      </c>
      <c r="L15283" s="6" t="s">
        <v>51</v>
      </c>
    </row>
    <row r="15284" spans="1:12">
      <c r="A15284" s="6" t="s">
        <v>49</v>
      </c>
      <c r="B15284" s="6"/>
      <c r="C15284" s="6" t="s">
        <v>15308</v>
      </c>
      <c r="D15284" s="6"/>
      <c r="E15284" s="6" t="s">
        <v>9</v>
      </c>
      <c r="F15284" s="7">
        <v>38657</v>
      </c>
      <c r="G15284" s="8">
        <v>1</v>
      </c>
      <c r="H15284" s="8">
        <v>1</v>
      </c>
      <c r="I15284" s="8">
        <v>0</v>
      </c>
      <c r="J15284" s="8">
        <v>1</v>
      </c>
      <c r="K15284" s="9">
        <v>3.7</v>
      </c>
      <c r="L15284" s="6" t="s">
        <v>51</v>
      </c>
    </row>
    <row r="15285" spans="1:12">
      <c r="A15285" s="6" t="s">
        <v>49</v>
      </c>
      <c r="B15285" s="6"/>
      <c r="C15285" s="6" t="s">
        <v>15309</v>
      </c>
      <c r="D15285" s="6"/>
      <c r="E15285" s="6" t="s">
        <v>9</v>
      </c>
      <c r="F15285" s="7">
        <v>38657</v>
      </c>
      <c r="G15285" s="8">
        <v>1</v>
      </c>
      <c r="H15285" s="8">
        <v>1</v>
      </c>
      <c r="I15285" s="8">
        <v>0</v>
      </c>
      <c r="J15285" s="8">
        <v>1</v>
      </c>
      <c r="K15285" s="9">
        <v>58</v>
      </c>
      <c r="L15285" s="6" t="s">
        <v>51</v>
      </c>
    </row>
    <row r="15286" spans="1:12">
      <c r="A15286" s="6" t="s">
        <v>49</v>
      </c>
      <c r="B15286" s="6"/>
      <c r="C15286" s="6" t="s">
        <v>15310</v>
      </c>
      <c r="D15286" s="6"/>
      <c r="E15286" s="6" t="s">
        <v>9</v>
      </c>
      <c r="F15286" s="7">
        <v>38657</v>
      </c>
      <c r="G15286" s="8">
        <v>1</v>
      </c>
      <c r="H15286" s="8">
        <v>1</v>
      </c>
      <c r="I15286" s="8">
        <v>0</v>
      </c>
      <c r="J15286" s="8">
        <v>1</v>
      </c>
      <c r="K15286" s="9">
        <v>106</v>
      </c>
      <c r="L15286" s="6" t="s">
        <v>51</v>
      </c>
    </row>
    <row r="15287" spans="1:12">
      <c r="A15287" s="6" t="s">
        <v>49</v>
      </c>
      <c r="B15287" s="6"/>
      <c r="C15287" s="6" t="s">
        <v>15311</v>
      </c>
      <c r="D15287" s="6"/>
      <c r="E15287" s="6" t="s">
        <v>9</v>
      </c>
      <c r="F15287" s="7">
        <v>38657</v>
      </c>
      <c r="G15287" s="8">
        <v>1</v>
      </c>
      <c r="H15287" s="8">
        <v>1</v>
      </c>
      <c r="I15287" s="8">
        <v>0</v>
      </c>
      <c r="J15287" s="8">
        <v>1</v>
      </c>
      <c r="K15287" s="9">
        <v>34</v>
      </c>
      <c r="L15287" s="6" t="s">
        <v>51</v>
      </c>
    </row>
    <row r="15288" spans="1:12">
      <c r="A15288" s="6" t="s">
        <v>49</v>
      </c>
      <c r="B15288" s="6"/>
      <c r="C15288" s="6" t="s">
        <v>15312</v>
      </c>
      <c r="D15288" s="6"/>
      <c r="E15288" s="6" t="s">
        <v>9</v>
      </c>
      <c r="F15288" s="7">
        <v>38657</v>
      </c>
      <c r="G15288" s="8">
        <v>1</v>
      </c>
      <c r="H15288" s="8">
        <v>1</v>
      </c>
      <c r="I15288" s="8">
        <v>0</v>
      </c>
      <c r="J15288" s="8">
        <v>1</v>
      </c>
      <c r="K15288" s="9">
        <v>148</v>
      </c>
      <c r="L15288" s="6" t="s">
        <v>51</v>
      </c>
    </row>
    <row r="15289" spans="1:12">
      <c r="A15289" s="6" t="s">
        <v>49</v>
      </c>
      <c r="B15289" s="6"/>
      <c r="C15289" s="6" t="s">
        <v>15313</v>
      </c>
      <c r="D15289" s="6"/>
      <c r="E15289" s="6" t="s">
        <v>9</v>
      </c>
      <c r="F15289" s="7">
        <v>38657</v>
      </c>
      <c r="G15289" s="8">
        <v>1</v>
      </c>
      <c r="H15289" s="8">
        <v>1</v>
      </c>
      <c r="I15289" s="8">
        <v>0</v>
      </c>
      <c r="J15289" s="8">
        <v>1</v>
      </c>
      <c r="K15289" s="9">
        <v>169</v>
      </c>
      <c r="L15289" s="6" t="s">
        <v>51</v>
      </c>
    </row>
    <row r="15290" spans="1:12">
      <c r="A15290" s="6" t="s">
        <v>49</v>
      </c>
      <c r="B15290" s="6"/>
      <c r="C15290" s="6" t="s">
        <v>15314</v>
      </c>
      <c r="D15290" s="6"/>
      <c r="E15290" s="6" t="s">
        <v>9</v>
      </c>
      <c r="F15290" s="7">
        <v>38657</v>
      </c>
      <c r="G15290" s="8">
        <v>1</v>
      </c>
      <c r="H15290" s="8">
        <v>1</v>
      </c>
      <c r="I15290" s="8">
        <v>0</v>
      </c>
      <c r="J15290" s="8">
        <v>1</v>
      </c>
      <c r="K15290" s="9">
        <v>65</v>
      </c>
      <c r="L15290" s="6" t="s">
        <v>51</v>
      </c>
    </row>
    <row r="15291" spans="1:12">
      <c r="A15291" s="6" t="s">
        <v>49</v>
      </c>
      <c r="B15291" s="6"/>
      <c r="C15291" s="6" t="s">
        <v>15315</v>
      </c>
      <c r="D15291" s="6"/>
      <c r="E15291" s="6" t="s">
        <v>9</v>
      </c>
      <c r="F15291" s="7">
        <v>38657</v>
      </c>
      <c r="G15291" s="8">
        <v>1</v>
      </c>
      <c r="H15291" s="8">
        <v>1</v>
      </c>
      <c r="I15291" s="8">
        <v>0</v>
      </c>
      <c r="J15291" s="8">
        <v>1</v>
      </c>
      <c r="K15291" s="9">
        <v>152</v>
      </c>
      <c r="L15291" s="6" t="s">
        <v>51</v>
      </c>
    </row>
    <row r="15292" spans="1:12">
      <c r="A15292" s="6" t="s">
        <v>49</v>
      </c>
      <c r="B15292" s="6"/>
      <c r="C15292" s="6" t="s">
        <v>15316</v>
      </c>
      <c r="D15292" s="6"/>
      <c r="E15292" s="6" t="s">
        <v>9</v>
      </c>
      <c r="F15292" s="7">
        <v>38657</v>
      </c>
      <c r="G15292" s="8">
        <v>1</v>
      </c>
      <c r="H15292" s="8">
        <v>1</v>
      </c>
      <c r="I15292" s="8">
        <v>0</v>
      </c>
      <c r="J15292" s="8">
        <v>1</v>
      </c>
      <c r="K15292" s="9">
        <v>152</v>
      </c>
      <c r="L15292" s="6" t="s">
        <v>51</v>
      </c>
    </row>
    <row r="15293" spans="1:12">
      <c r="A15293" s="6" t="s">
        <v>49</v>
      </c>
      <c r="B15293" s="6"/>
      <c r="C15293" s="6" t="s">
        <v>15317</v>
      </c>
      <c r="D15293" s="6"/>
      <c r="E15293" s="6" t="s">
        <v>9</v>
      </c>
      <c r="F15293" s="7">
        <v>38657</v>
      </c>
      <c r="G15293" s="8">
        <v>1</v>
      </c>
      <c r="H15293" s="8">
        <v>1</v>
      </c>
      <c r="I15293" s="8">
        <v>0</v>
      </c>
      <c r="J15293" s="8">
        <v>1</v>
      </c>
      <c r="K15293" s="9">
        <v>119</v>
      </c>
      <c r="L15293" s="6" t="s">
        <v>51</v>
      </c>
    </row>
    <row r="15294" spans="1:12">
      <c r="A15294" s="6" t="s">
        <v>49</v>
      </c>
      <c r="B15294" s="6"/>
      <c r="C15294" s="6" t="s">
        <v>15318</v>
      </c>
      <c r="D15294" s="6"/>
      <c r="E15294" s="6" t="s">
        <v>9</v>
      </c>
      <c r="F15294" s="7">
        <v>38657</v>
      </c>
      <c r="G15294" s="8">
        <v>1</v>
      </c>
      <c r="H15294" s="8">
        <v>1</v>
      </c>
      <c r="I15294" s="8">
        <v>0</v>
      </c>
      <c r="J15294" s="8">
        <v>1</v>
      </c>
      <c r="K15294" s="9">
        <v>119</v>
      </c>
      <c r="L15294" s="6" t="s">
        <v>51</v>
      </c>
    </row>
    <row r="15295" spans="1:12">
      <c r="A15295" s="6" t="s">
        <v>49</v>
      </c>
      <c r="B15295" s="6"/>
      <c r="C15295" s="6" t="s">
        <v>15319</v>
      </c>
      <c r="D15295" s="6"/>
      <c r="E15295" s="6" t="s">
        <v>9</v>
      </c>
      <c r="F15295" s="7">
        <v>38657</v>
      </c>
      <c r="G15295" s="8">
        <v>1</v>
      </c>
      <c r="H15295" s="8">
        <v>1</v>
      </c>
      <c r="I15295" s="8">
        <v>0</v>
      </c>
      <c r="J15295" s="8">
        <v>1</v>
      </c>
      <c r="K15295" s="9">
        <v>119</v>
      </c>
      <c r="L15295" s="6" t="s">
        <v>51</v>
      </c>
    </row>
    <row r="15296" spans="1:12">
      <c r="A15296" s="6" t="s">
        <v>49</v>
      </c>
      <c r="B15296" s="6"/>
      <c r="C15296" s="6" t="s">
        <v>15320</v>
      </c>
      <c r="D15296" s="6"/>
      <c r="E15296" s="6" t="s">
        <v>9</v>
      </c>
      <c r="F15296" s="7">
        <v>38657</v>
      </c>
      <c r="G15296" s="8">
        <v>1</v>
      </c>
      <c r="H15296" s="8">
        <v>1</v>
      </c>
      <c r="I15296" s="8">
        <v>0</v>
      </c>
      <c r="J15296" s="8">
        <v>1</v>
      </c>
      <c r="K15296" s="9">
        <v>123</v>
      </c>
      <c r="L15296" s="6" t="s">
        <v>51</v>
      </c>
    </row>
    <row r="15297" spans="1:12">
      <c r="A15297" s="6" t="s">
        <v>49</v>
      </c>
      <c r="B15297" s="6"/>
      <c r="C15297" s="6" t="s">
        <v>15321</v>
      </c>
      <c r="D15297" s="6"/>
      <c r="E15297" s="6" t="s">
        <v>9</v>
      </c>
      <c r="F15297" s="7">
        <v>38657</v>
      </c>
      <c r="G15297" s="8">
        <v>1</v>
      </c>
      <c r="H15297" s="8">
        <v>1</v>
      </c>
      <c r="I15297" s="8">
        <v>0</v>
      </c>
      <c r="J15297" s="8">
        <v>1</v>
      </c>
      <c r="K15297" s="9">
        <v>123</v>
      </c>
      <c r="L15297" s="6" t="s">
        <v>51</v>
      </c>
    </row>
    <row r="15298" spans="1:12">
      <c r="A15298" s="6" t="s">
        <v>49</v>
      </c>
      <c r="B15298" s="6"/>
      <c r="C15298" s="6" t="s">
        <v>15322</v>
      </c>
      <c r="D15298" s="6"/>
      <c r="E15298" s="6" t="s">
        <v>9</v>
      </c>
      <c r="F15298" s="7">
        <v>38657</v>
      </c>
      <c r="G15298" s="8">
        <v>1</v>
      </c>
      <c r="H15298" s="8">
        <v>1</v>
      </c>
      <c r="I15298" s="8">
        <v>0</v>
      </c>
      <c r="J15298" s="8">
        <v>1</v>
      </c>
      <c r="K15298" s="9">
        <v>119</v>
      </c>
      <c r="L15298" s="6" t="s">
        <v>51</v>
      </c>
    </row>
    <row r="15299" spans="1:12">
      <c r="A15299" s="6" t="s">
        <v>49</v>
      </c>
      <c r="B15299" s="6"/>
      <c r="C15299" s="6" t="s">
        <v>15323</v>
      </c>
      <c r="D15299" s="6"/>
      <c r="E15299" s="6" t="s">
        <v>9</v>
      </c>
      <c r="F15299" s="7">
        <v>38657</v>
      </c>
      <c r="G15299" s="8">
        <v>1</v>
      </c>
      <c r="H15299" s="8">
        <v>1</v>
      </c>
      <c r="I15299" s="8">
        <v>0</v>
      </c>
      <c r="J15299" s="8">
        <v>1</v>
      </c>
      <c r="K15299" s="9">
        <v>20</v>
      </c>
      <c r="L15299" s="6" t="s">
        <v>51</v>
      </c>
    </row>
    <row r="15300" spans="1:12">
      <c r="A15300" s="6" t="s">
        <v>49</v>
      </c>
      <c r="B15300" s="6"/>
      <c r="C15300" s="6" t="s">
        <v>15324</v>
      </c>
      <c r="D15300" s="6"/>
      <c r="E15300" s="6" t="s">
        <v>9</v>
      </c>
      <c r="F15300" s="7">
        <v>38657</v>
      </c>
      <c r="G15300" s="8">
        <v>1</v>
      </c>
      <c r="H15300" s="8">
        <v>1</v>
      </c>
      <c r="I15300" s="8">
        <v>0</v>
      </c>
      <c r="J15300" s="8">
        <v>1</v>
      </c>
      <c r="K15300" s="9">
        <v>59</v>
      </c>
      <c r="L15300" s="6" t="s">
        <v>51</v>
      </c>
    </row>
    <row r="15301" spans="1:12">
      <c r="A15301" s="6" t="s">
        <v>49</v>
      </c>
      <c r="B15301" s="6"/>
      <c r="C15301" s="6" t="s">
        <v>15325</v>
      </c>
      <c r="D15301" s="6"/>
      <c r="E15301" s="6" t="s">
        <v>9</v>
      </c>
      <c r="F15301" s="7">
        <v>38657</v>
      </c>
      <c r="G15301" s="8">
        <v>1</v>
      </c>
      <c r="H15301" s="8">
        <v>1</v>
      </c>
      <c r="I15301" s="8">
        <v>0</v>
      </c>
      <c r="J15301" s="8">
        <v>1</v>
      </c>
      <c r="K15301" s="9">
        <v>29</v>
      </c>
      <c r="L15301" s="6" t="s">
        <v>51</v>
      </c>
    </row>
    <row r="15302" spans="1:12">
      <c r="A15302" s="6" t="s">
        <v>49</v>
      </c>
      <c r="B15302" s="6"/>
      <c r="C15302" s="6" t="s">
        <v>15326</v>
      </c>
      <c r="D15302" s="6"/>
      <c r="E15302" s="6" t="s">
        <v>9</v>
      </c>
      <c r="F15302" s="7">
        <v>38657</v>
      </c>
      <c r="G15302" s="8">
        <v>1</v>
      </c>
      <c r="H15302" s="8">
        <v>1</v>
      </c>
      <c r="I15302" s="8">
        <v>0</v>
      </c>
      <c r="J15302" s="8">
        <v>1</v>
      </c>
      <c r="K15302" s="9">
        <v>71</v>
      </c>
      <c r="L15302" s="6" t="s">
        <v>51</v>
      </c>
    </row>
    <row r="15303" spans="1:12">
      <c r="A15303" s="6" t="s">
        <v>49</v>
      </c>
      <c r="B15303" s="6"/>
      <c r="C15303" s="6" t="s">
        <v>15327</v>
      </c>
      <c r="D15303" s="6"/>
      <c r="E15303" s="6" t="s">
        <v>9</v>
      </c>
      <c r="F15303" s="7">
        <v>38657</v>
      </c>
      <c r="G15303" s="8">
        <v>1</v>
      </c>
      <c r="H15303" s="8">
        <v>1</v>
      </c>
      <c r="I15303" s="8">
        <v>0</v>
      </c>
      <c r="J15303" s="8">
        <v>1</v>
      </c>
      <c r="K15303" s="9">
        <v>58</v>
      </c>
      <c r="L15303" s="6" t="s">
        <v>51</v>
      </c>
    </row>
    <row r="15304" spans="1:12">
      <c r="A15304" s="6" t="s">
        <v>49</v>
      </c>
      <c r="B15304" s="6"/>
      <c r="C15304" s="6" t="s">
        <v>15328</v>
      </c>
      <c r="D15304" s="6"/>
      <c r="E15304" s="6" t="s">
        <v>9</v>
      </c>
      <c r="F15304" s="7">
        <v>38657</v>
      </c>
      <c r="G15304" s="8">
        <v>1</v>
      </c>
      <c r="H15304" s="8">
        <v>1</v>
      </c>
      <c r="I15304" s="8">
        <v>0</v>
      </c>
      <c r="J15304" s="8">
        <v>1</v>
      </c>
      <c r="K15304" s="9">
        <v>272</v>
      </c>
      <c r="L15304" s="6" t="s">
        <v>51</v>
      </c>
    </row>
    <row r="15305" spans="1:12">
      <c r="A15305" s="6" t="s">
        <v>49</v>
      </c>
      <c r="B15305" s="6"/>
      <c r="C15305" s="6" t="s">
        <v>15329</v>
      </c>
      <c r="D15305" s="6"/>
      <c r="E15305" s="6" t="s">
        <v>9</v>
      </c>
      <c r="F15305" s="7">
        <v>38657</v>
      </c>
      <c r="G15305" s="8">
        <v>1</v>
      </c>
      <c r="H15305" s="8">
        <v>1</v>
      </c>
      <c r="I15305" s="8">
        <v>0</v>
      </c>
      <c r="J15305" s="8">
        <v>1</v>
      </c>
      <c r="K15305" s="9">
        <v>753</v>
      </c>
      <c r="L15305" s="6" t="s">
        <v>51</v>
      </c>
    </row>
    <row r="15306" spans="1:12">
      <c r="A15306" s="6" t="s">
        <v>49</v>
      </c>
      <c r="B15306" s="6"/>
      <c r="C15306" s="6" t="s">
        <v>15330</v>
      </c>
      <c r="D15306" s="6"/>
      <c r="E15306" s="6" t="s">
        <v>9</v>
      </c>
      <c r="F15306" s="7">
        <v>38657</v>
      </c>
      <c r="G15306" s="8">
        <v>1</v>
      </c>
      <c r="H15306" s="8">
        <v>1</v>
      </c>
      <c r="I15306" s="8">
        <v>0</v>
      </c>
      <c r="J15306" s="8">
        <v>1</v>
      </c>
      <c r="K15306" s="9">
        <v>54</v>
      </c>
      <c r="L15306" s="6" t="s">
        <v>51</v>
      </c>
    </row>
    <row r="15307" spans="1:12">
      <c r="A15307" s="6" t="s">
        <v>49</v>
      </c>
      <c r="B15307" s="6"/>
      <c r="C15307" s="6" t="s">
        <v>15331</v>
      </c>
      <c r="D15307" s="6"/>
      <c r="E15307" s="6" t="s">
        <v>9</v>
      </c>
      <c r="F15307" s="7">
        <v>38657</v>
      </c>
      <c r="G15307" s="8">
        <v>1</v>
      </c>
      <c r="H15307" s="8">
        <v>1</v>
      </c>
      <c r="I15307" s="8">
        <v>0</v>
      </c>
      <c r="J15307" s="8">
        <v>1</v>
      </c>
      <c r="K15307" s="9">
        <v>402</v>
      </c>
      <c r="L15307" s="6" t="s">
        <v>51</v>
      </c>
    </row>
    <row r="15308" spans="1:12">
      <c r="A15308" s="6" t="s">
        <v>49</v>
      </c>
      <c r="B15308" s="6"/>
      <c r="C15308" s="6" t="s">
        <v>15332</v>
      </c>
      <c r="D15308" s="6"/>
      <c r="E15308" s="6" t="s">
        <v>9</v>
      </c>
      <c r="F15308" s="7">
        <v>38657</v>
      </c>
      <c r="G15308" s="8">
        <v>1</v>
      </c>
      <c r="H15308" s="8">
        <v>1</v>
      </c>
      <c r="I15308" s="8">
        <v>0</v>
      </c>
      <c r="J15308" s="8">
        <v>1</v>
      </c>
      <c r="K15308" s="9">
        <v>392</v>
      </c>
      <c r="L15308" s="6" t="s">
        <v>51</v>
      </c>
    </row>
    <row r="15309" spans="1:12">
      <c r="A15309" s="6" t="s">
        <v>49</v>
      </c>
      <c r="B15309" s="6"/>
      <c r="C15309" s="6" t="s">
        <v>15333</v>
      </c>
      <c r="D15309" s="6"/>
      <c r="E15309" s="6" t="s">
        <v>9</v>
      </c>
      <c r="F15309" s="7">
        <v>38657</v>
      </c>
      <c r="G15309" s="8">
        <v>1</v>
      </c>
      <c r="H15309" s="8">
        <v>1</v>
      </c>
      <c r="I15309" s="8">
        <v>0</v>
      </c>
      <c r="J15309" s="8">
        <v>1</v>
      </c>
      <c r="K15309" s="9">
        <v>29</v>
      </c>
      <c r="L15309" s="6" t="s">
        <v>51</v>
      </c>
    </row>
    <row r="15310" spans="1:12">
      <c r="A15310" s="6" t="s">
        <v>49</v>
      </c>
      <c r="B15310" s="6"/>
      <c r="C15310" s="6" t="s">
        <v>15334</v>
      </c>
      <c r="D15310" s="6"/>
      <c r="E15310" s="6" t="s">
        <v>9</v>
      </c>
      <c r="F15310" s="7">
        <v>38657</v>
      </c>
      <c r="G15310" s="8">
        <v>1</v>
      </c>
      <c r="H15310" s="8">
        <v>1</v>
      </c>
      <c r="I15310" s="8">
        <v>0</v>
      </c>
      <c r="J15310" s="8">
        <v>1</v>
      </c>
      <c r="K15310" s="9">
        <v>683</v>
      </c>
      <c r="L15310" s="6" t="s">
        <v>51</v>
      </c>
    </row>
    <row r="15311" spans="1:12">
      <c r="A15311" s="6" t="s">
        <v>49</v>
      </c>
      <c r="B15311" s="6"/>
      <c r="C15311" s="6" t="s">
        <v>15335</v>
      </c>
      <c r="D15311" s="6"/>
      <c r="E15311" s="6" t="s">
        <v>9</v>
      </c>
      <c r="F15311" s="7">
        <v>38657</v>
      </c>
      <c r="G15311" s="8">
        <v>1</v>
      </c>
      <c r="H15311" s="8">
        <v>1</v>
      </c>
      <c r="I15311" s="8">
        <v>0</v>
      </c>
      <c r="J15311" s="8">
        <v>1</v>
      </c>
      <c r="K15311" s="9">
        <v>179</v>
      </c>
      <c r="L15311" s="6" t="s">
        <v>51</v>
      </c>
    </row>
    <row r="15312" spans="1:12">
      <c r="A15312" s="6" t="s">
        <v>49</v>
      </c>
      <c r="B15312" s="6"/>
      <c r="C15312" s="6" t="s">
        <v>15336</v>
      </c>
      <c r="D15312" s="6"/>
      <c r="E15312" s="6" t="s">
        <v>9</v>
      </c>
      <c r="F15312" s="7">
        <v>38657</v>
      </c>
      <c r="G15312" s="8">
        <v>1</v>
      </c>
      <c r="H15312" s="8">
        <v>1</v>
      </c>
      <c r="I15312" s="8">
        <v>0</v>
      </c>
      <c r="J15312" s="8">
        <v>1</v>
      </c>
      <c r="K15312" s="9">
        <v>65</v>
      </c>
      <c r="L15312" s="6" t="s">
        <v>51</v>
      </c>
    </row>
    <row r="15313" spans="1:12">
      <c r="A15313" s="6" t="s">
        <v>49</v>
      </c>
      <c r="B15313" s="6"/>
      <c r="C15313" s="6" t="s">
        <v>15337</v>
      </c>
      <c r="D15313" s="6"/>
      <c r="E15313" s="6" t="s">
        <v>9</v>
      </c>
      <c r="F15313" s="7">
        <v>38657</v>
      </c>
      <c r="G15313" s="8">
        <v>1</v>
      </c>
      <c r="H15313" s="8">
        <v>1</v>
      </c>
      <c r="I15313" s="8">
        <v>0</v>
      </c>
      <c r="J15313" s="8">
        <v>1</v>
      </c>
      <c r="K15313" s="9">
        <v>0.27</v>
      </c>
      <c r="L15313" s="6" t="s">
        <v>51</v>
      </c>
    </row>
    <row r="15314" spans="1:12">
      <c r="A15314" s="6" t="s">
        <v>49</v>
      </c>
      <c r="B15314" s="6"/>
      <c r="C15314" s="6" t="s">
        <v>15338</v>
      </c>
      <c r="D15314" s="6"/>
      <c r="E15314" s="6" t="s">
        <v>9</v>
      </c>
      <c r="F15314" s="7">
        <v>38657</v>
      </c>
      <c r="G15314" s="8">
        <v>1</v>
      </c>
      <c r="H15314" s="8">
        <v>1</v>
      </c>
      <c r="I15314" s="8">
        <v>0</v>
      </c>
      <c r="J15314" s="8">
        <v>1</v>
      </c>
      <c r="K15314" s="9">
        <v>133</v>
      </c>
      <c r="L15314" s="6" t="s">
        <v>51</v>
      </c>
    </row>
    <row r="15315" spans="1:12">
      <c r="A15315" s="6" t="s">
        <v>49</v>
      </c>
      <c r="B15315" s="6"/>
      <c r="C15315" s="6" t="s">
        <v>15339</v>
      </c>
      <c r="D15315" s="6"/>
      <c r="E15315" s="6" t="s">
        <v>9</v>
      </c>
      <c r="F15315" s="7">
        <v>38657</v>
      </c>
      <c r="G15315" s="8">
        <v>1</v>
      </c>
      <c r="H15315" s="8">
        <v>1</v>
      </c>
      <c r="I15315" s="8">
        <v>0</v>
      </c>
      <c r="J15315" s="8">
        <v>1</v>
      </c>
      <c r="K15315" s="9">
        <v>120</v>
      </c>
      <c r="L15315" s="6" t="s">
        <v>51</v>
      </c>
    </row>
    <row r="15316" spans="1:12">
      <c r="A15316" s="6" t="s">
        <v>49</v>
      </c>
      <c r="B15316" s="6"/>
      <c r="C15316" s="6" t="s">
        <v>15340</v>
      </c>
      <c r="D15316" s="6"/>
      <c r="E15316" s="6" t="s">
        <v>9</v>
      </c>
      <c r="F15316" s="7">
        <v>38657</v>
      </c>
      <c r="G15316" s="8">
        <v>1</v>
      </c>
      <c r="H15316" s="8">
        <v>1</v>
      </c>
      <c r="I15316" s="8">
        <v>0</v>
      </c>
      <c r="J15316" s="8">
        <v>1</v>
      </c>
      <c r="K15316" s="9">
        <v>100</v>
      </c>
      <c r="L15316" s="6" t="s">
        <v>51</v>
      </c>
    </row>
    <row r="15317" spans="1:12">
      <c r="A15317" s="6" t="s">
        <v>49</v>
      </c>
      <c r="B15317" s="6"/>
      <c r="C15317" s="6" t="s">
        <v>15341</v>
      </c>
      <c r="D15317" s="6"/>
      <c r="E15317" s="6" t="s">
        <v>9</v>
      </c>
      <c r="F15317" s="7">
        <v>38657</v>
      </c>
      <c r="G15317" s="8">
        <v>1</v>
      </c>
      <c r="H15317" s="8">
        <v>1</v>
      </c>
      <c r="I15317" s="8">
        <v>0</v>
      </c>
      <c r="J15317" s="8">
        <v>1</v>
      </c>
      <c r="K15317" s="9">
        <v>120</v>
      </c>
      <c r="L15317" s="6" t="s">
        <v>51</v>
      </c>
    </row>
    <row r="15318" spans="1:12">
      <c r="A15318" s="6" t="s">
        <v>49</v>
      </c>
      <c r="B15318" s="6"/>
      <c r="C15318" s="6" t="s">
        <v>15342</v>
      </c>
      <c r="D15318" s="6"/>
      <c r="E15318" s="6" t="s">
        <v>9</v>
      </c>
      <c r="F15318" s="7">
        <v>38657</v>
      </c>
      <c r="G15318" s="8">
        <v>1</v>
      </c>
      <c r="H15318" s="8">
        <v>1</v>
      </c>
      <c r="I15318" s="8">
        <v>0</v>
      </c>
      <c r="J15318" s="8">
        <v>1</v>
      </c>
      <c r="K15318" s="9">
        <v>56</v>
      </c>
      <c r="L15318" s="6" t="s">
        <v>51</v>
      </c>
    </row>
    <row r="15319" spans="1:12">
      <c r="A15319" s="6" t="s">
        <v>49</v>
      </c>
      <c r="B15319" s="6"/>
      <c r="C15319" s="6" t="s">
        <v>15343</v>
      </c>
      <c r="D15319" s="6"/>
      <c r="E15319" s="6" t="s">
        <v>9</v>
      </c>
      <c r="F15319" s="7">
        <v>38657</v>
      </c>
      <c r="G15319" s="8">
        <v>1</v>
      </c>
      <c r="H15319" s="8">
        <v>1</v>
      </c>
      <c r="I15319" s="8">
        <v>0</v>
      </c>
      <c r="J15319" s="8">
        <v>1</v>
      </c>
      <c r="K15319" s="9">
        <v>25</v>
      </c>
      <c r="L15319" s="6" t="s">
        <v>51</v>
      </c>
    </row>
    <row r="15320" spans="1:12">
      <c r="A15320" s="6" t="s">
        <v>49</v>
      </c>
      <c r="B15320" s="6"/>
      <c r="C15320" s="6" t="s">
        <v>15344</v>
      </c>
      <c r="D15320" s="6"/>
      <c r="E15320" s="6" t="s">
        <v>9</v>
      </c>
      <c r="F15320" s="7">
        <v>38657</v>
      </c>
      <c r="G15320" s="8">
        <v>1</v>
      </c>
      <c r="H15320" s="8">
        <v>1</v>
      </c>
      <c r="I15320" s="8">
        <v>0</v>
      </c>
      <c r="J15320" s="8">
        <v>1</v>
      </c>
      <c r="K15320" s="9">
        <v>6.61</v>
      </c>
      <c r="L15320" s="6" t="s">
        <v>51</v>
      </c>
    </row>
    <row r="15321" spans="1:12">
      <c r="A15321" s="6" t="s">
        <v>49</v>
      </c>
      <c r="B15321" s="6"/>
      <c r="C15321" s="6" t="s">
        <v>15345</v>
      </c>
      <c r="D15321" s="6"/>
      <c r="E15321" s="6" t="s">
        <v>9</v>
      </c>
      <c r="F15321" s="7">
        <v>38657</v>
      </c>
      <c r="G15321" s="8">
        <v>1</v>
      </c>
      <c r="H15321" s="8">
        <v>1</v>
      </c>
      <c r="I15321" s="8">
        <v>0</v>
      </c>
      <c r="J15321" s="8">
        <v>1</v>
      </c>
      <c r="K15321" s="9">
        <v>47</v>
      </c>
      <c r="L15321" s="6" t="s">
        <v>51</v>
      </c>
    </row>
    <row r="15322" spans="1:12">
      <c r="A15322" s="6" t="s">
        <v>49</v>
      </c>
      <c r="B15322" s="6"/>
      <c r="C15322" s="6" t="s">
        <v>15346</v>
      </c>
      <c r="D15322" s="6"/>
      <c r="E15322" s="6" t="s">
        <v>9</v>
      </c>
      <c r="F15322" s="7">
        <v>38657</v>
      </c>
      <c r="G15322" s="8">
        <v>1</v>
      </c>
      <c r="H15322" s="8">
        <v>1</v>
      </c>
      <c r="I15322" s="8">
        <v>0</v>
      </c>
      <c r="J15322" s="8">
        <v>1</v>
      </c>
      <c r="K15322" s="9">
        <v>14</v>
      </c>
      <c r="L15322" s="6" t="s">
        <v>51</v>
      </c>
    </row>
    <row r="15323" spans="1:12">
      <c r="A15323" s="6" t="s">
        <v>49</v>
      </c>
      <c r="B15323" s="6"/>
      <c r="C15323" s="6" t="s">
        <v>15347</v>
      </c>
      <c r="D15323" s="6"/>
      <c r="E15323" s="6" t="s">
        <v>9</v>
      </c>
      <c r="F15323" s="7">
        <v>38657</v>
      </c>
      <c r="G15323" s="8">
        <v>1</v>
      </c>
      <c r="H15323" s="8">
        <v>1</v>
      </c>
      <c r="I15323" s="8">
        <v>0</v>
      </c>
      <c r="J15323" s="8">
        <v>1</v>
      </c>
      <c r="K15323" s="9">
        <v>29</v>
      </c>
      <c r="L15323" s="6" t="s">
        <v>51</v>
      </c>
    </row>
    <row r="15324" spans="1:12">
      <c r="A15324" s="6" t="s">
        <v>49</v>
      </c>
      <c r="B15324" s="6"/>
      <c r="C15324" s="6" t="s">
        <v>15348</v>
      </c>
      <c r="D15324" s="6"/>
      <c r="E15324" s="6" t="s">
        <v>9</v>
      </c>
      <c r="F15324" s="7">
        <v>38657</v>
      </c>
      <c r="G15324" s="8">
        <v>1</v>
      </c>
      <c r="H15324" s="8">
        <v>1</v>
      </c>
      <c r="I15324" s="8">
        <v>0</v>
      </c>
      <c r="J15324" s="8">
        <v>1</v>
      </c>
      <c r="K15324" s="9">
        <v>12</v>
      </c>
      <c r="L15324" s="6" t="s">
        <v>51</v>
      </c>
    </row>
    <row r="15325" spans="1:12">
      <c r="A15325" s="6" t="s">
        <v>49</v>
      </c>
      <c r="B15325" s="6"/>
      <c r="C15325" s="6" t="s">
        <v>15349</v>
      </c>
      <c r="D15325" s="6"/>
      <c r="E15325" s="6" t="s">
        <v>9</v>
      </c>
      <c r="F15325" s="7">
        <v>38657</v>
      </c>
      <c r="G15325" s="8">
        <v>1</v>
      </c>
      <c r="H15325" s="8">
        <v>1</v>
      </c>
      <c r="I15325" s="8">
        <v>0</v>
      </c>
      <c r="J15325" s="8">
        <v>1</v>
      </c>
      <c r="K15325" s="9">
        <v>36</v>
      </c>
      <c r="L15325" s="6" t="s">
        <v>51</v>
      </c>
    </row>
    <row r="15326" spans="1:12">
      <c r="A15326" s="6" t="s">
        <v>49</v>
      </c>
      <c r="B15326" s="6"/>
      <c r="C15326" s="6" t="s">
        <v>15350</v>
      </c>
      <c r="D15326" s="6"/>
      <c r="E15326" s="6" t="s">
        <v>9</v>
      </c>
      <c r="F15326" s="7">
        <v>40862</v>
      </c>
      <c r="G15326" s="8">
        <v>1</v>
      </c>
      <c r="H15326" s="8">
        <v>1</v>
      </c>
      <c r="I15326" s="8">
        <v>0</v>
      </c>
      <c r="J15326" s="8">
        <v>1</v>
      </c>
      <c r="K15326" s="9">
        <v>38</v>
      </c>
      <c r="L15326" s="6" t="s">
        <v>51</v>
      </c>
    </row>
    <row r="15327" spans="1:12">
      <c r="A15327" s="6" t="s">
        <v>49</v>
      </c>
      <c r="B15327" s="6"/>
      <c r="C15327" s="6" t="s">
        <v>15351</v>
      </c>
      <c r="D15327" s="6"/>
      <c r="E15327" s="6" t="s">
        <v>9</v>
      </c>
      <c r="F15327" s="7">
        <v>38657</v>
      </c>
      <c r="G15327" s="8">
        <v>1</v>
      </c>
      <c r="H15327" s="8">
        <v>1</v>
      </c>
      <c r="I15327" s="8">
        <v>0</v>
      </c>
      <c r="J15327" s="8">
        <v>1</v>
      </c>
      <c r="K15327" s="9">
        <v>23</v>
      </c>
      <c r="L15327" s="6" t="s">
        <v>51</v>
      </c>
    </row>
    <row r="15328" spans="1:12">
      <c r="A15328" s="6" t="s">
        <v>49</v>
      </c>
      <c r="B15328" s="6"/>
      <c r="C15328" s="6" t="s">
        <v>15352</v>
      </c>
      <c r="D15328" s="6"/>
      <c r="E15328" s="6" t="s">
        <v>9</v>
      </c>
      <c r="F15328" s="7">
        <v>38657</v>
      </c>
      <c r="G15328" s="8">
        <v>1</v>
      </c>
      <c r="H15328" s="8">
        <v>1</v>
      </c>
      <c r="I15328" s="8">
        <v>0</v>
      </c>
      <c r="J15328" s="8">
        <v>1</v>
      </c>
      <c r="K15328" s="9">
        <v>9.91</v>
      </c>
      <c r="L15328" s="6" t="s">
        <v>51</v>
      </c>
    </row>
    <row r="15329" spans="1:12">
      <c r="A15329" s="6" t="s">
        <v>49</v>
      </c>
      <c r="B15329" s="6"/>
      <c r="C15329" s="6" t="s">
        <v>15353</v>
      </c>
      <c r="D15329" s="6"/>
      <c r="E15329" s="6" t="s">
        <v>9</v>
      </c>
      <c r="F15329" s="7">
        <v>38657</v>
      </c>
      <c r="G15329" s="8">
        <v>1</v>
      </c>
      <c r="H15329" s="8">
        <v>1</v>
      </c>
      <c r="I15329" s="8">
        <v>0</v>
      </c>
      <c r="J15329" s="8">
        <v>1</v>
      </c>
      <c r="K15329" s="9">
        <v>24</v>
      </c>
      <c r="L15329" s="6" t="s">
        <v>51</v>
      </c>
    </row>
    <row r="15330" spans="1:12">
      <c r="A15330" s="6" t="s">
        <v>49</v>
      </c>
      <c r="B15330" s="6"/>
      <c r="C15330" s="6" t="s">
        <v>15354</v>
      </c>
      <c r="D15330" s="6"/>
      <c r="E15330" s="6" t="s">
        <v>9</v>
      </c>
      <c r="F15330" s="7">
        <v>38657</v>
      </c>
      <c r="G15330" s="8">
        <v>1</v>
      </c>
      <c r="H15330" s="8">
        <v>1</v>
      </c>
      <c r="I15330" s="8">
        <v>0</v>
      </c>
      <c r="J15330" s="8">
        <v>1</v>
      </c>
      <c r="K15330" s="9">
        <v>18</v>
      </c>
      <c r="L15330" s="6" t="s">
        <v>51</v>
      </c>
    </row>
    <row r="15331" spans="1:12">
      <c r="A15331" s="6" t="s">
        <v>49</v>
      </c>
      <c r="B15331" s="6"/>
      <c r="C15331" s="6" t="s">
        <v>15355</v>
      </c>
      <c r="D15331" s="6"/>
      <c r="E15331" s="6" t="s">
        <v>9</v>
      </c>
      <c r="F15331" s="7">
        <v>38657</v>
      </c>
      <c r="G15331" s="8">
        <v>1</v>
      </c>
      <c r="H15331" s="8">
        <v>1</v>
      </c>
      <c r="I15331" s="8">
        <v>0</v>
      </c>
      <c r="J15331" s="8">
        <v>1</v>
      </c>
      <c r="K15331" s="9">
        <v>7.41</v>
      </c>
      <c r="L15331" s="6" t="s">
        <v>51</v>
      </c>
    </row>
    <row r="15332" spans="1:12">
      <c r="A15332" s="6" t="s">
        <v>49</v>
      </c>
      <c r="B15332" s="6"/>
      <c r="C15332" s="6" t="s">
        <v>15356</v>
      </c>
      <c r="D15332" s="6"/>
      <c r="E15332" s="6" t="s">
        <v>9</v>
      </c>
      <c r="F15332" s="7">
        <v>38657</v>
      </c>
      <c r="G15332" s="8">
        <v>1</v>
      </c>
      <c r="H15332" s="8">
        <v>1</v>
      </c>
      <c r="I15332" s="8">
        <v>0</v>
      </c>
      <c r="J15332" s="8">
        <v>1</v>
      </c>
      <c r="K15332" s="9">
        <v>13</v>
      </c>
      <c r="L15332" s="6" t="s">
        <v>51</v>
      </c>
    </row>
    <row r="15333" spans="1:12">
      <c r="A15333" s="6" t="s">
        <v>49</v>
      </c>
      <c r="B15333" s="6"/>
      <c r="C15333" s="6" t="s">
        <v>15357</v>
      </c>
      <c r="D15333" s="6"/>
      <c r="E15333" s="6" t="s">
        <v>9</v>
      </c>
      <c r="F15333" s="7">
        <v>38657</v>
      </c>
      <c r="G15333" s="8">
        <v>1</v>
      </c>
      <c r="H15333" s="8">
        <v>1</v>
      </c>
      <c r="I15333" s="8">
        <v>0</v>
      </c>
      <c r="J15333" s="8">
        <v>1</v>
      </c>
      <c r="K15333" s="9">
        <v>155</v>
      </c>
      <c r="L15333" s="6" t="s">
        <v>51</v>
      </c>
    </row>
    <row r="15334" spans="1:12">
      <c r="A15334" s="6" t="s">
        <v>49</v>
      </c>
      <c r="B15334" s="6"/>
      <c r="C15334" s="6" t="s">
        <v>15358</v>
      </c>
      <c r="D15334" s="6"/>
      <c r="E15334" s="6" t="s">
        <v>9</v>
      </c>
      <c r="F15334" s="7">
        <v>38657</v>
      </c>
      <c r="G15334" s="8">
        <v>1</v>
      </c>
      <c r="H15334" s="8">
        <v>1</v>
      </c>
      <c r="I15334" s="8">
        <v>0</v>
      </c>
      <c r="J15334" s="8">
        <v>1</v>
      </c>
      <c r="K15334" s="9">
        <v>15</v>
      </c>
      <c r="L15334" s="6" t="s">
        <v>51</v>
      </c>
    </row>
    <row r="15335" spans="1:12">
      <c r="A15335" s="6" t="s">
        <v>49</v>
      </c>
      <c r="B15335" s="6"/>
      <c r="C15335" s="6" t="s">
        <v>15359</v>
      </c>
      <c r="D15335" s="6"/>
      <c r="E15335" s="6" t="s">
        <v>9</v>
      </c>
      <c r="F15335" s="7">
        <v>38657</v>
      </c>
      <c r="G15335" s="8">
        <v>1</v>
      </c>
      <c r="H15335" s="8">
        <v>1</v>
      </c>
      <c r="I15335" s="8">
        <v>0</v>
      </c>
      <c r="J15335" s="8">
        <v>1</v>
      </c>
      <c r="K15335" s="9">
        <v>9.8000000000000007</v>
      </c>
      <c r="L15335" s="6" t="s">
        <v>51</v>
      </c>
    </row>
    <row r="15336" spans="1:12">
      <c r="A15336" s="6" t="s">
        <v>49</v>
      </c>
      <c r="B15336" s="6"/>
      <c r="C15336" s="6" t="s">
        <v>15360</v>
      </c>
      <c r="D15336" s="6"/>
      <c r="E15336" s="6" t="s">
        <v>9</v>
      </c>
      <c r="F15336" s="7">
        <v>38657</v>
      </c>
      <c r="G15336" s="8">
        <v>1</v>
      </c>
      <c r="H15336" s="8">
        <v>1</v>
      </c>
      <c r="I15336" s="8">
        <v>0</v>
      </c>
      <c r="J15336" s="8">
        <v>1</v>
      </c>
      <c r="K15336" s="9">
        <v>21</v>
      </c>
      <c r="L15336" s="6" t="s">
        <v>51</v>
      </c>
    </row>
    <row r="15337" spans="1:12">
      <c r="A15337" s="6" t="s">
        <v>49</v>
      </c>
      <c r="B15337" s="6"/>
      <c r="C15337" s="6" t="s">
        <v>15361</v>
      </c>
      <c r="D15337" s="6"/>
      <c r="E15337" s="6" t="s">
        <v>9</v>
      </c>
      <c r="F15337" s="7">
        <v>38657</v>
      </c>
      <c r="G15337" s="8">
        <v>1</v>
      </c>
      <c r="H15337" s="8">
        <v>1</v>
      </c>
      <c r="I15337" s="8">
        <v>0</v>
      </c>
      <c r="J15337" s="8">
        <v>1</v>
      </c>
      <c r="K15337" s="9">
        <v>24</v>
      </c>
      <c r="L15337" s="6" t="s">
        <v>51</v>
      </c>
    </row>
    <row r="15338" spans="1:12">
      <c r="A15338" s="6" t="s">
        <v>49</v>
      </c>
      <c r="B15338" s="6"/>
      <c r="C15338" s="6" t="s">
        <v>15362</v>
      </c>
      <c r="D15338" s="6"/>
      <c r="E15338" s="6" t="s">
        <v>9</v>
      </c>
      <c r="F15338" s="7">
        <v>38657</v>
      </c>
      <c r="G15338" s="8">
        <v>1</v>
      </c>
      <c r="H15338" s="8">
        <v>1</v>
      </c>
      <c r="I15338" s="8">
        <v>0</v>
      </c>
      <c r="J15338" s="8">
        <v>1</v>
      </c>
      <c r="K15338" s="9">
        <v>4.51</v>
      </c>
      <c r="L15338" s="6" t="s">
        <v>51</v>
      </c>
    </row>
    <row r="15339" spans="1:12">
      <c r="A15339" s="6" t="s">
        <v>49</v>
      </c>
      <c r="B15339" s="6"/>
      <c r="C15339" s="6" t="s">
        <v>15363</v>
      </c>
      <c r="D15339" s="6"/>
      <c r="E15339" s="6" t="s">
        <v>9</v>
      </c>
      <c r="F15339" s="7">
        <v>38657</v>
      </c>
      <c r="G15339" s="8">
        <v>1</v>
      </c>
      <c r="H15339" s="8">
        <v>1</v>
      </c>
      <c r="I15339" s="8">
        <v>0</v>
      </c>
      <c r="J15339" s="8">
        <v>1</v>
      </c>
      <c r="K15339" s="9">
        <v>33</v>
      </c>
      <c r="L15339" s="6" t="s">
        <v>51</v>
      </c>
    </row>
    <row r="15340" spans="1:12">
      <c r="A15340" s="6" t="s">
        <v>49</v>
      </c>
      <c r="B15340" s="6"/>
      <c r="C15340" s="6" t="s">
        <v>15364</v>
      </c>
      <c r="D15340" s="6"/>
      <c r="E15340" s="6" t="s">
        <v>9</v>
      </c>
      <c r="F15340" s="7">
        <v>38657</v>
      </c>
      <c r="G15340" s="8">
        <v>1</v>
      </c>
      <c r="H15340" s="8">
        <v>1</v>
      </c>
      <c r="I15340" s="8">
        <v>0</v>
      </c>
      <c r="J15340" s="8">
        <v>1</v>
      </c>
      <c r="K15340" s="9">
        <v>69</v>
      </c>
      <c r="L15340" s="6" t="s">
        <v>51</v>
      </c>
    </row>
    <row r="15341" spans="1:12">
      <c r="A15341" s="6" t="s">
        <v>49</v>
      </c>
      <c r="B15341" s="6"/>
      <c r="C15341" s="6" t="s">
        <v>15365</v>
      </c>
      <c r="D15341" s="6"/>
      <c r="E15341" s="6" t="s">
        <v>9</v>
      </c>
      <c r="F15341" s="7">
        <v>38657</v>
      </c>
      <c r="G15341" s="8">
        <v>1</v>
      </c>
      <c r="H15341" s="8">
        <v>1</v>
      </c>
      <c r="I15341" s="8">
        <v>0</v>
      </c>
      <c r="J15341" s="8">
        <v>1</v>
      </c>
      <c r="K15341" s="9">
        <v>69.42</v>
      </c>
      <c r="L15341" s="6" t="s">
        <v>51</v>
      </c>
    </row>
    <row r="15342" spans="1:12">
      <c r="A15342" s="6" t="s">
        <v>49</v>
      </c>
      <c r="B15342" s="6"/>
      <c r="C15342" s="6" t="s">
        <v>15366</v>
      </c>
      <c r="D15342" s="6"/>
      <c r="E15342" s="6" t="s">
        <v>9</v>
      </c>
      <c r="F15342" s="7">
        <v>38657</v>
      </c>
      <c r="G15342" s="8">
        <v>1</v>
      </c>
      <c r="H15342" s="8">
        <v>1</v>
      </c>
      <c r="I15342" s="8">
        <v>0</v>
      </c>
      <c r="J15342" s="8">
        <v>1</v>
      </c>
      <c r="K15342" s="9">
        <v>96.45</v>
      </c>
      <c r="L15342" s="6" t="s">
        <v>51</v>
      </c>
    </row>
    <row r="15343" spans="1:12">
      <c r="A15343" s="6" t="s">
        <v>49</v>
      </c>
      <c r="B15343" s="6"/>
      <c r="C15343" s="6" t="s">
        <v>15367</v>
      </c>
      <c r="D15343" s="6"/>
      <c r="E15343" s="6" t="s">
        <v>9</v>
      </c>
      <c r="F15343" s="7">
        <v>38657</v>
      </c>
      <c r="G15343" s="8">
        <v>1</v>
      </c>
      <c r="H15343" s="8">
        <v>1</v>
      </c>
      <c r="I15343" s="8">
        <v>0</v>
      </c>
      <c r="J15343" s="8">
        <v>1</v>
      </c>
      <c r="K15343" s="9">
        <v>0.82</v>
      </c>
      <c r="L15343" s="6" t="s">
        <v>51</v>
      </c>
    </row>
    <row r="15344" spans="1:12">
      <c r="A15344" s="6" t="s">
        <v>49</v>
      </c>
      <c r="B15344" s="6"/>
      <c r="C15344" s="6" t="s">
        <v>15368</v>
      </c>
      <c r="D15344" s="6"/>
      <c r="E15344" s="6" t="s">
        <v>9</v>
      </c>
      <c r="F15344" s="7">
        <v>41364</v>
      </c>
      <c r="G15344" s="8">
        <v>1</v>
      </c>
      <c r="H15344" s="8">
        <v>1</v>
      </c>
      <c r="I15344" s="8">
        <v>0</v>
      </c>
      <c r="J15344" s="8">
        <v>1</v>
      </c>
      <c r="K15344" s="9">
        <v>0.82</v>
      </c>
      <c r="L15344" s="6" t="s">
        <v>51</v>
      </c>
    </row>
    <row r="15345" spans="1:12">
      <c r="A15345" s="6" t="s">
        <v>49</v>
      </c>
      <c r="B15345" s="6"/>
      <c r="C15345" s="6" t="s">
        <v>15369</v>
      </c>
      <c r="D15345" s="6"/>
      <c r="E15345" s="6" t="s">
        <v>9</v>
      </c>
      <c r="F15345" s="7">
        <v>38657</v>
      </c>
      <c r="G15345" s="8">
        <v>1</v>
      </c>
      <c r="H15345" s="8">
        <v>1</v>
      </c>
      <c r="I15345" s="8">
        <v>0</v>
      </c>
      <c r="J15345" s="8">
        <v>1</v>
      </c>
      <c r="K15345" s="9">
        <v>1.3</v>
      </c>
      <c r="L15345" s="6" t="s">
        <v>51</v>
      </c>
    </row>
    <row r="15346" spans="1:12">
      <c r="A15346" s="6" t="s">
        <v>49</v>
      </c>
      <c r="B15346" s="6"/>
      <c r="C15346" s="6" t="s">
        <v>15370</v>
      </c>
      <c r="D15346" s="6"/>
      <c r="E15346" s="6" t="s">
        <v>9</v>
      </c>
      <c r="F15346" s="7">
        <v>38657</v>
      </c>
      <c r="G15346" s="8">
        <v>1</v>
      </c>
      <c r="H15346" s="8">
        <v>1</v>
      </c>
      <c r="I15346" s="8">
        <v>0</v>
      </c>
      <c r="J15346" s="8">
        <v>1</v>
      </c>
      <c r="K15346" s="9">
        <v>123.96</v>
      </c>
      <c r="L15346" s="6" t="s">
        <v>51</v>
      </c>
    </row>
    <row r="15347" spans="1:12">
      <c r="A15347" s="6" t="s">
        <v>49</v>
      </c>
      <c r="B15347" s="6"/>
      <c r="C15347" s="6" t="s">
        <v>15371</v>
      </c>
      <c r="D15347" s="6"/>
      <c r="E15347" s="6" t="s">
        <v>9</v>
      </c>
      <c r="F15347" s="7">
        <v>38657</v>
      </c>
      <c r="G15347" s="8">
        <v>1</v>
      </c>
      <c r="H15347" s="8">
        <v>1</v>
      </c>
      <c r="I15347" s="8">
        <v>0</v>
      </c>
      <c r="J15347" s="8">
        <v>1</v>
      </c>
      <c r="K15347" s="9">
        <v>151.30000000000001</v>
      </c>
      <c r="L15347" s="6" t="s">
        <v>51</v>
      </c>
    </row>
    <row r="15348" spans="1:12">
      <c r="A15348" s="6" t="s">
        <v>49</v>
      </c>
      <c r="B15348" s="6"/>
      <c r="C15348" s="6" t="s">
        <v>15372</v>
      </c>
      <c r="D15348" s="6"/>
      <c r="E15348" s="6" t="s">
        <v>9</v>
      </c>
      <c r="F15348" s="7">
        <v>38657</v>
      </c>
      <c r="G15348" s="8">
        <v>1</v>
      </c>
      <c r="H15348" s="8">
        <v>1</v>
      </c>
      <c r="I15348" s="8">
        <v>0</v>
      </c>
      <c r="J15348" s="8">
        <v>1</v>
      </c>
      <c r="K15348" s="9">
        <v>13</v>
      </c>
      <c r="L15348" s="6" t="s">
        <v>51</v>
      </c>
    </row>
    <row r="15349" spans="1:12">
      <c r="A15349" s="6" t="s">
        <v>49</v>
      </c>
      <c r="B15349" s="6"/>
      <c r="C15349" s="6" t="s">
        <v>15373</v>
      </c>
      <c r="D15349" s="6"/>
      <c r="E15349" s="6" t="s">
        <v>9</v>
      </c>
      <c r="F15349" s="7">
        <v>38657</v>
      </c>
      <c r="G15349" s="8">
        <v>1</v>
      </c>
      <c r="H15349" s="8">
        <v>1</v>
      </c>
      <c r="I15349" s="8">
        <v>0</v>
      </c>
      <c r="J15349" s="8">
        <v>1</v>
      </c>
      <c r="K15349" s="9">
        <v>0.98</v>
      </c>
      <c r="L15349" s="6" t="s">
        <v>51</v>
      </c>
    </row>
    <row r="15350" spans="1:12">
      <c r="A15350" s="6" t="s">
        <v>49</v>
      </c>
      <c r="B15350" s="6"/>
      <c r="C15350" s="6" t="s">
        <v>15374</v>
      </c>
      <c r="D15350" s="6"/>
      <c r="E15350" s="6" t="s">
        <v>9</v>
      </c>
      <c r="F15350" s="7">
        <v>38657</v>
      </c>
      <c r="G15350" s="8">
        <v>1</v>
      </c>
      <c r="H15350" s="8">
        <v>1</v>
      </c>
      <c r="I15350" s="8">
        <v>0</v>
      </c>
      <c r="J15350" s="8">
        <v>1</v>
      </c>
      <c r="K15350" s="9">
        <v>29</v>
      </c>
      <c r="L15350" s="6" t="s">
        <v>51</v>
      </c>
    </row>
    <row r="15351" spans="1:12">
      <c r="A15351" s="6" t="s">
        <v>49</v>
      </c>
      <c r="B15351" s="6"/>
      <c r="C15351" s="6" t="s">
        <v>15375</v>
      </c>
      <c r="D15351" s="6"/>
      <c r="E15351" s="6" t="s">
        <v>9</v>
      </c>
      <c r="F15351" s="7">
        <v>38657</v>
      </c>
      <c r="G15351" s="8">
        <v>1</v>
      </c>
      <c r="H15351" s="8">
        <v>1</v>
      </c>
      <c r="I15351" s="8">
        <v>0</v>
      </c>
      <c r="J15351" s="8">
        <v>1</v>
      </c>
      <c r="K15351" s="9">
        <v>33</v>
      </c>
      <c r="L15351" s="6" t="s">
        <v>51</v>
      </c>
    </row>
    <row r="15352" spans="1:12">
      <c r="A15352" s="6" t="s">
        <v>49</v>
      </c>
      <c r="B15352" s="6"/>
      <c r="C15352" s="6" t="s">
        <v>15376</v>
      </c>
      <c r="D15352" s="6"/>
      <c r="E15352" s="6" t="s">
        <v>9</v>
      </c>
      <c r="F15352" s="7">
        <v>38657</v>
      </c>
      <c r="G15352" s="8">
        <v>1</v>
      </c>
      <c r="H15352" s="8">
        <v>1</v>
      </c>
      <c r="I15352" s="8">
        <v>0</v>
      </c>
      <c r="J15352" s="8">
        <v>1</v>
      </c>
      <c r="K15352" s="9">
        <v>125</v>
      </c>
      <c r="L15352" s="6" t="s">
        <v>51</v>
      </c>
    </row>
    <row r="15353" spans="1:12">
      <c r="A15353" s="6" t="s">
        <v>49</v>
      </c>
      <c r="B15353" s="6"/>
      <c r="C15353" s="6" t="s">
        <v>15377</v>
      </c>
      <c r="D15353" s="6"/>
      <c r="E15353" s="6" t="s">
        <v>9</v>
      </c>
      <c r="F15353" s="7">
        <v>38657</v>
      </c>
      <c r="G15353" s="8">
        <v>1</v>
      </c>
      <c r="H15353" s="8">
        <v>1</v>
      </c>
      <c r="I15353" s="8">
        <v>0</v>
      </c>
      <c r="J15353" s="8">
        <v>1</v>
      </c>
      <c r="K15353" s="9">
        <v>195</v>
      </c>
      <c r="L15353" s="6" t="s">
        <v>51</v>
      </c>
    </row>
    <row r="15354" spans="1:12">
      <c r="A15354" s="6" t="s">
        <v>49</v>
      </c>
      <c r="B15354" s="6"/>
      <c r="C15354" s="6" t="s">
        <v>15378</v>
      </c>
      <c r="D15354" s="6"/>
      <c r="E15354" s="6" t="s">
        <v>9</v>
      </c>
      <c r="F15354" s="7">
        <v>38657</v>
      </c>
      <c r="G15354" s="8">
        <v>1</v>
      </c>
      <c r="H15354" s="8">
        <v>1</v>
      </c>
      <c r="I15354" s="8">
        <v>0</v>
      </c>
      <c r="J15354" s="8">
        <v>1</v>
      </c>
      <c r="K15354" s="9">
        <v>19</v>
      </c>
      <c r="L15354" s="6" t="s">
        <v>51</v>
      </c>
    </row>
    <row r="15355" spans="1:12">
      <c r="A15355" s="6" t="s">
        <v>49</v>
      </c>
      <c r="B15355" s="6"/>
      <c r="C15355" s="6" t="s">
        <v>15379</v>
      </c>
      <c r="D15355" s="6"/>
      <c r="E15355" s="6" t="s">
        <v>9</v>
      </c>
      <c r="F15355" s="7">
        <v>38657</v>
      </c>
      <c r="G15355" s="8">
        <v>1</v>
      </c>
      <c r="H15355" s="8">
        <v>1</v>
      </c>
      <c r="I15355" s="8">
        <v>0</v>
      </c>
      <c r="J15355" s="8">
        <v>1</v>
      </c>
      <c r="K15355" s="9">
        <v>208</v>
      </c>
      <c r="L15355" s="6" t="s">
        <v>51</v>
      </c>
    </row>
    <row r="15356" spans="1:12">
      <c r="A15356" s="6" t="s">
        <v>49</v>
      </c>
      <c r="B15356" s="6"/>
      <c r="C15356" s="6" t="s">
        <v>15380</v>
      </c>
      <c r="D15356" s="6"/>
      <c r="E15356" s="6" t="s">
        <v>9</v>
      </c>
      <c r="F15356" s="7">
        <v>38657</v>
      </c>
      <c r="G15356" s="8">
        <v>1</v>
      </c>
      <c r="H15356" s="8">
        <v>1</v>
      </c>
      <c r="I15356" s="8">
        <v>0</v>
      </c>
      <c r="J15356" s="8">
        <v>1</v>
      </c>
      <c r="K15356" s="9">
        <v>31.83</v>
      </c>
      <c r="L15356" s="6" t="s">
        <v>51</v>
      </c>
    </row>
    <row r="15357" spans="1:12">
      <c r="A15357" s="6" t="s">
        <v>49</v>
      </c>
      <c r="B15357" s="6"/>
      <c r="C15357" s="6" t="s">
        <v>15381</v>
      </c>
      <c r="D15357" s="6"/>
      <c r="E15357" s="6" t="s">
        <v>9</v>
      </c>
      <c r="F15357" s="7">
        <v>38657</v>
      </c>
      <c r="G15357" s="8">
        <v>1</v>
      </c>
      <c r="H15357" s="8">
        <v>1</v>
      </c>
      <c r="I15357" s="8">
        <v>0</v>
      </c>
      <c r="J15357" s="8">
        <v>1</v>
      </c>
      <c r="K15357" s="9">
        <v>44</v>
      </c>
      <c r="L15357" s="6" t="s">
        <v>51</v>
      </c>
    </row>
    <row r="15358" spans="1:12">
      <c r="A15358" s="6" t="s">
        <v>49</v>
      </c>
      <c r="B15358" s="6"/>
      <c r="C15358" s="6" t="s">
        <v>15382</v>
      </c>
      <c r="D15358" s="6"/>
      <c r="E15358" s="6" t="s">
        <v>9</v>
      </c>
      <c r="F15358" s="7">
        <v>38657</v>
      </c>
      <c r="G15358" s="8">
        <v>1</v>
      </c>
      <c r="H15358" s="8">
        <v>1</v>
      </c>
      <c r="I15358" s="8">
        <v>0</v>
      </c>
      <c r="J15358" s="8">
        <v>1</v>
      </c>
      <c r="K15358" s="9">
        <v>135</v>
      </c>
      <c r="L15358" s="6" t="s">
        <v>51</v>
      </c>
    </row>
    <row r="15359" spans="1:12">
      <c r="A15359" s="6" t="s">
        <v>49</v>
      </c>
      <c r="B15359" s="6"/>
      <c r="C15359" s="6" t="s">
        <v>15383</v>
      </c>
      <c r="D15359" s="6"/>
      <c r="E15359" s="6" t="s">
        <v>9</v>
      </c>
      <c r="F15359" s="7">
        <v>38657</v>
      </c>
      <c r="G15359" s="8">
        <v>1</v>
      </c>
      <c r="H15359" s="8">
        <v>1</v>
      </c>
      <c r="I15359" s="8">
        <v>0</v>
      </c>
      <c r="J15359" s="8">
        <v>1</v>
      </c>
      <c r="K15359" s="9">
        <v>105</v>
      </c>
      <c r="L15359" s="6" t="s">
        <v>51</v>
      </c>
    </row>
    <row r="15360" spans="1:12">
      <c r="A15360" s="6" t="s">
        <v>49</v>
      </c>
      <c r="B15360" s="6"/>
      <c r="C15360" s="6" t="s">
        <v>15384</v>
      </c>
      <c r="D15360" s="6"/>
      <c r="E15360" s="6" t="s">
        <v>9</v>
      </c>
      <c r="F15360" s="7">
        <v>38657</v>
      </c>
      <c r="G15360" s="8">
        <v>1</v>
      </c>
      <c r="H15360" s="8">
        <v>1</v>
      </c>
      <c r="I15360" s="8">
        <v>0</v>
      </c>
      <c r="J15360" s="8">
        <v>1</v>
      </c>
      <c r="K15360" s="9">
        <v>148</v>
      </c>
      <c r="L15360" s="6" t="s">
        <v>51</v>
      </c>
    </row>
    <row r="15361" spans="1:12">
      <c r="A15361" s="6" t="s">
        <v>49</v>
      </c>
      <c r="B15361" s="6"/>
      <c r="C15361" s="6" t="s">
        <v>15385</v>
      </c>
      <c r="D15361" s="6"/>
      <c r="E15361" s="6" t="s">
        <v>9</v>
      </c>
      <c r="F15361" s="7">
        <v>38657</v>
      </c>
      <c r="G15361" s="8">
        <v>1</v>
      </c>
      <c r="H15361" s="8">
        <v>1</v>
      </c>
      <c r="I15361" s="8">
        <v>0</v>
      </c>
      <c r="J15361" s="8">
        <v>1</v>
      </c>
      <c r="K15361" s="9">
        <v>284</v>
      </c>
      <c r="L15361" s="6" t="s">
        <v>51</v>
      </c>
    </row>
    <row r="15362" spans="1:12">
      <c r="A15362" s="6" t="s">
        <v>49</v>
      </c>
      <c r="B15362" s="6"/>
      <c r="C15362" s="6" t="s">
        <v>15386</v>
      </c>
      <c r="D15362" s="6"/>
      <c r="E15362" s="6" t="s">
        <v>9</v>
      </c>
      <c r="F15362" s="7">
        <v>38657</v>
      </c>
      <c r="G15362" s="8">
        <v>1</v>
      </c>
      <c r="H15362" s="8">
        <v>1</v>
      </c>
      <c r="I15362" s="8">
        <v>0</v>
      </c>
      <c r="J15362" s="8">
        <v>1</v>
      </c>
      <c r="K15362" s="9">
        <v>300</v>
      </c>
      <c r="L15362" s="6" t="s">
        <v>51</v>
      </c>
    </row>
    <row r="15363" spans="1:12">
      <c r="A15363" s="6" t="s">
        <v>49</v>
      </c>
      <c r="B15363" s="6"/>
      <c r="C15363" s="6" t="s">
        <v>15387</v>
      </c>
      <c r="D15363" s="6"/>
      <c r="E15363" s="6" t="s">
        <v>9</v>
      </c>
      <c r="F15363" s="7">
        <v>38657</v>
      </c>
      <c r="G15363" s="8">
        <v>1</v>
      </c>
      <c r="H15363" s="8">
        <v>1</v>
      </c>
      <c r="I15363" s="8">
        <v>0</v>
      </c>
      <c r="J15363" s="8">
        <v>1</v>
      </c>
      <c r="K15363" s="9">
        <v>47</v>
      </c>
      <c r="L15363" s="6" t="s">
        <v>51</v>
      </c>
    </row>
    <row r="15364" spans="1:12">
      <c r="A15364" s="6" t="s">
        <v>49</v>
      </c>
      <c r="B15364" s="6"/>
      <c r="C15364" s="6" t="s">
        <v>15388</v>
      </c>
      <c r="D15364" s="6"/>
      <c r="E15364" s="6" t="s">
        <v>9</v>
      </c>
      <c r="F15364" s="7">
        <v>38657</v>
      </c>
      <c r="G15364" s="8">
        <v>1</v>
      </c>
      <c r="H15364" s="8">
        <v>1</v>
      </c>
      <c r="I15364" s="8">
        <v>0</v>
      </c>
      <c r="J15364" s="8">
        <v>1</v>
      </c>
      <c r="K15364" s="9">
        <v>54</v>
      </c>
      <c r="L15364" s="6" t="s">
        <v>51</v>
      </c>
    </row>
    <row r="15365" spans="1:12">
      <c r="A15365" s="6" t="s">
        <v>49</v>
      </c>
      <c r="B15365" s="6"/>
      <c r="C15365" s="6" t="s">
        <v>15389</v>
      </c>
      <c r="D15365" s="6"/>
      <c r="E15365" s="6" t="s">
        <v>9</v>
      </c>
      <c r="F15365" s="7">
        <v>38657</v>
      </c>
      <c r="G15365" s="8">
        <v>1</v>
      </c>
      <c r="H15365" s="8">
        <v>1</v>
      </c>
      <c r="I15365" s="8">
        <v>0</v>
      </c>
      <c r="J15365" s="8">
        <v>1</v>
      </c>
      <c r="K15365" s="9">
        <v>54</v>
      </c>
      <c r="L15365" s="6" t="s">
        <v>51</v>
      </c>
    </row>
    <row r="15366" spans="1:12">
      <c r="A15366" s="6" t="s">
        <v>49</v>
      </c>
      <c r="B15366" s="6"/>
      <c r="C15366" s="6" t="s">
        <v>15390</v>
      </c>
      <c r="D15366" s="6"/>
      <c r="E15366" s="6" t="s">
        <v>9</v>
      </c>
      <c r="F15366" s="7">
        <v>38657</v>
      </c>
      <c r="G15366" s="8">
        <v>1</v>
      </c>
      <c r="H15366" s="8">
        <v>1</v>
      </c>
      <c r="I15366" s="8">
        <v>0</v>
      </c>
      <c r="J15366" s="8">
        <v>1</v>
      </c>
      <c r="K15366" s="9">
        <v>54</v>
      </c>
      <c r="L15366" s="6" t="s">
        <v>51</v>
      </c>
    </row>
    <row r="15367" spans="1:12">
      <c r="A15367" s="6" t="s">
        <v>49</v>
      </c>
      <c r="B15367" s="6"/>
      <c r="C15367" s="6" t="s">
        <v>15391</v>
      </c>
      <c r="D15367" s="6"/>
      <c r="E15367" s="6" t="s">
        <v>9</v>
      </c>
      <c r="F15367" s="7">
        <v>38657</v>
      </c>
      <c r="G15367" s="8">
        <v>1</v>
      </c>
      <c r="H15367" s="8">
        <v>1</v>
      </c>
      <c r="I15367" s="8">
        <v>0</v>
      </c>
      <c r="J15367" s="8">
        <v>1</v>
      </c>
      <c r="K15367" s="9">
        <v>54</v>
      </c>
      <c r="L15367" s="6" t="s">
        <v>51</v>
      </c>
    </row>
    <row r="15368" spans="1:12">
      <c r="A15368" s="6" t="s">
        <v>49</v>
      </c>
      <c r="B15368" s="6"/>
      <c r="C15368" s="6" t="s">
        <v>15392</v>
      </c>
      <c r="D15368" s="6"/>
      <c r="E15368" s="6" t="s">
        <v>9</v>
      </c>
      <c r="F15368" s="7">
        <v>38657</v>
      </c>
      <c r="G15368" s="8">
        <v>1</v>
      </c>
      <c r="H15368" s="8">
        <v>1</v>
      </c>
      <c r="I15368" s="8">
        <v>0</v>
      </c>
      <c r="J15368" s="8">
        <v>1</v>
      </c>
      <c r="K15368" s="9">
        <v>18</v>
      </c>
      <c r="L15368" s="6" t="s">
        <v>51</v>
      </c>
    </row>
    <row r="15369" spans="1:12">
      <c r="A15369" s="6" t="s">
        <v>49</v>
      </c>
      <c r="B15369" s="6"/>
      <c r="C15369" s="6" t="s">
        <v>15393</v>
      </c>
      <c r="D15369" s="6"/>
      <c r="E15369" s="6" t="s">
        <v>9</v>
      </c>
      <c r="F15369" s="7">
        <v>38657</v>
      </c>
      <c r="G15369" s="8">
        <v>1</v>
      </c>
      <c r="H15369" s="8">
        <v>1</v>
      </c>
      <c r="I15369" s="8">
        <v>0</v>
      </c>
      <c r="J15369" s="8">
        <v>1</v>
      </c>
      <c r="K15369" s="9">
        <v>54</v>
      </c>
      <c r="L15369" s="6" t="s">
        <v>51</v>
      </c>
    </row>
    <row r="15370" spans="1:12">
      <c r="A15370" s="6" t="s">
        <v>49</v>
      </c>
      <c r="B15370" s="6"/>
      <c r="C15370" s="6" t="s">
        <v>15394</v>
      </c>
      <c r="D15370" s="6"/>
      <c r="E15370" s="6" t="s">
        <v>9</v>
      </c>
      <c r="F15370" s="7">
        <v>38657</v>
      </c>
      <c r="G15370" s="8">
        <v>1</v>
      </c>
      <c r="H15370" s="8">
        <v>1</v>
      </c>
      <c r="I15370" s="8">
        <v>0</v>
      </c>
      <c r="J15370" s="8">
        <v>1</v>
      </c>
      <c r="K15370" s="9">
        <v>54</v>
      </c>
      <c r="L15370" s="6" t="s">
        <v>51</v>
      </c>
    </row>
    <row r="15371" spans="1:12">
      <c r="A15371" s="6" t="s">
        <v>49</v>
      </c>
      <c r="B15371" s="6"/>
      <c r="C15371" s="6" t="s">
        <v>15395</v>
      </c>
      <c r="D15371" s="6"/>
      <c r="E15371" s="6" t="s">
        <v>9</v>
      </c>
      <c r="F15371" s="7">
        <v>38657</v>
      </c>
      <c r="G15371" s="8">
        <v>1</v>
      </c>
      <c r="H15371" s="8">
        <v>1</v>
      </c>
      <c r="I15371" s="8">
        <v>0</v>
      </c>
      <c r="J15371" s="8">
        <v>1</v>
      </c>
      <c r="K15371" s="9">
        <v>54</v>
      </c>
      <c r="L15371" s="6" t="s">
        <v>51</v>
      </c>
    </row>
    <row r="15372" spans="1:12">
      <c r="A15372" s="6" t="s">
        <v>49</v>
      </c>
      <c r="B15372" s="6"/>
      <c r="C15372" s="6" t="s">
        <v>15396</v>
      </c>
      <c r="D15372" s="6"/>
      <c r="E15372" s="6" t="s">
        <v>9</v>
      </c>
      <c r="F15372" s="7">
        <v>38657</v>
      </c>
      <c r="G15372" s="8">
        <v>1</v>
      </c>
      <c r="H15372" s="8">
        <v>1</v>
      </c>
      <c r="I15372" s="8">
        <v>0</v>
      </c>
      <c r="J15372" s="8">
        <v>1</v>
      </c>
      <c r="K15372" s="9">
        <v>54</v>
      </c>
      <c r="L15372" s="6" t="s">
        <v>51</v>
      </c>
    </row>
    <row r="15373" spans="1:12">
      <c r="A15373" s="6" t="s">
        <v>49</v>
      </c>
      <c r="B15373" s="6"/>
      <c r="C15373" s="6" t="s">
        <v>15397</v>
      </c>
      <c r="D15373" s="6"/>
      <c r="E15373" s="6" t="s">
        <v>9</v>
      </c>
      <c r="F15373" s="7">
        <v>38657</v>
      </c>
      <c r="G15373" s="8">
        <v>1</v>
      </c>
      <c r="H15373" s="8">
        <v>1</v>
      </c>
      <c r="I15373" s="8">
        <v>0</v>
      </c>
      <c r="J15373" s="8">
        <v>1</v>
      </c>
      <c r="K15373" s="9">
        <v>54</v>
      </c>
      <c r="L15373" s="6" t="s">
        <v>51</v>
      </c>
    </row>
    <row r="15374" spans="1:12">
      <c r="A15374" s="6" t="s">
        <v>49</v>
      </c>
      <c r="B15374" s="6"/>
      <c r="C15374" s="6" t="s">
        <v>15398</v>
      </c>
      <c r="D15374" s="6"/>
      <c r="E15374" s="6" t="s">
        <v>9</v>
      </c>
      <c r="F15374" s="7">
        <v>38657</v>
      </c>
      <c r="G15374" s="8">
        <v>1</v>
      </c>
      <c r="H15374" s="8">
        <v>1</v>
      </c>
      <c r="I15374" s="8">
        <v>0</v>
      </c>
      <c r="J15374" s="8">
        <v>1</v>
      </c>
      <c r="K15374" s="9">
        <v>54</v>
      </c>
      <c r="L15374" s="6" t="s">
        <v>51</v>
      </c>
    </row>
    <row r="15375" spans="1:12">
      <c r="A15375" s="6" t="s">
        <v>49</v>
      </c>
      <c r="B15375" s="6"/>
      <c r="C15375" s="6" t="s">
        <v>15399</v>
      </c>
      <c r="D15375" s="6"/>
      <c r="E15375" s="6" t="s">
        <v>9</v>
      </c>
      <c r="F15375" s="7">
        <v>38657</v>
      </c>
      <c r="G15375" s="8">
        <v>1</v>
      </c>
      <c r="H15375" s="8">
        <v>1</v>
      </c>
      <c r="I15375" s="8">
        <v>0</v>
      </c>
      <c r="J15375" s="8">
        <v>1</v>
      </c>
      <c r="K15375" s="9">
        <v>94</v>
      </c>
      <c r="L15375" s="6" t="s">
        <v>51</v>
      </c>
    </row>
    <row r="15376" spans="1:12">
      <c r="A15376" s="6" t="s">
        <v>49</v>
      </c>
      <c r="B15376" s="6"/>
      <c r="C15376" s="6" t="s">
        <v>15400</v>
      </c>
      <c r="D15376" s="6"/>
      <c r="E15376" s="6" t="s">
        <v>9</v>
      </c>
      <c r="F15376" s="7">
        <v>38657</v>
      </c>
      <c r="G15376" s="8">
        <v>1</v>
      </c>
      <c r="H15376" s="8">
        <v>1</v>
      </c>
      <c r="I15376" s="8">
        <v>0</v>
      </c>
      <c r="J15376" s="8">
        <v>1</v>
      </c>
      <c r="K15376" s="9">
        <v>94</v>
      </c>
      <c r="L15376" s="6" t="s">
        <v>51</v>
      </c>
    </row>
    <row r="15377" spans="1:12">
      <c r="A15377" s="6" t="s">
        <v>49</v>
      </c>
      <c r="B15377" s="6"/>
      <c r="C15377" s="6" t="s">
        <v>15401</v>
      </c>
      <c r="D15377" s="6"/>
      <c r="E15377" s="6" t="s">
        <v>9</v>
      </c>
      <c r="F15377" s="7">
        <v>38657</v>
      </c>
      <c r="G15377" s="8">
        <v>1</v>
      </c>
      <c r="H15377" s="8">
        <v>1</v>
      </c>
      <c r="I15377" s="8">
        <v>0</v>
      </c>
      <c r="J15377" s="8">
        <v>1</v>
      </c>
      <c r="K15377" s="9">
        <v>54</v>
      </c>
      <c r="L15377" s="6" t="s">
        <v>51</v>
      </c>
    </row>
    <row r="15378" spans="1:12">
      <c r="A15378" s="6" t="s">
        <v>49</v>
      </c>
      <c r="B15378" s="6"/>
      <c r="C15378" s="6" t="s">
        <v>15402</v>
      </c>
      <c r="D15378" s="6"/>
      <c r="E15378" s="6" t="s">
        <v>9</v>
      </c>
      <c r="F15378" s="7">
        <v>38657</v>
      </c>
      <c r="G15378" s="8">
        <v>1</v>
      </c>
      <c r="H15378" s="8">
        <v>1</v>
      </c>
      <c r="I15378" s="8">
        <v>0</v>
      </c>
      <c r="J15378" s="8">
        <v>1</v>
      </c>
      <c r="K15378" s="9">
        <v>54</v>
      </c>
      <c r="L15378" s="6" t="s">
        <v>51</v>
      </c>
    </row>
    <row r="15379" spans="1:12">
      <c r="A15379" s="6" t="s">
        <v>49</v>
      </c>
      <c r="B15379" s="6"/>
      <c r="C15379" s="6" t="s">
        <v>15403</v>
      </c>
      <c r="D15379" s="6"/>
      <c r="E15379" s="6" t="s">
        <v>9</v>
      </c>
      <c r="F15379" s="7">
        <v>38657</v>
      </c>
      <c r="G15379" s="8">
        <v>1</v>
      </c>
      <c r="H15379" s="8">
        <v>1</v>
      </c>
      <c r="I15379" s="8">
        <v>0</v>
      </c>
      <c r="J15379" s="8">
        <v>1</v>
      </c>
      <c r="K15379" s="9">
        <v>141</v>
      </c>
      <c r="L15379" s="6" t="s">
        <v>51</v>
      </c>
    </row>
    <row r="15380" spans="1:12">
      <c r="A15380" s="6" t="s">
        <v>49</v>
      </c>
      <c r="B15380" s="6"/>
      <c r="C15380" s="6" t="s">
        <v>15404</v>
      </c>
      <c r="D15380" s="6"/>
      <c r="E15380" s="6" t="s">
        <v>9</v>
      </c>
      <c r="F15380" s="7">
        <v>38657</v>
      </c>
      <c r="G15380" s="8">
        <v>1</v>
      </c>
      <c r="H15380" s="8">
        <v>1</v>
      </c>
      <c r="I15380" s="8">
        <v>0</v>
      </c>
      <c r="J15380" s="8">
        <v>1</v>
      </c>
      <c r="K15380" s="9">
        <v>54</v>
      </c>
      <c r="L15380" s="6" t="s">
        <v>51</v>
      </c>
    </row>
    <row r="15381" spans="1:12">
      <c r="A15381" s="6" t="s">
        <v>49</v>
      </c>
      <c r="B15381" s="6"/>
      <c r="C15381" s="6" t="s">
        <v>15405</v>
      </c>
      <c r="D15381" s="6"/>
      <c r="E15381" s="6" t="s">
        <v>9</v>
      </c>
      <c r="F15381" s="7">
        <v>38657</v>
      </c>
      <c r="G15381" s="8">
        <v>1</v>
      </c>
      <c r="H15381" s="8">
        <v>1</v>
      </c>
      <c r="I15381" s="8">
        <v>0</v>
      </c>
      <c r="J15381" s="8">
        <v>1</v>
      </c>
      <c r="K15381" s="9">
        <v>54</v>
      </c>
      <c r="L15381" s="6" t="s">
        <v>51</v>
      </c>
    </row>
    <row r="15382" spans="1:12">
      <c r="A15382" s="6" t="s">
        <v>49</v>
      </c>
      <c r="B15382" s="6"/>
      <c r="C15382" s="6" t="s">
        <v>15406</v>
      </c>
      <c r="D15382" s="6"/>
      <c r="E15382" s="6" t="s">
        <v>9</v>
      </c>
      <c r="F15382" s="7">
        <v>38657</v>
      </c>
      <c r="G15382" s="8">
        <v>1</v>
      </c>
      <c r="H15382" s="8">
        <v>1</v>
      </c>
      <c r="I15382" s="8">
        <v>0</v>
      </c>
      <c r="J15382" s="8">
        <v>1</v>
      </c>
      <c r="K15382" s="9">
        <v>54</v>
      </c>
      <c r="L15382" s="6" t="s">
        <v>51</v>
      </c>
    </row>
    <row r="15383" spans="1:12">
      <c r="A15383" s="6" t="s">
        <v>49</v>
      </c>
      <c r="B15383" s="6"/>
      <c r="C15383" s="6" t="s">
        <v>15407</v>
      </c>
      <c r="D15383" s="6"/>
      <c r="E15383" s="6" t="s">
        <v>9</v>
      </c>
      <c r="F15383" s="7">
        <v>38657</v>
      </c>
      <c r="G15383" s="8">
        <v>1</v>
      </c>
      <c r="H15383" s="8">
        <v>1</v>
      </c>
      <c r="I15383" s="8">
        <v>0</v>
      </c>
      <c r="J15383" s="8">
        <v>1</v>
      </c>
      <c r="K15383" s="9">
        <v>54</v>
      </c>
      <c r="L15383" s="6" t="s">
        <v>51</v>
      </c>
    </row>
    <row r="15384" spans="1:12">
      <c r="A15384" s="6" t="s">
        <v>49</v>
      </c>
      <c r="B15384" s="6"/>
      <c r="C15384" s="6" t="s">
        <v>15408</v>
      </c>
      <c r="D15384" s="6"/>
      <c r="E15384" s="6" t="s">
        <v>9</v>
      </c>
      <c r="F15384" s="7">
        <v>38657</v>
      </c>
      <c r="G15384" s="8">
        <v>1</v>
      </c>
      <c r="H15384" s="8">
        <v>1</v>
      </c>
      <c r="I15384" s="8">
        <v>0</v>
      </c>
      <c r="J15384" s="8">
        <v>1</v>
      </c>
      <c r="K15384" s="9">
        <v>27</v>
      </c>
      <c r="L15384" s="6" t="s">
        <v>51</v>
      </c>
    </row>
    <row r="15385" spans="1:12">
      <c r="A15385" s="6" t="s">
        <v>49</v>
      </c>
      <c r="B15385" s="6"/>
      <c r="C15385" s="6" t="s">
        <v>15409</v>
      </c>
      <c r="D15385" s="6"/>
      <c r="E15385" s="6" t="s">
        <v>9</v>
      </c>
      <c r="F15385" s="7">
        <v>38657</v>
      </c>
      <c r="G15385" s="8">
        <v>1</v>
      </c>
      <c r="H15385" s="8">
        <v>1</v>
      </c>
      <c r="I15385" s="8">
        <v>0</v>
      </c>
      <c r="J15385" s="8">
        <v>1</v>
      </c>
      <c r="K15385" s="9">
        <v>27</v>
      </c>
      <c r="L15385" s="6" t="s">
        <v>51</v>
      </c>
    </row>
    <row r="15386" spans="1:12">
      <c r="A15386" s="6" t="s">
        <v>49</v>
      </c>
      <c r="B15386" s="6"/>
      <c r="C15386" s="6" t="s">
        <v>15410</v>
      </c>
      <c r="D15386" s="6"/>
      <c r="E15386" s="6" t="s">
        <v>9</v>
      </c>
      <c r="F15386" s="7">
        <v>38657</v>
      </c>
      <c r="G15386" s="8">
        <v>1</v>
      </c>
      <c r="H15386" s="8">
        <v>1</v>
      </c>
      <c r="I15386" s="8">
        <v>0</v>
      </c>
      <c r="J15386" s="8">
        <v>1</v>
      </c>
      <c r="K15386" s="9">
        <v>54</v>
      </c>
      <c r="L15386" s="6" t="s">
        <v>51</v>
      </c>
    </row>
    <row r="15387" spans="1:12">
      <c r="A15387" s="6" t="s">
        <v>49</v>
      </c>
      <c r="B15387" s="6"/>
      <c r="C15387" s="6" t="s">
        <v>15411</v>
      </c>
      <c r="D15387" s="6"/>
      <c r="E15387" s="6" t="s">
        <v>9</v>
      </c>
      <c r="F15387" s="7">
        <v>38657</v>
      </c>
      <c r="G15387" s="8">
        <v>1</v>
      </c>
      <c r="H15387" s="8">
        <v>1</v>
      </c>
      <c r="I15387" s="8">
        <v>0</v>
      </c>
      <c r="J15387" s="8">
        <v>1</v>
      </c>
      <c r="K15387" s="9">
        <v>54</v>
      </c>
      <c r="L15387" s="6" t="s">
        <v>51</v>
      </c>
    </row>
    <row r="15388" spans="1:12">
      <c r="A15388" s="6" t="s">
        <v>49</v>
      </c>
      <c r="B15388" s="6"/>
      <c r="C15388" s="6" t="s">
        <v>15412</v>
      </c>
      <c r="D15388" s="6"/>
      <c r="E15388" s="6" t="s">
        <v>9</v>
      </c>
      <c r="F15388" s="7">
        <v>38657</v>
      </c>
      <c r="G15388" s="8">
        <v>1</v>
      </c>
      <c r="H15388" s="8">
        <v>1</v>
      </c>
      <c r="I15388" s="8">
        <v>0</v>
      </c>
      <c r="J15388" s="8">
        <v>1</v>
      </c>
      <c r="K15388" s="9">
        <v>54</v>
      </c>
      <c r="L15388" s="6" t="s">
        <v>51</v>
      </c>
    </row>
    <row r="15389" spans="1:12">
      <c r="A15389" s="6" t="s">
        <v>49</v>
      </c>
      <c r="B15389" s="6"/>
      <c r="C15389" s="6" t="s">
        <v>15413</v>
      </c>
      <c r="D15389" s="6"/>
      <c r="E15389" s="6" t="s">
        <v>9</v>
      </c>
      <c r="F15389" s="7">
        <v>38657</v>
      </c>
      <c r="G15389" s="8">
        <v>1</v>
      </c>
      <c r="H15389" s="8">
        <v>1</v>
      </c>
      <c r="I15389" s="8">
        <v>0</v>
      </c>
      <c r="J15389" s="8">
        <v>1</v>
      </c>
      <c r="K15389" s="9">
        <v>261</v>
      </c>
      <c r="L15389" s="6" t="s">
        <v>51</v>
      </c>
    </row>
    <row r="15390" spans="1:12">
      <c r="A15390" s="6" t="s">
        <v>49</v>
      </c>
      <c r="B15390" s="6"/>
      <c r="C15390" s="6" t="s">
        <v>15414</v>
      </c>
      <c r="D15390" s="6"/>
      <c r="E15390" s="6" t="s">
        <v>9</v>
      </c>
      <c r="F15390" s="7">
        <v>38657</v>
      </c>
      <c r="G15390" s="8">
        <v>1</v>
      </c>
      <c r="H15390" s="8">
        <v>1</v>
      </c>
      <c r="I15390" s="8">
        <v>0</v>
      </c>
      <c r="J15390" s="8">
        <v>1</v>
      </c>
      <c r="K15390" s="9">
        <v>62</v>
      </c>
      <c r="L15390" s="6" t="s">
        <v>51</v>
      </c>
    </row>
    <row r="15391" spans="1:12">
      <c r="A15391" s="6" t="s">
        <v>49</v>
      </c>
      <c r="B15391" s="6"/>
      <c r="C15391" s="6" t="s">
        <v>15415</v>
      </c>
      <c r="D15391" s="6"/>
      <c r="E15391" s="6" t="s">
        <v>9</v>
      </c>
      <c r="F15391" s="7">
        <v>38657</v>
      </c>
      <c r="G15391" s="8">
        <v>1</v>
      </c>
      <c r="H15391" s="8">
        <v>1</v>
      </c>
      <c r="I15391" s="8">
        <v>0</v>
      </c>
      <c r="J15391" s="8">
        <v>1</v>
      </c>
      <c r="K15391" s="9">
        <v>48</v>
      </c>
      <c r="L15391" s="6" t="s">
        <v>51</v>
      </c>
    </row>
    <row r="15392" spans="1:12">
      <c r="A15392" s="6" t="s">
        <v>49</v>
      </c>
      <c r="B15392" s="6"/>
      <c r="C15392" s="6" t="s">
        <v>15416</v>
      </c>
      <c r="D15392" s="6"/>
      <c r="E15392" s="6" t="s">
        <v>9</v>
      </c>
      <c r="F15392" s="7">
        <v>38657</v>
      </c>
      <c r="G15392" s="8">
        <v>1</v>
      </c>
      <c r="H15392" s="8">
        <v>1</v>
      </c>
      <c r="I15392" s="8">
        <v>0</v>
      </c>
      <c r="J15392" s="8">
        <v>1</v>
      </c>
      <c r="K15392" s="9">
        <v>261</v>
      </c>
      <c r="L15392" s="6" t="s">
        <v>51</v>
      </c>
    </row>
    <row r="15393" spans="1:12">
      <c r="A15393" s="6" t="s">
        <v>49</v>
      </c>
      <c r="B15393" s="6"/>
      <c r="C15393" s="6" t="s">
        <v>15417</v>
      </c>
      <c r="D15393" s="6"/>
      <c r="E15393" s="6" t="s">
        <v>9</v>
      </c>
      <c r="F15393" s="7">
        <v>38657</v>
      </c>
      <c r="G15393" s="8">
        <v>1</v>
      </c>
      <c r="H15393" s="8">
        <v>1</v>
      </c>
      <c r="I15393" s="8">
        <v>0</v>
      </c>
      <c r="J15393" s="8">
        <v>1</v>
      </c>
      <c r="K15393" s="9">
        <v>274</v>
      </c>
      <c r="L15393" s="6" t="s">
        <v>51</v>
      </c>
    </row>
    <row r="15394" spans="1:12">
      <c r="A15394" s="6" t="s">
        <v>49</v>
      </c>
      <c r="B15394" s="6"/>
      <c r="C15394" s="6" t="s">
        <v>15418</v>
      </c>
      <c r="D15394" s="6"/>
      <c r="E15394" s="6" t="s">
        <v>9</v>
      </c>
      <c r="F15394" s="7">
        <v>38657</v>
      </c>
      <c r="G15394" s="8">
        <v>1</v>
      </c>
      <c r="H15394" s="8">
        <v>1</v>
      </c>
      <c r="I15394" s="8">
        <v>0</v>
      </c>
      <c r="J15394" s="8">
        <v>1</v>
      </c>
      <c r="K15394" s="9">
        <v>128.02000000000001</v>
      </c>
      <c r="L15394" s="6" t="s">
        <v>51</v>
      </c>
    </row>
    <row r="15395" spans="1:12">
      <c r="A15395" s="6" t="s">
        <v>49</v>
      </c>
      <c r="B15395" s="6"/>
      <c r="C15395" s="6" t="s">
        <v>15419</v>
      </c>
      <c r="D15395" s="6"/>
      <c r="E15395" s="6" t="s">
        <v>9</v>
      </c>
      <c r="F15395" s="7">
        <v>38657</v>
      </c>
      <c r="G15395" s="8">
        <v>1</v>
      </c>
      <c r="H15395" s="8">
        <v>1</v>
      </c>
      <c r="I15395" s="8">
        <v>0</v>
      </c>
      <c r="J15395" s="8">
        <v>1</v>
      </c>
      <c r="K15395" s="9">
        <v>210</v>
      </c>
      <c r="L15395" s="6" t="s">
        <v>51</v>
      </c>
    </row>
    <row r="15396" spans="1:12">
      <c r="A15396" s="6" t="s">
        <v>49</v>
      </c>
      <c r="B15396" s="6"/>
      <c r="C15396" s="6" t="s">
        <v>15420</v>
      </c>
      <c r="D15396" s="6"/>
      <c r="E15396" s="6" t="s">
        <v>9</v>
      </c>
      <c r="F15396" s="7">
        <v>38657</v>
      </c>
      <c r="G15396" s="8">
        <v>1</v>
      </c>
      <c r="H15396" s="8">
        <v>1</v>
      </c>
      <c r="I15396" s="8">
        <v>0</v>
      </c>
      <c r="J15396" s="8">
        <v>1</v>
      </c>
      <c r="K15396" s="9">
        <v>195</v>
      </c>
      <c r="L15396" s="6" t="s">
        <v>51</v>
      </c>
    </row>
    <row r="15397" spans="1:12">
      <c r="A15397" s="6" t="s">
        <v>49</v>
      </c>
      <c r="B15397" s="6"/>
      <c r="C15397" s="6" t="s">
        <v>15421</v>
      </c>
      <c r="D15397" s="6"/>
      <c r="E15397" s="6" t="s">
        <v>9</v>
      </c>
      <c r="F15397" s="7">
        <v>38657</v>
      </c>
      <c r="G15397" s="8">
        <v>1</v>
      </c>
      <c r="H15397" s="8">
        <v>1</v>
      </c>
      <c r="I15397" s="8">
        <v>0</v>
      </c>
      <c r="J15397" s="8">
        <v>1</v>
      </c>
      <c r="K15397" s="9">
        <v>107.79</v>
      </c>
      <c r="L15397" s="6" t="s">
        <v>51</v>
      </c>
    </row>
    <row r="15398" spans="1:12">
      <c r="A15398" s="6" t="s">
        <v>49</v>
      </c>
      <c r="B15398" s="6"/>
      <c r="C15398" s="6" t="s">
        <v>15422</v>
      </c>
      <c r="D15398" s="6"/>
      <c r="E15398" s="6" t="s">
        <v>9</v>
      </c>
      <c r="F15398" s="7">
        <v>38657</v>
      </c>
      <c r="G15398" s="8">
        <v>1</v>
      </c>
      <c r="H15398" s="8">
        <v>1</v>
      </c>
      <c r="I15398" s="8">
        <v>0</v>
      </c>
      <c r="J15398" s="8">
        <v>1</v>
      </c>
      <c r="K15398" s="9">
        <v>14.16</v>
      </c>
      <c r="L15398" s="6" t="s">
        <v>51</v>
      </c>
    </row>
    <row r="15399" spans="1:12">
      <c r="A15399" s="6" t="s">
        <v>49</v>
      </c>
      <c r="B15399" s="6"/>
      <c r="C15399" s="6" t="s">
        <v>15423</v>
      </c>
      <c r="D15399" s="6"/>
      <c r="E15399" s="6" t="s">
        <v>9</v>
      </c>
      <c r="F15399" s="7">
        <v>38657</v>
      </c>
      <c r="G15399" s="8">
        <v>1</v>
      </c>
      <c r="H15399" s="8">
        <v>1</v>
      </c>
      <c r="I15399" s="8">
        <v>0</v>
      </c>
      <c r="J15399" s="8">
        <v>1</v>
      </c>
      <c r="K15399" s="9">
        <v>66</v>
      </c>
      <c r="L15399" s="6" t="s">
        <v>51</v>
      </c>
    </row>
    <row r="15400" spans="1:12">
      <c r="A15400" s="6" t="s">
        <v>49</v>
      </c>
      <c r="B15400" s="6"/>
      <c r="C15400" s="6" t="s">
        <v>15424</v>
      </c>
      <c r="D15400" s="6"/>
      <c r="E15400" s="6" t="s">
        <v>9</v>
      </c>
      <c r="F15400" s="7">
        <v>41364</v>
      </c>
      <c r="G15400" s="8">
        <v>1</v>
      </c>
      <c r="H15400" s="8">
        <v>1</v>
      </c>
      <c r="I15400" s="8">
        <v>0</v>
      </c>
      <c r="J15400" s="8">
        <v>1</v>
      </c>
      <c r="K15400" s="9">
        <v>158</v>
      </c>
      <c r="L15400" s="6" t="s">
        <v>51</v>
      </c>
    </row>
    <row r="15401" spans="1:12">
      <c r="A15401" s="6" t="s">
        <v>49</v>
      </c>
      <c r="B15401" s="6"/>
      <c r="C15401" s="6" t="s">
        <v>15425</v>
      </c>
      <c r="D15401" s="6"/>
      <c r="E15401" s="6" t="s">
        <v>9</v>
      </c>
      <c r="F15401" s="7">
        <v>38657</v>
      </c>
      <c r="G15401" s="8">
        <v>1</v>
      </c>
      <c r="H15401" s="8">
        <v>1</v>
      </c>
      <c r="I15401" s="8">
        <v>0</v>
      </c>
      <c r="J15401" s="8">
        <v>1</v>
      </c>
      <c r="K15401" s="9">
        <v>125</v>
      </c>
      <c r="L15401" s="6" t="s">
        <v>51</v>
      </c>
    </row>
    <row r="15402" spans="1:12">
      <c r="A15402" s="6" t="s">
        <v>49</v>
      </c>
      <c r="B15402" s="6"/>
      <c r="C15402" s="6" t="s">
        <v>15426</v>
      </c>
      <c r="D15402" s="6"/>
      <c r="E15402" s="6" t="s">
        <v>9</v>
      </c>
      <c r="F15402" s="7">
        <v>38657</v>
      </c>
      <c r="G15402" s="8">
        <v>1</v>
      </c>
      <c r="H15402" s="8">
        <v>1</v>
      </c>
      <c r="I15402" s="8">
        <v>0</v>
      </c>
      <c r="J15402" s="8">
        <v>1</v>
      </c>
      <c r="K15402" s="9">
        <v>54</v>
      </c>
      <c r="L15402" s="6" t="s">
        <v>51</v>
      </c>
    </row>
    <row r="15403" spans="1:12">
      <c r="A15403" s="6" t="s">
        <v>49</v>
      </c>
      <c r="B15403" s="6"/>
      <c r="C15403" s="6" t="s">
        <v>15427</v>
      </c>
      <c r="D15403" s="6"/>
      <c r="E15403" s="6" t="s">
        <v>9</v>
      </c>
      <c r="F15403" s="7">
        <v>38657</v>
      </c>
      <c r="G15403" s="8">
        <v>1</v>
      </c>
      <c r="H15403" s="8">
        <v>1</v>
      </c>
      <c r="I15403" s="8">
        <v>0</v>
      </c>
      <c r="J15403" s="8">
        <v>1</v>
      </c>
      <c r="K15403" s="9">
        <v>54</v>
      </c>
      <c r="L15403" s="6" t="s">
        <v>51</v>
      </c>
    </row>
    <row r="15404" spans="1:12">
      <c r="A15404" s="6" t="s">
        <v>49</v>
      </c>
      <c r="B15404" s="6"/>
      <c r="C15404" s="6" t="s">
        <v>15428</v>
      </c>
      <c r="D15404" s="6"/>
      <c r="E15404" s="6" t="s">
        <v>9</v>
      </c>
      <c r="F15404" s="7">
        <v>38657</v>
      </c>
      <c r="G15404" s="8">
        <v>1</v>
      </c>
      <c r="H15404" s="8">
        <v>1</v>
      </c>
      <c r="I15404" s="8">
        <v>0</v>
      </c>
      <c r="J15404" s="8">
        <v>1</v>
      </c>
      <c r="K15404" s="9">
        <v>54</v>
      </c>
      <c r="L15404" s="6" t="s">
        <v>51</v>
      </c>
    </row>
    <row r="15405" spans="1:12">
      <c r="A15405" s="6" t="s">
        <v>49</v>
      </c>
      <c r="B15405" s="6"/>
      <c r="C15405" s="6" t="s">
        <v>15429</v>
      </c>
      <c r="D15405" s="6"/>
      <c r="E15405" s="6" t="s">
        <v>9</v>
      </c>
      <c r="F15405" s="7">
        <v>38657</v>
      </c>
      <c r="G15405" s="8">
        <v>1</v>
      </c>
      <c r="H15405" s="8">
        <v>1</v>
      </c>
      <c r="I15405" s="8">
        <v>0</v>
      </c>
      <c r="J15405" s="8">
        <v>1</v>
      </c>
      <c r="K15405" s="9">
        <v>54</v>
      </c>
      <c r="L15405" s="6" t="s">
        <v>51</v>
      </c>
    </row>
    <row r="15406" spans="1:12">
      <c r="A15406" s="6" t="s">
        <v>49</v>
      </c>
      <c r="B15406" s="6"/>
      <c r="C15406" s="6" t="s">
        <v>15430</v>
      </c>
      <c r="D15406" s="6"/>
      <c r="E15406" s="6" t="s">
        <v>9</v>
      </c>
      <c r="F15406" s="7">
        <v>38657</v>
      </c>
      <c r="G15406" s="8">
        <v>1</v>
      </c>
      <c r="H15406" s="8">
        <v>1</v>
      </c>
      <c r="I15406" s="8">
        <v>0</v>
      </c>
      <c r="J15406" s="8">
        <v>1</v>
      </c>
      <c r="K15406" s="9">
        <v>54</v>
      </c>
      <c r="L15406" s="6" t="s">
        <v>51</v>
      </c>
    </row>
    <row r="15407" spans="1:12">
      <c r="A15407" s="6" t="s">
        <v>49</v>
      </c>
      <c r="B15407" s="6"/>
      <c r="C15407" s="6" t="s">
        <v>15431</v>
      </c>
      <c r="D15407" s="6"/>
      <c r="E15407" s="6" t="s">
        <v>9</v>
      </c>
      <c r="F15407" s="7">
        <v>38657</v>
      </c>
      <c r="G15407" s="8">
        <v>1</v>
      </c>
      <c r="H15407" s="8">
        <v>1</v>
      </c>
      <c r="I15407" s="8">
        <v>0</v>
      </c>
      <c r="J15407" s="8">
        <v>1</v>
      </c>
      <c r="K15407" s="9">
        <v>54</v>
      </c>
      <c r="L15407" s="6" t="s">
        <v>51</v>
      </c>
    </row>
    <row r="15408" spans="1:12">
      <c r="A15408" s="6" t="s">
        <v>49</v>
      </c>
      <c r="B15408" s="6"/>
      <c r="C15408" s="6" t="s">
        <v>15432</v>
      </c>
      <c r="D15408" s="6"/>
      <c r="E15408" s="6" t="s">
        <v>9</v>
      </c>
      <c r="F15408" s="7">
        <v>38657</v>
      </c>
      <c r="G15408" s="8">
        <v>1</v>
      </c>
      <c r="H15408" s="8">
        <v>1</v>
      </c>
      <c r="I15408" s="8">
        <v>0</v>
      </c>
      <c r="J15408" s="8">
        <v>1</v>
      </c>
      <c r="K15408" s="9">
        <v>54</v>
      </c>
      <c r="L15408" s="6" t="s">
        <v>51</v>
      </c>
    </row>
    <row r="15409" spans="1:12">
      <c r="A15409" s="6" t="s">
        <v>49</v>
      </c>
      <c r="B15409" s="6"/>
      <c r="C15409" s="6" t="s">
        <v>15433</v>
      </c>
      <c r="D15409" s="6"/>
      <c r="E15409" s="6" t="s">
        <v>9</v>
      </c>
      <c r="F15409" s="7">
        <v>38657</v>
      </c>
      <c r="G15409" s="8">
        <v>1</v>
      </c>
      <c r="H15409" s="8">
        <v>1</v>
      </c>
      <c r="I15409" s="8">
        <v>0</v>
      </c>
      <c r="J15409" s="8">
        <v>1</v>
      </c>
      <c r="K15409" s="9">
        <v>54</v>
      </c>
      <c r="L15409" s="6" t="s">
        <v>51</v>
      </c>
    </row>
    <row r="15410" spans="1:12">
      <c r="A15410" s="6" t="s">
        <v>49</v>
      </c>
      <c r="B15410" s="6"/>
      <c r="C15410" s="6" t="s">
        <v>15434</v>
      </c>
      <c r="D15410" s="6"/>
      <c r="E15410" s="6" t="s">
        <v>9</v>
      </c>
      <c r="F15410" s="7">
        <v>38657</v>
      </c>
      <c r="G15410" s="8">
        <v>1</v>
      </c>
      <c r="H15410" s="8">
        <v>1</v>
      </c>
      <c r="I15410" s="8">
        <v>0</v>
      </c>
      <c r="J15410" s="8">
        <v>1</v>
      </c>
      <c r="K15410" s="9">
        <v>55</v>
      </c>
      <c r="L15410" s="6" t="s">
        <v>51</v>
      </c>
    </row>
    <row r="15411" spans="1:12">
      <c r="A15411" s="6" t="s">
        <v>49</v>
      </c>
      <c r="B15411" s="6"/>
      <c r="C15411" s="6" t="s">
        <v>15435</v>
      </c>
      <c r="D15411" s="6"/>
      <c r="E15411" s="6" t="s">
        <v>9</v>
      </c>
      <c r="F15411" s="7">
        <v>38657</v>
      </c>
      <c r="G15411" s="8">
        <v>1</v>
      </c>
      <c r="H15411" s="8">
        <v>1</v>
      </c>
      <c r="I15411" s="8">
        <v>0</v>
      </c>
      <c r="J15411" s="8">
        <v>1</v>
      </c>
      <c r="K15411" s="9">
        <v>176</v>
      </c>
      <c r="L15411" s="6" t="s">
        <v>51</v>
      </c>
    </row>
    <row r="15412" spans="1:12">
      <c r="A15412" s="6" t="s">
        <v>49</v>
      </c>
      <c r="B15412" s="6"/>
      <c r="C15412" s="6" t="s">
        <v>15436</v>
      </c>
      <c r="D15412" s="6"/>
      <c r="E15412" s="6" t="s">
        <v>9</v>
      </c>
      <c r="F15412" s="7">
        <v>38657</v>
      </c>
      <c r="G15412" s="8">
        <v>1</v>
      </c>
      <c r="H15412" s="8">
        <v>1</v>
      </c>
      <c r="I15412" s="8">
        <v>0</v>
      </c>
      <c r="J15412" s="8">
        <v>1</v>
      </c>
      <c r="K15412" s="9">
        <v>177</v>
      </c>
      <c r="L15412" s="6" t="s">
        <v>51</v>
      </c>
    </row>
    <row r="15413" spans="1:12">
      <c r="A15413" s="6" t="s">
        <v>49</v>
      </c>
      <c r="B15413" s="6"/>
      <c r="C15413" s="6" t="s">
        <v>15437</v>
      </c>
      <c r="D15413" s="6"/>
      <c r="E15413" s="6" t="s">
        <v>9</v>
      </c>
      <c r="F15413" s="7">
        <v>38657</v>
      </c>
      <c r="G15413" s="8">
        <v>1</v>
      </c>
      <c r="H15413" s="8">
        <v>1</v>
      </c>
      <c r="I15413" s="8">
        <v>0</v>
      </c>
      <c r="J15413" s="8">
        <v>1</v>
      </c>
      <c r="K15413" s="9">
        <v>57</v>
      </c>
      <c r="L15413" s="6" t="s">
        <v>51</v>
      </c>
    </row>
    <row r="15414" spans="1:12">
      <c r="A15414" s="6" t="s">
        <v>49</v>
      </c>
      <c r="B15414" s="6"/>
      <c r="C15414" s="6" t="s">
        <v>15438</v>
      </c>
      <c r="D15414" s="6"/>
      <c r="E15414" s="6" t="s">
        <v>9</v>
      </c>
      <c r="F15414" s="7">
        <v>38657</v>
      </c>
      <c r="G15414" s="8">
        <v>1</v>
      </c>
      <c r="H15414" s="8">
        <v>1</v>
      </c>
      <c r="I15414" s="8">
        <v>0</v>
      </c>
      <c r="J15414" s="8">
        <v>1</v>
      </c>
      <c r="K15414" s="9">
        <v>54</v>
      </c>
      <c r="L15414" s="6" t="s">
        <v>51</v>
      </c>
    </row>
    <row r="15415" spans="1:12">
      <c r="A15415" s="6" t="s">
        <v>49</v>
      </c>
      <c r="B15415" s="6"/>
      <c r="C15415" s="6" t="s">
        <v>15439</v>
      </c>
      <c r="D15415" s="6"/>
      <c r="E15415" s="6" t="s">
        <v>9</v>
      </c>
      <c r="F15415" s="7">
        <v>38657</v>
      </c>
      <c r="G15415" s="8">
        <v>1</v>
      </c>
      <c r="H15415" s="8">
        <v>1</v>
      </c>
      <c r="I15415" s="8">
        <v>0</v>
      </c>
      <c r="J15415" s="8">
        <v>1</v>
      </c>
      <c r="K15415" s="9">
        <v>54</v>
      </c>
      <c r="L15415" s="6" t="s">
        <v>51</v>
      </c>
    </row>
    <row r="15416" spans="1:12">
      <c r="A15416" s="6" t="s">
        <v>49</v>
      </c>
      <c r="B15416" s="6"/>
      <c r="C15416" s="6" t="s">
        <v>15440</v>
      </c>
      <c r="D15416" s="6"/>
      <c r="E15416" s="6" t="s">
        <v>9</v>
      </c>
      <c r="F15416" s="7">
        <v>38657</v>
      </c>
      <c r="G15416" s="8">
        <v>1</v>
      </c>
      <c r="H15416" s="8">
        <v>1</v>
      </c>
      <c r="I15416" s="8">
        <v>0</v>
      </c>
      <c r="J15416" s="8">
        <v>1</v>
      </c>
      <c r="K15416" s="9">
        <v>54</v>
      </c>
      <c r="L15416" s="6" t="s">
        <v>51</v>
      </c>
    </row>
    <row r="15417" spans="1:12">
      <c r="A15417" s="6" t="s">
        <v>49</v>
      </c>
      <c r="B15417" s="6"/>
      <c r="C15417" s="6" t="s">
        <v>15441</v>
      </c>
      <c r="D15417" s="6"/>
      <c r="E15417" s="6" t="s">
        <v>9</v>
      </c>
      <c r="F15417" s="7">
        <v>38657</v>
      </c>
      <c r="G15417" s="8">
        <v>1</v>
      </c>
      <c r="H15417" s="8">
        <v>1</v>
      </c>
      <c r="I15417" s="8">
        <v>0</v>
      </c>
      <c r="J15417" s="8">
        <v>1</v>
      </c>
      <c r="K15417" s="9">
        <v>54</v>
      </c>
      <c r="L15417" s="6" t="s">
        <v>51</v>
      </c>
    </row>
    <row r="15418" spans="1:12">
      <c r="A15418" s="6" t="s">
        <v>49</v>
      </c>
      <c r="B15418" s="6"/>
      <c r="C15418" s="6" t="s">
        <v>15442</v>
      </c>
      <c r="D15418" s="6"/>
      <c r="E15418" s="6" t="s">
        <v>9</v>
      </c>
      <c r="F15418" s="7">
        <v>38657</v>
      </c>
      <c r="G15418" s="8">
        <v>1</v>
      </c>
      <c r="H15418" s="8">
        <v>1</v>
      </c>
      <c r="I15418" s="8">
        <v>0</v>
      </c>
      <c r="J15418" s="8">
        <v>1</v>
      </c>
      <c r="K15418" s="9">
        <v>54</v>
      </c>
      <c r="L15418" s="6" t="s">
        <v>51</v>
      </c>
    </row>
    <row r="15419" spans="1:12">
      <c r="A15419" s="6" t="s">
        <v>49</v>
      </c>
      <c r="B15419" s="6"/>
      <c r="C15419" s="6" t="s">
        <v>15443</v>
      </c>
      <c r="D15419" s="6"/>
      <c r="E15419" s="6" t="s">
        <v>9</v>
      </c>
      <c r="F15419" s="7">
        <v>38657</v>
      </c>
      <c r="G15419" s="8">
        <v>1</v>
      </c>
      <c r="H15419" s="8">
        <v>1</v>
      </c>
      <c r="I15419" s="8">
        <v>0</v>
      </c>
      <c r="J15419" s="8">
        <v>1</v>
      </c>
      <c r="K15419" s="9">
        <v>54</v>
      </c>
      <c r="L15419" s="6" t="s">
        <v>51</v>
      </c>
    </row>
    <row r="15420" spans="1:12">
      <c r="A15420" s="6" t="s">
        <v>49</v>
      </c>
      <c r="B15420" s="6"/>
      <c r="C15420" s="6" t="s">
        <v>15444</v>
      </c>
      <c r="D15420" s="6"/>
      <c r="E15420" s="6" t="s">
        <v>9</v>
      </c>
      <c r="F15420" s="7">
        <v>38657</v>
      </c>
      <c r="G15420" s="8">
        <v>1</v>
      </c>
      <c r="H15420" s="8">
        <v>1</v>
      </c>
      <c r="I15420" s="8">
        <v>0</v>
      </c>
      <c r="J15420" s="8">
        <v>1</v>
      </c>
      <c r="K15420" s="9">
        <v>54</v>
      </c>
      <c r="L15420" s="6" t="s">
        <v>51</v>
      </c>
    </row>
    <row r="15421" spans="1:12">
      <c r="A15421" s="6" t="s">
        <v>49</v>
      </c>
      <c r="B15421" s="6"/>
      <c r="C15421" s="6" t="s">
        <v>15445</v>
      </c>
      <c r="D15421" s="6"/>
      <c r="E15421" s="6" t="s">
        <v>9</v>
      </c>
      <c r="F15421" s="7">
        <v>38657</v>
      </c>
      <c r="G15421" s="8">
        <v>1</v>
      </c>
      <c r="H15421" s="8">
        <v>1</v>
      </c>
      <c r="I15421" s="8">
        <v>0</v>
      </c>
      <c r="J15421" s="8">
        <v>1</v>
      </c>
      <c r="K15421" s="9">
        <v>54</v>
      </c>
      <c r="L15421" s="6" t="s">
        <v>51</v>
      </c>
    </row>
    <row r="15422" spans="1:12">
      <c r="A15422" s="6" t="s">
        <v>49</v>
      </c>
      <c r="B15422" s="6"/>
      <c r="C15422" s="6" t="s">
        <v>15446</v>
      </c>
      <c r="D15422" s="6"/>
      <c r="E15422" s="6" t="s">
        <v>9</v>
      </c>
      <c r="F15422" s="7">
        <v>38657</v>
      </c>
      <c r="G15422" s="8">
        <v>1</v>
      </c>
      <c r="H15422" s="8">
        <v>1</v>
      </c>
      <c r="I15422" s="8">
        <v>0</v>
      </c>
      <c r="J15422" s="8">
        <v>1</v>
      </c>
      <c r="K15422" s="9">
        <v>58</v>
      </c>
      <c r="L15422" s="6" t="s">
        <v>51</v>
      </c>
    </row>
    <row r="15423" spans="1:12">
      <c r="A15423" s="6" t="s">
        <v>49</v>
      </c>
      <c r="B15423" s="6"/>
      <c r="C15423" s="6" t="s">
        <v>15447</v>
      </c>
      <c r="D15423" s="6"/>
      <c r="E15423" s="6" t="s">
        <v>9</v>
      </c>
      <c r="F15423" s="7">
        <v>38657</v>
      </c>
      <c r="G15423" s="8">
        <v>1</v>
      </c>
      <c r="H15423" s="8">
        <v>1</v>
      </c>
      <c r="I15423" s="8">
        <v>0</v>
      </c>
      <c r="J15423" s="8">
        <v>1</v>
      </c>
      <c r="K15423" s="9">
        <v>94</v>
      </c>
      <c r="L15423" s="6" t="s">
        <v>51</v>
      </c>
    </row>
    <row r="15424" spans="1:12">
      <c r="A15424" s="6" t="s">
        <v>49</v>
      </c>
      <c r="B15424" s="6"/>
      <c r="C15424" s="6" t="s">
        <v>15448</v>
      </c>
      <c r="D15424" s="6"/>
      <c r="E15424" s="6" t="s">
        <v>9</v>
      </c>
      <c r="F15424" s="7">
        <v>38657</v>
      </c>
      <c r="G15424" s="8">
        <v>1</v>
      </c>
      <c r="H15424" s="8">
        <v>1</v>
      </c>
      <c r="I15424" s="8">
        <v>0</v>
      </c>
      <c r="J15424" s="8">
        <v>1</v>
      </c>
      <c r="K15424" s="9">
        <v>57</v>
      </c>
      <c r="L15424" s="6" t="s">
        <v>51</v>
      </c>
    </row>
    <row r="15425" spans="1:12">
      <c r="A15425" s="6" t="s">
        <v>49</v>
      </c>
      <c r="B15425" s="6"/>
      <c r="C15425" s="6" t="s">
        <v>15449</v>
      </c>
      <c r="D15425" s="6"/>
      <c r="E15425" s="6" t="s">
        <v>9</v>
      </c>
      <c r="F15425" s="7">
        <v>38657</v>
      </c>
      <c r="G15425" s="8">
        <v>1</v>
      </c>
      <c r="H15425" s="8">
        <v>1</v>
      </c>
      <c r="I15425" s="8">
        <v>0</v>
      </c>
      <c r="J15425" s="8">
        <v>1</v>
      </c>
      <c r="K15425" s="9">
        <v>54</v>
      </c>
      <c r="L15425" s="6" t="s">
        <v>51</v>
      </c>
    </row>
    <row r="15426" spans="1:12">
      <c r="A15426" s="6" t="s">
        <v>49</v>
      </c>
      <c r="B15426" s="6"/>
      <c r="C15426" s="6" t="s">
        <v>15450</v>
      </c>
      <c r="D15426" s="6"/>
      <c r="E15426" s="6" t="s">
        <v>9</v>
      </c>
      <c r="F15426" s="7">
        <v>38657</v>
      </c>
      <c r="G15426" s="8">
        <v>1</v>
      </c>
      <c r="H15426" s="8">
        <v>1</v>
      </c>
      <c r="I15426" s="8">
        <v>0</v>
      </c>
      <c r="J15426" s="8">
        <v>1</v>
      </c>
      <c r="K15426" s="9">
        <v>54</v>
      </c>
      <c r="L15426" s="6" t="s">
        <v>51</v>
      </c>
    </row>
    <row r="15427" spans="1:12">
      <c r="A15427" s="6" t="s">
        <v>49</v>
      </c>
      <c r="B15427" s="6"/>
      <c r="C15427" s="6" t="s">
        <v>15451</v>
      </c>
      <c r="D15427" s="6"/>
      <c r="E15427" s="6" t="s">
        <v>9</v>
      </c>
      <c r="F15427" s="7">
        <v>38657</v>
      </c>
      <c r="G15427" s="8">
        <v>1</v>
      </c>
      <c r="H15427" s="8">
        <v>1</v>
      </c>
      <c r="I15427" s="8">
        <v>0</v>
      </c>
      <c r="J15427" s="8">
        <v>1</v>
      </c>
      <c r="K15427" s="9">
        <v>32</v>
      </c>
      <c r="L15427" s="6" t="s">
        <v>51</v>
      </c>
    </row>
    <row r="15428" spans="1:12">
      <c r="A15428" s="6" t="s">
        <v>49</v>
      </c>
      <c r="B15428" s="6"/>
      <c r="C15428" s="6" t="s">
        <v>15452</v>
      </c>
      <c r="D15428" s="6"/>
      <c r="E15428" s="6" t="s">
        <v>9</v>
      </c>
      <c r="F15428" s="7">
        <v>38657</v>
      </c>
      <c r="G15428" s="8">
        <v>1</v>
      </c>
      <c r="H15428" s="8">
        <v>1</v>
      </c>
      <c r="I15428" s="8">
        <v>0</v>
      </c>
      <c r="J15428" s="8">
        <v>1</v>
      </c>
      <c r="K15428" s="9">
        <v>22</v>
      </c>
      <c r="L15428" s="6" t="s">
        <v>51</v>
      </c>
    </row>
    <row r="15429" spans="1:12">
      <c r="A15429" s="6" t="s">
        <v>49</v>
      </c>
      <c r="B15429" s="6"/>
      <c r="C15429" s="6" t="s">
        <v>15453</v>
      </c>
      <c r="D15429" s="6"/>
      <c r="E15429" s="6" t="s">
        <v>9</v>
      </c>
      <c r="F15429" s="7">
        <v>38657</v>
      </c>
      <c r="G15429" s="8">
        <v>1</v>
      </c>
      <c r="H15429" s="8">
        <v>1</v>
      </c>
      <c r="I15429" s="8">
        <v>0</v>
      </c>
      <c r="J15429" s="8">
        <v>1</v>
      </c>
      <c r="K15429" s="9">
        <v>52</v>
      </c>
      <c r="L15429" s="6" t="s">
        <v>51</v>
      </c>
    </row>
    <row r="15430" spans="1:12">
      <c r="A15430" s="6" t="s">
        <v>49</v>
      </c>
      <c r="B15430" s="6"/>
      <c r="C15430" s="6" t="s">
        <v>15454</v>
      </c>
      <c r="D15430" s="6"/>
      <c r="E15430" s="6" t="s">
        <v>9</v>
      </c>
      <c r="F15430" s="7">
        <v>38657</v>
      </c>
      <c r="G15430" s="8">
        <v>1</v>
      </c>
      <c r="H15430" s="8">
        <v>1</v>
      </c>
      <c r="I15430" s="8">
        <v>0</v>
      </c>
      <c r="J15430" s="8">
        <v>1</v>
      </c>
      <c r="K15430" s="9">
        <v>54</v>
      </c>
      <c r="L15430" s="6" t="s">
        <v>51</v>
      </c>
    </row>
    <row r="15431" spans="1:12">
      <c r="A15431" s="6" t="s">
        <v>49</v>
      </c>
      <c r="B15431" s="6"/>
      <c r="C15431" s="6" t="s">
        <v>15455</v>
      </c>
      <c r="D15431" s="6"/>
      <c r="E15431" s="6" t="s">
        <v>9</v>
      </c>
      <c r="F15431" s="7">
        <v>38657</v>
      </c>
      <c r="G15431" s="8">
        <v>1</v>
      </c>
      <c r="H15431" s="8">
        <v>1</v>
      </c>
      <c r="I15431" s="8">
        <v>0</v>
      </c>
      <c r="J15431" s="8">
        <v>1</v>
      </c>
      <c r="K15431" s="9">
        <v>54</v>
      </c>
      <c r="L15431" s="6" t="s">
        <v>51</v>
      </c>
    </row>
    <row r="15432" spans="1:12">
      <c r="A15432" s="6" t="s">
        <v>49</v>
      </c>
      <c r="B15432" s="6"/>
      <c r="C15432" s="6" t="s">
        <v>15456</v>
      </c>
      <c r="D15432" s="6"/>
      <c r="E15432" s="6" t="s">
        <v>9</v>
      </c>
      <c r="F15432" s="7">
        <v>38657</v>
      </c>
      <c r="G15432" s="8">
        <v>1</v>
      </c>
      <c r="H15432" s="8">
        <v>1</v>
      </c>
      <c r="I15432" s="8">
        <v>0</v>
      </c>
      <c r="J15432" s="8">
        <v>1</v>
      </c>
      <c r="K15432" s="9">
        <v>54</v>
      </c>
      <c r="L15432" s="6" t="s">
        <v>51</v>
      </c>
    </row>
    <row r="15433" spans="1:12">
      <c r="A15433" s="6" t="s">
        <v>49</v>
      </c>
      <c r="B15433" s="6"/>
      <c r="C15433" s="6" t="s">
        <v>15457</v>
      </c>
      <c r="D15433" s="6"/>
      <c r="E15433" s="6" t="s">
        <v>9</v>
      </c>
      <c r="F15433" s="7">
        <v>38657</v>
      </c>
      <c r="G15433" s="8">
        <v>1</v>
      </c>
      <c r="H15433" s="8">
        <v>1</v>
      </c>
      <c r="I15433" s="8">
        <v>0</v>
      </c>
      <c r="J15433" s="8">
        <v>1</v>
      </c>
      <c r="K15433" s="9">
        <v>54</v>
      </c>
      <c r="L15433" s="6" t="s">
        <v>51</v>
      </c>
    </row>
    <row r="15434" spans="1:12">
      <c r="A15434" s="6" t="s">
        <v>49</v>
      </c>
      <c r="B15434" s="6"/>
      <c r="C15434" s="6" t="s">
        <v>15458</v>
      </c>
      <c r="D15434" s="6"/>
      <c r="E15434" s="6" t="s">
        <v>9</v>
      </c>
      <c r="F15434" s="7">
        <v>38657</v>
      </c>
      <c r="G15434" s="8">
        <v>1</v>
      </c>
      <c r="H15434" s="8">
        <v>1</v>
      </c>
      <c r="I15434" s="8">
        <v>0</v>
      </c>
      <c r="J15434" s="8">
        <v>1</v>
      </c>
      <c r="K15434" s="9">
        <v>66</v>
      </c>
      <c r="L15434" s="6" t="s">
        <v>51</v>
      </c>
    </row>
    <row r="15435" spans="1:12">
      <c r="A15435" s="6" t="s">
        <v>49</v>
      </c>
      <c r="B15435" s="6"/>
      <c r="C15435" s="6" t="s">
        <v>15459</v>
      </c>
      <c r="D15435" s="6"/>
      <c r="E15435" s="6" t="s">
        <v>9</v>
      </c>
      <c r="F15435" s="7">
        <v>38657</v>
      </c>
      <c r="G15435" s="8">
        <v>1</v>
      </c>
      <c r="H15435" s="8">
        <v>1</v>
      </c>
      <c r="I15435" s="8">
        <v>0</v>
      </c>
      <c r="J15435" s="8">
        <v>1</v>
      </c>
      <c r="K15435" s="9">
        <v>54</v>
      </c>
      <c r="L15435" s="6" t="s">
        <v>51</v>
      </c>
    </row>
    <row r="15436" spans="1:12">
      <c r="A15436" s="6" t="s">
        <v>49</v>
      </c>
      <c r="B15436" s="6"/>
      <c r="C15436" s="6" t="s">
        <v>15460</v>
      </c>
      <c r="D15436" s="6"/>
      <c r="E15436" s="6" t="s">
        <v>9</v>
      </c>
      <c r="F15436" s="7">
        <v>38657</v>
      </c>
      <c r="G15436" s="8">
        <v>1</v>
      </c>
      <c r="H15436" s="8">
        <v>1</v>
      </c>
      <c r="I15436" s="8">
        <v>0</v>
      </c>
      <c r="J15436" s="8">
        <v>1</v>
      </c>
      <c r="K15436" s="9">
        <v>54</v>
      </c>
      <c r="L15436" s="6" t="s">
        <v>51</v>
      </c>
    </row>
    <row r="15437" spans="1:12">
      <c r="A15437" s="6" t="s">
        <v>49</v>
      </c>
      <c r="B15437" s="6"/>
      <c r="C15437" s="6" t="s">
        <v>15461</v>
      </c>
      <c r="D15437" s="6"/>
      <c r="E15437" s="6" t="s">
        <v>9</v>
      </c>
      <c r="F15437" s="7">
        <v>38657</v>
      </c>
      <c r="G15437" s="8">
        <v>1</v>
      </c>
      <c r="H15437" s="8">
        <v>1</v>
      </c>
      <c r="I15437" s="8">
        <v>0</v>
      </c>
      <c r="J15437" s="8">
        <v>1</v>
      </c>
      <c r="K15437" s="9">
        <v>54</v>
      </c>
      <c r="L15437" s="6" t="s">
        <v>51</v>
      </c>
    </row>
    <row r="15438" spans="1:12">
      <c r="A15438" s="6" t="s">
        <v>49</v>
      </c>
      <c r="B15438" s="6"/>
      <c r="C15438" s="6" t="s">
        <v>15462</v>
      </c>
      <c r="D15438" s="6"/>
      <c r="E15438" s="6" t="s">
        <v>9</v>
      </c>
      <c r="F15438" s="7">
        <v>38657</v>
      </c>
      <c r="G15438" s="8">
        <v>1</v>
      </c>
      <c r="H15438" s="8">
        <v>1</v>
      </c>
      <c r="I15438" s="8">
        <v>0</v>
      </c>
      <c r="J15438" s="8">
        <v>1</v>
      </c>
      <c r="K15438" s="9">
        <v>54</v>
      </c>
      <c r="L15438" s="6" t="s">
        <v>51</v>
      </c>
    </row>
    <row r="15439" spans="1:12">
      <c r="A15439" s="6" t="s">
        <v>49</v>
      </c>
      <c r="B15439" s="6"/>
      <c r="C15439" s="6" t="s">
        <v>15463</v>
      </c>
      <c r="D15439" s="6"/>
      <c r="E15439" s="6" t="s">
        <v>9</v>
      </c>
      <c r="F15439" s="7">
        <v>38657</v>
      </c>
      <c r="G15439" s="8">
        <v>1</v>
      </c>
      <c r="H15439" s="8">
        <v>1</v>
      </c>
      <c r="I15439" s="8">
        <v>0</v>
      </c>
      <c r="J15439" s="8">
        <v>1</v>
      </c>
      <c r="K15439" s="9">
        <v>54</v>
      </c>
      <c r="L15439" s="6" t="s">
        <v>51</v>
      </c>
    </row>
    <row r="15440" spans="1:12">
      <c r="A15440" s="6" t="s">
        <v>49</v>
      </c>
      <c r="B15440" s="6"/>
      <c r="C15440" s="6" t="s">
        <v>15464</v>
      </c>
      <c r="D15440" s="6"/>
      <c r="E15440" s="6" t="s">
        <v>9</v>
      </c>
      <c r="F15440" s="7">
        <v>38657</v>
      </c>
      <c r="G15440" s="8">
        <v>1</v>
      </c>
      <c r="H15440" s="8">
        <v>1</v>
      </c>
      <c r="I15440" s="8">
        <v>0</v>
      </c>
      <c r="J15440" s="8">
        <v>1</v>
      </c>
      <c r="K15440" s="9">
        <v>54</v>
      </c>
      <c r="L15440" s="6" t="s">
        <v>51</v>
      </c>
    </row>
    <row r="15441" spans="1:12">
      <c r="A15441" s="6" t="s">
        <v>49</v>
      </c>
      <c r="B15441" s="6"/>
      <c r="C15441" s="6" t="s">
        <v>15465</v>
      </c>
      <c r="D15441" s="6"/>
      <c r="E15441" s="6" t="s">
        <v>9</v>
      </c>
      <c r="F15441" s="7">
        <v>38657</v>
      </c>
      <c r="G15441" s="8">
        <v>1</v>
      </c>
      <c r="H15441" s="8">
        <v>1</v>
      </c>
      <c r="I15441" s="8">
        <v>0</v>
      </c>
      <c r="J15441" s="8">
        <v>1</v>
      </c>
      <c r="K15441" s="9">
        <v>63</v>
      </c>
      <c r="L15441" s="6" t="s">
        <v>51</v>
      </c>
    </row>
    <row r="15442" spans="1:12">
      <c r="A15442" s="6" t="s">
        <v>49</v>
      </c>
      <c r="B15442" s="6"/>
      <c r="C15442" s="6" t="s">
        <v>15466</v>
      </c>
      <c r="D15442" s="6"/>
      <c r="E15442" s="6" t="s">
        <v>9</v>
      </c>
      <c r="F15442" s="7">
        <v>38657</v>
      </c>
      <c r="G15442" s="8">
        <v>1</v>
      </c>
      <c r="H15442" s="8">
        <v>1</v>
      </c>
      <c r="I15442" s="8">
        <v>0</v>
      </c>
      <c r="J15442" s="8">
        <v>1</v>
      </c>
      <c r="K15442" s="9">
        <v>7.99</v>
      </c>
      <c r="L15442" s="6" t="s">
        <v>51</v>
      </c>
    </row>
    <row r="15443" spans="1:12">
      <c r="A15443" s="6" t="s">
        <v>49</v>
      </c>
      <c r="B15443" s="6"/>
      <c r="C15443" s="6" t="s">
        <v>15467</v>
      </c>
      <c r="D15443" s="6"/>
      <c r="E15443" s="6" t="s">
        <v>9</v>
      </c>
      <c r="F15443" s="7">
        <v>38657</v>
      </c>
      <c r="G15443" s="8">
        <v>1</v>
      </c>
      <c r="H15443" s="8">
        <v>1</v>
      </c>
      <c r="I15443" s="8">
        <v>0</v>
      </c>
      <c r="J15443" s="8">
        <v>1</v>
      </c>
      <c r="K15443" s="9">
        <v>52</v>
      </c>
      <c r="L15443" s="6" t="s">
        <v>51</v>
      </c>
    </row>
    <row r="15444" spans="1:12">
      <c r="A15444" s="6" t="s">
        <v>49</v>
      </c>
      <c r="B15444" s="6"/>
      <c r="C15444" s="6" t="s">
        <v>15468</v>
      </c>
      <c r="D15444" s="6"/>
      <c r="E15444" s="6" t="s">
        <v>9</v>
      </c>
      <c r="F15444" s="7">
        <v>41364</v>
      </c>
      <c r="G15444" s="8">
        <v>1</v>
      </c>
      <c r="H15444" s="8">
        <v>1</v>
      </c>
      <c r="I15444" s="8">
        <v>0</v>
      </c>
      <c r="J15444" s="8">
        <v>1</v>
      </c>
      <c r="K15444" s="9">
        <v>127</v>
      </c>
      <c r="L15444" s="6" t="s">
        <v>51</v>
      </c>
    </row>
    <row r="15445" spans="1:12">
      <c r="A15445" s="6" t="s">
        <v>49</v>
      </c>
      <c r="B15445" s="6"/>
      <c r="C15445" s="6" t="s">
        <v>15469</v>
      </c>
      <c r="D15445" s="6"/>
      <c r="E15445" s="6" t="s">
        <v>9</v>
      </c>
      <c r="F15445" s="7">
        <v>38657</v>
      </c>
      <c r="G15445" s="8">
        <v>1</v>
      </c>
      <c r="H15445" s="8">
        <v>1</v>
      </c>
      <c r="I15445" s="8">
        <v>0</v>
      </c>
      <c r="J15445" s="8">
        <v>1</v>
      </c>
      <c r="K15445" s="9">
        <v>187</v>
      </c>
      <c r="L15445" s="6" t="s">
        <v>51</v>
      </c>
    </row>
    <row r="15446" spans="1:12">
      <c r="A15446" s="6" t="s">
        <v>49</v>
      </c>
      <c r="B15446" s="6"/>
      <c r="C15446" s="6" t="s">
        <v>15470</v>
      </c>
      <c r="D15446" s="6"/>
      <c r="E15446" s="6" t="s">
        <v>9</v>
      </c>
      <c r="F15446" s="7">
        <v>38657</v>
      </c>
      <c r="G15446" s="8">
        <v>1</v>
      </c>
      <c r="H15446" s="8">
        <v>1</v>
      </c>
      <c r="I15446" s="8">
        <v>0</v>
      </c>
      <c r="J15446" s="8">
        <v>1</v>
      </c>
      <c r="K15446" s="9">
        <v>27</v>
      </c>
      <c r="L15446" s="6" t="s">
        <v>51</v>
      </c>
    </row>
    <row r="15447" spans="1:12">
      <c r="A15447" s="6" t="s">
        <v>49</v>
      </c>
      <c r="B15447" s="6"/>
      <c r="C15447" s="6" t="s">
        <v>15471</v>
      </c>
      <c r="D15447" s="6"/>
      <c r="E15447" s="6" t="s">
        <v>9</v>
      </c>
      <c r="F15447" s="7">
        <v>38657</v>
      </c>
      <c r="G15447" s="8">
        <v>1</v>
      </c>
      <c r="H15447" s="8">
        <v>1</v>
      </c>
      <c r="I15447" s="8">
        <v>0</v>
      </c>
      <c r="J15447" s="8">
        <v>1</v>
      </c>
      <c r="K15447" s="9">
        <v>27</v>
      </c>
      <c r="L15447" s="6" t="s">
        <v>51</v>
      </c>
    </row>
    <row r="15448" spans="1:12">
      <c r="A15448" s="6" t="s">
        <v>49</v>
      </c>
      <c r="B15448" s="6"/>
      <c r="C15448" s="6" t="s">
        <v>15472</v>
      </c>
      <c r="D15448" s="6"/>
      <c r="E15448" s="6" t="s">
        <v>9</v>
      </c>
      <c r="F15448" s="7">
        <v>38657</v>
      </c>
      <c r="G15448" s="8">
        <v>1</v>
      </c>
      <c r="H15448" s="8">
        <v>1</v>
      </c>
      <c r="I15448" s="8">
        <v>0</v>
      </c>
      <c r="J15448" s="8">
        <v>1</v>
      </c>
      <c r="K15448" s="9">
        <v>54</v>
      </c>
      <c r="L15448" s="6" t="s">
        <v>51</v>
      </c>
    </row>
    <row r="15449" spans="1:12">
      <c r="A15449" s="6" t="s">
        <v>49</v>
      </c>
      <c r="B15449" s="6"/>
      <c r="C15449" s="6" t="s">
        <v>15473</v>
      </c>
      <c r="D15449" s="6"/>
      <c r="E15449" s="6" t="s">
        <v>9</v>
      </c>
      <c r="F15449" s="7">
        <v>38657</v>
      </c>
      <c r="G15449" s="8">
        <v>1</v>
      </c>
      <c r="H15449" s="8">
        <v>1</v>
      </c>
      <c r="I15449" s="8">
        <v>0</v>
      </c>
      <c r="J15449" s="8">
        <v>1</v>
      </c>
      <c r="K15449" s="9">
        <v>54</v>
      </c>
      <c r="L15449" s="6" t="s">
        <v>51</v>
      </c>
    </row>
    <row r="15450" spans="1:12">
      <c r="A15450" s="6" t="s">
        <v>49</v>
      </c>
      <c r="B15450" s="6"/>
      <c r="C15450" s="6" t="s">
        <v>15474</v>
      </c>
      <c r="D15450" s="6"/>
      <c r="E15450" s="6" t="s">
        <v>9</v>
      </c>
      <c r="F15450" s="7">
        <v>38657</v>
      </c>
      <c r="G15450" s="8">
        <v>1</v>
      </c>
      <c r="H15450" s="8">
        <v>1</v>
      </c>
      <c r="I15450" s="8">
        <v>0</v>
      </c>
      <c r="J15450" s="8">
        <v>1</v>
      </c>
      <c r="K15450" s="9">
        <v>59</v>
      </c>
      <c r="L15450" s="6" t="s">
        <v>51</v>
      </c>
    </row>
    <row r="15451" spans="1:12">
      <c r="A15451" s="6" t="s">
        <v>49</v>
      </c>
      <c r="B15451" s="6"/>
      <c r="C15451" s="6" t="s">
        <v>15475</v>
      </c>
      <c r="D15451" s="6"/>
      <c r="E15451" s="6" t="s">
        <v>9</v>
      </c>
      <c r="F15451" s="7">
        <v>38657</v>
      </c>
      <c r="G15451" s="8">
        <v>1</v>
      </c>
      <c r="H15451" s="8">
        <v>1</v>
      </c>
      <c r="I15451" s="8">
        <v>0</v>
      </c>
      <c r="J15451" s="8">
        <v>1</v>
      </c>
      <c r="K15451" s="9">
        <v>57</v>
      </c>
      <c r="L15451" s="6" t="s">
        <v>51</v>
      </c>
    </row>
    <row r="15452" spans="1:12">
      <c r="A15452" s="6" t="s">
        <v>49</v>
      </c>
      <c r="B15452" s="6"/>
      <c r="C15452" s="6" t="s">
        <v>15476</v>
      </c>
      <c r="D15452" s="6"/>
      <c r="E15452" s="6" t="s">
        <v>9</v>
      </c>
      <c r="F15452" s="7">
        <v>38657</v>
      </c>
      <c r="G15452" s="8">
        <v>1</v>
      </c>
      <c r="H15452" s="8">
        <v>1</v>
      </c>
      <c r="I15452" s="8">
        <v>0</v>
      </c>
      <c r="J15452" s="8">
        <v>1</v>
      </c>
      <c r="K15452" s="9">
        <v>54</v>
      </c>
      <c r="L15452" s="6" t="s">
        <v>51</v>
      </c>
    </row>
    <row r="15453" spans="1:12">
      <c r="A15453" s="6" t="s">
        <v>49</v>
      </c>
      <c r="B15453" s="6"/>
      <c r="C15453" s="6" t="s">
        <v>15477</v>
      </c>
      <c r="D15453" s="6"/>
      <c r="E15453" s="6" t="s">
        <v>9</v>
      </c>
      <c r="F15453" s="7">
        <v>38657</v>
      </c>
      <c r="G15453" s="8">
        <v>1</v>
      </c>
      <c r="H15453" s="8">
        <v>1</v>
      </c>
      <c r="I15453" s="8">
        <v>0</v>
      </c>
      <c r="J15453" s="8">
        <v>1</v>
      </c>
      <c r="K15453" s="9">
        <v>54</v>
      </c>
      <c r="L15453" s="6" t="s">
        <v>51</v>
      </c>
    </row>
    <row r="15454" spans="1:12">
      <c r="A15454" s="6" t="s">
        <v>49</v>
      </c>
      <c r="B15454" s="6"/>
      <c r="C15454" s="6" t="s">
        <v>15478</v>
      </c>
      <c r="D15454" s="6"/>
      <c r="E15454" s="6" t="s">
        <v>9</v>
      </c>
      <c r="F15454" s="7">
        <v>38657</v>
      </c>
      <c r="G15454" s="8">
        <v>1</v>
      </c>
      <c r="H15454" s="8">
        <v>1</v>
      </c>
      <c r="I15454" s="8">
        <v>0</v>
      </c>
      <c r="J15454" s="8">
        <v>1</v>
      </c>
      <c r="K15454" s="9">
        <v>54</v>
      </c>
      <c r="L15454" s="6" t="s">
        <v>51</v>
      </c>
    </row>
    <row r="15455" spans="1:12">
      <c r="A15455" s="6" t="s">
        <v>49</v>
      </c>
      <c r="B15455" s="6"/>
      <c r="C15455" s="6" t="s">
        <v>15479</v>
      </c>
      <c r="D15455" s="6"/>
      <c r="E15455" s="6" t="s">
        <v>9</v>
      </c>
      <c r="F15455" s="7">
        <v>38657</v>
      </c>
      <c r="G15455" s="8">
        <v>1</v>
      </c>
      <c r="H15455" s="8">
        <v>1</v>
      </c>
      <c r="I15455" s="8">
        <v>0</v>
      </c>
      <c r="J15455" s="8">
        <v>1</v>
      </c>
      <c r="K15455" s="9">
        <v>54</v>
      </c>
      <c r="L15455" s="6" t="s">
        <v>51</v>
      </c>
    </row>
    <row r="15456" spans="1:12">
      <c r="A15456" s="6" t="s">
        <v>49</v>
      </c>
      <c r="B15456" s="6"/>
      <c r="C15456" s="6" t="s">
        <v>15480</v>
      </c>
      <c r="D15456" s="6"/>
      <c r="E15456" s="6" t="s">
        <v>9</v>
      </c>
      <c r="F15456" s="7">
        <v>38657</v>
      </c>
      <c r="G15456" s="8">
        <v>1</v>
      </c>
      <c r="H15456" s="8">
        <v>1</v>
      </c>
      <c r="I15456" s="8">
        <v>0</v>
      </c>
      <c r="J15456" s="8">
        <v>1</v>
      </c>
      <c r="K15456" s="9">
        <v>32</v>
      </c>
      <c r="L15456" s="6" t="s">
        <v>51</v>
      </c>
    </row>
    <row r="15457" spans="1:12">
      <c r="A15457" s="6" t="s">
        <v>49</v>
      </c>
      <c r="B15457" s="6"/>
      <c r="C15457" s="6" t="s">
        <v>15481</v>
      </c>
      <c r="D15457" s="6"/>
      <c r="E15457" s="6" t="s">
        <v>9</v>
      </c>
      <c r="F15457" s="7">
        <v>38657</v>
      </c>
      <c r="G15457" s="8">
        <v>1</v>
      </c>
      <c r="H15457" s="8">
        <v>1</v>
      </c>
      <c r="I15457" s="8">
        <v>0</v>
      </c>
      <c r="J15457" s="8">
        <v>1</v>
      </c>
      <c r="K15457" s="9">
        <v>54</v>
      </c>
      <c r="L15457" s="6" t="s">
        <v>51</v>
      </c>
    </row>
    <row r="15458" spans="1:12">
      <c r="A15458" s="6" t="s">
        <v>49</v>
      </c>
      <c r="B15458" s="6"/>
      <c r="C15458" s="6" t="s">
        <v>15482</v>
      </c>
      <c r="D15458" s="6"/>
      <c r="E15458" s="6" t="s">
        <v>9</v>
      </c>
      <c r="F15458" s="7">
        <v>38657</v>
      </c>
      <c r="G15458" s="8">
        <v>1</v>
      </c>
      <c r="H15458" s="8">
        <v>1</v>
      </c>
      <c r="I15458" s="8">
        <v>0</v>
      </c>
      <c r="J15458" s="8">
        <v>1</v>
      </c>
      <c r="K15458" s="9">
        <v>54</v>
      </c>
      <c r="L15458" s="6" t="s">
        <v>51</v>
      </c>
    </row>
    <row r="15459" spans="1:12">
      <c r="A15459" s="6" t="s">
        <v>49</v>
      </c>
      <c r="B15459" s="6"/>
      <c r="C15459" s="6" t="s">
        <v>15483</v>
      </c>
      <c r="D15459" s="6"/>
      <c r="E15459" s="6" t="s">
        <v>9</v>
      </c>
      <c r="F15459" s="7">
        <v>38657</v>
      </c>
      <c r="G15459" s="8">
        <v>1</v>
      </c>
      <c r="H15459" s="8">
        <v>1</v>
      </c>
      <c r="I15459" s="8">
        <v>0</v>
      </c>
      <c r="J15459" s="8">
        <v>1</v>
      </c>
      <c r="K15459" s="9">
        <v>27</v>
      </c>
      <c r="L15459" s="6" t="s">
        <v>51</v>
      </c>
    </row>
    <row r="15460" spans="1:12">
      <c r="A15460" s="6" t="s">
        <v>49</v>
      </c>
      <c r="B15460" s="6"/>
      <c r="C15460" s="6" t="s">
        <v>15484</v>
      </c>
      <c r="D15460" s="6"/>
      <c r="E15460" s="6" t="s">
        <v>9</v>
      </c>
      <c r="F15460" s="7">
        <v>38657</v>
      </c>
      <c r="G15460" s="8">
        <v>1</v>
      </c>
      <c r="H15460" s="8">
        <v>1</v>
      </c>
      <c r="I15460" s="8">
        <v>0</v>
      </c>
      <c r="J15460" s="8">
        <v>1</v>
      </c>
      <c r="K15460" s="9">
        <v>27</v>
      </c>
      <c r="L15460" s="6" t="s">
        <v>51</v>
      </c>
    </row>
    <row r="15461" spans="1:12">
      <c r="A15461" s="6" t="s">
        <v>49</v>
      </c>
      <c r="B15461" s="6"/>
      <c r="C15461" s="6" t="s">
        <v>15485</v>
      </c>
      <c r="D15461" s="6"/>
      <c r="E15461" s="6" t="s">
        <v>9</v>
      </c>
      <c r="F15461" s="7">
        <v>38657</v>
      </c>
      <c r="G15461" s="8">
        <v>1</v>
      </c>
      <c r="H15461" s="8">
        <v>1</v>
      </c>
      <c r="I15461" s="8">
        <v>0</v>
      </c>
      <c r="J15461" s="8">
        <v>1</v>
      </c>
      <c r="K15461" s="9">
        <v>54</v>
      </c>
      <c r="L15461" s="6" t="s">
        <v>51</v>
      </c>
    </row>
    <row r="15462" spans="1:12">
      <c r="A15462" s="6" t="s">
        <v>49</v>
      </c>
      <c r="B15462" s="6"/>
      <c r="C15462" s="6" t="s">
        <v>15486</v>
      </c>
      <c r="D15462" s="6"/>
      <c r="E15462" s="6" t="s">
        <v>9</v>
      </c>
      <c r="F15462" s="7">
        <v>38657</v>
      </c>
      <c r="G15462" s="8">
        <v>1</v>
      </c>
      <c r="H15462" s="8">
        <v>1</v>
      </c>
      <c r="I15462" s="8">
        <v>0</v>
      </c>
      <c r="J15462" s="8">
        <v>1</v>
      </c>
      <c r="K15462" s="9">
        <v>57</v>
      </c>
      <c r="L15462" s="6" t="s">
        <v>51</v>
      </c>
    </row>
    <row r="15463" spans="1:12">
      <c r="A15463" s="6" t="s">
        <v>49</v>
      </c>
      <c r="B15463" s="6"/>
      <c r="C15463" s="6" t="s">
        <v>15487</v>
      </c>
      <c r="D15463" s="6"/>
      <c r="E15463" s="6" t="s">
        <v>9</v>
      </c>
      <c r="F15463" s="7">
        <v>38657</v>
      </c>
      <c r="G15463" s="8">
        <v>1</v>
      </c>
      <c r="H15463" s="8">
        <v>1</v>
      </c>
      <c r="I15463" s="8">
        <v>0</v>
      </c>
      <c r="J15463" s="8">
        <v>1</v>
      </c>
      <c r="K15463" s="9">
        <v>55</v>
      </c>
      <c r="L15463" s="6" t="s">
        <v>51</v>
      </c>
    </row>
    <row r="15464" spans="1:12">
      <c r="A15464" s="6" t="s">
        <v>49</v>
      </c>
      <c r="B15464" s="6"/>
      <c r="C15464" s="6" t="s">
        <v>15488</v>
      </c>
      <c r="D15464" s="6"/>
      <c r="E15464" s="6" t="s">
        <v>9</v>
      </c>
      <c r="F15464" s="7">
        <v>38657</v>
      </c>
      <c r="G15464" s="8">
        <v>1</v>
      </c>
      <c r="H15464" s="8">
        <v>1</v>
      </c>
      <c r="I15464" s="8">
        <v>0</v>
      </c>
      <c r="J15464" s="8">
        <v>1</v>
      </c>
      <c r="K15464" s="9">
        <v>245</v>
      </c>
      <c r="L15464" s="6" t="s">
        <v>51</v>
      </c>
    </row>
    <row r="15465" spans="1:12">
      <c r="A15465" s="6" t="s">
        <v>49</v>
      </c>
      <c r="B15465" s="6"/>
      <c r="C15465" s="6" t="s">
        <v>15489</v>
      </c>
      <c r="D15465" s="6"/>
      <c r="E15465" s="6" t="s">
        <v>9</v>
      </c>
      <c r="F15465" s="7">
        <v>38657</v>
      </c>
      <c r="G15465" s="8">
        <v>1</v>
      </c>
      <c r="H15465" s="8">
        <v>1</v>
      </c>
      <c r="I15465" s="8">
        <v>0</v>
      </c>
      <c r="J15465" s="8">
        <v>1</v>
      </c>
      <c r="K15465" s="9">
        <v>54</v>
      </c>
      <c r="L15465" s="6" t="s">
        <v>51</v>
      </c>
    </row>
    <row r="15466" spans="1:12">
      <c r="A15466" s="6" t="s">
        <v>49</v>
      </c>
      <c r="B15466" s="6"/>
      <c r="C15466" s="6" t="s">
        <v>15490</v>
      </c>
      <c r="D15466" s="6"/>
      <c r="E15466" s="6" t="s">
        <v>9</v>
      </c>
      <c r="F15466" s="7">
        <v>38657</v>
      </c>
      <c r="G15466" s="8">
        <v>1</v>
      </c>
      <c r="H15466" s="8">
        <v>1</v>
      </c>
      <c r="I15466" s="8">
        <v>0</v>
      </c>
      <c r="J15466" s="8">
        <v>1</v>
      </c>
      <c r="K15466" s="9">
        <v>54</v>
      </c>
      <c r="L15466" s="6" t="s">
        <v>51</v>
      </c>
    </row>
    <row r="15467" spans="1:12">
      <c r="A15467" s="6" t="s">
        <v>49</v>
      </c>
      <c r="B15467" s="6"/>
      <c r="C15467" s="6" t="s">
        <v>15491</v>
      </c>
      <c r="D15467" s="6"/>
      <c r="E15467" s="6" t="s">
        <v>9</v>
      </c>
      <c r="F15467" s="7">
        <v>38657</v>
      </c>
      <c r="G15467" s="8">
        <v>1</v>
      </c>
      <c r="H15467" s="8">
        <v>1</v>
      </c>
      <c r="I15467" s="8">
        <v>0</v>
      </c>
      <c r="J15467" s="8">
        <v>1</v>
      </c>
      <c r="K15467" s="9">
        <v>9.91</v>
      </c>
      <c r="L15467" s="6" t="s">
        <v>51</v>
      </c>
    </row>
    <row r="15468" spans="1:12">
      <c r="A15468" s="6" t="s">
        <v>49</v>
      </c>
      <c r="B15468" s="6"/>
      <c r="C15468" s="6" t="s">
        <v>15492</v>
      </c>
      <c r="D15468" s="6"/>
      <c r="E15468" s="6" t="s">
        <v>9</v>
      </c>
      <c r="F15468" s="7">
        <v>38657</v>
      </c>
      <c r="G15468" s="8">
        <v>1</v>
      </c>
      <c r="H15468" s="8">
        <v>1</v>
      </c>
      <c r="I15468" s="8">
        <v>0</v>
      </c>
      <c r="J15468" s="8">
        <v>1</v>
      </c>
      <c r="K15468" s="9">
        <v>9019</v>
      </c>
      <c r="L15468" s="6" t="s">
        <v>51</v>
      </c>
    </row>
    <row r="15469" spans="1:12">
      <c r="A15469" s="6" t="s">
        <v>49</v>
      </c>
      <c r="B15469" s="6"/>
      <c r="C15469" s="6" t="s">
        <v>15493</v>
      </c>
      <c r="D15469" s="6"/>
      <c r="E15469" s="6" t="s">
        <v>9</v>
      </c>
      <c r="F15469" s="7">
        <v>38657</v>
      </c>
      <c r="G15469" s="8">
        <v>1</v>
      </c>
      <c r="H15469" s="8">
        <v>1</v>
      </c>
      <c r="I15469" s="8">
        <v>0</v>
      </c>
      <c r="J15469" s="8">
        <v>1</v>
      </c>
      <c r="K15469" s="9">
        <v>54</v>
      </c>
      <c r="L15469" s="6" t="s">
        <v>51</v>
      </c>
    </row>
    <row r="15470" spans="1:12">
      <c r="A15470" s="6" t="s">
        <v>49</v>
      </c>
      <c r="B15470" s="6"/>
      <c r="C15470" s="6" t="s">
        <v>15494</v>
      </c>
      <c r="D15470" s="6"/>
      <c r="E15470" s="6" t="s">
        <v>9</v>
      </c>
      <c r="F15470" s="7">
        <v>38657</v>
      </c>
      <c r="G15470" s="8">
        <v>1</v>
      </c>
      <c r="H15470" s="8">
        <v>1</v>
      </c>
      <c r="I15470" s="8">
        <v>0</v>
      </c>
      <c r="J15470" s="8">
        <v>1</v>
      </c>
      <c r="K15470" s="9">
        <v>54</v>
      </c>
      <c r="L15470" s="6" t="s">
        <v>51</v>
      </c>
    </row>
    <row r="15471" spans="1:12">
      <c r="A15471" s="6" t="s">
        <v>49</v>
      </c>
      <c r="B15471" s="6"/>
      <c r="C15471" s="6" t="s">
        <v>15495</v>
      </c>
      <c r="D15471" s="6"/>
      <c r="E15471" s="6" t="s">
        <v>9</v>
      </c>
      <c r="F15471" s="7">
        <v>38657</v>
      </c>
      <c r="G15471" s="8">
        <v>1</v>
      </c>
      <c r="H15471" s="8">
        <v>1</v>
      </c>
      <c r="I15471" s="8">
        <v>0</v>
      </c>
      <c r="J15471" s="8">
        <v>1</v>
      </c>
      <c r="K15471" s="9">
        <v>54</v>
      </c>
      <c r="L15471" s="6" t="s">
        <v>51</v>
      </c>
    </row>
    <row r="15472" spans="1:12">
      <c r="A15472" s="6" t="s">
        <v>49</v>
      </c>
      <c r="B15472" s="6"/>
      <c r="C15472" s="6" t="s">
        <v>15496</v>
      </c>
      <c r="D15472" s="6"/>
      <c r="E15472" s="6" t="s">
        <v>9</v>
      </c>
      <c r="F15472" s="7">
        <v>38657</v>
      </c>
      <c r="G15472" s="8">
        <v>1</v>
      </c>
      <c r="H15472" s="8">
        <v>1</v>
      </c>
      <c r="I15472" s="8">
        <v>0</v>
      </c>
      <c r="J15472" s="8">
        <v>1</v>
      </c>
      <c r="K15472" s="9">
        <v>54</v>
      </c>
      <c r="L15472" s="6" t="s">
        <v>51</v>
      </c>
    </row>
    <row r="15473" spans="1:12">
      <c r="A15473" s="6" t="s">
        <v>49</v>
      </c>
      <c r="B15473" s="6"/>
      <c r="C15473" s="6" t="s">
        <v>15497</v>
      </c>
      <c r="D15473" s="6"/>
      <c r="E15473" s="6" t="s">
        <v>9</v>
      </c>
      <c r="F15473" s="7">
        <v>38657</v>
      </c>
      <c r="G15473" s="8">
        <v>1</v>
      </c>
      <c r="H15473" s="8">
        <v>1</v>
      </c>
      <c r="I15473" s="8">
        <v>0</v>
      </c>
      <c r="J15473" s="8">
        <v>1</v>
      </c>
      <c r="K15473" s="9">
        <v>54</v>
      </c>
      <c r="L15473" s="6" t="s">
        <v>51</v>
      </c>
    </row>
    <row r="15474" spans="1:12">
      <c r="A15474" s="6" t="s">
        <v>49</v>
      </c>
      <c r="B15474" s="6"/>
      <c r="C15474" s="6" t="s">
        <v>15498</v>
      </c>
      <c r="D15474" s="6"/>
      <c r="E15474" s="6" t="s">
        <v>9</v>
      </c>
      <c r="F15474" s="7">
        <v>38657</v>
      </c>
      <c r="G15474" s="8">
        <v>1</v>
      </c>
      <c r="H15474" s="8">
        <v>1</v>
      </c>
      <c r="I15474" s="8">
        <v>0</v>
      </c>
      <c r="J15474" s="8">
        <v>1</v>
      </c>
      <c r="K15474" s="9">
        <v>54</v>
      </c>
      <c r="L15474" s="6" t="s">
        <v>51</v>
      </c>
    </row>
    <row r="15475" spans="1:12">
      <c r="A15475" s="6" t="s">
        <v>49</v>
      </c>
      <c r="B15475" s="6"/>
      <c r="C15475" s="6" t="s">
        <v>15499</v>
      </c>
      <c r="D15475" s="6"/>
      <c r="E15475" s="6" t="s">
        <v>9</v>
      </c>
      <c r="F15475" s="7">
        <v>38657</v>
      </c>
      <c r="G15475" s="8">
        <v>1</v>
      </c>
      <c r="H15475" s="8">
        <v>1</v>
      </c>
      <c r="I15475" s="8">
        <v>0</v>
      </c>
      <c r="J15475" s="8">
        <v>1</v>
      </c>
      <c r="K15475" s="9">
        <v>65</v>
      </c>
      <c r="L15475" s="6" t="s">
        <v>51</v>
      </c>
    </row>
    <row r="15476" spans="1:12">
      <c r="A15476" s="6" t="s">
        <v>49</v>
      </c>
      <c r="B15476" s="6"/>
      <c r="C15476" s="6" t="s">
        <v>15500</v>
      </c>
      <c r="D15476" s="6"/>
      <c r="E15476" s="6" t="s">
        <v>9</v>
      </c>
      <c r="F15476" s="7"/>
      <c r="G15476" s="8">
        <v>1</v>
      </c>
      <c r="H15476" s="8">
        <v>1</v>
      </c>
      <c r="I15476" s="8">
        <v>0</v>
      </c>
      <c r="J15476" s="8">
        <v>1</v>
      </c>
      <c r="K15476" s="9">
        <v>160</v>
      </c>
      <c r="L15476" s="6" t="s">
        <v>51</v>
      </c>
    </row>
    <row r="15477" spans="1:12">
      <c r="A15477" s="6" t="s">
        <v>49</v>
      </c>
      <c r="B15477" s="6"/>
      <c r="C15477" s="6" t="s">
        <v>15501</v>
      </c>
      <c r="D15477" s="6"/>
      <c r="E15477" s="6" t="s">
        <v>9</v>
      </c>
      <c r="F15477" s="7">
        <v>38657</v>
      </c>
      <c r="G15477" s="8">
        <v>1</v>
      </c>
      <c r="H15477" s="8">
        <v>1</v>
      </c>
      <c r="I15477" s="8">
        <v>0</v>
      </c>
      <c r="J15477" s="8">
        <v>1</v>
      </c>
      <c r="K15477" s="9">
        <v>156</v>
      </c>
      <c r="L15477" s="6" t="s">
        <v>51</v>
      </c>
    </row>
    <row r="15478" spans="1:12">
      <c r="A15478" s="6" t="s">
        <v>49</v>
      </c>
      <c r="B15478" s="6"/>
      <c r="C15478" s="6" t="s">
        <v>15502</v>
      </c>
      <c r="D15478" s="6"/>
      <c r="E15478" s="6" t="s">
        <v>9</v>
      </c>
      <c r="F15478" s="7">
        <v>38657</v>
      </c>
      <c r="G15478" s="8">
        <v>1</v>
      </c>
      <c r="H15478" s="8">
        <v>1</v>
      </c>
      <c r="I15478" s="8">
        <v>0</v>
      </c>
      <c r="J15478" s="8">
        <v>1</v>
      </c>
      <c r="K15478" s="9">
        <v>225</v>
      </c>
      <c r="L15478" s="6" t="s">
        <v>51</v>
      </c>
    </row>
    <row r="15479" spans="1:12">
      <c r="A15479" s="6" t="s">
        <v>49</v>
      </c>
      <c r="B15479" s="6"/>
      <c r="C15479" s="6" t="s">
        <v>15503</v>
      </c>
      <c r="D15479" s="6"/>
      <c r="E15479" s="6" t="s">
        <v>9</v>
      </c>
      <c r="F15479" s="7">
        <v>38657</v>
      </c>
      <c r="G15479" s="8">
        <v>1</v>
      </c>
      <c r="H15479" s="8">
        <v>1</v>
      </c>
      <c r="I15479" s="8">
        <v>0</v>
      </c>
      <c r="J15479" s="8">
        <v>1</v>
      </c>
      <c r="K15479" s="9">
        <v>847</v>
      </c>
      <c r="L15479" s="6" t="s">
        <v>51</v>
      </c>
    </row>
    <row r="15480" spans="1:12">
      <c r="A15480" s="6" t="s">
        <v>49</v>
      </c>
      <c r="B15480" s="6"/>
      <c r="C15480" s="6" t="s">
        <v>15504</v>
      </c>
      <c r="D15480" s="6"/>
      <c r="E15480" s="6" t="s">
        <v>9</v>
      </c>
      <c r="F15480" s="7">
        <v>38657</v>
      </c>
      <c r="G15480" s="8">
        <v>1</v>
      </c>
      <c r="H15480" s="8">
        <v>1</v>
      </c>
      <c r="I15480" s="8">
        <v>0</v>
      </c>
      <c r="J15480" s="8">
        <v>1</v>
      </c>
      <c r="K15480" s="9">
        <v>31</v>
      </c>
      <c r="L15480" s="6" t="s">
        <v>51</v>
      </c>
    </row>
    <row r="15481" spans="1:12">
      <c r="A15481" s="6" t="s">
        <v>49</v>
      </c>
      <c r="B15481" s="6"/>
      <c r="C15481" s="6" t="s">
        <v>15505</v>
      </c>
      <c r="D15481" s="6"/>
      <c r="E15481" s="6" t="s">
        <v>9</v>
      </c>
      <c r="F15481" s="7">
        <v>38657</v>
      </c>
      <c r="G15481" s="8">
        <v>1</v>
      </c>
      <c r="H15481" s="8">
        <v>1</v>
      </c>
      <c r="I15481" s="8">
        <v>0</v>
      </c>
      <c r="J15481" s="8">
        <v>1</v>
      </c>
      <c r="K15481" s="9">
        <v>173</v>
      </c>
      <c r="L15481" s="6" t="s">
        <v>51</v>
      </c>
    </row>
    <row r="15482" spans="1:12">
      <c r="A15482" s="6" t="s">
        <v>49</v>
      </c>
      <c r="B15482" s="6"/>
      <c r="C15482" s="6" t="s">
        <v>15506</v>
      </c>
      <c r="D15482" s="6"/>
      <c r="E15482" s="6" t="s">
        <v>9</v>
      </c>
      <c r="F15482" s="7">
        <v>38657</v>
      </c>
      <c r="G15482" s="8">
        <v>1</v>
      </c>
      <c r="H15482" s="8">
        <v>1</v>
      </c>
      <c r="I15482" s="8">
        <v>0</v>
      </c>
      <c r="J15482" s="8">
        <v>1</v>
      </c>
      <c r="K15482" s="9">
        <v>140</v>
      </c>
      <c r="L15482" s="6" t="s">
        <v>51</v>
      </c>
    </row>
    <row r="15483" spans="1:12">
      <c r="A15483" s="6" t="s">
        <v>49</v>
      </c>
      <c r="B15483" s="6"/>
      <c r="C15483" s="6" t="s">
        <v>15507</v>
      </c>
      <c r="D15483" s="6"/>
      <c r="E15483" s="6" t="s">
        <v>9</v>
      </c>
      <c r="F15483" s="7">
        <v>38657</v>
      </c>
      <c r="G15483" s="8">
        <v>1</v>
      </c>
      <c r="H15483" s="8">
        <v>1</v>
      </c>
      <c r="I15483" s="8">
        <v>0</v>
      </c>
      <c r="J15483" s="8">
        <v>1</v>
      </c>
      <c r="K15483" s="9">
        <v>140</v>
      </c>
      <c r="L15483" s="6" t="s">
        <v>51</v>
      </c>
    </row>
    <row r="15484" spans="1:12">
      <c r="A15484" s="6" t="s">
        <v>49</v>
      </c>
      <c r="B15484" s="6"/>
      <c r="C15484" s="6" t="s">
        <v>15508</v>
      </c>
      <c r="D15484" s="6"/>
      <c r="E15484" s="6" t="s">
        <v>9</v>
      </c>
      <c r="F15484" s="7">
        <v>38657</v>
      </c>
      <c r="G15484" s="8">
        <v>1</v>
      </c>
      <c r="H15484" s="8">
        <v>1</v>
      </c>
      <c r="I15484" s="8">
        <v>0</v>
      </c>
      <c r="J15484" s="8">
        <v>1</v>
      </c>
      <c r="K15484" s="9">
        <v>114</v>
      </c>
      <c r="L15484" s="6" t="s">
        <v>51</v>
      </c>
    </row>
    <row r="15485" spans="1:12">
      <c r="A15485" s="6" t="s">
        <v>49</v>
      </c>
      <c r="B15485" s="6"/>
      <c r="C15485" s="6" t="s">
        <v>15509</v>
      </c>
      <c r="D15485" s="6"/>
      <c r="E15485" s="6" t="s">
        <v>9</v>
      </c>
      <c r="F15485" s="7">
        <v>38657</v>
      </c>
      <c r="G15485" s="8">
        <v>1</v>
      </c>
      <c r="H15485" s="8">
        <v>1</v>
      </c>
      <c r="I15485" s="8">
        <v>0</v>
      </c>
      <c r="J15485" s="8">
        <v>1</v>
      </c>
      <c r="K15485" s="9">
        <v>137</v>
      </c>
      <c r="L15485" s="6" t="s">
        <v>51</v>
      </c>
    </row>
    <row r="15486" spans="1:12">
      <c r="A15486" s="6" t="s">
        <v>49</v>
      </c>
      <c r="B15486" s="6"/>
      <c r="C15486" s="6" t="s">
        <v>15510</v>
      </c>
      <c r="D15486" s="6"/>
      <c r="E15486" s="6" t="s">
        <v>9</v>
      </c>
      <c r="F15486" s="7">
        <v>38657</v>
      </c>
      <c r="G15486" s="8">
        <v>1</v>
      </c>
      <c r="H15486" s="8">
        <v>1</v>
      </c>
      <c r="I15486" s="8">
        <v>0</v>
      </c>
      <c r="J15486" s="8">
        <v>1</v>
      </c>
      <c r="K15486" s="9">
        <v>227</v>
      </c>
      <c r="L15486" s="6" t="s">
        <v>51</v>
      </c>
    </row>
    <row r="15487" spans="1:12">
      <c r="A15487" s="6" t="s">
        <v>49</v>
      </c>
      <c r="B15487" s="6"/>
      <c r="C15487" s="6" t="s">
        <v>15511</v>
      </c>
      <c r="D15487" s="6"/>
      <c r="E15487" s="6" t="s">
        <v>9</v>
      </c>
      <c r="F15487" s="7">
        <v>38657</v>
      </c>
      <c r="G15487" s="8">
        <v>1</v>
      </c>
      <c r="H15487" s="8">
        <v>1</v>
      </c>
      <c r="I15487" s="8">
        <v>0</v>
      </c>
      <c r="J15487" s="8">
        <v>1</v>
      </c>
      <c r="K15487" s="9">
        <v>169</v>
      </c>
      <c r="L15487" s="6" t="s">
        <v>51</v>
      </c>
    </row>
    <row r="15488" spans="1:12">
      <c r="A15488" s="6" t="s">
        <v>49</v>
      </c>
      <c r="B15488" s="6"/>
      <c r="C15488" s="6" t="s">
        <v>15512</v>
      </c>
      <c r="D15488" s="6"/>
      <c r="E15488" s="6" t="s">
        <v>9</v>
      </c>
      <c r="F15488" s="7">
        <v>38657</v>
      </c>
      <c r="G15488" s="8">
        <v>1</v>
      </c>
      <c r="H15488" s="8">
        <v>1</v>
      </c>
      <c r="I15488" s="8">
        <v>0</v>
      </c>
      <c r="J15488" s="8">
        <v>1</v>
      </c>
      <c r="K15488" s="9">
        <v>150</v>
      </c>
      <c r="L15488" s="6" t="s">
        <v>51</v>
      </c>
    </row>
    <row r="15489" spans="1:12">
      <c r="A15489" s="6" t="s">
        <v>49</v>
      </c>
      <c r="B15489" s="6"/>
      <c r="C15489" s="6" t="s">
        <v>15513</v>
      </c>
      <c r="D15489" s="6"/>
      <c r="E15489" s="6" t="s">
        <v>9</v>
      </c>
      <c r="F15489" s="7">
        <v>38657</v>
      </c>
      <c r="G15489" s="8">
        <v>1</v>
      </c>
      <c r="H15489" s="8">
        <v>1</v>
      </c>
      <c r="I15489" s="8">
        <v>0</v>
      </c>
      <c r="J15489" s="8">
        <v>1</v>
      </c>
      <c r="K15489" s="9">
        <v>161</v>
      </c>
      <c r="L15489" s="6" t="s">
        <v>51</v>
      </c>
    </row>
    <row r="15490" spans="1:12">
      <c r="A15490" s="6" t="s">
        <v>49</v>
      </c>
      <c r="B15490" s="6"/>
      <c r="C15490" s="6" t="s">
        <v>15514</v>
      </c>
      <c r="D15490" s="6"/>
      <c r="E15490" s="6" t="s">
        <v>9</v>
      </c>
      <c r="F15490" s="7">
        <v>38657</v>
      </c>
      <c r="G15490" s="8">
        <v>1</v>
      </c>
      <c r="H15490" s="8">
        <v>1</v>
      </c>
      <c r="I15490" s="8">
        <v>0</v>
      </c>
      <c r="J15490" s="8">
        <v>1</v>
      </c>
      <c r="K15490" s="9">
        <v>329</v>
      </c>
      <c r="L15490" s="6" t="s">
        <v>51</v>
      </c>
    </row>
    <row r="15491" spans="1:12">
      <c r="A15491" s="6" t="s">
        <v>49</v>
      </c>
      <c r="B15491" s="6"/>
      <c r="C15491" s="6" t="s">
        <v>15515</v>
      </c>
      <c r="D15491" s="6"/>
      <c r="E15491" s="6" t="s">
        <v>9</v>
      </c>
      <c r="F15491" s="7">
        <v>38657</v>
      </c>
      <c r="G15491" s="8">
        <v>1</v>
      </c>
      <c r="H15491" s="8">
        <v>1</v>
      </c>
      <c r="I15491" s="8">
        <v>0</v>
      </c>
      <c r="J15491" s="8">
        <v>1</v>
      </c>
      <c r="K15491" s="9">
        <v>167</v>
      </c>
      <c r="L15491" s="6" t="s">
        <v>51</v>
      </c>
    </row>
    <row r="15492" spans="1:12">
      <c r="A15492" s="6" t="s">
        <v>49</v>
      </c>
      <c r="B15492" s="6"/>
      <c r="C15492" s="6" t="s">
        <v>15516</v>
      </c>
      <c r="D15492" s="6"/>
      <c r="E15492" s="6" t="s">
        <v>9</v>
      </c>
      <c r="F15492" s="7">
        <v>38657</v>
      </c>
      <c r="G15492" s="8">
        <v>1</v>
      </c>
      <c r="H15492" s="8">
        <v>1</v>
      </c>
      <c r="I15492" s="8">
        <v>0</v>
      </c>
      <c r="J15492" s="8">
        <v>1</v>
      </c>
      <c r="K15492" s="9">
        <v>158</v>
      </c>
      <c r="L15492" s="6" t="s">
        <v>51</v>
      </c>
    </row>
    <row r="15493" spans="1:12">
      <c r="A15493" s="6" t="s">
        <v>49</v>
      </c>
      <c r="B15493" s="6"/>
      <c r="C15493" s="6" t="s">
        <v>15517</v>
      </c>
      <c r="D15493" s="6"/>
      <c r="E15493" s="6" t="s">
        <v>9</v>
      </c>
      <c r="F15493" s="7">
        <v>38657</v>
      </c>
      <c r="G15493" s="8">
        <v>1</v>
      </c>
      <c r="H15493" s="8">
        <v>1</v>
      </c>
      <c r="I15493" s="8">
        <v>0</v>
      </c>
      <c r="J15493" s="8">
        <v>1</v>
      </c>
      <c r="K15493" s="9">
        <v>297</v>
      </c>
      <c r="L15493" s="6" t="s">
        <v>51</v>
      </c>
    </row>
    <row r="15494" spans="1:12">
      <c r="A15494" s="6" t="s">
        <v>49</v>
      </c>
      <c r="B15494" s="6"/>
      <c r="C15494" s="6" t="s">
        <v>15518</v>
      </c>
      <c r="D15494" s="6"/>
      <c r="E15494" s="6" t="s">
        <v>9</v>
      </c>
      <c r="F15494" s="7">
        <v>38657</v>
      </c>
      <c r="G15494" s="8">
        <v>1</v>
      </c>
      <c r="H15494" s="8">
        <v>1</v>
      </c>
      <c r="I15494" s="8">
        <v>0</v>
      </c>
      <c r="J15494" s="8">
        <v>1</v>
      </c>
      <c r="K15494" s="9">
        <v>74</v>
      </c>
      <c r="L15494" s="6" t="s">
        <v>51</v>
      </c>
    </row>
    <row r="15495" spans="1:12">
      <c r="A15495" s="6" t="s">
        <v>49</v>
      </c>
      <c r="B15495" s="6"/>
      <c r="C15495" s="6" t="s">
        <v>15519</v>
      </c>
      <c r="D15495" s="6"/>
      <c r="E15495" s="6" t="s">
        <v>9</v>
      </c>
      <c r="F15495" s="7">
        <v>38657</v>
      </c>
      <c r="G15495" s="8">
        <v>1</v>
      </c>
      <c r="H15495" s="8">
        <v>1</v>
      </c>
      <c r="I15495" s="8">
        <v>0</v>
      </c>
      <c r="J15495" s="8">
        <v>1</v>
      </c>
      <c r="K15495" s="9">
        <v>54</v>
      </c>
      <c r="L15495" s="6" t="s">
        <v>51</v>
      </c>
    </row>
    <row r="15496" spans="1:12">
      <c r="A15496" s="6" t="s">
        <v>49</v>
      </c>
      <c r="B15496" s="6"/>
      <c r="C15496" s="6" t="s">
        <v>15520</v>
      </c>
      <c r="D15496" s="6"/>
      <c r="E15496" s="6" t="s">
        <v>9</v>
      </c>
      <c r="F15496" s="7">
        <v>38657</v>
      </c>
      <c r="G15496" s="8">
        <v>1</v>
      </c>
      <c r="H15496" s="8">
        <v>1</v>
      </c>
      <c r="I15496" s="8">
        <v>0</v>
      </c>
      <c r="J15496" s="8">
        <v>1</v>
      </c>
      <c r="K15496" s="9">
        <v>54</v>
      </c>
      <c r="L15496" s="6" t="s">
        <v>51</v>
      </c>
    </row>
    <row r="15497" spans="1:12">
      <c r="A15497" s="6" t="s">
        <v>49</v>
      </c>
      <c r="B15497" s="6"/>
      <c r="C15497" s="6" t="s">
        <v>15521</v>
      </c>
      <c r="D15497" s="6"/>
      <c r="E15497" s="6" t="s">
        <v>9</v>
      </c>
      <c r="F15497" s="7">
        <v>38657</v>
      </c>
      <c r="G15497" s="8">
        <v>1</v>
      </c>
      <c r="H15497" s="8">
        <v>1</v>
      </c>
      <c r="I15497" s="8">
        <v>0</v>
      </c>
      <c r="J15497" s="8">
        <v>1</v>
      </c>
      <c r="K15497" s="9">
        <v>54</v>
      </c>
      <c r="L15497" s="6" t="s">
        <v>51</v>
      </c>
    </row>
    <row r="15498" spans="1:12">
      <c r="A15498" s="6" t="s">
        <v>49</v>
      </c>
      <c r="B15498" s="6"/>
      <c r="C15498" s="6" t="s">
        <v>15522</v>
      </c>
      <c r="D15498" s="6"/>
      <c r="E15498" s="6" t="s">
        <v>9</v>
      </c>
      <c r="F15498" s="7">
        <v>38657</v>
      </c>
      <c r="G15498" s="8">
        <v>1</v>
      </c>
      <c r="H15498" s="8">
        <v>1</v>
      </c>
      <c r="I15498" s="8">
        <v>0</v>
      </c>
      <c r="J15498" s="8">
        <v>1</v>
      </c>
      <c r="K15498" s="9">
        <v>54</v>
      </c>
      <c r="L15498" s="6" t="s">
        <v>51</v>
      </c>
    </row>
    <row r="15499" spans="1:12">
      <c r="A15499" s="6" t="s">
        <v>49</v>
      </c>
      <c r="B15499" s="6"/>
      <c r="C15499" s="6" t="s">
        <v>15523</v>
      </c>
      <c r="D15499" s="6"/>
      <c r="E15499" s="6" t="s">
        <v>9</v>
      </c>
      <c r="F15499" s="7">
        <v>38657</v>
      </c>
      <c r="G15499" s="8">
        <v>1</v>
      </c>
      <c r="H15499" s="8">
        <v>1</v>
      </c>
      <c r="I15499" s="8">
        <v>0</v>
      </c>
      <c r="J15499" s="8">
        <v>1</v>
      </c>
      <c r="K15499" s="9">
        <v>54</v>
      </c>
      <c r="L15499" s="6" t="s">
        <v>51</v>
      </c>
    </row>
    <row r="15500" spans="1:12">
      <c r="A15500" s="6" t="s">
        <v>49</v>
      </c>
      <c r="B15500" s="6"/>
      <c r="C15500" s="6" t="s">
        <v>15524</v>
      </c>
      <c r="D15500" s="6"/>
      <c r="E15500" s="6" t="s">
        <v>9</v>
      </c>
      <c r="F15500" s="7">
        <v>38657</v>
      </c>
      <c r="G15500" s="8">
        <v>1</v>
      </c>
      <c r="H15500" s="8">
        <v>1</v>
      </c>
      <c r="I15500" s="8">
        <v>0</v>
      </c>
      <c r="J15500" s="8">
        <v>1</v>
      </c>
      <c r="K15500" s="9">
        <v>54</v>
      </c>
      <c r="L15500" s="6" t="s">
        <v>51</v>
      </c>
    </row>
    <row r="15501" spans="1:12">
      <c r="A15501" s="6" t="s">
        <v>49</v>
      </c>
      <c r="B15501" s="6"/>
      <c r="C15501" s="6" t="s">
        <v>15525</v>
      </c>
      <c r="D15501" s="6"/>
      <c r="E15501" s="6" t="s">
        <v>9</v>
      </c>
      <c r="F15501" s="7">
        <v>38657</v>
      </c>
      <c r="G15501" s="8">
        <v>1</v>
      </c>
      <c r="H15501" s="8">
        <v>1</v>
      </c>
      <c r="I15501" s="8">
        <v>0</v>
      </c>
      <c r="J15501" s="8">
        <v>1</v>
      </c>
      <c r="K15501" s="9">
        <v>1398</v>
      </c>
      <c r="L15501" s="6" t="s">
        <v>51</v>
      </c>
    </row>
    <row r="15502" spans="1:12">
      <c r="A15502" s="6" t="s">
        <v>49</v>
      </c>
      <c r="B15502" s="6"/>
      <c r="C15502" s="6" t="s">
        <v>15526</v>
      </c>
      <c r="D15502" s="6"/>
      <c r="E15502" s="6" t="s">
        <v>9</v>
      </c>
      <c r="F15502" s="7">
        <v>38657</v>
      </c>
      <c r="G15502" s="8">
        <v>1</v>
      </c>
      <c r="H15502" s="8">
        <v>1</v>
      </c>
      <c r="I15502" s="8">
        <v>0</v>
      </c>
      <c r="J15502" s="8">
        <v>1</v>
      </c>
      <c r="K15502" s="9">
        <v>54</v>
      </c>
      <c r="L15502" s="6" t="s">
        <v>51</v>
      </c>
    </row>
    <row r="15503" spans="1:12">
      <c r="A15503" s="6" t="s">
        <v>49</v>
      </c>
      <c r="B15503" s="6"/>
      <c r="C15503" s="6" t="s">
        <v>15527</v>
      </c>
      <c r="D15503" s="6"/>
      <c r="E15503" s="6" t="s">
        <v>9</v>
      </c>
      <c r="F15503" s="7">
        <v>38657</v>
      </c>
      <c r="G15503" s="8">
        <v>1</v>
      </c>
      <c r="H15503" s="8">
        <v>1</v>
      </c>
      <c r="I15503" s="8">
        <v>0</v>
      </c>
      <c r="J15503" s="8">
        <v>1</v>
      </c>
      <c r="K15503" s="9">
        <v>54</v>
      </c>
      <c r="L15503" s="6" t="s">
        <v>51</v>
      </c>
    </row>
    <row r="15504" spans="1:12">
      <c r="A15504" s="6" t="s">
        <v>49</v>
      </c>
      <c r="B15504" s="6"/>
      <c r="C15504" s="6" t="s">
        <v>15528</v>
      </c>
      <c r="D15504" s="6"/>
      <c r="E15504" s="6" t="s">
        <v>9</v>
      </c>
      <c r="F15504" s="7">
        <v>38657</v>
      </c>
      <c r="G15504" s="8">
        <v>1</v>
      </c>
      <c r="H15504" s="8">
        <v>1</v>
      </c>
      <c r="I15504" s="8">
        <v>0</v>
      </c>
      <c r="J15504" s="8">
        <v>1</v>
      </c>
      <c r="K15504" s="9">
        <v>54</v>
      </c>
      <c r="L15504" s="6" t="s">
        <v>51</v>
      </c>
    </row>
    <row r="15505" spans="1:12">
      <c r="A15505" s="6" t="s">
        <v>49</v>
      </c>
      <c r="B15505" s="6"/>
      <c r="C15505" s="6" t="s">
        <v>15529</v>
      </c>
      <c r="D15505" s="6"/>
      <c r="E15505" s="6" t="s">
        <v>9</v>
      </c>
      <c r="F15505" s="7">
        <v>38657</v>
      </c>
      <c r="G15505" s="8">
        <v>1</v>
      </c>
      <c r="H15505" s="8">
        <v>1</v>
      </c>
      <c r="I15505" s="8">
        <v>0</v>
      </c>
      <c r="J15505" s="8">
        <v>1</v>
      </c>
      <c r="K15505" s="9">
        <v>54</v>
      </c>
      <c r="L15505" s="6" t="s">
        <v>51</v>
      </c>
    </row>
    <row r="15506" spans="1:12">
      <c r="A15506" s="6" t="s">
        <v>49</v>
      </c>
      <c r="B15506" s="6"/>
      <c r="C15506" s="6" t="s">
        <v>15530</v>
      </c>
      <c r="D15506" s="6"/>
      <c r="E15506" s="6" t="s">
        <v>9</v>
      </c>
      <c r="F15506" s="7">
        <v>38657</v>
      </c>
      <c r="G15506" s="8">
        <v>1</v>
      </c>
      <c r="H15506" s="8">
        <v>1</v>
      </c>
      <c r="I15506" s="8">
        <v>0</v>
      </c>
      <c r="J15506" s="8">
        <v>1</v>
      </c>
      <c r="K15506" s="9">
        <v>54</v>
      </c>
      <c r="L15506" s="6" t="s">
        <v>51</v>
      </c>
    </row>
    <row r="15507" spans="1:12">
      <c r="A15507" s="6" t="s">
        <v>49</v>
      </c>
      <c r="B15507" s="6"/>
      <c r="C15507" s="6" t="s">
        <v>15531</v>
      </c>
      <c r="D15507" s="6"/>
      <c r="E15507" s="6" t="s">
        <v>9</v>
      </c>
      <c r="F15507" s="7">
        <v>38657</v>
      </c>
      <c r="G15507" s="8">
        <v>1</v>
      </c>
      <c r="H15507" s="8">
        <v>1</v>
      </c>
      <c r="I15507" s="8">
        <v>0</v>
      </c>
      <c r="J15507" s="8">
        <v>1</v>
      </c>
      <c r="K15507" s="9">
        <v>54</v>
      </c>
      <c r="L15507" s="6" t="s">
        <v>51</v>
      </c>
    </row>
    <row r="15508" spans="1:12">
      <c r="A15508" s="6" t="s">
        <v>49</v>
      </c>
      <c r="B15508" s="6"/>
      <c r="C15508" s="6" t="s">
        <v>15532</v>
      </c>
      <c r="D15508" s="6"/>
      <c r="E15508" s="6" t="s">
        <v>9</v>
      </c>
      <c r="F15508" s="7">
        <v>38657</v>
      </c>
      <c r="G15508" s="8">
        <v>1</v>
      </c>
      <c r="H15508" s="8">
        <v>1</v>
      </c>
      <c r="I15508" s="8">
        <v>0</v>
      </c>
      <c r="J15508" s="8">
        <v>1</v>
      </c>
      <c r="K15508" s="9">
        <v>13</v>
      </c>
      <c r="L15508" s="6" t="s">
        <v>51</v>
      </c>
    </row>
    <row r="15509" spans="1:12">
      <c r="A15509" s="6" t="s">
        <v>49</v>
      </c>
      <c r="B15509" s="6"/>
      <c r="C15509" s="6" t="s">
        <v>15533</v>
      </c>
      <c r="D15509" s="6"/>
      <c r="E15509" s="6" t="s">
        <v>9</v>
      </c>
      <c r="F15509" s="7">
        <v>38657</v>
      </c>
      <c r="G15509" s="8">
        <v>1</v>
      </c>
      <c r="H15509" s="8">
        <v>1</v>
      </c>
      <c r="I15509" s="8">
        <v>0</v>
      </c>
      <c r="J15509" s="8">
        <v>1</v>
      </c>
      <c r="K15509" s="9">
        <v>3536</v>
      </c>
      <c r="L15509" s="6" t="s">
        <v>51</v>
      </c>
    </row>
    <row r="15510" spans="1:12">
      <c r="A15510" s="6" t="s">
        <v>49</v>
      </c>
      <c r="B15510" s="6"/>
      <c r="C15510" s="6" t="s">
        <v>15534</v>
      </c>
      <c r="D15510" s="6"/>
      <c r="E15510" s="6" t="s">
        <v>9</v>
      </c>
      <c r="F15510" s="7">
        <v>38657</v>
      </c>
      <c r="G15510" s="8">
        <v>1</v>
      </c>
      <c r="H15510" s="8">
        <v>1</v>
      </c>
      <c r="I15510" s="8">
        <v>0</v>
      </c>
      <c r="J15510" s="8">
        <v>1</v>
      </c>
      <c r="K15510" s="9">
        <v>4060</v>
      </c>
      <c r="L15510" s="6" t="s">
        <v>51</v>
      </c>
    </row>
    <row r="15511" spans="1:12">
      <c r="A15511" s="6" t="s">
        <v>49</v>
      </c>
      <c r="B15511" s="6"/>
      <c r="C15511" s="6" t="s">
        <v>15535</v>
      </c>
      <c r="D15511" s="6"/>
      <c r="E15511" s="6" t="s">
        <v>9</v>
      </c>
      <c r="F15511" s="7">
        <v>38657</v>
      </c>
      <c r="G15511" s="8">
        <v>1</v>
      </c>
      <c r="H15511" s="8">
        <v>1</v>
      </c>
      <c r="I15511" s="8">
        <v>0</v>
      </c>
      <c r="J15511" s="8">
        <v>1</v>
      </c>
      <c r="K15511" s="9">
        <v>1192</v>
      </c>
      <c r="L15511" s="6" t="s">
        <v>51</v>
      </c>
    </row>
    <row r="15512" spans="1:12">
      <c r="A15512" s="6" t="s">
        <v>49</v>
      </c>
      <c r="B15512" s="6"/>
      <c r="C15512" s="6" t="s">
        <v>15536</v>
      </c>
      <c r="D15512" s="6"/>
      <c r="E15512" s="6" t="s">
        <v>9</v>
      </c>
      <c r="F15512" s="7">
        <v>38657</v>
      </c>
      <c r="G15512" s="8">
        <v>1</v>
      </c>
      <c r="H15512" s="8">
        <v>1</v>
      </c>
      <c r="I15512" s="8">
        <v>0</v>
      </c>
      <c r="J15512" s="8">
        <v>1</v>
      </c>
      <c r="K15512" s="9">
        <v>143</v>
      </c>
      <c r="L15512" s="6" t="s">
        <v>51</v>
      </c>
    </row>
    <row r="15513" spans="1:12">
      <c r="A15513" s="6" t="s">
        <v>49</v>
      </c>
      <c r="B15513" s="6"/>
      <c r="C15513" s="6" t="s">
        <v>15537</v>
      </c>
      <c r="D15513" s="6"/>
      <c r="E15513" s="6" t="s">
        <v>9</v>
      </c>
      <c r="F15513" s="7">
        <v>38657</v>
      </c>
      <c r="G15513" s="8">
        <v>1</v>
      </c>
      <c r="H15513" s="8">
        <v>1</v>
      </c>
      <c r="I15513" s="8">
        <v>0</v>
      </c>
      <c r="J15513" s="8">
        <v>1</v>
      </c>
      <c r="K15513" s="9">
        <v>1307</v>
      </c>
      <c r="L15513" s="6" t="s">
        <v>51</v>
      </c>
    </row>
    <row r="15514" spans="1:12">
      <c r="A15514" s="6" t="s">
        <v>49</v>
      </c>
      <c r="B15514" s="6"/>
      <c r="C15514" s="6" t="s">
        <v>15538</v>
      </c>
      <c r="D15514" s="6"/>
      <c r="E15514" s="6" t="s">
        <v>9</v>
      </c>
      <c r="F15514" s="7">
        <v>38657</v>
      </c>
      <c r="G15514" s="8">
        <v>1</v>
      </c>
      <c r="H15514" s="8">
        <v>1</v>
      </c>
      <c r="I15514" s="8">
        <v>0</v>
      </c>
      <c r="J15514" s="8">
        <v>1</v>
      </c>
      <c r="K15514" s="9">
        <v>6.91</v>
      </c>
      <c r="L15514" s="6" t="s">
        <v>51</v>
      </c>
    </row>
    <row r="15515" spans="1:12">
      <c r="A15515" s="6" t="s">
        <v>49</v>
      </c>
      <c r="B15515" s="6"/>
      <c r="C15515" s="6" t="s">
        <v>15539</v>
      </c>
      <c r="D15515" s="6"/>
      <c r="E15515" s="6" t="s">
        <v>9</v>
      </c>
      <c r="F15515" s="7">
        <v>38657</v>
      </c>
      <c r="G15515" s="8">
        <v>1</v>
      </c>
      <c r="H15515" s="8">
        <v>1</v>
      </c>
      <c r="I15515" s="8">
        <v>0</v>
      </c>
      <c r="J15515" s="8">
        <v>1</v>
      </c>
      <c r="K15515" s="9">
        <v>915</v>
      </c>
      <c r="L15515" s="6" t="s">
        <v>51</v>
      </c>
    </row>
    <row r="15516" spans="1:12">
      <c r="A15516" s="6" t="s">
        <v>49</v>
      </c>
      <c r="B15516" s="6"/>
      <c r="C15516" s="6" t="s">
        <v>15540</v>
      </c>
      <c r="D15516" s="6"/>
      <c r="E15516" s="6" t="s">
        <v>9</v>
      </c>
      <c r="F15516" s="7">
        <v>38657</v>
      </c>
      <c r="G15516" s="8">
        <v>1</v>
      </c>
      <c r="H15516" s="8">
        <v>1</v>
      </c>
      <c r="I15516" s="8">
        <v>0</v>
      </c>
      <c r="J15516" s="8">
        <v>1</v>
      </c>
      <c r="K15516" s="9">
        <v>3.8</v>
      </c>
      <c r="L15516" s="6" t="s">
        <v>51</v>
      </c>
    </row>
    <row r="15517" spans="1:12">
      <c r="A15517" s="6" t="s">
        <v>49</v>
      </c>
      <c r="B15517" s="6"/>
      <c r="C15517" s="6" t="s">
        <v>15541</v>
      </c>
      <c r="D15517" s="6"/>
      <c r="E15517" s="6" t="s">
        <v>9</v>
      </c>
      <c r="F15517" s="7">
        <v>38657</v>
      </c>
      <c r="G15517" s="8">
        <v>1</v>
      </c>
      <c r="H15517" s="8">
        <v>1</v>
      </c>
      <c r="I15517" s="8">
        <v>0</v>
      </c>
      <c r="J15517" s="8">
        <v>1</v>
      </c>
      <c r="K15517" s="9">
        <v>839</v>
      </c>
      <c r="L15517" s="6" t="s">
        <v>51</v>
      </c>
    </row>
    <row r="15518" spans="1:12">
      <c r="A15518" s="6" t="s">
        <v>49</v>
      </c>
      <c r="B15518" s="6"/>
      <c r="C15518" s="6" t="s">
        <v>15542</v>
      </c>
      <c r="D15518" s="6"/>
      <c r="E15518" s="6" t="s">
        <v>9</v>
      </c>
      <c r="F15518" s="7">
        <v>38657</v>
      </c>
      <c r="G15518" s="8">
        <v>1</v>
      </c>
      <c r="H15518" s="8">
        <v>1</v>
      </c>
      <c r="I15518" s="8">
        <v>0</v>
      </c>
      <c r="J15518" s="8">
        <v>1</v>
      </c>
      <c r="K15518" s="9">
        <v>75</v>
      </c>
      <c r="L15518" s="6" t="s">
        <v>51</v>
      </c>
    </row>
    <row r="15519" spans="1:12">
      <c r="A15519" s="6" t="s">
        <v>49</v>
      </c>
      <c r="B15519" s="6"/>
      <c r="C15519" s="6" t="s">
        <v>15543</v>
      </c>
      <c r="D15519" s="6"/>
      <c r="E15519" s="6" t="s">
        <v>9</v>
      </c>
      <c r="F15519" s="7">
        <v>38657</v>
      </c>
      <c r="G15519" s="8">
        <v>1</v>
      </c>
      <c r="H15519" s="8">
        <v>1</v>
      </c>
      <c r="I15519" s="8">
        <v>0</v>
      </c>
      <c r="J15519" s="8">
        <v>1</v>
      </c>
      <c r="K15519" s="9">
        <v>263</v>
      </c>
      <c r="L15519" s="6" t="s">
        <v>51</v>
      </c>
    </row>
    <row r="15520" spans="1:12">
      <c r="A15520" s="6" t="s">
        <v>49</v>
      </c>
      <c r="B15520" s="6"/>
      <c r="C15520" s="6" t="s">
        <v>15544</v>
      </c>
      <c r="D15520" s="6"/>
      <c r="E15520" s="6" t="s">
        <v>9</v>
      </c>
      <c r="F15520" s="7">
        <v>38657</v>
      </c>
      <c r="G15520" s="8">
        <v>1</v>
      </c>
      <c r="H15520" s="8">
        <v>1</v>
      </c>
      <c r="I15520" s="8">
        <v>0</v>
      </c>
      <c r="J15520" s="8">
        <v>1</v>
      </c>
      <c r="K15520" s="9">
        <v>142</v>
      </c>
      <c r="L15520" s="6" t="s">
        <v>51</v>
      </c>
    </row>
    <row r="15521" spans="1:12">
      <c r="A15521" s="6" t="s">
        <v>49</v>
      </c>
      <c r="B15521" s="6"/>
      <c r="C15521" s="6" t="s">
        <v>15545</v>
      </c>
      <c r="D15521" s="6"/>
      <c r="E15521" s="6" t="s">
        <v>9</v>
      </c>
      <c r="F15521" s="7">
        <v>38657</v>
      </c>
      <c r="G15521" s="8">
        <v>1</v>
      </c>
      <c r="H15521" s="8">
        <v>1</v>
      </c>
      <c r="I15521" s="8">
        <v>0</v>
      </c>
      <c r="J15521" s="8">
        <v>1</v>
      </c>
      <c r="K15521" s="9">
        <v>658</v>
      </c>
      <c r="L15521" s="6" t="s">
        <v>51</v>
      </c>
    </row>
    <row r="15522" spans="1:12">
      <c r="A15522" s="6" t="s">
        <v>49</v>
      </c>
      <c r="B15522" s="6"/>
      <c r="C15522" s="6" t="s">
        <v>15546</v>
      </c>
      <c r="D15522" s="6"/>
      <c r="E15522" s="6" t="s">
        <v>9</v>
      </c>
      <c r="F15522" s="7">
        <v>38657</v>
      </c>
      <c r="G15522" s="8">
        <v>1</v>
      </c>
      <c r="H15522" s="8">
        <v>1</v>
      </c>
      <c r="I15522" s="8">
        <v>0</v>
      </c>
      <c r="J15522" s="8">
        <v>1</v>
      </c>
      <c r="K15522" s="9">
        <v>450</v>
      </c>
      <c r="L15522" s="6" t="s">
        <v>51</v>
      </c>
    </row>
    <row r="15523" spans="1:12">
      <c r="A15523" s="6" t="s">
        <v>49</v>
      </c>
      <c r="B15523" s="6"/>
      <c r="C15523" s="6" t="s">
        <v>15547</v>
      </c>
      <c r="D15523" s="6"/>
      <c r="E15523" s="6" t="s">
        <v>9</v>
      </c>
      <c r="F15523" s="7">
        <v>38657</v>
      </c>
      <c r="G15523" s="8">
        <v>1</v>
      </c>
      <c r="H15523" s="8">
        <v>1</v>
      </c>
      <c r="I15523" s="8">
        <v>0</v>
      </c>
      <c r="J15523" s="8">
        <v>1</v>
      </c>
      <c r="K15523" s="9">
        <v>579</v>
      </c>
      <c r="L15523" s="6" t="s">
        <v>51</v>
      </c>
    </row>
    <row r="15524" spans="1:12">
      <c r="A15524" s="6" t="s">
        <v>49</v>
      </c>
      <c r="B15524" s="6"/>
      <c r="C15524" s="6" t="s">
        <v>15548</v>
      </c>
      <c r="D15524" s="6"/>
      <c r="E15524" s="6" t="s">
        <v>9</v>
      </c>
      <c r="F15524" s="7">
        <v>38657</v>
      </c>
      <c r="G15524" s="8">
        <v>1</v>
      </c>
      <c r="H15524" s="8">
        <v>1</v>
      </c>
      <c r="I15524" s="8">
        <v>0</v>
      </c>
      <c r="J15524" s="8">
        <v>1</v>
      </c>
      <c r="K15524" s="9">
        <v>650</v>
      </c>
      <c r="L15524" s="6" t="s">
        <v>51</v>
      </c>
    </row>
    <row r="15525" spans="1:12">
      <c r="A15525" s="6" t="s">
        <v>49</v>
      </c>
      <c r="B15525" s="6"/>
      <c r="C15525" s="6" t="s">
        <v>15549</v>
      </c>
      <c r="D15525" s="6"/>
      <c r="E15525" s="6" t="s">
        <v>9</v>
      </c>
      <c r="F15525" s="7">
        <v>38657</v>
      </c>
      <c r="G15525" s="8">
        <v>1</v>
      </c>
      <c r="H15525" s="8">
        <v>1</v>
      </c>
      <c r="I15525" s="8">
        <v>0</v>
      </c>
      <c r="J15525" s="8">
        <v>1</v>
      </c>
      <c r="K15525" s="9">
        <v>642</v>
      </c>
      <c r="L15525" s="6" t="s">
        <v>51</v>
      </c>
    </row>
    <row r="15526" spans="1:12">
      <c r="A15526" s="6" t="s">
        <v>49</v>
      </c>
      <c r="B15526" s="6"/>
      <c r="C15526" s="6" t="s">
        <v>15550</v>
      </c>
      <c r="D15526" s="6"/>
      <c r="E15526" s="6" t="s">
        <v>9</v>
      </c>
      <c r="F15526" s="7">
        <v>38657</v>
      </c>
      <c r="G15526" s="8">
        <v>1</v>
      </c>
      <c r="H15526" s="8">
        <v>1</v>
      </c>
      <c r="I15526" s="8">
        <v>0</v>
      </c>
      <c r="J15526" s="8">
        <v>1</v>
      </c>
      <c r="K15526" s="9">
        <v>638</v>
      </c>
      <c r="L15526" s="6" t="s">
        <v>51</v>
      </c>
    </row>
    <row r="15527" spans="1:12">
      <c r="A15527" s="6" t="s">
        <v>49</v>
      </c>
      <c r="B15527" s="6"/>
      <c r="C15527" s="6" t="s">
        <v>15551</v>
      </c>
      <c r="D15527" s="6"/>
      <c r="E15527" s="6" t="s">
        <v>9</v>
      </c>
      <c r="F15527" s="7">
        <v>38657</v>
      </c>
      <c r="G15527" s="8">
        <v>1</v>
      </c>
      <c r="H15527" s="8">
        <v>1</v>
      </c>
      <c r="I15527" s="8">
        <v>0</v>
      </c>
      <c r="J15527" s="8">
        <v>1</v>
      </c>
      <c r="K15527" s="9">
        <v>793</v>
      </c>
      <c r="L15527" s="6" t="s">
        <v>51</v>
      </c>
    </row>
    <row r="15528" spans="1:12">
      <c r="A15528" s="6" t="s">
        <v>49</v>
      </c>
      <c r="B15528" s="6"/>
      <c r="C15528" s="6" t="s">
        <v>15552</v>
      </c>
      <c r="D15528" s="6"/>
      <c r="E15528" s="6" t="s">
        <v>9</v>
      </c>
      <c r="F15528" s="7">
        <v>38657</v>
      </c>
      <c r="G15528" s="8">
        <v>1</v>
      </c>
      <c r="H15528" s="8">
        <v>1</v>
      </c>
      <c r="I15528" s="8">
        <v>0</v>
      </c>
      <c r="J15528" s="8">
        <v>1</v>
      </c>
      <c r="K15528" s="9">
        <v>215</v>
      </c>
      <c r="L15528" s="6" t="s">
        <v>51</v>
      </c>
    </row>
    <row r="15529" spans="1:12">
      <c r="A15529" s="6" t="s">
        <v>49</v>
      </c>
      <c r="B15529" s="6"/>
      <c r="C15529" s="6" t="s">
        <v>15553</v>
      </c>
      <c r="D15529" s="6"/>
      <c r="E15529" s="6" t="s">
        <v>9</v>
      </c>
      <c r="F15529" s="7">
        <v>38657</v>
      </c>
      <c r="G15529" s="8">
        <v>1</v>
      </c>
      <c r="H15529" s="8">
        <v>1</v>
      </c>
      <c r="I15529" s="8">
        <v>0</v>
      </c>
      <c r="J15529" s="8">
        <v>1</v>
      </c>
      <c r="K15529" s="9">
        <v>26</v>
      </c>
      <c r="L15529" s="6" t="s">
        <v>51</v>
      </c>
    </row>
    <row r="15530" spans="1:12">
      <c r="A15530" s="6" t="s">
        <v>49</v>
      </c>
      <c r="B15530" s="6"/>
      <c r="C15530" s="6" t="s">
        <v>15554</v>
      </c>
      <c r="D15530" s="6"/>
      <c r="E15530" s="6" t="s">
        <v>9</v>
      </c>
      <c r="F15530" s="7">
        <v>38657</v>
      </c>
      <c r="G15530" s="8">
        <v>1</v>
      </c>
      <c r="H15530" s="8">
        <v>1</v>
      </c>
      <c r="I15530" s="8">
        <v>0</v>
      </c>
      <c r="J15530" s="8">
        <v>1</v>
      </c>
      <c r="K15530" s="9">
        <v>2.25</v>
      </c>
      <c r="L15530" s="6" t="s">
        <v>51</v>
      </c>
    </row>
    <row r="15531" spans="1:12">
      <c r="A15531" s="6" t="s">
        <v>49</v>
      </c>
      <c r="B15531" s="6"/>
      <c r="C15531" s="6" t="s">
        <v>15555</v>
      </c>
      <c r="D15531" s="6"/>
      <c r="E15531" s="6" t="s">
        <v>9</v>
      </c>
      <c r="F15531" s="7">
        <v>38657</v>
      </c>
      <c r="G15531" s="8">
        <v>1</v>
      </c>
      <c r="H15531" s="8">
        <v>1</v>
      </c>
      <c r="I15531" s="8">
        <v>0</v>
      </c>
      <c r="J15531" s="8">
        <v>1</v>
      </c>
      <c r="K15531" s="9">
        <v>2.02999999999999</v>
      </c>
      <c r="L15531" s="6" t="s">
        <v>51</v>
      </c>
    </row>
    <row r="15532" spans="1:12">
      <c r="A15532" s="6" t="s">
        <v>49</v>
      </c>
      <c r="B15532" s="6"/>
      <c r="C15532" s="6" t="s">
        <v>15556</v>
      </c>
      <c r="D15532" s="6"/>
      <c r="E15532" s="6" t="s">
        <v>9</v>
      </c>
      <c r="F15532" s="7">
        <v>38657</v>
      </c>
      <c r="G15532" s="8">
        <v>1</v>
      </c>
      <c r="H15532" s="8">
        <v>1</v>
      </c>
      <c r="I15532" s="8">
        <v>0</v>
      </c>
      <c r="J15532" s="8">
        <v>1</v>
      </c>
      <c r="K15532" s="9">
        <v>387</v>
      </c>
      <c r="L15532" s="6" t="s">
        <v>51</v>
      </c>
    </row>
    <row r="15533" spans="1:12">
      <c r="A15533" s="6" t="s">
        <v>49</v>
      </c>
      <c r="B15533" s="6"/>
      <c r="C15533" s="6" t="s">
        <v>15557</v>
      </c>
      <c r="D15533" s="6"/>
      <c r="E15533" s="6" t="s">
        <v>9</v>
      </c>
      <c r="F15533" s="7">
        <v>38657</v>
      </c>
      <c r="G15533" s="8">
        <v>1</v>
      </c>
      <c r="H15533" s="8">
        <v>1</v>
      </c>
      <c r="I15533" s="8">
        <v>0</v>
      </c>
      <c r="J15533" s="8">
        <v>1</v>
      </c>
      <c r="K15533" s="9">
        <v>441</v>
      </c>
      <c r="L15533" s="6" t="s">
        <v>51</v>
      </c>
    </row>
    <row r="15534" spans="1:12">
      <c r="A15534" s="6" t="s">
        <v>49</v>
      </c>
      <c r="B15534" s="6"/>
      <c r="C15534" s="6" t="s">
        <v>15558</v>
      </c>
      <c r="D15534" s="6"/>
      <c r="E15534" s="6" t="s">
        <v>9</v>
      </c>
      <c r="F15534" s="7">
        <v>38657</v>
      </c>
      <c r="G15534" s="8">
        <v>1</v>
      </c>
      <c r="H15534" s="8">
        <v>1</v>
      </c>
      <c r="I15534" s="8">
        <v>0</v>
      </c>
      <c r="J15534" s="8">
        <v>1</v>
      </c>
      <c r="K15534" s="9">
        <v>240</v>
      </c>
      <c r="L15534" s="6" t="s">
        <v>51</v>
      </c>
    </row>
    <row r="15535" spans="1:12">
      <c r="A15535" s="6" t="s">
        <v>49</v>
      </c>
      <c r="B15535" s="6"/>
      <c r="C15535" s="6" t="s">
        <v>15559</v>
      </c>
      <c r="D15535" s="6"/>
      <c r="E15535" s="6" t="s">
        <v>9</v>
      </c>
      <c r="F15535" s="7">
        <v>38657</v>
      </c>
      <c r="G15535" s="8">
        <v>1</v>
      </c>
      <c r="H15535" s="8">
        <v>1</v>
      </c>
      <c r="I15535" s="8">
        <v>0</v>
      </c>
      <c r="J15535" s="8">
        <v>1</v>
      </c>
      <c r="K15535" s="9">
        <v>11</v>
      </c>
      <c r="L15535" s="6" t="s">
        <v>51</v>
      </c>
    </row>
    <row r="15536" spans="1:12">
      <c r="A15536" s="6" t="s">
        <v>49</v>
      </c>
      <c r="B15536" s="6"/>
      <c r="C15536" s="6" t="s">
        <v>15560</v>
      </c>
      <c r="D15536" s="6"/>
      <c r="E15536" s="6" t="s">
        <v>9</v>
      </c>
      <c r="F15536" s="7">
        <v>38657</v>
      </c>
      <c r="G15536" s="8">
        <v>1</v>
      </c>
      <c r="H15536" s="8">
        <v>1</v>
      </c>
      <c r="I15536" s="8">
        <v>0</v>
      </c>
      <c r="J15536" s="8">
        <v>1</v>
      </c>
      <c r="K15536" s="9">
        <v>9.32</v>
      </c>
      <c r="L15536" s="6" t="s">
        <v>51</v>
      </c>
    </row>
    <row r="15537" spans="1:12">
      <c r="A15537" s="6" t="s">
        <v>49</v>
      </c>
      <c r="B15537" s="6"/>
      <c r="C15537" s="6" t="s">
        <v>15561</v>
      </c>
      <c r="D15537" s="6"/>
      <c r="E15537" s="6" t="s">
        <v>9</v>
      </c>
      <c r="F15537" s="7">
        <v>38657</v>
      </c>
      <c r="G15537" s="8">
        <v>1</v>
      </c>
      <c r="H15537" s="8">
        <v>1</v>
      </c>
      <c r="I15537" s="8">
        <v>0</v>
      </c>
      <c r="J15537" s="8">
        <v>1</v>
      </c>
      <c r="K15537" s="9">
        <v>14</v>
      </c>
      <c r="L15537" s="6" t="s">
        <v>51</v>
      </c>
    </row>
    <row r="15538" spans="1:12">
      <c r="A15538" s="6" t="s">
        <v>49</v>
      </c>
      <c r="B15538" s="6"/>
      <c r="C15538" s="6" t="s">
        <v>15562</v>
      </c>
      <c r="D15538" s="6"/>
      <c r="E15538" s="6" t="s">
        <v>9</v>
      </c>
      <c r="F15538" s="7">
        <v>38657</v>
      </c>
      <c r="G15538" s="8">
        <v>1</v>
      </c>
      <c r="H15538" s="8">
        <v>1</v>
      </c>
      <c r="I15538" s="8">
        <v>0</v>
      </c>
      <c r="J15538" s="8">
        <v>1</v>
      </c>
      <c r="K15538" s="9">
        <v>188</v>
      </c>
      <c r="L15538" s="6" t="s">
        <v>51</v>
      </c>
    </row>
    <row r="15539" spans="1:12">
      <c r="A15539" s="6" t="s">
        <v>49</v>
      </c>
      <c r="B15539" s="6"/>
      <c r="C15539" s="6" t="s">
        <v>15563</v>
      </c>
      <c r="D15539" s="6"/>
      <c r="E15539" s="6" t="s">
        <v>9</v>
      </c>
      <c r="F15539" s="7">
        <v>38657</v>
      </c>
      <c r="G15539" s="8">
        <v>1</v>
      </c>
      <c r="H15539" s="8">
        <v>1</v>
      </c>
      <c r="I15539" s="8">
        <v>0</v>
      </c>
      <c r="J15539" s="8">
        <v>1</v>
      </c>
      <c r="K15539" s="9">
        <v>10</v>
      </c>
      <c r="L15539" s="6" t="s">
        <v>51</v>
      </c>
    </row>
    <row r="15540" spans="1:12">
      <c r="A15540" s="6" t="s">
        <v>49</v>
      </c>
      <c r="B15540" s="6"/>
      <c r="C15540" s="6" t="s">
        <v>15564</v>
      </c>
      <c r="D15540" s="6"/>
      <c r="E15540" s="6" t="s">
        <v>9</v>
      </c>
      <c r="F15540" s="7">
        <v>38657</v>
      </c>
      <c r="G15540" s="8">
        <v>1</v>
      </c>
      <c r="H15540" s="8">
        <v>1</v>
      </c>
      <c r="I15540" s="8">
        <v>0</v>
      </c>
      <c r="J15540" s="8">
        <v>1</v>
      </c>
      <c r="K15540" s="9">
        <v>0.43</v>
      </c>
      <c r="L15540" s="6" t="s">
        <v>51</v>
      </c>
    </row>
    <row r="15541" spans="1:12">
      <c r="A15541" s="6" t="s">
        <v>49</v>
      </c>
      <c r="B15541" s="6"/>
      <c r="C15541" s="6" t="s">
        <v>15565</v>
      </c>
      <c r="D15541" s="6"/>
      <c r="E15541" s="6" t="s">
        <v>9</v>
      </c>
      <c r="F15541" s="7">
        <v>38657</v>
      </c>
      <c r="G15541" s="8">
        <v>1</v>
      </c>
      <c r="H15541" s="8">
        <v>1</v>
      </c>
      <c r="I15541" s="8">
        <v>0</v>
      </c>
      <c r="J15541" s="8">
        <v>1</v>
      </c>
      <c r="K15541" s="9">
        <v>478</v>
      </c>
      <c r="L15541" s="6" t="s">
        <v>51</v>
      </c>
    </row>
    <row r="15542" spans="1:12">
      <c r="A15542" s="6" t="s">
        <v>49</v>
      </c>
      <c r="B15542" s="6"/>
      <c r="C15542" s="6" t="s">
        <v>15566</v>
      </c>
      <c r="D15542" s="6"/>
      <c r="E15542" s="6" t="s">
        <v>9</v>
      </c>
      <c r="F15542" s="7">
        <v>38657</v>
      </c>
      <c r="G15542" s="8">
        <v>1</v>
      </c>
      <c r="H15542" s="8">
        <v>1</v>
      </c>
      <c r="I15542" s="8">
        <v>0</v>
      </c>
      <c r="J15542" s="8">
        <v>1</v>
      </c>
      <c r="K15542" s="9">
        <v>58</v>
      </c>
      <c r="L15542" s="6" t="s">
        <v>51</v>
      </c>
    </row>
    <row r="15543" spans="1:12">
      <c r="A15543" s="6" t="s">
        <v>49</v>
      </c>
      <c r="B15543" s="6"/>
      <c r="C15543" s="6" t="s">
        <v>15567</v>
      </c>
      <c r="D15543" s="6"/>
      <c r="E15543" s="6" t="s">
        <v>9</v>
      </c>
      <c r="F15543" s="7">
        <v>38657</v>
      </c>
      <c r="G15543" s="8">
        <v>1</v>
      </c>
      <c r="H15543" s="8">
        <v>1</v>
      </c>
      <c r="I15543" s="8">
        <v>0</v>
      </c>
      <c r="J15543" s="8">
        <v>1</v>
      </c>
      <c r="K15543" s="9">
        <v>110</v>
      </c>
      <c r="L15543" s="6" t="s">
        <v>51</v>
      </c>
    </row>
    <row r="15544" spans="1:12">
      <c r="A15544" s="6" t="s">
        <v>49</v>
      </c>
      <c r="B15544" s="6"/>
      <c r="C15544" s="6" t="s">
        <v>15568</v>
      </c>
      <c r="D15544" s="6"/>
      <c r="E15544" s="6" t="s">
        <v>9</v>
      </c>
      <c r="F15544" s="7">
        <v>38657</v>
      </c>
      <c r="G15544" s="8">
        <v>1</v>
      </c>
      <c r="H15544" s="8">
        <v>1</v>
      </c>
      <c r="I15544" s="8">
        <v>0</v>
      </c>
      <c r="J15544" s="8">
        <v>1</v>
      </c>
      <c r="K15544" s="9">
        <v>260</v>
      </c>
      <c r="L15544" s="6" t="s">
        <v>51</v>
      </c>
    </row>
    <row r="15545" spans="1:12">
      <c r="A15545" s="6" t="s">
        <v>49</v>
      </c>
      <c r="B15545" s="6"/>
      <c r="C15545" s="6" t="s">
        <v>15569</v>
      </c>
      <c r="D15545" s="6"/>
      <c r="E15545" s="6" t="s">
        <v>9</v>
      </c>
      <c r="F15545" s="7">
        <v>38657</v>
      </c>
      <c r="G15545" s="8">
        <v>1</v>
      </c>
      <c r="H15545" s="8">
        <v>1</v>
      </c>
      <c r="I15545" s="8">
        <v>0</v>
      </c>
      <c r="J15545" s="8">
        <v>1</v>
      </c>
      <c r="K15545" s="9">
        <v>39</v>
      </c>
      <c r="L15545" s="6" t="s">
        <v>51</v>
      </c>
    </row>
    <row r="15546" spans="1:12">
      <c r="A15546" s="6" t="s">
        <v>49</v>
      </c>
      <c r="B15546" s="6"/>
      <c r="C15546" s="6" t="s">
        <v>15570</v>
      </c>
      <c r="D15546" s="6"/>
      <c r="E15546" s="6" t="s">
        <v>9</v>
      </c>
      <c r="F15546" s="7">
        <v>38657</v>
      </c>
      <c r="G15546" s="8">
        <v>1</v>
      </c>
      <c r="H15546" s="8">
        <v>1</v>
      </c>
      <c r="I15546" s="8">
        <v>0</v>
      </c>
      <c r="J15546" s="8">
        <v>1</v>
      </c>
      <c r="K15546" s="9">
        <v>82</v>
      </c>
      <c r="L15546" s="6" t="s">
        <v>51</v>
      </c>
    </row>
    <row r="15547" spans="1:12">
      <c r="A15547" s="6" t="s">
        <v>49</v>
      </c>
      <c r="B15547" s="6"/>
      <c r="C15547" s="6" t="s">
        <v>15571</v>
      </c>
      <c r="D15547" s="6"/>
      <c r="E15547" s="6" t="s">
        <v>9</v>
      </c>
      <c r="F15547" s="7">
        <v>38657</v>
      </c>
      <c r="G15547" s="8">
        <v>1</v>
      </c>
      <c r="H15547" s="8">
        <v>1</v>
      </c>
      <c r="I15547" s="8">
        <v>0</v>
      </c>
      <c r="J15547" s="8">
        <v>1</v>
      </c>
      <c r="K15547" s="9">
        <v>47</v>
      </c>
      <c r="L15547" s="6" t="s">
        <v>51</v>
      </c>
    </row>
    <row r="15548" spans="1:12">
      <c r="A15548" s="6" t="s">
        <v>49</v>
      </c>
      <c r="B15548" s="6"/>
      <c r="C15548" s="6" t="s">
        <v>15572</v>
      </c>
      <c r="D15548" s="6"/>
      <c r="E15548" s="6" t="s">
        <v>9</v>
      </c>
      <c r="F15548" s="7">
        <v>38657</v>
      </c>
      <c r="G15548" s="8">
        <v>1</v>
      </c>
      <c r="H15548" s="8">
        <v>1</v>
      </c>
      <c r="I15548" s="8">
        <v>0</v>
      </c>
      <c r="J15548" s="8">
        <v>1</v>
      </c>
      <c r="K15548" s="9">
        <v>60</v>
      </c>
      <c r="L15548" s="6" t="s">
        <v>51</v>
      </c>
    </row>
    <row r="15549" spans="1:12">
      <c r="A15549" s="6" t="s">
        <v>49</v>
      </c>
      <c r="B15549" s="6"/>
      <c r="C15549" s="6" t="s">
        <v>15573</v>
      </c>
      <c r="D15549" s="6"/>
      <c r="E15549" s="6" t="s">
        <v>9</v>
      </c>
      <c r="F15549" s="7">
        <v>38657</v>
      </c>
      <c r="G15549" s="8">
        <v>1</v>
      </c>
      <c r="H15549" s="8">
        <v>1</v>
      </c>
      <c r="I15549" s="8">
        <v>0</v>
      </c>
      <c r="J15549" s="8">
        <v>1</v>
      </c>
      <c r="K15549" s="9">
        <v>22</v>
      </c>
      <c r="L15549" s="6" t="s">
        <v>51</v>
      </c>
    </row>
    <row r="15550" spans="1:12">
      <c r="A15550" s="6" t="s">
        <v>49</v>
      </c>
      <c r="B15550" s="6"/>
      <c r="C15550" s="6" t="s">
        <v>15574</v>
      </c>
      <c r="D15550" s="6"/>
      <c r="E15550" s="6" t="s">
        <v>9</v>
      </c>
      <c r="F15550" s="7">
        <v>38657</v>
      </c>
      <c r="G15550" s="8">
        <v>1</v>
      </c>
      <c r="H15550" s="8">
        <v>1</v>
      </c>
      <c r="I15550" s="8">
        <v>0</v>
      </c>
      <c r="J15550" s="8">
        <v>1</v>
      </c>
      <c r="K15550" s="9">
        <v>8.82</v>
      </c>
      <c r="L15550" s="6" t="s">
        <v>51</v>
      </c>
    </row>
    <row r="15551" spans="1:12">
      <c r="A15551" s="6" t="s">
        <v>49</v>
      </c>
      <c r="B15551" s="6"/>
      <c r="C15551" s="6" t="s">
        <v>15575</v>
      </c>
      <c r="D15551" s="6"/>
      <c r="E15551" s="6" t="s">
        <v>9</v>
      </c>
      <c r="F15551" s="7">
        <v>38657</v>
      </c>
      <c r="G15551" s="8">
        <v>1</v>
      </c>
      <c r="H15551" s="8">
        <v>1</v>
      </c>
      <c r="I15551" s="8">
        <v>0</v>
      </c>
      <c r="J15551" s="8">
        <v>1</v>
      </c>
      <c r="K15551" s="9">
        <v>9.02</v>
      </c>
      <c r="L15551" s="6" t="s">
        <v>51</v>
      </c>
    </row>
    <row r="15552" spans="1:12">
      <c r="A15552" s="6" t="s">
        <v>49</v>
      </c>
      <c r="B15552" s="6"/>
      <c r="C15552" s="6" t="s">
        <v>15576</v>
      </c>
      <c r="D15552" s="6"/>
      <c r="E15552" s="6" t="s">
        <v>9</v>
      </c>
      <c r="F15552" s="7">
        <v>38657</v>
      </c>
      <c r="G15552" s="8">
        <v>1</v>
      </c>
      <c r="H15552" s="8">
        <v>1</v>
      </c>
      <c r="I15552" s="8">
        <v>0</v>
      </c>
      <c r="J15552" s="8">
        <v>1</v>
      </c>
      <c r="K15552" s="9">
        <v>72</v>
      </c>
      <c r="L15552" s="6" t="s">
        <v>51</v>
      </c>
    </row>
    <row r="15553" spans="1:12">
      <c r="A15553" s="6" t="s">
        <v>49</v>
      </c>
      <c r="B15553" s="6"/>
      <c r="C15553" s="6" t="s">
        <v>15577</v>
      </c>
      <c r="D15553" s="6"/>
      <c r="E15553" s="6" t="s">
        <v>9</v>
      </c>
      <c r="F15553" s="7">
        <v>38657</v>
      </c>
      <c r="G15553" s="8">
        <v>1</v>
      </c>
      <c r="H15553" s="8">
        <v>1</v>
      </c>
      <c r="I15553" s="8">
        <v>0</v>
      </c>
      <c r="J15553" s="8">
        <v>1</v>
      </c>
      <c r="K15553" s="9">
        <v>7.02</v>
      </c>
      <c r="L15553" s="6" t="s">
        <v>51</v>
      </c>
    </row>
    <row r="15554" spans="1:12">
      <c r="A15554" s="6" t="s">
        <v>49</v>
      </c>
      <c r="B15554" s="6"/>
      <c r="C15554" s="6" t="s">
        <v>15578</v>
      </c>
      <c r="D15554" s="6"/>
      <c r="E15554" s="6" t="s">
        <v>9</v>
      </c>
      <c r="F15554" s="7">
        <v>38657</v>
      </c>
      <c r="G15554" s="8">
        <v>1</v>
      </c>
      <c r="H15554" s="8">
        <v>1</v>
      </c>
      <c r="I15554" s="8">
        <v>0</v>
      </c>
      <c r="J15554" s="8">
        <v>1</v>
      </c>
      <c r="K15554" s="9">
        <v>18</v>
      </c>
      <c r="L15554" s="6" t="s">
        <v>51</v>
      </c>
    </row>
    <row r="15555" spans="1:12">
      <c r="A15555" s="6" t="s">
        <v>49</v>
      </c>
      <c r="B15555" s="6"/>
      <c r="C15555" s="6" t="s">
        <v>15579</v>
      </c>
      <c r="D15555" s="6"/>
      <c r="E15555" s="6" t="s">
        <v>9</v>
      </c>
      <c r="F15555" s="7">
        <v>38657</v>
      </c>
      <c r="G15555" s="8">
        <v>1</v>
      </c>
      <c r="H15555" s="8">
        <v>1</v>
      </c>
      <c r="I15555" s="8">
        <v>0</v>
      </c>
      <c r="J15555" s="8">
        <v>1</v>
      </c>
      <c r="K15555" s="9">
        <v>560</v>
      </c>
      <c r="L15555" s="6" t="s">
        <v>51</v>
      </c>
    </row>
    <row r="15556" spans="1:12">
      <c r="A15556" s="6" t="s">
        <v>49</v>
      </c>
      <c r="B15556" s="6"/>
      <c r="C15556" s="6" t="s">
        <v>15580</v>
      </c>
      <c r="D15556" s="6"/>
      <c r="E15556" s="6" t="s">
        <v>9</v>
      </c>
      <c r="F15556" s="7">
        <v>38657</v>
      </c>
      <c r="G15556" s="8">
        <v>1</v>
      </c>
      <c r="H15556" s="8">
        <v>1</v>
      </c>
      <c r="I15556" s="8">
        <v>0</v>
      </c>
      <c r="J15556" s="8">
        <v>1</v>
      </c>
      <c r="K15556" s="9">
        <v>11</v>
      </c>
      <c r="L15556" s="6" t="s">
        <v>51</v>
      </c>
    </row>
    <row r="15557" spans="1:12">
      <c r="A15557" s="6" t="s">
        <v>49</v>
      </c>
      <c r="B15557" s="6"/>
      <c r="C15557" s="6" t="s">
        <v>15581</v>
      </c>
      <c r="D15557" s="6"/>
      <c r="E15557" s="6" t="s">
        <v>9</v>
      </c>
      <c r="F15557" s="7">
        <v>38657</v>
      </c>
      <c r="G15557" s="8">
        <v>1</v>
      </c>
      <c r="H15557" s="8">
        <v>1</v>
      </c>
      <c r="I15557" s="8">
        <v>0</v>
      </c>
      <c r="J15557" s="8">
        <v>1</v>
      </c>
      <c r="K15557" s="9">
        <v>13</v>
      </c>
      <c r="L15557" s="6" t="s">
        <v>51</v>
      </c>
    </row>
    <row r="15558" spans="1:12">
      <c r="A15558" s="6" t="s">
        <v>49</v>
      </c>
      <c r="B15558" s="6"/>
      <c r="C15558" s="6" t="s">
        <v>15582</v>
      </c>
      <c r="D15558" s="6"/>
      <c r="E15558" s="6" t="s">
        <v>9</v>
      </c>
      <c r="F15558" s="7">
        <v>38657</v>
      </c>
      <c r="G15558" s="8">
        <v>1</v>
      </c>
      <c r="H15558" s="8">
        <v>1</v>
      </c>
      <c r="I15558" s="8">
        <v>0</v>
      </c>
      <c r="J15558" s="8">
        <v>1</v>
      </c>
      <c r="K15558" s="9">
        <v>55</v>
      </c>
      <c r="L15558" s="6" t="s">
        <v>51</v>
      </c>
    </row>
    <row r="15559" spans="1:12">
      <c r="A15559" s="6" t="s">
        <v>49</v>
      </c>
      <c r="B15559" s="6"/>
      <c r="C15559" s="6" t="s">
        <v>15583</v>
      </c>
      <c r="D15559" s="6"/>
      <c r="E15559" s="6" t="s">
        <v>9</v>
      </c>
      <c r="F15559" s="7">
        <v>38657</v>
      </c>
      <c r="G15559" s="8">
        <v>1</v>
      </c>
      <c r="H15559" s="8">
        <v>1</v>
      </c>
      <c r="I15559" s="8">
        <v>0</v>
      </c>
      <c r="J15559" s="8">
        <v>1</v>
      </c>
      <c r="K15559" s="9">
        <v>4.0199999999999898</v>
      </c>
      <c r="L15559" s="6" t="s">
        <v>51</v>
      </c>
    </row>
    <row r="15560" spans="1:12">
      <c r="A15560" s="6" t="s">
        <v>49</v>
      </c>
      <c r="B15560" s="6"/>
      <c r="C15560" s="6" t="s">
        <v>15584</v>
      </c>
      <c r="D15560" s="6"/>
      <c r="E15560" s="6" t="s">
        <v>9</v>
      </c>
      <c r="F15560" s="7">
        <v>38657</v>
      </c>
      <c r="G15560" s="8">
        <v>1</v>
      </c>
      <c r="H15560" s="8">
        <v>1</v>
      </c>
      <c r="I15560" s="8">
        <v>0</v>
      </c>
      <c r="J15560" s="8">
        <v>1</v>
      </c>
      <c r="K15560" s="9">
        <v>19</v>
      </c>
      <c r="L15560" s="6" t="s">
        <v>51</v>
      </c>
    </row>
    <row r="15561" spans="1:12">
      <c r="A15561" s="6" t="s">
        <v>49</v>
      </c>
      <c r="B15561" s="6"/>
      <c r="C15561" s="6" t="s">
        <v>15585</v>
      </c>
      <c r="D15561" s="6"/>
      <c r="E15561" s="6" t="s">
        <v>9</v>
      </c>
      <c r="F15561" s="7">
        <v>38657</v>
      </c>
      <c r="G15561" s="8">
        <v>1</v>
      </c>
      <c r="H15561" s="8">
        <v>1</v>
      </c>
      <c r="I15561" s="8">
        <v>0</v>
      </c>
      <c r="J15561" s="8">
        <v>1</v>
      </c>
      <c r="K15561" s="9">
        <v>2.27</v>
      </c>
      <c r="L15561" s="6" t="s">
        <v>51</v>
      </c>
    </row>
    <row r="15562" spans="1:12">
      <c r="A15562" s="6" t="s">
        <v>49</v>
      </c>
      <c r="B15562" s="6"/>
      <c r="C15562" s="6" t="s">
        <v>15586</v>
      </c>
      <c r="D15562" s="6"/>
      <c r="E15562" s="6" t="s">
        <v>9</v>
      </c>
      <c r="F15562" s="7">
        <v>38657</v>
      </c>
      <c r="G15562" s="8">
        <v>1</v>
      </c>
      <c r="H15562" s="8">
        <v>1</v>
      </c>
      <c r="I15562" s="8">
        <v>0</v>
      </c>
      <c r="J15562" s="8">
        <v>1</v>
      </c>
      <c r="K15562" s="9">
        <v>14</v>
      </c>
      <c r="L15562" s="6" t="s">
        <v>51</v>
      </c>
    </row>
    <row r="15563" spans="1:12">
      <c r="A15563" s="6" t="s">
        <v>49</v>
      </c>
      <c r="B15563" s="6"/>
      <c r="C15563" s="6" t="s">
        <v>15587</v>
      </c>
      <c r="D15563" s="6"/>
      <c r="E15563" s="6" t="s">
        <v>9</v>
      </c>
      <c r="F15563" s="7">
        <v>38657</v>
      </c>
      <c r="G15563" s="8">
        <v>1</v>
      </c>
      <c r="H15563" s="8">
        <v>1</v>
      </c>
      <c r="I15563" s="8">
        <v>0</v>
      </c>
      <c r="J15563" s="8">
        <v>1</v>
      </c>
      <c r="K15563" s="9">
        <v>37</v>
      </c>
      <c r="L15563" s="6" t="s">
        <v>51</v>
      </c>
    </row>
    <row r="15564" spans="1:12">
      <c r="A15564" s="6" t="s">
        <v>49</v>
      </c>
      <c r="B15564" s="6"/>
      <c r="C15564" s="6" t="s">
        <v>15588</v>
      </c>
      <c r="D15564" s="6"/>
      <c r="E15564" s="6" t="s">
        <v>9</v>
      </c>
      <c r="F15564" s="7">
        <v>38657</v>
      </c>
      <c r="G15564" s="8">
        <v>1</v>
      </c>
      <c r="H15564" s="8">
        <v>1</v>
      </c>
      <c r="I15564" s="8">
        <v>0</v>
      </c>
      <c r="J15564" s="8">
        <v>1</v>
      </c>
      <c r="K15564" s="9">
        <v>52</v>
      </c>
      <c r="L15564" s="6" t="s">
        <v>51</v>
      </c>
    </row>
    <row r="15565" spans="1:12">
      <c r="A15565" s="6" t="s">
        <v>49</v>
      </c>
      <c r="B15565" s="6"/>
      <c r="C15565" s="6" t="s">
        <v>15589</v>
      </c>
      <c r="D15565" s="6"/>
      <c r="E15565" s="6" t="s">
        <v>9</v>
      </c>
      <c r="F15565" s="7">
        <v>38657</v>
      </c>
      <c r="G15565" s="8">
        <v>1</v>
      </c>
      <c r="H15565" s="8">
        <v>1</v>
      </c>
      <c r="I15565" s="8">
        <v>0</v>
      </c>
      <c r="J15565" s="8">
        <v>1</v>
      </c>
      <c r="K15565" s="9">
        <v>56</v>
      </c>
      <c r="L15565" s="6" t="s">
        <v>51</v>
      </c>
    </row>
    <row r="15566" spans="1:12">
      <c r="A15566" s="6" t="s">
        <v>49</v>
      </c>
      <c r="B15566" s="6"/>
      <c r="C15566" s="6" t="s">
        <v>15590</v>
      </c>
      <c r="D15566" s="6"/>
      <c r="E15566" s="6" t="s">
        <v>9</v>
      </c>
      <c r="F15566" s="7">
        <v>38657</v>
      </c>
      <c r="G15566" s="8">
        <v>1</v>
      </c>
      <c r="H15566" s="8">
        <v>1</v>
      </c>
      <c r="I15566" s="8">
        <v>0</v>
      </c>
      <c r="J15566" s="8">
        <v>1</v>
      </c>
      <c r="K15566" s="9">
        <v>314</v>
      </c>
      <c r="L15566" s="6" t="s">
        <v>51</v>
      </c>
    </row>
    <row r="15567" spans="1:12">
      <c r="A15567" s="6" t="s">
        <v>49</v>
      </c>
      <c r="B15567" s="6"/>
      <c r="C15567" s="6" t="s">
        <v>15591</v>
      </c>
      <c r="D15567" s="6"/>
      <c r="E15567" s="6" t="s">
        <v>9</v>
      </c>
      <c r="F15567" s="7">
        <v>38657</v>
      </c>
      <c r="G15567" s="8">
        <v>1</v>
      </c>
      <c r="H15567" s="8">
        <v>1</v>
      </c>
      <c r="I15567" s="8">
        <v>0</v>
      </c>
      <c r="J15567" s="8">
        <v>1</v>
      </c>
      <c r="K15567" s="9">
        <v>50</v>
      </c>
      <c r="L15567" s="6" t="s">
        <v>51</v>
      </c>
    </row>
    <row r="15568" spans="1:12">
      <c r="A15568" s="6" t="s">
        <v>49</v>
      </c>
      <c r="B15568" s="6"/>
      <c r="C15568" s="6" t="s">
        <v>15592</v>
      </c>
      <c r="D15568" s="6"/>
      <c r="E15568" s="6" t="s">
        <v>9</v>
      </c>
      <c r="F15568" s="7">
        <v>38657</v>
      </c>
      <c r="G15568" s="8">
        <v>1</v>
      </c>
      <c r="H15568" s="8">
        <v>1</v>
      </c>
      <c r="I15568" s="8">
        <v>0</v>
      </c>
      <c r="J15568" s="8">
        <v>1</v>
      </c>
      <c r="K15568" s="9">
        <v>39</v>
      </c>
      <c r="L15568" s="6" t="s">
        <v>51</v>
      </c>
    </row>
    <row r="15569" spans="1:12">
      <c r="A15569" s="6" t="s">
        <v>49</v>
      </c>
      <c r="B15569" s="6"/>
      <c r="C15569" s="6" t="s">
        <v>15593</v>
      </c>
      <c r="D15569" s="6"/>
      <c r="E15569" s="6" t="s">
        <v>9</v>
      </c>
      <c r="F15569" s="7">
        <v>38657</v>
      </c>
      <c r="G15569" s="8">
        <v>1</v>
      </c>
      <c r="H15569" s="8">
        <v>1</v>
      </c>
      <c r="I15569" s="8">
        <v>0</v>
      </c>
      <c r="J15569" s="8">
        <v>1</v>
      </c>
      <c r="K15569" s="9">
        <v>27</v>
      </c>
      <c r="L15569" s="6" t="s">
        <v>51</v>
      </c>
    </row>
    <row r="15570" spans="1:12">
      <c r="A15570" s="6" t="s">
        <v>49</v>
      </c>
      <c r="B15570" s="6"/>
      <c r="C15570" s="6" t="s">
        <v>15594</v>
      </c>
      <c r="D15570" s="6"/>
      <c r="E15570" s="6" t="s">
        <v>9</v>
      </c>
      <c r="F15570" s="7">
        <v>38657</v>
      </c>
      <c r="G15570" s="8">
        <v>1</v>
      </c>
      <c r="H15570" s="8">
        <v>1</v>
      </c>
      <c r="I15570" s="8">
        <v>0</v>
      </c>
      <c r="J15570" s="8">
        <v>1</v>
      </c>
      <c r="K15570" s="9">
        <v>18</v>
      </c>
      <c r="L15570" s="6" t="s">
        <v>51</v>
      </c>
    </row>
    <row r="15571" spans="1:12">
      <c r="A15571" s="6" t="s">
        <v>49</v>
      </c>
      <c r="B15571" s="6"/>
      <c r="C15571" s="6" t="s">
        <v>15595</v>
      </c>
      <c r="D15571" s="6"/>
      <c r="E15571" s="6" t="s">
        <v>9</v>
      </c>
      <c r="F15571" s="7">
        <v>38657</v>
      </c>
      <c r="G15571" s="8">
        <v>1</v>
      </c>
      <c r="H15571" s="8">
        <v>1</v>
      </c>
      <c r="I15571" s="8">
        <v>0</v>
      </c>
      <c r="J15571" s="8">
        <v>1</v>
      </c>
      <c r="K15571" s="9">
        <v>13</v>
      </c>
      <c r="L15571" s="6" t="s">
        <v>51</v>
      </c>
    </row>
    <row r="15572" spans="1:12">
      <c r="A15572" s="6" t="s">
        <v>49</v>
      </c>
      <c r="B15572" s="6"/>
      <c r="C15572" s="6" t="s">
        <v>15596</v>
      </c>
      <c r="D15572" s="6"/>
      <c r="E15572" s="6" t="s">
        <v>9</v>
      </c>
      <c r="F15572" s="7">
        <v>38657</v>
      </c>
      <c r="G15572" s="8">
        <v>1</v>
      </c>
      <c r="H15572" s="8">
        <v>1</v>
      </c>
      <c r="I15572" s="8">
        <v>0</v>
      </c>
      <c r="J15572" s="8">
        <v>1</v>
      </c>
      <c r="K15572" s="9">
        <v>41</v>
      </c>
      <c r="L15572" s="6" t="s">
        <v>51</v>
      </c>
    </row>
    <row r="15573" spans="1:12">
      <c r="A15573" s="6" t="s">
        <v>49</v>
      </c>
      <c r="B15573" s="6"/>
      <c r="C15573" s="6" t="s">
        <v>15597</v>
      </c>
      <c r="D15573" s="6"/>
      <c r="E15573" s="6" t="s">
        <v>9</v>
      </c>
      <c r="F15573" s="7">
        <v>38657</v>
      </c>
      <c r="G15573" s="8">
        <v>1</v>
      </c>
      <c r="H15573" s="8">
        <v>1</v>
      </c>
      <c r="I15573" s="8">
        <v>0</v>
      </c>
      <c r="J15573" s="8">
        <v>1</v>
      </c>
      <c r="K15573" s="9">
        <v>57</v>
      </c>
      <c r="L15573" s="6" t="s">
        <v>51</v>
      </c>
    </row>
    <row r="15574" spans="1:12">
      <c r="A15574" s="6" t="s">
        <v>49</v>
      </c>
      <c r="B15574" s="6"/>
      <c r="C15574" s="6" t="s">
        <v>15598</v>
      </c>
      <c r="D15574" s="6"/>
      <c r="E15574" s="6" t="s">
        <v>9</v>
      </c>
      <c r="F15574" s="7">
        <v>38657</v>
      </c>
      <c r="G15574" s="8">
        <v>1</v>
      </c>
      <c r="H15574" s="8">
        <v>1</v>
      </c>
      <c r="I15574" s="8">
        <v>0</v>
      </c>
      <c r="J15574" s="8">
        <v>1</v>
      </c>
      <c r="K15574" s="9">
        <v>29</v>
      </c>
      <c r="L15574" s="6" t="s">
        <v>51</v>
      </c>
    </row>
    <row r="15575" spans="1:12">
      <c r="A15575" s="6" t="s">
        <v>49</v>
      </c>
      <c r="B15575" s="6"/>
      <c r="C15575" s="6" t="s">
        <v>15599</v>
      </c>
      <c r="D15575" s="6"/>
      <c r="E15575" s="6" t="s">
        <v>9</v>
      </c>
      <c r="F15575" s="7">
        <v>38657</v>
      </c>
      <c r="G15575" s="8">
        <v>1</v>
      </c>
      <c r="H15575" s="8">
        <v>1</v>
      </c>
      <c r="I15575" s="8">
        <v>0</v>
      </c>
      <c r="J15575" s="8">
        <v>1</v>
      </c>
      <c r="K15575" s="9">
        <v>50</v>
      </c>
      <c r="L15575" s="6" t="s">
        <v>51</v>
      </c>
    </row>
    <row r="15576" spans="1:12">
      <c r="A15576" s="6" t="s">
        <v>49</v>
      </c>
      <c r="B15576" s="6"/>
      <c r="C15576" s="6" t="s">
        <v>15600</v>
      </c>
      <c r="D15576" s="6"/>
      <c r="E15576" s="6" t="s">
        <v>9</v>
      </c>
      <c r="F15576" s="7">
        <v>38657</v>
      </c>
      <c r="G15576" s="8">
        <v>1</v>
      </c>
      <c r="H15576" s="8">
        <v>1</v>
      </c>
      <c r="I15576" s="8">
        <v>0</v>
      </c>
      <c r="J15576" s="8">
        <v>1</v>
      </c>
      <c r="K15576" s="9">
        <v>1.1000000000000001</v>
      </c>
      <c r="L15576" s="6" t="s">
        <v>51</v>
      </c>
    </row>
    <row r="15577" spans="1:12">
      <c r="A15577" s="6" t="s">
        <v>15601</v>
      </c>
      <c r="B15577" s="6"/>
      <c r="C15577" s="6" t="s">
        <v>15602</v>
      </c>
      <c r="D15577" s="6"/>
      <c r="E15577" s="6" t="s">
        <v>9</v>
      </c>
      <c r="F15577" s="7">
        <v>38657</v>
      </c>
      <c r="G15577" s="8">
        <v>1</v>
      </c>
      <c r="H15577" s="8">
        <v>1</v>
      </c>
      <c r="I15577" s="8">
        <v>0</v>
      </c>
      <c r="J15577" s="8">
        <v>1</v>
      </c>
      <c r="K15577" s="9">
        <v>423</v>
      </c>
      <c r="L15577" s="6" t="s">
        <v>51</v>
      </c>
    </row>
    <row r="15578" spans="1:12">
      <c r="A15578" s="6" t="s">
        <v>15601</v>
      </c>
      <c r="B15578" s="6"/>
      <c r="C15578" s="6" t="s">
        <v>15603</v>
      </c>
      <c r="D15578" s="6"/>
      <c r="E15578" s="6" t="s">
        <v>9</v>
      </c>
      <c r="F15578" s="7">
        <v>38657</v>
      </c>
      <c r="G15578" s="8">
        <v>1</v>
      </c>
      <c r="H15578" s="8">
        <v>1</v>
      </c>
      <c r="I15578" s="8">
        <v>0</v>
      </c>
      <c r="J15578" s="8">
        <v>1</v>
      </c>
      <c r="K15578" s="9">
        <v>155</v>
      </c>
      <c r="L15578" s="6" t="s">
        <v>51</v>
      </c>
    </row>
    <row r="15579" spans="1:12">
      <c r="A15579" s="6" t="s">
        <v>15601</v>
      </c>
      <c r="B15579" s="6"/>
      <c r="C15579" s="6" t="s">
        <v>15604</v>
      </c>
      <c r="D15579" s="6"/>
      <c r="E15579" s="6" t="s">
        <v>9</v>
      </c>
      <c r="F15579" s="7">
        <v>38657</v>
      </c>
      <c r="G15579" s="8">
        <v>1</v>
      </c>
      <c r="H15579" s="8">
        <v>1</v>
      </c>
      <c r="I15579" s="8">
        <v>0</v>
      </c>
      <c r="J15579" s="8">
        <v>1</v>
      </c>
      <c r="K15579" s="9">
        <v>161</v>
      </c>
      <c r="L15579" s="6" t="s">
        <v>51</v>
      </c>
    </row>
    <row r="15580" spans="1:12">
      <c r="A15580" s="6" t="s">
        <v>15601</v>
      </c>
      <c r="B15580" s="6"/>
      <c r="C15580" s="6" t="s">
        <v>15605</v>
      </c>
      <c r="D15580" s="6"/>
      <c r="E15580" s="6" t="s">
        <v>9</v>
      </c>
      <c r="F15580" s="7">
        <v>38657</v>
      </c>
      <c r="G15580" s="8">
        <v>1</v>
      </c>
      <c r="H15580" s="8">
        <v>1</v>
      </c>
      <c r="I15580" s="8">
        <v>0</v>
      </c>
      <c r="J15580" s="8">
        <v>1</v>
      </c>
      <c r="K15580" s="9">
        <v>290</v>
      </c>
      <c r="L15580" s="6" t="s">
        <v>51</v>
      </c>
    </row>
    <row r="15581" spans="1:12">
      <c r="A15581" s="6" t="s">
        <v>15601</v>
      </c>
      <c r="B15581" s="6"/>
      <c r="C15581" s="6" t="s">
        <v>15606</v>
      </c>
      <c r="D15581" s="6"/>
      <c r="E15581" s="6" t="s">
        <v>9</v>
      </c>
      <c r="F15581" s="7">
        <v>38657</v>
      </c>
      <c r="G15581" s="8">
        <v>1</v>
      </c>
      <c r="H15581" s="8">
        <v>1</v>
      </c>
      <c r="I15581" s="8">
        <v>0</v>
      </c>
      <c r="J15581" s="8">
        <v>1</v>
      </c>
      <c r="K15581" s="9">
        <v>271</v>
      </c>
      <c r="L15581" s="6" t="s">
        <v>51</v>
      </c>
    </row>
    <row r="15582" spans="1:12">
      <c r="A15582" s="6" t="s">
        <v>15601</v>
      </c>
      <c r="B15582" s="6"/>
      <c r="C15582" s="6" t="s">
        <v>15607</v>
      </c>
      <c r="D15582" s="6"/>
      <c r="E15582" s="6" t="s">
        <v>9</v>
      </c>
      <c r="F15582" s="7">
        <v>38657</v>
      </c>
      <c r="G15582" s="8">
        <v>1</v>
      </c>
      <c r="H15582" s="8">
        <v>1</v>
      </c>
      <c r="I15582" s="8">
        <v>0</v>
      </c>
      <c r="J15582" s="8">
        <v>1</v>
      </c>
      <c r="K15582" s="9">
        <v>290</v>
      </c>
      <c r="L15582" s="6" t="s">
        <v>51</v>
      </c>
    </row>
    <row r="15583" spans="1:12">
      <c r="A15583" s="6" t="s">
        <v>15601</v>
      </c>
      <c r="B15583" s="6"/>
      <c r="C15583" s="6" t="s">
        <v>15608</v>
      </c>
      <c r="D15583" s="6"/>
      <c r="E15583" s="6" t="s">
        <v>9</v>
      </c>
      <c r="F15583" s="7">
        <v>38657</v>
      </c>
      <c r="G15583" s="8">
        <v>1</v>
      </c>
      <c r="H15583" s="8">
        <v>1</v>
      </c>
      <c r="I15583" s="8">
        <v>0</v>
      </c>
      <c r="J15583" s="8">
        <v>1</v>
      </c>
      <c r="K15583" s="9">
        <v>155</v>
      </c>
      <c r="L15583" s="6" t="s">
        <v>51</v>
      </c>
    </row>
    <row r="15584" spans="1:12">
      <c r="A15584" s="6" t="s">
        <v>15601</v>
      </c>
      <c r="B15584" s="6"/>
      <c r="C15584" s="6" t="s">
        <v>15609</v>
      </c>
      <c r="D15584" s="6"/>
      <c r="E15584" s="6" t="s">
        <v>9</v>
      </c>
      <c r="F15584" s="7">
        <v>38657</v>
      </c>
      <c r="G15584" s="8">
        <v>1</v>
      </c>
      <c r="H15584" s="8">
        <v>1</v>
      </c>
      <c r="I15584" s="8">
        <v>0</v>
      </c>
      <c r="J15584" s="8">
        <v>1</v>
      </c>
      <c r="K15584" s="9">
        <v>128</v>
      </c>
      <c r="L15584" s="6" t="s">
        <v>51</v>
      </c>
    </row>
    <row r="15585" spans="1:12">
      <c r="A15585" s="6" t="s">
        <v>15601</v>
      </c>
      <c r="B15585" s="6"/>
      <c r="C15585" s="6" t="s">
        <v>15610</v>
      </c>
      <c r="D15585" s="6"/>
      <c r="E15585" s="6" t="s">
        <v>9</v>
      </c>
      <c r="F15585" s="7">
        <v>38657</v>
      </c>
      <c r="G15585" s="8">
        <v>1</v>
      </c>
      <c r="H15585" s="8">
        <v>1</v>
      </c>
      <c r="I15585" s="8">
        <v>0</v>
      </c>
      <c r="J15585" s="8">
        <v>1</v>
      </c>
      <c r="K15585" s="9">
        <v>49</v>
      </c>
      <c r="L15585" s="6" t="s">
        <v>51</v>
      </c>
    </row>
    <row r="15586" spans="1:12">
      <c r="A15586" s="6" t="s">
        <v>15601</v>
      </c>
      <c r="B15586" s="6"/>
      <c r="C15586" s="6" t="s">
        <v>15611</v>
      </c>
      <c r="D15586" s="6"/>
      <c r="E15586" s="6" t="s">
        <v>9</v>
      </c>
      <c r="F15586" s="7">
        <v>38657</v>
      </c>
      <c r="G15586" s="8">
        <v>1</v>
      </c>
      <c r="H15586" s="8">
        <v>1</v>
      </c>
      <c r="I15586" s="8">
        <v>0</v>
      </c>
      <c r="J15586" s="8">
        <v>1</v>
      </c>
      <c r="K15586" s="9">
        <v>36</v>
      </c>
      <c r="L15586" s="6" t="s">
        <v>51</v>
      </c>
    </row>
    <row r="15587" spans="1:12">
      <c r="A15587" s="6" t="s">
        <v>15601</v>
      </c>
      <c r="B15587" s="6"/>
      <c r="C15587" s="6" t="s">
        <v>15612</v>
      </c>
      <c r="D15587" s="6"/>
      <c r="E15587" s="6" t="s">
        <v>9</v>
      </c>
      <c r="F15587" s="7">
        <v>38657</v>
      </c>
      <c r="G15587" s="8">
        <v>1</v>
      </c>
      <c r="H15587" s="8">
        <v>1</v>
      </c>
      <c r="I15587" s="8">
        <v>0</v>
      </c>
      <c r="J15587" s="8">
        <v>1</v>
      </c>
      <c r="K15587" s="9">
        <v>694</v>
      </c>
      <c r="L15587" s="6" t="s">
        <v>51</v>
      </c>
    </row>
    <row r="15588" spans="1:12">
      <c r="A15588" s="6" t="s">
        <v>15601</v>
      </c>
      <c r="B15588" s="6"/>
      <c r="C15588" s="6" t="s">
        <v>15613</v>
      </c>
      <c r="D15588" s="6"/>
      <c r="E15588" s="6" t="s">
        <v>9</v>
      </c>
      <c r="F15588" s="7">
        <v>38657</v>
      </c>
      <c r="G15588" s="8">
        <v>1</v>
      </c>
      <c r="H15588" s="8">
        <v>1</v>
      </c>
      <c r="I15588" s="8">
        <v>0</v>
      </c>
      <c r="J15588" s="8">
        <v>1</v>
      </c>
      <c r="K15588" s="9">
        <v>429</v>
      </c>
      <c r="L15588" s="6" t="s">
        <v>51</v>
      </c>
    </row>
    <row r="15589" spans="1:12">
      <c r="A15589" s="6" t="s">
        <v>15601</v>
      </c>
      <c r="B15589" s="6"/>
      <c r="C15589" s="6" t="s">
        <v>15614</v>
      </c>
      <c r="D15589" s="6"/>
      <c r="E15589" s="6" t="s">
        <v>9</v>
      </c>
      <c r="F15589" s="7">
        <v>38657</v>
      </c>
      <c r="G15589" s="8">
        <v>1</v>
      </c>
      <c r="H15589" s="8">
        <v>1</v>
      </c>
      <c r="I15589" s="8">
        <v>0</v>
      </c>
      <c r="J15589" s="8">
        <v>1</v>
      </c>
      <c r="K15589" s="9">
        <v>152</v>
      </c>
      <c r="L15589" s="6" t="s">
        <v>51</v>
      </c>
    </row>
    <row r="15590" spans="1:12">
      <c r="A15590" s="6" t="s">
        <v>15601</v>
      </c>
      <c r="B15590" s="6"/>
      <c r="C15590" s="6" t="s">
        <v>15615</v>
      </c>
      <c r="D15590" s="6"/>
      <c r="E15590" s="6" t="s">
        <v>9</v>
      </c>
      <c r="F15590" s="7">
        <v>38657</v>
      </c>
      <c r="G15590" s="8">
        <v>1</v>
      </c>
      <c r="H15590" s="8">
        <v>1</v>
      </c>
      <c r="I15590" s="8">
        <v>0</v>
      </c>
      <c r="J15590" s="8">
        <v>1</v>
      </c>
      <c r="K15590" s="9">
        <v>306</v>
      </c>
      <c r="L15590" s="6" t="s">
        <v>51</v>
      </c>
    </row>
    <row r="15591" spans="1:12">
      <c r="A15591" s="6" t="s">
        <v>15601</v>
      </c>
      <c r="B15591" s="6"/>
      <c r="C15591" s="6" t="s">
        <v>15616</v>
      </c>
      <c r="D15591" s="6"/>
      <c r="E15591" s="6" t="s">
        <v>9</v>
      </c>
      <c r="F15591" s="7">
        <v>38657</v>
      </c>
      <c r="G15591" s="8">
        <v>1</v>
      </c>
      <c r="H15591" s="8">
        <v>1</v>
      </c>
      <c r="I15591" s="8">
        <v>0</v>
      </c>
      <c r="J15591" s="8">
        <v>1</v>
      </c>
      <c r="K15591" s="9">
        <v>320</v>
      </c>
      <c r="L15591" s="6" t="s">
        <v>51</v>
      </c>
    </row>
    <row r="15592" spans="1:12">
      <c r="A15592" s="6" t="s">
        <v>15601</v>
      </c>
      <c r="B15592" s="6"/>
      <c r="C15592" s="6" t="s">
        <v>15617</v>
      </c>
      <c r="D15592" s="6"/>
      <c r="E15592" s="6" t="s">
        <v>9</v>
      </c>
      <c r="F15592" s="7">
        <v>38657</v>
      </c>
      <c r="G15592" s="8">
        <v>1</v>
      </c>
      <c r="H15592" s="8">
        <v>1</v>
      </c>
      <c r="I15592" s="8">
        <v>0</v>
      </c>
      <c r="J15592" s="8">
        <v>1</v>
      </c>
      <c r="K15592" s="9">
        <v>300</v>
      </c>
      <c r="L15592" s="6" t="s">
        <v>51</v>
      </c>
    </row>
    <row r="15593" spans="1:12">
      <c r="A15593" s="6" t="s">
        <v>15601</v>
      </c>
      <c r="B15593" s="6"/>
      <c r="C15593" s="6" t="s">
        <v>15618</v>
      </c>
      <c r="D15593" s="6"/>
      <c r="E15593" s="6" t="s">
        <v>9</v>
      </c>
      <c r="F15593" s="7">
        <v>38657</v>
      </c>
      <c r="G15593" s="8">
        <v>1</v>
      </c>
      <c r="H15593" s="8">
        <v>1</v>
      </c>
      <c r="I15593" s="8">
        <v>0</v>
      </c>
      <c r="J15593" s="8">
        <v>1</v>
      </c>
      <c r="K15593" s="9">
        <v>201</v>
      </c>
      <c r="L15593" s="6" t="s">
        <v>51</v>
      </c>
    </row>
    <row r="15594" spans="1:12">
      <c r="A15594" s="6" t="s">
        <v>15601</v>
      </c>
      <c r="B15594" s="6"/>
      <c r="C15594" s="6" t="s">
        <v>15619</v>
      </c>
      <c r="D15594" s="6"/>
      <c r="E15594" s="6" t="s">
        <v>9</v>
      </c>
      <c r="F15594" s="7">
        <v>38657</v>
      </c>
      <c r="G15594" s="8">
        <v>1</v>
      </c>
      <c r="H15594" s="8">
        <v>1</v>
      </c>
      <c r="I15594" s="8">
        <v>0</v>
      </c>
      <c r="J15594" s="8">
        <v>1</v>
      </c>
      <c r="K15594" s="9">
        <v>132</v>
      </c>
      <c r="L15594" s="6" t="s">
        <v>51</v>
      </c>
    </row>
    <row r="15595" spans="1:12">
      <c r="A15595" s="6" t="s">
        <v>15601</v>
      </c>
      <c r="B15595" s="6"/>
      <c r="C15595" s="6" t="s">
        <v>15620</v>
      </c>
      <c r="D15595" s="6"/>
      <c r="E15595" s="6" t="s">
        <v>9</v>
      </c>
      <c r="F15595" s="7">
        <v>38657</v>
      </c>
      <c r="G15595" s="8">
        <v>1</v>
      </c>
      <c r="H15595" s="8">
        <v>1</v>
      </c>
      <c r="I15595" s="8">
        <v>0</v>
      </c>
      <c r="J15595" s="8">
        <v>1</v>
      </c>
      <c r="K15595" s="9">
        <v>297</v>
      </c>
      <c r="L15595" s="6" t="s">
        <v>51</v>
      </c>
    </row>
    <row r="15596" spans="1:12">
      <c r="A15596" s="6" t="s">
        <v>15601</v>
      </c>
      <c r="B15596" s="6"/>
      <c r="C15596" s="6" t="s">
        <v>15621</v>
      </c>
      <c r="D15596" s="6"/>
      <c r="E15596" s="6" t="s">
        <v>9</v>
      </c>
      <c r="F15596" s="7">
        <v>38657</v>
      </c>
      <c r="G15596" s="8">
        <v>1</v>
      </c>
      <c r="H15596" s="8">
        <v>1</v>
      </c>
      <c r="I15596" s="8">
        <v>0</v>
      </c>
      <c r="J15596" s="8">
        <v>1</v>
      </c>
      <c r="K15596" s="9">
        <v>213.05</v>
      </c>
      <c r="L15596" s="6" t="s">
        <v>51</v>
      </c>
    </row>
    <row r="15597" spans="1:12">
      <c r="A15597" s="6" t="s">
        <v>15601</v>
      </c>
      <c r="B15597" s="6"/>
      <c r="C15597" s="6" t="s">
        <v>15622</v>
      </c>
      <c r="D15597" s="6"/>
      <c r="E15597" s="6" t="s">
        <v>9</v>
      </c>
      <c r="F15597" s="7">
        <v>38657</v>
      </c>
      <c r="G15597" s="8">
        <v>1</v>
      </c>
      <c r="H15597" s="8">
        <v>1</v>
      </c>
      <c r="I15597" s="8">
        <v>0</v>
      </c>
      <c r="J15597" s="8">
        <v>1</v>
      </c>
      <c r="K15597" s="9">
        <v>6.93</v>
      </c>
      <c r="L15597" s="6" t="s">
        <v>51</v>
      </c>
    </row>
    <row r="15598" spans="1:12">
      <c r="A15598" s="6" t="s">
        <v>15601</v>
      </c>
      <c r="B15598" s="6"/>
      <c r="C15598" s="6" t="s">
        <v>15623</v>
      </c>
      <c r="D15598" s="6"/>
      <c r="E15598" s="6" t="s">
        <v>9</v>
      </c>
      <c r="F15598" s="7">
        <v>38657</v>
      </c>
      <c r="G15598" s="8">
        <v>1</v>
      </c>
      <c r="H15598" s="8">
        <v>1</v>
      </c>
      <c r="I15598" s="8">
        <v>0</v>
      </c>
      <c r="J15598" s="8">
        <v>1</v>
      </c>
      <c r="K15598" s="9">
        <v>42</v>
      </c>
      <c r="L15598" s="6" t="s">
        <v>51</v>
      </c>
    </row>
    <row r="15599" spans="1:12">
      <c r="A15599" s="6" t="s">
        <v>15601</v>
      </c>
      <c r="B15599" s="6"/>
      <c r="C15599" s="6" t="s">
        <v>15624</v>
      </c>
      <c r="D15599" s="6"/>
      <c r="E15599" s="6" t="s">
        <v>9</v>
      </c>
      <c r="F15599" s="7">
        <v>38657</v>
      </c>
      <c r="G15599" s="8">
        <v>1</v>
      </c>
      <c r="H15599" s="8">
        <v>1</v>
      </c>
      <c r="I15599" s="8">
        <v>0</v>
      </c>
      <c r="J15599" s="8">
        <v>1</v>
      </c>
      <c r="K15599" s="9">
        <v>347</v>
      </c>
      <c r="L15599" s="6" t="s">
        <v>51</v>
      </c>
    </row>
    <row r="15600" spans="1:12">
      <c r="A15600" s="6" t="s">
        <v>15601</v>
      </c>
      <c r="B15600" s="6"/>
      <c r="C15600" s="6" t="s">
        <v>15625</v>
      </c>
      <c r="D15600" s="6"/>
      <c r="E15600" s="6" t="s">
        <v>9</v>
      </c>
      <c r="F15600" s="7">
        <v>38657</v>
      </c>
      <c r="G15600" s="8">
        <v>1</v>
      </c>
      <c r="H15600" s="8">
        <v>1</v>
      </c>
      <c r="I15600" s="8">
        <v>0</v>
      </c>
      <c r="J15600" s="8">
        <v>1</v>
      </c>
      <c r="K15600" s="9">
        <v>153</v>
      </c>
      <c r="L15600" s="6" t="s">
        <v>51</v>
      </c>
    </row>
    <row r="15601" spans="1:12">
      <c r="A15601" s="6" t="s">
        <v>15601</v>
      </c>
      <c r="B15601" s="6"/>
      <c r="C15601" s="6" t="s">
        <v>15626</v>
      </c>
      <c r="D15601" s="6"/>
      <c r="E15601" s="6" t="s">
        <v>9</v>
      </c>
      <c r="F15601" s="7">
        <v>38657</v>
      </c>
      <c r="G15601" s="8">
        <v>1</v>
      </c>
      <c r="H15601" s="8">
        <v>1</v>
      </c>
      <c r="I15601" s="8">
        <v>0</v>
      </c>
      <c r="J15601" s="8">
        <v>1</v>
      </c>
      <c r="K15601" s="9">
        <v>39</v>
      </c>
      <c r="L15601" s="6" t="s">
        <v>51</v>
      </c>
    </row>
    <row r="15602" spans="1:12">
      <c r="A15602" s="6" t="s">
        <v>15601</v>
      </c>
      <c r="B15602" s="6"/>
      <c r="C15602" s="6" t="s">
        <v>15627</v>
      </c>
      <c r="D15602" s="6"/>
      <c r="E15602" s="6" t="s">
        <v>9</v>
      </c>
      <c r="F15602" s="7">
        <v>38657</v>
      </c>
      <c r="G15602" s="8">
        <v>1</v>
      </c>
      <c r="H15602" s="8">
        <v>1</v>
      </c>
      <c r="I15602" s="8">
        <v>0</v>
      </c>
      <c r="J15602" s="8">
        <v>1</v>
      </c>
      <c r="K15602" s="9">
        <v>19</v>
      </c>
      <c r="L15602" s="6" t="s">
        <v>51</v>
      </c>
    </row>
    <row r="15603" spans="1:12">
      <c r="A15603" s="6" t="s">
        <v>15601</v>
      </c>
      <c r="B15603" s="6"/>
      <c r="C15603" s="6" t="s">
        <v>15628</v>
      </c>
      <c r="D15603" s="6"/>
      <c r="E15603" s="6" t="s">
        <v>9</v>
      </c>
      <c r="F15603" s="7">
        <v>38657</v>
      </c>
      <c r="G15603" s="8">
        <v>1</v>
      </c>
      <c r="H15603" s="8">
        <v>1</v>
      </c>
      <c r="I15603" s="8">
        <v>0</v>
      </c>
      <c r="J15603" s="8">
        <v>1</v>
      </c>
      <c r="K15603" s="9">
        <v>33</v>
      </c>
      <c r="L15603" s="6" t="s">
        <v>51</v>
      </c>
    </row>
    <row r="15604" spans="1:12">
      <c r="A15604" s="6" t="s">
        <v>15601</v>
      </c>
      <c r="B15604" s="6"/>
      <c r="C15604" s="6" t="s">
        <v>15629</v>
      </c>
      <c r="D15604" s="6"/>
      <c r="E15604" s="6" t="s">
        <v>9</v>
      </c>
      <c r="F15604" s="7">
        <v>38657</v>
      </c>
      <c r="G15604" s="8">
        <v>1</v>
      </c>
      <c r="H15604" s="8">
        <v>1</v>
      </c>
      <c r="I15604" s="8">
        <v>0</v>
      </c>
      <c r="J15604" s="8">
        <v>1</v>
      </c>
      <c r="K15604" s="9">
        <v>39</v>
      </c>
      <c r="L15604" s="6" t="s">
        <v>51</v>
      </c>
    </row>
    <row r="15605" spans="1:12">
      <c r="A15605" s="6" t="s">
        <v>15601</v>
      </c>
      <c r="B15605" s="6"/>
      <c r="C15605" s="6" t="s">
        <v>15630</v>
      </c>
      <c r="D15605" s="6"/>
      <c r="E15605" s="6" t="s">
        <v>9</v>
      </c>
      <c r="F15605" s="7">
        <v>38657</v>
      </c>
      <c r="G15605" s="8">
        <v>1</v>
      </c>
      <c r="H15605" s="8">
        <v>1</v>
      </c>
      <c r="I15605" s="8">
        <v>0</v>
      </c>
      <c r="J15605" s="8">
        <v>1</v>
      </c>
      <c r="K15605" s="9">
        <v>18</v>
      </c>
      <c r="L15605" s="6" t="s">
        <v>51</v>
      </c>
    </row>
    <row r="15606" spans="1:12">
      <c r="A15606" s="6" t="s">
        <v>15601</v>
      </c>
      <c r="B15606" s="6"/>
      <c r="C15606" s="6" t="s">
        <v>15631</v>
      </c>
      <c r="D15606" s="6"/>
      <c r="E15606" s="6" t="s">
        <v>9</v>
      </c>
      <c r="F15606" s="7">
        <v>38657</v>
      </c>
      <c r="G15606" s="8">
        <v>1</v>
      </c>
      <c r="H15606" s="8">
        <v>1</v>
      </c>
      <c r="I15606" s="8">
        <v>0</v>
      </c>
      <c r="J15606" s="8">
        <v>1</v>
      </c>
      <c r="K15606" s="9">
        <v>66</v>
      </c>
      <c r="L15606" s="6" t="s">
        <v>51</v>
      </c>
    </row>
    <row r="15607" spans="1:12">
      <c r="A15607" s="6" t="s">
        <v>15601</v>
      </c>
      <c r="B15607" s="6"/>
      <c r="C15607" s="6" t="s">
        <v>15632</v>
      </c>
      <c r="D15607" s="6"/>
      <c r="E15607" s="6" t="s">
        <v>9</v>
      </c>
      <c r="F15607" s="7">
        <v>38657</v>
      </c>
      <c r="G15607" s="8">
        <v>1</v>
      </c>
      <c r="H15607" s="8">
        <v>1</v>
      </c>
      <c r="I15607" s="8">
        <v>0</v>
      </c>
      <c r="J15607" s="8">
        <v>1</v>
      </c>
      <c r="K15607" s="9">
        <v>29</v>
      </c>
      <c r="L15607" s="6" t="s">
        <v>51</v>
      </c>
    </row>
    <row r="15608" spans="1:12">
      <c r="A15608" s="6" t="s">
        <v>15601</v>
      </c>
      <c r="B15608" s="6"/>
      <c r="C15608" s="6" t="s">
        <v>15633</v>
      </c>
      <c r="D15608" s="6"/>
      <c r="E15608" s="6" t="s">
        <v>9</v>
      </c>
      <c r="F15608" s="7">
        <v>38657</v>
      </c>
      <c r="G15608" s="8">
        <v>1</v>
      </c>
      <c r="H15608" s="8">
        <v>1</v>
      </c>
      <c r="I15608" s="8">
        <v>0</v>
      </c>
      <c r="J15608" s="8">
        <v>1</v>
      </c>
      <c r="K15608" s="9">
        <v>3.3</v>
      </c>
      <c r="L15608" s="6" t="s">
        <v>51</v>
      </c>
    </row>
    <row r="15609" spans="1:12">
      <c r="A15609" s="6" t="s">
        <v>15601</v>
      </c>
      <c r="B15609" s="6"/>
      <c r="C15609" s="6" t="s">
        <v>15634</v>
      </c>
      <c r="D15609" s="6"/>
      <c r="E15609" s="6" t="s">
        <v>9</v>
      </c>
      <c r="F15609" s="7">
        <v>38657</v>
      </c>
      <c r="G15609" s="8">
        <v>1</v>
      </c>
      <c r="H15609" s="8">
        <v>1</v>
      </c>
      <c r="I15609" s="8">
        <v>0</v>
      </c>
      <c r="J15609" s="8">
        <v>1</v>
      </c>
      <c r="K15609" s="9">
        <v>3.3</v>
      </c>
      <c r="L15609" s="6" t="s">
        <v>51</v>
      </c>
    </row>
    <row r="15610" spans="1:12">
      <c r="A15610" s="6" t="s">
        <v>15601</v>
      </c>
      <c r="B15610" s="6"/>
      <c r="C15610" s="6" t="s">
        <v>15635</v>
      </c>
      <c r="D15610" s="6"/>
      <c r="E15610" s="6" t="s">
        <v>9</v>
      </c>
      <c r="F15610" s="7">
        <v>38657</v>
      </c>
      <c r="G15610" s="8">
        <v>1</v>
      </c>
      <c r="H15610" s="8">
        <v>1</v>
      </c>
      <c r="I15610" s="8">
        <v>0</v>
      </c>
      <c r="J15610" s="8">
        <v>1</v>
      </c>
      <c r="K15610" s="9">
        <v>214</v>
      </c>
      <c r="L15610" s="6" t="s">
        <v>51</v>
      </c>
    </row>
    <row r="15611" spans="1:12">
      <c r="A15611" s="6" t="s">
        <v>15601</v>
      </c>
      <c r="B15611" s="6"/>
      <c r="C15611" s="6" t="s">
        <v>15636</v>
      </c>
      <c r="D15611" s="6"/>
      <c r="E15611" s="6" t="s">
        <v>9</v>
      </c>
      <c r="F15611" s="7">
        <v>38657</v>
      </c>
      <c r="G15611" s="8">
        <v>1</v>
      </c>
      <c r="H15611" s="8">
        <v>1</v>
      </c>
      <c r="I15611" s="8">
        <v>0</v>
      </c>
      <c r="J15611" s="8">
        <v>1</v>
      </c>
      <c r="K15611" s="9">
        <v>69</v>
      </c>
      <c r="L15611" s="6" t="s">
        <v>51</v>
      </c>
    </row>
    <row r="15612" spans="1:12">
      <c r="A15612" s="6" t="s">
        <v>15601</v>
      </c>
      <c r="B15612" s="6"/>
      <c r="C15612" s="6" t="s">
        <v>15637</v>
      </c>
      <c r="D15612" s="6"/>
      <c r="E15612" s="6" t="s">
        <v>9</v>
      </c>
      <c r="F15612" s="7">
        <v>38657</v>
      </c>
      <c r="G15612" s="8">
        <v>1</v>
      </c>
      <c r="H15612" s="8">
        <v>1</v>
      </c>
      <c r="I15612" s="8">
        <v>0</v>
      </c>
      <c r="J15612" s="8">
        <v>1</v>
      </c>
      <c r="K15612" s="9">
        <v>6.68</v>
      </c>
      <c r="L15612" s="6" t="s">
        <v>51</v>
      </c>
    </row>
    <row r="15613" spans="1:12">
      <c r="A15613" s="6" t="s">
        <v>15601</v>
      </c>
      <c r="B15613" s="6"/>
      <c r="C15613" s="6" t="s">
        <v>15638</v>
      </c>
      <c r="D15613" s="6"/>
      <c r="E15613" s="6" t="s">
        <v>9</v>
      </c>
      <c r="F15613" s="7">
        <v>38657</v>
      </c>
      <c r="G15613" s="8">
        <v>1</v>
      </c>
      <c r="H15613" s="8">
        <v>1</v>
      </c>
      <c r="I15613" s="8">
        <v>0</v>
      </c>
      <c r="J15613" s="8">
        <v>1</v>
      </c>
      <c r="K15613" s="9">
        <v>33</v>
      </c>
      <c r="L15613" s="6" t="s">
        <v>51</v>
      </c>
    </row>
    <row r="15614" spans="1:12">
      <c r="A15614" s="6" t="s">
        <v>15601</v>
      </c>
      <c r="B15614" s="6"/>
      <c r="C15614" s="6" t="s">
        <v>15639</v>
      </c>
      <c r="D15614" s="6"/>
      <c r="E15614" s="6" t="s">
        <v>9</v>
      </c>
      <c r="F15614" s="7">
        <v>38657</v>
      </c>
      <c r="G15614" s="8">
        <v>1</v>
      </c>
      <c r="H15614" s="8">
        <v>1</v>
      </c>
      <c r="I15614" s="8">
        <v>0</v>
      </c>
      <c r="J15614" s="8">
        <v>1</v>
      </c>
      <c r="K15614" s="9">
        <v>6.61</v>
      </c>
      <c r="L15614" s="6" t="s">
        <v>51</v>
      </c>
    </row>
    <row r="15615" spans="1:12">
      <c r="A15615" s="6" t="s">
        <v>15601</v>
      </c>
      <c r="B15615" s="6"/>
      <c r="C15615" s="6" t="s">
        <v>15640</v>
      </c>
      <c r="D15615" s="6"/>
      <c r="E15615" s="6" t="s">
        <v>9</v>
      </c>
      <c r="F15615" s="7">
        <v>38657</v>
      </c>
      <c r="G15615" s="8">
        <v>1</v>
      </c>
      <c r="H15615" s="8">
        <v>1</v>
      </c>
      <c r="I15615" s="8">
        <v>0</v>
      </c>
      <c r="J15615" s="8">
        <v>1</v>
      </c>
      <c r="K15615" s="9">
        <v>25</v>
      </c>
      <c r="L15615" s="6" t="s">
        <v>51</v>
      </c>
    </row>
    <row r="15616" spans="1:12">
      <c r="A15616" s="6" t="s">
        <v>15601</v>
      </c>
      <c r="B15616" s="6"/>
      <c r="C15616" s="6" t="s">
        <v>15641</v>
      </c>
      <c r="D15616" s="6"/>
      <c r="E15616" s="6" t="s">
        <v>9</v>
      </c>
      <c r="F15616" s="7">
        <v>38657</v>
      </c>
      <c r="G15616" s="8">
        <v>1</v>
      </c>
      <c r="H15616" s="8">
        <v>1</v>
      </c>
      <c r="I15616" s="8">
        <v>0</v>
      </c>
      <c r="J15616" s="8">
        <v>1</v>
      </c>
      <c r="K15616" s="9">
        <v>24</v>
      </c>
      <c r="L15616" s="6" t="s">
        <v>51</v>
      </c>
    </row>
    <row r="15617" spans="1:12">
      <c r="A15617" s="6" t="s">
        <v>15601</v>
      </c>
      <c r="B15617" s="6"/>
      <c r="C15617" s="6" t="s">
        <v>15642</v>
      </c>
      <c r="D15617" s="6"/>
      <c r="E15617" s="6" t="s">
        <v>9</v>
      </c>
      <c r="F15617" s="7">
        <v>38657</v>
      </c>
      <c r="G15617" s="8">
        <v>1</v>
      </c>
      <c r="H15617" s="8">
        <v>1</v>
      </c>
      <c r="I15617" s="8">
        <v>0</v>
      </c>
      <c r="J15617" s="8">
        <v>1</v>
      </c>
      <c r="K15617" s="9">
        <v>1.96</v>
      </c>
      <c r="L15617" s="6" t="s">
        <v>51</v>
      </c>
    </row>
    <row r="15618" spans="1:12">
      <c r="A15618" s="6" t="s">
        <v>15601</v>
      </c>
      <c r="B15618" s="6"/>
      <c r="C15618" s="6" t="s">
        <v>15643</v>
      </c>
      <c r="D15618" s="6"/>
      <c r="E15618" s="6" t="s">
        <v>9</v>
      </c>
      <c r="F15618" s="7">
        <v>38657</v>
      </c>
      <c r="G15618" s="8">
        <v>1</v>
      </c>
      <c r="H15618" s="8">
        <v>1</v>
      </c>
      <c r="I15618" s="8">
        <v>0</v>
      </c>
      <c r="J15618" s="8">
        <v>1</v>
      </c>
      <c r="K15618" s="9">
        <v>3</v>
      </c>
      <c r="L15618" s="6" t="s">
        <v>51</v>
      </c>
    </row>
    <row r="15619" spans="1:12">
      <c r="A15619" s="6" t="s">
        <v>15601</v>
      </c>
      <c r="B15619" s="6"/>
      <c r="C15619" s="6" t="s">
        <v>15644</v>
      </c>
      <c r="D15619" s="6"/>
      <c r="E15619" s="6" t="s">
        <v>9</v>
      </c>
      <c r="F15619" s="7">
        <v>38657</v>
      </c>
      <c r="G15619" s="8">
        <v>1</v>
      </c>
      <c r="H15619" s="8">
        <v>1</v>
      </c>
      <c r="I15619" s="8">
        <v>0</v>
      </c>
      <c r="J15619" s="8">
        <v>1</v>
      </c>
      <c r="K15619" s="9">
        <v>26</v>
      </c>
      <c r="L15619" s="6" t="s">
        <v>51</v>
      </c>
    </row>
    <row r="15620" spans="1:12">
      <c r="A15620" s="6" t="s">
        <v>15601</v>
      </c>
      <c r="B15620" s="6"/>
      <c r="C15620" s="6" t="s">
        <v>15645</v>
      </c>
      <c r="D15620" s="6"/>
      <c r="E15620" s="6" t="s">
        <v>9</v>
      </c>
      <c r="F15620" s="7">
        <v>38657</v>
      </c>
      <c r="G15620" s="8">
        <v>1</v>
      </c>
      <c r="H15620" s="8">
        <v>1</v>
      </c>
      <c r="I15620" s="8">
        <v>0</v>
      </c>
      <c r="J15620" s="8">
        <v>1</v>
      </c>
      <c r="K15620" s="9">
        <v>168</v>
      </c>
      <c r="L15620" s="6" t="s">
        <v>51</v>
      </c>
    </row>
    <row r="15621" spans="1:12">
      <c r="A15621" s="6" t="s">
        <v>15601</v>
      </c>
      <c r="B15621" s="6"/>
      <c r="C15621" s="6" t="s">
        <v>15646</v>
      </c>
      <c r="D15621" s="6"/>
      <c r="E15621" s="6" t="s">
        <v>9</v>
      </c>
      <c r="F15621" s="7">
        <v>38657</v>
      </c>
      <c r="G15621" s="8">
        <v>1</v>
      </c>
      <c r="H15621" s="8">
        <v>1</v>
      </c>
      <c r="I15621" s="8">
        <v>0</v>
      </c>
      <c r="J15621" s="8">
        <v>1</v>
      </c>
      <c r="K15621" s="9">
        <v>218</v>
      </c>
      <c r="L15621" s="6" t="s">
        <v>51</v>
      </c>
    </row>
    <row r="15622" spans="1:12">
      <c r="A15622" s="6" t="s">
        <v>15601</v>
      </c>
      <c r="B15622" s="6"/>
      <c r="C15622" s="6" t="s">
        <v>15647</v>
      </c>
      <c r="D15622" s="6"/>
      <c r="E15622" s="6" t="s">
        <v>9</v>
      </c>
      <c r="F15622" s="7">
        <v>38657</v>
      </c>
      <c r="G15622" s="8">
        <v>1</v>
      </c>
      <c r="H15622" s="8">
        <v>1</v>
      </c>
      <c r="I15622" s="8">
        <v>0</v>
      </c>
      <c r="J15622" s="8">
        <v>1</v>
      </c>
      <c r="K15622" s="9">
        <v>181</v>
      </c>
      <c r="L15622" s="6" t="s">
        <v>51</v>
      </c>
    </row>
    <row r="15623" spans="1:12">
      <c r="A15623" s="6" t="s">
        <v>15601</v>
      </c>
      <c r="B15623" s="6"/>
      <c r="C15623" s="6" t="s">
        <v>15648</v>
      </c>
      <c r="D15623" s="6"/>
      <c r="E15623" s="6" t="s">
        <v>9</v>
      </c>
      <c r="F15623" s="7">
        <v>38657</v>
      </c>
      <c r="G15623" s="8">
        <v>1</v>
      </c>
      <c r="H15623" s="8">
        <v>1</v>
      </c>
      <c r="I15623" s="8">
        <v>0</v>
      </c>
      <c r="J15623" s="8">
        <v>1</v>
      </c>
      <c r="K15623" s="9">
        <v>181</v>
      </c>
      <c r="L15623" s="6" t="s">
        <v>51</v>
      </c>
    </row>
    <row r="15624" spans="1:12">
      <c r="A15624" s="6" t="s">
        <v>15601</v>
      </c>
      <c r="B15624" s="6"/>
      <c r="C15624" s="6" t="s">
        <v>15649</v>
      </c>
      <c r="D15624" s="6"/>
      <c r="E15624" s="6" t="s">
        <v>9</v>
      </c>
      <c r="F15624" s="7">
        <v>38657</v>
      </c>
      <c r="G15624" s="8">
        <v>1</v>
      </c>
      <c r="H15624" s="8">
        <v>1</v>
      </c>
      <c r="I15624" s="8">
        <v>0</v>
      </c>
      <c r="J15624" s="8">
        <v>1</v>
      </c>
      <c r="K15624" s="9">
        <v>36</v>
      </c>
      <c r="L15624" s="6" t="s">
        <v>51</v>
      </c>
    </row>
    <row r="15625" spans="1:12">
      <c r="A15625" s="6" t="s">
        <v>15601</v>
      </c>
      <c r="B15625" s="6"/>
      <c r="C15625" s="6" t="s">
        <v>15650</v>
      </c>
      <c r="D15625" s="6"/>
      <c r="E15625" s="6" t="s">
        <v>9</v>
      </c>
      <c r="F15625" s="7">
        <v>38657</v>
      </c>
      <c r="G15625" s="8">
        <v>1</v>
      </c>
      <c r="H15625" s="8">
        <v>1</v>
      </c>
      <c r="I15625" s="8">
        <v>0</v>
      </c>
      <c r="J15625" s="8">
        <v>1</v>
      </c>
      <c r="K15625" s="9">
        <v>9.32</v>
      </c>
      <c r="L15625" s="6" t="s">
        <v>51</v>
      </c>
    </row>
    <row r="15626" spans="1:12">
      <c r="A15626" s="6" t="s">
        <v>15601</v>
      </c>
      <c r="B15626" s="6"/>
      <c r="C15626" s="6" t="s">
        <v>15651</v>
      </c>
      <c r="D15626" s="6"/>
      <c r="E15626" s="6" t="s">
        <v>9</v>
      </c>
      <c r="F15626" s="7">
        <v>38657</v>
      </c>
      <c r="G15626" s="8">
        <v>1</v>
      </c>
      <c r="H15626" s="8">
        <v>1</v>
      </c>
      <c r="I15626" s="8">
        <v>0</v>
      </c>
      <c r="J15626" s="8">
        <v>1</v>
      </c>
      <c r="K15626" s="9">
        <v>21</v>
      </c>
      <c r="L15626" s="6" t="s">
        <v>51</v>
      </c>
    </row>
    <row r="15627" spans="1:12">
      <c r="A15627" s="6" t="s">
        <v>15601</v>
      </c>
      <c r="B15627" s="6"/>
      <c r="C15627" s="6" t="s">
        <v>15652</v>
      </c>
      <c r="D15627" s="6"/>
      <c r="E15627" s="6" t="s">
        <v>9</v>
      </c>
      <c r="F15627" s="7">
        <v>38657</v>
      </c>
      <c r="G15627" s="8">
        <v>1</v>
      </c>
      <c r="H15627" s="8">
        <v>1</v>
      </c>
      <c r="I15627" s="8">
        <v>0</v>
      </c>
      <c r="J15627" s="8">
        <v>1</v>
      </c>
      <c r="K15627" s="9">
        <v>6.36</v>
      </c>
      <c r="L15627" s="6" t="s">
        <v>51</v>
      </c>
    </row>
    <row r="15628" spans="1:12">
      <c r="A15628" s="6" t="s">
        <v>15601</v>
      </c>
      <c r="B15628" s="6"/>
      <c r="C15628" s="6" t="s">
        <v>15653</v>
      </c>
      <c r="D15628" s="6"/>
      <c r="E15628" s="6" t="s">
        <v>9</v>
      </c>
      <c r="F15628" s="7">
        <v>38657</v>
      </c>
      <c r="G15628" s="8">
        <v>1</v>
      </c>
      <c r="H15628" s="8">
        <v>1</v>
      </c>
      <c r="I15628" s="8">
        <v>0</v>
      </c>
      <c r="J15628" s="8">
        <v>1</v>
      </c>
      <c r="K15628" s="9">
        <v>91</v>
      </c>
      <c r="L15628" s="6" t="s">
        <v>51</v>
      </c>
    </row>
    <row r="15629" spans="1:12">
      <c r="A15629" s="6" t="s">
        <v>15601</v>
      </c>
      <c r="B15629" s="6"/>
      <c r="C15629" s="6" t="s">
        <v>15654</v>
      </c>
      <c r="D15629" s="6"/>
      <c r="E15629" s="6" t="s">
        <v>9</v>
      </c>
      <c r="F15629" s="7">
        <v>38657</v>
      </c>
      <c r="G15629" s="8">
        <v>1</v>
      </c>
      <c r="H15629" s="8">
        <v>1</v>
      </c>
      <c r="I15629" s="8">
        <v>0</v>
      </c>
      <c r="J15629" s="8">
        <v>1</v>
      </c>
      <c r="K15629" s="9">
        <v>23</v>
      </c>
      <c r="L15629" s="6" t="s">
        <v>51</v>
      </c>
    </row>
    <row r="15630" spans="1:12">
      <c r="A15630" s="6" t="s">
        <v>15601</v>
      </c>
      <c r="B15630" s="6"/>
      <c r="C15630" s="6" t="s">
        <v>15655</v>
      </c>
      <c r="D15630" s="6"/>
      <c r="E15630" s="6" t="s">
        <v>9</v>
      </c>
      <c r="F15630" s="7">
        <v>38657</v>
      </c>
      <c r="G15630" s="8">
        <v>1</v>
      </c>
      <c r="H15630" s="8">
        <v>1</v>
      </c>
      <c r="I15630" s="8">
        <v>0</v>
      </c>
      <c r="J15630" s="8">
        <v>1</v>
      </c>
      <c r="K15630" s="9">
        <v>1463</v>
      </c>
      <c r="L15630" s="6" t="s">
        <v>51</v>
      </c>
    </row>
    <row r="15631" spans="1:12">
      <c r="A15631" s="6" t="s">
        <v>15601</v>
      </c>
      <c r="B15631" s="6"/>
      <c r="C15631" s="6" t="s">
        <v>15656</v>
      </c>
      <c r="D15631" s="6"/>
      <c r="E15631" s="6" t="s">
        <v>9</v>
      </c>
      <c r="F15631" s="7">
        <v>38657</v>
      </c>
      <c r="G15631" s="8">
        <v>1</v>
      </c>
      <c r="H15631" s="8">
        <v>1</v>
      </c>
      <c r="I15631" s="8">
        <v>0</v>
      </c>
      <c r="J15631" s="8">
        <v>1</v>
      </c>
      <c r="K15631" s="9">
        <v>255</v>
      </c>
      <c r="L15631" s="6" t="s">
        <v>51</v>
      </c>
    </row>
    <row r="15632" spans="1:12">
      <c r="A15632" s="6" t="s">
        <v>15601</v>
      </c>
      <c r="B15632" s="6"/>
      <c r="C15632" s="6" t="s">
        <v>15657</v>
      </c>
      <c r="D15632" s="6"/>
      <c r="E15632" s="6" t="s">
        <v>9</v>
      </c>
      <c r="F15632" s="7">
        <v>38657</v>
      </c>
      <c r="G15632" s="8">
        <v>1</v>
      </c>
      <c r="H15632" s="8">
        <v>1</v>
      </c>
      <c r="I15632" s="8">
        <v>0</v>
      </c>
      <c r="J15632" s="8">
        <v>1</v>
      </c>
      <c r="K15632" s="9">
        <v>317</v>
      </c>
      <c r="L15632" s="6" t="s">
        <v>51</v>
      </c>
    </row>
    <row r="15633" spans="1:12">
      <c r="A15633" s="6" t="s">
        <v>15601</v>
      </c>
      <c r="B15633" s="6"/>
      <c r="C15633" s="6" t="s">
        <v>15658</v>
      </c>
      <c r="D15633" s="6"/>
      <c r="E15633" s="6" t="s">
        <v>9</v>
      </c>
      <c r="F15633" s="7">
        <v>38657</v>
      </c>
      <c r="G15633" s="8">
        <v>1</v>
      </c>
      <c r="H15633" s="8">
        <v>1</v>
      </c>
      <c r="I15633" s="8">
        <v>0</v>
      </c>
      <c r="J15633" s="8">
        <v>1</v>
      </c>
      <c r="K15633" s="9">
        <v>77</v>
      </c>
      <c r="L15633" s="6" t="s">
        <v>51</v>
      </c>
    </row>
    <row r="15634" spans="1:12">
      <c r="A15634" s="6" t="s">
        <v>15601</v>
      </c>
      <c r="B15634" s="6"/>
      <c r="C15634" s="6" t="s">
        <v>15659</v>
      </c>
      <c r="D15634" s="6"/>
      <c r="E15634" s="6" t="s">
        <v>9</v>
      </c>
      <c r="F15634" s="7">
        <v>38657</v>
      </c>
      <c r="G15634" s="8">
        <v>1</v>
      </c>
      <c r="H15634" s="8">
        <v>1</v>
      </c>
      <c r="I15634" s="8">
        <v>0</v>
      </c>
      <c r="J15634" s="8">
        <v>1</v>
      </c>
      <c r="K15634" s="9">
        <v>50</v>
      </c>
      <c r="L15634" s="6" t="s">
        <v>51</v>
      </c>
    </row>
    <row r="15635" spans="1:12">
      <c r="A15635" s="6" t="s">
        <v>15601</v>
      </c>
      <c r="B15635" s="6"/>
      <c r="C15635" s="6" t="s">
        <v>15660</v>
      </c>
      <c r="D15635" s="6"/>
      <c r="E15635" s="6" t="s">
        <v>9</v>
      </c>
      <c r="F15635" s="7">
        <v>38657</v>
      </c>
      <c r="G15635" s="8">
        <v>1</v>
      </c>
      <c r="H15635" s="8">
        <v>1</v>
      </c>
      <c r="I15635" s="8">
        <v>0</v>
      </c>
      <c r="J15635" s="8">
        <v>1</v>
      </c>
      <c r="K15635" s="9">
        <v>14</v>
      </c>
      <c r="L15635" s="6" t="s">
        <v>51</v>
      </c>
    </row>
    <row r="15636" spans="1:12">
      <c r="A15636" s="6" t="s">
        <v>15601</v>
      </c>
      <c r="B15636" s="6"/>
      <c r="C15636" s="6" t="s">
        <v>15661</v>
      </c>
      <c r="D15636" s="6"/>
      <c r="E15636" s="6" t="s">
        <v>9</v>
      </c>
      <c r="F15636" s="7">
        <v>38657</v>
      </c>
      <c r="G15636" s="8">
        <v>1</v>
      </c>
      <c r="H15636" s="8">
        <v>1</v>
      </c>
      <c r="I15636" s="8">
        <v>0</v>
      </c>
      <c r="J15636" s="8">
        <v>1</v>
      </c>
      <c r="K15636" s="9">
        <v>1.5</v>
      </c>
      <c r="L15636" s="6" t="s">
        <v>51</v>
      </c>
    </row>
    <row r="15637" spans="1:12">
      <c r="A15637" s="6" t="s">
        <v>15601</v>
      </c>
      <c r="B15637" s="6"/>
      <c r="C15637" s="6" t="s">
        <v>15662</v>
      </c>
      <c r="D15637" s="6"/>
      <c r="E15637" s="6" t="s">
        <v>9</v>
      </c>
      <c r="F15637" s="7">
        <v>38657</v>
      </c>
      <c r="G15637" s="8">
        <v>1</v>
      </c>
      <c r="H15637" s="8">
        <v>1</v>
      </c>
      <c r="I15637" s="8">
        <v>0</v>
      </c>
      <c r="J15637" s="8">
        <v>1</v>
      </c>
      <c r="K15637" s="9">
        <v>7.1</v>
      </c>
      <c r="L15637" s="6" t="s">
        <v>51</v>
      </c>
    </row>
    <row r="15638" spans="1:12">
      <c r="A15638" s="6" t="s">
        <v>15601</v>
      </c>
      <c r="B15638" s="6"/>
      <c r="C15638" s="6" t="s">
        <v>15663</v>
      </c>
      <c r="D15638" s="6"/>
      <c r="E15638" s="6" t="s">
        <v>9</v>
      </c>
      <c r="F15638" s="7">
        <v>38657</v>
      </c>
      <c r="G15638" s="8">
        <v>1</v>
      </c>
      <c r="H15638" s="8">
        <v>1</v>
      </c>
      <c r="I15638" s="8">
        <v>0</v>
      </c>
      <c r="J15638" s="8">
        <v>1</v>
      </c>
      <c r="K15638" s="9">
        <v>69.08</v>
      </c>
      <c r="L15638" s="6" t="s">
        <v>51</v>
      </c>
    </row>
    <row r="15639" spans="1:12">
      <c r="A15639" s="6" t="s">
        <v>15601</v>
      </c>
      <c r="B15639" s="6"/>
      <c r="C15639" s="6" t="s">
        <v>15664</v>
      </c>
      <c r="D15639" s="6"/>
      <c r="E15639" s="6" t="s">
        <v>9</v>
      </c>
      <c r="F15639" s="7">
        <v>38657</v>
      </c>
      <c r="G15639" s="8">
        <v>1</v>
      </c>
      <c r="H15639" s="8">
        <v>1</v>
      </c>
      <c r="I15639" s="8">
        <v>0</v>
      </c>
      <c r="J15639" s="8">
        <v>1</v>
      </c>
      <c r="K15639" s="9">
        <v>13</v>
      </c>
      <c r="L15639" s="6" t="s">
        <v>51</v>
      </c>
    </row>
    <row r="15640" spans="1:12">
      <c r="A15640" s="6" t="s">
        <v>15601</v>
      </c>
      <c r="B15640" s="6"/>
      <c r="C15640" s="6" t="s">
        <v>15665</v>
      </c>
      <c r="D15640" s="6"/>
      <c r="E15640" s="6" t="s">
        <v>9</v>
      </c>
      <c r="F15640" s="7">
        <v>38657</v>
      </c>
      <c r="G15640" s="8">
        <v>1</v>
      </c>
      <c r="H15640" s="8">
        <v>1</v>
      </c>
      <c r="I15640" s="8">
        <v>0</v>
      </c>
      <c r="J15640" s="8">
        <v>1</v>
      </c>
      <c r="K15640" s="9">
        <v>16</v>
      </c>
      <c r="L15640" s="6" t="s">
        <v>51</v>
      </c>
    </row>
    <row r="15641" spans="1:12">
      <c r="A15641" s="6" t="s">
        <v>15601</v>
      </c>
      <c r="B15641" s="6"/>
      <c r="C15641" s="6" t="s">
        <v>15666</v>
      </c>
      <c r="D15641" s="6"/>
      <c r="E15641" s="6" t="s">
        <v>9</v>
      </c>
      <c r="F15641" s="7">
        <v>38657</v>
      </c>
      <c r="G15641" s="8">
        <v>1</v>
      </c>
      <c r="H15641" s="8">
        <v>1</v>
      </c>
      <c r="I15641" s="8">
        <v>0</v>
      </c>
      <c r="J15641" s="8">
        <v>1</v>
      </c>
      <c r="K15641" s="9">
        <v>36</v>
      </c>
      <c r="L15641" s="6" t="s">
        <v>51</v>
      </c>
    </row>
    <row r="15642" spans="1:12">
      <c r="A15642" s="6" t="s">
        <v>15601</v>
      </c>
      <c r="B15642" s="6"/>
      <c r="C15642" s="6" t="s">
        <v>15667</v>
      </c>
      <c r="D15642" s="6"/>
      <c r="E15642" s="6" t="s">
        <v>9</v>
      </c>
      <c r="F15642" s="7">
        <v>38657</v>
      </c>
      <c r="G15642" s="8">
        <v>1</v>
      </c>
      <c r="H15642" s="8">
        <v>1</v>
      </c>
      <c r="I15642" s="8">
        <v>0</v>
      </c>
      <c r="J15642" s="8">
        <v>1</v>
      </c>
      <c r="K15642" s="9">
        <v>32</v>
      </c>
      <c r="L15642" s="6" t="s">
        <v>51</v>
      </c>
    </row>
    <row r="15643" spans="1:12">
      <c r="A15643" s="6" t="s">
        <v>15601</v>
      </c>
      <c r="B15643" s="6"/>
      <c r="C15643" s="6" t="s">
        <v>15668</v>
      </c>
      <c r="D15643" s="6"/>
      <c r="E15643" s="6" t="s">
        <v>9</v>
      </c>
      <c r="F15643" s="7">
        <v>38657</v>
      </c>
      <c r="G15643" s="8">
        <v>1</v>
      </c>
      <c r="H15643" s="8">
        <v>1</v>
      </c>
      <c r="I15643" s="8">
        <v>0</v>
      </c>
      <c r="J15643" s="8">
        <v>1</v>
      </c>
      <c r="K15643" s="9">
        <v>102</v>
      </c>
      <c r="L15643" s="6" t="s">
        <v>51</v>
      </c>
    </row>
    <row r="15644" spans="1:12">
      <c r="A15644" s="6" t="s">
        <v>15601</v>
      </c>
      <c r="B15644" s="6"/>
      <c r="C15644" s="6" t="s">
        <v>15669</v>
      </c>
      <c r="D15644" s="6"/>
      <c r="E15644" s="6" t="s">
        <v>9</v>
      </c>
      <c r="F15644" s="7">
        <v>38657</v>
      </c>
      <c r="G15644" s="8">
        <v>1</v>
      </c>
      <c r="H15644" s="8">
        <v>1</v>
      </c>
      <c r="I15644" s="8">
        <v>0</v>
      </c>
      <c r="J15644" s="8">
        <v>1</v>
      </c>
      <c r="K15644" s="9">
        <v>13</v>
      </c>
      <c r="L15644" s="6" t="s">
        <v>51</v>
      </c>
    </row>
    <row r="15645" spans="1:12">
      <c r="A15645" s="6" t="s">
        <v>15601</v>
      </c>
      <c r="B15645" s="6"/>
      <c r="C15645" s="6" t="s">
        <v>15670</v>
      </c>
      <c r="D15645" s="6"/>
      <c r="E15645" s="6" t="s">
        <v>9</v>
      </c>
      <c r="F15645" s="7">
        <v>38657</v>
      </c>
      <c r="G15645" s="8">
        <v>1</v>
      </c>
      <c r="H15645" s="8">
        <v>1</v>
      </c>
      <c r="I15645" s="8">
        <v>0</v>
      </c>
      <c r="J15645" s="8">
        <v>1</v>
      </c>
      <c r="K15645" s="9">
        <v>3.38</v>
      </c>
      <c r="L15645" s="6" t="s">
        <v>51</v>
      </c>
    </row>
    <row r="15646" spans="1:12">
      <c r="A15646" s="6" t="s">
        <v>15601</v>
      </c>
      <c r="B15646" s="6"/>
      <c r="C15646" s="6" t="s">
        <v>15671</v>
      </c>
      <c r="D15646" s="6"/>
      <c r="E15646" s="6" t="s">
        <v>9</v>
      </c>
      <c r="F15646" s="7">
        <v>38657</v>
      </c>
      <c r="G15646" s="8">
        <v>1</v>
      </c>
      <c r="H15646" s="8">
        <v>1</v>
      </c>
      <c r="I15646" s="8">
        <v>0</v>
      </c>
      <c r="J15646" s="8">
        <v>1</v>
      </c>
      <c r="K15646" s="9">
        <v>1.75</v>
      </c>
      <c r="L15646" s="6" t="s">
        <v>51</v>
      </c>
    </row>
    <row r="15647" spans="1:12">
      <c r="A15647" s="6" t="s">
        <v>15601</v>
      </c>
      <c r="B15647" s="6"/>
      <c r="C15647" s="6" t="s">
        <v>15672</v>
      </c>
      <c r="D15647" s="6"/>
      <c r="E15647" s="6" t="s">
        <v>9</v>
      </c>
      <c r="F15647" s="7">
        <v>38657</v>
      </c>
      <c r="G15647" s="8">
        <v>1</v>
      </c>
      <c r="H15647" s="8">
        <v>1</v>
      </c>
      <c r="I15647" s="8">
        <v>0</v>
      </c>
      <c r="J15647" s="8">
        <v>1</v>
      </c>
      <c r="K15647" s="9">
        <v>1.0900000000000001</v>
      </c>
      <c r="L15647" s="6" t="s">
        <v>51</v>
      </c>
    </row>
    <row r="15648" spans="1:12">
      <c r="A15648" s="6" t="s">
        <v>15601</v>
      </c>
      <c r="B15648" s="6"/>
      <c r="C15648" s="6" t="s">
        <v>15673</v>
      </c>
      <c r="D15648" s="6"/>
      <c r="E15648" s="6" t="s">
        <v>9</v>
      </c>
      <c r="F15648" s="7">
        <v>38657</v>
      </c>
      <c r="G15648" s="8">
        <v>1</v>
      </c>
      <c r="H15648" s="8">
        <v>1</v>
      </c>
      <c r="I15648" s="8">
        <v>0</v>
      </c>
      <c r="J15648" s="8">
        <v>1</v>
      </c>
      <c r="K15648" s="9">
        <v>24</v>
      </c>
      <c r="L15648" s="6" t="s">
        <v>51</v>
      </c>
    </row>
    <row r="15649" spans="1:12">
      <c r="A15649" s="6" t="s">
        <v>15601</v>
      </c>
      <c r="B15649" s="6"/>
      <c r="C15649" s="6" t="s">
        <v>15674</v>
      </c>
      <c r="D15649" s="6"/>
      <c r="E15649" s="6" t="s">
        <v>9</v>
      </c>
      <c r="F15649" s="7"/>
      <c r="G15649" s="8">
        <v>1</v>
      </c>
      <c r="H15649" s="8">
        <v>1</v>
      </c>
      <c r="I15649" s="8">
        <v>0</v>
      </c>
      <c r="J15649" s="8">
        <v>1</v>
      </c>
      <c r="K15649" s="9">
        <v>19</v>
      </c>
      <c r="L15649" s="6" t="s">
        <v>51</v>
      </c>
    </row>
    <row r="15650" spans="1:12">
      <c r="A15650" s="6" t="s">
        <v>15601</v>
      </c>
      <c r="B15650" s="6"/>
      <c r="C15650" s="6" t="s">
        <v>15675</v>
      </c>
      <c r="D15650" s="6"/>
      <c r="E15650" s="6" t="s">
        <v>9</v>
      </c>
      <c r="F15650" s="7">
        <v>38657</v>
      </c>
      <c r="G15650" s="8">
        <v>1</v>
      </c>
      <c r="H15650" s="8">
        <v>1</v>
      </c>
      <c r="I15650" s="8">
        <v>0</v>
      </c>
      <c r="J15650" s="8">
        <v>1</v>
      </c>
      <c r="K15650" s="9">
        <v>72</v>
      </c>
      <c r="L15650" s="6" t="s">
        <v>51</v>
      </c>
    </row>
    <row r="15651" spans="1:12">
      <c r="A15651" s="6" t="s">
        <v>15601</v>
      </c>
      <c r="B15651" s="6"/>
      <c r="C15651" s="6" t="s">
        <v>15676</v>
      </c>
      <c r="D15651" s="6"/>
      <c r="E15651" s="6" t="s">
        <v>9</v>
      </c>
      <c r="F15651" s="7">
        <v>38657</v>
      </c>
      <c r="G15651" s="8">
        <v>1</v>
      </c>
      <c r="H15651" s="8">
        <v>1</v>
      </c>
      <c r="I15651" s="8">
        <v>0</v>
      </c>
      <c r="J15651" s="8">
        <v>1</v>
      </c>
      <c r="K15651" s="9">
        <v>148</v>
      </c>
      <c r="L15651" s="6" t="s">
        <v>51</v>
      </c>
    </row>
    <row r="15652" spans="1:12">
      <c r="A15652" s="6" t="s">
        <v>15677</v>
      </c>
      <c r="B15652" s="6"/>
      <c r="C15652" s="6" t="s">
        <v>15678</v>
      </c>
      <c r="D15652" s="6"/>
      <c r="E15652" s="6" t="s">
        <v>9</v>
      </c>
      <c r="F15652" s="7">
        <v>38657</v>
      </c>
      <c r="G15652" s="8">
        <v>1</v>
      </c>
      <c r="H15652" s="8">
        <v>1</v>
      </c>
      <c r="I15652" s="8">
        <v>0</v>
      </c>
      <c r="J15652" s="8">
        <v>1</v>
      </c>
      <c r="K15652" s="9">
        <v>76</v>
      </c>
      <c r="L15652" s="6" t="s">
        <v>51</v>
      </c>
    </row>
    <row r="15653" spans="1:12">
      <c r="A15653" s="6" t="s">
        <v>15677</v>
      </c>
      <c r="B15653" s="6"/>
      <c r="C15653" s="6" t="s">
        <v>15679</v>
      </c>
      <c r="D15653" s="6"/>
      <c r="E15653" s="6" t="s">
        <v>9</v>
      </c>
      <c r="F15653" s="7">
        <v>38657</v>
      </c>
      <c r="G15653" s="8">
        <v>1</v>
      </c>
      <c r="H15653" s="8">
        <v>1</v>
      </c>
      <c r="I15653" s="8">
        <v>0</v>
      </c>
      <c r="J15653" s="8">
        <v>1</v>
      </c>
      <c r="K15653" s="9">
        <v>155</v>
      </c>
      <c r="L15653" s="6" t="s">
        <v>51</v>
      </c>
    </row>
    <row r="15654" spans="1:12">
      <c r="A15654" s="6" t="s">
        <v>15677</v>
      </c>
      <c r="B15654" s="6"/>
      <c r="C15654" s="6" t="s">
        <v>15680</v>
      </c>
      <c r="D15654" s="6"/>
      <c r="E15654" s="6" t="s">
        <v>9</v>
      </c>
      <c r="F15654" s="7">
        <v>38657</v>
      </c>
      <c r="G15654" s="8">
        <v>1</v>
      </c>
      <c r="H15654" s="8">
        <v>1</v>
      </c>
      <c r="I15654" s="8">
        <v>0</v>
      </c>
      <c r="J15654" s="8">
        <v>1</v>
      </c>
      <c r="K15654" s="9">
        <v>82</v>
      </c>
      <c r="L15654" s="6" t="s">
        <v>51</v>
      </c>
    </row>
    <row r="15655" spans="1:12">
      <c r="A15655" s="6" t="s">
        <v>15677</v>
      </c>
      <c r="B15655" s="6"/>
      <c r="C15655" s="6" t="s">
        <v>15681</v>
      </c>
      <c r="D15655" s="6"/>
      <c r="E15655" s="6" t="s">
        <v>9</v>
      </c>
      <c r="F15655" s="7"/>
      <c r="G15655" s="8">
        <v>1</v>
      </c>
      <c r="H15655" s="8">
        <v>1</v>
      </c>
      <c r="I15655" s="8">
        <v>0</v>
      </c>
      <c r="J15655" s="8">
        <v>1</v>
      </c>
      <c r="K15655" s="9">
        <v>39</v>
      </c>
      <c r="L15655" s="6" t="s">
        <v>51</v>
      </c>
    </row>
    <row r="15656" spans="1:12">
      <c r="A15656" s="6" t="s">
        <v>15677</v>
      </c>
      <c r="B15656" s="6"/>
      <c r="C15656" s="6" t="s">
        <v>15682</v>
      </c>
      <c r="D15656" s="6"/>
      <c r="E15656" s="6" t="s">
        <v>9</v>
      </c>
      <c r="F15656" s="7"/>
      <c r="G15656" s="8">
        <v>1</v>
      </c>
      <c r="H15656" s="8">
        <v>1</v>
      </c>
      <c r="I15656" s="8">
        <v>0</v>
      </c>
      <c r="J15656" s="8">
        <v>1</v>
      </c>
      <c r="K15656" s="9">
        <v>13</v>
      </c>
      <c r="L15656" s="6" t="s">
        <v>51</v>
      </c>
    </row>
    <row r="15657" spans="1:12">
      <c r="A15657" s="6" t="s">
        <v>15677</v>
      </c>
      <c r="B15657" s="6"/>
      <c r="C15657" s="6" t="s">
        <v>15683</v>
      </c>
      <c r="D15657" s="6"/>
      <c r="E15657" s="6" t="s">
        <v>9</v>
      </c>
      <c r="F15657" s="7"/>
      <c r="G15657" s="8">
        <v>1</v>
      </c>
      <c r="H15657" s="8">
        <v>1</v>
      </c>
      <c r="I15657" s="8">
        <v>0</v>
      </c>
      <c r="J15657" s="8">
        <v>1</v>
      </c>
      <c r="K15657" s="9">
        <v>3.3</v>
      </c>
      <c r="L15657" s="6" t="s">
        <v>51</v>
      </c>
    </row>
    <row r="15658" spans="1:12">
      <c r="A15658" s="6" t="s">
        <v>15677</v>
      </c>
      <c r="B15658" s="6"/>
      <c r="C15658" s="6" t="s">
        <v>15684</v>
      </c>
      <c r="D15658" s="6"/>
      <c r="E15658" s="6" t="s">
        <v>9</v>
      </c>
      <c r="F15658" s="7"/>
      <c r="G15658" s="8">
        <v>1</v>
      </c>
      <c r="H15658" s="8">
        <v>1</v>
      </c>
      <c r="I15658" s="8">
        <v>0</v>
      </c>
      <c r="J15658" s="8">
        <v>1</v>
      </c>
      <c r="K15658" s="9">
        <v>370</v>
      </c>
      <c r="L15658" s="6" t="s">
        <v>51</v>
      </c>
    </row>
    <row r="15659" spans="1:12">
      <c r="A15659" s="6" t="s">
        <v>15677</v>
      </c>
      <c r="B15659" s="6"/>
      <c r="C15659" s="6" t="s">
        <v>15685</v>
      </c>
      <c r="D15659" s="6"/>
      <c r="E15659" s="6" t="s">
        <v>9</v>
      </c>
      <c r="F15659" s="7"/>
      <c r="G15659" s="8">
        <v>1</v>
      </c>
      <c r="H15659" s="8">
        <v>1</v>
      </c>
      <c r="I15659" s="8">
        <v>0</v>
      </c>
      <c r="J15659" s="8">
        <v>1</v>
      </c>
      <c r="K15659" s="9">
        <v>56</v>
      </c>
      <c r="L15659" s="6" t="s">
        <v>51</v>
      </c>
    </row>
    <row r="15660" spans="1:12">
      <c r="A15660" s="6" t="s">
        <v>15677</v>
      </c>
      <c r="B15660" s="6"/>
      <c r="C15660" s="6" t="s">
        <v>15686</v>
      </c>
      <c r="D15660" s="6"/>
      <c r="E15660" s="6" t="s">
        <v>9</v>
      </c>
      <c r="F15660" s="7"/>
      <c r="G15660" s="8">
        <v>1</v>
      </c>
      <c r="H15660" s="8">
        <v>1</v>
      </c>
      <c r="I15660" s="8">
        <v>0</v>
      </c>
      <c r="J15660" s="8">
        <v>1</v>
      </c>
      <c r="K15660" s="9">
        <v>16</v>
      </c>
      <c r="L15660" s="6" t="s">
        <v>51</v>
      </c>
    </row>
    <row r="15661" spans="1:12">
      <c r="A15661" s="6" t="s">
        <v>15677</v>
      </c>
      <c r="B15661" s="6"/>
      <c r="C15661" s="6" t="s">
        <v>15687</v>
      </c>
      <c r="D15661" s="6"/>
      <c r="E15661" s="6" t="s">
        <v>9</v>
      </c>
      <c r="F15661" s="7"/>
      <c r="G15661" s="8">
        <v>1</v>
      </c>
      <c r="H15661" s="8">
        <v>1</v>
      </c>
      <c r="I15661" s="8">
        <v>0</v>
      </c>
      <c r="J15661" s="8">
        <v>1</v>
      </c>
      <c r="K15661" s="9">
        <v>26</v>
      </c>
      <c r="L15661" s="6" t="s">
        <v>51</v>
      </c>
    </row>
    <row r="15662" spans="1:12">
      <c r="A15662" s="6" t="s">
        <v>15677</v>
      </c>
      <c r="B15662" s="6"/>
      <c r="C15662" s="6" t="s">
        <v>15688</v>
      </c>
      <c r="D15662" s="6"/>
      <c r="E15662" s="6" t="s">
        <v>9</v>
      </c>
      <c r="F15662" s="7"/>
      <c r="G15662" s="8">
        <v>1</v>
      </c>
      <c r="H15662" s="8">
        <v>1</v>
      </c>
      <c r="I15662" s="8">
        <v>0</v>
      </c>
      <c r="J15662" s="8">
        <v>1</v>
      </c>
      <c r="K15662" s="9">
        <v>16</v>
      </c>
      <c r="L15662" s="6" t="s">
        <v>51</v>
      </c>
    </row>
    <row r="15663" spans="1:12">
      <c r="A15663" s="6" t="s">
        <v>15677</v>
      </c>
      <c r="B15663" s="6"/>
      <c r="C15663" s="6" t="s">
        <v>15689</v>
      </c>
      <c r="D15663" s="6"/>
      <c r="E15663" s="6" t="s">
        <v>9</v>
      </c>
      <c r="F15663" s="7"/>
      <c r="G15663" s="8">
        <v>1</v>
      </c>
      <c r="H15663" s="8">
        <v>1</v>
      </c>
      <c r="I15663" s="8">
        <v>0</v>
      </c>
      <c r="J15663" s="8">
        <v>1</v>
      </c>
      <c r="K15663" s="9">
        <v>13</v>
      </c>
      <c r="L15663" s="6" t="s">
        <v>51</v>
      </c>
    </row>
    <row r="15664" spans="1:12">
      <c r="A15664" s="6" t="s">
        <v>15677</v>
      </c>
      <c r="B15664" s="6"/>
      <c r="C15664" s="6" t="s">
        <v>15690</v>
      </c>
      <c r="D15664" s="6"/>
      <c r="E15664" s="6" t="s">
        <v>9</v>
      </c>
      <c r="F15664" s="7"/>
      <c r="G15664" s="8">
        <v>1</v>
      </c>
      <c r="H15664" s="8">
        <v>1</v>
      </c>
      <c r="I15664" s="8">
        <v>0</v>
      </c>
      <c r="J15664" s="8">
        <v>1</v>
      </c>
      <c r="K15664" s="9">
        <v>9.91</v>
      </c>
      <c r="L15664" s="6" t="s">
        <v>51</v>
      </c>
    </row>
    <row r="15665" spans="1:12">
      <c r="A15665" s="6" t="s">
        <v>15677</v>
      </c>
      <c r="B15665" s="6"/>
      <c r="C15665" s="6" t="s">
        <v>15691</v>
      </c>
      <c r="D15665" s="6"/>
      <c r="E15665" s="6" t="s">
        <v>9</v>
      </c>
      <c r="F15665" s="7">
        <v>38657</v>
      </c>
      <c r="G15665" s="8">
        <v>1</v>
      </c>
      <c r="H15665" s="8">
        <v>1</v>
      </c>
      <c r="I15665" s="8">
        <v>0</v>
      </c>
      <c r="J15665" s="8">
        <v>1</v>
      </c>
      <c r="K15665" s="9">
        <v>79</v>
      </c>
      <c r="L15665" s="6" t="s">
        <v>51</v>
      </c>
    </row>
    <row r="15666" spans="1:12">
      <c r="A15666" s="6" t="s">
        <v>15677</v>
      </c>
      <c r="B15666" s="6"/>
      <c r="C15666" s="6" t="s">
        <v>15692</v>
      </c>
      <c r="D15666" s="6"/>
      <c r="E15666" s="6" t="s">
        <v>9</v>
      </c>
      <c r="F15666" s="7"/>
      <c r="G15666" s="8">
        <v>1</v>
      </c>
      <c r="H15666" s="8">
        <v>1</v>
      </c>
      <c r="I15666" s="8">
        <v>0</v>
      </c>
      <c r="J15666" s="8">
        <v>1</v>
      </c>
      <c r="K15666" s="9">
        <v>9.91</v>
      </c>
      <c r="L15666" s="6" t="s">
        <v>51</v>
      </c>
    </row>
    <row r="15667" spans="1:12">
      <c r="A15667" s="6" t="s">
        <v>15677</v>
      </c>
      <c r="B15667" s="6"/>
      <c r="C15667" s="6" t="s">
        <v>15693</v>
      </c>
      <c r="D15667" s="6"/>
      <c r="E15667" s="6" t="s">
        <v>9</v>
      </c>
      <c r="F15667" s="7"/>
      <c r="G15667" s="8">
        <v>1</v>
      </c>
      <c r="H15667" s="8">
        <v>1</v>
      </c>
      <c r="I15667" s="8">
        <v>0</v>
      </c>
      <c r="J15667" s="8">
        <v>1</v>
      </c>
      <c r="K15667" s="9">
        <v>13</v>
      </c>
      <c r="L15667" s="6" t="s">
        <v>51</v>
      </c>
    </row>
    <row r="15668" spans="1:12">
      <c r="A15668" s="6" t="s">
        <v>15677</v>
      </c>
      <c r="B15668" s="6"/>
      <c r="C15668" s="6" t="s">
        <v>15694</v>
      </c>
      <c r="D15668" s="6"/>
      <c r="E15668" s="6" t="s">
        <v>9</v>
      </c>
      <c r="F15668" s="7"/>
      <c r="G15668" s="8">
        <v>1</v>
      </c>
      <c r="H15668" s="8">
        <v>1</v>
      </c>
      <c r="I15668" s="8">
        <v>0</v>
      </c>
      <c r="J15668" s="8">
        <v>1</v>
      </c>
      <c r="K15668" s="9">
        <v>3.3</v>
      </c>
      <c r="L15668" s="6" t="s">
        <v>51</v>
      </c>
    </row>
    <row r="15669" spans="1:12">
      <c r="A15669" s="6" t="s">
        <v>15677</v>
      </c>
      <c r="B15669" s="6"/>
      <c r="C15669" s="6" t="s">
        <v>15695</v>
      </c>
      <c r="D15669" s="6"/>
      <c r="E15669" s="6" t="s">
        <v>9</v>
      </c>
      <c r="F15669" s="7"/>
      <c r="G15669" s="8">
        <v>1</v>
      </c>
      <c r="H15669" s="8">
        <v>1</v>
      </c>
      <c r="I15669" s="8">
        <v>0</v>
      </c>
      <c r="J15669" s="8">
        <v>1</v>
      </c>
      <c r="K15669" s="9">
        <v>13</v>
      </c>
      <c r="L15669" s="6" t="s">
        <v>51</v>
      </c>
    </row>
    <row r="15670" spans="1:12">
      <c r="A15670" s="6" t="s">
        <v>15677</v>
      </c>
      <c r="B15670" s="6"/>
      <c r="C15670" s="6" t="s">
        <v>15696</v>
      </c>
      <c r="D15670" s="6"/>
      <c r="E15670" s="6" t="s">
        <v>9</v>
      </c>
      <c r="F15670" s="7"/>
      <c r="G15670" s="8">
        <v>1</v>
      </c>
      <c r="H15670" s="8">
        <v>1</v>
      </c>
      <c r="I15670" s="8">
        <v>0</v>
      </c>
      <c r="J15670" s="8">
        <v>1</v>
      </c>
      <c r="K15670" s="9">
        <v>9.91</v>
      </c>
      <c r="L15670" s="6" t="s">
        <v>51</v>
      </c>
    </row>
    <row r="15671" spans="1:12">
      <c r="A15671" s="6" t="s">
        <v>15677</v>
      </c>
      <c r="B15671" s="6"/>
      <c r="C15671" s="6" t="s">
        <v>15697</v>
      </c>
      <c r="D15671" s="6"/>
      <c r="E15671" s="6" t="s">
        <v>9</v>
      </c>
      <c r="F15671" s="7"/>
      <c r="G15671" s="8">
        <v>1</v>
      </c>
      <c r="H15671" s="8">
        <v>1</v>
      </c>
      <c r="I15671" s="8">
        <v>0</v>
      </c>
      <c r="J15671" s="8">
        <v>1</v>
      </c>
      <c r="K15671" s="9">
        <v>82</v>
      </c>
      <c r="L15671" s="6" t="s">
        <v>51</v>
      </c>
    </row>
    <row r="15672" spans="1:12">
      <c r="A15672" s="6" t="s">
        <v>15677</v>
      </c>
      <c r="B15672" s="6"/>
      <c r="C15672" s="6" t="s">
        <v>15698</v>
      </c>
      <c r="D15672" s="6"/>
      <c r="E15672" s="6" t="s">
        <v>9</v>
      </c>
      <c r="F15672" s="7"/>
      <c r="G15672" s="8">
        <v>1</v>
      </c>
      <c r="H15672" s="8">
        <v>1</v>
      </c>
      <c r="I15672" s="8">
        <v>0</v>
      </c>
      <c r="J15672" s="8">
        <v>1</v>
      </c>
      <c r="K15672" s="9">
        <v>9.91</v>
      </c>
      <c r="L15672" s="6" t="s">
        <v>51</v>
      </c>
    </row>
    <row r="15673" spans="1:12">
      <c r="A15673" s="6" t="s">
        <v>15677</v>
      </c>
      <c r="B15673" s="6"/>
      <c r="C15673" s="6" t="s">
        <v>15699</v>
      </c>
      <c r="D15673" s="6"/>
      <c r="E15673" s="6" t="s">
        <v>9</v>
      </c>
      <c r="F15673" s="7"/>
      <c r="G15673" s="8">
        <v>1</v>
      </c>
      <c r="H15673" s="8">
        <v>1</v>
      </c>
      <c r="I15673" s="8">
        <v>0</v>
      </c>
      <c r="J15673" s="8">
        <v>1</v>
      </c>
      <c r="K15673" s="9">
        <v>9.91</v>
      </c>
      <c r="L15673" s="6" t="s">
        <v>51</v>
      </c>
    </row>
    <row r="15674" spans="1:12">
      <c r="A15674" s="6" t="s">
        <v>15677</v>
      </c>
      <c r="B15674" s="6"/>
      <c r="C15674" s="6" t="s">
        <v>15700</v>
      </c>
      <c r="D15674" s="6"/>
      <c r="E15674" s="6" t="s">
        <v>9</v>
      </c>
      <c r="F15674" s="7"/>
      <c r="G15674" s="8">
        <v>1</v>
      </c>
      <c r="H15674" s="8">
        <v>1</v>
      </c>
      <c r="I15674" s="8">
        <v>0</v>
      </c>
      <c r="J15674" s="8">
        <v>1</v>
      </c>
      <c r="K15674" s="9">
        <v>3.3</v>
      </c>
      <c r="L15674" s="6" t="s">
        <v>51</v>
      </c>
    </row>
    <row r="15675" spans="1:12">
      <c r="A15675" s="6" t="s">
        <v>15677</v>
      </c>
      <c r="B15675" s="6"/>
      <c r="C15675" s="6" t="s">
        <v>15701</v>
      </c>
      <c r="D15675" s="6"/>
      <c r="E15675" s="6" t="s">
        <v>9</v>
      </c>
      <c r="F15675" s="7"/>
      <c r="G15675" s="8">
        <v>1</v>
      </c>
      <c r="H15675" s="8">
        <v>1</v>
      </c>
      <c r="I15675" s="8">
        <v>0</v>
      </c>
      <c r="J15675" s="8">
        <v>1</v>
      </c>
      <c r="K15675" s="9">
        <v>13</v>
      </c>
      <c r="L15675" s="6" t="s">
        <v>51</v>
      </c>
    </row>
    <row r="15676" spans="1:12">
      <c r="A15676" s="6" t="s">
        <v>15677</v>
      </c>
      <c r="B15676" s="6"/>
      <c r="C15676" s="6" t="s">
        <v>15702</v>
      </c>
      <c r="D15676" s="6"/>
      <c r="E15676" s="6" t="s">
        <v>9</v>
      </c>
      <c r="F15676" s="7">
        <v>38657</v>
      </c>
      <c r="G15676" s="8">
        <v>1</v>
      </c>
      <c r="H15676" s="8">
        <v>1</v>
      </c>
      <c r="I15676" s="8">
        <v>0</v>
      </c>
      <c r="J15676" s="8">
        <v>1</v>
      </c>
      <c r="K15676" s="9">
        <v>79</v>
      </c>
      <c r="L15676" s="6" t="s">
        <v>51</v>
      </c>
    </row>
    <row r="15677" spans="1:12">
      <c r="A15677" s="6" t="s">
        <v>15677</v>
      </c>
      <c r="B15677" s="6"/>
      <c r="C15677" s="6" t="s">
        <v>15703</v>
      </c>
      <c r="D15677" s="6"/>
      <c r="E15677" s="6" t="s">
        <v>9</v>
      </c>
      <c r="F15677" s="7"/>
      <c r="G15677" s="8">
        <v>1</v>
      </c>
      <c r="H15677" s="8">
        <v>1</v>
      </c>
      <c r="I15677" s="8">
        <v>0</v>
      </c>
      <c r="J15677" s="8">
        <v>1</v>
      </c>
      <c r="K15677" s="9">
        <v>16</v>
      </c>
      <c r="L15677" s="6" t="s">
        <v>51</v>
      </c>
    </row>
    <row r="15678" spans="1:12">
      <c r="A15678" s="6" t="s">
        <v>15677</v>
      </c>
      <c r="B15678" s="6"/>
      <c r="C15678" s="6" t="s">
        <v>15704</v>
      </c>
      <c r="D15678" s="6"/>
      <c r="E15678" s="6" t="s">
        <v>9</v>
      </c>
      <c r="F15678" s="7"/>
      <c r="G15678" s="8">
        <v>1</v>
      </c>
      <c r="H15678" s="8">
        <v>1</v>
      </c>
      <c r="I15678" s="8">
        <v>0</v>
      </c>
      <c r="J15678" s="8">
        <v>1</v>
      </c>
      <c r="K15678" s="9">
        <v>3.3</v>
      </c>
      <c r="L15678" s="6" t="s">
        <v>51</v>
      </c>
    </row>
    <row r="15679" spans="1:12">
      <c r="A15679" s="6" t="s">
        <v>15677</v>
      </c>
      <c r="B15679" s="6"/>
      <c r="C15679" s="6" t="s">
        <v>15705</v>
      </c>
      <c r="D15679" s="6"/>
      <c r="E15679" s="6" t="s">
        <v>9</v>
      </c>
      <c r="F15679" s="7"/>
      <c r="G15679" s="8">
        <v>1</v>
      </c>
      <c r="H15679" s="8">
        <v>1</v>
      </c>
      <c r="I15679" s="8">
        <v>0</v>
      </c>
      <c r="J15679" s="8">
        <v>1</v>
      </c>
      <c r="K15679" s="9">
        <v>3.3</v>
      </c>
      <c r="L15679" s="6" t="s">
        <v>51</v>
      </c>
    </row>
    <row r="15680" spans="1:12">
      <c r="A15680" s="6" t="s">
        <v>15677</v>
      </c>
      <c r="B15680" s="6"/>
      <c r="C15680" s="6" t="s">
        <v>15706</v>
      </c>
      <c r="D15680" s="6"/>
      <c r="E15680" s="6" t="s">
        <v>9</v>
      </c>
      <c r="F15680" s="7"/>
      <c r="G15680" s="8">
        <v>1</v>
      </c>
      <c r="H15680" s="8">
        <v>1</v>
      </c>
      <c r="I15680" s="8">
        <v>0</v>
      </c>
      <c r="J15680" s="8">
        <v>1</v>
      </c>
      <c r="K15680" s="9">
        <v>3.3</v>
      </c>
      <c r="L15680" s="6" t="s">
        <v>51</v>
      </c>
    </row>
    <row r="15681" spans="1:12">
      <c r="A15681" s="6" t="s">
        <v>15677</v>
      </c>
      <c r="B15681" s="6"/>
      <c r="C15681" s="6" t="s">
        <v>15707</v>
      </c>
      <c r="D15681" s="6"/>
      <c r="E15681" s="6" t="s">
        <v>9</v>
      </c>
      <c r="F15681" s="7"/>
      <c r="G15681" s="8">
        <v>1</v>
      </c>
      <c r="H15681" s="8">
        <v>1</v>
      </c>
      <c r="I15681" s="8">
        <v>0</v>
      </c>
      <c r="J15681" s="8">
        <v>1</v>
      </c>
      <c r="K15681" s="9">
        <v>3.3</v>
      </c>
      <c r="L15681" s="6" t="s">
        <v>51</v>
      </c>
    </row>
    <row r="15682" spans="1:12">
      <c r="A15682" s="6" t="s">
        <v>15677</v>
      </c>
      <c r="B15682" s="6"/>
      <c r="C15682" s="6" t="s">
        <v>15708</v>
      </c>
      <c r="D15682" s="6"/>
      <c r="E15682" s="6" t="s">
        <v>9</v>
      </c>
      <c r="F15682" s="7"/>
      <c r="G15682" s="8">
        <v>1</v>
      </c>
      <c r="H15682" s="8">
        <v>1</v>
      </c>
      <c r="I15682" s="8">
        <v>0</v>
      </c>
      <c r="J15682" s="8">
        <v>1</v>
      </c>
      <c r="K15682" s="9">
        <v>3.3</v>
      </c>
      <c r="L15682" s="6" t="s">
        <v>51</v>
      </c>
    </row>
    <row r="15683" spans="1:12">
      <c r="A15683" s="6" t="s">
        <v>15677</v>
      </c>
      <c r="B15683" s="6"/>
      <c r="C15683" s="6" t="s">
        <v>15709</v>
      </c>
      <c r="D15683" s="6"/>
      <c r="E15683" s="6" t="s">
        <v>9</v>
      </c>
      <c r="F15683" s="7"/>
      <c r="G15683" s="8">
        <v>1</v>
      </c>
      <c r="H15683" s="8">
        <v>1</v>
      </c>
      <c r="I15683" s="8">
        <v>0</v>
      </c>
      <c r="J15683" s="8">
        <v>1</v>
      </c>
      <c r="K15683" s="9">
        <v>3.3</v>
      </c>
      <c r="L15683" s="6" t="s">
        <v>51</v>
      </c>
    </row>
    <row r="15684" spans="1:12">
      <c r="A15684" s="6" t="s">
        <v>15677</v>
      </c>
      <c r="B15684" s="6"/>
      <c r="C15684" s="6" t="s">
        <v>15710</v>
      </c>
      <c r="D15684" s="6"/>
      <c r="E15684" s="6" t="s">
        <v>9</v>
      </c>
      <c r="F15684" s="7"/>
      <c r="G15684" s="8">
        <v>1</v>
      </c>
      <c r="H15684" s="8">
        <v>1</v>
      </c>
      <c r="I15684" s="8">
        <v>0</v>
      </c>
      <c r="J15684" s="8">
        <v>1</v>
      </c>
      <c r="K15684" s="9">
        <v>3.3</v>
      </c>
      <c r="L15684" s="6" t="s">
        <v>51</v>
      </c>
    </row>
    <row r="15685" spans="1:12">
      <c r="A15685" s="6" t="s">
        <v>15677</v>
      </c>
      <c r="B15685" s="6"/>
      <c r="C15685" s="6" t="s">
        <v>15711</v>
      </c>
      <c r="D15685" s="6"/>
      <c r="E15685" s="6" t="s">
        <v>9</v>
      </c>
      <c r="F15685" s="7"/>
      <c r="G15685" s="8">
        <v>1</v>
      </c>
      <c r="H15685" s="8">
        <v>1</v>
      </c>
      <c r="I15685" s="8">
        <v>0</v>
      </c>
      <c r="J15685" s="8">
        <v>1</v>
      </c>
      <c r="K15685" s="9">
        <v>3.3</v>
      </c>
      <c r="L15685" s="6" t="s">
        <v>51</v>
      </c>
    </row>
    <row r="15686" spans="1:12">
      <c r="A15686" s="6" t="s">
        <v>15677</v>
      </c>
      <c r="B15686" s="6"/>
      <c r="C15686" s="6" t="s">
        <v>15712</v>
      </c>
      <c r="D15686" s="6"/>
      <c r="E15686" s="6" t="s">
        <v>9</v>
      </c>
      <c r="F15686" s="7"/>
      <c r="G15686" s="8">
        <v>1</v>
      </c>
      <c r="H15686" s="8">
        <v>1</v>
      </c>
      <c r="I15686" s="8">
        <v>0</v>
      </c>
      <c r="J15686" s="8">
        <v>1</v>
      </c>
      <c r="K15686" s="9">
        <v>3.3</v>
      </c>
      <c r="L15686" s="6" t="s">
        <v>51</v>
      </c>
    </row>
    <row r="15687" spans="1:12">
      <c r="A15687" s="6" t="s">
        <v>15677</v>
      </c>
      <c r="B15687" s="6"/>
      <c r="C15687" s="6" t="s">
        <v>15713</v>
      </c>
      <c r="D15687" s="6"/>
      <c r="E15687" s="6" t="s">
        <v>9</v>
      </c>
      <c r="F15687" s="7">
        <v>38657</v>
      </c>
      <c r="G15687" s="8">
        <v>1</v>
      </c>
      <c r="H15687" s="8">
        <v>1</v>
      </c>
      <c r="I15687" s="8">
        <v>0</v>
      </c>
      <c r="J15687" s="8">
        <v>1</v>
      </c>
      <c r="K15687" s="9">
        <v>79</v>
      </c>
      <c r="L15687" s="6" t="s">
        <v>51</v>
      </c>
    </row>
    <row r="15688" spans="1:12">
      <c r="A15688" s="6" t="s">
        <v>15677</v>
      </c>
      <c r="B15688" s="6"/>
      <c r="C15688" s="6" t="s">
        <v>15714</v>
      </c>
      <c r="D15688" s="6"/>
      <c r="E15688" s="6" t="s">
        <v>9</v>
      </c>
      <c r="F15688" s="7"/>
      <c r="G15688" s="8">
        <v>1</v>
      </c>
      <c r="H15688" s="8">
        <v>1</v>
      </c>
      <c r="I15688" s="8">
        <v>0</v>
      </c>
      <c r="J15688" s="8">
        <v>1</v>
      </c>
      <c r="K15688" s="9">
        <v>46</v>
      </c>
      <c r="L15688" s="6" t="s">
        <v>51</v>
      </c>
    </row>
    <row r="15689" spans="1:12">
      <c r="A15689" s="6" t="s">
        <v>15677</v>
      </c>
      <c r="B15689" s="6"/>
      <c r="C15689" s="6" t="s">
        <v>15715</v>
      </c>
      <c r="D15689" s="6"/>
      <c r="E15689" s="6" t="s">
        <v>9</v>
      </c>
      <c r="F15689" s="7"/>
      <c r="G15689" s="8">
        <v>1</v>
      </c>
      <c r="H15689" s="8">
        <v>1</v>
      </c>
      <c r="I15689" s="8">
        <v>0</v>
      </c>
      <c r="J15689" s="8">
        <v>1</v>
      </c>
      <c r="K15689" s="9">
        <v>3.3</v>
      </c>
      <c r="L15689" s="6" t="s">
        <v>51</v>
      </c>
    </row>
    <row r="15690" spans="1:12">
      <c r="A15690" s="6" t="s">
        <v>15677</v>
      </c>
      <c r="B15690" s="6"/>
      <c r="C15690" s="6" t="s">
        <v>15716</v>
      </c>
      <c r="D15690" s="6"/>
      <c r="E15690" s="6" t="s">
        <v>9</v>
      </c>
      <c r="F15690" s="7"/>
      <c r="G15690" s="8">
        <v>1</v>
      </c>
      <c r="H15690" s="8">
        <v>1</v>
      </c>
      <c r="I15690" s="8">
        <v>0</v>
      </c>
      <c r="J15690" s="8">
        <v>1</v>
      </c>
      <c r="K15690" s="9">
        <v>19</v>
      </c>
      <c r="L15690" s="6" t="s">
        <v>51</v>
      </c>
    </row>
    <row r="15691" spans="1:12">
      <c r="A15691" s="6" t="s">
        <v>15677</v>
      </c>
      <c r="B15691" s="6"/>
      <c r="C15691" s="6" t="s">
        <v>15717</v>
      </c>
      <c r="D15691" s="6"/>
      <c r="E15691" s="6" t="s">
        <v>9</v>
      </c>
      <c r="F15691" s="7"/>
      <c r="G15691" s="8">
        <v>1</v>
      </c>
      <c r="H15691" s="8">
        <v>1</v>
      </c>
      <c r="I15691" s="8">
        <v>0</v>
      </c>
      <c r="J15691" s="8">
        <v>1</v>
      </c>
      <c r="K15691" s="9">
        <v>13</v>
      </c>
      <c r="L15691" s="6" t="s">
        <v>51</v>
      </c>
    </row>
    <row r="15692" spans="1:12">
      <c r="A15692" s="6" t="s">
        <v>15677</v>
      </c>
      <c r="B15692" s="6"/>
      <c r="C15692" s="6" t="s">
        <v>15718</v>
      </c>
      <c r="D15692" s="6"/>
      <c r="E15692" s="6" t="s">
        <v>9</v>
      </c>
      <c r="F15692" s="7"/>
      <c r="G15692" s="8">
        <v>1</v>
      </c>
      <c r="H15692" s="8">
        <v>1</v>
      </c>
      <c r="I15692" s="8">
        <v>0</v>
      </c>
      <c r="J15692" s="8">
        <v>1</v>
      </c>
      <c r="K15692" s="9">
        <v>9.91</v>
      </c>
      <c r="L15692" s="6" t="s">
        <v>51</v>
      </c>
    </row>
    <row r="15693" spans="1:12">
      <c r="A15693" s="6" t="s">
        <v>15677</v>
      </c>
      <c r="B15693" s="6"/>
      <c r="C15693" s="6" t="s">
        <v>15719</v>
      </c>
      <c r="D15693" s="6"/>
      <c r="E15693" s="6" t="s">
        <v>9</v>
      </c>
      <c r="F15693" s="7"/>
      <c r="G15693" s="8">
        <v>1</v>
      </c>
      <c r="H15693" s="8">
        <v>1</v>
      </c>
      <c r="I15693" s="8">
        <v>0</v>
      </c>
      <c r="J15693" s="8">
        <v>1</v>
      </c>
      <c r="K15693" s="9">
        <v>6.61</v>
      </c>
      <c r="L15693" s="6" t="s">
        <v>51</v>
      </c>
    </row>
    <row r="15694" spans="1:12">
      <c r="A15694" s="6" t="s">
        <v>15677</v>
      </c>
      <c r="B15694" s="6"/>
      <c r="C15694" s="6" t="s">
        <v>15720</v>
      </c>
      <c r="D15694" s="6"/>
      <c r="E15694" s="6" t="s">
        <v>9</v>
      </c>
      <c r="F15694" s="7"/>
      <c r="G15694" s="8">
        <v>1</v>
      </c>
      <c r="H15694" s="8">
        <v>1</v>
      </c>
      <c r="I15694" s="8">
        <v>0</v>
      </c>
      <c r="J15694" s="8">
        <v>1</v>
      </c>
      <c r="K15694" s="9">
        <v>3.3</v>
      </c>
      <c r="L15694" s="6" t="s">
        <v>51</v>
      </c>
    </row>
    <row r="15695" spans="1:12">
      <c r="A15695" s="6" t="s">
        <v>15677</v>
      </c>
      <c r="B15695" s="6"/>
      <c r="C15695" s="6" t="s">
        <v>15721</v>
      </c>
      <c r="D15695" s="6"/>
      <c r="E15695" s="6" t="s">
        <v>9</v>
      </c>
      <c r="F15695" s="7"/>
      <c r="G15695" s="8">
        <v>1</v>
      </c>
      <c r="H15695" s="8">
        <v>1</v>
      </c>
      <c r="I15695" s="8">
        <v>0</v>
      </c>
      <c r="J15695" s="8">
        <v>1</v>
      </c>
      <c r="K15695" s="9">
        <v>9.91</v>
      </c>
      <c r="L15695" s="6" t="s">
        <v>51</v>
      </c>
    </row>
    <row r="15696" spans="1:12">
      <c r="A15696" s="6" t="s">
        <v>15677</v>
      </c>
      <c r="B15696" s="6"/>
      <c r="C15696" s="6" t="s">
        <v>15722</v>
      </c>
      <c r="D15696" s="6"/>
      <c r="E15696" s="6" t="s">
        <v>9</v>
      </c>
      <c r="F15696" s="7"/>
      <c r="G15696" s="8">
        <v>1</v>
      </c>
      <c r="H15696" s="8">
        <v>1</v>
      </c>
      <c r="I15696" s="8">
        <v>0</v>
      </c>
      <c r="J15696" s="8">
        <v>1</v>
      </c>
      <c r="K15696" s="9">
        <v>23</v>
      </c>
      <c r="L15696" s="6" t="s">
        <v>51</v>
      </c>
    </row>
    <row r="15697" spans="1:12">
      <c r="A15697" s="6" t="s">
        <v>15677</v>
      </c>
      <c r="B15697" s="6"/>
      <c r="C15697" s="6" t="s">
        <v>15723</v>
      </c>
      <c r="D15697" s="6"/>
      <c r="E15697" s="6" t="s">
        <v>9</v>
      </c>
      <c r="F15697" s="7"/>
      <c r="G15697" s="8">
        <v>1</v>
      </c>
      <c r="H15697" s="8">
        <v>1</v>
      </c>
      <c r="I15697" s="8">
        <v>0</v>
      </c>
      <c r="J15697" s="8">
        <v>1</v>
      </c>
      <c r="K15697" s="9">
        <v>23</v>
      </c>
      <c r="L15697" s="6" t="s">
        <v>51</v>
      </c>
    </row>
    <row r="15698" spans="1:12">
      <c r="A15698" s="6" t="s">
        <v>15677</v>
      </c>
      <c r="B15698" s="6"/>
      <c r="C15698" s="6" t="s">
        <v>15724</v>
      </c>
      <c r="D15698" s="6"/>
      <c r="E15698" s="6" t="s">
        <v>9</v>
      </c>
      <c r="F15698" s="7">
        <v>38657</v>
      </c>
      <c r="G15698" s="8">
        <v>1</v>
      </c>
      <c r="H15698" s="8">
        <v>1</v>
      </c>
      <c r="I15698" s="8">
        <v>0</v>
      </c>
      <c r="J15698" s="8">
        <v>1</v>
      </c>
      <c r="K15698" s="9">
        <v>76</v>
      </c>
      <c r="L15698" s="6" t="s">
        <v>51</v>
      </c>
    </row>
    <row r="15699" spans="1:12">
      <c r="A15699" s="6" t="s">
        <v>15677</v>
      </c>
      <c r="B15699" s="6"/>
      <c r="C15699" s="6" t="s">
        <v>15725</v>
      </c>
      <c r="D15699" s="6"/>
      <c r="E15699" s="6" t="s">
        <v>9</v>
      </c>
      <c r="F15699" s="7"/>
      <c r="G15699" s="8">
        <v>1</v>
      </c>
      <c r="H15699" s="8">
        <v>1</v>
      </c>
      <c r="I15699" s="8">
        <v>0</v>
      </c>
      <c r="J15699" s="8">
        <v>1</v>
      </c>
      <c r="K15699" s="9">
        <v>16</v>
      </c>
      <c r="L15699" s="6" t="s">
        <v>51</v>
      </c>
    </row>
    <row r="15700" spans="1:12">
      <c r="A15700" s="6" t="s">
        <v>15677</v>
      </c>
      <c r="B15700" s="6"/>
      <c r="C15700" s="6" t="s">
        <v>15726</v>
      </c>
      <c r="D15700" s="6"/>
      <c r="E15700" s="6" t="s">
        <v>9</v>
      </c>
      <c r="F15700" s="7"/>
      <c r="G15700" s="8">
        <v>1</v>
      </c>
      <c r="H15700" s="8">
        <v>1</v>
      </c>
      <c r="I15700" s="8">
        <v>0</v>
      </c>
      <c r="J15700" s="8">
        <v>1</v>
      </c>
      <c r="K15700" s="9">
        <v>46</v>
      </c>
      <c r="L15700" s="6" t="s">
        <v>51</v>
      </c>
    </row>
    <row r="15701" spans="1:12">
      <c r="A15701" s="6" t="s">
        <v>15677</v>
      </c>
      <c r="B15701" s="6"/>
      <c r="C15701" s="6" t="s">
        <v>15727</v>
      </c>
      <c r="D15701" s="6"/>
      <c r="E15701" s="6" t="s">
        <v>9</v>
      </c>
      <c r="F15701" s="7"/>
      <c r="G15701" s="8">
        <v>1</v>
      </c>
      <c r="H15701" s="8">
        <v>1</v>
      </c>
      <c r="I15701" s="8">
        <v>0</v>
      </c>
      <c r="J15701" s="8">
        <v>1</v>
      </c>
      <c r="K15701" s="9">
        <v>16</v>
      </c>
      <c r="L15701" s="6" t="s">
        <v>51</v>
      </c>
    </row>
    <row r="15702" spans="1:12">
      <c r="A15702" s="6" t="s">
        <v>15677</v>
      </c>
      <c r="B15702" s="6"/>
      <c r="C15702" s="6" t="s">
        <v>15728</v>
      </c>
      <c r="D15702" s="6"/>
      <c r="E15702" s="6" t="s">
        <v>9</v>
      </c>
      <c r="F15702" s="7"/>
      <c r="G15702" s="8">
        <v>1</v>
      </c>
      <c r="H15702" s="8">
        <v>1</v>
      </c>
      <c r="I15702" s="8">
        <v>0</v>
      </c>
      <c r="J15702" s="8">
        <v>1</v>
      </c>
      <c r="K15702" s="9">
        <v>9.91</v>
      </c>
      <c r="L15702" s="6" t="s">
        <v>4773</v>
      </c>
    </row>
    <row r="15703" spans="1:12">
      <c r="A15703" s="6" t="s">
        <v>15677</v>
      </c>
      <c r="B15703" s="6"/>
      <c r="C15703" s="6" t="s">
        <v>15729</v>
      </c>
      <c r="D15703" s="6"/>
      <c r="E15703" s="6" t="s">
        <v>9</v>
      </c>
      <c r="F15703" s="7"/>
      <c r="G15703" s="8">
        <v>1</v>
      </c>
      <c r="H15703" s="8">
        <v>1</v>
      </c>
      <c r="I15703" s="8">
        <v>0</v>
      </c>
      <c r="J15703" s="8">
        <v>1</v>
      </c>
      <c r="K15703" s="9">
        <v>6.61</v>
      </c>
      <c r="L15703" s="6" t="s">
        <v>51</v>
      </c>
    </row>
    <row r="15704" spans="1:12">
      <c r="A15704" s="6" t="s">
        <v>15677</v>
      </c>
      <c r="B15704" s="6"/>
      <c r="C15704" s="6" t="s">
        <v>15730</v>
      </c>
      <c r="D15704" s="6"/>
      <c r="E15704" s="6" t="s">
        <v>9</v>
      </c>
      <c r="F15704" s="7"/>
      <c r="G15704" s="8">
        <v>1</v>
      </c>
      <c r="H15704" s="8">
        <v>1</v>
      </c>
      <c r="I15704" s="8">
        <v>0</v>
      </c>
      <c r="J15704" s="8">
        <v>1</v>
      </c>
      <c r="K15704" s="9">
        <v>3.3</v>
      </c>
      <c r="L15704" s="6" t="s">
        <v>51</v>
      </c>
    </row>
    <row r="15705" spans="1:12">
      <c r="A15705" s="6" t="s">
        <v>15677</v>
      </c>
      <c r="B15705" s="6"/>
      <c r="C15705" s="6" t="s">
        <v>15731</v>
      </c>
      <c r="D15705" s="6"/>
      <c r="E15705" s="6" t="s">
        <v>9</v>
      </c>
      <c r="F15705" s="7"/>
      <c r="G15705" s="8">
        <v>1</v>
      </c>
      <c r="H15705" s="8">
        <v>1</v>
      </c>
      <c r="I15705" s="8">
        <v>0</v>
      </c>
      <c r="J15705" s="8">
        <v>1</v>
      </c>
      <c r="K15705" s="9">
        <v>13</v>
      </c>
      <c r="L15705" s="6" t="s">
        <v>51</v>
      </c>
    </row>
    <row r="15706" spans="1:12">
      <c r="A15706" s="6" t="s">
        <v>15677</v>
      </c>
      <c r="B15706" s="6"/>
      <c r="C15706" s="6" t="s">
        <v>15732</v>
      </c>
      <c r="D15706" s="6"/>
      <c r="E15706" s="6" t="s">
        <v>9</v>
      </c>
      <c r="F15706" s="7"/>
      <c r="G15706" s="8">
        <v>1</v>
      </c>
      <c r="H15706" s="8">
        <v>1</v>
      </c>
      <c r="I15706" s="8">
        <v>0</v>
      </c>
      <c r="J15706" s="8">
        <v>1</v>
      </c>
      <c r="K15706" s="9">
        <v>36</v>
      </c>
      <c r="L15706" s="6" t="s">
        <v>51</v>
      </c>
    </row>
    <row r="15707" spans="1:12">
      <c r="A15707" s="6" t="s">
        <v>15677</v>
      </c>
      <c r="B15707" s="6"/>
      <c r="C15707" s="6" t="s">
        <v>15733</v>
      </c>
      <c r="D15707" s="6"/>
      <c r="E15707" s="6" t="s">
        <v>9</v>
      </c>
      <c r="F15707" s="7"/>
      <c r="G15707" s="8">
        <v>1</v>
      </c>
      <c r="H15707" s="8">
        <v>1</v>
      </c>
      <c r="I15707" s="8">
        <v>0</v>
      </c>
      <c r="J15707" s="8">
        <v>1</v>
      </c>
      <c r="K15707" s="9">
        <v>19</v>
      </c>
      <c r="L15707" s="6" t="s">
        <v>51</v>
      </c>
    </row>
    <row r="15708" spans="1:12">
      <c r="A15708" s="6" t="s">
        <v>15677</v>
      </c>
      <c r="B15708" s="6"/>
      <c r="C15708" s="6" t="s">
        <v>15734</v>
      </c>
      <c r="D15708" s="6"/>
      <c r="E15708" s="6" t="s">
        <v>9</v>
      </c>
      <c r="F15708" s="7"/>
      <c r="G15708" s="8">
        <v>1</v>
      </c>
      <c r="H15708" s="8">
        <v>1</v>
      </c>
      <c r="I15708" s="8">
        <v>0</v>
      </c>
      <c r="J15708" s="8">
        <v>1</v>
      </c>
      <c r="K15708" s="9">
        <v>6.61</v>
      </c>
      <c r="L15708" s="6" t="s">
        <v>51</v>
      </c>
    </row>
    <row r="15709" spans="1:12">
      <c r="A15709" s="6" t="s">
        <v>15677</v>
      </c>
      <c r="B15709" s="6"/>
      <c r="C15709" s="6" t="s">
        <v>15735</v>
      </c>
      <c r="D15709" s="6"/>
      <c r="E15709" s="6" t="s">
        <v>9</v>
      </c>
      <c r="F15709" s="7">
        <v>38657</v>
      </c>
      <c r="G15709" s="8">
        <v>1</v>
      </c>
      <c r="H15709" s="8">
        <v>1</v>
      </c>
      <c r="I15709" s="8">
        <v>0</v>
      </c>
      <c r="J15709" s="8">
        <v>1</v>
      </c>
      <c r="K15709" s="9">
        <v>79</v>
      </c>
      <c r="L15709" s="6" t="s">
        <v>51</v>
      </c>
    </row>
    <row r="15710" spans="1:12">
      <c r="A15710" s="6" t="s">
        <v>15677</v>
      </c>
      <c r="B15710" s="6"/>
      <c r="C15710" s="6" t="s">
        <v>15736</v>
      </c>
      <c r="D15710" s="6"/>
      <c r="E15710" s="6" t="s">
        <v>9</v>
      </c>
      <c r="F15710" s="7"/>
      <c r="G15710" s="8">
        <v>1</v>
      </c>
      <c r="H15710" s="8">
        <v>1</v>
      </c>
      <c r="I15710" s="8">
        <v>0</v>
      </c>
      <c r="J15710" s="8">
        <v>1</v>
      </c>
      <c r="K15710" s="9">
        <v>19</v>
      </c>
      <c r="L15710" s="6" t="s">
        <v>51</v>
      </c>
    </row>
    <row r="15711" spans="1:12">
      <c r="A15711" s="6" t="s">
        <v>15677</v>
      </c>
      <c r="B15711" s="6"/>
      <c r="C15711" s="6" t="s">
        <v>15737</v>
      </c>
      <c r="D15711" s="6"/>
      <c r="E15711" s="6" t="s">
        <v>9</v>
      </c>
      <c r="F15711" s="7"/>
      <c r="G15711" s="8">
        <v>1</v>
      </c>
      <c r="H15711" s="8">
        <v>1</v>
      </c>
      <c r="I15711" s="8">
        <v>0</v>
      </c>
      <c r="J15711" s="8">
        <v>1</v>
      </c>
      <c r="K15711" s="9">
        <v>19</v>
      </c>
      <c r="L15711" s="6" t="s">
        <v>51</v>
      </c>
    </row>
    <row r="15712" spans="1:12">
      <c r="A15712" s="6" t="s">
        <v>15677</v>
      </c>
      <c r="B15712" s="6"/>
      <c r="C15712" s="6" t="s">
        <v>15738</v>
      </c>
      <c r="D15712" s="6"/>
      <c r="E15712" s="6" t="s">
        <v>9</v>
      </c>
      <c r="F15712" s="7"/>
      <c r="G15712" s="8">
        <v>1</v>
      </c>
      <c r="H15712" s="8">
        <v>1</v>
      </c>
      <c r="I15712" s="8">
        <v>0</v>
      </c>
      <c r="J15712" s="8">
        <v>1</v>
      </c>
      <c r="K15712" s="9">
        <v>3.3</v>
      </c>
      <c r="L15712" s="6" t="s">
        <v>51</v>
      </c>
    </row>
    <row r="15713" spans="1:12">
      <c r="A15713" s="6" t="s">
        <v>15677</v>
      </c>
      <c r="B15713" s="6"/>
      <c r="C15713" s="6" t="s">
        <v>15739</v>
      </c>
      <c r="D15713" s="6"/>
      <c r="E15713" s="6" t="s">
        <v>9</v>
      </c>
      <c r="F15713" s="7"/>
      <c r="G15713" s="8">
        <v>1</v>
      </c>
      <c r="H15713" s="8">
        <v>1</v>
      </c>
      <c r="I15713" s="8">
        <v>0</v>
      </c>
      <c r="J15713" s="8">
        <v>1</v>
      </c>
      <c r="K15713" s="9">
        <v>6.61</v>
      </c>
      <c r="L15713" s="6" t="s">
        <v>51</v>
      </c>
    </row>
    <row r="15714" spans="1:12">
      <c r="A15714" s="6" t="s">
        <v>15677</v>
      </c>
      <c r="B15714" s="6"/>
      <c r="C15714" s="6" t="s">
        <v>15740</v>
      </c>
      <c r="D15714" s="6"/>
      <c r="E15714" s="6" t="s">
        <v>9</v>
      </c>
      <c r="F15714" s="7"/>
      <c r="G15714" s="8">
        <v>1</v>
      </c>
      <c r="H15714" s="8">
        <v>1</v>
      </c>
      <c r="I15714" s="8">
        <v>0</v>
      </c>
      <c r="J15714" s="8">
        <v>1</v>
      </c>
      <c r="K15714" s="9">
        <v>79</v>
      </c>
      <c r="L15714" s="6" t="s">
        <v>51</v>
      </c>
    </row>
    <row r="15715" spans="1:12">
      <c r="A15715" s="6" t="s">
        <v>15677</v>
      </c>
      <c r="B15715" s="6"/>
      <c r="C15715" s="6" t="s">
        <v>15741</v>
      </c>
      <c r="D15715" s="6"/>
      <c r="E15715" s="6" t="s">
        <v>9</v>
      </c>
      <c r="F15715" s="7"/>
      <c r="G15715" s="8">
        <v>1</v>
      </c>
      <c r="H15715" s="8">
        <v>1</v>
      </c>
      <c r="I15715" s="8">
        <v>0</v>
      </c>
      <c r="J15715" s="8">
        <v>1</v>
      </c>
      <c r="K15715" s="9">
        <v>13</v>
      </c>
      <c r="L15715" s="6" t="s">
        <v>51</v>
      </c>
    </row>
    <row r="15716" spans="1:12">
      <c r="A15716" s="6" t="s">
        <v>15677</v>
      </c>
      <c r="B15716" s="6"/>
      <c r="C15716" s="6" t="s">
        <v>15742</v>
      </c>
      <c r="D15716" s="6"/>
      <c r="E15716" s="6" t="s">
        <v>9</v>
      </c>
      <c r="F15716" s="7"/>
      <c r="G15716" s="8">
        <v>1</v>
      </c>
      <c r="H15716" s="8">
        <v>1</v>
      </c>
      <c r="I15716" s="8">
        <v>0</v>
      </c>
      <c r="J15716" s="8">
        <v>1</v>
      </c>
      <c r="K15716" s="9">
        <v>19</v>
      </c>
      <c r="L15716" s="6" t="s">
        <v>51</v>
      </c>
    </row>
    <row r="15717" spans="1:12">
      <c r="A15717" s="6" t="s">
        <v>15677</v>
      </c>
      <c r="B15717" s="6"/>
      <c r="C15717" s="6" t="s">
        <v>15743</v>
      </c>
      <c r="D15717" s="6"/>
      <c r="E15717" s="6" t="s">
        <v>9</v>
      </c>
      <c r="F15717" s="7"/>
      <c r="G15717" s="8">
        <v>1</v>
      </c>
      <c r="H15717" s="8">
        <v>1</v>
      </c>
      <c r="I15717" s="8">
        <v>0</v>
      </c>
      <c r="J15717" s="8">
        <v>1</v>
      </c>
      <c r="K15717" s="9">
        <v>3.3</v>
      </c>
      <c r="L15717" s="6" t="s">
        <v>51</v>
      </c>
    </row>
    <row r="15718" spans="1:12">
      <c r="A15718" s="6" t="s">
        <v>15677</v>
      </c>
      <c r="B15718" s="6"/>
      <c r="C15718" s="6" t="s">
        <v>15744</v>
      </c>
      <c r="D15718" s="6"/>
      <c r="E15718" s="6" t="s">
        <v>9</v>
      </c>
      <c r="F15718" s="7"/>
      <c r="G15718" s="8">
        <v>1</v>
      </c>
      <c r="H15718" s="8">
        <v>1</v>
      </c>
      <c r="I15718" s="8">
        <v>0</v>
      </c>
      <c r="J15718" s="8">
        <v>1</v>
      </c>
      <c r="K15718" s="9">
        <v>99</v>
      </c>
      <c r="L15718" s="6" t="s">
        <v>23</v>
      </c>
    </row>
    <row r="15719" spans="1:12">
      <c r="A15719" s="6" t="s">
        <v>15677</v>
      </c>
      <c r="B15719" s="6"/>
      <c r="C15719" s="6" t="s">
        <v>15745</v>
      </c>
      <c r="D15719" s="6"/>
      <c r="E15719" s="6" t="s">
        <v>9</v>
      </c>
      <c r="F15719" s="7"/>
      <c r="G15719" s="8">
        <v>1</v>
      </c>
      <c r="H15719" s="8">
        <v>1</v>
      </c>
      <c r="I15719" s="8">
        <v>0</v>
      </c>
      <c r="J15719" s="8">
        <v>1</v>
      </c>
      <c r="K15719" s="9">
        <v>125</v>
      </c>
      <c r="L15719" s="6" t="s">
        <v>4151</v>
      </c>
    </row>
    <row r="15720" spans="1:12">
      <c r="A15720" s="6" t="s">
        <v>15677</v>
      </c>
      <c r="B15720" s="6"/>
      <c r="C15720" s="6" t="s">
        <v>15746</v>
      </c>
      <c r="D15720" s="6"/>
      <c r="E15720" s="6" t="s">
        <v>9</v>
      </c>
      <c r="F15720" s="7">
        <v>38657</v>
      </c>
      <c r="G15720" s="8">
        <v>1</v>
      </c>
      <c r="H15720" s="8">
        <v>1</v>
      </c>
      <c r="I15720" s="8">
        <v>0</v>
      </c>
      <c r="J15720" s="8">
        <v>1</v>
      </c>
      <c r="K15720" s="9">
        <v>79</v>
      </c>
      <c r="L15720" s="6" t="s">
        <v>51</v>
      </c>
    </row>
    <row r="15721" spans="1:12">
      <c r="A15721" s="6" t="s">
        <v>15677</v>
      </c>
      <c r="B15721" s="6"/>
      <c r="C15721" s="6" t="s">
        <v>15747</v>
      </c>
      <c r="D15721" s="6"/>
      <c r="E15721" s="6" t="s">
        <v>9</v>
      </c>
      <c r="F15721" s="7"/>
      <c r="G15721" s="8">
        <v>1</v>
      </c>
      <c r="H15721" s="8">
        <v>1</v>
      </c>
      <c r="I15721" s="8">
        <v>0</v>
      </c>
      <c r="J15721" s="8">
        <v>1</v>
      </c>
      <c r="K15721" s="9">
        <v>800</v>
      </c>
      <c r="L15721" s="6" t="s">
        <v>4151</v>
      </c>
    </row>
    <row r="15722" spans="1:12">
      <c r="A15722" s="6" t="s">
        <v>15677</v>
      </c>
      <c r="B15722" s="6"/>
      <c r="C15722" s="6" t="s">
        <v>15748</v>
      </c>
      <c r="D15722" s="6"/>
      <c r="E15722" s="6" t="s">
        <v>9</v>
      </c>
      <c r="F15722" s="7">
        <v>38657</v>
      </c>
      <c r="G15722" s="8">
        <v>1</v>
      </c>
      <c r="H15722" s="8">
        <v>1</v>
      </c>
      <c r="I15722" s="8">
        <v>0</v>
      </c>
      <c r="J15722" s="8">
        <v>1</v>
      </c>
      <c r="K15722" s="9">
        <v>102</v>
      </c>
      <c r="L15722" s="6" t="s">
        <v>51</v>
      </c>
    </row>
    <row r="15723" spans="1:12">
      <c r="A15723" s="6" t="s">
        <v>15677</v>
      </c>
      <c r="B15723" s="6"/>
      <c r="C15723" s="6" t="s">
        <v>15749</v>
      </c>
      <c r="D15723" s="6"/>
      <c r="E15723" s="6" t="s">
        <v>9</v>
      </c>
      <c r="F15723" s="7">
        <v>38657</v>
      </c>
      <c r="G15723" s="8">
        <v>1</v>
      </c>
      <c r="H15723" s="8">
        <v>1</v>
      </c>
      <c r="I15723" s="8">
        <v>0</v>
      </c>
      <c r="J15723" s="8">
        <v>1</v>
      </c>
      <c r="K15723" s="9">
        <v>99</v>
      </c>
      <c r="L15723" s="6" t="s">
        <v>51</v>
      </c>
    </row>
    <row r="15724" spans="1:12">
      <c r="A15724" s="6" t="s">
        <v>15677</v>
      </c>
      <c r="B15724" s="6"/>
      <c r="C15724" s="6" t="s">
        <v>15750</v>
      </c>
      <c r="D15724" s="6"/>
      <c r="E15724" s="6" t="s">
        <v>9</v>
      </c>
      <c r="F15724" s="7">
        <v>38657</v>
      </c>
      <c r="G15724" s="8">
        <v>1</v>
      </c>
      <c r="H15724" s="8">
        <v>1</v>
      </c>
      <c r="I15724" s="8">
        <v>0</v>
      </c>
      <c r="J15724" s="8">
        <v>1</v>
      </c>
      <c r="K15724" s="9">
        <v>109</v>
      </c>
      <c r="L15724" s="6" t="s">
        <v>51</v>
      </c>
    </row>
    <row r="15725" spans="1:12">
      <c r="A15725" s="6" t="s">
        <v>15677</v>
      </c>
      <c r="B15725" s="6"/>
      <c r="C15725" s="6" t="s">
        <v>15751</v>
      </c>
      <c r="D15725" s="6"/>
      <c r="E15725" s="6" t="s">
        <v>9</v>
      </c>
      <c r="F15725" s="7">
        <v>38657</v>
      </c>
      <c r="G15725" s="8">
        <v>1</v>
      </c>
      <c r="H15725" s="8">
        <v>1</v>
      </c>
      <c r="I15725" s="8">
        <v>0</v>
      </c>
      <c r="J15725" s="8">
        <v>1</v>
      </c>
      <c r="K15725" s="9">
        <v>40</v>
      </c>
      <c r="L15725" s="6" t="s">
        <v>51</v>
      </c>
    </row>
    <row r="15726" spans="1:12">
      <c r="A15726" s="6" t="s">
        <v>15677</v>
      </c>
      <c r="B15726" s="6"/>
      <c r="C15726" s="6" t="s">
        <v>15752</v>
      </c>
      <c r="D15726" s="6"/>
      <c r="E15726" s="6" t="s">
        <v>9</v>
      </c>
      <c r="F15726" s="7">
        <v>38657</v>
      </c>
      <c r="G15726" s="8">
        <v>1</v>
      </c>
      <c r="H15726" s="8">
        <v>1</v>
      </c>
      <c r="I15726" s="8">
        <v>0</v>
      </c>
      <c r="J15726" s="8">
        <v>1</v>
      </c>
      <c r="K15726" s="9">
        <v>115</v>
      </c>
      <c r="L15726" s="6" t="s">
        <v>51</v>
      </c>
    </row>
    <row r="15727" spans="1:12">
      <c r="A15727" s="6" t="s">
        <v>15677</v>
      </c>
      <c r="B15727" s="6"/>
      <c r="C15727" s="6" t="s">
        <v>15753</v>
      </c>
      <c r="D15727" s="6"/>
      <c r="E15727" s="6" t="s">
        <v>9</v>
      </c>
      <c r="F15727" s="7">
        <v>38657</v>
      </c>
      <c r="G15727" s="8">
        <v>1</v>
      </c>
      <c r="H15727" s="8">
        <v>1</v>
      </c>
      <c r="I15727" s="8">
        <v>0</v>
      </c>
      <c r="J15727" s="8">
        <v>1</v>
      </c>
      <c r="K15727" s="9">
        <v>142</v>
      </c>
      <c r="L15727" s="6" t="s">
        <v>51</v>
      </c>
    </row>
    <row r="15728" spans="1:12">
      <c r="A15728" s="6" t="s">
        <v>15677</v>
      </c>
      <c r="B15728" s="6"/>
      <c r="C15728" s="6" t="s">
        <v>15754</v>
      </c>
      <c r="D15728" s="6"/>
      <c r="E15728" s="6" t="s">
        <v>9</v>
      </c>
      <c r="F15728" s="7">
        <v>38657</v>
      </c>
      <c r="G15728" s="8">
        <v>1</v>
      </c>
      <c r="H15728" s="8">
        <v>1</v>
      </c>
      <c r="I15728" s="8">
        <v>0</v>
      </c>
      <c r="J15728" s="8">
        <v>1</v>
      </c>
      <c r="K15728" s="9">
        <v>95</v>
      </c>
      <c r="L15728" s="6" t="s">
        <v>51</v>
      </c>
    </row>
    <row r="15729" spans="1:12">
      <c r="A15729" s="6" t="s">
        <v>15677</v>
      </c>
      <c r="B15729" s="6"/>
      <c r="C15729" s="6" t="s">
        <v>15755</v>
      </c>
      <c r="D15729" s="6"/>
      <c r="E15729" s="6" t="s">
        <v>9</v>
      </c>
      <c r="F15729" s="7">
        <v>38657</v>
      </c>
      <c r="G15729" s="8">
        <v>1</v>
      </c>
      <c r="H15729" s="8">
        <v>1</v>
      </c>
      <c r="I15729" s="8">
        <v>0</v>
      </c>
      <c r="J15729" s="8">
        <v>1</v>
      </c>
      <c r="K15729" s="9">
        <v>16</v>
      </c>
      <c r="L15729" s="6" t="s">
        <v>51</v>
      </c>
    </row>
    <row r="15730" spans="1:12">
      <c r="A15730" s="6" t="s">
        <v>15677</v>
      </c>
      <c r="B15730" s="6"/>
      <c r="C15730" s="6" t="s">
        <v>15756</v>
      </c>
      <c r="D15730" s="6"/>
      <c r="E15730" s="6" t="s">
        <v>9</v>
      </c>
      <c r="F15730" s="7">
        <v>38657</v>
      </c>
      <c r="G15730" s="8">
        <v>1</v>
      </c>
      <c r="H15730" s="8">
        <v>1</v>
      </c>
      <c r="I15730" s="8">
        <v>0</v>
      </c>
      <c r="J15730" s="8">
        <v>1</v>
      </c>
      <c r="K15730" s="9">
        <v>254</v>
      </c>
      <c r="L15730" s="6" t="s">
        <v>51</v>
      </c>
    </row>
    <row r="15731" spans="1:12">
      <c r="A15731" s="6" t="s">
        <v>15677</v>
      </c>
      <c r="B15731" s="6"/>
      <c r="C15731" s="6" t="s">
        <v>15757</v>
      </c>
      <c r="D15731" s="6"/>
      <c r="E15731" s="6" t="s">
        <v>9</v>
      </c>
      <c r="F15731" s="7">
        <v>38657</v>
      </c>
      <c r="G15731" s="8">
        <v>1</v>
      </c>
      <c r="H15731" s="8">
        <v>1</v>
      </c>
      <c r="I15731" s="8">
        <v>0</v>
      </c>
      <c r="J15731" s="8">
        <v>1</v>
      </c>
      <c r="K15731" s="9">
        <v>3.3</v>
      </c>
      <c r="L15731" s="6" t="s">
        <v>51</v>
      </c>
    </row>
    <row r="15732" spans="1:12">
      <c r="A15732" s="6" t="s">
        <v>15677</v>
      </c>
      <c r="B15732" s="6"/>
      <c r="C15732" s="6" t="s">
        <v>15758</v>
      </c>
      <c r="D15732" s="6"/>
      <c r="E15732" s="6" t="s">
        <v>9</v>
      </c>
      <c r="F15732" s="7">
        <v>38657</v>
      </c>
      <c r="G15732" s="8">
        <v>1</v>
      </c>
      <c r="H15732" s="8">
        <v>1</v>
      </c>
      <c r="I15732" s="8">
        <v>0</v>
      </c>
      <c r="J15732" s="8">
        <v>1</v>
      </c>
      <c r="K15732" s="9">
        <v>55</v>
      </c>
      <c r="L15732" s="6" t="s">
        <v>51</v>
      </c>
    </row>
    <row r="15733" spans="1:12">
      <c r="A15733" s="6" t="s">
        <v>15677</v>
      </c>
      <c r="B15733" s="6"/>
      <c r="C15733" s="6" t="s">
        <v>15759</v>
      </c>
      <c r="D15733" s="6"/>
      <c r="E15733" s="6" t="s">
        <v>9</v>
      </c>
      <c r="F15733" s="7">
        <v>38657</v>
      </c>
      <c r="G15733" s="8">
        <v>1</v>
      </c>
      <c r="H15733" s="8">
        <v>1</v>
      </c>
      <c r="I15733" s="8">
        <v>0</v>
      </c>
      <c r="J15733" s="8">
        <v>1</v>
      </c>
      <c r="K15733" s="9">
        <v>454</v>
      </c>
      <c r="L15733" s="6" t="s">
        <v>51</v>
      </c>
    </row>
    <row r="15734" spans="1:12">
      <c r="A15734" s="6" t="s">
        <v>15677</v>
      </c>
      <c r="B15734" s="6"/>
      <c r="C15734" s="6" t="s">
        <v>15760</v>
      </c>
      <c r="D15734" s="6"/>
      <c r="E15734" s="6" t="s">
        <v>9</v>
      </c>
      <c r="F15734" s="7">
        <v>38657</v>
      </c>
      <c r="G15734" s="8">
        <v>1</v>
      </c>
      <c r="H15734" s="8">
        <v>1</v>
      </c>
      <c r="I15734" s="8">
        <v>0</v>
      </c>
      <c r="J15734" s="8">
        <v>1</v>
      </c>
      <c r="K15734" s="9">
        <v>3.3</v>
      </c>
      <c r="L15734" s="6" t="s">
        <v>51</v>
      </c>
    </row>
    <row r="15735" spans="1:12">
      <c r="A15735" s="6" t="s">
        <v>15677</v>
      </c>
      <c r="B15735" s="6"/>
      <c r="C15735" s="6" t="s">
        <v>15761</v>
      </c>
      <c r="D15735" s="6"/>
      <c r="E15735" s="6" t="s">
        <v>9</v>
      </c>
      <c r="F15735" s="7">
        <v>38657</v>
      </c>
      <c r="G15735" s="8">
        <v>1</v>
      </c>
      <c r="H15735" s="8">
        <v>1</v>
      </c>
      <c r="I15735" s="8">
        <v>0</v>
      </c>
      <c r="J15735" s="8">
        <v>1</v>
      </c>
      <c r="K15735" s="9">
        <v>9.91</v>
      </c>
      <c r="L15735" s="6" t="s">
        <v>51</v>
      </c>
    </row>
    <row r="15736" spans="1:12">
      <c r="A15736" s="6" t="s">
        <v>15677</v>
      </c>
      <c r="B15736" s="6"/>
      <c r="C15736" s="6" t="s">
        <v>15762</v>
      </c>
      <c r="D15736" s="6"/>
      <c r="E15736" s="6" t="s">
        <v>9</v>
      </c>
      <c r="F15736" s="7">
        <v>38657</v>
      </c>
      <c r="G15736" s="8">
        <v>1</v>
      </c>
      <c r="H15736" s="8">
        <v>1</v>
      </c>
      <c r="I15736" s="8">
        <v>0</v>
      </c>
      <c r="J15736" s="8">
        <v>1</v>
      </c>
      <c r="K15736" s="9">
        <v>24.79</v>
      </c>
      <c r="L15736" s="6" t="s">
        <v>51</v>
      </c>
    </row>
    <row r="15737" spans="1:12">
      <c r="A15737" s="6" t="s">
        <v>15677</v>
      </c>
      <c r="B15737" s="6"/>
      <c r="C15737" s="6" t="s">
        <v>15763</v>
      </c>
      <c r="D15737" s="6"/>
      <c r="E15737" s="6" t="s">
        <v>9</v>
      </c>
      <c r="F15737" s="7">
        <v>38657</v>
      </c>
      <c r="G15737" s="8">
        <v>1</v>
      </c>
      <c r="H15737" s="8">
        <v>1</v>
      </c>
      <c r="I15737" s="8">
        <v>0</v>
      </c>
      <c r="J15737" s="8">
        <v>1</v>
      </c>
      <c r="K15737" s="9">
        <v>16</v>
      </c>
      <c r="L15737" s="6" t="s">
        <v>51</v>
      </c>
    </row>
    <row r="15738" spans="1:12">
      <c r="A15738" s="6" t="s">
        <v>15677</v>
      </c>
      <c r="B15738" s="6"/>
      <c r="C15738" s="6" t="s">
        <v>15764</v>
      </c>
      <c r="D15738" s="6"/>
      <c r="E15738" s="6" t="s">
        <v>9</v>
      </c>
      <c r="F15738" s="7">
        <v>38657</v>
      </c>
      <c r="G15738" s="8">
        <v>1</v>
      </c>
      <c r="H15738" s="8">
        <v>1</v>
      </c>
      <c r="I15738" s="8">
        <v>0</v>
      </c>
      <c r="J15738" s="8">
        <v>1</v>
      </c>
      <c r="K15738" s="9">
        <v>59</v>
      </c>
      <c r="L15738" s="6" t="s">
        <v>51</v>
      </c>
    </row>
    <row r="15739" spans="1:12">
      <c r="A15739" s="6" t="s">
        <v>15677</v>
      </c>
      <c r="B15739" s="6"/>
      <c r="C15739" s="6" t="s">
        <v>15765</v>
      </c>
      <c r="D15739" s="6"/>
      <c r="E15739" s="6" t="s">
        <v>9</v>
      </c>
      <c r="F15739" s="7">
        <v>38657</v>
      </c>
      <c r="G15739" s="8">
        <v>1</v>
      </c>
      <c r="H15739" s="8">
        <v>1</v>
      </c>
      <c r="I15739" s="8">
        <v>0</v>
      </c>
      <c r="J15739" s="8">
        <v>1</v>
      </c>
      <c r="K15739" s="9">
        <v>79</v>
      </c>
      <c r="L15739" s="6" t="s">
        <v>51</v>
      </c>
    </row>
    <row r="15740" spans="1:12">
      <c r="A15740" s="6" t="s">
        <v>15677</v>
      </c>
      <c r="B15740" s="6"/>
      <c r="C15740" s="6" t="s">
        <v>15766</v>
      </c>
      <c r="D15740" s="6"/>
      <c r="E15740" s="6" t="s">
        <v>9</v>
      </c>
      <c r="F15740" s="7">
        <v>38657</v>
      </c>
      <c r="G15740" s="8">
        <v>1</v>
      </c>
      <c r="H15740" s="8">
        <v>1</v>
      </c>
      <c r="I15740" s="8">
        <v>0</v>
      </c>
      <c r="J15740" s="8">
        <v>1</v>
      </c>
      <c r="K15740" s="9">
        <v>29</v>
      </c>
      <c r="L15740" s="6" t="s">
        <v>51</v>
      </c>
    </row>
    <row r="15741" spans="1:12">
      <c r="A15741" s="6" t="s">
        <v>15677</v>
      </c>
      <c r="B15741" s="6"/>
      <c r="C15741" s="6" t="s">
        <v>15767</v>
      </c>
      <c r="D15741" s="6"/>
      <c r="E15741" s="6" t="s">
        <v>9</v>
      </c>
      <c r="F15741" s="7">
        <v>38657</v>
      </c>
      <c r="G15741" s="8">
        <v>1</v>
      </c>
      <c r="H15741" s="8">
        <v>1</v>
      </c>
      <c r="I15741" s="8">
        <v>0</v>
      </c>
      <c r="J15741" s="8">
        <v>1</v>
      </c>
      <c r="K15741" s="9">
        <v>128</v>
      </c>
      <c r="L15741" s="6" t="s">
        <v>51</v>
      </c>
    </row>
    <row r="15742" spans="1:12">
      <c r="A15742" s="6" t="s">
        <v>15677</v>
      </c>
      <c r="B15742" s="6"/>
      <c r="C15742" s="6" t="s">
        <v>15768</v>
      </c>
      <c r="D15742" s="6"/>
      <c r="E15742" s="6" t="s">
        <v>9</v>
      </c>
      <c r="F15742" s="7">
        <v>38657</v>
      </c>
      <c r="G15742" s="8">
        <v>1</v>
      </c>
      <c r="H15742" s="8">
        <v>1</v>
      </c>
      <c r="I15742" s="8">
        <v>0</v>
      </c>
      <c r="J15742" s="8">
        <v>1</v>
      </c>
      <c r="K15742" s="9">
        <v>56</v>
      </c>
      <c r="L15742" s="6" t="s">
        <v>51</v>
      </c>
    </row>
    <row r="15743" spans="1:12">
      <c r="A15743" s="6" t="s">
        <v>15677</v>
      </c>
      <c r="B15743" s="6"/>
      <c r="C15743" s="6" t="s">
        <v>15769</v>
      </c>
      <c r="D15743" s="6"/>
      <c r="E15743" s="6" t="s">
        <v>9</v>
      </c>
      <c r="F15743" s="7">
        <v>38657</v>
      </c>
      <c r="G15743" s="8">
        <v>1</v>
      </c>
      <c r="H15743" s="8">
        <v>1</v>
      </c>
      <c r="I15743" s="8">
        <v>0</v>
      </c>
      <c r="J15743" s="8">
        <v>1</v>
      </c>
      <c r="K15743" s="9">
        <v>112</v>
      </c>
      <c r="L15743" s="6" t="s">
        <v>51</v>
      </c>
    </row>
    <row r="15744" spans="1:12">
      <c r="A15744" s="6" t="s">
        <v>15677</v>
      </c>
      <c r="B15744" s="6"/>
      <c r="C15744" s="6" t="s">
        <v>15770</v>
      </c>
      <c r="D15744" s="6"/>
      <c r="E15744" s="6" t="s">
        <v>9</v>
      </c>
      <c r="F15744" s="7">
        <v>38657</v>
      </c>
      <c r="G15744" s="8">
        <v>1</v>
      </c>
      <c r="H15744" s="8">
        <v>1</v>
      </c>
      <c r="I15744" s="8">
        <v>0</v>
      </c>
      <c r="J15744" s="8">
        <v>1</v>
      </c>
      <c r="K15744" s="9">
        <v>82</v>
      </c>
      <c r="L15744" s="6" t="s">
        <v>51</v>
      </c>
    </row>
    <row r="15745" spans="1:12">
      <c r="A15745" s="6" t="s">
        <v>15677</v>
      </c>
      <c r="B15745" s="6"/>
      <c r="C15745" s="6" t="s">
        <v>15771</v>
      </c>
      <c r="D15745" s="6"/>
      <c r="E15745" s="6" t="s">
        <v>9</v>
      </c>
      <c r="F15745" s="7">
        <v>38657</v>
      </c>
      <c r="G15745" s="8">
        <v>1</v>
      </c>
      <c r="H15745" s="8">
        <v>1</v>
      </c>
      <c r="I15745" s="8">
        <v>0</v>
      </c>
      <c r="J15745" s="8">
        <v>1</v>
      </c>
      <c r="K15745" s="9">
        <v>112</v>
      </c>
      <c r="L15745" s="6" t="s">
        <v>51</v>
      </c>
    </row>
    <row r="15746" spans="1:12">
      <c r="A15746" s="6" t="s">
        <v>15677</v>
      </c>
      <c r="B15746" s="6"/>
      <c r="C15746" s="6" t="s">
        <v>15772</v>
      </c>
      <c r="D15746" s="6"/>
      <c r="E15746" s="6" t="s">
        <v>9</v>
      </c>
      <c r="F15746" s="7">
        <v>38657</v>
      </c>
      <c r="G15746" s="8">
        <v>1</v>
      </c>
      <c r="H15746" s="8">
        <v>1</v>
      </c>
      <c r="I15746" s="8">
        <v>0</v>
      </c>
      <c r="J15746" s="8">
        <v>1</v>
      </c>
      <c r="K15746" s="9">
        <v>82</v>
      </c>
      <c r="L15746" s="6" t="s">
        <v>51</v>
      </c>
    </row>
    <row r="15747" spans="1:12">
      <c r="A15747" s="6" t="s">
        <v>15677</v>
      </c>
      <c r="B15747" s="6"/>
      <c r="C15747" s="6" t="s">
        <v>15773</v>
      </c>
      <c r="D15747" s="6"/>
      <c r="E15747" s="6" t="s">
        <v>9</v>
      </c>
      <c r="F15747" s="7">
        <v>38657</v>
      </c>
      <c r="G15747" s="8">
        <v>1</v>
      </c>
      <c r="H15747" s="8">
        <v>1</v>
      </c>
      <c r="I15747" s="8">
        <v>0</v>
      </c>
      <c r="J15747" s="8">
        <v>1</v>
      </c>
      <c r="K15747" s="9">
        <v>36</v>
      </c>
      <c r="L15747" s="6" t="s">
        <v>51</v>
      </c>
    </row>
    <row r="15748" spans="1:12">
      <c r="A15748" s="6" t="s">
        <v>15677</v>
      </c>
      <c r="B15748" s="6"/>
      <c r="C15748" s="6" t="s">
        <v>15774</v>
      </c>
      <c r="D15748" s="6"/>
      <c r="E15748" s="6" t="s">
        <v>9</v>
      </c>
      <c r="F15748" s="7">
        <v>38657</v>
      </c>
      <c r="G15748" s="8">
        <v>1</v>
      </c>
      <c r="H15748" s="8">
        <v>1</v>
      </c>
      <c r="I15748" s="8">
        <v>0</v>
      </c>
      <c r="J15748" s="8">
        <v>1</v>
      </c>
      <c r="K15748" s="9">
        <v>105</v>
      </c>
      <c r="L15748" s="6" t="s">
        <v>51</v>
      </c>
    </row>
    <row r="15749" spans="1:12">
      <c r="A15749" s="6" t="s">
        <v>15677</v>
      </c>
      <c r="B15749" s="6"/>
      <c r="C15749" s="6" t="s">
        <v>15775</v>
      </c>
      <c r="D15749" s="6"/>
      <c r="E15749" s="6" t="s">
        <v>9</v>
      </c>
      <c r="F15749" s="7">
        <v>38657</v>
      </c>
      <c r="G15749" s="8">
        <v>1</v>
      </c>
      <c r="H15749" s="8">
        <v>1</v>
      </c>
      <c r="I15749" s="8">
        <v>0</v>
      </c>
      <c r="J15749" s="8">
        <v>1</v>
      </c>
      <c r="K15749" s="9">
        <v>79</v>
      </c>
      <c r="L15749" s="6" t="s">
        <v>51</v>
      </c>
    </row>
    <row r="15750" spans="1:12">
      <c r="A15750" s="6" t="s">
        <v>15677</v>
      </c>
      <c r="B15750" s="6"/>
      <c r="C15750" s="6" t="s">
        <v>15776</v>
      </c>
      <c r="D15750" s="6"/>
      <c r="E15750" s="6" t="s">
        <v>9</v>
      </c>
      <c r="F15750" s="7">
        <v>38657</v>
      </c>
      <c r="G15750" s="8">
        <v>1</v>
      </c>
      <c r="H15750" s="8">
        <v>1</v>
      </c>
      <c r="I15750" s="8">
        <v>0</v>
      </c>
      <c r="J15750" s="8">
        <v>1</v>
      </c>
      <c r="K15750" s="9">
        <v>112</v>
      </c>
      <c r="L15750" s="6" t="s">
        <v>51</v>
      </c>
    </row>
    <row r="15751" spans="1:12">
      <c r="A15751" s="6" t="s">
        <v>15677</v>
      </c>
      <c r="B15751" s="6"/>
      <c r="C15751" s="6" t="s">
        <v>15777</v>
      </c>
      <c r="D15751" s="6"/>
      <c r="E15751" s="6" t="s">
        <v>9</v>
      </c>
      <c r="F15751" s="7">
        <v>38657</v>
      </c>
      <c r="G15751" s="8">
        <v>1</v>
      </c>
      <c r="H15751" s="8">
        <v>1</v>
      </c>
      <c r="I15751" s="8">
        <v>0</v>
      </c>
      <c r="J15751" s="8">
        <v>1</v>
      </c>
      <c r="K15751" s="9">
        <v>85</v>
      </c>
      <c r="L15751" s="6" t="s">
        <v>51</v>
      </c>
    </row>
    <row r="15752" spans="1:12">
      <c r="A15752" s="6" t="s">
        <v>15677</v>
      </c>
      <c r="B15752" s="6"/>
      <c r="C15752" s="6" t="s">
        <v>15778</v>
      </c>
      <c r="D15752" s="6"/>
      <c r="E15752" s="6" t="s">
        <v>9</v>
      </c>
      <c r="F15752" s="7">
        <v>38657</v>
      </c>
      <c r="G15752" s="8">
        <v>1</v>
      </c>
      <c r="H15752" s="8">
        <v>1</v>
      </c>
      <c r="I15752" s="8">
        <v>0</v>
      </c>
      <c r="J15752" s="8">
        <v>1</v>
      </c>
      <c r="K15752" s="9">
        <v>112</v>
      </c>
      <c r="L15752" s="6" t="s">
        <v>51</v>
      </c>
    </row>
    <row r="15753" spans="1:12">
      <c r="A15753" s="6" t="s">
        <v>15677</v>
      </c>
      <c r="B15753" s="6"/>
      <c r="C15753" s="6" t="s">
        <v>15779</v>
      </c>
      <c r="D15753" s="6"/>
      <c r="E15753" s="6" t="s">
        <v>9</v>
      </c>
      <c r="F15753" s="7">
        <v>38657</v>
      </c>
      <c r="G15753" s="8">
        <v>1</v>
      </c>
      <c r="H15753" s="8">
        <v>1</v>
      </c>
      <c r="I15753" s="8">
        <v>0</v>
      </c>
      <c r="J15753" s="8">
        <v>1</v>
      </c>
      <c r="K15753" s="9">
        <v>82</v>
      </c>
      <c r="L15753" s="6" t="s">
        <v>51</v>
      </c>
    </row>
    <row r="15754" spans="1:12">
      <c r="A15754" s="6" t="s">
        <v>15677</v>
      </c>
      <c r="B15754" s="6"/>
      <c r="C15754" s="6" t="s">
        <v>15780</v>
      </c>
      <c r="D15754" s="6"/>
      <c r="E15754" s="6" t="s">
        <v>9</v>
      </c>
      <c r="F15754" s="7">
        <v>38657</v>
      </c>
      <c r="G15754" s="8">
        <v>1</v>
      </c>
      <c r="H15754" s="8">
        <v>1</v>
      </c>
      <c r="I15754" s="8">
        <v>0</v>
      </c>
      <c r="J15754" s="8">
        <v>1</v>
      </c>
      <c r="K15754" s="9">
        <v>89</v>
      </c>
      <c r="L15754" s="6" t="s">
        <v>51</v>
      </c>
    </row>
    <row r="15755" spans="1:12">
      <c r="A15755" s="6" t="s">
        <v>15677</v>
      </c>
      <c r="B15755" s="6"/>
      <c r="C15755" s="6" t="s">
        <v>15781</v>
      </c>
      <c r="D15755" s="6"/>
      <c r="E15755" s="6" t="s">
        <v>9</v>
      </c>
      <c r="F15755" s="7">
        <v>38657</v>
      </c>
      <c r="G15755" s="8">
        <v>1</v>
      </c>
      <c r="H15755" s="8">
        <v>1</v>
      </c>
      <c r="I15755" s="8">
        <v>0</v>
      </c>
      <c r="J15755" s="8">
        <v>1</v>
      </c>
      <c r="K15755" s="9">
        <v>66</v>
      </c>
      <c r="L15755" s="6" t="s">
        <v>51</v>
      </c>
    </row>
    <row r="15756" spans="1:12">
      <c r="A15756" s="6" t="s">
        <v>15677</v>
      </c>
      <c r="B15756" s="6"/>
      <c r="C15756" s="6" t="s">
        <v>15782</v>
      </c>
      <c r="D15756" s="6"/>
      <c r="E15756" s="6" t="s">
        <v>9</v>
      </c>
      <c r="F15756" s="7">
        <v>38657</v>
      </c>
      <c r="G15756" s="8">
        <v>1</v>
      </c>
      <c r="H15756" s="8">
        <v>1</v>
      </c>
      <c r="I15756" s="8">
        <v>0</v>
      </c>
      <c r="J15756" s="8">
        <v>1</v>
      </c>
      <c r="K15756" s="9">
        <v>85</v>
      </c>
      <c r="L15756" s="6" t="s">
        <v>51</v>
      </c>
    </row>
    <row r="15757" spans="1:12">
      <c r="A15757" s="6" t="s">
        <v>15677</v>
      </c>
      <c r="B15757" s="6"/>
      <c r="C15757" s="6" t="s">
        <v>15783</v>
      </c>
      <c r="D15757" s="6"/>
      <c r="E15757" s="6" t="s">
        <v>9</v>
      </c>
      <c r="F15757" s="7">
        <v>38657</v>
      </c>
      <c r="G15757" s="8">
        <v>1</v>
      </c>
      <c r="H15757" s="8">
        <v>1</v>
      </c>
      <c r="I15757" s="8">
        <v>0</v>
      </c>
      <c r="J15757" s="8">
        <v>1</v>
      </c>
      <c r="K15757" s="9">
        <v>66</v>
      </c>
      <c r="L15757" s="6" t="s">
        <v>51</v>
      </c>
    </row>
    <row r="15758" spans="1:12">
      <c r="A15758" s="6" t="s">
        <v>15677</v>
      </c>
      <c r="B15758" s="6"/>
      <c r="C15758" s="6" t="s">
        <v>15784</v>
      </c>
      <c r="D15758" s="6"/>
      <c r="E15758" s="6" t="s">
        <v>9</v>
      </c>
      <c r="F15758" s="7">
        <v>38657</v>
      </c>
      <c r="G15758" s="8">
        <v>1</v>
      </c>
      <c r="H15758" s="8">
        <v>1</v>
      </c>
      <c r="I15758" s="8">
        <v>0</v>
      </c>
      <c r="J15758" s="8">
        <v>1</v>
      </c>
      <c r="K15758" s="9">
        <v>69</v>
      </c>
      <c r="L15758" s="6" t="s">
        <v>51</v>
      </c>
    </row>
    <row r="15759" spans="1:12">
      <c r="A15759" s="6" t="s">
        <v>15677</v>
      </c>
      <c r="B15759" s="6"/>
      <c r="C15759" s="6" t="s">
        <v>15785</v>
      </c>
      <c r="D15759" s="6"/>
      <c r="E15759" s="6" t="s">
        <v>9</v>
      </c>
      <c r="F15759" s="7">
        <v>38657</v>
      </c>
      <c r="G15759" s="8">
        <v>1</v>
      </c>
      <c r="H15759" s="8">
        <v>1</v>
      </c>
      <c r="I15759" s="8">
        <v>0</v>
      </c>
      <c r="J15759" s="8">
        <v>1</v>
      </c>
      <c r="K15759" s="9">
        <v>85</v>
      </c>
      <c r="L15759" s="6" t="s">
        <v>51</v>
      </c>
    </row>
    <row r="15760" spans="1:12">
      <c r="A15760" s="6" t="s">
        <v>15677</v>
      </c>
      <c r="B15760" s="6"/>
      <c r="C15760" s="6" t="s">
        <v>15786</v>
      </c>
      <c r="D15760" s="6"/>
      <c r="E15760" s="6" t="s">
        <v>9</v>
      </c>
      <c r="F15760" s="7">
        <v>38657</v>
      </c>
      <c r="G15760" s="8">
        <v>1</v>
      </c>
      <c r="H15760" s="8">
        <v>1</v>
      </c>
      <c r="I15760" s="8">
        <v>0</v>
      </c>
      <c r="J15760" s="8">
        <v>1</v>
      </c>
      <c r="K15760" s="9">
        <v>49</v>
      </c>
      <c r="L15760" s="6" t="s">
        <v>51</v>
      </c>
    </row>
    <row r="15761" spans="1:12">
      <c r="A15761" s="6" t="s">
        <v>15677</v>
      </c>
      <c r="B15761" s="6"/>
      <c r="C15761" s="6" t="s">
        <v>15787</v>
      </c>
      <c r="D15761" s="6"/>
      <c r="E15761" s="6" t="s">
        <v>9</v>
      </c>
      <c r="F15761" s="7">
        <v>38657</v>
      </c>
      <c r="G15761" s="8">
        <v>1</v>
      </c>
      <c r="H15761" s="8">
        <v>1</v>
      </c>
      <c r="I15761" s="8">
        <v>0</v>
      </c>
      <c r="J15761" s="8">
        <v>1</v>
      </c>
      <c r="K15761" s="9">
        <v>9.91</v>
      </c>
      <c r="L15761" s="6" t="s">
        <v>51</v>
      </c>
    </row>
    <row r="15762" spans="1:12">
      <c r="A15762" s="6" t="s">
        <v>15677</v>
      </c>
      <c r="B15762" s="6"/>
      <c r="C15762" s="6" t="s">
        <v>15788</v>
      </c>
      <c r="D15762" s="6"/>
      <c r="E15762" s="6" t="s">
        <v>9</v>
      </c>
      <c r="F15762" s="7">
        <v>38657</v>
      </c>
      <c r="G15762" s="8">
        <v>1</v>
      </c>
      <c r="H15762" s="8">
        <v>1</v>
      </c>
      <c r="I15762" s="8">
        <v>0</v>
      </c>
      <c r="J15762" s="8">
        <v>1</v>
      </c>
      <c r="K15762" s="9">
        <v>3.3</v>
      </c>
      <c r="L15762" s="6" t="s">
        <v>51</v>
      </c>
    </row>
    <row r="15763" spans="1:12">
      <c r="A15763" s="6" t="s">
        <v>15677</v>
      </c>
      <c r="B15763" s="6"/>
      <c r="C15763" s="6" t="s">
        <v>15789</v>
      </c>
      <c r="D15763" s="6"/>
      <c r="E15763" s="6" t="s">
        <v>9</v>
      </c>
      <c r="F15763" s="7">
        <v>38657</v>
      </c>
      <c r="G15763" s="8">
        <v>1</v>
      </c>
      <c r="H15763" s="8">
        <v>1</v>
      </c>
      <c r="I15763" s="8">
        <v>0</v>
      </c>
      <c r="J15763" s="8">
        <v>1</v>
      </c>
      <c r="K15763" s="9">
        <v>102</v>
      </c>
      <c r="L15763" s="6" t="s">
        <v>51</v>
      </c>
    </row>
    <row r="15764" spans="1:12">
      <c r="A15764" s="6" t="s">
        <v>15677</v>
      </c>
      <c r="B15764" s="6"/>
      <c r="C15764" s="6" t="s">
        <v>15790</v>
      </c>
      <c r="D15764" s="6"/>
      <c r="E15764" s="6" t="s">
        <v>9</v>
      </c>
      <c r="F15764" s="7">
        <v>38657</v>
      </c>
      <c r="G15764" s="8">
        <v>1</v>
      </c>
      <c r="H15764" s="8">
        <v>1</v>
      </c>
      <c r="I15764" s="8">
        <v>0</v>
      </c>
      <c r="J15764" s="8">
        <v>1</v>
      </c>
      <c r="K15764" s="9">
        <v>13</v>
      </c>
      <c r="L15764" s="6" t="s">
        <v>51</v>
      </c>
    </row>
    <row r="15765" spans="1:12">
      <c r="A15765" s="6" t="s">
        <v>15677</v>
      </c>
      <c r="B15765" s="6"/>
      <c r="C15765" s="6" t="s">
        <v>15791</v>
      </c>
      <c r="D15765" s="6"/>
      <c r="E15765" s="6" t="s">
        <v>9</v>
      </c>
      <c r="F15765" s="7">
        <v>38657</v>
      </c>
      <c r="G15765" s="8">
        <v>1</v>
      </c>
      <c r="H15765" s="8">
        <v>1</v>
      </c>
      <c r="I15765" s="8">
        <v>0</v>
      </c>
      <c r="J15765" s="8">
        <v>1</v>
      </c>
      <c r="K15765" s="9">
        <v>56</v>
      </c>
      <c r="L15765" s="6" t="s">
        <v>51</v>
      </c>
    </row>
    <row r="15766" spans="1:12">
      <c r="A15766" s="6" t="s">
        <v>15677</v>
      </c>
      <c r="B15766" s="6"/>
      <c r="C15766" s="6" t="s">
        <v>15792</v>
      </c>
      <c r="D15766" s="6"/>
      <c r="E15766" s="6" t="s">
        <v>9</v>
      </c>
      <c r="F15766" s="7">
        <v>38657</v>
      </c>
      <c r="G15766" s="8">
        <v>1</v>
      </c>
      <c r="H15766" s="8">
        <v>1</v>
      </c>
      <c r="I15766" s="8">
        <v>0</v>
      </c>
      <c r="J15766" s="8">
        <v>1</v>
      </c>
      <c r="K15766" s="9">
        <v>79</v>
      </c>
      <c r="L15766" s="6" t="s">
        <v>51</v>
      </c>
    </row>
    <row r="15767" spans="1:12">
      <c r="A15767" s="6" t="s">
        <v>15677</v>
      </c>
      <c r="B15767" s="6"/>
      <c r="C15767" s="6" t="s">
        <v>15793</v>
      </c>
      <c r="D15767" s="6"/>
      <c r="E15767" s="6" t="s">
        <v>9</v>
      </c>
      <c r="F15767" s="7">
        <v>38657</v>
      </c>
      <c r="G15767" s="8">
        <v>1</v>
      </c>
      <c r="H15767" s="8">
        <v>1</v>
      </c>
      <c r="I15767" s="8">
        <v>0</v>
      </c>
      <c r="J15767" s="8">
        <v>1</v>
      </c>
      <c r="K15767" s="9">
        <v>85</v>
      </c>
      <c r="L15767" s="6" t="s">
        <v>51</v>
      </c>
    </row>
    <row r="15768" spans="1:12">
      <c r="A15768" s="6" t="s">
        <v>15677</v>
      </c>
      <c r="B15768" s="6"/>
      <c r="C15768" s="6" t="s">
        <v>15794</v>
      </c>
      <c r="D15768" s="6"/>
      <c r="E15768" s="6" t="s">
        <v>9</v>
      </c>
      <c r="F15768" s="7">
        <v>38657</v>
      </c>
      <c r="G15768" s="8">
        <v>1</v>
      </c>
      <c r="H15768" s="8">
        <v>1</v>
      </c>
      <c r="I15768" s="8">
        <v>0</v>
      </c>
      <c r="J15768" s="8">
        <v>1</v>
      </c>
      <c r="K15768" s="9">
        <v>92</v>
      </c>
      <c r="L15768" s="6" t="s">
        <v>51</v>
      </c>
    </row>
    <row r="15769" spans="1:12">
      <c r="A15769" s="6" t="s">
        <v>15677</v>
      </c>
      <c r="B15769" s="6"/>
      <c r="C15769" s="6" t="s">
        <v>15795</v>
      </c>
      <c r="D15769" s="6"/>
      <c r="E15769" s="6" t="s">
        <v>9</v>
      </c>
      <c r="F15769" s="7">
        <v>38657</v>
      </c>
      <c r="G15769" s="8">
        <v>1</v>
      </c>
      <c r="H15769" s="8">
        <v>1</v>
      </c>
      <c r="I15769" s="8">
        <v>0</v>
      </c>
      <c r="J15769" s="8">
        <v>1</v>
      </c>
      <c r="K15769" s="9">
        <v>201</v>
      </c>
      <c r="L15769" s="6" t="s">
        <v>51</v>
      </c>
    </row>
    <row r="15770" spans="1:12">
      <c r="A15770" s="6" t="s">
        <v>15677</v>
      </c>
      <c r="B15770" s="6"/>
      <c r="C15770" s="6" t="s">
        <v>15796</v>
      </c>
      <c r="D15770" s="6"/>
      <c r="E15770" s="6" t="s">
        <v>9</v>
      </c>
      <c r="F15770" s="7">
        <v>38657</v>
      </c>
      <c r="G15770" s="8">
        <v>1</v>
      </c>
      <c r="H15770" s="8">
        <v>1</v>
      </c>
      <c r="I15770" s="8">
        <v>0</v>
      </c>
      <c r="J15770" s="8">
        <v>1</v>
      </c>
      <c r="K15770" s="9">
        <v>95</v>
      </c>
      <c r="L15770" s="6" t="s">
        <v>51</v>
      </c>
    </row>
    <row r="15771" spans="1:12">
      <c r="A15771" s="6" t="s">
        <v>15677</v>
      </c>
      <c r="B15771" s="6"/>
      <c r="C15771" s="6" t="s">
        <v>15797</v>
      </c>
      <c r="D15771" s="6"/>
      <c r="E15771" s="6" t="s">
        <v>9</v>
      </c>
      <c r="F15771" s="7">
        <v>38657</v>
      </c>
      <c r="G15771" s="8">
        <v>1</v>
      </c>
      <c r="H15771" s="8">
        <v>1</v>
      </c>
      <c r="I15771" s="8">
        <v>0</v>
      </c>
      <c r="J15771" s="8">
        <v>1</v>
      </c>
      <c r="K15771" s="9">
        <v>109</v>
      </c>
      <c r="L15771" s="6" t="s">
        <v>51</v>
      </c>
    </row>
    <row r="15772" spans="1:12">
      <c r="A15772" s="6" t="s">
        <v>15677</v>
      </c>
      <c r="B15772" s="6"/>
      <c r="C15772" s="6" t="s">
        <v>15798</v>
      </c>
      <c r="D15772" s="6"/>
      <c r="E15772" s="6" t="s">
        <v>9</v>
      </c>
      <c r="F15772" s="7">
        <v>38657</v>
      </c>
      <c r="G15772" s="8">
        <v>1</v>
      </c>
      <c r="H15772" s="8">
        <v>1</v>
      </c>
      <c r="I15772" s="8">
        <v>0</v>
      </c>
      <c r="J15772" s="8">
        <v>1</v>
      </c>
      <c r="K15772" s="9">
        <v>115</v>
      </c>
      <c r="L15772" s="6" t="s">
        <v>51</v>
      </c>
    </row>
    <row r="15773" spans="1:12">
      <c r="A15773" s="6" t="s">
        <v>15677</v>
      </c>
      <c r="B15773" s="6"/>
      <c r="C15773" s="6" t="s">
        <v>15799</v>
      </c>
      <c r="D15773" s="6"/>
      <c r="E15773" s="6" t="s">
        <v>9</v>
      </c>
      <c r="F15773" s="7">
        <v>38657</v>
      </c>
      <c r="G15773" s="8">
        <v>1</v>
      </c>
      <c r="H15773" s="8">
        <v>1</v>
      </c>
      <c r="I15773" s="8">
        <v>0</v>
      </c>
      <c r="J15773" s="8">
        <v>1</v>
      </c>
      <c r="K15773" s="9">
        <v>181</v>
      </c>
      <c r="L15773" s="6" t="s">
        <v>51</v>
      </c>
    </row>
    <row r="15774" spans="1:12">
      <c r="A15774" s="6" t="s">
        <v>15677</v>
      </c>
      <c r="B15774" s="6"/>
      <c r="C15774" s="6" t="s">
        <v>15800</v>
      </c>
      <c r="D15774" s="6"/>
      <c r="E15774" s="6" t="s">
        <v>9</v>
      </c>
      <c r="F15774" s="7">
        <v>38657</v>
      </c>
      <c r="G15774" s="8">
        <v>1</v>
      </c>
      <c r="H15774" s="8">
        <v>1</v>
      </c>
      <c r="I15774" s="8">
        <v>0</v>
      </c>
      <c r="J15774" s="8">
        <v>1</v>
      </c>
      <c r="K15774" s="9">
        <v>119</v>
      </c>
      <c r="L15774" s="6" t="s">
        <v>51</v>
      </c>
    </row>
    <row r="15775" spans="1:12">
      <c r="A15775" s="6" t="s">
        <v>15677</v>
      </c>
      <c r="B15775" s="6"/>
      <c r="C15775" s="6" t="s">
        <v>15801</v>
      </c>
      <c r="D15775" s="6"/>
      <c r="E15775" s="6" t="s">
        <v>9</v>
      </c>
      <c r="F15775" s="7">
        <v>38657</v>
      </c>
      <c r="G15775" s="8">
        <v>1</v>
      </c>
      <c r="H15775" s="8">
        <v>1</v>
      </c>
      <c r="I15775" s="8">
        <v>0</v>
      </c>
      <c r="J15775" s="8">
        <v>1</v>
      </c>
      <c r="K15775" s="9">
        <v>13</v>
      </c>
      <c r="L15775" s="6" t="s">
        <v>51</v>
      </c>
    </row>
    <row r="15776" spans="1:12">
      <c r="A15776" s="6" t="s">
        <v>15677</v>
      </c>
      <c r="B15776" s="6"/>
      <c r="C15776" s="6" t="s">
        <v>15802</v>
      </c>
      <c r="D15776" s="6"/>
      <c r="E15776" s="6" t="s">
        <v>9</v>
      </c>
      <c r="F15776" s="7">
        <v>38657</v>
      </c>
      <c r="G15776" s="8">
        <v>1</v>
      </c>
      <c r="H15776" s="8">
        <v>1</v>
      </c>
      <c r="I15776" s="8">
        <v>0</v>
      </c>
      <c r="J15776" s="8">
        <v>1</v>
      </c>
      <c r="K15776" s="9">
        <v>6.61</v>
      </c>
      <c r="L15776" s="6" t="s">
        <v>51</v>
      </c>
    </row>
    <row r="15777" spans="1:12">
      <c r="A15777" s="6" t="s">
        <v>15677</v>
      </c>
      <c r="B15777" s="6"/>
      <c r="C15777" s="6" t="s">
        <v>15803</v>
      </c>
      <c r="D15777" s="6"/>
      <c r="E15777" s="6" t="s">
        <v>9</v>
      </c>
      <c r="F15777" s="7">
        <v>38657</v>
      </c>
      <c r="G15777" s="8">
        <v>1</v>
      </c>
      <c r="H15777" s="8">
        <v>1</v>
      </c>
      <c r="I15777" s="8">
        <v>0</v>
      </c>
      <c r="J15777" s="8">
        <v>1</v>
      </c>
      <c r="K15777" s="9">
        <v>52</v>
      </c>
      <c r="L15777" s="6" t="s">
        <v>51</v>
      </c>
    </row>
    <row r="15778" spans="1:12">
      <c r="A15778" s="6" t="s">
        <v>15677</v>
      </c>
      <c r="B15778" s="6"/>
      <c r="C15778" s="6" t="s">
        <v>15804</v>
      </c>
      <c r="D15778" s="6"/>
      <c r="E15778" s="6" t="s">
        <v>9</v>
      </c>
      <c r="F15778" s="7">
        <v>38657</v>
      </c>
      <c r="G15778" s="8">
        <v>1</v>
      </c>
      <c r="H15778" s="8">
        <v>1</v>
      </c>
      <c r="I15778" s="8">
        <v>0</v>
      </c>
      <c r="J15778" s="8">
        <v>1</v>
      </c>
      <c r="K15778" s="9">
        <v>39</v>
      </c>
      <c r="L15778" s="6" t="s">
        <v>51</v>
      </c>
    </row>
    <row r="15779" spans="1:12">
      <c r="A15779" s="6" t="s">
        <v>15677</v>
      </c>
      <c r="B15779" s="6"/>
      <c r="C15779" s="6" t="s">
        <v>15805</v>
      </c>
      <c r="D15779" s="6"/>
      <c r="E15779" s="6" t="s">
        <v>9</v>
      </c>
      <c r="F15779" s="7">
        <v>38657</v>
      </c>
      <c r="G15779" s="8">
        <v>1</v>
      </c>
      <c r="H15779" s="8">
        <v>1</v>
      </c>
      <c r="I15779" s="8">
        <v>0</v>
      </c>
      <c r="J15779" s="8">
        <v>1</v>
      </c>
      <c r="K15779" s="9">
        <v>49</v>
      </c>
      <c r="L15779" s="6" t="s">
        <v>51</v>
      </c>
    </row>
    <row r="15780" spans="1:12">
      <c r="A15780" s="6" t="s">
        <v>15677</v>
      </c>
      <c r="B15780" s="6"/>
      <c r="C15780" s="6" t="s">
        <v>15806</v>
      </c>
      <c r="D15780" s="6"/>
      <c r="E15780" s="6" t="s">
        <v>9</v>
      </c>
      <c r="F15780" s="7">
        <v>38657</v>
      </c>
      <c r="G15780" s="8">
        <v>1</v>
      </c>
      <c r="H15780" s="8">
        <v>1</v>
      </c>
      <c r="I15780" s="8">
        <v>0</v>
      </c>
      <c r="J15780" s="8">
        <v>1</v>
      </c>
      <c r="K15780" s="9">
        <v>119</v>
      </c>
      <c r="L15780" s="6" t="s">
        <v>51</v>
      </c>
    </row>
    <row r="15781" spans="1:12">
      <c r="A15781" s="6" t="s">
        <v>15677</v>
      </c>
      <c r="B15781" s="6"/>
      <c r="C15781" s="6" t="s">
        <v>15807</v>
      </c>
      <c r="D15781" s="6"/>
      <c r="E15781" s="6" t="s">
        <v>9</v>
      </c>
      <c r="F15781" s="7">
        <v>38657</v>
      </c>
      <c r="G15781" s="8">
        <v>1</v>
      </c>
      <c r="H15781" s="8">
        <v>1</v>
      </c>
      <c r="I15781" s="8">
        <v>0</v>
      </c>
      <c r="J15781" s="8">
        <v>1</v>
      </c>
      <c r="K15781" s="9">
        <v>79</v>
      </c>
      <c r="L15781" s="6" t="s">
        <v>51</v>
      </c>
    </row>
    <row r="15782" spans="1:12">
      <c r="A15782" s="6" t="s">
        <v>15677</v>
      </c>
      <c r="B15782" s="6"/>
      <c r="C15782" s="6" t="s">
        <v>15808</v>
      </c>
      <c r="D15782" s="6"/>
      <c r="E15782" s="6" t="s">
        <v>9</v>
      </c>
      <c r="F15782" s="7">
        <v>38657</v>
      </c>
      <c r="G15782" s="8">
        <v>1</v>
      </c>
      <c r="H15782" s="8">
        <v>1</v>
      </c>
      <c r="I15782" s="8">
        <v>0</v>
      </c>
      <c r="J15782" s="8">
        <v>1</v>
      </c>
      <c r="K15782" s="9">
        <v>135</v>
      </c>
      <c r="L15782" s="6" t="s">
        <v>51</v>
      </c>
    </row>
    <row r="15783" spans="1:12">
      <c r="A15783" s="6" t="s">
        <v>15677</v>
      </c>
      <c r="B15783" s="6"/>
      <c r="C15783" s="6" t="s">
        <v>15809</v>
      </c>
      <c r="D15783" s="6"/>
      <c r="E15783" s="6" t="s">
        <v>9</v>
      </c>
      <c r="F15783" s="7">
        <v>38657</v>
      </c>
      <c r="G15783" s="8">
        <v>1</v>
      </c>
      <c r="H15783" s="8">
        <v>1</v>
      </c>
      <c r="I15783" s="8">
        <v>0</v>
      </c>
      <c r="J15783" s="8">
        <v>1</v>
      </c>
      <c r="K15783" s="9">
        <v>125</v>
      </c>
      <c r="L15783" s="6" t="s">
        <v>51</v>
      </c>
    </row>
    <row r="15784" spans="1:12">
      <c r="A15784" s="6" t="s">
        <v>15677</v>
      </c>
      <c r="B15784" s="6"/>
      <c r="C15784" s="6" t="s">
        <v>15810</v>
      </c>
      <c r="D15784" s="6"/>
      <c r="E15784" s="6" t="s">
        <v>9</v>
      </c>
      <c r="F15784" s="7">
        <v>38657</v>
      </c>
      <c r="G15784" s="8">
        <v>1</v>
      </c>
      <c r="H15784" s="8">
        <v>1</v>
      </c>
      <c r="I15784" s="8">
        <v>0</v>
      </c>
      <c r="J15784" s="8">
        <v>1</v>
      </c>
      <c r="K15784" s="9">
        <v>66</v>
      </c>
      <c r="L15784" s="6" t="s">
        <v>51</v>
      </c>
    </row>
    <row r="15785" spans="1:12">
      <c r="A15785" s="6" t="s">
        <v>15677</v>
      </c>
      <c r="B15785" s="6"/>
      <c r="C15785" s="6" t="s">
        <v>15811</v>
      </c>
      <c r="D15785" s="6"/>
      <c r="E15785" s="6" t="s">
        <v>9</v>
      </c>
      <c r="F15785" s="7">
        <v>38657</v>
      </c>
      <c r="G15785" s="8">
        <v>1</v>
      </c>
      <c r="H15785" s="8">
        <v>1</v>
      </c>
      <c r="I15785" s="8">
        <v>0</v>
      </c>
      <c r="J15785" s="8">
        <v>1</v>
      </c>
      <c r="K15785" s="9">
        <v>145</v>
      </c>
      <c r="L15785" s="6" t="s">
        <v>51</v>
      </c>
    </row>
    <row r="15786" spans="1:12">
      <c r="A15786" s="6" t="s">
        <v>15677</v>
      </c>
      <c r="B15786" s="6"/>
      <c r="C15786" s="6" t="s">
        <v>15812</v>
      </c>
      <c r="D15786" s="6"/>
      <c r="E15786" s="6" t="s">
        <v>9</v>
      </c>
      <c r="F15786" s="7">
        <v>38657</v>
      </c>
      <c r="G15786" s="8">
        <v>1</v>
      </c>
      <c r="H15786" s="8">
        <v>1</v>
      </c>
      <c r="I15786" s="8">
        <v>0</v>
      </c>
      <c r="J15786" s="8">
        <v>1</v>
      </c>
      <c r="K15786" s="9">
        <v>72</v>
      </c>
      <c r="L15786" s="6" t="s">
        <v>51</v>
      </c>
    </row>
    <row r="15787" spans="1:12">
      <c r="A15787" s="6" t="s">
        <v>15677</v>
      </c>
      <c r="B15787" s="6"/>
      <c r="C15787" s="6" t="s">
        <v>15813</v>
      </c>
      <c r="D15787" s="6"/>
      <c r="E15787" s="6" t="s">
        <v>9</v>
      </c>
      <c r="F15787" s="7">
        <v>38657</v>
      </c>
      <c r="G15787" s="8">
        <v>1</v>
      </c>
      <c r="H15787" s="8">
        <v>1</v>
      </c>
      <c r="I15787" s="8">
        <v>0</v>
      </c>
      <c r="J15787" s="8">
        <v>1</v>
      </c>
      <c r="K15787" s="9">
        <v>89</v>
      </c>
      <c r="L15787" s="6" t="s">
        <v>51</v>
      </c>
    </row>
    <row r="15788" spans="1:12">
      <c r="A15788" s="6" t="s">
        <v>15677</v>
      </c>
      <c r="B15788" s="6"/>
      <c r="C15788" s="6" t="s">
        <v>15814</v>
      </c>
      <c r="D15788" s="6"/>
      <c r="E15788" s="6" t="s">
        <v>9</v>
      </c>
      <c r="F15788" s="7">
        <v>38657</v>
      </c>
      <c r="G15788" s="8">
        <v>1</v>
      </c>
      <c r="H15788" s="8">
        <v>1</v>
      </c>
      <c r="I15788" s="8">
        <v>0</v>
      </c>
      <c r="J15788" s="8">
        <v>1</v>
      </c>
      <c r="K15788" s="9">
        <v>69</v>
      </c>
      <c r="L15788" s="6" t="s">
        <v>51</v>
      </c>
    </row>
    <row r="15789" spans="1:12">
      <c r="A15789" s="6" t="s">
        <v>15677</v>
      </c>
      <c r="B15789" s="6"/>
      <c r="C15789" s="6" t="s">
        <v>15815</v>
      </c>
      <c r="D15789" s="6"/>
      <c r="E15789" s="6" t="s">
        <v>9</v>
      </c>
      <c r="F15789" s="7">
        <v>38657</v>
      </c>
      <c r="G15789" s="8">
        <v>1</v>
      </c>
      <c r="H15789" s="8">
        <v>1</v>
      </c>
      <c r="I15789" s="8">
        <v>0</v>
      </c>
      <c r="J15789" s="8">
        <v>1</v>
      </c>
      <c r="K15789" s="9">
        <v>178</v>
      </c>
      <c r="L15789" s="6" t="s">
        <v>51</v>
      </c>
    </row>
    <row r="15790" spans="1:12">
      <c r="A15790" s="6" t="s">
        <v>15677</v>
      </c>
      <c r="B15790" s="6"/>
      <c r="C15790" s="6" t="s">
        <v>15816</v>
      </c>
      <c r="D15790" s="6"/>
      <c r="E15790" s="6" t="s">
        <v>9</v>
      </c>
      <c r="F15790" s="7">
        <v>38657</v>
      </c>
      <c r="G15790" s="8">
        <v>1</v>
      </c>
      <c r="H15790" s="8">
        <v>1</v>
      </c>
      <c r="I15790" s="8">
        <v>0</v>
      </c>
      <c r="J15790" s="8">
        <v>1</v>
      </c>
      <c r="K15790" s="9">
        <v>3.3</v>
      </c>
      <c r="L15790" s="6" t="s">
        <v>51</v>
      </c>
    </row>
    <row r="15791" spans="1:12">
      <c r="A15791" s="6" t="s">
        <v>15677</v>
      </c>
      <c r="B15791" s="6"/>
      <c r="C15791" s="6" t="s">
        <v>15817</v>
      </c>
      <c r="D15791" s="6"/>
      <c r="E15791" s="6" t="s">
        <v>9</v>
      </c>
      <c r="F15791" s="7">
        <v>38657</v>
      </c>
      <c r="G15791" s="8">
        <v>1</v>
      </c>
      <c r="H15791" s="8">
        <v>1</v>
      </c>
      <c r="I15791" s="8">
        <v>0</v>
      </c>
      <c r="J15791" s="8">
        <v>1</v>
      </c>
      <c r="K15791" s="9">
        <v>66.11</v>
      </c>
      <c r="L15791" s="6" t="s">
        <v>51</v>
      </c>
    </row>
    <row r="15792" spans="1:12">
      <c r="A15792" s="6" t="s">
        <v>15677</v>
      </c>
      <c r="B15792" s="6"/>
      <c r="C15792" s="6" t="s">
        <v>15818</v>
      </c>
      <c r="D15792" s="6"/>
      <c r="E15792" s="6" t="s">
        <v>9</v>
      </c>
      <c r="F15792" s="7">
        <v>38657</v>
      </c>
      <c r="G15792" s="8">
        <v>1</v>
      </c>
      <c r="H15792" s="8">
        <v>1</v>
      </c>
      <c r="I15792" s="8">
        <v>0</v>
      </c>
      <c r="J15792" s="8">
        <v>1</v>
      </c>
      <c r="K15792" s="9">
        <v>9.91</v>
      </c>
      <c r="L15792" s="6" t="s">
        <v>51</v>
      </c>
    </row>
    <row r="15793" spans="1:12">
      <c r="A15793" s="6" t="s">
        <v>15677</v>
      </c>
      <c r="B15793" s="6"/>
      <c r="C15793" s="6" t="s">
        <v>15819</v>
      </c>
      <c r="D15793" s="6"/>
      <c r="E15793" s="6" t="s">
        <v>9</v>
      </c>
      <c r="F15793" s="7">
        <v>38657</v>
      </c>
      <c r="G15793" s="8">
        <v>1</v>
      </c>
      <c r="H15793" s="8">
        <v>1</v>
      </c>
      <c r="I15793" s="8">
        <v>0</v>
      </c>
      <c r="J15793" s="8">
        <v>1</v>
      </c>
      <c r="K15793" s="9">
        <v>6.61</v>
      </c>
      <c r="L15793" s="6" t="s">
        <v>51</v>
      </c>
    </row>
    <row r="15794" spans="1:12">
      <c r="A15794" s="6" t="s">
        <v>15677</v>
      </c>
      <c r="B15794" s="6"/>
      <c r="C15794" s="6" t="s">
        <v>15820</v>
      </c>
      <c r="D15794" s="6"/>
      <c r="E15794" s="6" t="s">
        <v>9</v>
      </c>
      <c r="F15794" s="7">
        <v>38657</v>
      </c>
      <c r="G15794" s="8">
        <v>1</v>
      </c>
      <c r="H15794" s="8">
        <v>1</v>
      </c>
      <c r="I15794" s="8">
        <v>0</v>
      </c>
      <c r="J15794" s="8">
        <v>1</v>
      </c>
      <c r="K15794" s="9">
        <v>9.91</v>
      </c>
      <c r="L15794" s="6" t="s">
        <v>51</v>
      </c>
    </row>
    <row r="15795" spans="1:12">
      <c r="A15795" s="6" t="s">
        <v>15677</v>
      </c>
      <c r="B15795" s="6"/>
      <c r="C15795" s="6" t="s">
        <v>15821</v>
      </c>
      <c r="D15795" s="6"/>
      <c r="E15795" s="6" t="s">
        <v>9</v>
      </c>
      <c r="F15795" s="7">
        <v>38657</v>
      </c>
      <c r="G15795" s="8">
        <v>1</v>
      </c>
      <c r="H15795" s="8">
        <v>1</v>
      </c>
      <c r="I15795" s="8">
        <v>0</v>
      </c>
      <c r="J15795" s="8">
        <v>1</v>
      </c>
      <c r="K15795" s="9">
        <v>36</v>
      </c>
      <c r="L15795" s="6" t="s">
        <v>51</v>
      </c>
    </row>
    <row r="15796" spans="1:12">
      <c r="A15796" s="6" t="s">
        <v>15677</v>
      </c>
      <c r="B15796" s="6"/>
      <c r="C15796" s="6" t="s">
        <v>15822</v>
      </c>
      <c r="D15796" s="6"/>
      <c r="E15796" s="6" t="s">
        <v>9</v>
      </c>
      <c r="F15796" s="7">
        <v>38657</v>
      </c>
      <c r="G15796" s="8">
        <v>1</v>
      </c>
      <c r="H15796" s="8">
        <v>1</v>
      </c>
      <c r="I15796" s="8">
        <v>0</v>
      </c>
      <c r="J15796" s="8">
        <v>1</v>
      </c>
      <c r="K15796" s="9">
        <v>6.61</v>
      </c>
      <c r="L15796" s="6" t="s">
        <v>51</v>
      </c>
    </row>
    <row r="15797" spans="1:12">
      <c r="A15797" s="6" t="s">
        <v>15677</v>
      </c>
      <c r="B15797" s="6"/>
      <c r="C15797" s="6" t="s">
        <v>15823</v>
      </c>
      <c r="D15797" s="6"/>
      <c r="E15797" s="6" t="s">
        <v>9</v>
      </c>
      <c r="F15797" s="7">
        <v>38657</v>
      </c>
      <c r="G15797" s="8">
        <v>1</v>
      </c>
      <c r="H15797" s="8">
        <v>1</v>
      </c>
      <c r="I15797" s="8">
        <v>0</v>
      </c>
      <c r="J15797" s="8">
        <v>1</v>
      </c>
      <c r="K15797" s="9">
        <v>72</v>
      </c>
      <c r="L15797" s="6" t="s">
        <v>51</v>
      </c>
    </row>
    <row r="15798" spans="1:12">
      <c r="A15798" s="6" t="s">
        <v>15677</v>
      </c>
      <c r="B15798" s="6"/>
      <c r="C15798" s="6" t="s">
        <v>15824</v>
      </c>
      <c r="D15798" s="6"/>
      <c r="E15798" s="6" t="s">
        <v>9</v>
      </c>
      <c r="F15798" s="7">
        <v>38657</v>
      </c>
      <c r="G15798" s="8">
        <v>1</v>
      </c>
      <c r="H15798" s="8">
        <v>1</v>
      </c>
      <c r="I15798" s="8">
        <v>0</v>
      </c>
      <c r="J15798" s="8">
        <v>1</v>
      </c>
      <c r="K15798" s="9">
        <v>19</v>
      </c>
      <c r="L15798" s="6" t="s">
        <v>51</v>
      </c>
    </row>
    <row r="15799" spans="1:12">
      <c r="A15799" s="6" t="s">
        <v>15677</v>
      </c>
      <c r="B15799" s="6"/>
      <c r="C15799" s="6" t="s">
        <v>15825</v>
      </c>
      <c r="D15799" s="6"/>
      <c r="E15799" s="6" t="s">
        <v>9</v>
      </c>
      <c r="F15799" s="7">
        <v>38657</v>
      </c>
      <c r="G15799" s="8">
        <v>1</v>
      </c>
      <c r="H15799" s="8">
        <v>1</v>
      </c>
      <c r="I15799" s="8">
        <v>0</v>
      </c>
      <c r="J15799" s="8">
        <v>1</v>
      </c>
      <c r="K15799" s="9">
        <v>39</v>
      </c>
      <c r="L15799" s="6" t="s">
        <v>51</v>
      </c>
    </row>
    <row r="15800" spans="1:12">
      <c r="A15800" s="6" t="s">
        <v>15677</v>
      </c>
      <c r="B15800" s="6"/>
      <c r="C15800" s="6" t="s">
        <v>15826</v>
      </c>
      <c r="D15800" s="6"/>
      <c r="E15800" s="6" t="s">
        <v>9</v>
      </c>
      <c r="F15800" s="7">
        <v>38657</v>
      </c>
      <c r="G15800" s="8">
        <v>1</v>
      </c>
      <c r="H15800" s="8">
        <v>1</v>
      </c>
      <c r="I15800" s="8">
        <v>0</v>
      </c>
      <c r="J15800" s="8">
        <v>1</v>
      </c>
      <c r="K15800" s="9">
        <v>72</v>
      </c>
      <c r="L15800" s="6" t="s">
        <v>51</v>
      </c>
    </row>
    <row r="15801" spans="1:12">
      <c r="A15801" s="6" t="s">
        <v>15677</v>
      </c>
      <c r="B15801" s="6"/>
      <c r="C15801" s="6" t="s">
        <v>15827</v>
      </c>
      <c r="D15801" s="6"/>
      <c r="E15801" s="6" t="s">
        <v>9</v>
      </c>
      <c r="F15801" s="7">
        <v>38657</v>
      </c>
      <c r="G15801" s="8">
        <v>1</v>
      </c>
      <c r="H15801" s="8">
        <v>1</v>
      </c>
      <c r="I15801" s="8">
        <v>0</v>
      </c>
      <c r="J15801" s="8">
        <v>1</v>
      </c>
      <c r="K15801" s="9">
        <v>79</v>
      </c>
      <c r="L15801" s="6" t="s">
        <v>51</v>
      </c>
    </row>
    <row r="15802" spans="1:12">
      <c r="A15802" s="6" t="s">
        <v>15677</v>
      </c>
      <c r="B15802" s="6"/>
      <c r="C15802" s="6" t="s">
        <v>15828</v>
      </c>
      <c r="D15802" s="6"/>
      <c r="E15802" s="6" t="s">
        <v>9</v>
      </c>
      <c r="F15802" s="7">
        <v>38657</v>
      </c>
      <c r="G15802" s="8">
        <v>1</v>
      </c>
      <c r="H15802" s="8">
        <v>1</v>
      </c>
      <c r="I15802" s="8">
        <v>0</v>
      </c>
      <c r="J15802" s="8">
        <v>1</v>
      </c>
      <c r="K15802" s="9">
        <v>49.58</v>
      </c>
      <c r="L15802" s="6" t="s">
        <v>51</v>
      </c>
    </row>
    <row r="15803" spans="1:12">
      <c r="A15803" s="6" t="s">
        <v>15677</v>
      </c>
      <c r="B15803" s="6"/>
      <c r="C15803" s="6" t="s">
        <v>15829</v>
      </c>
      <c r="D15803" s="6"/>
      <c r="E15803" s="6" t="s">
        <v>9</v>
      </c>
      <c r="F15803" s="7">
        <v>38657</v>
      </c>
      <c r="G15803" s="8">
        <v>1</v>
      </c>
      <c r="H15803" s="8">
        <v>1</v>
      </c>
      <c r="I15803" s="8">
        <v>0</v>
      </c>
      <c r="J15803" s="8">
        <v>1</v>
      </c>
      <c r="K15803" s="9">
        <v>82</v>
      </c>
      <c r="L15803" s="6" t="s">
        <v>51</v>
      </c>
    </row>
    <row r="15804" spans="1:12">
      <c r="A15804" s="6" t="s">
        <v>15677</v>
      </c>
      <c r="B15804" s="6"/>
      <c r="C15804" s="6" t="s">
        <v>15830</v>
      </c>
      <c r="D15804" s="6"/>
      <c r="E15804" s="6" t="s">
        <v>9</v>
      </c>
      <c r="F15804" s="7">
        <v>38657</v>
      </c>
      <c r="G15804" s="8">
        <v>1</v>
      </c>
      <c r="H15804" s="8">
        <v>1</v>
      </c>
      <c r="I15804" s="8">
        <v>0</v>
      </c>
      <c r="J15804" s="8">
        <v>1</v>
      </c>
      <c r="K15804" s="9">
        <v>95</v>
      </c>
      <c r="L15804" s="6" t="s">
        <v>51</v>
      </c>
    </row>
    <row r="15805" spans="1:12">
      <c r="A15805" s="6" t="s">
        <v>15677</v>
      </c>
      <c r="B15805" s="6"/>
      <c r="C15805" s="6" t="s">
        <v>15831</v>
      </c>
      <c r="D15805" s="6"/>
      <c r="E15805" s="6" t="s">
        <v>9</v>
      </c>
      <c r="F15805" s="7">
        <v>38657</v>
      </c>
      <c r="G15805" s="8">
        <v>1</v>
      </c>
      <c r="H15805" s="8">
        <v>1</v>
      </c>
      <c r="I15805" s="8">
        <v>0</v>
      </c>
      <c r="J15805" s="8">
        <v>1</v>
      </c>
      <c r="K15805" s="9">
        <v>92</v>
      </c>
      <c r="L15805" s="6" t="s">
        <v>51</v>
      </c>
    </row>
    <row r="15806" spans="1:12">
      <c r="A15806" s="6" t="s">
        <v>15677</v>
      </c>
      <c r="B15806" s="6"/>
      <c r="C15806" s="6" t="s">
        <v>15832</v>
      </c>
      <c r="D15806" s="6"/>
      <c r="E15806" s="6" t="s">
        <v>9</v>
      </c>
      <c r="F15806" s="7">
        <v>38657</v>
      </c>
      <c r="G15806" s="8">
        <v>1</v>
      </c>
      <c r="H15806" s="8">
        <v>1</v>
      </c>
      <c r="I15806" s="8">
        <v>0</v>
      </c>
      <c r="J15806" s="8">
        <v>1</v>
      </c>
      <c r="K15806" s="9">
        <v>274</v>
      </c>
      <c r="L15806" s="6" t="s">
        <v>51</v>
      </c>
    </row>
    <row r="15807" spans="1:12">
      <c r="A15807" s="6" t="s">
        <v>15677</v>
      </c>
      <c r="B15807" s="6"/>
      <c r="C15807" s="6" t="s">
        <v>15833</v>
      </c>
      <c r="D15807" s="6"/>
      <c r="E15807" s="6" t="s">
        <v>9</v>
      </c>
      <c r="F15807" s="7">
        <v>38657</v>
      </c>
      <c r="G15807" s="8">
        <v>1</v>
      </c>
      <c r="H15807" s="8">
        <v>1</v>
      </c>
      <c r="I15807" s="8">
        <v>0</v>
      </c>
      <c r="J15807" s="8">
        <v>1</v>
      </c>
      <c r="K15807" s="9">
        <v>16</v>
      </c>
      <c r="L15807" s="6" t="s">
        <v>51</v>
      </c>
    </row>
    <row r="15808" spans="1:12">
      <c r="A15808" s="6" t="s">
        <v>15677</v>
      </c>
      <c r="B15808" s="6"/>
      <c r="C15808" s="6" t="s">
        <v>15834</v>
      </c>
      <c r="D15808" s="6"/>
      <c r="E15808" s="6" t="s">
        <v>9</v>
      </c>
      <c r="F15808" s="7">
        <v>38657</v>
      </c>
      <c r="G15808" s="8">
        <v>1</v>
      </c>
      <c r="H15808" s="8">
        <v>1</v>
      </c>
      <c r="I15808" s="8">
        <v>0</v>
      </c>
      <c r="J15808" s="8">
        <v>1</v>
      </c>
      <c r="K15808" s="9">
        <v>204</v>
      </c>
      <c r="L15808" s="6" t="s">
        <v>51</v>
      </c>
    </row>
    <row r="15809" spans="1:12">
      <c r="A15809" s="6" t="s">
        <v>15677</v>
      </c>
      <c r="B15809" s="6"/>
      <c r="C15809" s="6" t="s">
        <v>15835</v>
      </c>
      <c r="D15809" s="6"/>
      <c r="E15809" s="6" t="s">
        <v>9</v>
      </c>
      <c r="F15809" s="7">
        <v>38657</v>
      </c>
      <c r="G15809" s="8">
        <v>1</v>
      </c>
      <c r="H15809" s="8">
        <v>1</v>
      </c>
      <c r="I15809" s="8">
        <v>0</v>
      </c>
      <c r="J15809" s="8">
        <v>1</v>
      </c>
      <c r="K15809" s="9">
        <v>170</v>
      </c>
      <c r="L15809" s="6" t="s">
        <v>51</v>
      </c>
    </row>
    <row r="15810" spans="1:12">
      <c r="A15810" s="6" t="s">
        <v>15677</v>
      </c>
      <c r="B15810" s="6"/>
      <c r="C15810" s="6" t="s">
        <v>15836</v>
      </c>
      <c r="D15810" s="6"/>
      <c r="E15810" s="6" t="s">
        <v>9</v>
      </c>
      <c r="F15810" s="7">
        <v>38657</v>
      </c>
      <c r="G15810" s="8">
        <v>1</v>
      </c>
      <c r="H15810" s="8">
        <v>1</v>
      </c>
      <c r="I15810" s="8">
        <v>0</v>
      </c>
      <c r="J15810" s="8">
        <v>1</v>
      </c>
      <c r="K15810" s="9">
        <v>154</v>
      </c>
      <c r="L15810" s="6" t="s">
        <v>51</v>
      </c>
    </row>
    <row r="15811" spans="1:12">
      <c r="A15811" s="6" t="s">
        <v>15677</v>
      </c>
      <c r="B15811" s="6"/>
      <c r="C15811" s="6" t="s">
        <v>15837</v>
      </c>
      <c r="D15811" s="6"/>
      <c r="E15811" s="6" t="s">
        <v>9</v>
      </c>
      <c r="F15811" s="7">
        <v>38657</v>
      </c>
      <c r="G15811" s="8">
        <v>1</v>
      </c>
      <c r="H15811" s="8">
        <v>1</v>
      </c>
      <c r="I15811" s="8">
        <v>0</v>
      </c>
      <c r="J15811" s="8">
        <v>1</v>
      </c>
      <c r="K15811" s="9">
        <v>164</v>
      </c>
      <c r="L15811" s="6" t="s">
        <v>51</v>
      </c>
    </row>
    <row r="15812" spans="1:12">
      <c r="A15812" s="6" t="s">
        <v>15677</v>
      </c>
      <c r="B15812" s="6"/>
      <c r="C15812" s="6" t="s">
        <v>15838</v>
      </c>
      <c r="D15812" s="6"/>
      <c r="E15812" s="6" t="s">
        <v>9</v>
      </c>
      <c r="F15812" s="7">
        <v>38657</v>
      </c>
      <c r="G15812" s="8">
        <v>1</v>
      </c>
      <c r="H15812" s="8">
        <v>1</v>
      </c>
      <c r="I15812" s="8">
        <v>0</v>
      </c>
      <c r="J15812" s="8">
        <v>1</v>
      </c>
      <c r="K15812" s="9">
        <v>59</v>
      </c>
      <c r="L15812" s="6" t="s">
        <v>51</v>
      </c>
    </row>
    <row r="15813" spans="1:12">
      <c r="A15813" s="6" t="s">
        <v>15677</v>
      </c>
      <c r="B15813" s="6"/>
      <c r="C15813" s="6" t="s">
        <v>15839</v>
      </c>
      <c r="D15813" s="6"/>
      <c r="E15813" s="6" t="s">
        <v>9</v>
      </c>
      <c r="F15813" s="7">
        <v>38657</v>
      </c>
      <c r="G15813" s="8">
        <v>1</v>
      </c>
      <c r="H15813" s="8">
        <v>1</v>
      </c>
      <c r="I15813" s="8">
        <v>0</v>
      </c>
      <c r="J15813" s="8">
        <v>1</v>
      </c>
      <c r="K15813" s="9">
        <v>71</v>
      </c>
      <c r="L15813" s="6" t="s">
        <v>51</v>
      </c>
    </row>
    <row r="15814" spans="1:12">
      <c r="A15814" s="6" t="s">
        <v>15677</v>
      </c>
      <c r="B15814" s="6"/>
      <c r="C15814" s="6" t="s">
        <v>15840</v>
      </c>
      <c r="D15814" s="6"/>
      <c r="E15814" s="6" t="s">
        <v>9</v>
      </c>
      <c r="F15814" s="7">
        <v>38657</v>
      </c>
      <c r="G15814" s="8">
        <v>1</v>
      </c>
      <c r="H15814" s="8">
        <v>1</v>
      </c>
      <c r="I15814" s="8">
        <v>0</v>
      </c>
      <c r="J15814" s="8">
        <v>1</v>
      </c>
      <c r="K15814" s="9">
        <v>267</v>
      </c>
      <c r="L15814" s="6" t="s">
        <v>51</v>
      </c>
    </row>
    <row r="15815" spans="1:12">
      <c r="A15815" s="6" t="s">
        <v>15677</v>
      </c>
      <c r="B15815" s="6"/>
      <c r="C15815" s="6" t="s">
        <v>15841</v>
      </c>
      <c r="D15815" s="6"/>
      <c r="E15815" s="6" t="s">
        <v>9</v>
      </c>
      <c r="F15815" s="7">
        <v>38657</v>
      </c>
      <c r="G15815" s="8">
        <v>1</v>
      </c>
      <c r="H15815" s="8">
        <v>1</v>
      </c>
      <c r="I15815" s="8">
        <v>0</v>
      </c>
      <c r="J15815" s="8">
        <v>1</v>
      </c>
      <c r="K15815" s="9">
        <v>59</v>
      </c>
      <c r="L15815" s="6" t="s">
        <v>51</v>
      </c>
    </row>
    <row r="15816" spans="1:12">
      <c r="A15816" s="6" t="s">
        <v>15677</v>
      </c>
      <c r="B15816" s="6"/>
      <c r="C15816" s="6" t="s">
        <v>15842</v>
      </c>
      <c r="D15816" s="6"/>
      <c r="E15816" s="6" t="s">
        <v>9</v>
      </c>
      <c r="F15816" s="7">
        <v>38657</v>
      </c>
      <c r="G15816" s="8">
        <v>1</v>
      </c>
      <c r="H15816" s="8">
        <v>1</v>
      </c>
      <c r="I15816" s="8">
        <v>0</v>
      </c>
      <c r="J15816" s="8">
        <v>1</v>
      </c>
      <c r="K15816" s="9">
        <v>42</v>
      </c>
      <c r="L15816" s="6" t="s">
        <v>51</v>
      </c>
    </row>
    <row r="15817" spans="1:12">
      <c r="A15817" s="6" t="s">
        <v>15677</v>
      </c>
      <c r="B15817" s="6"/>
      <c r="C15817" s="6" t="s">
        <v>15843</v>
      </c>
      <c r="D15817" s="6"/>
      <c r="E15817" s="6" t="s">
        <v>9</v>
      </c>
      <c r="F15817" s="7">
        <v>38657</v>
      </c>
      <c r="G15817" s="8">
        <v>1</v>
      </c>
      <c r="H15817" s="8">
        <v>1</v>
      </c>
      <c r="I15817" s="8">
        <v>0</v>
      </c>
      <c r="J15817" s="8">
        <v>1</v>
      </c>
      <c r="K15817" s="9">
        <v>6.61</v>
      </c>
      <c r="L15817" s="6" t="s">
        <v>51</v>
      </c>
    </row>
    <row r="15818" spans="1:12">
      <c r="A15818" s="6" t="s">
        <v>15677</v>
      </c>
      <c r="B15818" s="6"/>
      <c r="C15818" s="6" t="s">
        <v>15844</v>
      </c>
      <c r="D15818" s="6"/>
      <c r="E15818" s="6" t="s">
        <v>9</v>
      </c>
      <c r="F15818" s="7">
        <v>38657</v>
      </c>
      <c r="G15818" s="8">
        <v>1</v>
      </c>
      <c r="H15818" s="8">
        <v>1</v>
      </c>
      <c r="I15818" s="8">
        <v>0</v>
      </c>
      <c r="J15818" s="8">
        <v>1</v>
      </c>
      <c r="K15818" s="9">
        <v>198</v>
      </c>
      <c r="L15818" s="6" t="s">
        <v>51</v>
      </c>
    </row>
    <row r="15819" spans="1:12">
      <c r="A15819" s="6" t="s">
        <v>15677</v>
      </c>
      <c r="B15819" s="6"/>
      <c r="C15819" s="6" t="s">
        <v>15845</v>
      </c>
      <c r="D15819" s="6"/>
      <c r="E15819" s="6" t="s">
        <v>9</v>
      </c>
      <c r="F15819" s="7">
        <v>38657</v>
      </c>
      <c r="G15819" s="8">
        <v>1</v>
      </c>
      <c r="H15819" s="8">
        <v>1</v>
      </c>
      <c r="I15819" s="8">
        <v>0</v>
      </c>
      <c r="J15819" s="8">
        <v>1</v>
      </c>
      <c r="K15819" s="9">
        <v>6.61</v>
      </c>
      <c r="L15819" s="6" t="s">
        <v>51</v>
      </c>
    </row>
    <row r="15820" spans="1:12">
      <c r="A15820" s="6" t="s">
        <v>15677</v>
      </c>
      <c r="B15820" s="6"/>
      <c r="C15820" s="6" t="s">
        <v>15846</v>
      </c>
      <c r="D15820" s="6"/>
      <c r="E15820" s="6" t="s">
        <v>9</v>
      </c>
      <c r="F15820" s="7">
        <v>38657</v>
      </c>
      <c r="G15820" s="8">
        <v>1</v>
      </c>
      <c r="H15820" s="8">
        <v>1</v>
      </c>
      <c r="I15820" s="8">
        <v>0</v>
      </c>
      <c r="J15820" s="8">
        <v>1</v>
      </c>
      <c r="K15820" s="9">
        <v>254</v>
      </c>
      <c r="L15820" s="6" t="s">
        <v>51</v>
      </c>
    </row>
    <row r="15821" spans="1:12">
      <c r="A15821" s="6" t="s">
        <v>15677</v>
      </c>
      <c r="B15821" s="6"/>
      <c r="C15821" s="6" t="s">
        <v>15847</v>
      </c>
      <c r="D15821" s="6"/>
      <c r="E15821" s="6" t="s">
        <v>9</v>
      </c>
      <c r="F15821" s="7">
        <v>38657</v>
      </c>
      <c r="G15821" s="8">
        <v>1</v>
      </c>
      <c r="H15821" s="8">
        <v>1</v>
      </c>
      <c r="I15821" s="8">
        <v>0</v>
      </c>
      <c r="J15821" s="8">
        <v>1</v>
      </c>
      <c r="K15821" s="9">
        <v>545</v>
      </c>
      <c r="L15821" s="6" t="s">
        <v>51</v>
      </c>
    </row>
    <row r="15822" spans="1:12">
      <c r="A15822" s="6" t="s">
        <v>15677</v>
      </c>
      <c r="B15822" s="6"/>
      <c r="C15822" s="6" t="s">
        <v>15848</v>
      </c>
      <c r="D15822" s="6"/>
      <c r="E15822" s="6" t="s">
        <v>9</v>
      </c>
      <c r="F15822" s="7">
        <v>38657</v>
      </c>
      <c r="G15822" s="8">
        <v>1</v>
      </c>
      <c r="H15822" s="8">
        <v>1</v>
      </c>
      <c r="I15822" s="8">
        <v>0</v>
      </c>
      <c r="J15822" s="8">
        <v>1</v>
      </c>
      <c r="K15822" s="9">
        <v>56</v>
      </c>
      <c r="L15822" s="6" t="s">
        <v>51</v>
      </c>
    </row>
    <row r="15823" spans="1:12">
      <c r="A15823" s="6" t="s">
        <v>15677</v>
      </c>
      <c r="B15823" s="6"/>
      <c r="C15823" s="6" t="s">
        <v>15849</v>
      </c>
      <c r="D15823" s="6"/>
      <c r="E15823" s="6" t="s">
        <v>9</v>
      </c>
      <c r="F15823" s="7">
        <v>38657</v>
      </c>
      <c r="G15823" s="8">
        <v>1</v>
      </c>
      <c r="H15823" s="8">
        <v>1</v>
      </c>
      <c r="I15823" s="8">
        <v>0</v>
      </c>
      <c r="J15823" s="8">
        <v>1</v>
      </c>
      <c r="K15823" s="9">
        <v>156</v>
      </c>
      <c r="L15823" s="6" t="s">
        <v>51</v>
      </c>
    </row>
    <row r="15824" spans="1:12">
      <c r="A15824" s="6" t="s">
        <v>15677</v>
      </c>
      <c r="B15824" s="6"/>
      <c r="C15824" s="6" t="s">
        <v>15850</v>
      </c>
      <c r="D15824" s="6"/>
      <c r="E15824" s="6" t="s">
        <v>9</v>
      </c>
      <c r="F15824" s="7">
        <v>38657</v>
      </c>
      <c r="G15824" s="8">
        <v>1</v>
      </c>
      <c r="H15824" s="8">
        <v>1</v>
      </c>
      <c r="I15824" s="8">
        <v>0</v>
      </c>
      <c r="J15824" s="8">
        <v>1</v>
      </c>
      <c r="K15824" s="9">
        <v>56</v>
      </c>
      <c r="L15824" s="6" t="s">
        <v>51</v>
      </c>
    </row>
    <row r="15825" spans="1:12">
      <c r="A15825" s="6" t="s">
        <v>15677</v>
      </c>
      <c r="B15825" s="6"/>
      <c r="C15825" s="6" t="s">
        <v>15851</v>
      </c>
      <c r="D15825" s="6"/>
      <c r="E15825" s="6" t="s">
        <v>9</v>
      </c>
      <c r="F15825" s="7">
        <v>38657</v>
      </c>
      <c r="G15825" s="8">
        <v>1</v>
      </c>
      <c r="H15825" s="8">
        <v>1</v>
      </c>
      <c r="I15825" s="8">
        <v>0</v>
      </c>
      <c r="J15825" s="8">
        <v>1</v>
      </c>
      <c r="K15825" s="9">
        <v>122.31</v>
      </c>
      <c r="L15825" s="6" t="s">
        <v>51</v>
      </c>
    </row>
    <row r="15826" spans="1:12">
      <c r="A15826" s="6" t="s">
        <v>15677</v>
      </c>
      <c r="B15826" s="6"/>
      <c r="C15826" s="6" t="s">
        <v>15852</v>
      </c>
      <c r="D15826" s="6"/>
      <c r="E15826" s="6" t="s">
        <v>9</v>
      </c>
      <c r="F15826" s="7">
        <v>38657</v>
      </c>
      <c r="G15826" s="8">
        <v>1</v>
      </c>
      <c r="H15826" s="8">
        <v>1</v>
      </c>
      <c r="I15826" s="8">
        <v>0</v>
      </c>
      <c r="J15826" s="8">
        <v>1</v>
      </c>
      <c r="K15826" s="9">
        <v>68</v>
      </c>
      <c r="L15826" s="6" t="s">
        <v>51</v>
      </c>
    </row>
    <row r="15827" spans="1:12">
      <c r="A15827" s="6" t="s">
        <v>15677</v>
      </c>
      <c r="B15827" s="6"/>
      <c r="C15827" s="6" t="s">
        <v>15853</v>
      </c>
      <c r="D15827" s="6"/>
      <c r="E15827" s="6" t="s">
        <v>9</v>
      </c>
      <c r="F15827" s="7">
        <v>38657</v>
      </c>
      <c r="G15827" s="8">
        <v>1</v>
      </c>
      <c r="H15827" s="8">
        <v>1</v>
      </c>
      <c r="I15827" s="8">
        <v>0</v>
      </c>
      <c r="J15827" s="8">
        <v>1</v>
      </c>
      <c r="K15827" s="9">
        <v>100</v>
      </c>
      <c r="L15827" s="6" t="s">
        <v>51</v>
      </c>
    </row>
    <row r="15828" spans="1:12">
      <c r="A15828" s="6" t="s">
        <v>15677</v>
      </c>
      <c r="B15828" s="6"/>
      <c r="C15828" s="6" t="s">
        <v>15854</v>
      </c>
      <c r="D15828" s="6"/>
      <c r="E15828" s="6" t="s">
        <v>9</v>
      </c>
      <c r="F15828" s="7">
        <v>38657</v>
      </c>
      <c r="G15828" s="8">
        <v>1</v>
      </c>
      <c r="H15828" s="8">
        <v>1</v>
      </c>
      <c r="I15828" s="8">
        <v>0</v>
      </c>
      <c r="J15828" s="8">
        <v>1</v>
      </c>
      <c r="K15828" s="9">
        <v>97</v>
      </c>
      <c r="L15828" s="6" t="s">
        <v>51</v>
      </c>
    </row>
    <row r="15829" spans="1:12">
      <c r="A15829" s="6" t="s">
        <v>15677</v>
      </c>
      <c r="B15829" s="6"/>
      <c r="C15829" s="6" t="s">
        <v>15855</v>
      </c>
      <c r="D15829" s="6"/>
      <c r="E15829" s="6" t="s">
        <v>9</v>
      </c>
      <c r="F15829" s="7">
        <v>38657</v>
      </c>
      <c r="G15829" s="8">
        <v>1</v>
      </c>
      <c r="H15829" s="8">
        <v>1</v>
      </c>
      <c r="I15829" s="8">
        <v>0</v>
      </c>
      <c r="J15829" s="8">
        <v>1</v>
      </c>
      <c r="K15829" s="9">
        <v>113</v>
      </c>
      <c r="L15829" s="6" t="s">
        <v>51</v>
      </c>
    </row>
    <row r="15830" spans="1:12">
      <c r="A15830" s="6" t="s">
        <v>15677</v>
      </c>
      <c r="B15830" s="6"/>
      <c r="C15830" s="6" t="s">
        <v>15856</v>
      </c>
      <c r="D15830" s="6"/>
      <c r="E15830" s="6" t="s">
        <v>9</v>
      </c>
      <c r="F15830" s="7">
        <v>38657</v>
      </c>
      <c r="G15830" s="8">
        <v>1</v>
      </c>
      <c r="H15830" s="8">
        <v>1</v>
      </c>
      <c r="I15830" s="8">
        <v>0</v>
      </c>
      <c r="J15830" s="8">
        <v>1</v>
      </c>
      <c r="K15830" s="9">
        <v>63</v>
      </c>
      <c r="L15830" s="6" t="s">
        <v>51</v>
      </c>
    </row>
    <row r="15831" spans="1:12">
      <c r="A15831" s="6" t="s">
        <v>15677</v>
      </c>
      <c r="B15831" s="6"/>
      <c r="C15831" s="6" t="s">
        <v>15857</v>
      </c>
      <c r="D15831" s="6"/>
      <c r="E15831" s="6" t="s">
        <v>9</v>
      </c>
      <c r="F15831" s="7">
        <v>38657</v>
      </c>
      <c r="G15831" s="8">
        <v>1</v>
      </c>
      <c r="H15831" s="8">
        <v>1</v>
      </c>
      <c r="I15831" s="8">
        <v>0</v>
      </c>
      <c r="J15831" s="8">
        <v>1</v>
      </c>
      <c r="K15831" s="9">
        <v>341</v>
      </c>
      <c r="L15831" s="6" t="s">
        <v>51</v>
      </c>
    </row>
    <row r="15832" spans="1:12">
      <c r="A15832" s="6" t="s">
        <v>15677</v>
      </c>
      <c r="B15832" s="6"/>
      <c r="C15832" s="6" t="s">
        <v>15858</v>
      </c>
      <c r="D15832" s="6"/>
      <c r="E15832" s="6" t="s">
        <v>9</v>
      </c>
      <c r="F15832" s="7">
        <v>38657</v>
      </c>
      <c r="G15832" s="8">
        <v>1</v>
      </c>
      <c r="H15832" s="8">
        <v>1</v>
      </c>
      <c r="I15832" s="8">
        <v>0</v>
      </c>
      <c r="J15832" s="8">
        <v>1</v>
      </c>
      <c r="K15832" s="9">
        <v>322</v>
      </c>
      <c r="L15832" s="6" t="s">
        <v>51</v>
      </c>
    </row>
    <row r="15833" spans="1:12">
      <c r="A15833" s="6" t="s">
        <v>15677</v>
      </c>
      <c r="B15833" s="6"/>
      <c r="C15833" s="6" t="s">
        <v>15859</v>
      </c>
      <c r="D15833" s="6"/>
      <c r="E15833" s="6" t="s">
        <v>9</v>
      </c>
      <c r="F15833" s="7">
        <v>38657</v>
      </c>
      <c r="G15833" s="8">
        <v>1</v>
      </c>
      <c r="H15833" s="8">
        <v>1</v>
      </c>
      <c r="I15833" s="8">
        <v>0</v>
      </c>
      <c r="J15833" s="8">
        <v>1</v>
      </c>
      <c r="K15833" s="9">
        <v>134</v>
      </c>
      <c r="L15833" s="6" t="s">
        <v>51</v>
      </c>
    </row>
    <row r="15834" spans="1:12">
      <c r="A15834" s="6" t="s">
        <v>15677</v>
      </c>
      <c r="B15834" s="6"/>
      <c r="C15834" s="6" t="s">
        <v>15860</v>
      </c>
      <c r="D15834" s="6"/>
      <c r="E15834" s="6" t="s">
        <v>9</v>
      </c>
      <c r="F15834" s="7">
        <v>38657</v>
      </c>
      <c r="G15834" s="8">
        <v>1</v>
      </c>
      <c r="H15834" s="8">
        <v>1</v>
      </c>
      <c r="I15834" s="8">
        <v>0</v>
      </c>
      <c r="J15834" s="8">
        <v>1</v>
      </c>
      <c r="K15834" s="9">
        <v>109</v>
      </c>
      <c r="L15834" s="6" t="s">
        <v>51</v>
      </c>
    </row>
    <row r="15835" spans="1:12">
      <c r="A15835" s="6" t="s">
        <v>15677</v>
      </c>
      <c r="B15835" s="6"/>
      <c r="C15835" s="6" t="s">
        <v>15861</v>
      </c>
      <c r="D15835" s="6"/>
      <c r="E15835" s="6" t="s">
        <v>9</v>
      </c>
      <c r="F15835" s="7">
        <v>38657</v>
      </c>
      <c r="G15835" s="8">
        <v>1</v>
      </c>
      <c r="H15835" s="8">
        <v>1</v>
      </c>
      <c r="I15835" s="8">
        <v>0</v>
      </c>
      <c r="J15835" s="8">
        <v>1</v>
      </c>
      <c r="K15835" s="9">
        <v>271</v>
      </c>
      <c r="L15835" s="6" t="s">
        <v>51</v>
      </c>
    </row>
    <row r="15836" spans="1:12">
      <c r="A15836" s="6" t="s">
        <v>15677</v>
      </c>
      <c r="B15836" s="6"/>
      <c r="C15836" s="6" t="s">
        <v>15862</v>
      </c>
      <c r="D15836" s="6"/>
      <c r="E15836" s="6" t="s">
        <v>9</v>
      </c>
      <c r="F15836" s="7">
        <v>38657</v>
      </c>
      <c r="G15836" s="8">
        <v>1</v>
      </c>
      <c r="H15836" s="8">
        <v>1</v>
      </c>
      <c r="I15836" s="8">
        <v>0</v>
      </c>
      <c r="J15836" s="8">
        <v>1</v>
      </c>
      <c r="K15836" s="9">
        <v>1.98</v>
      </c>
      <c r="L15836" s="6" t="s">
        <v>51</v>
      </c>
    </row>
    <row r="15837" spans="1:12">
      <c r="A15837" s="6" t="s">
        <v>15677</v>
      </c>
      <c r="B15837" s="6"/>
      <c r="C15837" s="6" t="s">
        <v>15863</v>
      </c>
      <c r="D15837" s="6"/>
      <c r="E15837" s="6" t="s">
        <v>9</v>
      </c>
      <c r="F15837" s="7">
        <v>38657</v>
      </c>
      <c r="G15837" s="8">
        <v>1</v>
      </c>
      <c r="H15837" s="8">
        <v>1</v>
      </c>
      <c r="I15837" s="8">
        <v>0</v>
      </c>
      <c r="J15837" s="8">
        <v>1</v>
      </c>
      <c r="K15837" s="9">
        <v>204</v>
      </c>
      <c r="L15837" s="6" t="s">
        <v>51</v>
      </c>
    </row>
    <row r="15838" spans="1:12">
      <c r="A15838" s="6" t="s">
        <v>15677</v>
      </c>
      <c r="B15838" s="6"/>
      <c r="C15838" s="6" t="s">
        <v>15864</v>
      </c>
      <c r="D15838" s="6"/>
      <c r="E15838" s="6" t="s">
        <v>9</v>
      </c>
      <c r="F15838" s="7">
        <v>38657</v>
      </c>
      <c r="G15838" s="8">
        <v>1</v>
      </c>
      <c r="H15838" s="8">
        <v>1</v>
      </c>
      <c r="I15838" s="8">
        <v>0</v>
      </c>
      <c r="J15838" s="8">
        <v>1</v>
      </c>
      <c r="K15838" s="9">
        <v>637</v>
      </c>
      <c r="L15838" s="6" t="s">
        <v>51</v>
      </c>
    </row>
    <row r="15839" spans="1:12">
      <c r="A15839" s="6" t="s">
        <v>15677</v>
      </c>
      <c r="B15839" s="6"/>
      <c r="C15839" s="6" t="s">
        <v>15865</v>
      </c>
      <c r="D15839" s="6"/>
      <c r="E15839" s="6" t="s">
        <v>9</v>
      </c>
      <c r="F15839" s="7">
        <v>38657</v>
      </c>
      <c r="G15839" s="8">
        <v>1</v>
      </c>
      <c r="H15839" s="8">
        <v>1</v>
      </c>
      <c r="I15839" s="8">
        <v>0</v>
      </c>
      <c r="J15839" s="8">
        <v>1</v>
      </c>
      <c r="K15839" s="9">
        <v>145</v>
      </c>
      <c r="L15839" s="6" t="s">
        <v>51</v>
      </c>
    </row>
    <row r="15840" spans="1:12">
      <c r="A15840" s="6" t="s">
        <v>15677</v>
      </c>
      <c r="B15840" s="6"/>
      <c r="C15840" s="6" t="s">
        <v>15866</v>
      </c>
      <c r="D15840" s="6"/>
      <c r="E15840" s="6" t="s">
        <v>9</v>
      </c>
      <c r="F15840" s="7">
        <v>38657</v>
      </c>
      <c r="G15840" s="8">
        <v>1</v>
      </c>
      <c r="H15840" s="8">
        <v>1</v>
      </c>
      <c r="I15840" s="8">
        <v>0</v>
      </c>
      <c r="J15840" s="8">
        <v>1</v>
      </c>
      <c r="K15840" s="9">
        <v>197</v>
      </c>
      <c r="L15840" s="6" t="s">
        <v>51</v>
      </c>
    </row>
    <row r="15841" spans="1:12">
      <c r="A15841" s="6" t="s">
        <v>15677</v>
      </c>
      <c r="B15841" s="6"/>
      <c r="C15841" s="6" t="s">
        <v>15867</v>
      </c>
      <c r="D15841" s="6"/>
      <c r="E15841" s="6" t="s">
        <v>9</v>
      </c>
      <c r="F15841" s="7">
        <v>38657</v>
      </c>
      <c r="G15841" s="8">
        <v>1</v>
      </c>
      <c r="H15841" s="8">
        <v>1</v>
      </c>
      <c r="I15841" s="8">
        <v>0</v>
      </c>
      <c r="J15841" s="8">
        <v>1</v>
      </c>
      <c r="K15841" s="9">
        <v>97</v>
      </c>
      <c r="L15841" s="6" t="s">
        <v>51</v>
      </c>
    </row>
    <row r="15842" spans="1:12">
      <c r="A15842" s="6" t="s">
        <v>15677</v>
      </c>
      <c r="B15842" s="6"/>
      <c r="C15842" s="6" t="s">
        <v>15868</v>
      </c>
      <c r="D15842" s="6"/>
      <c r="E15842" s="6" t="s">
        <v>9</v>
      </c>
      <c r="F15842" s="7">
        <v>38657</v>
      </c>
      <c r="G15842" s="8">
        <v>1</v>
      </c>
      <c r="H15842" s="8">
        <v>1</v>
      </c>
      <c r="I15842" s="8">
        <v>0</v>
      </c>
      <c r="J15842" s="8">
        <v>1</v>
      </c>
      <c r="K15842" s="9">
        <v>20</v>
      </c>
      <c r="L15842" s="6" t="s">
        <v>51</v>
      </c>
    </row>
    <row r="15843" spans="1:12">
      <c r="A15843" s="6" t="s">
        <v>15677</v>
      </c>
      <c r="B15843" s="6"/>
      <c r="C15843" s="6" t="s">
        <v>15869</v>
      </c>
      <c r="D15843" s="6"/>
      <c r="E15843" s="6" t="s">
        <v>9</v>
      </c>
      <c r="F15843" s="7">
        <v>38657</v>
      </c>
      <c r="G15843" s="8">
        <v>1</v>
      </c>
      <c r="H15843" s="8">
        <v>1</v>
      </c>
      <c r="I15843" s="8">
        <v>0</v>
      </c>
      <c r="J15843" s="8">
        <v>1</v>
      </c>
      <c r="K15843" s="9">
        <v>175</v>
      </c>
      <c r="L15843" s="6" t="s">
        <v>51</v>
      </c>
    </row>
    <row r="15844" spans="1:12">
      <c r="A15844" s="6" t="s">
        <v>15677</v>
      </c>
      <c r="B15844" s="6"/>
      <c r="C15844" s="6" t="s">
        <v>15870</v>
      </c>
      <c r="D15844" s="6"/>
      <c r="E15844" s="6" t="s">
        <v>9</v>
      </c>
      <c r="F15844" s="7">
        <v>38657</v>
      </c>
      <c r="G15844" s="8">
        <v>1</v>
      </c>
      <c r="H15844" s="8">
        <v>1</v>
      </c>
      <c r="I15844" s="8">
        <v>0</v>
      </c>
      <c r="J15844" s="8">
        <v>1</v>
      </c>
      <c r="K15844" s="9">
        <v>401</v>
      </c>
      <c r="L15844" s="6" t="s">
        <v>51</v>
      </c>
    </row>
    <row r="15845" spans="1:12">
      <c r="A15845" s="6" t="s">
        <v>15677</v>
      </c>
      <c r="B15845" s="6"/>
      <c r="C15845" s="6" t="s">
        <v>15871</v>
      </c>
      <c r="D15845" s="6"/>
      <c r="E15845" s="6" t="s">
        <v>9</v>
      </c>
      <c r="F15845" s="7">
        <v>38657</v>
      </c>
      <c r="G15845" s="8">
        <v>1</v>
      </c>
      <c r="H15845" s="8">
        <v>1</v>
      </c>
      <c r="I15845" s="8">
        <v>0</v>
      </c>
      <c r="J15845" s="8">
        <v>1</v>
      </c>
      <c r="K15845" s="9">
        <v>239</v>
      </c>
      <c r="L15845" s="6" t="s">
        <v>51</v>
      </c>
    </row>
    <row r="15846" spans="1:12">
      <c r="A15846" s="6" t="s">
        <v>15677</v>
      </c>
      <c r="B15846" s="6"/>
      <c r="C15846" s="6" t="s">
        <v>15872</v>
      </c>
      <c r="D15846" s="6"/>
      <c r="E15846" s="6" t="s">
        <v>9</v>
      </c>
      <c r="F15846" s="7">
        <v>38657</v>
      </c>
      <c r="G15846" s="8">
        <v>1</v>
      </c>
      <c r="H15846" s="8">
        <v>1</v>
      </c>
      <c r="I15846" s="8">
        <v>0</v>
      </c>
      <c r="J15846" s="8">
        <v>1</v>
      </c>
      <c r="K15846" s="9">
        <v>191.71</v>
      </c>
      <c r="L15846" s="6" t="s">
        <v>51</v>
      </c>
    </row>
    <row r="15847" spans="1:12">
      <c r="A15847" s="6" t="s">
        <v>15677</v>
      </c>
      <c r="B15847" s="6"/>
      <c r="C15847" s="6" t="s">
        <v>15873</v>
      </c>
      <c r="D15847" s="6"/>
      <c r="E15847" s="6" t="s">
        <v>9</v>
      </c>
      <c r="F15847" s="7">
        <v>38657</v>
      </c>
      <c r="G15847" s="8">
        <v>1</v>
      </c>
      <c r="H15847" s="8">
        <v>1</v>
      </c>
      <c r="I15847" s="8">
        <v>0</v>
      </c>
      <c r="J15847" s="8">
        <v>1</v>
      </c>
      <c r="K15847" s="9">
        <v>102.94</v>
      </c>
      <c r="L15847" s="6" t="s">
        <v>51</v>
      </c>
    </row>
    <row r="15848" spans="1:12">
      <c r="A15848" s="6" t="s">
        <v>15677</v>
      </c>
      <c r="B15848" s="6"/>
      <c r="C15848" s="6" t="s">
        <v>15874</v>
      </c>
      <c r="D15848" s="6"/>
      <c r="E15848" s="6" t="s">
        <v>9</v>
      </c>
      <c r="F15848" s="7">
        <v>38657</v>
      </c>
      <c r="G15848" s="8">
        <v>1</v>
      </c>
      <c r="H15848" s="8">
        <v>1</v>
      </c>
      <c r="I15848" s="8">
        <v>0</v>
      </c>
      <c r="J15848" s="8">
        <v>1</v>
      </c>
      <c r="K15848" s="9">
        <v>132</v>
      </c>
      <c r="L15848" s="6" t="s">
        <v>51</v>
      </c>
    </row>
    <row r="15849" spans="1:12">
      <c r="A15849" s="6" t="s">
        <v>15677</v>
      </c>
      <c r="B15849" s="6"/>
      <c r="C15849" s="6" t="s">
        <v>15875</v>
      </c>
      <c r="D15849" s="6"/>
      <c r="E15849" s="6" t="s">
        <v>9</v>
      </c>
      <c r="F15849" s="7">
        <v>38657</v>
      </c>
      <c r="G15849" s="8">
        <v>1</v>
      </c>
      <c r="H15849" s="8">
        <v>1</v>
      </c>
      <c r="I15849" s="8">
        <v>0</v>
      </c>
      <c r="J15849" s="8">
        <v>1</v>
      </c>
      <c r="K15849" s="9">
        <v>73</v>
      </c>
      <c r="L15849" s="6" t="s">
        <v>51</v>
      </c>
    </row>
    <row r="15850" spans="1:12">
      <c r="A15850" s="6" t="s">
        <v>15677</v>
      </c>
      <c r="B15850" s="6"/>
      <c r="C15850" s="6" t="s">
        <v>15876</v>
      </c>
      <c r="D15850" s="6"/>
      <c r="E15850" s="6" t="s">
        <v>9</v>
      </c>
      <c r="F15850" s="7">
        <v>38657</v>
      </c>
      <c r="G15850" s="8">
        <v>1</v>
      </c>
      <c r="H15850" s="8">
        <v>1</v>
      </c>
      <c r="I15850" s="8">
        <v>0</v>
      </c>
      <c r="J15850" s="8">
        <v>1</v>
      </c>
      <c r="K15850" s="9">
        <v>47</v>
      </c>
      <c r="L15850" s="6" t="s">
        <v>51</v>
      </c>
    </row>
    <row r="15851" spans="1:12">
      <c r="A15851" s="6" t="s">
        <v>15677</v>
      </c>
      <c r="B15851" s="6"/>
      <c r="C15851" s="6" t="s">
        <v>15877</v>
      </c>
      <c r="D15851" s="6"/>
      <c r="E15851" s="6" t="s">
        <v>9</v>
      </c>
      <c r="F15851" s="7">
        <v>38657</v>
      </c>
      <c r="G15851" s="8">
        <v>1</v>
      </c>
      <c r="H15851" s="8">
        <v>1</v>
      </c>
      <c r="I15851" s="8">
        <v>0</v>
      </c>
      <c r="J15851" s="8">
        <v>1</v>
      </c>
      <c r="K15851" s="9">
        <v>80</v>
      </c>
      <c r="L15851" s="6" t="s">
        <v>51</v>
      </c>
    </row>
    <row r="15852" spans="1:12">
      <c r="A15852" s="6" t="s">
        <v>15677</v>
      </c>
      <c r="B15852" s="6"/>
      <c r="C15852" s="6" t="s">
        <v>15878</v>
      </c>
      <c r="D15852" s="6"/>
      <c r="E15852" s="6" t="s">
        <v>9</v>
      </c>
      <c r="F15852" s="7">
        <v>38657</v>
      </c>
      <c r="G15852" s="8">
        <v>1</v>
      </c>
      <c r="H15852" s="8">
        <v>1</v>
      </c>
      <c r="I15852" s="8">
        <v>0</v>
      </c>
      <c r="J15852" s="8">
        <v>1</v>
      </c>
      <c r="K15852" s="9">
        <v>109</v>
      </c>
      <c r="L15852" s="6" t="s">
        <v>51</v>
      </c>
    </row>
    <row r="15853" spans="1:12">
      <c r="A15853" s="6" t="s">
        <v>15677</v>
      </c>
      <c r="B15853" s="6"/>
      <c r="C15853" s="6" t="s">
        <v>15879</v>
      </c>
      <c r="D15853" s="6"/>
      <c r="E15853" s="6" t="s">
        <v>9</v>
      </c>
      <c r="F15853" s="7">
        <v>38657</v>
      </c>
      <c r="G15853" s="8">
        <v>1</v>
      </c>
      <c r="H15853" s="8">
        <v>1</v>
      </c>
      <c r="I15853" s="8">
        <v>0</v>
      </c>
      <c r="J15853" s="8">
        <v>1</v>
      </c>
      <c r="K15853" s="9">
        <v>141</v>
      </c>
      <c r="L15853" s="6" t="s">
        <v>51</v>
      </c>
    </row>
    <row r="15854" spans="1:12">
      <c r="A15854" s="6" t="s">
        <v>15677</v>
      </c>
      <c r="B15854" s="6"/>
      <c r="C15854" s="6" t="s">
        <v>15880</v>
      </c>
      <c r="D15854" s="6"/>
      <c r="E15854" s="6" t="s">
        <v>9</v>
      </c>
      <c r="F15854" s="7">
        <v>38657</v>
      </c>
      <c r="G15854" s="8">
        <v>1</v>
      </c>
      <c r="H15854" s="8">
        <v>1</v>
      </c>
      <c r="I15854" s="8">
        <v>0</v>
      </c>
      <c r="J15854" s="8">
        <v>1</v>
      </c>
      <c r="K15854" s="9">
        <v>98</v>
      </c>
      <c r="L15854" s="6" t="s">
        <v>51</v>
      </c>
    </row>
    <row r="15855" spans="1:12">
      <c r="A15855" s="6" t="s">
        <v>15677</v>
      </c>
      <c r="B15855" s="6"/>
      <c r="C15855" s="6" t="s">
        <v>15881</v>
      </c>
      <c r="D15855" s="6"/>
      <c r="E15855" s="6" t="s">
        <v>9</v>
      </c>
      <c r="F15855" s="7">
        <v>38657</v>
      </c>
      <c r="G15855" s="8">
        <v>1</v>
      </c>
      <c r="H15855" s="8">
        <v>1</v>
      </c>
      <c r="I15855" s="8">
        <v>0</v>
      </c>
      <c r="J15855" s="8">
        <v>1</v>
      </c>
      <c r="K15855" s="9">
        <v>51</v>
      </c>
      <c r="L15855" s="6" t="s">
        <v>51</v>
      </c>
    </row>
    <row r="15856" spans="1:12">
      <c r="A15856" s="6" t="s">
        <v>15677</v>
      </c>
      <c r="B15856" s="6"/>
      <c r="C15856" s="6" t="s">
        <v>15882</v>
      </c>
      <c r="D15856" s="6"/>
      <c r="E15856" s="6" t="s">
        <v>9</v>
      </c>
      <c r="F15856" s="7">
        <v>38657</v>
      </c>
      <c r="G15856" s="8">
        <v>1</v>
      </c>
      <c r="H15856" s="8">
        <v>1</v>
      </c>
      <c r="I15856" s="8">
        <v>0</v>
      </c>
      <c r="J15856" s="8">
        <v>1</v>
      </c>
      <c r="K15856" s="9">
        <v>39</v>
      </c>
      <c r="L15856" s="6" t="s">
        <v>51</v>
      </c>
    </row>
    <row r="15857" spans="1:12">
      <c r="A15857" s="6" t="s">
        <v>15677</v>
      </c>
      <c r="B15857" s="6"/>
      <c r="C15857" s="6" t="s">
        <v>15883</v>
      </c>
      <c r="D15857" s="6"/>
      <c r="E15857" s="6" t="s">
        <v>9</v>
      </c>
      <c r="F15857" s="7">
        <v>38657</v>
      </c>
      <c r="G15857" s="8">
        <v>1</v>
      </c>
      <c r="H15857" s="8">
        <v>1</v>
      </c>
      <c r="I15857" s="8">
        <v>0</v>
      </c>
      <c r="J15857" s="8">
        <v>1</v>
      </c>
      <c r="K15857" s="9">
        <v>113</v>
      </c>
      <c r="L15857" s="6" t="s">
        <v>51</v>
      </c>
    </row>
    <row r="15858" spans="1:12">
      <c r="A15858" s="6" t="s">
        <v>15677</v>
      </c>
      <c r="B15858" s="6"/>
      <c r="C15858" s="6" t="s">
        <v>15884</v>
      </c>
      <c r="D15858" s="6"/>
      <c r="E15858" s="6" t="s">
        <v>9</v>
      </c>
      <c r="F15858" s="7">
        <v>38657</v>
      </c>
      <c r="G15858" s="8">
        <v>1</v>
      </c>
      <c r="H15858" s="8">
        <v>1</v>
      </c>
      <c r="I15858" s="8">
        <v>0</v>
      </c>
      <c r="J15858" s="8">
        <v>1</v>
      </c>
      <c r="K15858" s="9">
        <v>0.37</v>
      </c>
      <c r="L15858" s="6" t="s">
        <v>51</v>
      </c>
    </row>
    <row r="15859" spans="1:12">
      <c r="A15859" s="6" t="s">
        <v>15677</v>
      </c>
      <c r="B15859" s="6"/>
      <c r="C15859" s="6" t="s">
        <v>15885</v>
      </c>
      <c r="D15859" s="6"/>
      <c r="E15859" s="6" t="s">
        <v>9</v>
      </c>
      <c r="F15859" s="7">
        <v>38657</v>
      </c>
      <c r="G15859" s="8">
        <v>1</v>
      </c>
      <c r="H15859" s="8">
        <v>1</v>
      </c>
      <c r="I15859" s="8">
        <v>0</v>
      </c>
      <c r="J15859" s="8">
        <v>1</v>
      </c>
      <c r="K15859" s="9">
        <v>218</v>
      </c>
      <c r="L15859" s="6" t="s">
        <v>51</v>
      </c>
    </row>
    <row r="15860" spans="1:12">
      <c r="A15860" s="6" t="s">
        <v>15677</v>
      </c>
      <c r="B15860" s="6"/>
      <c r="C15860" s="6" t="s">
        <v>15886</v>
      </c>
      <c r="D15860" s="6"/>
      <c r="E15860" s="6" t="s">
        <v>9</v>
      </c>
      <c r="F15860" s="7">
        <v>38657</v>
      </c>
      <c r="G15860" s="8">
        <v>1</v>
      </c>
      <c r="H15860" s="8">
        <v>1</v>
      </c>
      <c r="I15860" s="8">
        <v>0</v>
      </c>
      <c r="J15860" s="8">
        <v>1</v>
      </c>
      <c r="K15860" s="9">
        <v>4.5199999999999898</v>
      </c>
      <c r="L15860" s="6" t="s">
        <v>51</v>
      </c>
    </row>
    <row r="15861" spans="1:12">
      <c r="A15861" s="6" t="s">
        <v>15677</v>
      </c>
      <c r="B15861" s="6"/>
      <c r="C15861" s="6" t="s">
        <v>15887</v>
      </c>
      <c r="D15861" s="6"/>
      <c r="E15861" s="6" t="s">
        <v>9</v>
      </c>
      <c r="F15861" s="7">
        <v>38657</v>
      </c>
      <c r="G15861" s="8">
        <v>1</v>
      </c>
      <c r="H15861" s="8">
        <v>1</v>
      </c>
      <c r="I15861" s="8">
        <v>0</v>
      </c>
      <c r="J15861" s="8">
        <v>1</v>
      </c>
      <c r="K15861" s="9">
        <v>79</v>
      </c>
      <c r="L15861" s="6" t="s">
        <v>51</v>
      </c>
    </row>
    <row r="15862" spans="1:12">
      <c r="A15862" s="6" t="s">
        <v>15677</v>
      </c>
      <c r="B15862" s="6"/>
      <c r="C15862" s="6" t="s">
        <v>15888</v>
      </c>
      <c r="D15862" s="6"/>
      <c r="E15862" s="6" t="s">
        <v>9</v>
      </c>
      <c r="F15862" s="7">
        <v>38657</v>
      </c>
      <c r="G15862" s="8">
        <v>1</v>
      </c>
      <c r="H15862" s="8">
        <v>1</v>
      </c>
      <c r="I15862" s="8">
        <v>0</v>
      </c>
      <c r="J15862" s="8">
        <v>1</v>
      </c>
      <c r="K15862" s="9">
        <v>90</v>
      </c>
      <c r="L15862" s="6" t="s">
        <v>51</v>
      </c>
    </row>
    <row r="15863" spans="1:12">
      <c r="A15863" s="6" t="s">
        <v>15677</v>
      </c>
      <c r="B15863" s="6"/>
      <c r="C15863" s="6" t="s">
        <v>15889</v>
      </c>
      <c r="D15863" s="6"/>
      <c r="E15863" s="6" t="s">
        <v>9</v>
      </c>
      <c r="F15863" s="7">
        <v>38657</v>
      </c>
      <c r="G15863" s="8">
        <v>1</v>
      </c>
      <c r="H15863" s="8">
        <v>1</v>
      </c>
      <c r="I15863" s="8">
        <v>0</v>
      </c>
      <c r="J15863" s="8">
        <v>1</v>
      </c>
      <c r="K15863" s="9">
        <v>26</v>
      </c>
      <c r="L15863" s="6" t="s">
        <v>51</v>
      </c>
    </row>
    <row r="15864" spans="1:12">
      <c r="A15864" s="6" t="s">
        <v>15677</v>
      </c>
      <c r="B15864" s="6"/>
      <c r="C15864" s="6" t="s">
        <v>15890</v>
      </c>
      <c r="D15864" s="6"/>
      <c r="E15864" s="6" t="s">
        <v>9</v>
      </c>
      <c r="F15864" s="7">
        <v>38657</v>
      </c>
      <c r="G15864" s="8">
        <v>1</v>
      </c>
      <c r="H15864" s="8">
        <v>1</v>
      </c>
      <c r="I15864" s="8">
        <v>0</v>
      </c>
      <c r="J15864" s="8">
        <v>1</v>
      </c>
      <c r="K15864" s="9">
        <v>112</v>
      </c>
      <c r="L15864" s="6" t="s">
        <v>51</v>
      </c>
    </row>
    <row r="15865" spans="1:12">
      <c r="A15865" s="6" t="s">
        <v>15677</v>
      </c>
      <c r="B15865" s="6"/>
      <c r="C15865" s="6" t="s">
        <v>15891</v>
      </c>
      <c r="D15865" s="6"/>
      <c r="E15865" s="6" t="s">
        <v>9</v>
      </c>
      <c r="F15865" s="7">
        <v>38657</v>
      </c>
      <c r="G15865" s="8">
        <v>1</v>
      </c>
      <c r="H15865" s="8">
        <v>1</v>
      </c>
      <c r="I15865" s="8">
        <v>0</v>
      </c>
      <c r="J15865" s="8">
        <v>1</v>
      </c>
      <c r="K15865" s="9">
        <v>7.43</v>
      </c>
      <c r="L15865" s="6" t="s">
        <v>51</v>
      </c>
    </row>
    <row r="15866" spans="1:12">
      <c r="A15866" s="6" t="s">
        <v>15677</v>
      </c>
      <c r="B15866" s="6"/>
      <c r="C15866" s="6" t="s">
        <v>15892</v>
      </c>
      <c r="D15866" s="6"/>
      <c r="E15866" s="6" t="s">
        <v>9</v>
      </c>
      <c r="F15866" s="7">
        <v>38657</v>
      </c>
      <c r="G15866" s="8">
        <v>1</v>
      </c>
      <c r="H15866" s="8">
        <v>1</v>
      </c>
      <c r="I15866" s="8">
        <v>0</v>
      </c>
      <c r="J15866" s="8">
        <v>1</v>
      </c>
      <c r="K15866" s="9">
        <v>39</v>
      </c>
      <c r="L15866" s="6" t="s">
        <v>51</v>
      </c>
    </row>
    <row r="15867" spans="1:12">
      <c r="A15867" s="6" t="s">
        <v>15677</v>
      </c>
      <c r="B15867" s="6"/>
      <c r="C15867" s="6" t="s">
        <v>15893</v>
      </c>
      <c r="D15867" s="6"/>
      <c r="E15867" s="6" t="s">
        <v>9</v>
      </c>
      <c r="F15867" s="7">
        <v>38657</v>
      </c>
      <c r="G15867" s="8">
        <v>1</v>
      </c>
      <c r="H15867" s="8">
        <v>1</v>
      </c>
      <c r="I15867" s="8">
        <v>0</v>
      </c>
      <c r="J15867" s="8">
        <v>1</v>
      </c>
      <c r="K15867" s="9">
        <v>19</v>
      </c>
      <c r="L15867" s="6" t="s">
        <v>51</v>
      </c>
    </row>
    <row r="15868" spans="1:12">
      <c r="A15868" s="6" t="s">
        <v>15677</v>
      </c>
      <c r="B15868" s="6"/>
      <c r="C15868" s="6" t="s">
        <v>15894</v>
      </c>
      <c r="D15868" s="6"/>
      <c r="E15868" s="6" t="s">
        <v>9</v>
      </c>
      <c r="F15868" s="7">
        <v>38657</v>
      </c>
      <c r="G15868" s="8">
        <v>1</v>
      </c>
      <c r="H15868" s="8">
        <v>1</v>
      </c>
      <c r="I15868" s="8">
        <v>0</v>
      </c>
      <c r="J15868" s="8">
        <v>1</v>
      </c>
      <c r="K15868" s="9">
        <v>23</v>
      </c>
      <c r="L15868" s="6" t="s">
        <v>51</v>
      </c>
    </row>
    <row r="15869" spans="1:12">
      <c r="A15869" s="6" t="s">
        <v>15677</v>
      </c>
      <c r="B15869" s="6"/>
      <c r="C15869" s="6" t="s">
        <v>15895</v>
      </c>
      <c r="D15869" s="6"/>
      <c r="E15869" s="6" t="s">
        <v>9</v>
      </c>
      <c r="F15869" s="7">
        <v>38657</v>
      </c>
      <c r="G15869" s="8">
        <v>1</v>
      </c>
      <c r="H15869" s="8">
        <v>1</v>
      </c>
      <c r="I15869" s="8">
        <v>0</v>
      </c>
      <c r="J15869" s="8">
        <v>1</v>
      </c>
      <c r="K15869" s="9">
        <v>26</v>
      </c>
      <c r="L15869" s="6" t="s">
        <v>51</v>
      </c>
    </row>
    <row r="15870" spans="1:12">
      <c r="A15870" s="6" t="s">
        <v>15677</v>
      </c>
      <c r="B15870" s="6"/>
      <c r="C15870" s="6" t="s">
        <v>15896</v>
      </c>
      <c r="D15870" s="6"/>
      <c r="E15870" s="6" t="s">
        <v>9</v>
      </c>
      <c r="F15870" s="7">
        <v>38657</v>
      </c>
      <c r="G15870" s="8">
        <v>1</v>
      </c>
      <c r="H15870" s="8">
        <v>1</v>
      </c>
      <c r="I15870" s="8">
        <v>0</v>
      </c>
      <c r="J15870" s="8">
        <v>1</v>
      </c>
      <c r="K15870" s="9">
        <v>13.22</v>
      </c>
      <c r="L15870" s="6" t="s">
        <v>51</v>
      </c>
    </row>
    <row r="15871" spans="1:12">
      <c r="A15871" s="6" t="s">
        <v>15677</v>
      </c>
      <c r="B15871" s="6"/>
      <c r="C15871" s="6" t="s">
        <v>15897</v>
      </c>
      <c r="D15871" s="6"/>
      <c r="E15871" s="6" t="s">
        <v>9</v>
      </c>
      <c r="F15871" s="7">
        <v>38657</v>
      </c>
      <c r="G15871" s="8">
        <v>1</v>
      </c>
      <c r="H15871" s="8">
        <v>1</v>
      </c>
      <c r="I15871" s="8">
        <v>0</v>
      </c>
      <c r="J15871" s="8">
        <v>1</v>
      </c>
      <c r="K15871" s="9">
        <v>49.58</v>
      </c>
      <c r="L15871" s="6" t="s">
        <v>51</v>
      </c>
    </row>
    <row r="15872" spans="1:12">
      <c r="A15872" s="6" t="s">
        <v>15677</v>
      </c>
      <c r="B15872" s="6"/>
      <c r="C15872" s="6" t="s">
        <v>15898</v>
      </c>
      <c r="D15872" s="6"/>
      <c r="E15872" s="6" t="s">
        <v>9</v>
      </c>
      <c r="F15872" s="7">
        <v>38657</v>
      </c>
      <c r="G15872" s="8">
        <v>1</v>
      </c>
      <c r="H15872" s="8">
        <v>1</v>
      </c>
      <c r="I15872" s="8">
        <v>0</v>
      </c>
      <c r="J15872" s="8">
        <v>1</v>
      </c>
      <c r="K15872" s="9">
        <v>76</v>
      </c>
      <c r="L15872" s="6" t="s">
        <v>51</v>
      </c>
    </row>
    <row r="15873" spans="1:12">
      <c r="A15873" s="6" t="s">
        <v>15677</v>
      </c>
      <c r="B15873" s="6"/>
      <c r="C15873" s="6" t="s">
        <v>15899</v>
      </c>
      <c r="D15873" s="6"/>
      <c r="E15873" s="6" t="s">
        <v>9</v>
      </c>
      <c r="F15873" s="7">
        <v>38657</v>
      </c>
      <c r="G15873" s="8">
        <v>1</v>
      </c>
      <c r="H15873" s="8">
        <v>1</v>
      </c>
      <c r="I15873" s="8">
        <v>0</v>
      </c>
      <c r="J15873" s="8">
        <v>1</v>
      </c>
      <c r="K15873" s="9">
        <v>501</v>
      </c>
      <c r="L15873" s="6" t="s">
        <v>51</v>
      </c>
    </row>
    <row r="15874" spans="1:12">
      <c r="A15874" s="6" t="s">
        <v>15677</v>
      </c>
      <c r="B15874" s="6"/>
      <c r="C15874" s="6" t="s">
        <v>15900</v>
      </c>
      <c r="D15874" s="6"/>
      <c r="E15874" s="6" t="s">
        <v>9</v>
      </c>
      <c r="F15874" s="7">
        <v>38657</v>
      </c>
      <c r="G15874" s="8">
        <v>1</v>
      </c>
      <c r="H15874" s="8">
        <v>1</v>
      </c>
      <c r="I15874" s="8">
        <v>0</v>
      </c>
      <c r="J15874" s="8">
        <v>1</v>
      </c>
      <c r="K15874" s="9">
        <v>217</v>
      </c>
      <c r="L15874" s="6" t="s">
        <v>51</v>
      </c>
    </row>
    <row r="15875" spans="1:12">
      <c r="A15875" s="6" t="s">
        <v>15677</v>
      </c>
      <c r="B15875" s="6"/>
      <c r="C15875" s="6" t="s">
        <v>15901</v>
      </c>
      <c r="D15875" s="6"/>
      <c r="E15875" s="6" t="s">
        <v>9</v>
      </c>
      <c r="F15875" s="7">
        <v>38657</v>
      </c>
      <c r="G15875" s="8">
        <v>1</v>
      </c>
      <c r="H15875" s="8">
        <v>1</v>
      </c>
      <c r="I15875" s="8">
        <v>0</v>
      </c>
      <c r="J15875" s="8">
        <v>1</v>
      </c>
      <c r="K15875" s="9">
        <v>744</v>
      </c>
      <c r="L15875" s="6" t="s">
        <v>51</v>
      </c>
    </row>
    <row r="15876" spans="1:12">
      <c r="A15876" s="6" t="s">
        <v>15677</v>
      </c>
      <c r="B15876" s="6"/>
      <c r="C15876" s="6" t="s">
        <v>15902</v>
      </c>
      <c r="D15876" s="6"/>
      <c r="E15876" s="6" t="s">
        <v>9</v>
      </c>
      <c r="F15876" s="7">
        <v>38657</v>
      </c>
      <c r="G15876" s="8">
        <v>1</v>
      </c>
      <c r="H15876" s="8">
        <v>1</v>
      </c>
      <c r="I15876" s="8">
        <v>0</v>
      </c>
      <c r="J15876" s="8">
        <v>1</v>
      </c>
      <c r="K15876" s="9">
        <v>92</v>
      </c>
      <c r="L15876" s="6" t="s">
        <v>51</v>
      </c>
    </row>
    <row r="15877" spans="1:12">
      <c r="A15877" s="6" t="s">
        <v>15677</v>
      </c>
      <c r="B15877" s="6"/>
      <c r="C15877" s="6" t="s">
        <v>15903</v>
      </c>
      <c r="D15877" s="6"/>
      <c r="E15877" s="6" t="s">
        <v>9</v>
      </c>
      <c r="F15877" s="7">
        <v>38657</v>
      </c>
      <c r="G15877" s="8">
        <v>1</v>
      </c>
      <c r="H15877" s="8">
        <v>1</v>
      </c>
      <c r="I15877" s="8">
        <v>0</v>
      </c>
      <c r="J15877" s="8">
        <v>1</v>
      </c>
      <c r="K15877" s="9">
        <v>82</v>
      </c>
      <c r="L15877" s="6" t="s">
        <v>51</v>
      </c>
    </row>
    <row r="15878" spans="1:12">
      <c r="A15878" s="6" t="s">
        <v>15677</v>
      </c>
      <c r="B15878" s="6"/>
      <c r="C15878" s="6" t="s">
        <v>15904</v>
      </c>
      <c r="D15878" s="6"/>
      <c r="E15878" s="6" t="s">
        <v>9</v>
      </c>
      <c r="F15878" s="7">
        <v>38657</v>
      </c>
      <c r="G15878" s="8">
        <v>1</v>
      </c>
      <c r="H15878" s="8">
        <v>1</v>
      </c>
      <c r="I15878" s="8">
        <v>0</v>
      </c>
      <c r="J15878" s="8">
        <v>1</v>
      </c>
      <c r="K15878" s="9">
        <v>42</v>
      </c>
      <c r="L15878" s="6" t="s">
        <v>51</v>
      </c>
    </row>
    <row r="15879" spans="1:12">
      <c r="A15879" s="6" t="s">
        <v>15677</v>
      </c>
      <c r="B15879" s="6"/>
      <c r="C15879" s="6" t="s">
        <v>15905</v>
      </c>
      <c r="D15879" s="6"/>
      <c r="E15879" s="6" t="s">
        <v>9</v>
      </c>
      <c r="F15879" s="7">
        <v>38657</v>
      </c>
      <c r="G15879" s="8">
        <v>1</v>
      </c>
      <c r="H15879" s="8">
        <v>1</v>
      </c>
      <c r="I15879" s="8">
        <v>0</v>
      </c>
      <c r="J15879" s="8">
        <v>1</v>
      </c>
      <c r="K15879" s="9">
        <v>267</v>
      </c>
      <c r="L15879" s="6" t="s">
        <v>51</v>
      </c>
    </row>
    <row r="15880" spans="1:12">
      <c r="A15880" s="6" t="s">
        <v>15677</v>
      </c>
      <c r="B15880" s="6"/>
      <c r="C15880" s="6" t="s">
        <v>15906</v>
      </c>
      <c r="D15880" s="6"/>
      <c r="E15880" s="6" t="s">
        <v>9</v>
      </c>
      <c r="F15880" s="7">
        <v>38657</v>
      </c>
      <c r="G15880" s="8">
        <v>1</v>
      </c>
      <c r="H15880" s="8">
        <v>1</v>
      </c>
      <c r="I15880" s="8">
        <v>0</v>
      </c>
      <c r="J15880" s="8">
        <v>1</v>
      </c>
      <c r="K15880" s="9">
        <v>49</v>
      </c>
      <c r="L15880" s="6" t="s">
        <v>51</v>
      </c>
    </row>
    <row r="15881" spans="1:12">
      <c r="A15881" s="6" t="s">
        <v>15677</v>
      </c>
      <c r="B15881" s="6"/>
      <c r="C15881" s="6" t="s">
        <v>15907</v>
      </c>
      <c r="D15881" s="6"/>
      <c r="E15881" s="6" t="s">
        <v>9</v>
      </c>
      <c r="F15881" s="7">
        <v>38657</v>
      </c>
      <c r="G15881" s="8">
        <v>1</v>
      </c>
      <c r="H15881" s="8">
        <v>1</v>
      </c>
      <c r="I15881" s="8">
        <v>0</v>
      </c>
      <c r="J15881" s="8">
        <v>1</v>
      </c>
      <c r="K15881" s="9">
        <v>128</v>
      </c>
      <c r="L15881" s="6" t="s">
        <v>51</v>
      </c>
    </row>
    <row r="15882" spans="1:12">
      <c r="A15882" s="6" t="s">
        <v>15677</v>
      </c>
      <c r="B15882" s="6"/>
      <c r="C15882" s="6" t="s">
        <v>15908</v>
      </c>
      <c r="D15882" s="6"/>
      <c r="E15882" s="6" t="s">
        <v>9</v>
      </c>
      <c r="F15882" s="7">
        <v>38657</v>
      </c>
      <c r="G15882" s="8">
        <v>1</v>
      </c>
      <c r="H15882" s="8">
        <v>1</v>
      </c>
      <c r="I15882" s="8">
        <v>0</v>
      </c>
      <c r="J15882" s="8">
        <v>1</v>
      </c>
      <c r="K15882" s="9">
        <v>175</v>
      </c>
      <c r="L15882" s="6" t="s">
        <v>51</v>
      </c>
    </row>
    <row r="15883" spans="1:12">
      <c r="A15883" s="6" t="s">
        <v>15677</v>
      </c>
      <c r="B15883" s="6"/>
      <c r="C15883" s="6" t="s">
        <v>15909</v>
      </c>
      <c r="D15883" s="6"/>
      <c r="E15883" s="6" t="s">
        <v>9</v>
      </c>
      <c r="F15883" s="7">
        <v>38657</v>
      </c>
      <c r="G15883" s="8">
        <v>1</v>
      </c>
      <c r="H15883" s="8">
        <v>1</v>
      </c>
      <c r="I15883" s="8">
        <v>0</v>
      </c>
      <c r="J15883" s="8">
        <v>1</v>
      </c>
      <c r="K15883" s="9">
        <v>66</v>
      </c>
      <c r="L15883" s="6" t="s">
        <v>51</v>
      </c>
    </row>
    <row r="15884" spans="1:12">
      <c r="A15884" s="6" t="s">
        <v>15677</v>
      </c>
      <c r="B15884" s="6"/>
      <c r="C15884" s="6" t="s">
        <v>15910</v>
      </c>
      <c r="D15884" s="6"/>
      <c r="E15884" s="6" t="s">
        <v>9</v>
      </c>
      <c r="F15884" s="7">
        <v>38657</v>
      </c>
      <c r="G15884" s="8">
        <v>1</v>
      </c>
      <c r="H15884" s="8">
        <v>1</v>
      </c>
      <c r="I15884" s="8">
        <v>0</v>
      </c>
      <c r="J15884" s="8">
        <v>1</v>
      </c>
      <c r="K15884" s="9">
        <v>72</v>
      </c>
      <c r="L15884" s="6" t="s">
        <v>51</v>
      </c>
    </row>
    <row r="15885" spans="1:12">
      <c r="A15885" s="6" t="s">
        <v>15677</v>
      </c>
      <c r="B15885" s="6"/>
      <c r="C15885" s="6" t="s">
        <v>15911</v>
      </c>
      <c r="D15885" s="6"/>
      <c r="E15885" s="6" t="s">
        <v>9</v>
      </c>
      <c r="F15885" s="7">
        <v>38657</v>
      </c>
      <c r="G15885" s="8">
        <v>1</v>
      </c>
      <c r="H15885" s="8">
        <v>1</v>
      </c>
      <c r="I15885" s="8">
        <v>0</v>
      </c>
      <c r="J15885" s="8">
        <v>1</v>
      </c>
      <c r="K15885" s="9">
        <v>26</v>
      </c>
      <c r="L15885" s="6" t="s">
        <v>51</v>
      </c>
    </row>
    <row r="15886" spans="1:12">
      <c r="A15886" s="6" t="s">
        <v>15677</v>
      </c>
      <c r="B15886" s="6"/>
      <c r="C15886" s="6" t="s">
        <v>15912</v>
      </c>
      <c r="D15886" s="6"/>
      <c r="E15886" s="6" t="s">
        <v>9</v>
      </c>
      <c r="F15886" s="7">
        <v>38657</v>
      </c>
      <c r="G15886" s="8">
        <v>1</v>
      </c>
      <c r="H15886" s="8">
        <v>1</v>
      </c>
      <c r="I15886" s="8">
        <v>0</v>
      </c>
      <c r="J15886" s="8">
        <v>1</v>
      </c>
      <c r="K15886" s="9">
        <v>208</v>
      </c>
      <c r="L15886" s="6" t="s">
        <v>51</v>
      </c>
    </row>
    <row r="15887" spans="1:12">
      <c r="A15887" s="6" t="s">
        <v>15677</v>
      </c>
      <c r="B15887" s="6"/>
      <c r="C15887" s="6" t="s">
        <v>15913</v>
      </c>
      <c r="D15887" s="6"/>
      <c r="E15887" s="6" t="s">
        <v>9</v>
      </c>
      <c r="F15887" s="7">
        <v>38657</v>
      </c>
      <c r="G15887" s="8">
        <v>1</v>
      </c>
      <c r="H15887" s="8">
        <v>1</v>
      </c>
      <c r="I15887" s="8">
        <v>0</v>
      </c>
      <c r="J15887" s="8">
        <v>1</v>
      </c>
      <c r="K15887" s="9">
        <v>281</v>
      </c>
      <c r="L15887" s="6" t="s">
        <v>51</v>
      </c>
    </row>
    <row r="15888" spans="1:12">
      <c r="A15888" s="6" t="s">
        <v>15677</v>
      </c>
      <c r="B15888" s="6"/>
      <c r="C15888" s="6" t="s">
        <v>15914</v>
      </c>
      <c r="D15888" s="6"/>
      <c r="E15888" s="6" t="s">
        <v>9</v>
      </c>
      <c r="F15888" s="7">
        <v>38657</v>
      </c>
      <c r="G15888" s="8">
        <v>1</v>
      </c>
      <c r="H15888" s="8">
        <v>1</v>
      </c>
      <c r="I15888" s="8">
        <v>0</v>
      </c>
      <c r="J15888" s="8">
        <v>1</v>
      </c>
      <c r="K15888" s="9">
        <v>661</v>
      </c>
      <c r="L15888" s="6" t="s">
        <v>51</v>
      </c>
    </row>
    <row r="15889" spans="1:12">
      <c r="A15889" s="6" t="s">
        <v>15677</v>
      </c>
      <c r="B15889" s="6"/>
      <c r="C15889" s="6" t="s">
        <v>15915</v>
      </c>
      <c r="D15889" s="6"/>
      <c r="E15889" s="6" t="s">
        <v>9</v>
      </c>
      <c r="F15889" s="7">
        <v>38657</v>
      </c>
      <c r="G15889" s="8">
        <v>1</v>
      </c>
      <c r="H15889" s="8">
        <v>1</v>
      </c>
      <c r="I15889" s="8">
        <v>0</v>
      </c>
      <c r="J15889" s="8">
        <v>1</v>
      </c>
      <c r="K15889" s="9">
        <v>179</v>
      </c>
      <c r="L15889" s="6" t="s">
        <v>51</v>
      </c>
    </row>
    <row r="15890" spans="1:12">
      <c r="A15890" s="6" t="s">
        <v>15677</v>
      </c>
      <c r="B15890" s="6"/>
      <c r="C15890" s="6" t="s">
        <v>15916</v>
      </c>
      <c r="D15890" s="6"/>
      <c r="E15890" s="6" t="s">
        <v>9</v>
      </c>
      <c r="F15890" s="7">
        <v>38657</v>
      </c>
      <c r="G15890" s="8">
        <v>1</v>
      </c>
      <c r="H15890" s="8">
        <v>1</v>
      </c>
      <c r="I15890" s="8">
        <v>0</v>
      </c>
      <c r="J15890" s="8">
        <v>1</v>
      </c>
      <c r="K15890" s="9">
        <v>76</v>
      </c>
      <c r="L15890" s="6" t="s">
        <v>51</v>
      </c>
    </row>
    <row r="15891" spans="1:12">
      <c r="A15891" s="6" t="s">
        <v>15677</v>
      </c>
      <c r="B15891" s="6"/>
      <c r="C15891" s="6" t="s">
        <v>15917</v>
      </c>
      <c r="D15891" s="6"/>
      <c r="E15891" s="6" t="s">
        <v>9</v>
      </c>
      <c r="F15891" s="7">
        <v>38657</v>
      </c>
      <c r="G15891" s="8">
        <v>1</v>
      </c>
      <c r="H15891" s="8">
        <v>1</v>
      </c>
      <c r="I15891" s="8">
        <v>0</v>
      </c>
      <c r="J15891" s="8">
        <v>1</v>
      </c>
      <c r="K15891" s="9">
        <v>158</v>
      </c>
      <c r="L15891" s="6" t="s">
        <v>51</v>
      </c>
    </row>
    <row r="15892" spans="1:12">
      <c r="A15892" s="6" t="s">
        <v>15677</v>
      </c>
      <c r="B15892" s="6"/>
      <c r="C15892" s="6" t="s">
        <v>15918</v>
      </c>
      <c r="D15892" s="6"/>
      <c r="E15892" s="6" t="s">
        <v>9</v>
      </c>
      <c r="F15892" s="7">
        <v>38657</v>
      </c>
      <c r="G15892" s="8">
        <v>1</v>
      </c>
      <c r="H15892" s="8">
        <v>1</v>
      </c>
      <c r="I15892" s="8">
        <v>0</v>
      </c>
      <c r="J15892" s="8">
        <v>1</v>
      </c>
      <c r="K15892" s="9">
        <v>3.25</v>
      </c>
      <c r="L15892" s="6" t="s">
        <v>51</v>
      </c>
    </row>
    <row r="15893" spans="1:12">
      <c r="A15893" s="6" t="s">
        <v>15677</v>
      </c>
      <c r="B15893" s="6"/>
      <c r="C15893" s="6" t="s">
        <v>15919</v>
      </c>
      <c r="D15893" s="6"/>
      <c r="E15893" s="6" t="s">
        <v>9</v>
      </c>
      <c r="F15893" s="7">
        <v>38657</v>
      </c>
      <c r="G15893" s="8">
        <v>1</v>
      </c>
      <c r="H15893" s="8">
        <v>1</v>
      </c>
      <c r="I15893" s="8">
        <v>0</v>
      </c>
      <c r="J15893" s="8">
        <v>1</v>
      </c>
      <c r="K15893" s="9">
        <v>224</v>
      </c>
      <c r="L15893" s="6" t="s">
        <v>51</v>
      </c>
    </row>
    <row r="15894" spans="1:12">
      <c r="A15894" s="6" t="s">
        <v>15677</v>
      </c>
      <c r="B15894" s="6"/>
      <c r="C15894" s="6" t="s">
        <v>15920</v>
      </c>
      <c r="D15894" s="6"/>
      <c r="E15894" s="6" t="s">
        <v>9</v>
      </c>
      <c r="F15894" s="7">
        <v>38657</v>
      </c>
      <c r="G15894" s="8">
        <v>1</v>
      </c>
      <c r="H15894" s="8">
        <v>1</v>
      </c>
      <c r="I15894" s="8">
        <v>0</v>
      </c>
      <c r="J15894" s="8">
        <v>1</v>
      </c>
      <c r="K15894" s="9">
        <v>17.48</v>
      </c>
      <c r="L15894" s="6" t="s">
        <v>51</v>
      </c>
    </row>
    <row r="15895" spans="1:12">
      <c r="A15895" s="6" t="s">
        <v>15677</v>
      </c>
      <c r="B15895" s="6"/>
      <c r="C15895" s="6" t="s">
        <v>15921</v>
      </c>
      <c r="D15895" s="6"/>
      <c r="E15895" s="6" t="s">
        <v>9</v>
      </c>
      <c r="F15895" s="7">
        <v>38657</v>
      </c>
      <c r="G15895" s="8">
        <v>1</v>
      </c>
      <c r="H15895" s="8">
        <v>1</v>
      </c>
      <c r="I15895" s="8">
        <v>0</v>
      </c>
      <c r="J15895" s="8">
        <v>1</v>
      </c>
      <c r="K15895" s="9">
        <v>18.170000000000002</v>
      </c>
      <c r="L15895" s="6" t="s">
        <v>51</v>
      </c>
    </row>
    <row r="15896" spans="1:12">
      <c r="A15896" s="6" t="s">
        <v>15677</v>
      </c>
      <c r="B15896" s="6"/>
      <c r="C15896" s="6" t="s">
        <v>15922</v>
      </c>
      <c r="D15896" s="6"/>
      <c r="E15896" s="6" t="s">
        <v>9</v>
      </c>
      <c r="F15896" s="7">
        <v>38657</v>
      </c>
      <c r="G15896" s="8">
        <v>1</v>
      </c>
      <c r="H15896" s="8">
        <v>1</v>
      </c>
      <c r="I15896" s="8">
        <v>0</v>
      </c>
      <c r="J15896" s="8">
        <v>1</v>
      </c>
      <c r="K15896" s="9">
        <v>29.93</v>
      </c>
      <c r="L15896" s="6" t="s">
        <v>51</v>
      </c>
    </row>
    <row r="15897" spans="1:12">
      <c r="A15897" s="6" t="s">
        <v>15677</v>
      </c>
      <c r="B15897" s="6"/>
      <c r="C15897" s="6" t="s">
        <v>15923</v>
      </c>
      <c r="D15897" s="6"/>
      <c r="E15897" s="6" t="s">
        <v>9</v>
      </c>
      <c r="F15897" s="7">
        <v>38657</v>
      </c>
      <c r="G15897" s="8">
        <v>1</v>
      </c>
      <c r="H15897" s="8">
        <v>1</v>
      </c>
      <c r="I15897" s="8">
        <v>0</v>
      </c>
      <c r="J15897" s="8">
        <v>1</v>
      </c>
      <c r="K15897" s="9">
        <v>29.72</v>
      </c>
      <c r="L15897" s="6" t="s">
        <v>51</v>
      </c>
    </row>
    <row r="15898" spans="1:12">
      <c r="A15898" s="6" t="s">
        <v>15677</v>
      </c>
      <c r="B15898" s="6"/>
      <c r="C15898" s="6" t="s">
        <v>15924</v>
      </c>
      <c r="D15898" s="6"/>
      <c r="E15898" s="6" t="s">
        <v>9</v>
      </c>
      <c r="F15898" s="7">
        <v>38657</v>
      </c>
      <c r="G15898" s="8">
        <v>1</v>
      </c>
      <c r="H15898" s="8">
        <v>1</v>
      </c>
      <c r="I15898" s="8">
        <v>0</v>
      </c>
      <c r="J15898" s="8">
        <v>1</v>
      </c>
      <c r="K15898" s="9">
        <v>85</v>
      </c>
      <c r="L15898" s="6" t="s">
        <v>51</v>
      </c>
    </row>
    <row r="15899" spans="1:12">
      <c r="A15899" s="6" t="s">
        <v>15677</v>
      </c>
      <c r="B15899" s="6"/>
      <c r="C15899" s="6" t="s">
        <v>15925</v>
      </c>
      <c r="D15899" s="6"/>
      <c r="E15899" s="6" t="s">
        <v>9</v>
      </c>
      <c r="F15899" s="7">
        <v>38657</v>
      </c>
      <c r="G15899" s="8">
        <v>1</v>
      </c>
      <c r="H15899" s="8">
        <v>1</v>
      </c>
      <c r="I15899" s="8">
        <v>0</v>
      </c>
      <c r="J15899" s="8">
        <v>1</v>
      </c>
      <c r="K15899" s="9">
        <v>152</v>
      </c>
      <c r="L15899" s="6" t="s">
        <v>51</v>
      </c>
    </row>
    <row r="15900" spans="1:12">
      <c r="A15900" s="6" t="s">
        <v>15677</v>
      </c>
      <c r="B15900" s="6"/>
      <c r="C15900" s="6" t="s">
        <v>15926</v>
      </c>
      <c r="D15900" s="6"/>
      <c r="E15900" s="6" t="s">
        <v>9</v>
      </c>
      <c r="F15900" s="7">
        <v>38657</v>
      </c>
      <c r="G15900" s="8">
        <v>1</v>
      </c>
      <c r="H15900" s="8">
        <v>1</v>
      </c>
      <c r="I15900" s="8">
        <v>0</v>
      </c>
      <c r="J15900" s="8">
        <v>1</v>
      </c>
      <c r="K15900" s="9">
        <v>71</v>
      </c>
      <c r="L15900" s="6" t="s">
        <v>51</v>
      </c>
    </row>
    <row r="15901" spans="1:12">
      <c r="A15901" s="6" t="s">
        <v>15677</v>
      </c>
      <c r="B15901" s="6"/>
      <c r="C15901" s="6" t="s">
        <v>15927</v>
      </c>
      <c r="D15901" s="6"/>
      <c r="E15901" s="6" t="s">
        <v>9</v>
      </c>
      <c r="F15901" s="7">
        <v>38657</v>
      </c>
      <c r="G15901" s="8">
        <v>1</v>
      </c>
      <c r="H15901" s="8">
        <v>1</v>
      </c>
      <c r="I15901" s="8">
        <v>0</v>
      </c>
      <c r="J15901" s="8">
        <v>1</v>
      </c>
      <c r="K15901" s="9">
        <v>76</v>
      </c>
      <c r="L15901" s="6" t="s">
        <v>51</v>
      </c>
    </row>
    <row r="15902" spans="1:12">
      <c r="A15902" s="6" t="s">
        <v>15677</v>
      </c>
      <c r="B15902" s="6"/>
      <c r="C15902" s="6" t="s">
        <v>15928</v>
      </c>
      <c r="D15902" s="6"/>
      <c r="E15902" s="6" t="s">
        <v>9</v>
      </c>
      <c r="F15902" s="7">
        <v>38657</v>
      </c>
      <c r="G15902" s="8">
        <v>1</v>
      </c>
      <c r="H15902" s="8">
        <v>1</v>
      </c>
      <c r="I15902" s="8">
        <v>0</v>
      </c>
      <c r="J15902" s="8">
        <v>1</v>
      </c>
      <c r="K15902" s="9">
        <v>37</v>
      </c>
      <c r="L15902" s="6" t="s">
        <v>51</v>
      </c>
    </row>
    <row r="15903" spans="1:12">
      <c r="A15903" s="6" t="s">
        <v>15677</v>
      </c>
      <c r="B15903" s="6"/>
      <c r="C15903" s="6" t="s">
        <v>15929</v>
      </c>
      <c r="D15903" s="6"/>
      <c r="E15903" s="6" t="s">
        <v>9</v>
      </c>
      <c r="F15903" s="7">
        <v>38657</v>
      </c>
      <c r="G15903" s="8">
        <v>1</v>
      </c>
      <c r="H15903" s="8">
        <v>1</v>
      </c>
      <c r="I15903" s="8">
        <v>0</v>
      </c>
      <c r="J15903" s="8">
        <v>1</v>
      </c>
      <c r="K15903" s="9">
        <v>59</v>
      </c>
      <c r="L15903" s="6" t="s">
        <v>51</v>
      </c>
    </row>
    <row r="15904" spans="1:12">
      <c r="A15904" s="6" t="s">
        <v>15677</v>
      </c>
      <c r="B15904" s="6"/>
      <c r="C15904" s="6" t="s">
        <v>15930</v>
      </c>
      <c r="D15904" s="6"/>
      <c r="E15904" s="6" t="s">
        <v>9</v>
      </c>
      <c r="F15904" s="7">
        <v>38657</v>
      </c>
      <c r="G15904" s="8">
        <v>1</v>
      </c>
      <c r="H15904" s="8">
        <v>1</v>
      </c>
      <c r="I15904" s="8">
        <v>0</v>
      </c>
      <c r="J15904" s="8">
        <v>1</v>
      </c>
      <c r="K15904" s="9">
        <v>101</v>
      </c>
      <c r="L15904" s="6" t="s">
        <v>51</v>
      </c>
    </row>
    <row r="15905" spans="1:12">
      <c r="A15905" s="6" t="s">
        <v>15677</v>
      </c>
      <c r="B15905" s="6"/>
      <c r="C15905" s="6" t="s">
        <v>15931</v>
      </c>
      <c r="D15905" s="6"/>
      <c r="E15905" s="6" t="s">
        <v>9</v>
      </c>
      <c r="F15905" s="7">
        <v>38657</v>
      </c>
      <c r="G15905" s="8">
        <v>1</v>
      </c>
      <c r="H15905" s="8">
        <v>1</v>
      </c>
      <c r="I15905" s="8">
        <v>0</v>
      </c>
      <c r="J15905" s="8">
        <v>1</v>
      </c>
      <c r="K15905" s="9">
        <v>125</v>
      </c>
      <c r="L15905" s="6" t="s">
        <v>51</v>
      </c>
    </row>
    <row r="15906" spans="1:12">
      <c r="A15906" s="6" t="s">
        <v>15677</v>
      </c>
      <c r="B15906" s="6"/>
      <c r="C15906" s="6" t="s">
        <v>15932</v>
      </c>
      <c r="D15906" s="6"/>
      <c r="E15906" s="6" t="s">
        <v>9</v>
      </c>
      <c r="F15906" s="7">
        <v>38657</v>
      </c>
      <c r="G15906" s="8">
        <v>1</v>
      </c>
      <c r="H15906" s="8">
        <v>1</v>
      </c>
      <c r="I15906" s="8">
        <v>0</v>
      </c>
      <c r="J15906" s="8">
        <v>1</v>
      </c>
      <c r="K15906" s="9">
        <v>34</v>
      </c>
      <c r="L15906" s="6" t="s">
        <v>51</v>
      </c>
    </row>
    <row r="15907" spans="1:12">
      <c r="A15907" s="6" t="s">
        <v>15677</v>
      </c>
      <c r="B15907" s="6"/>
      <c r="C15907" s="6" t="s">
        <v>15933</v>
      </c>
      <c r="D15907" s="6"/>
      <c r="E15907" s="6" t="s">
        <v>9</v>
      </c>
      <c r="F15907" s="7">
        <v>38657</v>
      </c>
      <c r="G15907" s="8">
        <v>1</v>
      </c>
      <c r="H15907" s="8">
        <v>1</v>
      </c>
      <c r="I15907" s="8">
        <v>0</v>
      </c>
      <c r="J15907" s="8">
        <v>1</v>
      </c>
      <c r="K15907" s="9">
        <v>70</v>
      </c>
      <c r="L15907" s="6" t="s">
        <v>51</v>
      </c>
    </row>
    <row r="15908" spans="1:12">
      <c r="A15908" s="6" t="s">
        <v>15677</v>
      </c>
      <c r="B15908" s="6"/>
      <c r="C15908" s="6" t="s">
        <v>15934</v>
      </c>
      <c r="D15908" s="6"/>
      <c r="E15908" s="6" t="s">
        <v>9</v>
      </c>
      <c r="F15908" s="7">
        <v>38657</v>
      </c>
      <c r="G15908" s="8">
        <v>1</v>
      </c>
      <c r="H15908" s="8">
        <v>1</v>
      </c>
      <c r="I15908" s="8">
        <v>0</v>
      </c>
      <c r="J15908" s="8">
        <v>1</v>
      </c>
      <c r="K15908" s="9">
        <v>339</v>
      </c>
      <c r="L15908" s="6" t="s">
        <v>51</v>
      </c>
    </row>
    <row r="15909" spans="1:12">
      <c r="A15909" s="6" t="s">
        <v>15677</v>
      </c>
      <c r="B15909" s="6"/>
      <c r="C15909" s="6" t="s">
        <v>15935</v>
      </c>
      <c r="D15909" s="6"/>
      <c r="E15909" s="6" t="s">
        <v>9</v>
      </c>
      <c r="F15909" s="7">
        <v>38657</v>
      </c>
      <c r="G15909" s="8">
        <v>1</v>
      </c>
      <c r="H15909" s="8">
        <v>1</v>
      </c>
      <c r="I15909" s="8">
        <v>0</v>
      </c>
      <c r="J15909" s="8">
        <v>1</v>
      </c>
      <c r="K15909" s="9">
        <v>14</v>
      </c>
      <c r="L15909" s="6" t="s">
        <v>51</v>
      </c>
    </row>
    <row r="15910" spans="1:12">
      <c r="A15910" s="6" t="s">
        <v>15677</v>
      </c>
      <c r="B15910" s="6"/>
      <c r="C15910" s="6" t="s">
        <v>15936</v>
      </c>
      <c r="D15910" s="6"/>
      <c r="E15910" s="6" t="s">
        <v>9</v>
      </c>
      <c r="F15910" s="7">
        <v>38657</v>
      </c>
      <c r="G15910" s="8">
        <v>1</v>
      </c>
      <c r="H15910" s="8">
        <v>1</v>
      </c>
      <c r="I15910" s="8">
        <v>0</v>
      </c>
      <c r="J15910" s="8">
        <v>1</v>
      </c>
      <c r="K15910" s="9">
        <v>162</v>
      </c>
      <c r="L15910" s="6" t="s">
        <v>51</v>
      </c>
    </row>
    <row r="15911" spans="1:12">
      <c r="A15911" s="6" t="s">
        <v>15677</v>
      </c>
      <c r="B15911" s="6"/>
      <c r="C15911" s="6" t="s">
        <v>15937</v>
      </c>
      <c r="D15911" s="6"/>
      <c r="E15911" s="6" t="s">
        <v>9</v>
      </c>
      <c r="F15911" s="7">
        <v>38657</v>
      </c>
      <c r="G15911" s="8">
        <v>1</v>
      </c>
      <c r="H15911" s="8">
        <v>1</v>
      </c>
      <c r="I15911" s="8">
        <v>0</v>
      </c>
      <c r="J15911" s="8">
        <v>1</v>
      </c>
      <c r="K15911" s="9">
        <v>113</v>
      </c>
      <c r="L15911" s="6" t="s">
        <v>51</v>
      </c>
    </row>
    <row r="15912" spans="1:12">
      <c r="A15912" s="6" t="s">
        <v>15677</v>
      </c>
      <c r="B15912" s="6"/>
      <c r="C15912" s="6" t="s">
        <v>15938</v>
      </c>
      <c r="D15912" s="6"/>
      <c r="E15912" s="6" t="s">
        <v>9</v>
      </c>
      <c r="F15912" s="7">
        <v>38657</v>
      </c>
      <c r="G15912" s="8">
        <v>1</v>
      </c>
      <c r="H15912" s="8">
        <v>1</v>
      </c>
      <c r="I15912" s="8">
        <v>0</v>
      </c>
      <c r="J15912" s="8">
        <v>1</v>
      </c>
      <c r="K15912" s="9">
        <v>587</v>
      </c>
      <c r="L15912" s="6" t="s">
        <v>51</v>
      </c>
    </row>
    <row r="15913" spans="1:12">
      <c r="A15913" s="6" t="s">
        <v>15677</v>
      </c>
      <c r="B15913" s="6"/>
      <c r="C15913" s="6" t="s">
        <v>15939</v>
      </c>
      <c r="D15913" s="6"/>
      <c r="E15913" s="6" t="s">
        <v>9</v>
      </c>
      <c r="F15913" s="7">
        <v>38657</v>
      </c>
      <c r="G15913" s="8">
        <v>1</v>
      </c>
      <c r="H15913" s="8">
        <v>1</v>
      </c>
      <c r="I15913" s="8">
        <v>0</v>
      </c>
      <c r="J15913" s="8">
        <v>1</v>
      </c>
      <c r="K15913" s="9">
        <v>157</v>
      </c>
      <c r="L15913" s="6" t="s">
        <v>51</v>
      </c>
    </row>
    <row r="15914" spans="1:12">
      <c r="A15914" s="6" t="s">
        <v>15677</v>
      </c>
      <c r="B15914" s="6"/>
      <c r="C15914" s="6" t="s">
        <v>15940</v>
      </c>
      <c r="D15914" s="6"/>
      <c r="E15914" s="6" t="s">
        <v>9</v>
      </c>
      <c r="F15914" s="7">
        <v>38657</v>
      </c>
      <c r="G15914" s="8">
        <v>1</v>
      </c>
      <c r="H15914" s="8">
        <v>1</v>
      </c>
      <c r="I15914" s="8">
        <v>0</v>
      </c>
      <c r="J15914" s="8">
        <v>1</v>
      </c>
      <c r="K15914" s="9">
        <v>37</v>
      </c>
      <c r="L15914" s="6" t="s">
        <v>51</v>
      </c>
    </row>
    <row r="15915" spans="1:12">
      <c r="A15915" s="6" t="s">
        <v>15677</v>
      </c>
      <c r="B15915" s="6"/>
      <c r="C15915" s="6" t="s">
        <v>15941</v>
      </c>
      <c r="D15915" s="6"/>
      <c r="E15915" s="6" t="s">
        <v>9</v>
      </c>
      <c r="F15915" s="7">
        <v>38657</v>
      </c>
      <c r="G15915" s="8">
        <v>1</v>
      </c>
      <c r="H15915" s="8">
        <v>1</v>
      </c>
      <c r="I15915" s="8">
        <v>0</v>
      </c>
      <c r="J15915" s="8">
        <v>1</v>
      </c>
      <c r="K15915" s="9">
        <v>19</v>
      </c>
      <c r="L15915" s="6" t="s">
        <v>51</v>
      </c>
    </row>
    <row r="15916" spans="1:12">
      <c r="A15916" s="6" t="s">
        <v>15677</v>
      </c>
      <c r="B15916" s="6"/>
      <c r="C15916" s="6" t="s">
        <v>15942</v>
      </c>
      <c r="D15916" s="6"/>
      <c r="E15916" s="6" t="s">
        <v>9</v>
      </c>
      <c r="F15916" s="7">
        <v>38657</v>
      </c>
      <c r="G15916" s="8">
        <v>1</v>
      </c>
      <c r="H15916" s="8">
        <v>1</v>
      </c>
      <c r="I15916" s="8">
        <v>0</v>
      </c>
      <c r="J15916" s="8">
        <v>1</v>
      </c>
      <c r="K15916" s="9">
        <v>164</v>
      </c>
      <c r="L15916" s="6" t="s">
        <v>51</v>
      </c>
    </row>
    <row r="15917" spans="1:12">
      <c r="A15917" s="6" t="s">
        <v>15677</v>
      </c>
      <c r="B15917" s="6"/>
      <c r="C15917" s="6" t="s">
        <v>15943</v>
      </c>
      <c r="D15917" s="6"/>
      <c r="E15917" s="6" t="s">
        <v>9</v>
      </c>
      <c r="F15917" s="7">
        <v>38657</v>
      </c>
      <c r="G15917" s="8">
        <v>1</v>
      </c>
      <c r="H15917" s="8">
        <v>1</v>
      </c>
      <c r="I15917" s="8">
        <v>0</v>
      </c>
      <c r="J15917" s="8">
        <v>1</v>
      </c>
      <c r="K15917" s="9">
        <v>66</v>
      </c>
      <c r="L15917" s="6" t="s">
        <v>51</v>
      </c>
    </row>
    <row r="15918" spans="1:12">
      <c r="A15918" s="6" t="s">
        <v>15677</v>
      </c>
      <c r="B15918" s="6"/>
      <c r="C15918" s="6" t="s">
        <v>15944</v>
      </c>
      <c r="D15918" s="6"/>
      <c r="E15918" s="6" t="s">
        <v>9</v>
      </c>
      <c r="F15918" s="7">
        <v>38657</v>
      </c>
      <c r="G15918" s="8">
        <v>1</v>
      </c>
      <c r="H15918" s="8">
        <v>1</v>
      </c>
      <c r="I15918" s="8">
        <v>0</v>
      </c>
      <c r="J15918" s="8">
        <v>1</v>
      </c>
      <c r="K15918" s="9">
        <v>224</v>
      </c>
      <c r="L15918" s="6" t="s">
        <v>51</v>
      </c>
    </row>
    <row r="15919" spans="1:12">
      <c r="A15919" s="6" t="s">
        <v>15677</v>
      </c>
      <c r="B15919" s="6"/>
      <c r="C15919" s="6" t="s">
        <v>15945</v>
      </c>
      <c r="D15919" s="6"/>
      <c r="E15919" s="6" t="s">
        <v>9</v>
      </c>
      <c r="F15919" s="7">
        <v>38657</v>
      </c>
      <c r="G15919" s="8">
        <v>1</v>
      </c>
      <c r="H15919" s="8">
        <v>1</v>
      </c>
      <c r="I15919" s="8">
        <v>0</v>
      </c>
      <c r="J15919" s="8">
        <v>1</v>
      </c>
      <c r="K15919" s="9">
        <v>92</v>
      </c>
      <c r="L15919" s="6" t="s">
        <v>51</v>
      </c>
    </row>
    <row r="15920" spans="1:12">
      <c r="A15920" s="6" t="s">
        <v>15677</v>
      </c>
      <c r="B15920" s="6"/>
      <c r="C15920" s="6" t="s">
        <v>15946</v>
      </c>
      <c r="D15920" s="6"/>
      <c r="E15920" s="6" t="s">
        <v>9</v>
      </c>
      <c r="F15920" s="7">
        <v>38657</v>
      </c>
      <c r="G15920" s="8">
        <v>1</v>
      </c>
      <c r="H15920" s="8">
        <v>1</v>
      </c>
      <c r="I15920" s="8">
        <v>0</v>
      </c>
      <c r="J15920" s="8">
        <v>1</v>
      </c>
      <c r="K15920" s="9">
        <v>205</v>
      </c>
      <c r="L15920" s="6" t="s">
        <v>51</v>
      </c>
    </row>
    <row r="15921" spans="1:12">
      <c r="A15921" s="6" t="s">
        <v>15677</v>
      </c>
      <c r="B15921" s="6"/>
      <c r="C15921" s="6" t="s">
        <v>15947</v>
      </c>
      <c r="D15921" s="6"/>
      <c r="E15921" s="6" t="s">
        <v>9</v>
      </c>
      <c r="F15921" s="7">
        <v>38657</v>
      </c>
      <c r="G15921" s="8">
        <v>1</v>
      </c>
      <c r="H15921" s="8">
        <v>1</v>
      </c>
      <c r="I15921" s="8">
        <v>0</v>
      </c>
      <c r="J15921" s="8">
        <v>1</v>
      </c>
      <c r="K15921" s="9">
        <v>22</v>
      </c>
      <c r="L15921" s="6" t="s">
        <v>51</v>
      </c>
    </row>
    <row r="15922" spans="1:12">
      <c r="A15922" s="6" t="s">
        <v>15677</v>
      </c>
      <c r="B15922" s="6"/>
      <c r="C15922" s="6" t="s">
        <v>15948</v>
      </c>
      <c r="D15922" s="6"/>
      <c r="E15922" s="6" t="s">
        <v>9</v>
      </c>
      <c r="F15922" s="7">
        <v>38657</v>
      </c>
      <c r="G15922" s="8">
        <v>1</v>
      </c>
      <c r="H15922" s="8">
        <v>1</v>
      </c>
      <c r="I15922" s="8">
        <v>0</v>
      </c>
      <c r="J15922" s="8">
        <v>1</v>
      </c>
      <c r="K15922" s="9">
        <v>21</v>
      </c>
      <c r="L15922" s="6" t="s">
        <v>51</v>
      </c>
    </row>
    <row r="15923" spans="1:12">
      <c r="A15923" s="6" t="s">
        <v>15677</v>
      </c>
      <c r="B15923" s="6"/>
      <c r="C15923" s="6" t="s">
        <v>15949</v>
      </c>
      <c r="D15923" s="6"/>
      <c r="E15923" s="6" t="s">
        <v>9</v>
      </c>
      <c r="F15923" s="7">
        <v>38657</v>
      </c>
      <c r="G15923" s="8">
        <v>1</v>
      </c>
      <c r="H15923" s="8">
        <v>1</v>
      </c>
      <c r="I15923" s="8">
        <v>0</v>
      </c>
      <c r="J15923" s="8">
        <v>1</v>
      </c>
      <c r="K15923" s="9">
        <v>3.02</v>
      </c>
      <c r="L15923" s="6" t="s">
        <v>51</v>
      </c>
    </row>
    <row r="15924" spans="1:12">
      <c r="A15924" s="6" t="s">
        <v>15677</v>
      </c>
      <c r="B15924" s="6"/>
      <c r="C15924" s="6" t="s">
        <v>15950</v>
      </c>
      <c r="D15924" s="6"/>
      <c r="E15924" s="6" t="s">
        <v>9</v>
      </c>
      <c r="F15924" s="7">
        <v>38657</v>
      </c>
      <c r="G15924" s="8">
        <v>1</v>
      </c>
      <c r="H15924" s="8">
        <v>1</v>
      </c>
      <c r="I15924" s="8">
        <v>0</v>
      </c>
      <c r="J15924" s="8">
        <v>1</v>
      </c>
      <c r="K15924" s="9">
        <v>9.61</v>
      </c>
      <c r="L15924" s="6" t="s">
        <v>51</v>
      </c>
    </row>
    <row r="15925" spans="1:12">
      <c r="A15925" s="6" t="s">
        <v>15677</v>
      </c>
      <c r="B15925" s="6"/>
      <c r="C15925" s="6" t="s">
        <v>15951</v>
      </c>
      <c r="D15925" s="6"/>
      <c r="E15925" s="6" t="s">
        <v>9</v>
      </c>
      <c r="F15925" s="7">
        <v>38657</v>
      </c>
      <c r="G15925" s="8">
        <v>1</v>
      </c>
      <c r="H15925" s="8">
        <v>1</v>
      </c>
      <c r="I15925" s="8">
        <v>0</v>
      </c>
      <c r="J15925" s="8">
        <v>1</v>
      </c>
      <c r="K15925" s="9">
        <v>2.91</v>
      </c>
      <c r="L15925" s="6" t="s">
        <v>51</v>
      </c>
    </row>
    <row r="15926" spans="1:12">
      <c r="A15926" s="6" t="s">
        <v>15677</v>
      </c>
      <c r="B15926" s="6"/>
      <c r="C15926" s="6" t="s">
        <v>15952</v>
      </c>
      <c r="D15926" s="6"/>
      <c r="E15926" s="6" t="s">
        <v>9</v>
      </c>
      <c r="F15926" s="7">
        <v>38657</v>
      </c>
      <c r="G15926" s="8">
        <v>1</v>
      </c>
      <c r="H15926" s="8">
        <v>1</v>
      </c>
      <c r="I15926" s="8">
        <v>0</v>
      </c>
      <c r="J15926" s="8">
        <v>1</v>
      </c>
      <c r="K15926" s="9">
        <v>6.61</v>
      </c>
      <c r="L15926" s="6" t="s">
        <v>51</v>
      </c>
    </row>
    <row r="15927" spans="1:12">
      <c r="A15927" s="6" t="s">
        <v>15677</v>
      </c>
      <c r="B15927" s="6"/>
      <c r="C15927" s="6" t="s">
        <v>15953</v>
      </c>
      <c r="D15927" s="6"/>
      <c r="E15927" s="6" t="s">
        <v>9</v>
      </c>
      <c r="F15927" s="7">
        <v>38657</v>
      </c>
      <c r="G15927" s="8">
        <v>1</v>
      </c>
      <c r="H15927" s="8">
        <v>1</v>
      </c>
      <c r="I15927" s="8">
        <v>0</v>
      </c>
      <c r="J15927" s="8">
        <v>1</v>
      </c>
      <c r="K15927" s="9">
        <v>39</v>
      </c>
      <c r="L15927" s="6" t="s">
        <v>51</v>
      </c>
    </row>
    <row r="15928" spans="1:12">
      <c r="A15928" s="6" t="s">
        <v>15677</v>
      </c>
      <c r="B15928" s="6"/>
      <c r="C15928" s="6" t="s">
        <v>15954</v>
      </c>
      <c r="D15928" s="6"/>
      <c r="E15928" s="6" t="s">
        <v>9</v>
      </c>
      <c r="F15928" s="7">
        <v>38657</v>
      </c>
      <c r="G15928" s="8">
        <v>1</v>
      </c>
      <c r="H15928" s="8">
        <v>1</v>
      </c>
      <c r="I15928" s="8">
        <v>0</v>
      </c>
      <c r="J15928" s="8">
        <v>1</v>
      </c>
      <c r="K15928" s="9">
        <v>3.3</v>
      </c>
      <c r="L15928" s="6" t="s">
        <v>51</v>
      </c>
    </row>
    <row r="15929" spans="1:12">
      <c r="A15929" s="6" t="s">
        <v>15677</v>
      </c>
      <c r="B15929" s="6"/>
      <c r="C15929" s="6" t="s">
        <v>15955</v>
      </c>
      <c r="D15929" s="6"/>
      <c r="E15929" s="6" t="s">
        <v>9</v>
      </c>
      <c r="F15929" s="7">
        <v>38657</v>
      </c>
      <c r="G15929" s="8">
        <v>1</v>
      </c>
      <c r="H15929" s="8">
        <v>1</v>
      </c>
      <c r="I15929" s="8">
        <v>0</v>
      </c>
      <c r="J15929" s="8">
        <v>1</v>
      </c>
      <c r="K15929" s="9">
        <v>111</v>
      </c>
      <c r="L15929" s="6" t="s">
        <v>51</v>
      </c>
    </row>
    <row r="15930" spans="1:12">
      <c r="A15930" s="6" t="s">
        <v>15677</v>
      </c>
      <c r="B15930" s="6"/>
      <c r="C15930" s="6" t="s">
        <v>15956</v>
      </c>
      <c r="D15930" s="6"/>
      <c r="E15930" s="6" t="s">
        <v>9</v>
      </c>
      <c r="F15930" s="7">
        <v>38657</v>
      </c>
      <c r="G15930" s="8">
        <v>1</v>
      </c>
      <c r="H15930" s="8">
        <v>1</v>
      </c>
      <c r="I15930" s="8">
        <v>0</v>
      </c>
      <c r="J15930" s="8">
        <v>1</v>
      </c>
      <c r="K15930" s="9">
        <v>62</v>
      </c>
      <c r="L15930" s="6" t="s">
        <v>51</v>
      </c>
    </row>
    <row r="15931" spans="1:12">
      <c r="A15931" s="6" t="s">
        <v>15677</v>
      </c>
      <c r="B15931" s="6"/>
      <c r="C15931" s="6" t="s">
        <v>15957</v>
      </c>
      <c r="D15931" s="6"/>
      <c r="E15931" s="6" t="s">
        <v>9</v>
      </c>
      <c r="F15931" s="7">
        <v>38657</v>
      </c>
      <c r="G15931" s="8">
        <v>1</v>
      </c>
      <c r="H15931" s="8">
        <v>1</v>
      </c>
      <c r="I15931" s="8">
        <v>0</v>
      </c>
      <c r="J15931" s="8">
        <v>1</v>
      </c>
      <c r="K15931" s="9">
        <v>17</v>
      </c>
      <c r="L15931" s="6" t="s">
        <v>51</v>
      </c>
    </row>
    <row r="15932" spans="1:12">
      <c r="A15932" s="6" t="s">
        <v>15677</v>
      </c>
      <c r="B15932" s="6"/>
      <c r="C15932" s="6" t="s">
        <v>15958</v>
      </c>
      <c r="D15932" s="6"/>
      <c r="E15932" s="6" t="s">
        <v>9</v>
      </c>
      <c r="F15932" s="7">
        <v>38657</v>
      </c>
      <c r="G15932" s="8">
        <v>1</v>
      </c>
      <c r="H15932" s="8">
        <v>1</v>
      </c>
      <c r="I15932" s="8">
        <v>0</v>
      </c>
      <c r="J15932" s="8">
        <v>1</v>
      </c>
      <c r="K15932" s="9">
        <v>100</v>
      </c>
      <c r="L15932" s="6" t="s">
        <v>51</v>
      </c>
    </row>
    <row r="15933" spans="1:12">
      <c r="A15933" s="6" t="s">
        <v>15677</v>
      </c>
      <c r="B15933" s="6"/>
      <c r="C15933" s="6" t="s">
        <v>15959</v>
      </c>
      <c r="D15933" s="6"/>
      <c r="E15933" s="6" t="s">
        <v>9</v>
      </c>
      <c r="F15933" s="7">
        <v>38657</v>
      </c>
      <c r="G15933" s="8">
        <v>1</v>
      </c>
      <c r="H15933" s="8">
        <v>1</v>
      </c>
      <c r="I15933" s="8">
        <v>0</v>
      </c>
      <c r="J15933" s="8">
        <v>1</v>
      </c>
      <c r="K15933" s="9">
        <v>22</v>
      </c>
      <c r="L15933" s="6" t="s">
        <v>51</v>
      </c>
    </row>
    <row r="15934" spans="1:12">
      <c r="A15934" s="6" t="s">
        <v>15677</v>
      </c>
      <c r="B15934" s="6"/>
      <c r="C15934" s="6" t="s">
        <v>15960</v>
      </c>
      <c r="D15934" s="6"/>
      <c r="E15934" s="6" t="s">
        <v>9</v>
      </c>
      <c r="F15934" s="7">
        <v>38657</v>
      </c>
      <c r="G15934" s="8">
        <v>1</v>
      </c>
      <c r="H15934" s="8">
        <v>1</v>
      </c>
      <c r="I15934" s="8">
        <v>0</v>
      </c>
      <c r="J15934" s="8">
        <v>1</v>
      </c>
      <c r="K15934" s="9">
        <v>21</v>
      </c>
      <c r="L15934" s="6" t="s">
        <v>51</v>
      </c>
    </row>
    <row r="15935" spans="1:12">
      <c r="A15935" s="6" t="s">
        <v>15677</v>
      </c>
      <c r="B15935" s="6"/>
      <c r="C15935" s="6" t="s">
        <v>15961</v>
      </c>
      <c r="D15935" s="6"/>
      <c r="E15935" s="6" t="s">
        <v>9</v>
      </c>
      <c r="F15935" s="7">
        <v>38657</v>
      </c>
      <c r="G15935" s="8">
        <v>1</v>
      </c>
      <c r="H15935" s="8">
        <v>1</v>
      </c>
      <c r="I15935" s="8">
        <v>0</v>
      </c>
      <c r="J15935" s="8">
        <v>1</v>
      </c>
      <c r="K15935" s="9">
        <v>5.29</v>
      </c>
      <c r="L15935" s="6" t="s">
        <v>51</v>
      </c>
    </row>
    <row r="15936" spans="1:12">
      <c r="A15936" s="6" t="s">
        <v>15677</v>
      </c>
      <c r="B15936" s="6"/>
      <c r="C15936" s="6" t="s">
        <v>15962</v>
      </c>
      <c r="D15936" s="6"/>
      <c r="E15936" s="6" t="s">
        <v>9</v>
      </c>
      <c r="F15936" s="7">
        <v>38657</v>
      </c>
      <c r="G15936" s="8">
        <v>1</v>
      </c>
      <c r="H15936" s="8">
        <v>1</v>
      </c>
      <c r="I15936" s="8">
        <v>0</v>
      </c>
      <c r="J15936" s="8">
        <v>1</v>
      </c>
      <c r="K15936" s="9">
        <v>35</v>
      </c>
      <c r="L15936" s="6" t="s">
        <v>51</v>
      </c>
    </row>
    <row r="15937" spans="1:12">
      <c r="A15937" s="6" t="s">
        <v>15677</v>
      </c>
      <c r="B15937" s="6"/>
      <c r="C15937" s="6" t="s">
        <v>15963</v>
      </c>
      <c r="D15937" s="6"/>
      <c r="E15937" s="6" t="s">
        <v>9</v>
      </c>
      <c r="F15937" s="7">
        <v>38657</v>
      </c>
      <c r="G15937" s="8">
        <v>1</v>
      </c>
      <c r="H15937" s="8">
        <v>1</v>
      </c>
      <c r="I15937" s="8">
        <v>0</v>
      </c>
      <c r="J15937" s="8">
        <v>1</v>
      </c>
      <c r="K15937" s="9">
        <v>24</v>
      </c>
      <c r="L15937" s="6" t="s">
        <v>51</v>
      </c>
    </row>
    <row r="15938" spans="1:12">
      <c r="A15938" s="6" t="s">
        <v>15677</v>
      </c>
      <c r="B15938" s="6"/>
      <c r="C15938" s="6" t="s">
        <v>15964</v>
      </c>
      <c r="D15938" s="6"/>
      <c r="E15938" s="6" t="s">
        <v>9</v>
      </c>
      <c r="F15938" s="7">
        <v>38657</v>
      </c>
      <c r="G15938" s="8">
        <v>1</v>
      </c>
      <c r="H15938" s="8">
        <v>1</v>
      </c>
      <c r="I15938" s="8">
        <v>0</v>
      </c>
      <c r="J15938" s="8">
        <v>1</v>
      </c>
      <c r="K15938" s="9">
        <v>52</v>
      </c>
      <c r="L15938" s="6" t="s">
        <v>51</v>
      </c>
    </row>
    <row r="15939" spans="1:12">
      <c r="A15939" s="6" t="s">
        <v>15677</v>
      </c>
      <c r="B15939" s="6"/>
      <c r="C15939" s="6" t="s">
        <v>15965</v>
      </c>
      <c r="D15939" s="6"/>
      <c r="E15939" s="6" t="s">
        <v>9</v>
      </c>
      <c r="F15939" s="7">
        <v>38657</v>
      </c>
      <c r="G15939" s="8">
        <v>1</v>
      </c>
      <c r="H15939" s="8">
        <v>1</v>
      </c>
      <c r="I15939" s="8">
        <v>0</v>
      </c>
      <c r="J15939" s="8">
        <v>1</v>
      </c>
      <c r="K15939" s="9">
        <v>8.9600000000000009</v>
      </c>
      <c r="L15939" s="6" t="s">
        <v>51</v>
      </c>
    </row>
    <row r="15940" spans="1:12">
      <c r="A15940" s="6" t="s">
        <v>15677</v>
      </c>
      <c r="B15940" s="6"/>
      <c r="C15940" s="6" t="s">
        <v>15966</v>
      </c>
      <c r="D15940" s="6"/>
      <c r="E15940" s="6" t="s">
        <v>9</v>
      </c>
      <c r="F15940" s="7">
        <v>38657</v>
      </c>
      <c r="G15940" s="8">
        <v>1</v>
      </c>
      <c r="H15940" s="8">
        <v>1</v>
      </c>
      <c r="I15940" s="8">
        <v>0</v>
      </c>
      <c r="J15940" s="8">
        <v>1</v>
      </c>
      <c r="K15940" s="9">
        <v>84</v>
      </c>
      <c r="L15940" s="6" t="s">
        <v>51</v>
      </c>
    </row>
    <row r="15941" spans="1:12">
      <c r="A15941" s="6" t="s">
        <v>15677</v>
      </c>
      <c r="B15941" s="6"/>
      <c r="C15941" s="6" t="s">
        <v>15967</v>
      </c>
      <c r="D15941" s="6"/>
      <c r="E15941" s="6" t="s">
        <v>9</v>
      </c>
      <c r="F15941" s="7">
        <v>38657</v>
      </c>
      <c r="G15941" s="8">
        <v>1</v>
      </c>
      <c r="H15941" s="8">
        <v>1</v>
      </c>
      <c r="I15941" s="8">
        <v>0</v>
      </c>
      <c r="J15941" s="8">
        <v>1</v>
      </c>
      <c r="K15941" s="9">
        <v>124</v>
      </c>
      <c r="L15941" s="6" t="s">
        <v>51</v>
      </c>
    </row>
    <row r="15942" spans="1:12">
      <c r="A15942" s="6" t="s">
        <v>15677</v>
      </c>
      <c r="B15942" s="6"/>
      <c r="C15942" s="6" t="s">
        <v>15968</v>
      </c>
      <c r="D15942" s="6"/>
      <c r="E15942" s="6" t="s">
        <v>9</v>
      </c>
      <c r="F15942" s="7">
        <v>38657</v>
      </c>
      <c r="G15942" s="8">
        <v>1</v>
      </c>
      <c r="H15942" s="8">
        <v>1</v>
      </c>
      <c r="I15942" s="8">
        <v>0</v>
      </c>
      <c r="J15942" s="8">
        <v>1</v>
      </c>
      <c r="K15942" s="9">
        <v>37.619999999999898</v>
      </c>
      <c r="L15942" s="6" t="s">
        <v>51</v>
      </c>
    </row>
    <row r="15943" spans="1:12">
      <c r="A15943" s="6" t="s">
        <v>15677</v>
      </c>
      <c r="B15943" s="6"/>
      <c r="C15943" s="6" t="s">
        <v>15969</v>
      </c>
      <c r="D15943" s="6"/>
      <c r="E15943" s="6" t="s">
        <v>9</v>
      </c>
      <c r="F15943" s="7">
        <v>38657</v>
      </c>
      <c r="G15943" s="8">
        <v>1</v>
      </c>
      <c r="H15943" s="8">
        <v>1</v>
      </c>
      <c r="I15943" s="8">
        <v>0</v>
      </c>
      <c r="J15943" s="8">
        <v>1</v>
      </c>
      <c r="K15943" s="9">
        <v>13.31</v>
      </c>
      <c r="L15943" s="6" t="s">
        <v>51</v>
      </c>
    </row>
    <row r="15944" spans="1:12">
      <c r="A15944" s="6" t="s">
        <v>15677</v>
      </c>
      <c r="B15944" s="6"/>
      <c r="C15944" s="6" t="s">
        <v>15970</v>
      </c>
      <c r="D15944" s="6"/>
      <c r="E15944" s="6" t="s">
        <v>9</v>
      </c>
      <c r="F15944" s="7">
        <v>38657</v>
      </c>
      <c r="G15944" s="8">
        <v>1</v>
      </c>
      <c r="H15944" s="8">
        <v>1</v>
      </c>
      <c r="I15944" s="8">
        <v>0</v>
      </c>
      <c r="J15944" s="8">
        <v>1</v>
      </c>
      <c r="K15944" s="9">
        <v>44</v>
      </c>
      <c r="L15944" s="6" t="s">
        <v>51</v>
      </c>
    </row>
    <row r="15945" spans="1:12">
      <c r="A15945" s="6" t="s">
        <v>15677</v>
      </c>
      <c r="B15945" s="6"/>
      <c r="C15945" s="6" t="s">
        <v>15971</v>
      </c>
      <c r="D15945" s="6"/>
      <c r="E15945" s="6" t="s">
        <v>9</v>
      </c>
      <c r="F15945" s="7">
        <v>38657</v>
      </c>
      <c r="G15945" s="8">
        <v>1</v>
      </c>
      <c r="H15945" s="8">
        <v>1</v>
      </c>
      <c r="I15945" s="8">
        <v>0</v>
      </c>
      <c r="J15945" s="8">
        <v>1</v>
      </c>
      <c r="K15945" s="9">
        <v>16</v>
      </c>
      <c r="L15945" s="6" t="s">
        <v>51</v>
      </c>
    </row>
    <row r="15946" spans="1:12">
      <c r="A15946" s="6" t="s">
        <v>15677</v>
      </c>
      <c r="B15946" s="6"/>
      <c r="C15946" s="6" t="s">
        <v>15972</v>
      </c>
      <c r="D15946" s="6"/>
      <c r="E15946" s="6" t="s">
        <v>9</v>
      </c>
      <c r="F15946" s="7">
        <v>38657</v>
      </c>
      <c r="G15946" s="8">
        <v>1</v>
      </c>
      <c r="H15946" s="8">
        <v>1</v>
      </c>
      <c r="I15946" s="8">
        <v>0</v>
      </c>
      <c r="J15946" s="8">
        <v>1</v>
      </c>
      <c r="K15946" s="9">
        <v>5.72</v>
      </c>
      <c r="L15946" s="6" t="s">
        <v>51</v>
      </c>
    </row>
    <row r="15947" spans="1:12">
      <c r="A15947" s="6" t="s">
        <v>15677</v>
      </c>
      <c r="B15947" s="6"/>
      <c r="C15947" s="6" t="s">
        <v>15973</v>
      </c>
      <c r="D15947" s="6"/>
      <c r="E15947" s="6" t="s">
        <v>9</v>
      </c>
      <c r="F15947" s="7">
        <v>38657</v>
      </c>
      <c r="G15947" s="8">
        <v>1</v>
      </c>
      <c r="H15947" s="8">
        <v>1</v>
      </c>
      <c r="I15947" s="8">
        <v>0</v>
      </c>
      <c r="J15947" s="8">
        <v>1</v>
      </c>
      <c r="K15947" s="9">
        <v>156</v>
      </c>
      <c r="L15947" s="6" t="s">
        <v>51</v>
      </c>
    </row>
    <row r="15948" spans="1:12">
      <c r="A15948" s="6" t="s">
        <v>15677</v>
      </c>
      <c r="B15948" s="6"/>
      <c r="C15948" s="6" t="s">
        <v>15974</v>
      </c>
      <c r="D15948" s="6"/>
      <c r="E15948" s="6" t="s">
        <v>9</v>
      </c>
      <c r="F15948" s="7">
        <v>38657</v>
      </c>
      <c r="G15948" s="8">
        <v>1</v>
      </c>
      <c r="H15948" s="8">
        <v>1</v>
      </c>
      <c r="I15948" s="8">
        <v>0</v>
      </c>
      <c r="J15948" s="8">
        <v>1</v>
      </c>
      <c r="K15948" s="9">
        <v>5.0199999999999898</v>
      </c>
      <c r="L15948" s="6" t="s">
        <v>51</v>
      </c>
    </row>
    <row r="15949" spans="1:12">
      <c r="A15949" s="6" t="s">
        <v>15677</v>
      </c>
      <c r="B15949" s="6"/>
      <c r="C15949" s="6" t="s">
        <v>15975</v>
      </c>
      <c r="D15949" s="6"/>
      <c r="E15949" s="6" t="s">
        <v>9</v>
      </c>
      <c r="F15949" s="7">
        <v>38657</v>
      </c>
      <c r="G15949" s="8">
        <v>1</v>
      </c>
      <c r="H15949" s="8">
        <v>1</v>
      </c>
      <c r="I15949" s="8">
        <v>0</v>
      </c>
      <c r="J15949" s="8">
        <v>1</v>
      </c>
      <c r="K15949" s="9">
        <v>83</v>
      </c>
      <c r="L15949" s="6" t="s">
        <v>51</v>
      </c>
    </row>
    <row r="15950" spans="1:12">
      <c r="A15950" s="6" t="s">
        <v>15677</v>
      </c>
      <c r="B15950" s="6"/>
      <c r="C15950" s="6" t="s">
        <v>15976</v>
      </c>
      <c r="D15950" s="6"/>
      <c r="E15950" s="6" t="s">
        <v>9</v>
      </c>
      <c r="F15950" s="7">
        <v>38657</v>
      </c>
      <c r="G15950" s="8">
        <v>1</v>
      </c>
      <c r="H15950" s="8">
        <v>1</v>
      </c>
      <c r="I15950" s="8">
        <v>0</v>
      </c>
      <c r="J15950" s="8">
        <v>1</v>
      </c>
      <c r="K15950" s="9">
        <v>101</v>
      </c>
      <c r="L15950" s="6" t="s">
        <v>51</v>
      </c>
    </row>
    <row r="15951" spans="1:12">
      <c r="A15951" s="6" t="s">
        <v>15677</v>
      </c>
      <c r="B15951" s="6"/>
      <c r="C15951" s="6" t="s">
        <v>15977</v>
      </c>
      <c r="D15951" s="6"/>
      <c r="E15951" s="6" t="s">
        <v>9</v>
      </c>
      <c r="F15951" s="7">
        <v>38657</v>
      </c>
      <c r="G15951" s="8">
        <v>1</v>
      </c>
      <c r="H15951" s="8">
        <v>1</v>
      </c>
      <c r="I15951" s="8">
        <v>0</v>
      </c>
      <c r="J15951" s="8">
        <v>1</v>
      </c>
      <c r="K15951" s="9">
        <v>82</v>
      </c>
      <c r="L15951" s="6" t="s">
        <v>51</v>
      </c>
    </row>
    <row r="15952" spans="1:12">
      <c r="A15952" s="6" t="s">
        <v>15677</v>
      </c>
      <c r="B15952" s="6"/>
      <c r="C15952" s="6" t="s">
        <v>15978</v>
      </c>
      <c r="D15952" s="6"/>
      <c r="E15952" s="6" t="s">
        <v>9</v>
      </c>
      <c r="F15952" s="7">
        <v>38657</v>
      </c>
      <c r="G15952" s="8">
        <v>1</v>
      </c>
      <c r="H15952" s="8">
        <v>1</v>
      </c>
      <c r="I15952" s="8">
        <v>0</v>
      </c>
      <c r="J15952" s="8">
        <v>1</v>
      </c>
      <c r="K15952" s="9">
        <v>77</v>
      </c>
      <c r="L15952" s="6" t="s">
        <v>51</v>
      </c>
    </row>
    <row r="15953" spans="1:12">
      <c r="A15953" s="6" t="s">
        <v>15677</v>
      </c>
      <c r="B15953" s="6"/>
      <c r="C15953" s="6" t="s">
        <v>15979</v>
      </c>
      <c r="D15953" s="6"/>
      <c r="E15953" s="6" t="s">
        <v>9</v>
      </c>
      <c r="F15953" s="7">
        <v>38657</v>
      </c>
      <c r="G15953" s="8">
        <v>1</v>
      </c>
      <c r="H15953" s="8">
        <v>1</v>
      </c>
      <c r="I15953" s="8">
        <v>0</v>
      </c>
      <c r="J15953" s="8">
        <v>1</v>
      </c>
      <c r="K15953" s="9">
        <v>131</v>
      </c>
      <c r="L15953" s="6" t="s">
        <v>51</v>
      </c>
    </row>
    <row r="15954" spans="1:12">
      <c r="A15954" s="6" t="s">
        <v>15677</v>
      </c>
      <c r="B15954" s="6"/>
      <c r="C15954" s="6" t="s">
        <v>15980</v>
      </c>
      <c r="D15954" s="6"/>
      <c r="E15954" s="6" t="s">
        <v>9</v>
      </c>
      <c r="F15954" s="7">
        <v>38657</v>
      </c>
      <c r="G15954" s="8">
        <v>1</v>
      </c>
      <c r="H15954" s="8">
        <v>1</v>
      </c>
      <c r="I15954" s="8">
        <v>0</v>
      </c>
      <c r="J15954" s="8">
        <v>1</v>
      </c>
      <c r="K15954" s="9">
        <v>1.25</v>
      </c>
      <c r="L15954" s="6" t="s">
        <v>51</v>
      </c>
    </row>
    <row r="15955" spans="1:12">
      <c r="A15955" s="6" t="s">
        <v>15677</v>
      </c>
      <c r="B15955" s="6"/>
      <c r="C15955" s="6" t="s">
        <v>15981</v>
      </c>
      <c r="D15955" s="6"/>
      <c r="E15955" s="6" t="s">
        <v>9</v>
      </c>
      <c r="F15955" s="7">
        <v>38657</v>
      </c>
      <c r="G15955" s="8">
        <v>1</v>
      </c>
      <c r="H15955" s="8">
        <v>1</v>
      </c>
      <c r="I15955" s="8">
        <v>0</v>
      </c>
      <c r="J15955" s="8">
        <v>1</v>
      </c>
      <c r="K15955" s="9">
        <v>260</v>
      </c>
      <c r="L15955" s="6" t="s">
        <v>51</v>
      </c>
    </row>
    <row r="15956" spans="1:12">
      <c r="A15956" s="6" t="s">
        <v>15677</v>
      </c>
      <c r="B15956" s="6"/>
      <c r="C15956" s="6" t="s">
        <v>15982</v>
      </c>
      <c r="D15956" s="6"/>
      <c r="E15956" s="6" t="s">
        <v>9</v>
      </c>
      <c r="F15956" s="7">
        <v>38657</v>
      </c>
      <c r="G15956" s="8">
        <v>1</v>
      </c>
      <c r="H15956" s="8">
        <v>1</v>
      </c>
      <c r="I15956" s="8">
        <v>0</v>
      </c>
      <c r="J15956" s="8">
        <v>1</v>
      </c>
      <c r="K15956" s="9">
        <v>265</v>
      </c>
      <c r="L15956" s="6" t="s">
        <v>51</v>
      </c>
    </row>
    <row r="15957" spans="1:12">
      <c r="A15957" s="6" t="s">
        <v>15677</v>
      </c>
      <c r="B15957" s="6"/>
      <c r="C15957" s="6" t="s">
        <v>15983</v>
      </c>
      <c r="D15957" s="6"/>
      <c r="E15957" s="6" t="s">
        <v>9</v>
      </c>
      <c r="F15957" s="7">
        <v>38657</v>
      </c>
      <c r="G15957" s="8">
        <v>1</v>
      </c>
      <c r="H15957" s="8">
        <v>1</v>
      </c>
      <c r="I15957" s="8">
        <v>0</v>
      </c>
      <c r="J15957" s="8">
        <v>1</v>
      </c>
      <c r="K15957" s="9">
        <v>85</v>
      </c>
      <c r="L15957" s="6" t="s">
        <v>51</v>
      </c>
    </row>
    <row r="15958" spans="1:12">
      <c r="A15958" s="6" t="s">
        <v>15677</v>
      </c>
      <c r="B15958" s="6"/>
      <c r="C15958" s="6" t="s">
        <v>15984</v>
      </c>
      <c r="D15958" s="6"/>
      <c r="E15958" s="6" t="s">
        <v>9</v>
      </c>
      <c r="F15958" s="7">
        <v>38657</v>
      </c>
      <c r="G15958" s="8">
        <v>1</v>
      </c>
      <c r="H15958" s="8">
        <v>1</v>
      </c>
      <c r="I15958" s="8">
        <v>0</v>
      </c>
      <c r="J15958" s="8">
        <v>1</v>
      </c>
      <c r="K15958" s="9">
        <v>138</v>
      </c>
      <c r="L15958" s="6" t="s">
        <v>51</v>
      </c>
    </row>
    <row r="15959" spans="1:12">
      <c r="A15959" s="6" t="s">
        <v>15677</v>
      </c>
      <c r="B15959" s="6"/>
      <c r="C15959" s="6" t="s">
        <v>15985</v>
      </c>
      <c r="D15959" s="6"/>
      <c r="E15959" s="6" t="s">
        <v>9</v>
      </c>
      <c r="F15959" s="7">
        <v>38657</v>
      </c>
      <c r="G15959" s="8">
        <v>1</v>
      </c>
      <c r="H15959" s="8">
        <v>1</v>
      </c>
      <c r="I15959" s="8">
        <v>0</v>
      </c>
      <c r="J15959" s="8">
        <v>1</v>
      </c>
      <c r="K15959" s="9">
        <v>51</v>
      </c>
      <c r="L15959" s="6" t="s">
        <v>51</v>
      </c>
    </row>
    <row r="15960" spans="1:12">
      <c r="A15960" s="6" t="s">
        <v>15677</v>
      </c>
      <c r="B15960" s="6"/>
      <c r="C15960" s="6" t="s">
        <v>15986</v>
      </c>
      <c r="D15960" s="6"/>
      <c r="E15960" s="6" t="s">
        <v>9</v>
      </c>
      <c r="F15960" s="7">
        <v>38657</v>
      </c>
      <c r="G15960" s="8">
        <v>1</v>
      </c>
      <c r="H15960" s="8">
        <v>1</v>
      </c>
      <c r="I15960" s="8">
        <v>0</v>
      </c>
      <c r="J15960" s="8">
        <v>1</v>
      </c>
      <c r="K15960" s="9">
        <v>128</v>
      </c>
      <c r="L15960" s="6" t="s">
        <v>51</v>
      </c>
    </row>
    <row r="15961" spans="1:12">
      <c r="A15961" s="6" t="s">
        <v>15677</v>
      </c>
      <c r="B15961" s="6"/>
      <c r="C15961" s="6" t="s">
        <v>15987</v>
      </c>
      <c r="D15961" s="6"/>
      <c r="E15961" s="6" t="s">
        <v>9</v>
      </c>
      <c r="F15961" s="7">
        <v>38657</v>
      </c>
      <c r="G15961" s="8">
        <v>1</v>
      </c>
      <c r="H15961" s="8">
        <v>1</v>
      </c>
      <c r="I15961" s="8">
        <v>0</v>
      </c>
      <c r="J15961" s="8">
        <v>1</v>
      </c>
      <c r="K15961" s="9">
        <v>51</v>
      </c>
      <c r="L15961" s="6" t="s">
        <v>51</v>
      </c>
    </row>
    <row r="15962" spans="1:12">
      <c r="A15962" s="6" t="s">
        <v>15677</v>
      </c>
      <c r="B15962" s="6"/>
      <c r="C15962" s="6" t="s">
        <v>15988</v>
      </c>
      <c r="D15962" s="6"/>
      <c r="E15962" s="6" t="s">
        <v>9</v>
      </c>
      <c r="F15962" s="7">
        <v>38657</v>
      </c>
      <c r="G15962" s="8">
        <v>1</v>
      </c>
      <c r="H15962" s="8">
        <v>1</v>
      </c>
      <c r="I15962" s="8">
        <v>0</v>
      </c>
      <c r="J15962" s="8">
        <v>1</v>
      </c>
      <c r="K15962" s="9">
        <v>92</v>
      </c>
      <c r="L15962" s="6" t="s">
        <v>51</v>
      </c>
    </row>
    <row r="15963" spans="1:12">
      <c r="A15963" s="6" t="s">
        <v>15677</v>
      </c>
      <c r="B15963" s="6"/>
      <c r="C15963" s="6" t="s">
        <v>15989</v>
      </c>
      <c r="D15963" s="6"/>
      <c r="E15963" s="6" t="s">
        <v>9</v>
      </c>
      <c r="F15963" s="7">
        <v>38657</v>
      </c>
      <c r="G15963" s="8">
        <v>1</v>
      </c>
      <c r="H15963" s="8">
        <v>1</v>
      </c>
      <c r="I15963" s="8">
        <v>0</v>
      </c>
      <c r="J15963" s="8">
        <v>1</v>
      </c>
      <c r="K15963" s="9">
        <v>304</v>
      </c>
      <c r="L15963" s="6" t="s">
        <v>51</v>
      </c>
    </row>
    <row r="15964" spans="1:12">
      <c r="A15964" s="6" t="s">
        <v>15677</v>
      </c>
      <c r="B15964" s="6"/>
      <c r="C15964" s="6" t="s">
        <v>15990</v>
      </c>
      <c r="D15964" s="6"/>
      <c r="E15964" s="6" t="s">
        <v>9</v>
      </c>
      <c r="F15964" s="7">
        <v>38657</v>
      </c>
      <c r="G15964" s="8">
        <v>1</v>
      </c>
      <c r="H15964" s="8">
        <v>1</v>
      </c>
      <c r="I15964" s="8">
        <v>0</v>
      </c>
      <c r="J15964" s="8">
        <v>1</v>
      </c>
      <c r="K15964" s="9">
        <v>384</v>
      </c>
      <c r="L15964" s="6" t="s">
        <v>51</v>
      </c>
    </row>
    <row r="15965" spans="1:12">
      <c r="A15965" s="6" t="s">
        <v>15677</v>
      </c>
      <c r="B15965" s="6"/>
      <c r="C15965" s="6" t="s">
        <v>15991</v>
      </c>
      <c r="D15965" s="6"/>
      <c r="E15965" s="6" t="s">
        <v>9</v>
      </c>
      <c r="F15965" s="7">
        <v>38657</v>
      </c>
      <c r="G15965" s="8">
        <v>1</v>
      </c>
      <c r="H15965" s="8">
        <v>1</v>
      </c>
      <c r="I15965" s="8">
        <v>0</v>
      </c>
      <c r="J15965" s="8">
        <v>1</v>
      </c>
      <c r="K15965" s="9">
        <v>2.57</v>
      </c>
      <c r="L15965" s="6" t="s">
        <v>51</v>
      </c>
    </row>
    <row r="15966" spans="1:12">
      <c r="A15966" s="6" t="s">
        <v>15677</v>
      </c>
      <c r="B15966" s="6"/>
      <c r="C15966" s="6" t="s">
        <v>15992</v>
      </c>
      <c r="D15966" s="6"/>
      <c r="E15966" s="6" t="s">
        <v>9</v>
      </c>
      <c r="F15966" s="7">
        <v>38657</v>
      </c>
      <c r="G15966" s="8">
        <v>1</v>
      </c>
      <c r="H15966" s="8">
        <v>1</v>
      </c>
      <c r="I15966" s="8">
        <v>0</v>
      </c>
      <c r="J15966" s="8">
        <v>1</v>
      </c>
      <c r="K15966" s="9">
        <v>371</v>
      </c>
      <c r="L15966" s="6" t="s">
        <v>51</v>
      </c>
    </row>
    <row r="15967" spans="1:12">
      <c r="A15967" s="6" t="s">
        <v>15677</v>
      </c>
      <c r="B15967" s="6"/>
      <c r="C15967" s="6" t="s">
        <v>15993</v>
      </c>
      <c r="D15967" s="6"/>
      <c r="E15967" s="6" t="s">
        <v>9</v>
      </c>
      <c r="F15967" s="7">
        <v>38657</v>
      </c>
      <c r="G15967" s="8">
        <v>1</v>
      </c>
      <c r="H15967" s="8">
        <v>1</v>
      </c>
      <c r="I15967" s="8">
        <v>0</v>
      </c>
      <c r="J15967" s="8">
        <v>1</v>
      </c>
      <c r="K15967" s="9">
        <v>269</v>
      </c>
      <c r="L15967" s="6" t="s">
        <v>51</v>
      </c>
    </row>
    <row r="15968" spans="1:12">
      <c r="A15968" s="6" t="s">
        <v>15677</v>
      </c>
      <c r="B15968" s="6"/>
      <c r="C15968" s="6" t="s">
        <v>15994</v>
      </c>
      <c r="D15968" s="6"/>
      <c r="E15968" s="6" t="s">
        <v>9</v>
      </c>
      <c r="F15968" s="7">
        <v>38657</v>
      </c>
      <c r="G15968" s="8">
        <v>1</v>
      </c>
      <c r="H15968" s="8">
        <v>1</v>
      </c>
      <c r="I15968" s="8">
        <v>0</v>
      </c>
      <c r="J15968" s="8">
        <v>1</v>
      </c>
      <c r="K15968" s="9">
        <v>345</v>
      </c>
      <c r="L15968" s="6" t="s">
        <v>51</v>
      </c>
    </row>
    <row r="15969" spans="1:12">
      <c r="A15969" s="6" t="s">
        <v>15677</v>
      </c>
      <c r="B15969" s="6"/>
      <c r="C15969" s="6" t="s">
        <v>15995</v>
      </c>
      <c r="D15969" s="6"/>
      <c r="E15969" s="6" t="s">
        <v>9</v>
      </c>
      <c r="F15969" s="7">
        <v>41836</v>
      </c>
      <c r="G15969" s="8">
        <v>1</v>
      </c>
      <c r="H15969" s="8">
        <v>1</v>
      </c>
      <c r="I15969" s="8">
        <v>0</v>
      </c>
      <c r="J15969" s="8">
        <v>1</v>
      </c>
      <c r="K15969" s="9">
        <v>9.98</v>
      </c>
      <c r="L15969" s="6" t="s">
        <v>51</v>
      </c>
    </row>
    <row r="15970" spans="1:12">
      <c r="A15970" s="6" t="s">
        <v>15677</v>
      </c>
      <c r="B15970" s="6"/>
      <c r="C15970" s="6" t="s">
        <v>15996</v>
      </c>
      <c r="D15970" s="6"/>
      <c r="E15970" s="6" t="s">
        <v>9</v>
      </c>
      <c r="F15970" s="7">
        <v>41836</v>
      </c>
      <c r="G15970" s="8">
        <v>1</v>
      </c>
      <c r="H15970" s="8">
        <v>1</v>
      </c>
      <c r="I15970" s="8">
        <v>0</v>
      </c>
      <c r="J15970" s="8">
        <v>1</v>
      </c>
      <c r="K15970" s="9">
        <v>15</v>
      </c>
      <c r="L15970" s="6" t="s">
        <v>51</v>
      </c>
    </row>
    <row r="15971" spans="1:12">
      <c r="A15971" s="6" t="s">
        <v>15677</v>
      </c>
      <c r="B15971" s="6"/>
      <c r="C15971" s="6" t="s">
        <v>15997</v>
      </c>
      <c r="D15971" s="6"/>
      <c r="E15971" s="6" t="s">
        <v>9</v>
      </c>
      <c r="F15971" s="7">
        <v>41836</v>
      </c>
      <c r="G15971" s="8">
        <v>1</v>
      </c>
      <c r="H15971" s="8">
        <v>1</v>
      </c>
      <c r="I15971" s="8">
        <v>0</v>
      </c>
      <c r="J15971" s="8">
        <v>1</v>
      </c>
      <c r="K15971" s="9">
        <v>12</v>
      </c>
      <c r="L15971" s="6" t="s">
        <v>51</v>
      </c>
    </row>
    <row r="15972" spans="1:12">
      <c r="A15972" s="6" t="s">
        <v>15677</v>
      </c>
      <c r="B15972" s="6"/>
      <c r="C15972" s="6" t="s">
        <v>15998</v>
      </c>
      <c r="D15972" s="6"/>
      <c r="E15972" s="6" t="s">
        <v>9</v>
      </c>
      <c r="F15972" s="7">
        <v>41836</v>
      </c>
      <c r="G15972" s="8">
        <v>1</v>
      </c>
      <c r="H15972" s="8">
        <v>1</v>
      </c>
      <c r="I15972" s="8">
        <v>0</v>
      </c>
      <c r="J15972" s="8">
        <v>1</v>
      </c>
      <c r="K15972" s="9">
        <v>27</v>
      </c>
      <c r="L15972" s="6" t="s">
        <v>51</v>
      </c>
    </row>
    <row r="15973" spans="1:12">
      <c r="A15973" s="6" t="s">
        <v>15677</v>
      </c>
      <c r="B15973" s="6"/>
      <c r="C15973" s="6" t="s">
        <v>15999</v>
      </c>
      <c r="D15973" s="6"/>
      <c r="E15973" s="6" t="s">
        <v>9</v>
      </c>
      <c r="F15973" s="7">
        <v>38657</v>
      </c>
      <c r="G15973" s="8">
        <v>1</v>
      </c>
      <c r="H15973" s="8">
        <v>1</v>
      </c>
      <c r="I15973" s="8">
        <v>0</v>
      </c>
      <c r="J15973" s="8">
        <v>1</v>
      </c>
      <c r="K15973" s="9">
        <v>8788</v>
      </c>
      <c r="L15973" s="6" t="s">
        <v>51</v>
      </c>
    </row>
    <row r="15974" spans="1:12">
      <c r="A15974" s="6" t="s">
        <v>15677</v>
      </c>
      <c r="B15974" s="6"/>
      <c r="C15974" s="6" t="s">
        <v>16000</v>
      </c>
      <c r="D15974" s="6"/>
      <c r="E15974" s="6" t="s">
        <v>9</v>
      </c>
      <c r="F15974" s="7">
        <v>38657</v>
      </c>
      <c r="G15974" s="8">
        <v>1</v>
      </c>
      <c r="H15974" s="8">
        <v>1</v>
      </c>
      <c r="I15974" s="8">
        <v>0</v>
      </c>
      <c r="J15974" s="8">
        <v>1</v>
      </c>
      <c r="K15974" s="9">
        <v>13</v>
      </c>
      <c r="L15974" s="6" t="s">
        <v>51</v>
      </c>
    </row>
    <row r="15975" spans="1:12">
      <c r="A15975" s="6" t="s">
        <v>15677</v>
      </c>
      <c r="B15975" s="6"/>
      <c r="C15975" s="6" t="s">
        <v>16001</v>
      </c>
      <c r="D15975" s="6"/>
      <c r="E15975" s="6" t="s">
        <v>9</v>
      </c>
      <c r="F15975" s="7">
        <v>38657</v>
      </c>
      <c r="G15975" s="8">
        <v>1</v>
      </c>
      <c r="H15975" s="8">
        <v>1</v>
      </c>
      <c r="I15975" s="8">
        <v>0</v>
      </c>
      <c r="J15975" s="8">
        <v>1</v>
      </c>
      <c r="K15975" s="9">
        <v>62</v>
      </c>
      <c r="L15975" s="6" t="s">
        <v>51</v>
      </c>
    </row>
    <row r="15976" spans="1:12">
      <c r="A15976" s="6" t="s">
        <v>15677</v>
      </c>
      <c r="B15976" s="6"/>
      <c r="C15976" s="6" t="s">
        <v>16002</v>
      </c>
      <c r="D15976" s="6"/>
      <c r="E15976" s="6" t="s">
        <v>9</v>
      </c>
      <c r="F15976" s="7">
        <v>38657</v>
      </c>
      <c r="G15976" s="8">
        <v>1</v>
      </c>
      <c r="H15976" s="8">
        <v>1</v>
      </c>
      <c r="I15976" s="8">
        <v>0</v>
      </c>
      <c r="J15976" s="8">
        <v>1</v>
      </c>
      <c r="K15976" s="9">
        <v>3.3</v>
      </c>
      <c r="L15976" s="6" t="s">
        <v>51</v>
      </c>
    </row>
    <row r="15977" spans="1:12">
      <c r="A15977" s="6" t="s">
        <v>15677</v>
      </c>
      <c r="B15977" s="6"/>
      <c r="C15977" s="6" t="s">
        <v>16003</v>
      </c>
      <c r="D15977" s="6"/>
      <c r="E15977" s="6" t="s">
        <v>9</v>
      </c>
      <c r="F15977" s="7">
        <v>38657</v>
      </c>
      <c r="G15977" s="8">
        <v>1</v>
      </c>
      <c r="H15977" s="8">
        <v>1</v>
      </c>
      <c r="I15977" s="8">
        <v>0</v>
      </c>
      <c r="J15977" s="8">
        <v>1</v>
      </c>
      <c r="K15977" s="9">
        <v>57</v>
      </c>
      <c r="L15977" s="6" t="s">
        <v>51</v>
      </c>
    </row>
    <row r="15978" spans="1:12">
      <c r="A15978" s="6" t="s">
        <v>15677</v>
      </c>
      <c r="B15978" s="6"/>
      <c r="C15978" s="6" t="s">
        <v>16004</v>
      </c>
      <c r="D15978" s="6"/>
      <c r="E15978" s="6" t="s">
        <v>9</v>
      </c>
      <c r="F15978" s="7">
        <v>38657</v>
      </c>
      <c r="G15978" s="8">
        <v>1</v>
      </c>
      <c r="H15978" s="8">
        <v>1</v>
      </c>
      <c r="I15978" s="8">
        <v>0</v>
      </c>
      <c r="J15978" s="8">
        <v>1</v>
      </c>
      <c r="K15978" s="9">
        <v>5.58</v>
      </c>
      <c r="L15978" s="6" t="s">
        <v>51</v>
      </c>
    </row>
    <row r="15979" spans="1:12">
      <c r="A15979" s="6" t="s">
        <v>15677</v>
      </c>
      <c r="B15979" s="6"/>
      <c r="C15979" s="6" t="s">
        <v>16005</v>
      </c>
      <c r="D15979" s="6"/>
      <c r="E15979" s="6" t="s">
        <v>9</v>
      </c>
      <c r="F15979" s="7">
        <v>38657</v>
      </c>
      <c r="G15979" s="8">
        <v>1</v>
      </c>
      <c r="H15979" s="8">
        <v>1</v>
      </c>
      <c r="I15979" s="8">
        <v>0</v>
      </c>
      <c r="J15979" s="8">
        <v>1</v>
      </c>
      <c r="K15979" s="9">
        <v>81</v>
      </c>
      <c r="L15979" s="6" t="s">
        <v>51</v>
      </c>
    </row>
    <row r="15980" spans="1:12">
      <c r="A15980" s="6" t="s">
        <v>15677</v>
      </c>
      <c r="B15980" s="6"/>
      <c r="C15980" s="6" t="s">
        <v>16006</v>
      </c>
      <c r="D15980" s="6"/>
      <c r="E15980" s="6" t="s">
        <v>9</v>
      </c>
      <c r="F15980" s="7">
        <v>38657</v>
      </c>
      <c r="G15980" s="8">
        <v>1</v>
      </c>
      <c r="H15980" s="8">
        <v>1</v>
      </c>
      <c r="I15980" s="8">
        <v>0</v>
      </c>
      <c r="J15980" s="8">
        <v>1</v>
      </c>
      <c r="K15980" s="9">
        <v>117</v>
      </c>
      <c r="L15980" s="6" t="s">
        <v>51</v>
      </c>
    </row>
    <row r="15981" spans="1:12">
      <c r="A15981" s="6" t="s">
        <v>15677</v>
      </c>
      <c r="B15981" s="6"/>
      <c r="C15981" s="6" t="s">
        <v>16007</v>
      </c>
      <c r="D15981" s="6"/>
      <c r="E15981" s="6" t="s">
        <v>9</v>
      </c>
      <c r="F15981" s="7">
        <v>38657</v>
      </c>
      <c r="G15981" s="8">
        <v>1</v>
      </c>
      <c r="H15981" s="8">
        <v>1</v>
      </c>
      <c r="I15981" s="8">
        <v>0</v>
      </c>
      <c r="J15981" s="8">
        <v>1</v>
      </c>
      <c r="K15981" s="9">
        <v>131</v>
      </c>
      <c r="L15981" s="6" t="s">
        <v>51</v>
      </c>
    </row>
    <row r="15982" spans="1:12">
      <c r="A15982" s="6" t="s">
        <v>15677</v>
      </c>
      <c r="B15982" s="6"/>
      <c r="C15982" s="6" t="s">
        <v>16008</v>
      </c>
      <c r="D15982" s="6"/>
      <c r="E15982" s="6" t="s">
        <v>9</v>
      </c>
      <c r="F15982" s="7">
        <v>38657</v>
      </c>
      <c r="G15982" s="8">
        <v>1</v>
      </c>
      <c r="H15982" s="8">
        <v>1</v>
      </c>
      <c r="I15982" s="8">
        <v>0</v>
      </c>
      <c r="J15982" s="8">
        <v>1</v>
      </c>
      <c r="K15982" s="9">
        <v>60</v>
      </c>
      <c r="L15982" s="6" t="s">
        <v>51</v>
      </c>
    </row>
    <row r="15983" spans="1:12">
      <c r="A15983" s="6" t="s">
        <v>15677</v>
      </c>
      <c r="B15983" s="6"/>
      <c r="C15983" s="6" t="s">
        <v>16009</v>
      </c>
      <c r="D15983" s="6"/>
      <c r="E15983" s="6" t="s">
        <v>9</v>
      </c>
      <c r="F15983" s="7">
        <v>38657</v>
      </c>
      <c r="G15983" s="8">
        <v>1</v>
      </c>
      <c r="H15983" s="8">
        <v>1</v>
      </c>
      <c r="I15983" s="8">
        <v>0</v>
      </c>
      <c r="J15983" s="8">
        <v>1</v>
      </c>
      <c r="K15983" s="9">
        <v>9.24</v>
      </c>
      <c r="L15983" s="6" t="s">
        <v>51</v>
      </c>
    </row>
    <row r="15984" spans="1:12">
      <c r="A15984" s="6" t="s">
        <v>15677</v>
      </c>
      <c r="B15984" s="6"/>
      <c r="C15984" s="6" t="s">
        <v>16010</v>
      </c>
      <c r="D15984" s="6"/>
      <c r="E15984" s="6" t="s">
        <v>9</v>
      </c>
      <c r="F15984" s="7">
        <v>38657</v>
      </c>
      <c r="G15984" s="8">
        <v>1</v>
      </c>
      <c r="H15984" s="8">
        <v>1</v>
      </c>
      <c r="I15984" s="8">
        <v>0</v>
      </c>
      <c r="J15984" s="8">
        <v>1</v>
      </c>
      <c r="K15984" s="9">
        <v>22</v>
      </c>
      <c r="L15984" s="6" t="s">
        <v>51</v>
      </c>
    </row>
    <row r="15985" spans="1:12">
      <c r="A15985" s="6" t="s">
        <v>15677</v>
      </c>
      <c r="B15985" s="6"/>
      <c r="C15985" s="6" t="s">
        <v>16011</v>
      </c>
      <c r="D15985" s="6"/>
      <c r="E15985" s="6" t="s">
        <v>9</v>
      </c>
      <c r="F15985" s="7">
        <v>38657</v>
      </c>
      <c r="G15985" s="8">
        <v>1</v>
      </c>
      <c r="H15985" s="8">
        <v>1</v>
      </c>
      <c r="I15985" s="8">
        <v>0</v>
      </c>
      <c r="J15985" s="8">
        <v>1</v>
      </c>
      <c r="K15985" s="9">
        <v>116</v>
      </c>
      <c r="L15985" s="6" t="s">
        <v>51</v>
      </c>
    </row>
    <row r="15986" spans="1:12">
      <c r="A15986" s="6" t="s">
        <v>15677</v>
      </c>
      <c r="B15986" s="6"/>
      <c r="C15986" s="6" t="s">
        <v>16012</v>
      </c>
      <c r="D15986" s="6"/>
      <c r="E15986" s="6" t="s">
        <v>9</v>
      </c>
      <c r="F15986" s="7">
        <v>38657</v>
      </c>
      <c r="G15986" s="8">
        <v>1</v>
      </c>
      <c r="H15986" s="8">
        <v>1</v>
      </c>
      <c r="I15986" s="8">
        <v>0</v>
      </c>
      <c r="J15986" s="8">
        <v>1</v>
      </c>
      <c r="K15986" s="9">
        <v>218</v>
      </c>
      <c r="L15986" s="6" t="s">
        <v>51</v>
      </c>
    </row>
    <row r="15987" spans="1:12">
      <c r="A15987" s="6" t="s">
        <v>15677</v>
      </c>
      <c r="B15987" s="6"/>
      <c r="C15987" s="6" t="s">
        <v>16013</v>
      </c>
      <c r="D15987" s="6"/>
      <c r="E15987" s="6" t="s">
        <v>9</v>
      </c>
      <c r="F15987" s="7">
        <v>38657</v>
      </c>
      <c r="G15987" s="8">
        <v>1</v>
      </c>
      <c r="H15987" s="8">
        <v>1</v>
      </c>
      <c r="I15987" s="8">
        <v>0</v>
      </c>
      <c r="J15987" s="8">
        <v>1</v>
      </c>
      <c r="K15987" s="9">
        <v>3.3</v>
      </c>
      <c r="L15987" s="6" t="s">
        <v>51</v>
      </c>
    </row>
    <row r="15988" spans="1:12">
      <c r="A15988" s="6" t="s">
        <v>15677</v>
      </c>
      <c r="B15988" s="6"/>
      <c r="C15988" s="6" t="s">
        <v>16014</v>
      </c>
      <c r="D15988" s="6"/>
      <c r="E15988" s="6" t="s">
        <v>9</v>
      </c>
      <c r="F15988" s="7">
        <v>38657</v>
      </c>
      <c r="G15988" s="8">
        <v>1</v>
      </c>
      <c r="H15988" s="8">
        <v>1</v>
      </c>
      <c r="I15988" s="8">
        <v>0</v>
      </c>
      <c r="J15988" s="8">
        <v>1</v>
      </c>
      <c r="K15988" s="9">
        <v>126</v>
      </c>
      <c r="L15988" s="6" t="s">
        <v>51</v>
      </c>
    </row>
    <row r="15989" spans="1:12">
      <c r="A15989" s="6" t="s">
        <v>15677</v>
      </c>
      <c r="B15989" s="6"/>
      <c r="C15989" s="6" t="s">
        <v>16015</v>
      </c>
      <c r="D15989" s="6"/>
      <c r="E15989" s="6" t="s">
        <v>9</v>
      </c>
      <c r="F15989" s="7">
        <v>38657</v>
      </c>
      <c r="G15989" s="8">
        <v>1</v>
      </c>
      <c r="H15989" s="8">
        <v>1</v>
      </c>
      <c r="I15989" s="8">
        <v>0</v>
      </c>
      <c r="J15989" s="8">
        <v>1</v>
      </c>
      <c r="K15989" s="9">
        <v>47</v>
      </c>
      <c r="L15989" s="6" t="s">
        <v>51</v>
      </c>
    </row>
    <row r="15990" spans="1:12">
      <c r="A15990" s="6" t="s">
        <v>15677</v>
      </c>
      <c r="B15990" s="6"/>
      <c r="C15990" s="6" t="s">
        <v>16016</v>
      </c>
      <c r="D15990" s="6"/>
      <c r="E15990" s="6" t="s">
        <v>9</v>
      </c>
      <c r="F15990" s="7">
        <v>38657</v>
      </c>
      <c r="G15990" s="8">
        <v>1</v>
      </c>
      <c r="H15990" s="8">
        <v>1</v>
      </c>
      <c r="I15990" s="8">
        <v>0</v>
      </c>
      <c r="J15990" s="8">
        <v>1</v>
      </c>
      <c r="K15990" s="9">
        <v>21</v>
      </c>
      <c r="L15990" s="6" t="s">
        <v>51</v>
      </c>
    </row>
    <row r="15991" spans="1:12">
      <c r="A15991" s="6" t="s">
        <v>15677</v>
      </c>
      <c r="B15991" s="6"/>
      <c r="C15991" s="6" t="s">
        <v>16017</v>
      </c>
      <c r="D15991" s="6"/>
      <c r="E15991" s="6" t="s">
        <v>9</v>
      </c>
      <c r="F15991" s="7">
        <v>38657</v>
      </c>
      <c r="G15991" s="8">
        <v>1</v>
      </c>
      <c r="H15991" s="8">
        <v>1</v>
      </c>
      <c r="I15991" s="8">
        <v>0</v>
      </c>
      <c r="J15991" s="8">
        <v>1</v>
      </c>
      <c r="K15991" s="9">
        <v>5770</v>
      </c>
      <c r="L15991" s="6" t="s">
        <v>51</v>
      </c>
    </row>
    <row r="15992" spans="1:12">
      <c r="A15992" s="6" t="s">
        <v>15677</v>
      </c>
      <c r="B15992" s="6"/>
      <c r="C15992" s="6" t="s">
        <v>16018</v>
      </c>
      <c r="D15992" s="6"/>
      <c r="E15992" s="6" t="s">
        <v>9</v>
      </c>
      <c r="F15992" s="7">
        <v>38657</v>
      </c>
      <c r="G15992" s="8">
        <v>1</v>
      </c>
      <c r="H15992" s="8">
        <v>1</v>
      </c>
      <c r="I15992" s="8">
        <v>0</v>
      </c>
      <c r="J15992" s="8">
        <v>1</v>
      </c>
      <c r="K15992" s="9">
        <v>1356</v>
      </c>
      <c r="L15992" s="6" t="s">
        <v>51</v>
      </c>
    </row>
    <row r="15993" spans="1:12">
      <c r="A15993" s="6" t="s">
        <v>15677</v>
      </c>
      <c r="B15993" s="6"/>
      <c r="C15993" s="6" t="s">
        <v>16019</v>
      </c>
      <c r="D15993" s="6"/>
      <c r="E15993" s="6" t="s">
        <v>9</v>
      </c>
      <c r="F15993" s="7">
        <v>38657</v>
      </c>
      <c r="G15993" s="8">
        <v>1</v>
      </c>
      <c r="H15993" s="8">
        <v>1</v>
      </c>
      <c r="I15993" s="8">
        <v>0</v>
      </c>
      <c r="J15993" s="8">
        <v>1</v>
      </c>
      <c r="K15993" s="9">
        <v>219</v>
      </c>
      <c r="L15993" s="6" t="s">
        <v>51</v>
      </c>
    </row>
    <row r="15994" spans="1:12">
      <c r="A15994" s="6" t="s">
        <v>15677</v>
      </c>
      <c r="B15994" s="6"/>
      <c r="C15994" s="6" t="s">
        <v>16020</v>
      </c>
      <c r="D15994" s="6"/>
      <c r="E15994" s="6" t="s">
        <v>9</v>
      </c>
      <c r="F15994" s="7">
        <v>38657</v>
      </c>
      <c r="G15994" s="8">
        <v>1</v>
      </c>
      <c r="H15994" s="8">
        <v>1</v>
      </c>
      <c r="I15994" s="8">
        <v>0</v>
      </c>
      <c r="J15994" s="8">
        <v>1</v>
      </c>
      <c r="K15994" s="9">
        <v>1432</v>
      </c>
      <c r="L15994" s="6" t="s">
        <v>51</v>
      </c>
    </row>
    <row r="15995" spans="1:12">
      <c r="A15995" s="6" t="s">
        <v>15677</v>
      </c>
      <c r="B15995" s="6"/>
      <c r="C15995" s="6" t="s">
        <v>16021</v>
      </c>
      <c r="D15995" s="6"/>
      <c r="E15995" s="6" t="s">
        <v>9</v>
      </c>
      <c r="F15995" s="7">
        <v>38657</v>
      </c>
      <c r="G15995" s="8">
        <v>1</v>
      </c>
      <c r="H15995" s="8">
        <v>1</v>
      </c>
      <c r="I15995" s="8">
        <v>0</v>
      </c>
      <c r="J15995" s="8">
        <v>1</v>
      </c>
      <c r="K15995" s="9">
        <v>235</v>
      </c>
      <c r="L15995" s="6" t="s">
        <v>51</v>
      </c>
    </row>
    <row r="15996" spans="1:12">
      <c r="A15996" s="6" t="s">
        <v>15677</v>
      </c>
      <c r="B15996" s="6"/>
      <c r="C15996" s="6" t="s">
        <v>16022</v>
      </c>
      <c r="D15996" s="6"/>
      <c r="E15996" s="6" t="s">
        <v>9</v>
      </c>
      <c r="F15996" s="7">
        <v>38657</v>
      </c>
      <c r="G15996" s="8">
        <v>1</v>
      </c>
      <c r="H15996" s="8">
        <v>1</v>
      </c>
      <c r="I15996" s="8">
        <v>0</v>
      </c>
      <c r="J15996" s="8">
        <v>1</v>
      </c>
      <c r="K15996" s="9">
        <v>0.73</v>
      </c>
      <c r="L15996" s="6" t="s">
        <v>51</v>
      </c>
    </row>
    <row r="15997" spans="1:12">
      <c r="A15997" s="6" t="s">
        <v>15677</v>
      </c>
      <c r="B15997" s="6"/>
      <c r="C15997" s="6" t="s">
        <v>16023</v>
      </c>
      <c r="D15997" s="6"/>
      <c r="E15997" s="6" t="s">
        <v>9</v>
      </c>
      <c r="F15997" s="7">
        <v>38657</v>
      </c>
      <c r="G15997" s="8">
        <v>1</v>
      </c>
      <c r="H15997" s="8">
        <v>1</v>
      </c>
      <c r="I15997" s="8">
        <v>0</v>
      </c>
      <c r="J15997" s="8">
        <v>1</v>
      </c>
      <c r="K15997" s="9">
        <v>72</v>
      </c>
      <c r="L15997" s="6" t="s">
        <v>51</v>
      </c>
    </row>
    <row r="15998" spans="1:12">
      <c r="A15998" s="6" t="s">
        <v>15677</v>
      </c>
      <c r="B15998" s="6"/>
      <c r="C15998" s="6" t="s">
        <v>16024</v>
      </c>
      <c r="D15998" s="6"/>
      <c r="E15998" s="6" t="s">
        <v>9</v>
      </c>
      <c r="F15998" s="7">
        <v>38657</v>
      </c>
      <c r="G15998" s="8">
        <v>1</v>
      </c>
      <c r="H15998" s="8">
        <v>1</v>
      </c>
      <c r="I15998" s="8">
        <v>0</v>
      </c>
      <c r="J15998" s="8">
        <v>1</v>
      </c>
      <c r="K15998" s="9">
        <v>1.95</v>
      </c>
      <c r="L15998" s="6" t="s">
        <v>51</v>
      </c>
    </row>
    <row r="15999" spans="1:12">
      <c r="A15999" s="6" t="s">
        <v>15677</v>
      </c>
      <c r="B15999" s="6"/>
      <c r="C15999" s="6" t="s">
        <v>16025</v>
      </c>
      <c r="D15999" s="6"/>
      <c r="E15999" s="6" t="s">
        <v>9</v>
      </c>
      <c r="F15999" s="7">
        <v>38657</v>
      </c>
      <c r="G15999" s="8">
        <v>1</v>
      </c>
      <c r="H15999" s="8">
        <v>1</v>
      </c>
      <c r="I15999" s="8">
        <v>0</v>
      </c>
      <c r="J15999" s="8">
        <v>1</v>
      </c>
      <c r="K15999" s="9">
        <v>619</v>
      </c>
      <c r="L15999" s="6" t="s">
        <v>51</v>
      </c>
    </row>
    <row r="16000" spans="1:12">
      <c r="A16000" s="6" t="s">
        <v>15677</v>
      </c>
      <c r="B16000" s="6"/>
      <c r="C16000" s="6" t="s">
        <v>16026</v>
      </c>
      <c r="D16000" s="6"/>
      <c r="E16000" s="6" t="s">
        <v>9</v>
      </c>
      <c r="F16000" s="7">
        <v>38657</v>
      </c>
      <c r="G16000" s="8">
        <v>1</v>
      </c>
      <c r="H16000" s="8">
        <v>1</v>
      </c>
      <c r="I16000" s="8">
        <v>0</v>
      </c>
      <c r="J16000" s="8">
        <v>1</v>
      </c>
      <c r="K16000" s="9">
        <v>695</v>
      </c>
      <c r="L16000" s="6" t="s">
        <v>51</v>
      </c>
    </row>
    <row r="16001" spans="1:12">
      <c r="A16001" s="6" t="s">
        <v>15677</v>
      </c>
      <c r="B16001" s="6"/>
      <c r="C16001" s="6" t="s">
        <v>16027</v>
      </c>
      <c r="D16001" s="6"/>
      <c r="E16001" s="6" t="s">
        <v>9</v>
      </c>
      <c r="F16001" s="7">
        <v>38657</v>
      </c>
      <c r="G16001" s="8">
        <v>1</v>
      </c>
      <c r="H16001" s="8">
        <v>1</v>
      </c>
      <c r="I16001" s="8">
        <v>0</v>
      </c>
      <c r="J16001" s="8">
        <v>1</v>
      </c>
      <c r="K16001" s="9">
        <v>6.51</v>
      </c>
      <c r="L16001" s="6" t="s">
        <v>51</v>
      </c>
    </row>
    <row r="16002" spans="1:12">
      <c r="A16002" s="6" t="s">
        <v>15677</v>
      </c>
      <c r="B16002" s="6"/>
      <c r="C16002" s="6" t="s">
        <v>16028</v>
      </c>
      <c r="D16002" s="6"/>
      <c r="E16002" s="6" t="s">
        <v>9</v>
      </c>
      <c r="F16002" s="7">
        <v>41817</v>
      </c>
      <c r="G16002" s="8">
        <v>1</v>
      </c>
      <c r="H16002" s="8">
        <v>1</v>
      </c>
      <c r="I16002" s="8">
        <v>0</v>
      </c>
      <c r="J16002" s="8">
        <v>1</v>
      </c>
      <c r="K16002" s="9">
        <v>1.1100000000000001</v>
      </c>
      <c r="L16002" s="6" t="s">
        <v>51</v>
      </c>
    </row>
    <row r="16003" spans="1:12">
      <c r="A16003" s="6" t="s">
        <v>15677</v>
      </c>
      <c r="B16003" s="6"/>
      <c r="C16003" s="6" t="s">
        <v>16029</v>
      </c>
      <c r="D16003" s="6"/>
      <c r="E16003" s="6" t="s">
        <v>9</v>
      </c>
      <c r="F16003" s="7">
        <v>38657</v>
      </c>
      <c r="G16003" s="8">
        <v>1</v>
      </c>
      <c r="H16003" s="8">
        <v>1</v>
      </c>
      <c r="I16003" s="8">
        <v>0</v>
      </c>
      <c r="J16003" s="8">
        <v>1</v>
      </c>
      <c r="K16003" s="9">
        <v>968</v>
      </c>
      <c r="L16003" s="6" t="s">
        <v>51</v>
      </c>
    </row>
    <row r="16004" spans="1:12">
      <c r="A16004" s="6" t="s">
        <v>15677</v>
      </c>
      <c r="B16004" s="6"/>
      <c r="C16004" s="6" t="s">
        <v>16030</v>
      </c>
      <c r="D16004" s="6"/>
      <c r="E16004" s="6" t="s">
        <v>9</v>
      </c>
      <c r="F16004" s="7">
        <v>38657</v>
      </c>
      <c r="G16004" s="8">
        <v>1</v>
      </c>
      <c r="H16004" s="8">
        <v>1</v>
      </c>
      <c r="I16004" s="8">
        <v>0</v>
      </c>
      <c r="J16004" s="8">
        <v>1</v>
      </c>
      <c r="K16004" s="9">
        <v>328</v>
      </c>
      <c r="L16004" s="6" t="s">
        <v>51</v>
      </c>
    </row>
    <row r="16005" spans="1:12">
      <c r="A16005" s="6" t="s">
        <v>15677</v>
      </c>
      <c r="B16005" s="6"/>
      <c r="C16005" s="6" t="s">
        <v>16031</v>
      </c>
      <c r="D16005" s="6"/>
      <c r="E16005" s="6" t="s">
        <v>9</v>
      </c>
      <c r="F16005" s="7">
        <v>38657</v>
      </c>
      <c r="G16005" s="8">
        <v>1</v>
      </c>
      <c r="H16005" s="8">
        <v>1</v>
      </c>
      <c r="I16005" s="8">
        <v>0</v>
      </c>
      <c r="J16005" s="8">
        <v>1</v>
      </c>
      <c r="K16005" s="9">
        <v>241</v>
      </c>
      <c r="L16005" s="6" t="s">
        <v>51</v>
      </c>
    </row>
    <row r="16006" spans="1:12">
      <c r="A16006" s="6" t="s">
        <v>15677</v>
      </c>
      <c r="B16006" s="6"/>
      <c r="C16006" s="6" t="s">
        <v>16032</v>
      </c>
      <c r="D16006" s="6"/>
      <c r="E16006" s="6" t="s">
        <v>9</v>
      </c>
      <c r="F16006" s="7">
        <v>38657</v>
      </c>
      <c r="G16006" s="8">
        <v>1</v>
      </c>
      <c r="H16006" s="8">
        <v>1</v>
      </c>
      <c r="I16006" s="8">
        <v>0</v>
      </c>
      <c r="J16006" s="8">
        <v>1</v>
      </c>
      <c r="K16006" s="9">
        <v>271</v>
      </c>
      <c r="L16006" s="6" t="s">
        <v>51</v>
      </c>
    </row>
    <row r="16007" spans="1:12">
      <c r="A16007" s="6" t="s">
        <v>15677</v>
      </c>
      <c r="B16007" s="6"/>
      <c r="C16007" s="6" t="s">
        <v>16033</v>
      </c>
      <c r="D16007" s="6"/>
      <c r="E16007" s="6" t="s">
        <v>9</v>
      </c>
      <c r="F16007" s="7">
        <v>38657</v>
      </c>
      <c r="G16007" s="8">
        <v>1</v>
      </c>
      <c r="H16007" s="8">
        <v>1</v>
      </c>
      <c r="I16007" s="8">
        <v>0</v>
      </c>
      <c r="J16007" s="8">
        <v>1</v>
      </c>
      <c r="K16007" s="9">
        <v>269</v>
      </c>
      <c r="L16007" s="6" t="s">
        <v>51</v>
      </c>
    </row>
    <row r="16008" spans="1:12">
      <c r="A16008" s="6" t="s">
        <v>15677</v>
      </c>
      <c r="B16008" s="6"/>
      <c r="C16008" s="6" t="s">
        <v>16034</v>
      </c>
      <c r="D16008" s="6"/>
      <c r="E16008" s="6" t="s">
        <v>9</v>
      </c>
      <c r="F16008" s="7">
        <v>38657</v>
      </c>
      <c r="G16008" s="8">
        <v>1</v>
      </c>
      <c r="H16008" s="8">
        <v>1</v>
      </c>
      <c r="I16008" s="8">
        <v>0</v>
      </c>
      <c r="J16008" s="8">
        <v>1</v>
      </c>
      <c r="K16008" s="9">
        <v>153</v>
      </c>
      <c r="L16008" s="6" t="s">
        <v>51</v>
      </c>
    </row>
    <row r="16009" spans="1:12">
      <c r="A16009" s="6" t="s">
        <v>15677</v>
      </c>
      <c r="B16009" s="6"/>
      <c r="C16009" s="6" t="s">
        <v>16035</v>
      </c>
      <c r="D16009" s="6"/>
      <c r="E16009" s="6" t="s">
        <v>9</v>
      </c>
      <c r="F16009" s="7">
        <v>38657</v>
      </c>
      <c r="G16009" s="8">
        <v>1</v>
      </c>
      <c r="H16009" s="8">
        <v>1</v>
      </c>
      <c r="I16009" s="8">
        <v>0</v>
      </c>
      <c r="J16009" s="8">
        <v>1</v>
      </c>
      <c r="K16009" s="9">
        <v>2.21</v>
      </c>
      <c r="L16009" s="6" t="s">
        <v>51</v>
      </c>
    </row>
    <row r="16010" spans="1:12">
      <c r="A16010" s="6" t="s">
        <v>15677</v>
      </c>
      <c r="B16010" s="6"/>
      <c r="C16010" s="6" t="s">
        <v>16036</v>
      </c>
      <c r="D16010" s="6"/>
      <c r="E16010" s="6" t="s">
        <v>9</v>
      </c>
      <c r="F16010" s="7">
        <v>38657</v>
      </c>
      <c r="G16010" s="8">
        <v>1</v>
      </c>
      <c r="H16010" s="8">
        <v>1</v>
      </c>
      <c r="I16010" s="8">
        <v>0</v>
      </c>
      <c r="J16010" s="8">
        <v>1</v>
      </c>
      <c r="K16010" s="9">
        <v>124</v>
      </c>
      <c r="L16010" s="6" t="s">
        <v>51</v>
      </c>
    </row>
    <row r="16011" spans="1:12">
      <c r="A16011" s="6" t="s">
        <v>15677</v>
      </c>
      <c r="B16011" s="6"/>
      <c r="C16011" s="6" t="s">
        <v>16037</v>
      </c>
      <c r="D16011" s="6"/>
      <c r="E16011" s="6" t="s">
        <v>9</v>
      </c>
      <c r="F16011" s="7">
        <v>38657</v>
      </c>
      <c r="G16011" s="8">
        <v>1</v>
      </c>
      <c r="H16011" s="8">
        <v>1</v>
      </c>
      <c r="I16011" s="8">
        <v>0</v>
      </c>
      <c r="J16011" s="8">
        <v>1</v>
      </c>
      <c r="K16011" s="9">
        <v>103.36</v>
      </c>
      <c r="L16011" s="6" t="s">
        <v>51</v>
      </c>
    </row>
    <row r="16012" spans="1:12">
      <c r="A16012" s="6" t="s">
        <v>15677</v>
      </c>
      <c r="B16012" s="6"/>
      <c r="C16012" s="6" t="s">
        <v>16038</v>
      </c>
      <c r="D16012" s="6"/>
      <c r="E16012" s="6" t="s">
        <v>9</v>
      </c>
      <c r="F16012" s="7">
        <v>38657</v>
      </c>
      <c r="G16012" s="8">
        <v>1</v>
      </c>
      <c r="H16012" s="8">
        <v>1</v>
      </c>
      <c r="I16012" s="8">
        <v>0</v>
      </c>
      <c r="J16012" s="8">
        <v>1</v>
      </c>
      <c r="K16012" s="9">
        <v>1725</v>
      </c>
      <c r="L16012" s="6" t="s">
        <v>51</v>
      </c>
    </row>
    <row r="16013" spans="1:12">
      <c r="A16013" s="6" t="s">
        <v>15677</v>
      </c>
      <c r="B16013" s="6"/>
      <c r="C16013" s="6" t="s">
        <v>16039</v>
      </c>
      <c r="D16013" s="6"/>
      <c r="E16013" s="6" t="s">
        <v>9</v>
      </c>
      <c r="F16013" s="7">
        <v>38657</v>
      </c>
      <c r="G16013" s="8">
        <v>1</v>
      </c>
      <c r="H16013" s="8">
        <v>1</v>
      </c>
      <c r="I16013" s="8">
        <v>0</v>
      </c>
      <c r="J16013" s="8">
        <v>1</v>
      </c>
      <c r="K16013" s="9">
        <v>1871</v>
      </c>
      <c r="L16013" s="6" t="s">
        <v>51</v>
      </c>
    </row>
    <row r="16014" spans="1:12">
      <c r="A16014" s="6" t="s">
        <v>15677</v>
      </c>
      <c r="B16014" s="6"/>
      <c r="C16014" s="6" t="s">
        <v>16040</v>
      </c>
      <c r="D16014" s="6"/>
      <c r="E16014" s="6" t="s">
        <v>9</v>
      </c>
      <c r="F16014" s="7">
        <v>38657</v>
      </c>
      <c r="G16014" s="8">
        <v>1</v>
      </c>
      <c r="H16014" s="8">
        <v>1</v>
      </c>
      <c r="I16014" s="8">
        <v>0</v>
      </c>
      <c r="J16014" s="8">
        <v>1</v>
      </c>
      <c r="K16014" s="9">
        <v>925</v>
      </c>
      <c r="L16014" s="6" t="s">
        <v>51</v>
      </c>
    </row>
    <row r="16015" spans="1:12">
      <c r="A16015" s="6" t="s">
        <v>15677</v>
      </c>
      <c r="B16015" s="6"/>
      <c r="C16015" s="6" t="s">
        <v>16041</v>
      </c>
      <c r="D16015" s="6"/>
      <c r="E16015" s="6" t="s">
        <v>9</v>
      </c>
      <c r="F16015" s="7">
        <v>38657</v>
      </c>
      <c r="G16015" s="8">
        <v>1</v>
      </c>
      <c r="H16015" s="8">
        <v>1</v>
      </c>
      <c r="I16015" s="8">
        <v>0</v>
      </c>
      <c r="J16015" s="8">
        <v>1</v>
      </c>
      <c r="K16015" s="9">
        <v>33</v>
      </c>
      <c r="L16015" s="6" t="s">
        <v>51</v>
      </c>
    </row>
    <row r="16016" spans="1:12">
      <c r="A16016" s="6" t="s">
        <v>15677</v>
      </c>
      <c r="B16016" s="6"/>
      <c r="C16016" s="6" t="s">
        <v>16042</v>
      </c>
      <c r="D16016" s="6"/>
      <c r="E16016" s="6" t="s">
        <v>9</v>
      </c>
      <c r="F16016" s="7">
        <v>38657</v>
      </c>
      <c r="G16016" s="8">
        <v>1</v>
      </c>
      <c r="H16016" s="8">
        <v>1</v>
      </c>
      <c r="I16016" s="8">
        <v>0</v>
      </c>
      <c r="J16016" s="8">
        <v>1</v>
      </c>
      <c r="K16016" s="9">
        <v>72</v>
      </c>
      <c r="L16016" s="6" t="s">
        <v>51</v>
      </c>
    </row>
    <row r="16017" spans="1:12">
      <c r="A16017" s="6" t="s">
        <v>15677</v>
      </c>
      <c r="B16017" s="6"/>
      <c r="C16017" s="6" t="s">
        <v>16043</v>
      </c>
      <c r="D16017" s="6"/>
      <c r="E16017" s="6" t="s">
        <v>9</v>
      </c>
      <c r="F16017" s="7">
        <v>38657</v>
      </c>
      <c r="G16017" s="8">
        <v>1</v>
      </c>
      <c r="H16017" s="8">
        <v>1</v>
      </c>
      <c r="I16017" s="8">
        <v>0</v>
      </c>
      <c r="J16017" s="8">
        <v>1</v>
      </c>
      <c r="K16017" s="9">
        <v>1586</v>
      </c>
      <c r="L16017" s="6" t="s">
        <v>51</v>
      </c>
    </row>
    <row r="16018" spans="1:12">
      <c r="A16018" s="6" t="s">
        <v>15677</v>
      </c>
      <c r="B16018" s="6"/>
      <c r="C16018" s="6" t="s">
        <v>16044</v>
      </c>
      <c r="D16018" s="6"/>
      <c r="E16018" s="6" t="s">
        <v>9</v>
      </c>
      <c r="F16018" s="7">
        <v>38657</v>
      </c>
      <c r="G16018" s="8">
        <v>1</v>
      </c>
      <c r="H16018" s="8">
        <v>1</v>
      </c>
      <c r="I16018" s="8">
        <v>0</v>
      </c>
      <c r="J16018" s="8">
        <v>1</v>
      </c>
      <c r="K16018" s="9">
        <v>9.2899999999999903</v>
      </c>
      <c r="L16018" s="6" t="s">
        <v>51</v>
      </c>
    </row>
    <row r="16019" spans="1:12">
      <c r="A16019" s="6" t="s">
        <v>15677</v>
      </c>
      <c r="B16019" s="6"/>
      <c r="C16019" s="6" t="s">
        <v>16045</v>
      </c>
      <c r="D16019" s="6"/>
      <c r="E16019" s="6" t="s">
        <v>9</v>
      </c>
      <c r="F16019" s="7">
        <v>38657</v>
      </c>
      <c r="G16019" s="8">
        <v>1</v>
      </c>
      <c r="H16019" s="8">
        <v>1</v>
      </c>
      <c r="I16019" s="8">
        <v>0</v>
      </c>
      <c r="J16019" s="8">
        <v>1</v>
      </c>
      <c r="K16019" s="9">
        <v>1.01</v>
      </c>
      <c r="L16019" s="6" t="s">
        <v>51</v>
      </c>
    </row>
    <row r="16020" spans="1:12">
      <c r="A16020" s="6" t="s">
        <v>15677</v>
      </c>
      <c r="B16020" s="6"/>
      <c r="C16020" s="6" t="s">
        <v>16046</v>
      </c>
      <c r="D16020" s="6"/>
      <c r="E16020" s="6" t="s">
        <v>9</v>
      </c>
      <c r="F16020" s="7">
        <v>38657</v>
      </c>
      <c r="G16020" s="8">
        <v>1</v>
      </c>
      <c r="H16020" s="8">
        <v>1</v>
      </c>
      <c r="I16020" s="8">
        <v>0</v>
      </c>
      <c r="J16020" s="8">
        <v>1</v>
      </c>
      <c r="K16020" s="9">
        <v>1.91</v>
      </c>
      <c r="L16020" s="6" t="s">
        <v>51</v>
      </c>
    </row>
    <row r="16021" spans="1:12">
      <c r="A16021" s="6" t="s">
        <v>15677</v>
      </c>
      <c r="B16021" s="6"/>
      <c r="C16021" s="6" t="s">
        <v>16047</v>
      </c>
      <c r="D16021" s="6"/>
      <c r="E16021" s="6" t="s">
        <v>9</v>
      </c>
      <c r="F16021" s="7">
        <v>38657</v>
      </c>
      <c r="G16021" s="8">
        <v>1</v>
      </c>
      <c r="H16021" s="8">
        <v>1</v>
      </c>
      <c r="I16021" s="8">
        <v>0</v>
      </c>
      <c r="J16021" s="8">
        <v>1</v>
      </c>
      <c r="K16021" s="9">
        <v>3.57</v>
      </c>
      <c r="L16021" s="6" t="s">
        <v>51</v>
      </c>
    </row>
    <row r="16022" spans="1:12">
      <c r="A16022" s="6" t="s">
        <v>15677</v>
      </c>
      <c r="B16022" s="6"/>
      <c r="C16022" s="6" t="s">
        <v>16048</v>
      </c>
      <c r="D16022" s="6"/>
      <c r="E16022" s="6" t="s">
        <v>9</v>
      </c>
      <c r="F16022" s="7">
        <v>38657</v>
      </c>
      <c r="G16022" s="8">
        <v>1</v>
      </c>
      <c r="H16022" s="8">
        <v>1</v>
      </c>
      <c r="I16022" s="8">
        <v>0</v>
      </c>
      <c r="J16022" s="8">
        <v>1</v>
      </c>
      <c r="K16022" s="9">
        <v>38.33</v>
      </c>
      <c r="L16022" s="6" t="s">
        <v>51</v>
      </c>
    </row>
    <row r="16023" spans="1:12">
      <c r="A16023" s="6" t="s">
        <v>15677</v>
      </c>
      <c r="B16023" s="6"/>
      <c r="C16023" s="6" t="s">
        <v>16049</v>
      </c>
      <c r="D16023" s="6"/>
      <c r="E16023" s="6" t="s">
        <v>9</v>
      </c>
      <c r="F16023" s="7">
        <v>38657</v>
      </c>
      <c r="G16023" s="8">
        <v>1</v>
      </c>
      <c r="H16023" s="8">
        <v>1</v>
      </c>
      <c r="I16023" s="8">
        <v>0</v>
      </c>
      <c r="J16023" s="8">
        <v>1</v>
      </c>
      <c r="K16023" s="9">
        <v>68.44</v>
      </c>
      <c r="L16023" s="6" t="s">
        <v>51</v>
      </c>
    </row>
    <row r="16024" spans="1:12">
      <c r="A16024" s="6" t="s">
        <v>15677</v>
      </c>
      <c r="B16024" s="6"/>
      <c r="C16024" s="6" t="s">
        <v>16050</v>
      </c>
      <c r="D16024" s="6"/>
      <c r="E16024" s="6" t="s">
        <v>9</v>
      </c>
      <c r="F16024" s="7">
        <v>38657</v>
      </c>
      <c r="G16024" s="8">
        <v>1</v>
      </c>
      <c r="H16024" s="8">
        <v>1</v>
      </c>
      <c r="I16024" s="8">
        <v>0</v>
      </c>
      <c r="J16024" s="8">
        <v>1</v>
      </c>
      <c r="K16024" s="9">
        <v>13.34</v>
      </c>
      <c r="L16024" s="6" t="s">
        <v>51</v>
      </c>
    </row>
    <row r="16025" spans="1:12">
      <c r="A16025" s="6" t="s">
        <v>15677</v>
      </c>
      <c r="B16025" s="6"/>
      <c r="C16025" s="6" t="s">
        <v>16051</v>
      </c>
      <c r="D16025" s="6"/>
      <c r="E16025" s="6" t="s">
        <v>9</v>
      </c>
      <c r="F16025" s="7">
        <v>38657</v>
      </c>
      <c r="G16025" s="8">
        <v>1</v>
      </c>
      <c r="H16025" s="8">
        <v>1</v>
      </c>
      <c r="I16025" s="8">
        <v>0</v>
      </c>
      <c r="J16025" s="8">
        <v>1</v>
      </c>
      <c r="K16025" s="9">
        <v>55.86</v>
      </c>
      <c r="L16025" s="6" t="s">
        <v>51</v>
      </c>
    </row>
    <row r="16026" spans="1:12">
      <c r="A16026" s="6" t="s">
        <v>15677</v>
      </c>
      <c r="B16026" s="6"/>
      <c r="C16026" s="6" t="s">
        <v>16052</v>
      </c>
      <c r="D16026" s="6"/>
      <c r="E16026" s="6" t="s">
        <v>9</v>
      </c>
      <c r="F16026" s="7">
        <v>38657</v>
      </c>
      <c r="G16026" s="8">
        <v>1</v>
      </c>
      <c r="H16026" s="8">
        <v>1</v>
      </c>
      <c r="I16026" s="8">
        <v>0</v>
      </c>
      <c r="J16026" s="8">
        <v>1</v>
      </c>
      <c r="K16026" s="9">
        <v>3.71</v>
      </c>
      <c r="L16026" s="6" t="s">
        <v>51</v>
      </c>
    </row>
    <row r="16027" spans="1:12">
      <c r="A16027" s="6" t="s">
        <v>15677</v>
      </c>
      <c r="B16027" s="6"/>
      <c r="C16027" s="6" t="s">
        <v>16053</v>
      </c>
      <c r="D16027" s="6"/>
      <c r="E16027" s="6" t="s">
        <v>9</v>
      </c>
      <c r="F16027" s="7">
        <v>38657</v>
      </c>
      <c r="G16027" s="8">
        <v>1</v>
      </c>
      <c r="H16027" s="8">
        <v>1</v>
      </c>
      <c r="I16027" s="8">
        <v>0</v>
      </c>
      <c r="J16027" s="8">
        <v>1</v>
      </c>
      <c r="K16027" s="9">
        <v>67.349999999999895</v>
      </c>
      <c r="L16027" s="6" t="s">
        <v>51</v>
      </c>
    </row>
    <row r="16028" spans="1:12">
      <c r="A16028" s="6" t="s">
        <v>15677</v>
      </c>
      <c r="B16028" s="6"/>
      <c r="C16028" s="6" t="s">
        <v>16054</v>
      </c>
      <c r="D16028" s="6"/>
      <c r="E16028" s="6" t="s">
        <v>9</v>
      </c>
      <c r="F16028" s="7">
        <v>38657</v>
      </c>
      <c r="G16028" s="8">
        <v>1</v>
      </c>
      <c r="H16028" s="8">
        <v>1</v>
      </c>
      <c r="I16028" s="8">
        <v>0</v>
      </c>
      <c r="J16028" s="8">
        <v>1</v>
      </c>
      <c r="K16028" s="9">
        <v>0.56999999999999895</v>
      </c>
      <c r="L16028" s="6" t="s">
        <v>51</v>
      </c>
    </row>
    <row r="16029" spans="1:12">
      <c r="A16029" s="6" t="s">
        <v>15677</v>
      </c>
      <c r="B16029" s="6"/>
      <c r="C16029" s="6" t="s">
        <v>16055</v>
      </c>
      <c r="D16029" s="6"/>
      <c r="E16029" s="6" t="s">
        <v>9</v>
      </c>
      <c r="F16029" s="7">
        <v>38657</v>
      </c>
      <c r="G16029" s="8">
        <v>1</v>
      </c>
      <c r="H16029" s="8">
        <v>1</v>
      </c>
      <c r="I16029" s="8">
        <v>0</v>
      </c>
      <c r="J16029" s="8">
        <v>1</v>
      </c>
      <c r="K16029" s="9">
        <v>48.64</v>
      </c>
      <c r="L16029" s="6" t="s">
        <v>51</v>
      </c>
    </row>
    <row r="16030" spans="1:12">
      <c r="A16030" s="6" t="s">
        <v>15677</v>
      </c>
      <c r="B16030" s="6"/>
      <c r="C16030" s="6" t="s">
        <v>16056</v>
      </c>
      <c r="D16030" s="6"/>
      <c r="E16030" s="6" t="s">
        <v>9</v>
      </c>
      <c r="F16030" s="7">
        <v>38657</v>
      </c>
      <c r="G16030" s="8">
        <v>1</v>
      </c>
      <c r="H16030" s="8">
        <v>1</v>
      </c>
      <c r="I16030" s="8">
        <v>0</v>
      </c>
      <c r="J16030" s="8">
        <v>1</v>
      </c>
      <c r="K16030" s="9">
        <v>108.39</v>
      </c>
      <c r="L16030" s="6" t="s">
        <v>51</v>
      </c>
    </row>
    <row r="16031" spans="1:12">
      <c r="A16031" s="6" t="s">
        <v>15677</v>
      </c>
      <c r="B16031" s="6"/>
      <c r="C16031" s="6" t="s">
        <v>16057</v>
      </c>
      <c r="D16031" s="6"/>
      <c r="E16031" s="6" t="s">
        <v>9</v>
      </c>
      <c r="F16031" s="7">
        <v>38657</v>
      </c>
      <c r="G16031" s="8">
        <v>1</v>
      </c>
      <c r="H16031" s="8">
        <v>1</v>
      </c>
      <c r="I16031" s="8">
        <v>0</v>
      </c>
      <c r="J16031" s="8">
        <v>1</v>
      </c>
      <c r="K16031" s="9">
        <v>3.1</v>
      </c>
      <c r="L16031" s="6" t="s">
        <v>51</v>
      </c>
    </row>
    <row r="16032" spans="1:12">
      <c r="A16032" s="6" t="s">
        <v>15677</v>
      </c>
      <c r="B16032" s="6"/>
      <c r="C16032" s="6" t="s">
        <v>16058</v>
      </c>
      <c r="D16032" s="6"/>
      <c r="E16032" s="6" t="s">
        <v>9</v>
      </c>
      <c r="F16032" s="7">
        <v>38657</v>
      </c>
      <c r="G16032" s="8">
        <v>1</v>
      </c>
      <c r="H16032" s="8">
        <v>1</v>
      </c>
      <c r="I16032" s="8">
        <v>0</v>
      </c>
      <c r="J16032" s="8">
        <v>1</v>
      </c>
      <c r="K16032" s="9">
        <v>0.49</v>
      </c>
      <c r="L16032" s="6" t="s">
        <v>51</v>
      </c>
    </row>
    <row r="16033" spans="1:12">
      <c r="A16033" s="6" t="s">
        <v>15677</v>
      </c>
      <c r="B16033" s="6"/>
      <c r="C16033" s="6" t="s">
        <v>16059</v>
      </c>
      <c r="D16033" s="6"/>
      <c r="E16033" s="6" t="s">
        <v>9</v>
      </c>
      <c r="F16033" s="7">
        <v>38657</v>
      </c>
      <c r="G16033" s="8">
        <v>1</v>
      </c>
      <c r="H16033" s="8">
        <v>1</v>
      </c>
      <c r="I16033" s="8">
        <v>0</v>
      </c>
      <c r="J16033" s="8">
        <v>1</v>
      </c>
      <c r="K16033" s="9">
        <v>9.91</v>
      </c>
      <c r="L16033" s="6" t="s">
        <v>51</v>
      </c>
    </row>
    <row r="16034" spans="1:12">
      <c r="A16034" s="6" t="s">
        <v>15677</v>
      </c>
      <c r="B16034" s="6"/>
      <c r="C16034" s="6" t="s">
        <v>16060</v>
      </c>
      <c r="D16034" s="6"/>
      <c r="E16034" s="6" t="s">
        <v>9</v>
      </c>
      <c r="F16034" s="7">
        <v>38657</v>
      </c>
      <c r="G16034" s="8">
        <v>1</v>
      </c>
      <c r="H16034" s="8">
        <v>1</v>
      </c>
      <c r="I16034" s="8">
        <v>0</v>
      </c>
      <c r="J16034" s="8">
        <v>1</v>
      </c>
      <c r="K16034" s="9">
        <v>32</v>
      </c>
      <c r="L16034" s="6" t="s">
        <v>51</v>
      </c>
    </row>
    <row r="16035" spans="1:12">
      <c r="A16035" s="6" t="s">
        <v>15677</v>
      </c>
      <c r="B16035" s="6"/>
      <c r="C16035" s="6" t="s">
        <v>16061</v>
      </c>
      <c r="D16035" s="6"/>
      <c r="E16035" s="6" t="s">
        <v>9</v>
      </c>
      <c r="F16035" s="7">
        <v>38657</v>
      </c>
      <c r="G16035" s="8">
        <v>1</v>
      </c>
      <c r="H16035" s="8">
        <v>1</v>
      </c>
      <c r="I16035" s="8">
        <v>0</v>
      </c>
      <c r="J16035" s="8">
        <v>1</v>
      </c>
      <c r="K16035" s="9">
        <v>8.26</v>
      </c>
      <c r="L16035" s="6" t="s">
        <v>51</v>
      </c>
    </row>
    <row r="16036" spans="1:12">
      <c r="A16036" s="6" t="s">
        <v>15677</v>
      </c>
      <c r="B16036" s="6"/>
      <c r="C16036" s="6" t="s">
        <v>16062</v>
      </c>
      <c r="D16036" s="6"/>
      <c r="E16036" s="6" t="s">
        <v>9</v>
      </c>
      <c r="F16036" s="7">
        <v>38657</v>
      </c>
      <c r="G16036" s="8">
        <v>1</v>
      </c>
      <c r="H16036" s="8">
        <v>1</v>
      </c>
      <c r="I16036" s="8">
        <v>0</v>
      </c>
      <c r="J16036" s="8">
        <v>1</v>
      </c>
      <c r="K16036" s="9">
        <v>32.130000000000003</v>
      </c>
      <c r="L16036" s="6" t="s">
        <v>51</v>
      </c>
    </row>
    <row r="16037" spans="1:12">
      <c r="A16037" s="6" t="s">
        <v>15677</v>
      </c>
      <c r="B16037" s="6"/>
      <c r="C16037" s="6" t="s">
        <v>16063</v>
      </c>
      <c r="D16037" s="6"/>
      <c r="E16037" s="6" t="s">
        <v>9</v>
      </c>
      <c r="F16037" s="7">
        <v>38657</v>
      </c>
      <c r="G16037" s="8">
        <v>1</v>
      </c>
      <c r="H16037" s="8">
        <v>1</v>
      </c>
      <c r="I16037" s="8">
        <v>0</v>
      </c>
      <c r="J16037" s="8">
        <v>1</v>
      </c>
      <c r="K16037" s="9">
        <v>40.44</v>
      </c>
      <c r="L16037" s="6" t="s">
        <v>51</v>
      </c>
    </row>
    <row r="16038" spans="1:12">
      <c r="A16038" s="6" t="s">
        <v>15677</v>
      </c>
      <c r="B16038" s="6"/>
      <c r="C16038" s="6" t="s">
        <v>16064</v>
      </c>
      <c r="D16038" s="6"/>
      <c r="E16038" s="6" t="s">
        <v>9</v>
      </c>
      <c r="F16038" s="7">
        <v>38657</v>
      </c>
      <c r="G16038" s="8">
        <v>1</v>
      </c>
      <c r="H16038" s="8">
        <v>1</v>
      </c>
      <c r="I16038" s="8">
        <v>0</v>
      </c>
      <c r="J16038" s="8">
        <v>1</v>
      </c>
      <c r="K16038" s="9">
        <v>41.85</v>
      </c>
      <c r="L16038" s="6" t="s">
        <v>51</v>
      </c>
    </row>
    <row r="16039" spans="1:12">
      <c r="A16039" s="6" t="s">
        <v>15677</v>
      </c>
      <c r="B16039" s="6"/>
      <c r="C16039" s="6" t="s">
        <v>16065</v>
      </c>
      <c r="D16039" s="6"/>
      <c r="E16039" s="6" t="s">
        <v>9</v>
      </c>
      <c r="F16039" s="7">
        <v>38657</v>
      </c>
      <c r="G16039" s="8">
        <v>1</v>
      </c>
      <c r="H16039" s="8">
        <v>1</v>
      </c>
      <c r="I16039" s="8">
        <v>0</v>
      </c>
      <c r="J16039" s="8">
        <v>1</v>
      </c>
      <c r="K16039" s="9">
        <v>22.35</v>
      </c>
      <c r="L16039" s="6" t="s">
        <v>51</v>
      </c>
    </row>
    <row r="16040" spans="1:12">
      <c r="A16040" s="6" t="s">
        <v>15677</v>
      </c>
      <c r="B16040" s="6"/>
      <c r="C16040" s="6" t="s">
        <v>16066</v>
      </c>
      <c r="D16040" s="6"/>
      <c r="E16040" s="6" t="s">
        <v>9</v>
      </c>
      <c r="F16040" s="7">
        <v>38657</v>
      </c>
      <c r="G16040" s="8">
        <v>1</v>
      </c>
      <c r="H16040" s="8">
        <v>1</v>
      </c>
      <c r="I16040" s="8">
        <v>0</v>
      </c>
      <c r="J16040" s="8">
        <v>1</v>
      </c>
      <c r="K16040" s="9">
        <v>9</v>
      </c>
      <c r="L16040" s="6" t="s">
        <v>51</v>
      </c>
    </row>
    <row r="16041" spans="1:12">
      <c r="A16041" s="6" t="s">
        <v>15677</v>
      </c>
      <c r="B16041" s="6"/>
      <c r="C16041" s="6" t="s">
        <v>16067</v>
      </c>
      <c r="D16041" s="6"/>
      <c r="E16041" s="6" t="s">
        <v>9</v>
      </c>
      <c r="F16041" s="7">
        <v>38657</v>
      </c>
      <c r="G16041" s="8">
        <v>1</v>
      </c>
      <c r="H16041" s="8">
        <v>1</v>
      </c>
      <c r="I16041" s="8">
        <v>0</v>
      </c>
      <c r="J16041" s="8">
        <v>1</v>
      </c>
      <c r="K16041" s="9">
        <v>5.42</v>
      </c>
      <c r="L16041" s="6" t="s">
        <v>51</v>
      </c>
    </row>
    <row r="16042" spans="1:12">
      <c r="A16042" s="6" t="s">
        <v>15677</v>
      </c>
      <c r="B16042" s="6"/>
      <c r="C16042" s="6" t="s">
        <v>16068</v>
      </c>
      <c r="D16042" s="6"/>
      <c r="E16042" s="6" t="s">
        <v>9</v>
      </c>
      <c r="F16042" s="7">
        <v>38657</v>
      </c>
      <c r="G16042" s="8">
        <v>1</v>
      </c>
      <c r="H16042" s="8">
        <v>1</v>
      </c>
      <c r="I16042" s="8">
        <v>0</v>
      </c>
      <c r="J16042" s="8">
        <v>1</v>
      </c>
      <c r="K16042" s="9">
        <v>41</v>
      </c>
      <c r="L16042" s="6" t="s">
        <v>51</v>
      </c>
    </row>
    <row r="16043" spans="1:12">
      <c r="A16043" s="6" t="s">
        <v>15677</v>
      </c>
      <c r="B16043" s="6"/>
      <c r="C16043" s="6" t="s">
        <v>16069</v>
      </c>
      <c r="D16043" s="6"/>
      <c r="E16043" s="6" t="s">
        <v>9</v>
      </c>
      <c r="F16043" s="7">
        <v>38657</v>
      </c>
      <c r="G16043" s="8">
        <v>1</v>
      </c>
      <c r="H16043" s="8">
        <v>1</v>
      </c>
      <c r="I16043" s="8">
        <v>0</v>
      </c>
      <c r="J16043" s="8">
        <v>1</v>
      </c>
      <c r="K16043" s="9">
        <v>3.3</v>
      </c>
      <c r="L16043" s="6" t="s">
        <v>51</v>
      </c>
    </row>
    <row r="16044" spans="1:12">
      <c r="A16044" s="6" t="s">
        <v>15677</v>
      </c>
      <c r="B16044" s="6"/>
      <c r="C16044" s="6" t="s">
        <v>16070</v>
      </c>
      <c r="D16044" s="6"/>
      <c r="E16044" s="6" t="s">
        <v>9</v>
      </c>
      <c r="F16044" s="7">
        <v>38657</v>
      </c>
      <c r="G16044" s="8">
        <v>1</v>
      </c>
      <c r="H16044" s="8">
        <v>1</v>
      </c>
      <c r="I16044" s="8">
        <v>0</v>
      </c>
      <c r="J16044" s="8">
        <v>1</v>
      </c>
      <c r="K16044" s="9">
        <v>4.7</v>
      </c>
      <c r="L16044" s="6" t="s">
        <v>51</v>
      </c>
    </row>
    <row r="16045" spans="1:12">
      <c r="A16045" s="6" t="s">
        <v>15677</v>
      </c>
      <c r="B16045" s="6"/>
      <c r="C16045" s="6" t="s">
        <v>16071</v>
      </c>
      <c r="D16045" s="6"/>
      <c r="E16045" s="6" t="s">
        <v>9</v>
      </c>
      <c r="F16045" s="7">
        <v>38657</v>
      </c>
      <c r="G16045" s="8">
        <v>1</v>
      </c>
      <c r="H16045" s="8">
        <v>1</v>
      </c>
      <c r="I16045" s="8">
        <v>0</v>
      </c>
      <c r="J16045" s="8">
        <v>1</v>
      </c>
      <c r="K16045" s="9">
        <v>50</v>
      </c>
      <c r="L16045" s="6" t="s">
        <v>51</v>
      </c>
    </row>
    <row r="16046" spans="1:12">
      <c r="A16046" s="6" t="s">
        <v>15677</v>
      </c>
      <c r="B16046" s="6"/>
      <c r="C16046" s="6" t="s">
        <v>16072</v>
      </c>
      <c r="D16046" s="6"/>
      <c r="E16046" s="6" t="s">
        <v>9</v>
      </c>
      <c r="F16046" s="7">
        <v>38657</v>
      </c>
      <c r="G16046" s="8">
        <v>1</v>
      </c>
      <c r="H16046" s="8">
        <v>1</v>
      </c>
      <c r="I16046" s="8">
        <v>0</v>
      </c>
      <c r="J16046" s="8">
        <v>1</v>
      </c>
      <c r="K16046" s="9">
        <v>13</v>
      </c>
      <c r="L16046" s="6" t="s">
        <v>51</v>
      </c>
    </row>
    <row r="16047" spans="1:12">
      <c r="A16047" s="6" t="s">
        <v>15677</v>
      </c>
      <c r="B16047" s="6"/>
      <c r="C16047" s="6" t="s">
        <v>16073</v>
      </c>
      <c r="D16047" s="6"/>
      <c r="E16047" s="6" t="s">
        <v>9</v>
      </c>
      <c r="F16047" s="7">
        <v>38657</v>
      </c>
      <c r="G16047" s="8">
        <v>1</v>
      </c>
      <c r="H16047" s="8">
        <v>1</v>
      </c>
      <c r="I16047" s="8">
        <v>0</v>
      </c>
      <c r="J16047" s="8">
        <v>1</v>
      </c>
      <c r="K16047" s="9">
        <v>39</v>
      </c>
      <c r="L16047" s="6" t="s">
        <v>51</v>
      </c>
    </row>
    <row r="16048" spans="1:12">
      <c r="A16048" s="6" t="s">
        <v>15677</v>
      </c>
      <c r="B16048" s="6"/>
      <c r="C16048" s="6" t="s">
        <v>16074</v>
      </c>
      <c r="D16048" s="6"/>
      <c r="E16048" s="6" t="s">
        <v>9</v>
      </c>
      <c r="F16048" s="7">
        <v>38657</v>
      </c>
      <c r="G16048" s="8">
        <v>1</v>
      </c>
      <c r="H16048" s="8">
        <v>1</v>
      </c>
      <c r="I16048" s="8">
        <v>0</v>
      </c>
      <c r="J16048" s="8">
        <v>1</v>
      </c>
      <c r="K16048" s="9">
        <v>112</v>
      </c>
      <c r="L16048" s="6" t="s">
        <v>51</v>
      </c>
    </row>
    <row r="16049" spans="1:12">
      <c r="A16049" s="6" t="s">
        <v>15677</v>
      </c>
      <c r="B16049" s="6"/>
      <c r="C16049" s="6" t="s">
        <v>16075</v>
      </c>
      <c r="D16049" s="6"/>
      <c r="E16049" s="6" t="s">
        <v>9</v>
      </c>
      <c r="F16049" s="7">
        <v>38657</v>
      </c>
      <c r="G16049" s="8">
        <v>1</v>
      </c>
      <c r="H16049" s="8">
        <v>1</v>
      </c>
      <c r="I16049" s="8">
        <v>0</v>
      </c>
      <c r="J16049" s="8">
        <v>1</v>
      </c>
      <c r="K16049" s="9">
        <v>62</v>
      </c>
      <c r="L16049" s="6" t="s">
        <v>51</v>
      </c>
    </row>
    <row r="16050" spans="1:12">
      <c r="A16050" s="6" t="s">
        <v>15677</v>
      </c>
      <c r="B16050" s="6"/>
      <c r="C16050" s="6" t="s">
        <v>16076</v>
      </c>
      <c r="D16050" s="6"/>
      <c r="E16050" s="6" t="s">
        <v>9</v>
      </c>
      <c r="F16050" s="7">
        <v>38657</v>
      </c>
      <c r="G16050" s="8">
        <v>1</v>
      </c>
      <c r="H16050" s="8">
        <v>1</v>
      </c>
      <c r="I16050" s="8">
        <v>0</v>
      </c>
      <c r="J16050" s="8">
        <v>1</v>
      </c>
      <c r="K16050" s="9">
        <v>112</v>
      </c>
      <c r="L16050" s="6" t="s">
        <v>51</v>
      </c>
    </row>
    <row r="16051" spans="1:12">
      <c r="A16051" s="6" t="s">
        <v>15677</v>
      </c>
      <c r="B16051" s="6"/>
      <c r="C16051" s="6" t="s">
        <v>16077</v>
      </c>
      <c r="D16051" s="6"/>
      <c r="E16051" s="6" t="s">
        <v>9</v>
      </c>
      <c r="F16051" s="7">
        <v>38657</v>
      </c>
      <c r="G16051" s="8">
        <v>1</v>
      </c>
      <c r="H16051" s="8">
        <v>1</v>
      </c>
      <c r="I16051" s="8">
        <v>0</v>
      </c>
      <c r="J16051" s="8">
        <v>1</v>
      </c>
      <c r="K16051" s="9">
        <v>13</v>
      </c>
      <c r="L16051" s="6" t="s">
        <v>51</v>
      </c>
    </row>
    <row r="16052" spans="1:12">
      <c r="A16052" s="6" t="s">
        <v>15677</v>
      </c>
      <c r="B16052" s="6"/>
      <c r="C16052" s="6" t="s">
        <v>16078</v>
      </c>
      <c r="D16052" s="6"/>
      <c r="E16052" s="6" t="s">
        <v>9</v>
      </c>
      <c r="F16052" s="7">
        <v>38657</v>
      </c>
      <c r="G16052" s="8">
        <v>1</v>
      </c>
      <c r="H16052" s="8">
        <v>1</v>
      </c>
      <c r="I16052" s="8">
        <v>0</v>
      </c>
      <c r="J16052" s="8">
        <v>1</v>
      </c>
      <c r="K16052" s="9">
        <v>69</v>
      </c>
      <c r="L16052" s="6" t="s">
        <v>51</v>
      </c>
    </row>
    <row r="16053" spans="1:12">
      <c r="A16053" s="6" t="s">
        <v>15677</v>
      </c>
      <c r="B16053" s="6"/>
      <c r="C16053" s="6" t="s">
        <v>16079</v>
      </c>
      <c r="D16053" s="6"/>
      <c r="E16053" s="6" t="s">
        <v>9</v>
      </c>
      <c r="F16053" s="7">
        <v>38657</v>
      </c>
      <c r="G16053" s="8">
        <v>1</v>
      </c>
      <c r="H16053" s="8">
        <v>1</v>
      </c>
      <c r="I16053" s="8">
        <v>0</v>
      </c>
      <c r="J16053" s="8">
        <v>1</v>
      </c>
      <c r="K16053" s="9">
        <v>4.25</v>
      </c>
      <c r="L16053" s="6" t="s">
        <v>51</v>
      </c>
    </row>
    <row r="16054" spans="1:12">
      <c r="A16054" s="6" t="s">
        <v>15677</v>
      </c>
      <c r="B16054" s="6"/>
      <c r="C16054" s="6" t="s">
        <v>16080</v>
      </c>
      <c r="D16054" s="6"/>
      <c r="E16054" s="6" t="s">
        <v>9</v>
      </c>
      <c r="F16054" s="7">
        <v>38657</v>
      </c>
      <c r="G16054" s="8">
        <v>1</v>
      </c>
      <c r="H16054" s="8">
        <v>1</v>
      </c>
      <c r="I16054" s="8">
        <v>0</v>
      </c>
      <c r="J16054" s="8">
        <v>1</v>
      </c>
      <c r="K16054" s="9">
        <v>3.3</v>
      </c>
      <c r="L16054" s="6" t="s">
        <v>51</v>
      </c>
    </row>
    <row r="16055" spans="1:12">
      <c r="A16055" s="6" t="s">
        <v>15677</v>
      </c>
      <c r="B16055" s="6"/>
      <c r="C16055" s="6" t="s">
        <v>16081</v>
      </c>
      <c r="D16055" s="6"/>
      <c r="E16055" s="6" t="s">
        <v>9</v>
      </c>
      <c r="F16055" s="7">
        <v>38657</v>
      </c>
      <c r="G16055" s="8">
        <v>1</v>
      </c>
      <c r="H16055" s="8">
        <v>1</v>
      </c>
      <c r="I16055" s="8">
        <v>0</v>
      </c>
      <c r="J16055" s="8">
        <v>1</v>
      </c>
      <c r="K16055" s="9">
        <v>55.41</v>
      </c>
      <c r="L16055" s="6" t="s">
        <v>51</v>
      </c>
    </row>
    <row r="16056" spans="1:12">
      <c r="A16056" s="6" t="s">
        <v>15677</v>
      </c>
      <c r="B16056" s="6"/>
      <c r="C16056" s="6" t="s">
        <v>16082</v>
      </c>
      <c r="D16056" s="6"/>
      <c r="E16056" s="6" t="s">
        <v>9</v>
      </c>
      <c r="F16056" s="7">
        <v>38657</v>
      </c>
      <c r="G16056" s="8">
        <v>1</v>
      </c>
      <c r="H16056" s="8">
        <v>1</v>
      </c>
      <c r="I16056" s="8">
        <v>0</v>
      </c>
      <c r="J16056" s="8">
        <v>1</v>
      </c>
      <c r="K16056" s="9">
        <v>18.36</v>
      </c>
      <c r="L16056" s="6" t="s">
        <v>51</v>
      </c>
    </row>
    <row r="16057" spans="1:12">
      <c r="A16057" s="6" t="s">
        <v>15677</v>
      </c>
      <c r="B16057" s="6"/>
      <c r="C16057" s="6" t="s">
        <v>16083</v>
      </c>
      <c r="D16057" s="6"/>
      <c r="E16057" s="6" t="s">
        <v>9</v>
      </c>
      <c r="F16057" s="7">
        <v>38657</v>
      </c>
      <c r="G16057" s="8">
        <v>1</v>
      </c>
      <c r="H16057" s="8">
        <v>1</v>
      </c>
      <c r="I16057" s="8">
        <v>0</v>
      </c>
      <c r="J16057" s="8">
        <v>1</v>
      </c>
      <c r="K16057" s="9">
        <v>162</v>
      </c>
      <c r="L16057" s="6" t="s">
        <v>51</v>
      </c>
    </row>
    <row r="16058" spans="1:12">
      <c r="A16058" s="6" t="s">
        <v>15677</v>
      </c>
      <c r="B16058" s="6"/>
      <c r="C16058" s="6" t="s">
        <v>16084</v>
      </c>
      <c r="D16058" s="6"/>
      <c r="E16058" s="6" t="s">
        <v>9</v>
      </c>
      <c r="F16058" s="7">
        <v>38657</v>
      </c>
      <c r="G16058" s="8">
        <v>1</v>
      </c>
      <c r="H16058" s="8">
        <v>1</v>
      </c>
      <c r="I16058" s="8">
        <v>0</v>
      </c>
      <c r="J16058" s="8">
        <v>1</v>
      </c>
      <c r="K16058" s="9">
        <v>120</v>
      </c>
      <c r="L16058" s="6" t="s">
        <v>51</v>
      </c>
    </row>
    <row r="16059" spans="1:12">
      <c r="A16059" s="6" t="s">
        <v>15677</v>
      </c>
      <c r="B16059" s="6"/>
      <c r="C16059" s="6" t="s">
        <v>16085</v>
      </c>
      <c r="D16059" s="6"/>
      <c r="E16059" s="6" t="s">
        <v>9</v>
      </c>
      <c r="F16059" s="7">
        <v>38657</v>
      </c>
      <c r="G16059" s="8">
        <v>1</v>
      </c>
      <c r="H16059" s="8">
        <v>1</v>
      </c>
      <c r="I16059" s="8">
        <v>0</v>
      </c>
      <c r="J16059" s="8">
        <v>1</v>
      </c>
      <c r="K16059" s="9">
        <v>158</v>
      </c>
      <c r="L16059" s="6" t="s">
        <v>51</v>
      </c>
    </row>
    <row r="16060" spans="1:12">
      <c r="A16060" s="6" t="s">
        <v>15677</v>
      </c>
      <c r="B16060" s="6"/>
      <c r="C16060" s="6" t="s">
        <v>16086</v>
      </c>
      <c r="D16060" s="6"/>
      <c r="E16060" s="6" t="s">
        <v>9</v>
      </c>
      <c r="F16060" s="7">
        <v>38657</v>
      </c>
      <c r="G16060" s="8">
        <v>1</v>
      </c>
      <c r="H16060" s="8">
        <v>1</v>
      </c>
      <c r="I16060" s="8">
        <v>0</v>
      </c>
      <c r="J16060" s="8">
        <v>1</v>
      </c>
      <c r="K16060" s="9">
        <v>70</v>
      </c>
      <c r="L16060" s="6" t="s">
        <v>51</v>
      </c>
    </row>
    <row r="16061" spans="1:12">
      <c r="A16061" s="6" t="s">
        <v>15677</v>
      </c>
      <c r="B16061" s="6"/>
      <c r="C16061" s="6" t="s">
        <v>16087</v>
      </c>
      <c r="D16061" s="6"/>
      <c r="E16061" s="6" t="s">
        <v>9</v>
      </c>
      <c r="F16061" s="7">
        <v>38657</v>
      </c>
      <c r="G16061" s="8">
        <v>1</v>
      </c>
      <c r="H16061" s="8">
        <v>1</v>
      </c>
      <c r="I16061" s="8">
        <v>0</v>
      </c>
      <c r="J16061" s="8">
        <v>1</v>
      </c>
      <c r="K16061" s="9">
        <v>42</v>
      </c>
      <c r="L16061" s="6" t="s">
        <v>51</v>
      </c>
    </row>
    <row r="16062" spans="1:12">
      <c r="A16062" s="6" t="s">
        <v>15677</v>
      </c>
      <c r="B16062" s="6"/>
      <c r="C16062" s="6" t="s">
        <v>16088</v>
      </c>
      <c r="D16062" s="6"/>
      <c r="E16062" s="6" t="s">
        <v>9</v>
      </c>
      <c r="F16062" s="7">
        <v>38657</v>
      </c>
      <c r="G16062" s="8">
        <v>1</v>
      </c>
      <c r="H16062" s="8">
        <v>1</v>
      </c>
      <c r="I16062" s="8">
        <v>0</v>
      </c>
      <c r="J16062" s="8">
        <v>1</v>
      </c>
      <c r="K16062" s="9">
        <v>59</v>
      </c>
      <c r="L16062" s="6" t="s">
        <v>51</v>
      </c>
    </row>
    <row r="16063" spans="1:12">
      <c r="A16063" s="6" t="s">
        <v>15677</v>
      </c>
      <c r="B16063" s="6"/>
      <c r="C16063" s="6" t="s">
        <v>16089</v>
      </c>
      <c r="D16063" s="6"/>
      <c r="E16063" s="6" t="s">
        <v>9</v>
      </c>
      <c r="F16063" s="7">
        <v>38657</v>
      </c>
      <c r="G16063" s="8">
        <v>1</v>
      </c>
      <c r="H16063" s="8">
        <v>1</v>
      </c>
      <c r="I16063" s="8">
        <v>0</v>
      </c>
      <c r="J16063" s="8">
        <v>1</v>
      </c>
      <c r="K16063" s="9">
        <v>62</v>
      </c>
      <c r="L16063" s="6" t="s">
        <v>51</v>
      </c>
    </row>
    <row r="16064" spans="1:12">
      <c r="A16064" s="6" t="s">
        <v>15677</v>
      </c>
      <c r="B16064" s="6"/>
      <c r="C16064" s="6" t="s">
        <v>16090</v>
      </c>
      <c r="D16064" s="6"/>
      <c r="E16064" s="6" t="s">
        <v>9</v>
      </c>
      <c r="F16064" s="7">
        <v>38657</v>
      </c>
      <c r="G16064" s="8">
        <v>1</v>
      </c>
      <c r="H16064" s="8">
        <v>1</v>
      </c>
      <c r="I16064" s="8">
        <v>0</v>
      </c>
      <c r="J16064" s="8">
        <v>1</v>
      </c>
      <c r="K16064" s="9">
        <v>66</v>
      </c>
      <c r="L16064" s="6" t="s">
        <v>51</v>
      </c>
    </row>
    <row r="16065" spans="1:12">
      <c r="A16065" s="6" t="s">
        <v>15677</v>
      </c>
      <c r="B16065" s="6"/>
      <c r="C16065" s="6" t="s">
        <v>16091</v>
      </c>
      <c r="D16065" s="6"/>
      <c r="E16065" s="6" t="s">
        <v>9</v>
      </c>
      <c r="F16065" s="7">
        <v>38657</v>
      </c>
      <c r="G16065" s="8">
        <v>1</v>
      </c>
      <c r="H16065" s="8">
        <v>1</v>
      </c>
      <c r="I16065" s="8">
        <v>0</v>
      </c>
      <c r="J16065" s="8">
        <v>1</v>
      </c>
      <c r="K16065" s="9">
        <v>0.56000000000000005</v>
      </c>
      <c r="L16065" s="6" t="s">
        <v>51</v>
      </c>
    </row>
    <row r="16066" spans="1:12">
      <c r="A16066" s="6" t="s">
        <v>15677</v>
      </c>
      <c r="B16066" s="6"/>
      <c r="C16066" s="6" t="s">
        <v>16092</v>
      </c>
      <c r="D16066" s="6"/>
      <c r="E16066" s="6" t="s">
        <v>9</v>
      </c>
      <c r="F16066" s="7">
        <v>38657</v>
      </c>
      <c r="G16066" s="8">
        <v>1</v>
      </c>
      <c r="H16066" s="8">
        <v>1</v>
      </c>
      <c r="I16066" s="8">
        <v>0</v>
      </c>
      <c r="J16066" s="8">
        <v>1</v>
      </c>
      <c r="K16066" s="9">
        <v>52</v>
      </c>
      <c r="L16066" s="6" t="s">
        <v>51</v>
      </c>
    </row>
    <row r="16067" spans="1:12">
      <c r="A16067" s="6" t="s">
        <v>15677</v>
      </c>
      <c r="B16067" s="6"/>
      <c r="C16067" s="6" t="s">
        <v>16093</v>
      </c>
      <c r="D16067" s="6"/>
      <c r="E16067" s="6" t="s">
        <v>9</v>
      </c>
      <c r="F16067" s="7">
        <v>38657</v>
      </c>
      <c r="G16067" s="8">
        <v>1</v>
      </c>
      <c r="H16067" s="8">
        <v>1</v>
      </c>
      <c r="I16067" s="8">
        <v>0</v>
      </c>
      <c r="J16067" s="8">
        <v>1</v>
      </c>
      <c r="K16067" s="9">
        <v>59</v>
      </c>
      <c r="L16067" s="6" t="s">
        <v>51</v>
      </c>
    </row>
    <row r="16068" spans="1:12">
      <c r="A16068" s="6" t="s">
        <v>15677</v>
      </c>
      <c r="B16068" s="6"/>
      <c r="C16068" s="6" t="s">
        <v>16094</v>
      </c>
      <c r="D16068" s="6"/>
      <c r="E16068" s="6" t="s">
        <v>9</v>
      </c>
      <c r="F16068" s="7">
        <v>38657</v>
      </c>
      <c r="G16068" s="8">
        <v>1</v>
      </c>
      <c r="H16068" s="8">
        <v>1</v>
      </c>
      <c r="I16068" s="8">
        <v>0</v>
      </c>
      <c r="J16068" s="8">
        <v>1</v>
      </c>
      <c r="K16068" s="9">
        <v>62</v>
      </c>
      <c r="L16068" s="6" t="s">
        <v>51</v>
      </c>
    </row>
    <row r="16069" spans="1:12">
      <c r="A16069" s="6" t="s">
        <v>15677</v>
      </c>
      <c r="B16069" s="6"/>
      <c r="C16069" s="6" t="s">
        <v>16095</v>
      </c>
      <c r="D16069" s="6"/>
      <c r="E16069" s="6" t="s">
        <v>9</v>
      </c>
      <c r="F16069" s="7">
        <v>38657</v>
      </c>
      <c r="G16069" s="8">
        <v>1</v>
      </c>
      <c r="H16069" s="8">
        <v>1</v>
      </c>
      <c r="I16069" s="8">
        <v>0</v>
      </c>
      <c r="J16069" s="8">
        <v>1</v>
      </c>
      <c r="K16069" s="9">
        <v>62</v>
      </c>
      <c r="L16069" s="6" t="s">
        <v>51</v>
      </c>
    </row>
    <row r="16070" spans="1:12">
      <c r="A16070" s="6" t="s">
        <v>15677</v>
      </c>
      <c r="B16070" s="6"/>
      <c r="C16070" s="6" t="s">
        <v>16096</v>
      </c>
      <c r="D16070" s="6"/>
      <c r="E16070" s="6" t="s">
        <v>9</v>
      </c>
      <c r="F16070" s="7">
        <v>38657</v>
      </c>
      <c r="G16070" s="8">
        <v>1</v>
      </c>
      <c r="H16070" s="8">
        <v>1</v>
      </c>
      <c r="I16070" s="8">
        <v>0</v>
      </c>
      <c r="J16070" s="8">
        <v>1</v>
      </c>
      <c r="K16070" s="9">
        <v>76</v>
      </c>
      <c r="L16070" s="6" t="s">
        <v>51</v>
      </c>
    </row>
    <row r="16071" spans="1:12">
      <c r="A16071" s="6" t="s">
        <v>15677</v>
      </c>
      <c r="B16071" s="6"/>
      <c r="C16071" s="6" t="s">
        <v>16097</v>
      </c>
      <c r="D16071" s="6"/>
      <c r="E16071" s="6" t="s">
        <v>9</v>
      </c>
      <c r="F16071" s="7">
        <v>38657</v>
      </c>
      <c r="G16071" s="8">
        <v>1</v>
      </c>
      <c r="H16071" s="8">
        <v>1</v>
      </c>
      <c r="I16071" s="8">
        <v>0</v>
      </c>
      <c r="J16071" s="8">
        <v>1</v>
      </c>
      <c r="K16071" s="9">
        <v>59</v>
      </c>
      <c r="L16071" s="6" t="s">
        <v>51</v>
      </c>
    </row>
    <row r="16072" spans="1:12">
      <c r="A16072" s="6" t="s">
        <v>15677</v>
      </c>
      <c r="B16072" s="6"/>
      <c r="C16072" s="6" t="s">
        <v>16098</v>
      </c>
      <c r="D16072" s="6"/>
      <c r="E16072" s="6" t="s">
        <v>9</v>
      </c>
      <c r="F16072" s="7">
        <v>38657</v>
      </c>
      <c r="G16072" s="8">
        <v>1</v>
      </c>
      <c r="H16072" s="8">
        <v>1</v>
      </c>
      <c r="I16072" s="8">
        <v>0</v>
      </c>
      <c r="J16072" s="8">
        <v>1</v>
      </c>
      <c r="K16072" s="9">
        <v>62</v>
      </c>
      <c r="L16072" s="6" t="s">
        <v>51</v>
      </c>
    </row>
    <row r="16073" spans="1:12">
      <c r="A16073" s="6" t="s">
        <v>15677</v>
      </c>
      <c r="B16073" s="6"/>
      <c r="C16073" s="6" t="s">
        <v>16099</v>
      </c>
      <c r="D16073" s="6"/>
      <c r="E16073" s="6" t="s">
        <v>9</v>
      </c>
      <c r="F16073" s="7">
        <v>38657</v>
      </c>
      <c r="G16073" s="8">
        <v>1</v>
      </c>
      <c r="H16073" s="8">
        <v>1</v>
      </c>
      <c r="I16073" s="8">
        <v>0</v>
      </c>
      <c r="J16073" s="8">
        <v>1</v>
      </c>
      <c r="K16073" s="9">
        <v>66</v>
      </c>
      <c r="L16073" s="6" t="s">
        <v>51</v>
      </c>
    </row>
    <row r="16074" spans="1:12">
      <c r="A16074" s="6" t="s">
        <v>15677</v>
      </c>
      <c r="B16074" s="6"/>
      <c r="C16074" s="6" t="s">
        <v>16100</v>
      </c>
      <c r="D16074" s="6"/>
      <c r="E16074" s="6" t="s">
        <v>9</v>
      </c>
      <c r="F16074" s="7">
        <v>38657</v>
      </c>
      <c r="G16074" s="8">
        <v>1</v>
      </c>
      <c r="H16074" s="8">
        <v>1</v>
      </c>
      <c r="I16074" s="8">
        <v>0</v>
      </c>
      <c r="J16074" s="8">
        <v>1</v>
      </c>
      <c r="K16074" s="9">
        <v>29</v>
      </c>
      <c r="L16074" s="6" t="s">
        <v>51</v>
      </c>
    </row>
    <row r="16075" spans="1:12">
      <c r="A16075" s="6" t="s">
        <v>15677</v>
      </c>
      <c r="B16075" s="6"/>
      <c r="C16075" s="6" t="s">
        <v>16101</v>
      </c>
      <c r="D16075" s="6"/>
      <c r="E16075" s="6" t="s">
        <v>9</v>
      </c>
      <c r="F16075" s="7">
        <v>38657</v>
      </c>
      <c r="G16075" s="8">
        <v>1</v>
      </c>
      <c r="H16075" s="8">
        <v>1</v>
      </c>
      <c r="I16075" s="8">
        <v>0</v>
      </c>
      <c r="J16075" s="8">
        <v>1</v>
      </c>
      <c r="K16075" s="9">
        <v>59</v>
      </c>
      <c r="L16075" s="6" t="s">
        <v>51</v>
      </c>
    </row>
    <row r="16076" spans="1:12">
      <c r="A16076" s="6" t="s">
        <v>15677</v>
      </c>
      <c r="B16076" s="6"/>
      <c r="C16076" s="6" t="s">
        <v>16102</v>
      </c>
      <c r="D16076" s="6"/>
      <c r="E16076" s="6" t="s">
        <v>9</v>
      </c>
      <c r="F16076" s="7">
        <v>38657</v>
      </c>
      <c r="G16076" s="8">
        <v>1</v>
      </c>
      <c r="H16076" s="8">
        <v>1</v>
      </c>
      <c r="I16076" s="8">
        <v>0</v>
      </c>
      <c r="J16076" s="8">
        <v>1</v>
      </c>
      <c r="K16076" s="9">
        <v>9.91</v>
      </c>
      <c r="L16076" s="6" t="s">
        <v>51</v>
      </c>
    </row>
    <row r="16077" spans="1:12">
      <c r="A16077" s="6" t="s">
        <v>15677</v>
      </c>
      <c r="B16077" s="6"/>
      <c r="C16077" s="6" t="s">
        <v>16103</v>
      </c>
      <c r="D16077" s="6"/>
      <c r="E16077" s="6" t="s">
        <v>9</v>
      </c>
      <c r="F16077" s="7">
        <v>38657</v>
      </c>
      <c r="G16077" s="8">
        <v>1</v>
      </c>
      <c r="H16077" s="8">
        <v>1</v>
      </c>
      <c r="I16077" s="8">
        <v>0</v>
      </c>
      <c r="J16077" s="8">
        <v>1</v>
      </c>
      <c r="K16077" s="9">
        <v>62</v>
      </c>
      <c r="L16077" s="6" t="s">
        <v>51</v>
      </c>
    </row>
    <row r="16078" spans="1:12">
      <c r="A16078" s="6" t="s">
        <v>15677</v>
      </c>
      <c r="B16078" s="6"/>
      <c r="C16078" s="6" t="s">
        <v>16104</v>
      </c>
      <c r="D16078" s="6"/>
      <c r="E16078" s="6" t="s">
        <v>9</v>
      </c>
      <c r="F16078" s="7">
        <v>38657</v>
      </c>
      <c r="G16078" s="8">
        <v>1</v>
      </c>
      <c r="H16078" s="8">
        <v>1</v>
      </c>
      <c r="I16078" s="8">
        <v>0</v>
      </c>
      <c r="J16078" s="8">
        <v>1</v>
      </c>
      <c r="K16078" s="9">
        <v>49</v>
      </c>
      <c r="L16078" s="6" t="s">
        <v>51</v>
      </c>
    </row>
    <row r="16079" spans="1:12">
      <c r="A16079" s="6" t="s">
        <v>15677</v>
      </c>
      <c r="B16079" s="6"/>
      <c r="C16079" s="6" t="s">
        <v>16105</v>
      </c>
      <c r="D16079" s="6"/>
      <c r="E16079" s="6" t="s">
        <v>9</v>
      </c>
      <c r="F16079" s="7">
        <v>38657</v>
      </c>
      <c r="G16079" s="8">
        <v>1</v>
      </c>
      <c r="H16079" s="8">
        <v>1</v>
      </c>
      <c r="I16079" s="8">
        <v>0</v>
      </c>
      <c r="J16079" s="8">
        <v>1</v>
      </c>
      <c r="K16079" s="9">
        <v>23</v>
      </c>
      <c r="L16079" s="6" t="s">
        <v>51</v>
      </c>
    </row>
    <row r="16080" spans="1:12">
      <c r="A16080" s="6" t="s">
        <v>15677</v>
      </c>
      <c r="B16080" s="6"/>
      <c r="C16080" s="6" t="s">
        <v>16106</v>
      </c>
      <c r="D16080" s="6"/>
      <c r="E16080" s="6" t="s">
        <v>9</v>
      </c>
      <c r="F16080" s="7">
        <v>38657</v>
      </c>
      <c r="G16080" s="8">
        <v>1</v>
      </c>
      <c r="H16080" s="8">
        <v>1</v>
      </c>
      <c r="I16080" s="8">
        <v>0</v>
      </c>
      <c r="J16080" s="8">
        <v>1</v>
      </c>
      <c r="K16080" s="9">
        <v>39</v>
      </c>
      <c r="L16080" s="6" t="s">
        <v>51</v>
      </c>
    </row>
    <row r="16081" spans="1:12">
      <c r="A16081" s="6" t="s">
        <v>15677</v>
      </c>
      <c r="B16081" s="6"/>
      <c r="C16081" s="6" t="s">
        <v>16107</v>
      </c>
      <c r="D16081" s="6"/>
      <c r="E16081" s="6" t="s">
        <v>9</v>
      </c>
      <c r="F16081" s="7">
        <v>38657</v>
      </c>
      <c r="G16081" s="8">
        <v>1</v>
      </c>
      <c r="H16081" s="8">
        <v>1</v>
      </c>
      <c r="I16081" s="8">
        <v>0</v>
      </c>
      <c r="J16081" s="8">
        <v>1</v>
      </c>
      <c r="K16081" s="9">
        <v>46</v>
      </c>
      <c r="L16081" s="6" t="s">
        <v>51</v>
      </c>
    </row>
    <row r="16082" spans="1:12">
      <c r="A16082" s="6" t="s">
        <v>15677</v>
      </c>
      <c r="B16082" s="6"/>
      <c r="C16082" s="6" t="s">
        <v>16108</v>
      </c>
      <c r="D16082" s="6"/>
      <c r="E16082" s="6" t="s">
        <v>9</v>
      </c>
      <c r="F16082" s="7">
        <v>38657</v>
      </c>
      <c r="G16082" s="8">
        <v>1</v>
      </c>
      <c r="H16082" s="8">
        <v>1</v>
      </c>
      <c r="I16082" s="8">
        <v>0</v>
      </c>
      <c r="J16082" s="8">
        <v>1</v>
      </c>
      <c r="K16082" s="9">
        <v>178</v>
      </c>
      <c r="L16082" s="6" t="s">
        <v>51</v>
      </c>
    </row>
    <row r="16083" spans="1:12">
      <c r="A16083" s="6" t="s">
        <v>15677</v>
      </c>
      <c r="B16083" s="6"/>
      <c r="C16083" s="6" t="s">
        <v>16109</v>
      </c>
      <c r="D16083" s="6"/>
      <c r="E16083" s="6" t="s">
        <v>9</v>
      </c>
      <c r="F16083" s="7">
        <v>38657</v>
      </c>
      <c r="G16083" s="8">
        <v>1</v>
      </c>
      <c r="H16083" s="8">
        <v>1</v>
      </c>
      <c r="I16083" s="8">
        <v>0</v>
      </c>
      <c r="J16083" s="8">
        <v>1</v>
      </c>
      <c r="K16083" s="9">
        <v>26</v>
      </c>
      <c r="L16083" s="6" t="s">
        <v>51</v>
      </c>
    </row>
    <row r="16084" spans="1:12">
      <c r="A16084" s="6" t="s">
        <v>15677</v>
      </c>
      <c r="B16084" s="6"/>
      <c r="C16084" s="6" t="s">
        <v>16110</v>
      </c>
      <c r="D16084" s="6"/>
      <c r="E16084" s="6" t="s">
        <v>9</v>
      </c>
      <c r="F16084" s="7">
        <v>38657</v>
      </c>
      <c r="G16084" s="8">
        <v>1</v>
      </c>
      <c r="H16084" s="8">
        <v>1</v>
      </c>
      <c r="I16084" s="8">
        <v>0</v>
      </c>
      <c r="J16084" s="8">
        <v>1</v>
      </c>
      <c r="K16084" s="9">
        <v>59</v>
      </c>
      <c r="L16084" s="6" t="s">
        <v>51</v>
      </c>
    </row>
    <row r="16085" spans="1:12">
      <c r="A16085" s="6" t="s">
        <v>15677</v>
      </c>
      <c r="B16085" s="6"/>
      <c r="C16085" s="6" t="s">
        <v>16111</v>
      </c>
      <c r="D16085" s="6"/>
      <c r="E16085" s="6" t="s">
        <v>9</v>
      </c>
      <c r="F16085" s="7">
        <v>38657</v>
      </c>
      <c r="G16085" s="8">
        <v>1</v>
      </c>
      <c r="H16085" s="8">
        <v>1</v>
      </c>
      <c r="I16085" s="8">
        <v>0</v>
      </c>
      <c r="J16085" s="8">
        <v>1</v>
      </c>
      <c r="K16085" s="9">
        <v>39</v>
      </c>
      <c r="L16085" s="6" t="s">
        <v>51</v>
      </c>
    </row>
    <row r="16086" spans="1:12">
      <c r="A16086" s="6" t="s">
        <v>15677</v>
      </c>
      <c r="B16086" s="6"/>
      <c r="C16086" s="6" t="s">
        <v>16112</v>
      </c>
      <c r="D16086" s="6"/>
      <c r="E16086" s="6" t="s">
        <v>9</v>
      </c>
      <c r="F16086" s="7">
        <v>38657</v>
      </c>
      <c r="G16086" s="8">
        <v>1</v>
      </c>
      <c r="H16086" s="8">
        <v>1</v>
      </c>
      <c r="I16086" s="8">
        <v>0</v>
      </c>
      <c r="J16086" s="8">
        <v>1</v>
      </c>
      <c r="K16086" s="9">
        <v>42</v>
      </c>
      <c r="L16086" s="6" t="s">
        <v>51</v>
      </c>
    </row>
    <row r="16087" spans="1:12">
      <c r="A16087" s="6" t="s">
        <v>15677</v>
      </c>
      <c r="B16087" s="6"/>
      <c r="C16087" s="6" t="s">
        <v>16113</v>
      </c>
      <c r="D16087" s="6"/>
      <c r="E16087" s="6" t="s">
        <v>9</v>
      </c>
      <c r="F16087" s="7">
        <v>38657</v>
      </c>
      <c r="G16087" s="8">
        <v>1</v>
      </c>
      <c r="H16087" s="8">
        <v>1</v>
      </c>
      <c r="I16087" s="8">
        <v>0</v>
      </c>
      <c r="J16087" s="8">
        <v>1</v>
      </c>
      <c r="K16087" s="9">
        <v>0.99</v>
      </c>
      <c r="L16087" s="6" t="s">
        <v>51</v>
      </c>
    </row>
    <row r="16088" spans="1:12">
      <c r="A16088" s="6" t="s">
        <v>15677</v>
      </c>
      <c r="B16088" s="6"/>
      <c r="C16088" s="6" t="s">
        <v>16114</v>
      </c>
      <c r="D16088" s="6"/>
      <c r="E16088" s="6" t="s">
        <v>9</v>
      </c>
      <c r="F16088" s="7">
        <v>38657</v>
      </c>
      <c r="G16088" s="8">
        <v>1</v>
      </c>
      <c r="H16088" s="8">
        <v>1</v>
      </c>
      <c r="I16088" s="8">
        <v>0</v>
      </c>
      <c r="J16088" s="8">
        <v>1</v>
      </c>
      <c r="K16088" s="9">
        <v>66</v>
      </c>
      <c r="L16088" s="6" t="s">
        <v>51</v>
      </c>
    </row>
    <row r="16089" spans="1:12">
      <c r="A16089" s="6" t="s">
        <v>15677</v>
      </c>
      <c r="B16089" s="6"/>
      <c r="C16089" s="6" t="s">
        <v>16115</v>
      </c>
      <c r="D16089" s="6"/>
      <c r="E16089" s="6" t="s">
        <v>9</v>
      </c>
      <c r="F16089" s="7">
        <v>38657</v>
      </c>
      <c r="G16089" s="8">
        <v>1</v>
      </c>
      <c r="H16089" s="8">
        <v>1</v>
      </c>
      <c r="I16089" s="8">
        <v>0</v>
      </c>
      <c r="J16089" s="8">
        <v>1</v>
      </c>
      <c r="K16089" s="9">
        <v>66</v>
      </c>
      <c r="L16089" s="6" t="s">
        <v>51</v>
      </c>
    </row>
    <row r="16090" spans="1:12">
      <c r="A16090" s="6" t="s">
        <v>15677</v>
      </c>
      <c r="B16090" s="6"/>
      <c r="C16090" s="6" t="s">
        <v>16116</v>
      </c>
      <c r="D16090" s="6"/>
      <c r="E16090" s="6" t="s">
        <v>9</v>
      </c>
      <c r="F16090" s="7">
        <v>38657</v>
      </c>
      <c r="G16090" s="8">
        <v>1</v>
      </c>
      <c r="H16090" s="8">
        <v>1</v>
      </c>
      <c r="I16090" s="8">
        <v>0</v>
      </c>
      <c r="J16090" s="8">
        <v>1</v>
      </c>
      <c r="K16090" s="9">
        <v>125</v>
      </c>
      <c r="L16090" s="6" t="s">
        <v>51</v>
      </c>
    </row>
    <row r="16091" spans="1:12">
      <c r="A16091" s="6" t="s">
        <v>15677</v>
      </c>
      <c r="B16091" s="6"/>
      <c r="C16091" s="6" t="s">
        <v>16117</v>
      </c>
      <c r="D16091" s="6"/>
      <c r="E16091" s="6" t="s">
        <v>9</v>
      </c>
      <c r="F16091" s="7">
        <v>38657</v>
      </c>
      <c r="G16091" s="8">
        <v>1</v>
      </c>
      <c r="H16091" s="8">
        <v>1</v>
      </c>
      <c r="I16091" s="8">
        <v>0</v>
      </c>
      <c r="J16091" s="8">
        <v>1</v>
      </c>
      <c r="K16091" s="9">
        <v>15.07</v>
      </c>
      <c r="L16091" s="6" t="s">
        <v>51</v>
      </c>
    </row>
    <row r="16092" spans="1:12">
      <c r="A16092" s="6" t="s">
        <v>15677</v>
      </c>
      <c r="B16092" s="6"/>
      <c r="C16092" s="6" t="s">
        <v>16118</v>
      </c>
      <c r="D16092" s="6"/>
      <c r="E16092" s="6" t="s">
        <v>9</v>
      </c>
      <c r="F16092" s="7">
        <v>38657</v>
      </c>
      <c r="G16092" s="8">
        <v>1</v>
      </c>
      <c r="H16092" s="8">
        <v>1</v>
      </c>
      <c r="I16092" s="8">
        <v>0</v>
      </c>
      <c r="J16092" s="8">
        <v>1</v>
      </c>
      <c r="K16092" s="9">
        <v>42</v>
      </c>
      <c r="L16092" s="6" t="s">
        <v>51</v>
      </c>
    </row>
    <row r="16093" spans="1:12">
      <c r="A16093" s="6" t="s">
        <v>15677</v>
      </c>
      <c r="B16093" s="6"/>
      <c r="C16093" s="6" t="s">
        <v>16119</v>
      </c>
      <c r="D16093" s="6"/>
      <c r="E16093" s="6" t="s">
        <v>9</v>
      </c>
      <c r="F16093" s="7">
        <v>38657</v>
      </c>
      <c r="G16093" s="8">
        <v>1</v>
      </c>
      <c r="H16093" s="8">
        <v>1</v>
      </c>
      <c r="I16093" s="8">
        <v>0</v>
      </c>
      <c r="J16093" s="8">
        <v>1</v>
      </c>
      <c r="K16093" s="9">
        <v>76</v>
      </c>
      <c r="L16093" s="6" t="s">
        <v>51</v>
      </c>
    </row>
    <row r="16094" spans="1:12">
      <c r="A16094" s="6" t="s">
        <v>15677</v>
      </c>
      <c r="B16094" s="6"/>
      <c r="C16094" s="6" t="s">
        <v>16120</v>
      </c>
      <c r="D16094" s="6"/>
      <c r="E16094" s="6" t="s">
        <v>9</v>
      </c>
      <c r="F16094" s="7">
        <v>38657</v>
      </c>
      <c r="G16094" s="8">
        <v>1</v>
      </c>
      <c r="H16094" s="8">
        <v>1</v>
      </c>
      <c r="I16094" s="8">
        <v>0</v>
      </c>
      <c r="J16094" s="8">
        <v>1</v>
      </c>
      <c r="K16094" s="9">
        <v>46</v>
      </c>
      <c r="L16094" s="6" t="s">
        <v>51</v>
      </c>
    </row>
    <row r="16095" spans="1:12">
      <c r="A16095" s="6" t="s">
        <v>15677</v>
      </c>
      <c r="B16095" s="6"/>
      <c r="C16095" s="6" t="s">
        <v>16121</v>
      </c>
      <c r="D16095" s="6"/>
      <c r="E16095" s="6" t="s">
        <v>9</v>
      </c>
      <c r="F16095" s="7">
        <v>38657</v>
      </c>
      <c r="G16095" s="8">
        <v>1</v>
      </c>
      <c r="H16095" s="8">
        <v>1</v>
      </c>
      <c r="I16095" s="8">
        <v>0</v>
      </c>
      <c r="J16095" s="8">
        <v>1</v>
      </c>
      <c r="K16095" s="9">
        <v>66</v>
      </c>
      <c r="L16095" s="6" t="s">
        <v>51</v>
      </c>
    </row>
    <row r="16096" spans="1:12">
      <c r="A16096" s="6" t="s">
        <v>15677</v>
      </c>
      <c r="B16096" s="6"/>
      <c r="C16096" s="6" t="s">
        <v>16122</v>
      </c>
      <c r="D16096" s="6"/>
      <c r="E16096" s="6" t="s">
        <v>9</v>
      </c>
      <c r="F16096" s="7">
        <v>38657</v>
      </c>
      <c r="G16096" s="8">
        <v>1</v>
      </c>
      <c r="H16096" s="8">
        <v>1</v>
      </c>
      <c r="I16096" s="8">
        <v>0</v>
      </c>
      <c r="J16096" s="8">
        <v>1</v>
      </c>
      <c r="K16096" s="9">
        <v>218</v>
      </c>
      <c r="L16096" s="6" t="s">
        <v>51</v>
      </c>
    </row>
    <row r="16097" spans="1:12">
      <c r="A16097" s="6" t="s">
        <v>15677</v>
      </c>
      <c r="B16097" s="6"/>
      <c r="C16097" s="6" t="s">
        <v>16123</v>
      </c>
      <c r="D16097" s="6"/>
      <c r="E16097" s="6" t="s">
        <v>9</v>
      </c>
      <c r="F16097" s="7">
        <v>38657</v>
      </c>
      <c r="G16097" s="8">
        <v>1</v>
      </c>
      <c r="H16097" s="8">
        <v>1</v>
      </c>
      <c r="I16097" s="8">
        <v>0</v>
      </c>
      <c r="J16097" s="8">
        <v>1</v>
      </c>
      <c r="K16097" s="9">
        <v>62</v>
      </c>
      <c r="L16097" s="6" t="s">
        <v>51</v>
      </c>
    </row>
    <row r="16098" spans="1:12">
      <c r="A16098" s="6" t="s">
        <v>15677</v>
      </c>
      <c r="B16098" s="6"/>
      <c r="C16098" s="6" t="s">
        <v>16124</v>
      </c>
      <c r="D16098" s="6"/>
      <c r="E16098" s="6" t="s">
        <v>9</v>
      </c>
      <c r="F16098" s="7">
        <v>38657</v>
      </c>
      <c r="G16098" s="8">
        <v>1</v>
      </c>
      <c r="H16098" s="8">
        <v>1</v>
      </c>
      <c r="I16098" s="8">
        <v>0</v>
      </c>
      <c r="J16098" s="8">
        <v>1</v>
      </c>
      <c r="K16098" s="9">
        <v>3.3</v>
      </c>
      <c r="L16098" s="6" t="s">
        <v>51</v>
      </c>
    </row>
    <row r="16099" spans="1:12">
      <c r="A16099" s="6" t="s">
        <v>15677</v>
      </c>
      <c r="B16099" s="6"/>
      <c r="C16099" s="6" t="s">
        <v>16125</v>
      </c>
      <c r="D16099" s="6"/>
      <c r="E16099" s="6" t="s">
        <v>9</v>
      </c>
      <c r="F16099" s="7">
        <v>38657</v>
      </c>
      <c r="G16099" s="8">
        <v>1</v>
      </c>
      <c r="H16099" s="8">
        <v>1</v>
      </c>
      <c r="I16099" s="8">
        <v>0</v>
      </c>
      <c r="J16099" s="8">
        <v>1</v>
      </c>
      <c r="K16099" s="9">
        <v>24</v>
      </c>
      <c r="L16099" s="6" t="s">
        <v>51</v>
      </c>
    </row>
    <row r="16100" spans="1:12">
      <c r="A16100" s="6" t="s">
        <v>15677</v>
      </c>
      <c r="B16100" s="6"/>
      <c r="C16100" s="6" t="s">
        <v>16126</v>
      </c>
      <c r="D16100" s="6"/>
      <c r="E16100" s="6" t="s">
        <v>9</v>
      </c>
      <c r="F16100" s="7">
        <v>38657</v>
      </c>
      <c r="G16100" s="8">
        <v>1</v>
      </c>
      <c r="H16100" s="8">
        <v>1</v>
      </c>
      <c r="I16100" s="8">
        <v>0</v>
      </c>
      <c r="J16100" s="8">
        <v>1</v>
      </c>
      <c r="K16100" s="9">
        <v>16</v>
      </c>
      <c r="L16100" s="6" t="s">
        <v>51</v>
      </c>
    </row>
    <row r="16101" spans="1:12">
      <c r="A16101" s="6" t="s">
        <v>15677</v>
      </c>
      <c r="B16101" s="6"/>
      <c r="C16101" s="6" t="s">
        <v>16127</v>
      </c>
      <c r="D16101" s="6"/>
      <c r="E16101" s="6" t="s">
        <v>9</v>
      </c>
      <c r="F16101" s="7">
        <v>38657</v>
      </c>
      <c r="G16101" s="8">
        <v>1</v>
      </c>
      <c r="H16101" s="8">
        <v>1</v>
      </c>
      <c r="I16101" s="8">
        <v>0</v>
      </c>
      <c r="J16101" s="8">
        <v>1</v>
      </c>
      <c r="K16101" s="9">
        <v>4029</v>
      </c>
      <c r="L16101" s="6" t="s">
        <v>51</v>
      </c>
    </row>
    <row r="16102" spans="1:12">
      <c r="A16102" s="6" t="s">
        <v>15677</v>
      </c>
      <c r="B16102" s="6"/>
      <c r="C16102" s="6" t="s">
        <v>16128</v>
      </c>
      <c r="D16102" s="6"/>
      <c r="E16102" s="6" t="s">
        <v>9</v>
      </c>
      <c r="F16102" s="7">
        <v>38657</v>
      </c>
      <c r="G16102" s="8">
        <v>1</v>
      </c>
      <c r="H16102" s="8">
        <v>1</v>
      </c>
      <c r="I16102" s="8">
        <v>0</v>
      </c>
      <c r="J16102" s="8">
        <v>1</v>
      </c>
      <c r="K16102" s="9">
        <v>24</v>
      </c>
      <c r="L16102" s="6" t="s">
        <v>51</v>
      </c>
    </row>
    <row r="16103" spans="1:12">
      <c r="A16103" s="6" t="s">
        <v>15677</v>
      </c>
      <c r="B16103" s="6"/>
      <c r="C16103" s="6" t="s">
        <v>16129</v>
      </c>
      <c r="D16103" s="6"/>
      <c r="E16103" s="6" t="s">
        <v>9</v>
      </c>
      <c r="F16103" s="7">
        <v>38657</v>
      </c>
      <c r="G16103" s="8">
        <v>1</v>
      </c>
      <c r="H16103" s="8">
        <v>1</v>
      </c>
      <c r="I16103" s="8">
        <v>0</v>
      </c>
      <c r="J16103" s="8">
        <v>1</v>
      </c>
      <c r="K16103" s="9">
        <v>337</v>
      </c>
      <c r="L16103" s="6" t="s">
        <v>51</v>
      </c>
    </row>
    <row r="16104" spans="1:12">
      <c r="A16104" s="6" t="s">
        <v>15677</v>
      </c>
      <c r="B16104" s="6"/>
      <c r="C16104" s="6" t="s">
        <v>16130</v>
      </c>
      <c r="D16104" s="6"/>
      <c r="E16104" s="6" t="s">
        <v>9</v>
      </c>
      <c r="F16104" s="7">
        <v>38657</v>
      </c>
      <c r="G16104" s="8">
        <v>1</v>
      </c>
      <c r="H16104" s="8">
        <v>1</v>
      </c>
      <c r="I16104" s="8">
        <v>0</v>
      </c>
      <c r="J16104" s="8">
        <v>1</v>
      </c>
      <c r="K16104" s="9">
        <v>35</v>
      </c>
      <c r="L16104" s="6" t="s">
        <v>51</v>
      </c>
    </row>
    <row r="16105" spans="1:12">
      <c r="A16105" s="6" t="s">
        <v>15677</v>
      </c>
      <c r="B16105" s="6"/>
      <c r="C16105" s="6" t="s">
        <v>16131</v>
      </c>
      <c r="D16105" s="6"/>
      <c r="E16105" s="6" t="s">
        <v>9</v>
      </c>
      <c r="F16105" s="7">
        <v>38657</v>
      </c>
      <c r="G16105" s="8">
        <v>1</v>
      </c>
      <c r="H16105" s="8">
        <v>1</v>
      </c>
      <c r="I16105" s="8">
        <v>0</v>
      </c>
      <c r="J16105" s="8">
        <v>1</v>
      </c>
      <c r="K16105" s="9">
        <v>26</v>
      </c>
      <c r="L16105" s="6" t="s">
        <v>51</v>
      </c>
    </row>
    <row r="16106" spans="1:12">
      <c r="A16106" s="6" t="s">
        <v>15677</v>
      </c>
      <c r="B16106" s="6"/>
      <c r="C16106" s="6" t="s">
        <v>16132</v>
      </c>
      <c r="D16106" s="6"/>
      <c r="E16106" s="6" t="s">
        <v>9</v>
      </c>
      <c r="F16106" s="7">
        <v>38657</v>
      </c>
      <c r="G16106" s="8">
        <v>1</v>
      </c>
      <c r="H16106" s="8">
        <v>1</v>
      </c>
      <c r="I16106" s="8">
        <v>0</v>
      </c>
      <c r="J16106" s="8">
        <v>1</v>
      </c>
      <c r="K16106" s="9">
        <v>56</v>
      </c>
      <c r="L16106" s="6" t="s">
        <v>51</v>
      </c>
    </row>
    <row r="16107" spans="1:12">
      <c r="A16107" s="6" t="s">
        <v>15677</v>
      </c>
      <c r="B16107" s="6"/>
      <c r="C16107" s="6" t="s">
        <v>16133</v>
      </c>
      <c r="D16107" s="6"/>
      <c r="E16107" s="6" t="s">
        <v>9</v>
      </c>
      <c r="F16107" s="7">
        <v>38657</v>
      </c>
      <c r="G16107" s="8">
        <v>1</v>
      </c>
      <c r="H16107" s="8">
        <v>1</v>
      </c>
      <c r="I16107" s="8">
        <v>0</v>
      </c>
      <c r="J16107" s="8">
        <v>1</v>
      </c>
      <c r="K16107" s="9">
        <v>3.3</v>
      </c>
      <c r="L16107" s="6" t="s">
        <v>51</v>
      </c>
    </row>
    <row r="16108" spans="1:12">
      <c r="A16108" s="6" t="s">
        <v>15677</v>
      </c>
      <c r="B16108" s="6"/>
      <c r="C16108" s="6" t="s">
        <v>16134</v>
      </c>
      <c r="D16108" s="6"/>
      <c r="E16108" s="6" t="s">
        <v>9</v>
      </c>
      <c r="F16108" s="7">
        <v>38657</v>
      </c>
      <c r="G16108" s="8">
        <v>1</v>
      </c>
      <c r="H16108" s="8">
        <v>1</v>
      </c>
      <c r="I16108" s="8">
        <v>0</v>
      </c>
      <c r="J16108" s="8">
        <v>1</v>
      </c>
      <c r="K16108" s="9">
        <v>42</v>
      </c>
      <c r="L16108" s="6" t="s">
        <v>51</v>
      </c>
    </row>
    <row r="16109" spans="1:12">
      <c r="A16109" s="6" t="s">
        <v>15677</v>
      </c>
      <c r="B16109" s="6"/>
      <c r="C16109" s="6" t="s">
        <v>16135</v>
      </c>
      <c r="D16109" s="6"/>
      <c r="E16109" s="6" t="s">
        <v>9</v>
      </c>
      <c r="F16109" s="7">
        <v>38657</v>
      </c>
      <c r="G16109" s="8">
        <v>1</v>
      </c>
      <c r="H16109" s="8">
        <v>1</v>
      </c>
      <c r="I16109" s="8">
        <v>0</v>
      </c>
      <c r="J16109" s="8">
        <v>1</v>
      </c>
      <c r="K16109" s="9">
        <v>3.3</v>
      </c>
      <c r="L16109" s="6" t="s">
        <v>51</v>
      </c>
    </row>
    <row r="16110" spans="1:12">
      <c r="A16110" s="6" t="s">
        <v>15677</v>
      </c>
      <c r="B16110" s="6"/>
      <c r="C16110" s="6" t="s">
        <v>16136</v>
      </c>
      <c r="D16110" s="6"/>
      <c r="E16110" s="6" t="s">
        <v>9</v>
      </c>
      <c r="F16110" s="7">
        <v>38657</v>
      </c>
      <c r="G16110" s="8">
        <v>1</v>
      </c>
      <c r="H16110" s="8">
        <v>1</v>
      </c>
      <c r="I16110" s="8">
        <v>0</v>
      </c>
      <c r="J16110" s="8">
        <v>1</v>
      </c>
      <c r="K16110" s="9">
        <v>9.91</v>
      </c>
      <c r="L16110" s="6" t="s">
        <v>51</v>
      </c>
    </row>
    <row r="16111" spans="1:12">
      <c r="A16111" s="6" t="s">
        <v>15677</v>
      </c>
      <c r="B16111" s="6"/>
      <c r="C16111" s="6" t="s">
        <v>16137</v>
      </c>
      <c r="D16111" s="6"/>
      <c r="E16111" s="6" t="s">
        <v>9</v>
      </c>
      <c r="F16111" s="7">
        <v>38657</v>
      </c>
      <c r="G16111" s="8">
        <v>1</v>
      </c>
      <c r="H16111" s="8">
        <v>1</v>
      </c>
      <c r="I16111" s="8">
        <v>0</v>
      </c>
      <c r="J16111" s="8">
        <v>1</v>
      </c>
      <c r="K16111" s="9">
        <v>72</v>
      </c>
      <c r="L16111" s="6" t="s">
        <v>51</v>
      </c>
    </row>
    <row r="16112" spans="1:12">
      <c r="A16112" s="6" t="s">
        <v>15677</v>
      </c>
      <c r="B16112" s="6"/>
      <c r="C16112" s="6" t="s">
        <v>16138</v>
      </c>
      <c r="D16112" s="6"/>
      <c r="E16112" s="6" t="s">
        <v>9</v>
      </c>
      <c r="F16112" s="7">
        <v>38657</v>
      </c>
      <c r="G16112" s="8">
        <v>1</v>
      </c>
      <c r="H16112" s="8">
        <v>1</v>
      </c>
      <c r="I16112" s="8">
        <v>0</v>
      </c>
      <c r="J16112" s="8">
        <v>1</v>
      </c>
      <c r="K16112" s="9">
        <v>26</v>
      </c>
      <c r="L16112" s="6" t="s">
        <v>51</v>
      </c>
    </row>
    <row r="16113" spans="1:12">
      <c r="A16113" s="6" t="s">
        <v>15677</v>
      </c>
      <c r="B16113" s="6"/>
      <c r="C16113" s="6" t="s">
        <v>16139</v>
      </c>
      <c r="D16113" s="6"/>
      <c r="E16113" s="6" t="s">
        <v>9</v>
      </c>
      <c r="F16113" s="7">
        <v>38657</v>
      </c>
      <c r="G16113" s="8">
        <v>1</v>
      </c>
      <c r="H16113" s="8">
        <v>1</v>
      </c>
      <c r="I16113" s="8">
        <v>0</v>
      </c>
      <c r="J16113" s="8">
        <v>1</v>
      </c>
      <c r="K16113" s="9">
        <v>19</v>
      </c>
      <c r="L16113" s="6" t="s">
        <v>51</v>
      </c>
    </row>
    <row r="16114" spans="1:12">
      <c r="A16114" s="6" t="s">
        <v>15677</v>
      </c>
      <c r="B16114" s="6"/>
      <c r="C16114" s="6" t="s">
        <v>16140</v>
      </c>
      <c r="D16114" s="6"/>
      <c r="E16114" s="6" t="s">
        <v>9</v>
      </c>
      <c r="F16114" s="7">
        <v>38657</v>
      </c>
      <c r="G16114" s="8">
        <v>1</v>
      </c>
      <c r="H16114" s="8">
        <v>1</v>
      </c>
      <c r="I16114" s="8">
        <v>0</v>
      </c>
      <c r="J16114" s="8">
        <v>1</v>
      </c>
      <c r="K16114" s="9">
        <v>13</v>
      </c>
      <c r="L16114" s="6" t="s">
        <v>51</v>
      </c>
    </row>
    <row r="16115" spans="1:12">
      <c r="A16115" s="6" t="s">
        <v>15677</v>
      </c>
      <c r="B16115" s="6"/>
      <c r="C16115" s="6" t="s">
        <v>16141</v>
      </c>
      <c r="D16115" s="6"/>
      <c r="E16115" s="6" t="s">
        <v>9</v>
      </c>
      <c r="F16115" s="7">
        <v>38657</v>
      </c>
      <c r="G16115" s="8">
        <v>1</v>
      </c>
      <c r="H16115" s="8">
        <v>1</v>
      </c>
      <c r="I16115" s="8">
        <v>0</v>
      </c>
      <c r="J16115" s="8">
        <v>1</v>
      </c>
      <c r="K16115" s="9">
        <v>33</v>
      </c>
      <c r="L16115" s="6" t="s">
        <v>51</v>
      </c>
    </row>
    <row r="16116" spans="1:12">
      <c r="A16116" s="6" t="s">
        <v>15677</v>
      </c>
      <c r="B16116" s="6"/>
      <c r="C16116" s="6" t="s">
        <v>16142</v>
      </c>
      <c r="D16116" s="6"/>
      <c r="E16116" s="6" t="s">
        <v>9</v>
      </c>
      <c r="F16116" s="7">
        <v>38657</v>
      </c>
      <c r="G16116" s="8">
        <v>1</v>
      </c>
      <c r="H16116" s="8">
        <v>1</v>
      </c>
      <c r="I16116" s="8">
        <v>0</v>
      </c>
      <c r="J16116" s="8">
        <v>1</v>
      </c>
      <c r="K16116" s="9">
        <v>19</v>
      </c>
      <c r="L16116" s="6" t="s">
        <v>51</v>
      </c>
    </row>
    <row r="16117" spans="1:12">
      <c r="A16117" s="6" t="s">
        <v>15677</v>
      </c>
      <c r="B16117" s="6"/>
      <c r="C16117" s="6" t="s">
        <v>16143</v>
      </c>
      <c r="D16117" s="6"/>
      <c r="E16117" s="6" t="s">
        <v>9</v>
      </c>
      <c r="F16117" s="7">
        <v>38657</v>
      </c>
      <c r="G16117" s="8">
        <v>1</v>
      </c>
      <c r="H16117" s="8">
        <v>1</v>
      </c>
      <c r="I16117" s="8">
        <v>0</v>
      </c>
      <c r="J16117" s="8">
        <v>1</v>
      </c>
      <c r="K16117" s="9">
        <v>39</v>
      </c>
      <c r="L16117" s="6" t="s">
        <v>51</v>
      </c>
    </row>
    <row r="16118" spans="1:12">
      <c r="A16118" s="6" t="s">
        <v>15677</v>
      </c>
      <c r="B16118" s="6"/>
      <c r="C16118" s="6" t="s">
        <v>16144</v>
      </c>
      <c r="D16118" s="6"/>
      <c r="E16118" s="6" t="s">
        <v>9</v>
      </c>
      <c r="F16118" s="7">
        <v>38657</v>
      </c>
      <c r="G16118" s="8">
        <v>1</v>
      </c>
      <c r="H16118" s="8">
        <v>1</v>
      </c>
      <c r="I16118" s="8">
        <v>0</v>
      </c>
      <c r="J16118" s="8">
        <v>1</v>
      </c>
      <c r="K16118" s="9">
        <v>42</v>
      </c>
      <c r="L16118" s="6" t="s">
        <v>51</v>
      </c>
    </row>
    <row r="16119" spans="1:12">
      <c r="A16119" s="6" t="s">
        <v>15677</v>
      </c>
      <c r="B16119" s="6"/>
      <c r="C16119" s="6" t="s">
        <v>16145</v>
      </c>
      <c r="D16119" s="6"/>
      <c r="E16119" s="6" t="s">
        <v>9</v>
      </c>
      <c r="F16119" s="7">
        <v>38657</v>
      </c>
      <c r="G16119" s="8">
        <v>1</v>
      </c>
      <c r="H16119" s="8">
        <v>1</v>
      </c>
      <c r="I16119" s="8">
        <v>0</v>
      </c>
      <c r="J16119" s="8">
        <v>1</v>
      </c>
      <c r="K16119" s="9">
        <v>9.91</v>
      </c>
      <c r="L16119" s="6" t="s">
        <v>51</v>
      </c>
    </row>
    <row r="16120" spans="1:12">
      <c r="A16120" s="6" t="s">
        <v>15677</v>
      </c>
      <c r="B16120" s="6"/>
      <c r="C16120" s="6" t="s">
        <v>16146</v>
      </c>
      <c r="D16120" s="6"/>
      <c r="E16120" s="6" t="s">
        <v>9</v>
      </c>
      <c r="F16120" s="7">
        <v>38657</v>
      </c>
      <c r="G16120" s="8">
        <v>1</v>
      </c>
      <c r="H16120" s="8">
        <v>1</v>
      </c>
      <c r="I16120" s="8">
        <v>0</v>
      </c>
      <c r="J16120" s="8">
        <v>1</v>
      </c>
      <c r="K16120" s="9">
        <v>1.32</v>
      </c>
      <c r="L16120" s="6" t="s">
        <v>51</v>
      </c>
    </row>
    <row r="16121" spans="1:12">
      <c r="A16121" s="6" t="s">
        <v>15677</v>
      </c>
      <c r="B16121" s="6"/>
      <c r="C16121" s="6" t="s">
        <v>16147</v>
      </c>
      <c r="D16121" s="6"/>
      <c r="E16121" s="6" t="s">
        <v>9</v>
      </c>
      <c r="F16121" s="7">
        <v>38657</v>
      </c>
      <c r="G16121" s="8">
        <v>1</v>
      </c>
      <c r="H16121" s="8">
        <v>1</v>
      </c>
      <c r="I16121" s="8">
        <v>0</v>
      </c>
      <c r="J16121" s="8">
        <v>1</v>
      </c>
      <c r="K16121" s="9">
        <v>26</v>
      </c>
      <c r="L16121" s="6" t="s">
        <v>51</v>
      </c>
    </row>
    <row r="16122" spans="1:12">
      <c r="A16122" s="6" t="s">
        <v>15677</v>
      </c>
      <c r="B16122" s="6"/>
      <c r="C16122" s="6" t="s">
        <v>16148</v>
      </c>
      <c r="D16122" s="6"/>
      <c r="E16122" s="6" t="s">
        <v>9</v>
      </c>
      <c r="F16122" s="7">
        <v>38657</v>
      </c>
      <c r="G16122" s="8">
        <v>1</v>
      </c>
      <c r="H16122" s="8">
        <v>1</v>
      </c>
      <c r="I16122" s="8">
        <v>0</v>
      </c>
      <c r="J16122" s="8">
        <v>1</v>
      </c>
      <c r="K16122" s="9">
        <v>16</v>
      </c>
      <c r="L16122" s="6" t="s">
        <v>51</v>
      </c>
    </row>
    <row r="16123" spans="1:12">
      <c r="A16123" s="6" t="s">
        <v>15677</v>
      </c>
      <c r="B16123" s="6"/>
      <c r="C16123" s="6" t="s">
        <v>16149</v>
      </c>
      <c r="D16123" s="6"/>
      <c r="E16123" s="6" t="s">
        <v>9</v>
      </c>
      <c r="F16123" s="7">
        <v>38657</v>
      </c>
      <c r="G16123" s="8">
        <v>1</v>
      </c>
      <c r="H16123" s="8">
        <v>1</v>
      </c>
      <c r="I16123" s="8">
        <v>0</v>
      </c>
      <c r="J16123" s="8">
        <v>1</v>
      </c>
      <c r="K16123" s="9">
        <v>3.3</v>
      </c>
      <c r="L16123" s="6" t="s">
        <v>51</v>
      </c>
    </row>
    <row r="16124" spans="1:12">
      <c r="A16124" s="6" t="s">
        <v>15677</v>
      </c>
      <c r="B16124" s="6"/>
      <c r="C16124" s="6" t="s">
        <v>16150</v>
      </c>
      <c r="D16124" s="6"/>
      <c r="E16124" s="6" t="s">
        <v>9</v>
      </c>
      <c r="F16124" s="7">
        <v>38657</v>
      </c>
      <c r="G16124" s="8">
        <v>1</v>
      </c>
      <c r="H16124" s="8">
        <v>1</v>
      </c>
      <c r="I16124" s="8">
        <v>0</v>
      </c>
      <c r="J16124" s="8">
        <v>1</v>
      </c>
      <c r="K16124" s="9">
        <v>30</v>
      </c>
      <c r="L16124" s="6" t="s">
        <v>51</v>
      </c>
    </row>
    <row r="16125" spans="1:12">
      <c r="A16125" s="6" t="s">
        <v>15677</v>
      </c>
      <c r="B16125" s="6"/>
      <c r="C16125" s="6" t="s">
        <v>16151</v>
      </c>
      <c r="D16125" s="6"/>
      <c r="E16125" s="6" t="s">
        <v>9</v>
      </c>
      <c r="F16125" s="7">
        <v>38657</v>
      </c>
      <c r="G16125" s="8">
        <v>1</v>
      </c>
      <c r="H16125" s="8">
        <v>1</v>
      </c>
      <c r="I16125" s="8">
        <v>0</v>
      </c>
      <c r="J16125" s="8">
        <v>1</v>
      </c>
      <c r="K16125" s="9">
        <v>104</v>
      </c>
      <c r="L16125" s="6" t="s">
        <v>51</v>
      </c>
    </row>
    <row r="16126" spans="1:12">
      <c r="A16126" s="6" t="s">
        <v>15677</v>
      </c>
      <c r="B16126" s="6"/>
      <c r="C16126" s="6" t="s">
        <v>16152</v>
      </c>
      <c r="D16126" s="6"/>
      <c r="E16126" s="6" t="s">
        <v>9</v>
      </c>
      <c r="F16126" s="7">
        <v>38657</v>
      </c>
      <c r="G16126" s="8">
        <v>1</v>
      </c>
      <c r="H16126" s="8">
        <v>1</v>
      </c>
      <c r="I16126" s="8">
        <v>0</v>
      </c>
      <c r="J16126" s="8">
        <v>1</v>
      </c>
      <c r="K16126" s="9">
        <v>10</v>
      </c>
      <c r="L16126" s="6" t="s">
        <v>51</v>
      </c>
    </row>
    <row r="16127" spans="1:12">
      <c r="A16127" s="6" t="s">
        <v>15677</v>
      </c>
      <c r="B16127" s="6"/>
      <c r="C16127" s="6" t="s">
        <v>16153</v>
      </c>
      <c r="D16127" s="6"/>
      <c r="E16127" s="6" t="s">
        <v>9</v>
      </c>
      <c r="F16127" s="7">
        <v>38657</v>
      </c>
      <c r="G16127" s="8">
        <v>1</v>
      </c>
      <c r="H16127" s="8">
        <v>1</v>
      </c>
      <c r="I16127" s="8">
        <v>0</v>
      </c>
      <c r="J16127" s="8">
        <v>1</v>
      </c>
      <c r="K16127" s="9">
        <v>5.77</v>
      </c>
      <c r="L16127" s="6" t="s">
        <v>51</v>
      </c>
    </row>
    <row r="16128" spans="1:12">
      <c r="A16128" s="6" t="s">
        <v>15677</v>
      </c>
      <c r="B16128" s="6"/>
      <c r="C16128" s="6" t="s">
        <v>16154</v>
      </c>
      <c r="D16128" s="6"/>
      <c r="E16128" s="6" t="s">
        <v>9</v>
      </c>
      <c r="F16128" s="7">
        <v>38657</v>
      </c>
      <c r="G16128" s="8">
        <v>1</v>
      </c>
      <c r="H16128" s="8">
        <v>1</v>
      </c>
      <c r="I16128" s="8">
        <v>0</v>
      </c>
      <c r="J16128" s="8">
        <v>1</v>
      </c>
      <c r="K16128" s="9">
        <v>29</v>
      </c>
      <c r="L16128" s="6" t="s">
        <v>51</v>
      </c>
    </row>
    <row r="16129" spans="1:12">
      <c r="A16129" s="6" t="s">
        <v>15677</v>
      </c>
      <c r="B16129" s="6"/>
      <c r="C16129" s="6" t="s">
        <v>16155</v>
      </c>
      <c r="D16129" s="6"/>
      <c r="E16129" s="6" t="s">
        <v>9</v>
      </c>
      <c r="F16129" s="7">
        <v>38657</v>
      </c>
      <c r="G16129" s="8">
        <v>1</v>
      </c>
      <c r="H16129" s="8">
        <v>1</v>
      </c>
      <c r="I16129" s="8">
        <v>0</v>
      </c>
      <c r="J16129" s="8">
        <v>1</v>
      </c>
      <c r="K16129" s="9">
        <v>13</v>
      </c>
      <c r="L16129" s="6" t="s">
        <v>51</v>
      </c>
    </row>
    <row r="16130" spans="1:12">
      <c r="A16130" s="6" t="s">
        <v>15677</v>
      </c>
      <c r="B16130" s="6"/>
      <c r="C16130" s="6" t="s">
        <v>16156</v>
      </c>
      <c r="D16130" s="6"/>
      <c r="E16130" s="6" t="s">
        <v>9</v>
      </c>
      <c r="F16130" s="7">
        <v>38657</v>
      </c>
      <c r="G16130" s="8">
        <v>1</v>
      </c>
      <c r="H16130" s="8">
        <v>1</v>
      </c>
      <c r="I16130" s="8">
        <v>0</v>
      </c>
      <c r="J16130" s="8">
        <v>1</v>
      </c>
      <c r="K16130" s="9">
        <v>19</v>
      </c>
      <c r="L16130" s="6" t="s">
        <v>51</v>
      </c>
    </row>
    <row r="16131" spans="1:12">
      <c r="A16131" s="6" t="s">
        <v>15677</v>
      </c>
      <c r="B16131" s="6"/>
      <c r="C16131" s="6" t="s">
        <v>16157</v>
      </c>
      <c r="D16131" s="6"/>
      <c r="E16131" s="6" t="s">
        <v>9</v>
      </c>
      <c r="F16131" s="7">
        <v>38657</v>
      </c>
      <c r="G16131" s="8">
        <v>1</v>
      </c>
      <c r="H16131" s="8">
        <v>1</v>
      </c>
      <c r="I16131" s="8">
        <v>0</v>
      </c>
      <c r="J16131" s="8">
        <v>1</v>
      </c>
      <c r="K16131" s="9">
        <v>3.3</v>
      </c>
      <c r="L16131" s="6" t="s">
        <v>51</v>
      </c>
    </row>
    <row r="16132" spans="1:12">
      <c r="A16132" s="6" t="s">
        <v>15677</v>
      </c>
      <c r="B16132" s="6"/>
      <c r="C16132" s="6" t="s">
        <v>16158</v>
      </c>
      <c r="D16132" s="6"/>
      <c r="E16132" s="6" t="s">
        <v>9</v>
      </c>
      <c r="F16132" s="7">
        <v>38657</v>
      </c>
      <c r="G16132" s="8">
        <v>1</v>
      </c>
      <c r="H16132" s="8">
        <v>1</v>
      </c>
      <c r="I16132" s="8">
        <v>0</v>
      </c>
      <c r="J16132" s="8">
        <v>1</v>
      </c>
      <c r="K16132" s="9">
        <v>26</v>
      </c>
      <c r="L16132" s="6" t="s">
        <v>51</v>
      </c>
    </row>
    <row r="16133" spans="1:12">
      <c r="A16133" s="6" t="s">
        <v>15677</v>
      </c>
      <c r="B16133" s="6"/>
      <c r="C16133" s="6" t="s">
        <v>16159</v>
      </c>
      <c r="D16133" s="6"/>
      <c r="E16133" s="6" t="s">
        <v>9</v>
      </c>
      <c r="F16133" s="7">
        <v>38657</v>
      </c>
      <c r="G16133" s="8">
        <v>1</v>
      </c>
      <c r="H16133" s="8">
        <v>1</v>
      </c>
      <c r="I16133" s="8">
        <v>0</v>
      </c>
      <c r="J16133" s="8">
        <v>1</v>
      </c>
      <c r="K16133" s="9">
        <v>9.91</v>
      </c>
      <c r="L16133" s="6" t="s">
        <v>51</v>
      </c>
    </row>
    <row r="16134" spans="1:12">
      <c r="A16134" s="6" t="s">
        <v>15677</v>
      </c>
      <c r="B16134" s="6"/>
      <c r="C16134" s="6" t="s">
        <v>16160</v>
      </c>
      <c r="D16134" s="6"/>
      <c r="E16134" s="6" t="s">
        <v>9</v>
      </c>
      <c r="F16134" s="7">
        <v>38657</v>
      </c>
      <c r="G16134" s="8">
        <v>1</v>
      </c>
      <c r="H16134" s="8">
        <v>1</v>
      </c>
      <c r="I16134" s="8">
        <v>0</v>
      </c>
      <c r="J16134" s="8">
        <v>1</v>
      </c>
      <c r="K16134" s="9">
        <v>13</v>
      </c>
      <c r="L16134" s="6" t="s">
        <v>51</v>
      </c>
    </row>
    <row r="16135" spans="1:12">
      <c r="A16135" s="6" t="s">
        <v>15677</v>
      </c>
      <c r="B16135" s="6"/>
      <c r="C16135" s="6" t="s">
        <v>16161</v>
      </c>
      <c r="D16135" s="6"/>
      <c r="E16135" s="6" t="s">
        <v>9</v>
      </c>
      <c r="F16135" s="7">
        <v>38657</v>
      </c>
      <c r="G16135" s="8">
        <v>1</v>
      </c>
      <c r="H16135" s="8">
        <v>1</v>
      </c>
      <c r="I16135" s="8">
        <v>0</v>
      </c>
      <c r="J16135" s="8">
        <v>1</v>
      </c>
      <c r="K16135" s="9">
        <v>16</v>
      </c>
      <c r="L16135" s="6" t="s">
        <v>51</v>
      </c>
    </row>
    <row r="16136" spans="1:12">
      <c r="A16136" s="6" t="s">
        <v>15677</v>
      </c>
      <c r="B16136" s="6"/>
      <c r="C16136" s="6" t="s">
        <v>16162</v>
      </c>
      <c r="D16136" s="6"/>
      <c r="E16136" s="6" t="s">
        <v>9</v>
      </c>
      <c r="F16136" s="7">
        <v>38657</v>
      </c>
      <c r="G16136" s="8">
        <v>1</v>
      </c>
      <c r="H16136" s="8">
        <v>1</v>
      </c>
      <c r="I16136" s="8">
        <v>0</v>
      </c>
      <c r="J16136" s="8">
        <v>1</v>
      </c>
      <c r="K16136" s="9">
        <v>9.91</v>
      </c>
      <c r="L16136" s="6" t="s">
        <v>51</v>
      </c>
    </row>
    <row r="16137" spans="1:12">
      <c r="A16137" s="6" t="s">
        <v>15677</v>
      </c>
      <c r="B16137" s="6"/>
      <c r="C16137" s="6" t="s">
        <v>16163</v>
      </c>
      <c r="D16137" s="6"/>
      <c r="E16137" s="6" t="s">
        <v>9</v>
      </c>
      <c r="F16137" s="7">
        <v>38657</v>
      </c>
      <c r="G16137" s="8">
        <v>1</v>
      </c>
      <c r="H16137" s="8">
        <v>1</v>
      </c>
      <c r="I16137" s="8">
        <v>0</v>
      </c>
      <c r="J16137" s="8">
        <v>1</v>
      </c>
      <c r="K16137" s="9">
        <v>19</v>
      </c>
      <c r="L16137" s="6" t="s">
        <v>51</v>
      </c>
    </row>
    <row r="16138" spans="1:12">
      <c r="A16138" s="6" t="s">
        <v>15677</v>
      </c>
      <c r="B16138" s="6"/>
      <c r="C16138" s="6" t="s">
        <v>16164</v>
      </c>
      <c r="D16138" s="6"/>
      <c r="E16138" s="6" t="s">
        <v>9</v>
      </c>
      <c r="F16138" s="7">
        <v>38657</v>
      </c>
      <c r="G16138" s="8">
        <v>1</v>
      </c>
      <c r="H16138" s="8">
        <v>1</v>
      </c>
      <c r="I16138" s="8">
        <v>0</v>
      </c>
      <c r="J16138" s="8">
        <v>1</v>
      </c>
      <c r="K16138" s="9">
        <v>33</v>
      </c>
      <c r="L16138" s="6" t="s">
        <v>51</v>
      </c>
    </row>
    <row r="16139" spans="1:12">
      <c r="A16139" s="6" t="s">
        <v>15677</v>
      </c>
      <c r="B16139" s="6"/>
      <c r="C16139" s="6" t="s">
        <v>16165</v>
      </c>
      <c r="D16139" s="6"/>
      <c r="E16139" s="6" t="s">
        <v>9</v>
      </c>
      <c r="F16139" s="7">
        <v>38657</v>
      </c>
      <c r="G16139" s="8">
        <v>1</v>
      </c>
      <c r="H16139" s="8">
        <v>1</v>
      </c>
      <c r="I16139" s="8">
        <v>0</v>
      </c>
      <c r="J16139" s="8">
        <v>1</v>
      </c>
      <c r="K16139" s="9">
        <v>29</v>
      </c>
      <c r="L16139" s="6" t="s">
        <v>51</v>
      </c>
    </row>
    <row r="16140" spans="1:12">
      <c r="A16140" s="6" t="s">
        <v>15677</v>
      </c>
      <c r="B16140" s="6"/>
      <c r="C16140" s="6" t="s">
        <v>16166</v>
      </c>
      <c r="D16140" s="6"/>
      <c r="E16140" s="6" t="s">
        <v>9</v>
      </c>
      <c r="F16140" s="7">
        <v>38657</v>
      </c>
      <c r="G16140" s="8">
        <v>1</v>
      </c>
      <c r="H16140" s="8">
        <v>1</v>
      </c>
      <c r="I16140" s="8">
        <v>0</v>
      </c>
      <c r="J16140" s="8">
        <v>1</v>
      </c>
      <c r="K16140" s="9">
        <v>13</v>
      </c>
      <c r="L16140" s="6" t="s">
        <v>51</v>
      </c>
    </row>
    <row r="16141" spans="1:12">
      <c r="A16141" s="6" t="s">
        <v>15677</v>
      </c>
      <c r="B16141" s="6"/>
      <c r="C16141" s="6" t="s">
        <v>16167</v>
      </c>
      <c r="D16141" s="6"/>
      <c r="E16141" s="6" t="s">
        <v>9</v>
      </c>
      <c r="F16141" s="7">
        <v>38657</v>
      </c>
      <c r="G16141" s="8">
        <v>1</v>
      </c>
      <c r="H16141" s="8">
        <v>1</v>
      </c>
      <c r="I16141" s="8">
        <v>0</v>
      </c>
      <c r="J16141" s="8">
        <v>1</v>
      </c>
      <c r="K16141" s="9">
        <v>19</v>
      </c>
      <c r="L16141" s="6" t="s">
        <v>51</v>
      </c>
    </row>
    <row r="16142" spans="1:12">
      <c r="A16142" s="6" t="s">
        <v>15677</v>
      </c>
      <c r="B16142" s="6"/>
      <c r="C16142" s="6" t="s">
        <v>16168</v>
      </c>
      <c r="D16142" s="6"/>
      <c r="E16142" s="6" t="s">
        <v>9</v>
      </c>
      <c r="F16142" s="7">
        <v>38657</v>
      </c>
      <c r="G16142" s="8">
        <v>1</v>
      </c>
      <c r="H16142" s="8">
        <v>1</v>
      </c>
      <c r="I16142" s="8">
        <v>0</v>
      </c>
      <c r="J16142" s="8">
        <v>1</v>
      </c>
      <c r="K16142" s="9">
        <v>3.3</v>
      </c>
      <c r="L16142" s="6" t="s">
        <v>51</v>
      </c>
    </row>
    <row r="16143" spans="1:12">
      <c r="A16143" s="6" t="s">
        <v>15677</v>
      </c>
      <c r="B16143" s="6"/>
      <c r="C16143" s="6" t="s">
        <v>16169</v>
      </c>
      <c r="D16143" s="6"/>
      <c r="E16143" s="6" t="s">
        <v>9</v>
      </c>
      <c r="F16143" s="7">
        <v>38657</v>
      </c>
      <c r="G16143" s="8">
        <v>1</v>
      </c>
      <c r="H16143" s="8">
        <v>1</v>
      </c>
      <c r="I16143" s="8">
        <v>0</v>
      </c>
      <c r="J16143" s="8">
        <v>1</v>
      </c>
      <c r="K16143" s="9">
        <v>6.61</v>
      </c>
      <c r="L16143" s="6" t="s">
        <v>51</v>
      </c>
    </row>
    <row r="16144" spans="1:12">
      <c r="A16144" s="6" t="s">
        <v>15677</v>
      </c>
      <c r="B16144" s="6"/>
      <c r="C16144" s="6" t="s">
        <v>16170</v>
      </c>
      <c r="D16144" s="6"/>
      <c r="E16144" s="6" t="s">
        <v>9</v>
      </c>
      <c r="F16144" s="7">
        <v>38657</v>
      </c>
      <c r="G16144" s="8">
        <v>1</v>
      </c>
      <c r="H16144" s="8">
        <v>1</v>
      </c>
      <c r="I16144" s="8">
        <v>0</v>
      </c>
      <c r="J16144" s="8">
        <v>1</v>
      </c>
      <c r="K16144" s="9">
        <v>3.3</v>
      </c>
      <c r="L16144" s="6" t="s">
        <v>51</v>
      </c>
    </row>
    <row r="16145" spans="1:12">
      <c r="A16145" s="6" t="s">
        <v>15677</v>
      </c>
      <c r="B16145" s="6"/>
      <c r="C16145" s="6" t="s">
        <v>16171</v>
      </c>
      <c r="D16145" s="6"/>
      <c r="E16145" s="6" t="s">
        <v>9</v>
      </c>
      <c r="F16145" s="7">
        <v>38657</v>
      </c>
      <c r="G16145" s="8">
        <v>1</v>
      </c>
      <c r="H16145" s="8">
        <v>1</v>
      </c>
      <c r="I16145" s="8">
        <v>0</v>
      </c>
      <c r="J16145" s="8">
        <v>1</v>
      </c>
      <c r="K16145" s="9">
        <v>16</v>
      </c>
      <c r="L16145" s="6" t="s">
        <v>51</v>
      </c>
    </row>
    <row r="16146" spans="1:12">
      <c r="A16146" s="6" t="s">
        <v>15677</v>
      </c>
      <c r="B16146" s="6"/>
      <c r="C16146" s="6" t="s">
        <v>16172</v>
      </c>
      <c r="D16146" s="6"/>
      <c r="E16146" s="6" t="s">
        <v>9</v>
      </c>
      <c r="F16146" s="7">
        <v>38657</v>
      </c>
      <c r="G16146" s="8">
        <v>1</v>
      </c>
      <c r="H16146" s="8">
        <v>1</v>
      </c>
      <c r="I16146" s="8">
        <v>0</v>
      </c>
      <c r="J16146" s="8">
        <v>1</v>
      </c>
      <c r="K16146" s="9">
        <v>11</v>
      </c>
      <c r="L16146" s="6" t="s">
        <v>51</v>
      </c>
    </row>
    <row r="16147" spans="1:12">
      <c r="A16147" s="6" t="s">
        <v>15677</v>
      </c>
      <c r="B16147" s="6"/>
      <c r="C16147" s="6" t="s">
        <v>16173</v>
      </c>
      <c r="D16147" s="6"/>
      <c r="E16147" s="6" t="s">
        <v>9</v>
      </c>
      <c r="F16147" s="7">
        <v>38657</v>
      </c>
      <c r="G16147" s="8">
        <v>1</v>
      </c>
      <c r="H16147" s="8">
        <v>1</v>
      </c>
      <c r="I16147" s="8">
        <v>0</v>
      </c>
      <c r="J16147" s="8">
        <v>1</v>
      </c>
      <c r="K16147" s="9">
        <v>6.61</v>
      </c>
      <c r="L16147" s="6" t="s">
        <v>51</v>
      </c>
    </row>
    <row r="16148" spans="1:12">
      <c r="A16148" s="6" t="s">
        <v>15677</v>
      </c>
      <c r="B16148" s="6"/>
      <c r="C16148" s="6" t="s">
        <v>16174</v>
      </c>
      <c r="D16148" s="6"/>
      <c r="E16148" s="6" t="s">
        <v>9</v>
      </c>
      <c r="F16148" s="7">
        <v>38657</v>
      </c>
      <c r="G16148" s="8">
        <v>1</v>
      </c>
      <c r="H16148" s="8">
        <v>1</v>
      </c>
      <c r="I16148" s="8">
        <v>0</v>
      </c>
      <c r="J16148" s="8">
        <v>1</v>
      </c>
      <c r="K16148" s="9">
        <v>3.38</v>
      </c>
      <c r="L16148" s="6" t="s">
        <v>51</v>
      </c>
    </row>
    <row r="16149" spans="1:12">
      <c r="A16149" s="6" t="s">
        <v>15677</v>
      </c>
      <c r="B16149" s="6"/>
      <c r="C16149" s="6" t="s">
        <v>16175</v>
      </c>
      <c r="D16149" s="6"/>
      <c r="E16149" s="6" t="s">
        <v>9</v>
      </c>
      <c r="F16149" s="7">
        <v>38657</v>
      </c>
      <c r="G16149" s="8">
        <v>1</v>
      </c>
      <c r="H16149" s="8">
        <v>1</v>
      </c>
      <c r="I16149" s="8">
        <v>0</v>
      </c>
      <c r="J16149" s="8">
        <v>1</v>
      </c>
      <c r="K16149" s="9">
        <v>2.65</v>
      </c>
      <c r="L16149" s="6" t="s">
        <v>51</v>
      </c>
    </row>
    <row r="16150" spans="1:12">
      <c r="A16150" s="6" t="s">
        <v>15677</v>
      </c>
      <c r="B16150" s="6"/>
      <c r="C16150" s="6" t="s">
        <v>16176</v>
      </c>
      <c r="D16150" s="6"/>
      <c r="E16150" s="6" t="s">
        <v>9</v>
      </c>
      <c r="F16150" s="7">
        <v>38657</v>
      </c>
      <c r="G16150" s="8">
        <v>1</v>
      </c>
      <c r="H16150" s="8">
        <v>1</v>
      </c>
      <c r="I16150" s="8">
        <v>0</v>
      </c>
      <c r="J16150" s="8">
        <v>1</v>
      </c>
      <c r="K16150" s="9">
        <v>3.3</v>
      </c>
      <c r="L16150" s="6" t="s">
        <v>51</v>
      </c>
    </row>
    <row r="16151" spans="1:12">
      <c r="A16151" s="6" t="s">
        <v>15677</v>
      </c>
      <c r="B16151" s="6"/>
      <c r="C16151" s="6" t="s">
        <v>16177</v>
      </c>
      <c r="D16151" s="6"/>
      <c r="E16151" s="6" t="s">
        <v>9</v>
      </c>
      <c r="F16151" s="7">
        <v>38657</v>
      </c>
      <c r="G16151" s="8">
        <v>1</v>
      </c>
      <c r="H16151" s="8">
        <v>1</v>
      </c>
      <c r="I16151" s="8">
        <v>0</v>
      </c>
      <c r="J16151" s="8">
        <v>1</v>
      </c>
      <c r="K16151" s="9">
        <v>15</v>
      </c>
      <c r="L16151" s="6" t="s">
        <v>51</v>
      </c>
    </row>
    <row r="16152" spans="1:12">
      <c r="A16152" s="6" t="s">
        <v>15677</v>
      </c>
      <c r="B16152" s="6"/>
      <c r="C16152" s="6" t="s">
        <v>16178</v>
      </c>
      <c r="D16152" s="6"/>
      <c r="E16152" s="6" t="s">
        <v>9</v>
      </c>
      <c r="F16152" s="7">
        <v>38657</v>
      </c>
      <c r="G16152" s="8">
        <v>1</v>
      </c>
      <c r="H16152" s="8">
        <v>1</v>
      </c>
      <c r="I16152" s="8">
        <v>0</v>
      </c>
      <c r="J16152" s="8">
        <v>1</v>
      </c>
      <c r="K16152" s="9">
        <v>42</v>
      </c>
      <c r="L16152" s="6" t="s">
        <v>51</v>
      </c>
    </row>
    <row r="16153" spans="1:12">
      <c r="A16153" s="6" t="s">
        <v>15677</v>
      </c>
      <c r="B16153" s="6"/>
      <c r="C16153" s="6" t="s">
        <v>16179</v>
      </c>
      <c r="D16153" s="6"/>
      <c r="E16153" s="6" t="s">
        <v>9</v>
      </c>
      <c r="F16153" s="7">
        <v>38657</v>
      </c>
      <c r="G16153" s="8">
        <v>1</v>
      </c>
      <c r="H16153" s="8">
        <v>1</v>
      </c>
      <c r="I16153" s="8">
        <v>0</v>
      </c>
      <c r="J16153" s="8">
        <v>1</v>
      </c>
      <c r="K16153" s="9">
        <v>33</v>
      </c>
      <c r="L16153" s="6" t="s">
        <v>51</v>
      </c>
    </row>
    <row r="16154" spans="1:12">
      <c r="A16154" s="6" t="s">
        <v>15677</v>
      </c>
      <c r="B16154" s="6"/>
      <c r="C16154" s="6" t="s">
        <v>16180</v>
      </c>
      <c r="D16154" s="6"/>
      <c r="E16154" s="6" t="s">
        <v>9</v>
      </c>
      <c r="F16154" s="7">
        <v>38657</v>
      </c>
      <c r="G16154" s="8">
        <v>1</v>
      </c>
      <c r="H16154" s="8">
        <v>1</v>
      </c>
      <c r="I16154" s="8">
        <v>0</v>
      </c>
      <c r="J16154" s="8">
        <v>1</v>
      </c>
      <c r="K16154" s="9">
        <v>3.3</v>
      </c>
      <c r="L16154" s="6" t="s">
        <v>51</v>
      </c>
    </row>
    <row r="16155" spans="1:12">
      <c r="A16155" s="6" t="s">
        <v>15677</v>
      </c>
      <c r="B16155" s="6"/>
      <c r="C16155" s="6" t="s">
        <v>16181</v>
      </c>
      <c r="D16155" s="6"/>
      <c r="E16155" s="6" t="s">
        <v>9</v>
      </c>
      <c r="F16155" s="7">
        <v>38657</v>
      </c>
      <c r="G16155" s="8">
        <v>1</v>
      </c>
      <c r="H16155" s="8">
        <v>1</v>
      </c>
      <c r="I16155" s="8">
        <v>0</v>
      </c>
      <c r="J16155" s="8">
        <v>1</v>
      </c>
      <c r="K16155" s="9">
        <v>9.91</v>
      </c>
      <c r="L16155" s="6" t="s">
        <v>51</v>
      </c>
    </row>
    <row r="16156" spans="1:12">
      <c r="A16156" s="6" t="s">
        <v>15677</v>
      </c>
      <c r="B16156" s="6"/>
      <c r="C16156" s="6" t="s">
        <v>16182</v>
      </c>
      <c r="D16156" s="6"/>
      <c r="E16156" s="6" t="s">
        <v>9</v>
      </c>
      <c r="F16156" s="7">
        <v>38657</v>
      </c>
      <c r="G16156" s="8">
        <v>1</v>
      </c>
      <c r="H16156" s="8">
        <v>1</v>
      </c>
      <c r="I16156" s="8">
        <v>0</v>
      </c>
      <c r="J16156" s="8">
        <v>1</v>
      </c>
      <c r="K16156" s="9">
        <v>3.3</v>
      </c>
      <c r="L16156" s="6" t="s">
        <v>51</v>
      </c>
    </row>
    <row r="16157" spans="1:12">
      <c r="A16157" s="6" t="s">
        <v>15677</v>
      </c>
      <c r="B16157" s="6"/>
      <c r="C16157" s="6" t="s">
        <v>16183</v>
      </c>
      <c r="D16157" s="6"/>
      <c r="E16157" s="6" t="s">
        <v>9</v>
      </c>
      <c r="F16157" s="7">
        <v>38657</v>
      </c>
      <c r="G16157" s="8">
        <v>1</v>
      </c>
      <c r="H16157" s="8">
        <v>1</v>
      </c>
      <c r="I16157" s="8">
        <v>0</v>
      </c>
      <c r="J16157" s="8">
        <v>1</v>
      </c>
      <c r="K16157" s="9">
        <v>29</v>
      </c>
      <c r="L16157" s="6" t="s">
        <v>51</v>
      </c>
    </row>
    <row r="16158" spans="1:12">
      <c r="A16158" s="6" t="s">
        <v>15677</v>
      </c>
      <c r="B16158" s="6"/>
      <c r="C16158" s="6" t="s">
        <v>16184</v>
      </c>
      <c r="D16158" s="6"/>
      <c r="E16158" s="6" t="s">
        <v>9</v>
      </c>
      <c r="F16158" s="7">
        <v>38657</v>
      </c>
      <c r="G16158" s="8">
        <v>1</v>
      </c>
      <c r="H16158" s="8">
        <v>1</v>
      </c>
      <c r="I16158" s="8">
        <v>0</v>
      </c>
      <c r="J16158" s="8">
        <v>1</v>
      </c>
      <c r="K16158" s="9">
        <v>23.14</v>
      </c>
      <c r="L16158" s="6" t="s">
        <v>51</v>
      </c>
    </row>
    <row r="16159" spans="1:12">
      <c r="A16159" s="6" t="s">
        <v>15677</v>
      </c>
      <c r="B16159" s="6"/>
      <c r="C16159" s="6" t="s">
        <v>16185</v>
      </c>
      <c r="D16159" s="6"/>
      <c r="E16159" s="6" t="s">
        <v>9</v>
      </c>
      <c r="F16159" s="7">
        <v>38657</v>
      </c>
      <c r="G16159" s="8">
        <v>1</v>
      </c>
      <c r="H16159" s="8">
        <v>1</v>
      </c>
      <c r="I16159" s="8">
        <v>0</v>
      </c>
      <c r="J16159" s="8">
        <v>1</v>
      </c>
      <c r="K16159" s="9">
        <v>9.91</v>
      </c>
      <c r="L16159" s="6" t="s">
        <v>51</v>
      </c>
    </row>
    <row r="16160" spans="1:12">
      <c r="A16160" s="6" t="s">
        <v>15677</v>
      </c>
      <c r="B16160" s="6"/>
      <c r="C16160" s="6" t="s">
        <v>16186</v>
      </c>
      <c r="D16160" s="6"/>
      <c r="E16160" s="6" t="s">
        <v>9</v>
      </c>
      <c r="F16160" s="7">
        <v>38657</v>
      </c>
      <c r="G16160" s="8">
        <v>1</v>
      </c>
      <c r="H16160" s="8">
        <v>1</v>
      </c>
      <c r="I16160" s="8">
        <v>0</v>
      </c>
      <c r="J16160" s="8">
        <v>1</v>
      </c>
      <c r="K16160" s="9">
        <v>97</v>
      </c>
      <c r="L16160" s="6" t="s">
        <v>51</v>
      </c>
    </row>
    <row r="16161" spans="1:12">
      <c r="A16161" s="6" t="s">
        <v>15677</v>
      </c>
      <c r="B16161" s="6"/>
      <c r="C16161" s="6" t="s">
        <v>16187</v>
      </c>
      <c r="D16161" s="6"/>
      <c r="E16161" s="6" t="s">
        <v>9</v>
      </c>
      <c r="F16161" s="7">
        <v>38657</v>
      </c>
      <c r="G16161" s="8">
        <v>1</v>
      </c>
      <c r="H16161" s="8">
        <v>1</v>
      </c>
      <c r="I16161" s="8">
        <v>0</v>
      </c>
      <c r="J16161" s="8">
        <v>1</v>
      </c>
      <c r="K16161" s="9">
        <v>65</v>
      </c>
      <c r="L16161" s="6" t="s">
        <v>51</v>
      </c>
    </row>
    <row r="16162" spans="1:12">
      <c r="A16162" s="6" t="s">
        <v>15677</v>
      </c>
      <c r="B16162" s="6"/>
      <c r="C16162" s="6" t="s">
        <v>16188</v>
      </c>
      <c r="D16162" s="6"/>
      <c r="E16162" s="6" t="s">
        <v>9</v>
      </c>
      <c r="F16162" s="7">
        <v>38657</v>
      </c>
      <c r="G16162" s="8">
        <v>1</v>
      </c>
      <c r="H16162" s="8">
        <v>1</v>
      </c>
      <c r="I16162" s="8">
        <v>0</v>
      </c>
      <c r="J16162" s="8">
        <v>1</v>
      </c>
      <c r="K16162" s="9">
        <v>1.25</v>
      </c>
      <c r="L16162" s="6" t="s">
        <v>51</v>
      </c>
    </row>
    <row r="16163" spans="1:12">
      <c r="A16163" s="6" t="s">
        <v>15677</v>
      </c>
      <c r="B16163" s="6"/>
      <c r="C16163" s="6" t="s">
        <v>16189</v>
      </c>
      <c r="D16163" s="6"/>
      <c r="E16163" s="6" t="s">
        <v>9</v>
      </c>
      <c r="F16163" s="7">
        <v>38657</v>
      </c>
      <c r="G16163" s="8">
        <v>1</v>
      </c>
      <c r="H16163" s="8">
        <v>1</v>
      </c>
      <c r="I16163" s="8">
        <v>0</v>
      </c>
      <c r="J16163" s="8">
        <v>1</v>
      </c>
      <c r="K16163" s="9">
        <v>11</v>
      </c>
      <c r="L16163" s="6" t="s">
        <v>51</v>
      </c>
    </row>
    <row r="16164" spans="1:12">
      <c r="A16164" s="6" t="s">
        <v>15677</v>
      </c>
      <c r="B16164" s="6"/>
      <c r="C16164" s="6" t="s">
        <v>16190</v>
      </c>
      <c r="D16164" s="6"/>
      <c r="E16164" s="6" t="s">
        <v>9</v>
      </c>
      <c r="F16164" s="7">
        <v>38657</v>
      </c>
      <c r="G16164" s="8">
        <v>1</v>
      </c>
      <c r="H16164" s="8">
        <v>1</v>
      </c>
      <c r="I16164" s="8">
        <v>0</v>
      </c>
      <c r="J16164" s="8">
        <v>1</v>
      </c>
      <c r="K16164" s="9">
        <v>34</v>
      </c>
      <c r="L16164" s="6" t="s">
        <v>51</v>
      </c>
    </row>
    <row r="16165" spans="1:12">
      <c r="A16165" s="6" t="s">
        <v>15677</v>
      </c>
      <c r="B16165" s="6"/>
      <c r="C16165" s="6" t="s">
        <v>16191</v>
      </c>
      <c r="D16165" s="6"/>
      <c r="E16165" s="6" t="s">
        <v>9</v>
      </c>
      <c r="F16165" s="7">
        <v>38657</v>
      </c>
      <c r="G16165" s="8">
        <v>1</v>
      </c>
      <c r="H16165" s="8">
        <v>1</v>
      </c>
      <c r="I16165" s="8">
        <v>0</v>
      </c>
      <c r="J16165" s="8">
        <v>1</v>
      </c>
      <c r="K16165" s="9">
        <v>2.50999999999999</v>
      </c>
      <c r="L16165" s="6" t="s">
        <v>51</v>
      </c>
    </row>
    <row r="16166" spans="1:12">
      <c r="A16166" s="6" t="s">
        <v>15677</v>
      </c>
      <c r="B16166" s="6"/>
      <c r="C16166" s="6" t="s">
        <v>16192</v>
      </c>
      <c r="D16166" s="6"/>
      <c r="E16166" s="6" t="s">
        <v>9</v>
      </c>
      <c r="F16166" s="7">
        <v>38657</v>
      </c>
      <c r="G16166" s="8">
        <v>1</v>
      </c>
      <c r="H16166" s="8">
        <v>1</v>
      </c>
      <c r="I16166" s="8">
        <v>0</v>
      </c>
      <c r="J16166" s="8">
        <v>1</v>
      </c>
      <c r="K16166" s="9">
        <v>22</v>
      </c>
      <c r="L16166" s="6" t="s">
        <v>51</v>
      </c>
    </row>
    <row r="16167" spans="1:12">
      <c r="A16167" s="6" t="s">
        <v>15677</v>
      </c>
      <c r="B16167" s="6"/>
      <c r="C16167" s="6" t="s">
        <v>16193</v>
      </c>
      <c r="D16167" s="6"/>
      <c r="E16167" s="6" t="s">
        <v>9</v>
      </c>
      <c r="F16167" s="7">
        <v>38657</v>
      </c>
      <c r="G16167" s="8">
        <v>1</v>
      </c>
      <c r="H16167" s="8">
        <v>1</v>
      </c>
      <c r="I16167" s="8">
        <v>0</v>
      </c>
      <c r="J16167" s="8">
        <v>1</v>
      </c>
      <c r="K16167" s="9">
        <v>14.84</v>
      </c>
      <c r="L16167" s="6" t="s">
        <v>51</v>
      </c>
    </row>
    <row r="16168" spans="1:12">
      <c r="A16168" s="6" t="s">
        <v>15677</v>
      </c>
      <c r="B16168" s="6"/>
      <c r="C16168" s="6" t="s">
        <v>16194</v>
      </c>
      <c r="D16168" s="6"/>
      <c r="E16168" s="6" t="s">
        <v>9</v>
      </c>
      <c r="F16168" s="7">
        <v>38657</v>
      </c>
      <c r="G16168" s="8">
        <v>1</v>
      </c>
      <c r="H16168" s="8">
        <v>1</v>
      </c>
      <c r="I16168" s="8">
        <v>0</v>
      </c>
      <c r="J16168" s="8">
        <v>1</v>
      </c>
      <c r="K16168" s="9">
        <v>25.15</v>
      </c>
      <c r="L16168" s="6" t="s">
        <v>51</v>
      </c>
    </row>
    <row r="16169" spans="1:12">
      <c r="A16169" s="6" t="s">
        <v>15677</v>
      </c>
      <c r="B16169" s="6"/>
      <c r="C16169" s="6" t="s">
        <v>16195</v>
      </c>
      <c r="D16169" s="6"/>
      <c r="E16169" s="6" t="s">
        <v>9</v>
      </c>
      <c r="F16169" s="7">
        <v>38657</v>
      </c>
      <c r="G16169" s="8">
        <v>1</v>
      </c>
      <c r="H16169" s="8">
        <v>1</v>
      </c>
      <c r="I16169" s="8">
        <v>0</v>
      </c>
      <c r="J16169" s="8">
        <v>1</v>
      </c>
      <c r="K16169" s="9">
        <v>14.23</v>
      </c>
      <c r="L16169" s="6" t="s">
        <v>51</v>
      </c>
    </row>
    <row r="16170" spans="1:12">
      <c r="A16170" s="6" t="s">
        <v>15677</v>
      </c>
      <c r="B16170" s="6"/>
      <c r="C16170" s="6" t="s">
        <v>16196</v>
      </c>
      <c r="D16170" s="6"/>
      <c r="E16170" s="6" t="s">
        <v>9</v>
      </c>
      <c r="F16170" s="7">
        <v>38657</v>
      </c>
      <c r="G16170" s="8">
        <v>1</v>
      </c>
      <c r="H16170" s="8">
        <v>1</v>
      </c>
      <c r="I16170" s="8">
        <v>0</v>
      </c>
      <c r="J16170" s="8">
        <v>1</v>
      </c>
      <c r="K16170" s="9">
        <v>32.78</v>
      </c>
      <c r="L16170" s="6" t="s">
        <v>51</v>
      </c>
    </row>
    <row r="16171" spans="1:12">
      <c r="A16171" s="6" t="s">
        <v>15677</v>
      </c>
      <c r="B16171" s="6"/>
      <c r="C16171" s="6" t="s">
        <v>16197</v>
      </c>
      <c r="D16171" s="6"/>
      <c r="E16171" s="6" t="s">
        <v>9</v>
      </c>
      <c r="F16171" s="7">
        <v>38657</v>
      </c>
      <c r="G16171" s="8">
        <v>1</v>
      </c>
      <c r="H16171" s="8">
        <v>1</v>
      </c>
      <c r="I16171" s="8">
        <v>0</v>
      </c>
      <c r="J16171" s="8">
        <v>1</v>
      </c>
      <c r="K16171" s="9">
        <v>62</v>
      </c>
      <c r="L16171" s="6" t="s">
        <v>51</v>
      </c>
    </row>
    <row r="16172" spans="1:12">
      <c r="A16172" s="6" t="s">
        <v>15677</v>
      </c>
      <c r="B16172" s="6"/>
      <c r="C16172" s="6" t="s">
        <v>16198</v>
      </c>
      <c r="D16172" s="6"/>
      <c r="E16172" s="6" t="s">
        <v>9</v>
      </c>
      <c r="F16172" s="7">
        <v>38657</v>
      </c>
      <c r="G16172" s="8">
        <v>1</v>
      </c>
      <c r="H16172" s="8">
        <v>1</v>
      </c>
      <c r="I16172" s="8">
        <v>0</v>
      </c>
      <c r="J16172" s="8">
        <v>1</v>
      </c>
      <c r="K16172" s="9">
        <v>38</v>
      </c>
      <c r="L16172" s="6" t="s">
        <v>51</v>
      </c>
    </row>
    <row r="16173" spans="1:12">
      <c r="A16173" s="6" t="s">
        <v>15677</v>
      </c>
      <c r="B16173" s="6"/>
      <c r="C16173" s="6" t="s">
        <v>16199</v>
      </c>
      <c r="D16173" s="6"/>
      <c r="E16173" s="6" t="s">
        <v>9</v>
      </c>
      <c r="F16173" s="7">
        <v>38657</v>
      </c>
      <c r="G16173" s="8">
        <v>1</v>
      </c>
      <c r="H16173" s="8">
        <v>1</v>
      </c>
      <c r="I16173" s="8">
        <v>0</v>
      </c>
      <c r="J16173" s="8">
        <v>1</v>
      </c>
      <c r="K16173" s="9">
        <v>43</v>
      </c>
      <c r="L16173" s="6" t="s">
        <v>51</v>
      </c>
    </row>
    <row r="16174" spans="1:12">
      <c r="A16174" s="6" t="s">
        <v>15677</v>
      </c>
      <c r="B16174" s="6"/>
      <c r="C16174" s="6" t="s">
        <v>16200</v>
      </c>
      <c r="D16174" s="6"/>
      <c r="E16174" s="6" t="s">
        <v>9</v>
      </c>
      <c r="F16174" s="7">
        <v>38657</v>
      </c>
      <c r="G16174" s="8">
        <v>1</v>
      </c>
      <c r="H16174" s="8">
        <v>1</v>
      </c>
      <c r="I16174" s="8">
        <v>0</v>
      </c>
      <c r="J16174" s="8">
        <v>1</v>
      </c>
      <c r="K16174" s="9">
        <v>5.25</v>
      </c>
      <c r="L16174" s="6" t="s">
        <v>51</v>
      </c>
    </row>
    <row r="16175" spans="1:12">
      <c r="A16175" s="6" t="s">
        <v>15677</v>
      </c>
      <c r="B16175" s="6"/>
      <c r="C16175" s="6" t="s">
        <v>16201</v>
      </c>
      <c r="D16175" s="6"/>
      <c r="E16175" s="6" t="s">
        <v>9</v>
      </c>
      <c r="F16175" s="7">
        <v>38657</v>
      </c>
      <c r="G16175" s="8">
        <v>1</v>
      </c>
      <c r="H16175" s="8">
        <v>1</v>
      </c>
      <c r="I16175" s="8">
        <v>0</v>
      </c>
      <c r="J16175" s="8">
        <v>1</v>
      </c>
      <c r="K16175" s="9">
        <v>370</v>
      </c>
      <c r="L16175" s="6" t="s">
        <v>51</v>
      </c>
    </row>
    <row r="16176" spans="1:12">
      <c r="A16176" s="6" t="s">
        <v>15677</v>
      </c>
      <c r="B16176" s="6"/>
      <c r="C16176" s="6" t="s">
        <v>16202</v>
      </c>
      <c r="D16176" s="6"/>
      <c r="E16176" s="6" t="s">
        <v>9</v>
      </c>
      <c r="F16176" s="7">
        <v>38657</v>
      </c>
      <c r="G16176" s="8">
        <v>1</v>
      </c>
      <c r="H16176" s="8">
        <v>1</v>
      </c>
      <c r="I16176" s="8">
        <v>0</v>
      </c>
      <c r="J16176" s="8">
        <v>1</v>
      </c>
      <c r="K16176" s="9">
        <v>36</v>
      </c>
      <c r="L16176" s="6" t="s">
        <v>51</v>
      </c>
    </row>
    <row r="16177" spans="1:12">
      <c r="A16177" s="6" t="s">
        <v>15677</v>
      </c>
      <c r="B16177" s="6"/>
      <c r="C16177" s="6" t="s">
        <v>16203</v>
      </c>
      <c r="D16177" s="6"/>
      <c r="E16177" s="6" t="s">
        <v>9</v>
      </c>
      <c r="F16177" s="7">
        <v>38657</v>
      </c>
      <c r="G16177" s="8">
        <v>1</v>
      </c>
      <c r="H16177" s="8">
        <v>1</v>
      </c>
      <c r="I16177" s="8">
        <v>0</v>
      </c>
      <c r="J16177" s="8">
        <v>1</v>
      </c>
      <c r="K16177" s="9">
        <v>3.01</v>
      </c>
      <c r="L16177" s="6" t="s">
        <v>51</v>
      </c>
    </row>
    <row r="16178" spans="1:12">
      <c r="A16178" s="6" t="s">
        <v>15677</v>
      </c>
      <c r="B16178" s="6"/>
      <c r="C16178" s="6" t="s">
        <v>16204</v>
      </c>
      <c r="D16178" s="6"/>
      <c r="E16178" s="6" t="s">
        <v>9</v>
      </c>
      <c r="F16178" s="7">
        <v>38657</v>
      </c>
      <c r="G16178" s="8">
        <v>1</v>
      </c>
      <c r="H16178" s="8">
        <v>1</v>
      </c>
      <c r="I16178" s="8">
        <v>0</v>
      </c>
      <c r="J16178" s="8">
        <v>1</v>
      </c>
      <c r="K16178" s="9">
        <v>20</v>
      </c>
      <c r="L16178" s="6" t="s">
        <v>51</v>
      </c>
    </row>
    <row r="16179" spans="1:12">
      <c r="A16179" s="6" t="s">
        <v>15677</v>
      </c>
      <c r="B16179" s="6"/>
      <c r="C16179" s="6" t="s">
        <v>16205</v>
      </c>
      <c r="D16179" s="6"/>
      <c r="E16179" s="6" t="s">
        <v>9</v>
      </c>
      <c r="F16179" s="7">
        <v>38657</v>
      </c>
      <c r="G16179" s="8">
        <v>1</v>
      </c>
      <c r="H16179" s="8">
        <v>1</v>
      </c>
      <c r="I16179" s="8">
        <v>0</v>
      </c>
      <c r="J16179" s="8">
        <v>1</v>
      </c>
      <c r="K16179" s="9">
        <v>24</v>
      </c>
      <c r="L16179" s="6" t="s">
        <v>51</v>
      </c>
    </row>
    <row r="16180" spans="1:12">
      <c r="A16180" s="6" t="s">
        <v>15677</v>
      </c>
      <c r="B16180" s="6"/>
      <c r="C16180" s="6" t="s">
        <v>16206</v>
      </c>
      <c r="D16180" s="6"/>
      <c r="E16180" s="6" t="s">
        <v>9</v>
      </c>
      <c r="F16180" s="7">
        <v>38657</v>
      </c>
      <c r="G16180" s="8">
        <v>1</v>
      </c>
      <c r="H16180" s="8">
        <v>1</v>
      </c>
      <c r="I16180" s="8">
        <v>0</v>
      </c>
      <c r="J16180" s="8">
        <v>1</v>
      </c>
      <c r="K16180" s="9">
        <v>32</v>
      </c>
      <c r="L16180" s="6" t="s">
        <v>51</v>
      </c>
    </row>
    <row r="16181" spans="1:12">
      <c r="A16181" s="6" t="s">
        <v>15677</v>
      </c>
      <c r="B16181" s="6"/>
      <c r="C16181" s="6" t="s">
        <v>16207</v>
      </c>
      <c r="D16181" s="6"/>
      <c r="E16181" s="6" t="s">
        <v>9</v>
      </c>
      <c r="F16181" s="7">
        <v>38657</v>
      </c>
      <c r="G16181" s="8">
        <v>1</v>
      </c>
      <c r="H16181" s="8">
        <v>1</v>
      </c>
      <c r="I16181" s="8">
        <v>0</v>
      </c>
      <c r="J16181" s="8">
        <v>1</v>
      </c>
      <c r="K16181" s="9">
        <v>25</v>
      </c>
      <c r="L16181" s="6" t="s">
        <v>51</v>
      </c>
    </row>
    <row r="16182" spans="1:12">
      <c r="A16182" s="6" t="s">
        <v>15677</v>
      </c>
      <c r="B16182" s="6"/>
      <c r="C16182" s="6" t="s">
        <v>16208</v>
      </c>
      <c r="D16182" s="6"/>
      <c r="E16182" s="6" t="s">
        <v>9</v>
      </c>
      <c r="F16182" s="7">
        <v>38657</v>
      </c>
      <c r="G16182" s="8">
        <v>1</v>
      </c>
      <c r="H16182" s="8">
        <v>1</v>
      </c>
      <c r="I16182" s="8">
        <v>0</v>
      </c>
      <c r="J16182" s="8">
        <v>1</v>
      </c>
      <c r="K16182" s="9">
        <v>26</v>
      </c>
      <c r="L16182" s="6" t="s">
        <v>51</v>
      </c>
    </row>
    <row r="16183" spans="1:12">
      <c r="A16183" s="6" t="s">
        <v>15677</v>
      </c>
      <c r="B16183" s="6"/>
      <c r="C16183" s="6" t="s">
        <v>16209</v>
      </c>
      <c r="D16183" s="6"/>
      <c r="E16183" s="6" t="s">
        <v>9</v>
      </c>
      <c r="F16183" s="7">
        <v>38657</v>
      </c>
      <c r="G16183" s="8">
        <v>1</v>
      </c>
      <c r="H16183" s="8">
        <v>1</v>
      </c>
      <c r="I16183" s="8">
        <v>0</v>
      </c>
      <c r="J16183" s="8">
        <v>1</v>
      </c>
      <c r="K16183" s="9">
        <v>57</v>
      </c>
      <c r="L16183" s="6" t="s">
        <v>51</v>
      </c>
    </row>
    <row r="16184" spans="1:12">
      <c r="A16184" s="6" t="s">
        <v>15677</v>
      </c>
      <c r="B16184" s="6"/>
      <c r="C16184" s="6" t="s">
        <v>16210</v>
      </c>
      <c r="D16184" s="6"/>
      <c r="E16184" s="6" t="s">
        <v>9</v>
      </c>
      <c r="F16184" s="7">
        <v>38657</v>
      </c>
      <c r="G16184" s="8">
        <v>1</v>
      </c>
      <c r="H16184" s="8">
        <v>1</v>
      </c>
      <c r="I16184" s="8">
        <v>0</v>
      </c>
      <c r="J16184" s="8">
        <v>1</v>
      </c>
      <c r="K16184" s="9">
        <v>69</v>
      </c>
      <c r="L16184" s="6" t="s">
        <v>51</v>
      </c>
    </row>
    <row r="16185" spans="1:12">
      <c r="A16185" s="6" t="s">
        <v>15677</v>
      </c>
      <c r="B16185" s="6"/>
      <c r="C16185" s="6" t="s">
        <v>16211</v>
      </c>
      <c r="D16185" s="6"/>
      <c r="E16185" s="6" t="s">
        <v>9</v>
      </c>
      <c r="F16185" s="7">
        <v>38657</v>
      </c>
      <c r="G16185" s="8">
        <v>1</v>
      </c>
      <c r="H16185" s="8">
        <v>1</v>
      </c>
      <c r="I16185" s="8">
        <v>0</v>
      </c>
      <c r="J16185" s="8">
        <v>1</v>
      </c>
      <c r="K16185" s="9">
        <v>14</v>
      </c>
      <c r="L16185" s="6" t="s">
        <v>51</v>
      </c>
    </row>
    <row r="16186" spans="1:12">
      <c r="A16186" s="6" t="s">
        <v>15677</v>
      </c>
      <c r="B16186" s="6"/>
      <c r="C16186" s="6" t="s">
        <v>16212</v>
      </c>
      <c r="D16186" s="6"/>
      <c r="E16186" s="6" t="s">
        <v>9</v>
      </c>
      <c r="F16186" s="7">
        <v>38657</v>
      </c>
      <c r="G16186" s="8">
        <v>1</v>
      </c>
      <c r="H16186" s="8">
        <v>1</v>
      </c>
      <c r="I16186" s="8">
        <v>0</v>
      </c>
      <c r="J16186" s="8">
        <v>1</v>
      </c>
      <c r="K16186" s="9">
        <v>1.19</v>
      </c>
      <c r="L16186" s="6" t="s">
        <v>51</v>
      </c>
    </row>
    <row r="16187" spans="1:12">
      <c r="A16187" s="6" t="s">
        <v>15677</v>
      </c>
      <c r="B16187" s="6"/>
      <c r="C16187" s="6" t="s">
        <v>16213</v>
      </c>
      <c r="D16187" s="6"/>
      <c r="E16187" s="6" t="s">
        <v>9</v>
      </c>
      <c r="F16187" s="7">
        <v>38657</v>
      </c>
      <c r="G16187" s="8">
        <v>1</v>
      </c>
      <c r="H16187" s="8">
        <v>1</v>
      </c>
      <c r="I16187" s="8">
        <v>0</v>
      </c>
      <c r="J16187" s="8">
        <v>1</v>
      </c>
      <c r="K16187" s="9">
        <v>204</v>
      </c>
      <c r="L16187" s="6" t="s">
        <v>51</v>
      </c>
    </row>
    <row r="16188" spans="1:12">
      <c r="A16188" s="6" t="s">
        <v>15677</v>
      </c>
      <c r="B16188" s="6"/>
      <c r="C16188" s="6" t="s">
        <v>16214</v>
      </c>
      <c r="D16188" s="6"/>
      <c r="E16188" s="6" t="s">
        <v>9</v>
      </c>
      <c r="F16188" s="7">
        <v>38657</v>
      </c>
      <c r="G16188" s="8">
        <v>1</v>
      </c>
      <c r="H16188" s="8">
        <v>1</v>
      </c>
      <c r="I16188" s="8">
        <v>0</v>
      </c>
      <c r="J16188" s="8">
        <v>1</v>
      </c>
      <c r="K16188" s="9">
        <v>0.64</v>
      </c>
      <c r="L16188" s="6" t="s">
        <v>51</v>
      </c>
    </row>
    <row r="16189" spans="1:12">
      <c r="A16189" s="6" t="s">
        <v>15677</v>
      </c>
      <c r="B16189" s="6"/>
      <c r="C16189" s="6" t="s">
        <v>16215</v>
      </c>
      <c r="D16189" s="6"/>
      <c r="E16189" s="6" t="s">
        <v>9</v>
      </c>
      <c r="F16189" s="7">
        <v>38657</v>
      </c>
      <c r="G16189" s="8">
        <v>1</v>
      </c>
      <c r="H16189" s="8">
        <v>1</v>
      </c>
      <c r="I16189" s="8">
        <v>0</v>
      </c>
      <c r="J16189" s="8">
        <v>1</v>
      </c>
      <c r="K16189" s="9">
        <v>17</v>
      </c>
      <c r="L16189" s="6" t="s">
        <v>51</v>
      </c>
    </row>
    <row r="16190" spans="1:12">
      <c r="A16190" s="6" t="s">
        <v>15677</v>
      </c>
      <c r="B16190" s="6"/>
      <c r="C16190" s="6" t="s">
        <v>16216</v>
      </c>
      <c r="D16190" s="6"/>
      <c r="E16190" s="6" t="s">
        <v>9</v>
      </c>
      <c r="F16190" s="7">
        <v>38657</v>
      </c>
      <c r="G16190" s="8">
        <v>1</v>
      </c>
      <c r="H16190" s="8">
        <v>1</v>
      </c>
      <c r="I16190" s="8">
        <v>0</v>
      </c>
      <c r="J16190" s="8">
        <v>1</v>
      </c>
      <c r="K16190" s="9">
        <v>3</v>
      </c>
      <c r="L16190" s="6" t="s">
        <v>51</v>
      </c>
    </row>
    <row r="16191" spans="1:12">
      <c r="A16191" s="6" t="s">
        <v>15677</v>
      </c>
      <c r="B16191" s="6"/>
      <c r="C16191" s="6" t="s">
        <v>16217</v>
      </c>
      <c r="D16191" s="6"/>
      <c r="E16191" s="6" t="s">
        <v>9</v>
      </c>
      <c r="F16191" s="7">
        <v>38657</v>
      </c>
      <c r="G16191" s="8">
        <v>1</v>
      </c>
      <c r="H16191" s="8">
        <v>1</v>
      </c>
      <c r="I16191" s="8">
        <v>0</v>
      </c>
      <c r="J16191" s="8">
        <v>1</v>
      </c>
      <c r="K16191" s="9">
        <v>13</v>
      </c>
      <c r="L16191" s="6" t="s">
        <v>51</v>
      </c>
    </row>
    <row r="16192" spans="1:12">
      <c r="A16192" s="6" t="s">
        <v>15677</v>
      </c>
      <c r="B16192" s="6"/>
      <c r="C16192" s="6" t="s">
        <v>16218</v>
      </c>
      <c r="D16192" s="6"/>
      <c r="E16192" s="6" t="s">
        <v>9</v>
      </c>
      <c r="F16192" s="7">
        <v>38657</v>
      </c>
      <c r="G16192" s="8">
        <v>1</v>
      </c>
      <c r="H16192" s="8">
        <v>1</v>
      </c>
      <c r="I16192" s="8">
        <v>0</v>
      </c>
      <c r="J16192" s="8">
        <v>1</v>
      </c>
      <c r="K16192" s="9">
        <v>1626</v>
      </c>
      <c r="L16192" s="6" t="s">
        <v>51</v>
      </c>
    </row>
    <row r="16193" spans="1:12">
      <c r="A16193" s="6" t="s">
        <v>15677</v>
      </c>
      <c r="B16193" s="6"/>
      <c r="C16193" s="6" t="s">
        <v>16219</v>
      </c>
      <c r="D16193" s="6"/>
      <c r="E16193" s="6" t="s">
        <v>9</v>
      </c>
      <c r="F16193" s="7">
        <v>38657</v>
      </c>
      <c r="G16193" s="8">
        <v>1</v>
      </c>
      <c r="H16193" s="8">
        <v>1</v>
      </c>
      <c r="I16193" s="8">
        <v>0</v>
      </c>
      <c r="J16193" s="8">
        <v>1</v>
      </c>
      <c r="K16193" s="9">
        <v>90</v>
      </c>
      <c r="L16193" s="6" t="s">
        <v>51</v>
      </c>
    </row>
    <row r="16194" spans="1:12">
      <c r="A16194" s="6" t="s">
        <v>15677</v>
      </c>
      <c r="B16194" s="6"/>
      <c r="C16194" s="6" t="s">
        <v>16220</v>
      </c>
      <c r="D16194" s="6"/>
      <c r="E16194" s="6" t="s">
        <v>9</v>
      </c>
      <c r="F16194" s="7">
        <v>38657</v>
      </c>
      <c r="G16194" s="8">
        <v>1</v>
      </c>
      <c r="H16194" s="8">
        <v>1</v>
      </c>
      <c r="I16194" s="8">
        <v>0</v>
      </c>
      <c r="J16194" s="8">
        <v>1</v>
      </c>
      <c r="K16194" s="9">
        <v>86</v>
      </c>
      <c r="L16194" s="6" t="s">
        <v>51</v>
      </c>
    </row>
    <row r="16195" spans="1:12">
      <c r="A16195" s="6" t="s">
        <v>15677</v>
      </c>
      <c r="B16195" s="6"/>
      <c r="C16195" s="6" t="s">
        <v>16221</v>
      </c>
      <c r="D16195" s="6"/>
      <c r="E16195" s="6" t="s">
        <v>9</v>
      </c>
      <c r="F16195" s="7">
        <v>38657</v>
      </c>
      <c r="G16195" s="8">
        <v>1</v>
      </c>
      <c r="H16195" s="8">
        <v>1</v>
      </c>
      <c r="I16195" s="8">
        <v>0</v>
      </c>
      <c r="J16195" s="8">
        <v>1</v>
      </c>
      <c r="K16195" s="9">
        <v>96</v>
      </c>
      <c r="L16195" s="6" t="s">
        <v>51</v>
      </c>
    </row>
    <row r="16196" spans="1:12">
      <c r="A16196" s="6" t="s">
        <v>15677</v>
      </c>
      <c r="B16196" s="6"/>
      <c r="C16196" s="6" t="s">
        <v>16222</v>
      </c>
      <c r="D16196" s="6"/>
      <c r="E16196" s="6" t="s">
        <v>9</v>
      </c>
      <c r="F16196" s="7">
        <v>38657</v>
      </c>
      <c r="G16196" s="8">
        <v>1</v>
      </c>
      <c r="H16196" s="8">
        <v>1</v>
      </c>
      <c r="I16196" s="8">
        <v>0</v>
      </c>
      <c r="J16196" s="8">
        <v>1</v>
      </c>
      <c r="K16196" s="9">
        <v>75</v>
      </c>
      <c r="L16196" s="6" t="s">
        <v>51</v>
      </c>
    </row>
    <row r="16197" spans="1:12">
      <c r="A16197" s="6" t="s">
        <v>15677</v>
      </c>
      <c r="B16197" s="6"/>
      <c r="C16197" s="6" t="s">
        <v>16223</v>
      </c>
      <c r="D16197" s="6"/>
      <c r="E16197" s="6" t="s">
        <v>9</v>
      </c>
      <c r="F16197" s="7">
        <v>38657</v>
      </c>
      <c r="G16197" s="8">
        <v>1</v>
      </c>
      <c r="H16197" s="8">
        <v>1</v>
      </c>
      <c r="I16197" s="8">
        <v>0</v>
      </c>
      <c r="J16197" s="8">
        <v>1</v>
      </c>
      <c r="K16197" s="9">
        <v>51</v>
      </c>
      <c r="L16197" s="6" t="s">
        <v>51</v>
      </c>
    </row>
    <row r="16198" spans="1:12">
      <c r="A16198" s="6" t="s">
        <v>15677</v>
      </c>
      <c r="B16198" s="6"/>
      <c r="C16198" s="6" t="s">
        <v>16224</v>
      </c>
      <c r="D16198" s="6"/>
      <c r="E16198" s="6" t="s">
        <v>9</v>
      </c>
      <c r="F16198" s="7">
        <v>38657</v>
      </c>
      <c r="G16198" s="8">
        <v>1</v>
      </c>
      <c r="H16198" s="8">
        <v>1</v>
      </c>
      <c r="I16198" s="8">
        <v>0</v>
      </c>
      <c r="J16198" s="8">
        <v>1</v>
      </c>
      <c r="K16198" s="9">
        <v>62</v>
      </c>
      <c r="L16198" s="6" t="s">
        <v>51</v>
      </c>
    </row>
    <row r="16199" spans="1:12">
      <c r="A16199" s="6" t="s">
        <v>15677</v>
      </c>
      <c r="B16199" s="6"/>
      <c r="C16199" s="6" t="s">
        <v>16225</v>
      </c>
      <c r="D16199" s="6"/>
      <c r="E16199" s="6" t="s">
        <v>9</v>
      </c>
      <c r="F16199" s="7">
        <v>38657</v>
      </c>
      <c r="G16199" s="8">
        <v>1</v>
      </c>
      <c r="H16199" s="8">
        <v>1</v>
      </c>
      <c r="I16199" s="8">
        <v>0</v>
      </c>
      <c r="J16199" s="8">
        <v>1</v>
      </c>
      <c r="K16199" s="9">
        <v>31</v>
      </c>
      <c r="L16199" s="6" t="s">
        <v>51</v>
      </c>
    </row>
    <row r="16200" spans="1:12">
      <c r="A16200" s="6" t="s">
        <v>15677</v>
      </c>
      <c r="B16200" s="6"/>
      <c r="C16200" s="6" t="s">
        <v>16226</v>
      </c>
      <c r="D16200" s="6"/>
      <c r="E16200" s="6" t="s">
        <v>9</v>
      </c>
      <c r="F16200" s="7">
        <v>38657</v>
      </c>
      <c r="G16200" s="8">
        <v>1</v>
      </c>
      <c r="H16200" s="8">
        <v>1</v>
      </c>
      <c r="I16200" s="8">
        <v>0</v>
      </c>
      <c r="J16200" s="8">
        <v>1</v>
      </c>
      <c r="K16200" s="9">
        <v>6</v>
      </c>
      <c r="L16200" s="6" t="s">
        <v>51</v>
      </c>
    </row>
    <row r="16201" spans="1:12">
      <c r="A16201" s="6" t="s">
        <v>15677</v>
      </c>
      <c r="B16201" s="6"/>
      <c r="C16201" s="6" t="s">
        <v>16227</v>
      </c>
      <c r="D16201" s="6"/>
      <c r="E16201" s="6" t="s">
        <v>9</v>
      </c>
      <c r="F16201" s="7">
        <v>38657</v>
      </c>
      <c r="G16201" s="8">
        <v>1</v>
      </c>
      <c r="H16201" s="8">
        <v>1</v>
      </c>
      <c r="I16201" s="8">
        <v>0</v>
      </c>
      <c r="J16201" s="8">
        <v>1</v>
      </c>
      <c r="K16201" s="9">
        <v>3.3</v>
      </c>
      <c r="L16201" s="6" t="s">
        <v>51</v>
      </c>
    </row>
    <row r="16202" spans="1:12">
      <c r="A16202" s="6" t="s">
        <v>15677</v>
      </c>
      <c r="B16202" s="6"/>
      <c r="C16202" s="6" t="s">
        <v>16228</v>
      </c>
      <c r="D16202" s="6"/>
      <c r="E16202" s="6" t="s">
        <v>9</v>
      </c>
      <c r="F16202" s="7">
        <v>38657</v>
      </c>
      <c r="G16202" s="8">
        <v>1</v>
      </c>
      <c r="H16202" s="8">
        <v>1</v>
      </c>
      <c r="I16202" s="8">
        <v>0</v>
      </c>
      <c r="J16202" s="8">
        <v>1</v>
      </c>
      <c r="K16202" s="9">
        <v>3.3</v>
      </c>
      <c r="L16202" s="6" t="s">
        <v>51</v>
      </c>
    </row>
    <row r="16203" spans="1:12">
      <c r="A16203" s="6" t="s">
        <v>15677</v>
      </c>
      <c r="B16203" s="6"/>
      <c r="C16203" s="6" t="s">
        <v>16229</v>
      </c>
      <c r="D16203" s="6"/>
      <c r="E16203" s="6" t="s">
        <v>9</v>
      </c>
      <c r="F16203" s="7">
        <v>38657</v>
      </c>
      <c r="G16203" s="8">
        <v>1</v>
      </c>
      <c r="H16203" s="8">
        <v>1</v>
      </c>
      <c r="I16203" s="8">
        <v>0</v>
      </c>
      <c r="J16203" s="8">
        <v>1</v>
      </c>
      <c r="K16203" s="9">
        <v>46.28</v>
      </c>
      <c r="L16203" s="6" t="s">
        <v>51</v>
      </c>
    </row>
    <row r="16204" spans="1:12">
      <c r="A16204" s="6" t="s">
        <v>15677</v>
      </c>
      <c r="B16204" s="6"/>
      <c r="C16204" s="6" t="s">
        <v>16230</v>
      </c>
      <c r="D16204" s="6"/>
      <c r="E16204" s="6" t="s">
        <v>9</v>
      </c>
      <c r="F16204" s="7">
        <v>38657</v>
      </c>
      <c r="G16204" s="8">
        <v>1</v>
      </c>
      <c r="H16204" s="8">
        <v>1</v>
      </c>
      <c r="I16204" s="8">
        <v>0</v>
      </c>
      <c r="J16204" s="8">
        <v>1</v>
      </c>
      <c r="K16204" s="9">
        <v>28</v>
      </c>
      <c r="L16204" s="6" t="s">
        <v>51</v>
      </c>
    </row>
    <row r="16205" spans="1:12">
      <c r="A16205" s="6" t="s">
        <v>15677</v>
      </c>
      <c r="B16205" s="6"/>
      <c r="C16205" s="6" t="s">
        <v>16231</v>
      </c>
      <c r="D16205" s="6"/>
      <c r="E16205" s="6" t="s">
        <v>9</v>
      </c>
      <c r="F16205" s="7">
        <v>38657</v>
      </c>
      <c r="G16205" s="8">
        <v>1</v>
      </c>
      <c r="H16205" s="8">
        <v>1</v>
      </c>
      <c r="I16205" s="8">
        <v>0</v>
      </c>
      <c r="J16205" s="8">
        <v>1</v>
      </c>
      <c r="K16205" s="9">
        <v>13</v>
      </c>
      <c r="L16205" s="6" t="s">
        <v>51</v>
      </c>
    </row>
    <row r="16206" spans="1:12">
      <c r="A16206" s="6" t="s">
        <v>15677</v>
      </c>
      <c r="B16206" s="6"/>
      <c r="C16206" s="6" t="s">
        <v>16232</v>
      </c>
      <c r="D16206" s="6"/>
      <c r="E16206" s="6" t="s">
        <v>9</v>
      </c>
      <c r="F16206" s="7">
        <v>38657</v>
      </c>
      <c r="G16206" s="8">
        <v>1</v>
      </c>
      <c r="H16206" s="8">
        <v>1</v>
      </c>
      <c r="I16206" s="8">
        <v>0</v>
      </c>
      <c r="J16206" s="8">
        <v>1</v>
      </c>
      <c r="K16206" s="9">
        <v>9.91</v>
      </c>
      <c r="L16206" s="6" t="s">
        <v>51</v>
      </c>
    </row>
    <row r="16207" spans="1:12">
      <c r="A16207" s="6" t="s">
        <v>15677</v>
      </c>
      <c r="B16207" s="6"/>
      <c r="C16207" s="6" t="s">
        <v>16233</v>
      </c>
      <c r="D16207" s="6"/>
      <c r="E16207" s="6" t="s">
        <v>9</v>
      </c>
      <c r="F16207" s="7">
        <v>38657</v>
      </c>
      <c r="G16207" s="8">
        <v>1</v>
      </c>
      <c r="H16207" s="8">
        <v>1</v>
      </c>
      <c r="I16207" s="8">
        <v>0</v>
      </c>
      <c r="J16207" s="8">
        <v>1</v>
      </c>
      <c r="K16207" s="9">
        <v>92</v>
      </c>
      <c r="L16207" s="6" t="s">
        <v>51</v>
      </c>
    </row>
    <row r="16208" spans="1:12">
      <c r="A16208" s="6" t="s">
        <v>15677</v>
      </c>
      <c r="B16208" s="6"/>
      <c r="C16208" s="6" t="s">
        <v>16234</v>
      </c>
      <c r="D16208" s="6"/>
      <c r="E16208" s="6" t="s">
        <v>9</v>
      </c>
      <c r="F16208" s="7">
        <v>38657</v>
      </c>
      <c r="G16208" s="8">
        <v>1</v>
      </c>
      <c r="H16208" s="8">
        <v>1</v>
      </c>
      <c r="I16208" s="8">
        <v>0</v>
      </c>
      <c r="J16208" s="8">
        <v>1</v>
      </c>
      <c r="K16208" s="9">
        <v>6.61</v>
      </c>
      <c r="L16208" s="6" t="s">
        <v>51</v>
      </c>
    </row>
    <row r="16209" spans="1:12">
      <c r="A16209" s="6" t="s">
        <v>15677</v>
      </c>
      <c r="B16209" s="6"/>
      <c r="C16209" s="6" t="s">
        <v>16235</v>
      </c>
      <c r="D16209" s="6"/>
      <c r="E16209" s="6" t="s">
        <v>9</v>
      </c>
      <c r="F16209" s="7">
        <v>38657</v>
      </c>
      <c r="G16209" s="8">
        <v>1</v>
      </c>
      <c r="H16209" s="8">
        <v>1</v>
      </c>
      <c r="I16209" s="8">
        <v>0</v>
      </c>
      <c r="J16209" s="8">
        <v>1</v>
      </c>
      <c r="K16209" s="9">
        <v>109</v>
      </c>
      <c r="L16209" s="6" t="s">
        <v>51</v>
      </c>
    </row>
    <row r="16210" spans="1:12">
      <c r="A16210" s="6" t="s">
        <v>15677</v>
      </c>
      <c r="B16210" s="6"/>
      <c r="C16210" s="6" t="s">
        <v>16236</v>
      </c>
      <c r="D16210" s="6"/>
      <c r="E16210" s="6" t="s">
        <v>9</v>
      </c>
      <c r="F16210" s="7">
        <v>38657</v>
      </c>
      <c r="G16210" s="8">
        <v>1</v>
      </c>
      <c r="H16210" s="8">
        <v>1</v>
      </c>
      <c r="I16210" s="8">
        <v>0</v>
      </c>
      <c r="J16210" s="8">
        <v>1</v>
      </c>
      <c r="K16210" s="9">
        <v>13</v>
      </c>
      <c r="L16210" s="6" t="s">
        <v>51</v>
      </c>
    </row>
    <row r="16211" spans="1:12">
      <c r="A16211" s="6" t="s">
        <v>15677</v>
      </c>
      <c r="B16211" s="6"/>
      <c r="C16211" s="6" t="s">
        <v>16237</v>
      </c>
      <c r="D16211" s="6"/>
      <c r="E16211" s="6" t="s">
        <v>9</v>
      </c>
      <c r="F16211" s="7">
        <v>38657</v>
      </c>
      <c r="G16211" s="8">
        <v>1</v>
      </c>
      <c r="H16211" s="8">
        <v>1</v>
      </c>
      <c r="I16211" s="8">
        <v>0</v>
      </c>
      <c r="J16211" s="8">
        <v>1</v>
      </c>
      <c r="K16211" s="9">
        <v>13</v>
      </c>
      <c r="L16211" s="6" t="s">
        <v>51</v>
      </c>
    </row>
    <row r="16212" spans="1:12">
      <c r="A16212" s="6" t="s">
        <v>15677</v>
      </c>
      <c r="B16212" s="6"/>
      <c r="C16212" s="6" t="s">
        <v>16238</v>
      </c>
      <c r="D16212" s="6"/>
      <c r="E16212" s="6" t="s">
        <v>9</v>
      </c>
      <c r="F16212" s="7">
        <v>38657</v>
      </c>
      <c r="G16212" s="8">
        <v>1</v>
      </c>
      <c r="H16212" s="8">
        <v>1</v>
      </c>
      <c r="I16212" s="8">
        <v>0</v>
      </c>
      <c r="J16212" s="8">
        <v>1</v>
      </c>
      <c r="K16212" s="9">
        <v>6.21</v>
      </c>
      <c r="L16212" s="6" t="s">
        <v>51</v>
      </c>
    </row>
    <row r="16213" spans="1:12">
      <c r="A16213" s="6" t="s">
        <v>15677</v>
      </c>
      <c r="B16213" s="6"/>
      <c r="C16213" s="6" t="s">
        <v>16239</v>
      </c>
      <c r="D16213" s="6"/>
      <c r="E16213" s="6" t="s">
        <v>9</v>
      </c>
      <c r="F16213" s="7">
        <v>38657</v>
      </c>
      <c r="G16213" s="8">
        <v>1</v>
      </c>
      <c r="H16213" s="8">
        <v>1</v>
      </c>
      <c r="I16213" s="8">
        <v>0</v>
      </c>
      <c r="J16213" s="8">
        <v>1</v>
      </c>
      <c r="K16213" s="9">
        <v>13</v>
      </c>
      <c r="L16213" s="6" t="s">
        <v>51</v>
      </c>
    </row>
    <row r="16214" spans="1:12">
      <c r="A16214" s="6" t="s">
        <v>15677</v>
      </c>
      <c r="B16214" s="6"/>
      <c r="C16214" s="6" t="s">
        <v>16240</v>
      </c>
      <c r="D16214" s="6"/>
      <c r="E16214" s="6" t="s">
        <v>9</v>
      </c>
      <c r="F16214" s="7">
        <v>38657</v>
      </c>
      <c r="G16214" s="8">
        <v>1</v>
      </c>
      <c r="H16214" s="8">
        <v>1</v>
      </c>
      <c r="I16214" s="8">
        <v>0</v>
      </c>
      <c r="J16214" s="8">
        <v>1</v>
      </c>
      <c r="K16214" s="9">
        <v>72</v>
      </c>
      <c r="L16214" s="6" t="s">
        <v>51</v>
      </c>
    </row>
    <row r="16215" spans="1:12">
      <c r="A16215" s="6" t="s">
        <v>15677</v>
      </c>
      <c r="B16215" s="6"/>
      <c r="C16215" s="6" t="s">
        <v>16241</v>
      </c>
      <c r="D16215" s="6"/>
      <c r="E16215" s="6" t="s">
        <v>9</v>
      </c>
      <c r="F16215" s="7">
        <v>38657</v>
      </c>
      <c r="G16215" s="8">
        <v>1</v>
      </c>
      <c r="H16215" s="8">
        <v>1</v>
      </c>
      <c r="I16215" s="8">
        <v>0</v>
      </c>
      <c r="J16215" s="8">
        <v>1</v>
      </c>
      <c r="K16215" s="9">
        <v>23</v>
      </c>
      <c r="L16215" s="6" t="s">
        <v>51</v>
      </c>
    </row>
    <row r="16216" spans="1:12">
      <c r="A16216" s="6" t="s">
        <v>15677</v>
      </c>
      <c r="B16216" s="6"/>
      <c r="C16216" s="6" t="s">
        <v>16242</v>
      </c>
      <c r="D16216" s="6"/>
      <c r="E16216" s="6" t="s">
        <v>9</v>
      </c>
      <c r="F16216" s="7">
        <v>38657</v>
      </c>
      <c r="G16216" s="8">
        <v>1</v>
      </c>
      <c r="H16216" s="8">
        <v>1</v>
      </c>
      <c r="I16216" s="8">
        <v>0</v>
      </c>
      <c r="J16216" s="8">
        <v>1</v>
      </c>
      <c r="K16216" s="9">
        <v>25</v>
      </c>
      <c r="L16216" s="6" t="s">
        <v>51</v>
      </c>
    </row>
    <row r="16217" spans="1:12">
      <c r="A16217" s="6" t="s">
        <v>15677</v>
      </c>
      <c r="B16217" s="6"/>
      <c r="C16217" s="6" t="s">
        <v>16243</v>
      </c>
      <c r="D16217" s="6"/>
      <c r="E16217" s="6" t="s">
        <v>9</v>
      </c>
      <c r="F16217" s="7">
        <v>38657</v>
      </c>
      <c r="G16217" s="8">
        <v>1</v>
      </c>
      <c r="H16217" s="8">
        <v>1</v>
      </c>
      <c r="I16217" s="8">
        <v>0</v>
      </c>
      <c r="J16217" s="8">
        <v>1</v>
      </c>
      <c r="K16217" s="9">
        <v>2.89</v>
      </c>
      <c r="L16217" s="6" t="s">
        <v>51</v>
      </c>
    </row>
    <row r="16218" spans="1:12">
      <c r="A16218" s="6" t="s">
        <v>15677</v>
      </c>
      <c r="B16218" s="6"/>
      <c r="C16218" s="6" t="s">
        <v>16244</v>
      </c>
      <c r="D16218" s="6"/>
      <c r="E16218" s="6" t="s">
        <v>9</v>
      </c>
      <c r="F16218" s="7">
        <v>38657</v>
      </c>
      <c r="G16218" s="8">
        <v>1</v>
      </c>
      <c r="H16218" s="8">
        <v>1</v>
      </c>
      <c r="I16218" s="8">
        <v>0</v>
      </c>
      <c r="J16218" s="8">
        <v>1</v>
      </c>
      <c r="K16218" s="9">
        <v>147</v>
      </c>
      <c r="L16218" s="6" t="s">
        <v>51</v>
      </c>
    </row>
    <row r="16219" spans="1:12">
      <c r="A16219" s="6" t="s">
        <v>15677</v>
      </c>
      <c r="B16219" s="6"/>
      <c r="C16219" s="6" t="s">
        <v>16245</v>
      </c>
      <c r="D16219" s="6"/>
      <c r="E16219" s="6" t="s">
        <v>9</v>
      </c>
      <c r="F16219" s="7">
        <v>38657</v>
      </c>
      <c r="G16219" s="8">
        <v>1</v>
      </c>
      <c r="H16219" s="8">
        <v>1</v>
      </c>
      <c r="I16219" s="8">
        <v>0</v>
      </c>
      <c r="J16219" s="8">
        <v>1</v>
      </c>
      <c r="K16219" s="9">
        <v>452</v>
      </c>
      <c r="L16219" s="6" t="s">
        <v>51</v>
      </c>
    </row>
    <row r="16220" spans="1:12">
      <c r="A16220" s="6" t="s">
        <v>15677</v>
      </c>
      <c r="B16220" s="6"/>
      <c r="C16220" s="6" t="s">
        <v>16246</v>
      </c>
      <c r="D16220" s="6"/>
      <c r="E16220" s="6" t="s">
        <v>9</v>
      </c>
      <c r="F16220" s="7">
        <v>38657</v>
      </c>
      <c r="G16220" s="8">
        <v>1</v>
      </c>
      <c r="H16220" s="8">
        <v>1</v>
      </c>
      <c r="I16220" s="8">
        <v>0</v>
      </c>
      <c r="J16220" s="8">
        <v>1</v>
      </c>
      <c r="K16220" s="9">
        <v>135</v>
      </c>
      <c r="L16220" s="6" t="s">
        <v>51</v>
      </c>
    </row>
    <row r="16221" spans="1:12">
      <c r="A16221" s="6" t="s">
        <v>15677</v>
      </c>
      <c r="B16221" s="6"/>
      <c r="C16221" s="6" t="s">
        <v>16247</v>
      </c>
      <c r="D16221" s="6"/>
      <c r="E16221" s="6" t="s">
        <v>9</v>
      </c>
      <c r="F16221" s="7">
        <v>38657</v>
      </c>
      <c r="G16221" s="8">
        <v>1</v>
      </c>
      <c r="H16221" s="8">
        <v>1</v>
      </c>
      <c r="I16221" s="8">
        <v>0</v>
      </c>
      <c r="J16221" s="8">
        <v>1</v>
      </c>
      <c r="K16221" s="9">
        <v>15</v>
      </c>
      <c r="L16221" s="6" t="s">
        <v>51</v>
      </c>
    </row>
    <row r="16222" spans="1:12">
      <c r="A16222" s="6" t="s">
        <v>15677</v>
      </c>
      <c r="B16222" s="6"/>
      <c r="C16222" s="6" t="s">
        <v>16248</v>
      </c>
      <c r="D16222" s="6"/>
      <c r="E16222" s="6" t="s">
        <v>9</v>
      </c>
      <c r="F16222" s="7">
        <v>38657</v>
      </c>
      <c r="G16222" s="8">
        <v>1</v>
      </c>
      <c r="H16222" s="8">
        <v>1</v>
      </c>
      <c r="I16222" s="8">
        <v>0</v>
      </c>
      <c r="J16222" s="8">
        <v>1</v>
      </c>
      <c r="K16222" s="9">
        <v>13</v>
      </c>
      <c r="L16222" s="6" t="s">
        <v>51</v>
      </c>
    </row>
    <row r="16223" spans="1:12">
      <c r="A16223" s="6" t="s">
        <v>15677</v>
      </c>
      <c r="B16223" s="6"/>
      <c r="C16223" s="6" t="s">
        <v>16249</v>
      </c>
      <c r="D16223" s="6"/>
      <c r="E16223" s="6" t="s">
        <v>9</v>
      </c>
      <c r="F16223" s="7">
        <v>38657</v>
      </c>
      <c r="G16223" s="8">
        <v>1</v>
      </c>
      <c r="H16223" s="8">
        <v>1</v>
      </c>
      <c r="I16223" s="8">
        <v>0</v>
      </c>
      <c r="J16223" s="8">
        <v>1</v>
      </c>
      <c r="K16223" s="9">
        <v>15</v>
      </c>
      <c r="L16223" s="6" t="s">
        <v>51</v>
      </c>
    </row>
    <row r="16224" spans="1:12">
      <c r="A16224" s="6" t="s">
        <v>15677</v>
      </c>
      <c r="B16224" s="6"/>
      <c r="C16224" s="6" t="s">
        <v>16250</v>
      </c>
      <c r="D16224" s="6"/>
      <c r="E16224" s="6" t="s">
        <v>9</v>
      </c>
      <c r="F16224" s="7">
        <v>38657</v>
      </c>
      <c r="G16224" s="8">
        <v>1</v>
      </c>
      <c r="H16224" s="8">
        <v>1</v>
      </c>
      <c r="I16224" s="8">
        <v>0</v>
      </c>
      <c r="J16224" s="8">
        <v>1</v>
      </c>
      <c r="K16224" s="9">
        <v>7.27</v>
      </c>
      <c r="L16224" s="6" t="s">
        <v>51</v>
      </c>
    </row>
    <row r="16225" spans="1:12">
      <c r="A16225" s="6" t="s">
        <v>15677</v>
      </c>
      <c r="B16225" s="6"/>
      <c r="C16225" s="6" t="s">
        <v>16251</v>
      </c>
      <c r="D16225" s="6"/>
      <c r="E16225" s="6" t="s">
        <v>9</v>
      </c>
      <c r="F16225" s="7">
        <v>38657</v>
      </c>
      <c r="G16225" s="8">
        <v>1</v>
      </c>
      <c r="H16225" s="8">
        <v>1</v>
      </c>
      <c r="I16225" s="8">
        <v>0</v>
      </c>
      <c r="J16225" s="8">
        <v>1</v>
      </c>
      <c r="K16225" s="9">
        <v>6.99</v>
      </c>
      <c r="L16225" s="6" t="s">
        <v>51</v>
      </c>
    </row>
    <row r="16226" spans="1:12">
      <c r="A16226" s="6" t="s">
        <v>15677</v>
      </c>
      <c r="B16226" s="6"/>
      <c r="C16226" s="6" t="s">
        <v>16252</v>
      </c>
      <c r="D16226" s="6"/>
      <c r="E16226" s="6" t="s">
        <v>9</v>
      </c>
      <c r="F16226" s="7">
        <v>38657</v>
      </c>
      <c r="G16226" s="8">
        <v>1</v>
      </c>
      <c r="H16226" s="8">
        <v>1</v>
      </c>
      <c r="I16226" s="8">
        <v>0</v>
      </c>
      <c r="J16226" s="8">
        <v>1</v>
      </c>
      <c r="K16226" s="9">
        <v>7.45</v>
      </c>
      <c r="L16226" s="6" t="s">
        <v>51</v>
      </c>
    </row>
    <row r="16227" spans="1:12">
      <c r="A16227" s="6" t="s">
        <v>15677</v>
      </c>
      <c r="B16227" s="6"/>
      <c r="C16227" s="6" t="s">
        <v>16253</v>
      </c>
      <c r="D16227" s="6"/>
      <c r="E16227" s="6" t="s">
        <v>9</v>
      </c>
      <c r="F16227" s="7">
        <v>38657</v>
      </c>
      <c r="G16227" s="8">
        <v>1</v>
      </c>
      <c r="H16227" s="8">
        <v>1</v>
      </c>
      <c r="I16227" s="8">
        <v>0</v>
      </c>
      <c r="J16227" s="8">
        <v>1</v>
      </c>
      <c r="K16227" s="9">
        <v>12</v>
      </c>
      <c r="L16227" s="6" t="s">
        <v>51</v>
      </c>
    </row>
    <row r="16228" spans="1:12">
      <c r="A16228" s="6" t="s">
        <v>15677</v>
      </c>
      <c r="B16228" s="6"/>
      <c r="C16228" s="6" t="s">
        <v>16254</v>
      </c>
      <c r="D16228" s="6"/>
      <c r="E16228" s="6" t="s">
        <v>9</v>
      </c>
      <c r="F16228" s="7">
        <v>38657</v>
      </c>
      <c r="G16228" s="8">
        <v>1</v>
      </c>
      <c r="H16228" s="8">
        <v>1</v>
      </c>
      <c r="I16228" s="8">
        <v>0</v>
      </c>
      <c r="J16228" s="8">
        <v>1</v>
      </c>
      <c r="K16228" s="9">
        <v>3.24</v>
      </c>
      <c r="L16228" s="6" t="s">
        <v>51</v>
      </c>
    </row>
    <row r="16229" spans="1:12">
      <c r="A16229" s="6" t="s">
        <v>15677</v>
      </c>
      <c r="B16229" s="6"/>
      <c r="C16229" s="6" t="s">
        <v>16255</v>
      </c>
      <c r="D16229" s="6"/>
      <c r="E16229" s="6" t="s">
        <v>9</v>
      </c>
      <c r="F16229" s="7">
        <v>38657</v>
      </c>
      <c r="G16229" s="8">
        <v>1</v>
      </c>
      <c r="H16229" s="8">
        <v>1</v>
      </c>
      <c r="I16229" s="8">
        <v>0</v>
      </c>
      <c r="J16229" s="8">
        <v>1</v>
      </c>
      <c r="K16229" s="9">
        <v>1.61</v>
      </c>
      <c r="L16229" s="6" t="s">
        <v>51</v>
      </c>
    </row>
    <row r="16230" spans="1:12">
      <c r="A16230" s="6" t="s">
        <v>15677</v>
      </c>
      <c r="B16230" s="6"/>
      <c r="C16230" s="6" t="s">
        <v>16256</v>
      </c>
      <c r="D16230" s="6"/>
      <c r="E16230" s="6" t="s">
        <v>9</v>
      </c>
      <c r="F16230" s="7">
        <v>38657</v>
      </c>
      <c r="G16230" s="8">
        <v>1</v>
      </c>
      <c r="H16230" s="8">
        <v>1</v>
      </c>
      <c r="I16230" s="8">
        <v>0</v>
      </c>
      <c r="J16230" s="8">
        <v>1</v>
      </c>
      <c r="K16230" s="9">
        <v>61</v>
      </c>
      <c r="L16230" s="6" t="s">
        <v>51</v>
      </c>
    </row>
    <row r="16231" spans="1:12">
      <c r="A16231" s="6" t="s">
        <v>15677</v>
      </c>
      <c r="B16231" s="6"/>
      <c r="C16231" s="6" t="s">
        <v>16257</v>
      </c>
      <c r="D16231" s="6"/>
      <c r="E16231" s="6" t="s">
        <v>9</v>
      </c>
      <c r="F16231" s="7">
        <v>38657</v>
      </c>
      <c r="G16231" s="8">
        <v>1</v>
      </c>
      <c r="H16231" s="8">
        <v>1</v>
      </c>
      <c r="I16231" s="8">
        <v>0</v>
      </c>
      <c r="J16231" s="8">
        <v>1</v>
      </c>
      <c r="K16231" s="9">
        <v>82</v>
      </c>
      <c r="L16231" s="6" t="s">
        <v>51</v>
      </c>
    </row>
    <row r="16232" spans="1:12">
      <c r="A16232" s="6" t="s">
        <v>15677</v>
      </c>
      <c r="B16232" s="6"/>
      <c r="C16232" s="6" t="s">
        <v>16258</v>
      </c>
      <c r="D16232" s="6"/>
      <c r="E16232" s="6" t="s">
        <v>9</v>
      </c>
      <c r="F16232" s="7">
        <v>38657</v>
      </c>
      <c r="G16232" s="8">
        <v>1</v>
      </c>
      <c r="H16232" s="8">
        <v>1</v>
      </c>
      <c r="I16232" s="8">
        <v>0</v>
      </c>
      <c r="J16232" s="8">
        <v>1</v>
      </c>
      <c r="K16232" s="9">
        <v>22</v>
      </c>
      <c r="L16232" s="6" t="s">
        <v>51</v>
      </c>
    </row>
    <row r="16233" spans="1:12">
      <c r="A16233" s="6" t="s">
        <v>15677</v>
      </c>
      <c r="B16233" s="6"/>
      <c r="C16233" s="6" t="s">
        <v>16259</v>
      </c>
      <c r="D16233" s="6"/>
      <c r="E16233" s="6" t="s">
        <v>9</v>
      </c>
      <c r="F16233" s="7">
        <v>38657</v>
      </c>
      <c r="G16233" s="8">
        <v>1</v>
      </c>
      <c r="H16233" s="8">
        <v>1</v>
      </c>
      <c r="I16233" s="8">
        <v>0</v>
      </c>
      <c r="J16233" s="8">
        <v>1</v>
      </c>
      <c r="K16233" s="9">
        <v>20</v>
      </c>
      <c r="L16233" s="6" t="s">
        <v>51</v>
      </c>
    </row>
    <row r="16234" spans="1:12">
      <c r="A16234" s="6" t="s">
        <v>15677</v>
      </c>
      <c r="B16234" s="6"/>
      <c r="C16234" s="6" t="s">
        <v>16260</v>
      </c>
      <c r="D16234" s="6"/>
      <c r="E16234" s="6" t="s">
        <v>9</v>
      </c>
      <c r="F16234" s="7">
        <v>38657</v>
      </c>
      <c r="G16234" s="8">
        <v>1</v>
      </c>
      <c r="H16234" s="8">
        <v>1</v>
      </c>
      <c r="I16234" s="8">
        <v>0</v>
      </c>
      <c r="J16234" s="8">
        <v>1</v>
      </c>
      <c r="K16234" s="9">
        <v>23</v>
      </c>
      <c r="L16234" s="6" t="s">
        <v>51</v>
      </c>
    </row>
    <row r="16235" spans="1:12">
      <c r="A16235" s="6" t="s">
        <v>15677</v>
      </c>
      <c r="B16235" s="6"/>
      <c r="C16235" s="6" t="s">
        <v>16261</v>
      </c>
      <c r="D16235" s="6"/>
      <c r="E16235" s="6" t="s">
        <v>9</v>
      </c>
      <c r="F16235" s="7">
        <v>38657</v>
      </c>
      <c r="G16235" s="8">
        <v>1</v>
      </c>
      <c r="H16235" s="8">
        <v>1</v>
      </c>
      <c r="I16235" s="8">
        <v>0</v>
      </c>
      <c r="J16235" s="8">
        <v>1</v>
      </c>
      <c r="K16235" s="9">
        <v>4.2699999999999898</v>
      </c>
      <c r="L16235" s="6" t="s">
        <v>51</v>
      </c>
    </row>
    <row r="16236" spans="1:12">
      <c r="A16236" s="6" t="s">
        <v>15677</v>
      </c>
      <c r="B16236" s="6"/>
      <c r="C16236" s="6" t="s">
        <v>16262</v>
      </c>
      <c r="D16236" s="6"/>
      <c r="E16236" s="6" t="s">
        <v>9</v>
      </c>
      <c r="F16236" s="7">
        <v>38657</v>
      </c>
      <c r="G16236" s="8">
        <v>1</v>
      </c>
      <c r="H16236" s="8">
        <v>1</v>
      </c>
      <c r="I16236" s="8">
        <v>0</v>
      </c>
      <c r="J16236" s="8">
        <v>1</v>
      </c>
      <c r="K16236" s="9">
        <v>14</v>
      </c>
      <c r="L16236" s="6" t="s">
        <v>51</v>
      </c>
    </row>
    <row r="16237" spans="1:12">
      <c r="A16237" s="6" t="s">
        <v>15677</v>
      </c>
      <c r="B16237" s="6"/>
      <c r="C16237" s="6" t="s">
        <v>16263</v>
      </c>
      <c r="D16237" s="6"/>
      <c r="E16237" s="6" t="s">
        <v>9</v>
      </c>
      <c r="F16237" s="7">
        <v>38657</v>
      </c>
      <c r="G16237" s="8">
        <v>1</v>
      </c>
      <c r="H16237" s="8">
        <v>1</v>
      </c>
      <c r="I16237" s="8">
        <v>0</v>
      </c>
      <c r="J16237" s="8">
        <v>1</v>
      </c>
      <c r="K16237" s="9">
        <v>28</v>
      </c>
      <c r="L16237" s="6" t="s">
        <v>51</v>
      </c>
    </row>
    <row r="16238" spans="1:12">
      <c r="A16238" s="6" t="s">
        <v>15677</v>
      </c>
      <c r="B16238" s="6"/>
      <c r="C16238" s="6" t="s">
        <v>16264</v>
      </c>
      <c r="D16238" s="6"/>
      <c r="E16238" s="6" t="s">
        <v>9</v>
      </c>
      <c r="F16238" s="7">
        <v>38657</v>
      </c>
      <c r="G16238" s="8">
        <v>1</v>
      </c>
      <c r="H16238" s="8">
        <v>1</v>
      </c>
      <c r="I16238" s="8">
        <v>0</v>
      </c>
      <c r="J16238" s="8">
        <v>1</v>
      </c>
      <c r="K16238" s="9">
        <v>4.1100000000000003</v>
      </c>
      <c r="L16238" s="6" t="s">
        <v>51</v>
      </c>
    </row>
    <row r="16239" spans="1:12">
      <c r="A16239" s="6" t="s">
        <v>15677</v>
      </c>
      <c r="B16239" s="6"/>
      <c r="C16239" s="6" t="s">
        <v>16265</v>
      </c>
      <c r="D16239" s="6"/>
      <c r="E16239" s="6" t="s">
        <v>9</v>
      </c>
      <c r="F16239" s="7">
        <v>38657</v>
      </c>
      <c r="G16239" s="8">
        <v>1</v>
      </c>
      <c r="H16239" s="8">
        <v>1</v>
      </c>
      <c r="I16239" s="8">
        <v>0</v>
      </c>
      <c r="J16239" s="8">
        <v>1</v>
      </c>
      <c r="K16239" s="9">
        <v>8.6199999999999903</v>
      </c>
      <c r="L16239" s="6" t="s">
        <v>51</v>
      </c>
    </row>
    <row r="16240" spans="1:12">
      <c r="A16240" s="6" t="s">
        <v>15677</v>
      </c>
      <c r="B16240" s="6"/>
      <c r="C16240" s="6" t="s">
        <v>16266</v>
      </c>
      <c r="D16240" s="6"/>
      <c r="E16240" s="6" t="s">
        <v>9</v>
      </c>
      <c r="F16240" s="7">
        <v>38657</v>
      </c>
      <c r="G16240" s="8">
        <v>1</v>
      </c>
      <c r="H16240" s="8">
        <v>1</v>
      </c>
      <c r="I16240" s="8">
        <v>0</v>
      </c>
      <c r="J16240" s="8">
        <v>1</v>
      </c>
      <c r="K16240" s="9">
        <v>9.24</v>
      </c>
      <c r="L16240" s="6" t="s">
        <v>51</v>
      </c>
    </row>
    <row r="16241" spans="1:12">
      <c r="A16241" s="6" t="s">
        <v>15677</v>
      </c>
      <c r="B16241" s="6"/>
      <c r="C16241" s="6" t="s">
        <v>16267</v>
      </c>
      <c r="D16241" s="6"/>
      <c r="E16241" s="6" t="s">
        <v>9</v>
      </c>
      <c r="F16241" s="7">
        <v>38657</v>
      </c>
      <c r="G16241" s="8">
        <v>1</v>
      </c>
      <c r="H16241" s="8">
        <v>1</v>
      </c>
      <c r="I16241" s="8">
        <v>0</v>
      </c>
      <c r="J16241" s="8">
        <v>1</v>
      </c>
      <c r="K16241" s="9">
        <v>28</v>
      </c>
      <c r="L16241" s="6" t="s">
        <v>51</v>
      </c>
    </row>
    <row r="16242" spans="1:12">
      <c r="A16242" s="6" t="s">
        <v>15677</v>
      </c>
      <c r="B16242" s="6"/>
      <c r="C16242" s="6" t="s">
        <v>16268</v>
      </c>
      <c r="D16242" s="6"/>
      <c r="E16242" s="6" t="s">
        <v>9</v>
      </c>
      <c r="F16242" s="7">
        <v>38657</v>
      </c>
      <c r="G16242" s="8">
        <v>1</v>
      </c>
      <c r="H16242" s="8">
        <v>1</v>
      </c>
      <c r="I16242" s="8">
        <v>0</v>
      </c>
      <c r="J16242" s="8">
        <v>1</v>
      </c>
      <c r="K16242" s="9">
        <v>69</v>
      </c>
      <c r="L16242" s="6" t="s">
        <v>51</v>
      </c>
    </row>
    <row r="16243" spans="1:12">
      <c r="A16243" s="6" t="s">
        <v>15677</v>
      </c>
      <c r="B16243" s="6"/>
      <c r="C16243" s="6" t="s">
        <v>16269</v>
      </c>
      <c r="D16243" s="6"/>
      <c r="E16243" s="6" t="s">
        <v>9</v>
      </c>
      <c r="F16243" s="7">
        <v>38657</v>
      </c>
      <c r="G16243" s="8">
        <v>1</v>
      </c>
      <c r="H16243" s="8">
        <v>1</v>
      </c>
      <c r="I16243" s="8">
        <v>0</v>
      </c>
      <c r="J16243" s="8">
        <v>1</v>
      </c>
      <c r="K16243" s="9">
        <v>37</v>
      </c>
      <c r="L16243" s="6" t="s">
        <v>51</v>
      </c>
    </row>
    <row r="16244" spans="1:12">
      <c r="A16244" s="6" t="s">
        <v>15677</v>
      </c>
      <c r="B16244" s="6"/>
      <c r="C16244" s="6" t="s">
        <v>16270</v>
      </c>
      <c r="D16244" s="6"/>
      <c r="E16244" s="6" t="s">
        <v>9</v>
      </c>
      <c r="F16244" s="7">
        <v>38657</v>
      </c>
      <c r="G16244" s="8">
        <v>1</v>
      </c>
      <c r="H16244" s="8">
        <v>1</v>
      </c>
      <c r="I16244" s="8">
        <v>0</v>
      </c>
      <c r="J16244" s="8">
        <v>1</v>
      </c>
      <c r="K16244" s="9">
        <v>79</v>
      </c>
      <c r="L16244" s="6" t="s">
        <v>51</v>
      </c>
    </row>
    <row r="16245" spans="1:12">
      <c r="A16245" s="6" t="s">
        <v>15677</v>
      </c>
      <c r="B16245" s="6"/>
      <c r="C16245" s="6" t="s">
        <v>16271</v>
      </c>
      <c r="D16245" s="6"/>
      <c r="E16245" s="6" t="s">
        <v>9</v>
      </c>
      <c r="F16245" s="7">
        <v>38657</v>
      </c>
      <c r="G16245" s="8">
        <v>1</v>
      </c>
      <c r="H16245" s="8">
        <v>1</v>
      </c>
      <c r="I16245" s="8">
        <v>0</v>
      </c>
      <c r="J16245" s="8">
        <v>1</v>
      </c>
      <c r="K16245" s="9">
        <v>1490</v>
      </c>
      <c r="L16245" s="6" t="s">
        <v>51</v>
      </c>
    </row>
    <row r="16246" spans="1:12">
      <c r="A16246" s="6" t="s">
        <v>15677</v>
      </c>
      <c r="B16246" s="6"/>
      <c r="C16246" s="6" t="s">
        <v>16272</v>
      </c>
      <c r="D16246" s="6"/>
      <c r="E16246" s="6" t="s">
        <v>9</v>
      </c>
      <c r="F16246" s="7">
        <v>38657</v>
      </c>
      <c r="G16246" s="8">
        <v>1</v>
      </c>
      <c r="H16246" s="8">
        <v>1</v>
      </c>
      <c r="I16246" s="8">
        <v>0</v>
      </c>
      <c r="J16246" s="8">
        <v>1</v>
      </c>
      <c r="K16246" s="9">
        <v>42</v>
      </c>
      <c r="L16246" s="6" t="s">
        <v>51</v>
      </c>
    </row>
    <row r="16247" spans="1:12">
      <c r="A16247" s="6" t="s">
        <v>15677</v>
      </c>
      <c r="B16247" s="6"/>
      <c r="C16247" s="6" t="s">
        <v>16273</v>
      </c>
      <c r="D16247" s="6"/>
      <c r="E16247" s="6" t="s">
        <v>9</v>
      </c>
      <c r="F16247" s="7">
        <v>38657</v>
      </c>
      <c r="G16247" s="8">
        <v>1</v>
      </c>
      <c r="H16247" s="8">
        <v>1</v>
      </c>
      <c r="I16247" s="8">
        <v>0</v>
      </c>
      <c r="J16247" s="8">
        <v>1</v>
      </c>
      <c r="K16247" s="9">
        <v>23</v>
      </c>
      <c r="L16247" s="6" t="s">
        <v>51</v>
      </c>
    </row>
    <row r="16248" spans="1:12">
      <c r="A16248" s="6" t="s">
        <v>15677</v>
      </c>
      <c r="B16248" s="6"/>
      <c r="C16248" s="6" t="s">
        <v>16274</v>
      </c>
      <c r="D16248" s="6"/>
      <c r="E16248" s="6" t="s">
        <v>9</v>
      </c>
      <c r="F16248" s="7">
        <v>38657</v>
      </c>
      <c r="G16248" s="8">
        <v>1</v>
      </c>
      <c r="H16248" s="8">
        <v>1</v>
      </c>
      <c r="I16248" s="8">
        <v>0</v>
      </c>
      <c r="J16248" s="8">
        <v>1</v>
      </c>
      <c r="K16248" s="9">
        <v>57</v>
      </c>
      <c r="L16248" s="6" t="s">
        <v>51</v>
      </c>
    </row>
    <row r="16249" spans="1:12">
      <c r="A16249" s="6" t="s">
        <v>15677</v>
      </c>
      <c r="B16249" s="6"/>
      <c r="C16249" s="6" t="s">
        <v>16275</v>
      </c>
      <c r="D16249" s="6"/>
      <c r="E16249" s="6" t="s">
        <v>9</v>
      </c>
      <c r="F16249" s="7">
        <v>38657</v>
      </c>
      <c r="G16249" s="8">
        <v>1</v>
      </c>
      <c r="H16249" s="8">
        <v>1</v>
      </c>
      <c r="I16249" s="8">
        <v>0</v>
      </c>
      <c r="J16249" s="8">
        <v>1</v>
      </c>
      <c r="K16249" s="9">
        <v>105.53</v>
      </c>
      <c r="L16249" s="6" t="s">
        <v>51</v>
      </c>
    </row>
    <row r="16250" spans="1:12">
      <c r="A16250" s="6" t="s">
        <v>15677</v>
      </c>
      <c r="B16250" s="6"/>
      <c r="C16250" s="6" t="s">
        <v>16276</v>
      </c>
      <c r="D16250" s="6"/>
      <c r="E16250" s="6" t="s">
        <v>9</v>
      </c>
      <c r="F16250" s="7">
        <v>38657</v>
      </c>
      <c r="G16250" s="8">
        <v>1</v>
      </c>
      <c r="H16250" s="8">
        <v>1</v>
      </c>
      <c r="I16250" s="8">
        <v>0</v>
      </c>
      <c r="J16250" s="8">
        <v>1</v>
      </c>
      <c r="K16250" s="9">
        <v>1.2</v>
      </c>
      <c r="L16250" s="6" t="s">
        <v>51</v>
      </c>
    </row>
    <row r="16251" spans="1:12">
      <c r="A16251" s="6" t="s">
        <v>15677</v>
      </c>
      <c r="B16251" s="6"/>
      <c r="C16251" s="6" t="s">
        <v>16277</v>
      </c>
      <c r="D16251" s="6"/>
      <c r="E16251" s="6" t="s">
        <v>9</v>
      </c>
      <c r="F16251" s="7">
        <v>38657</v>
      </c>
      <c r="G16251" s="8">
        <v>1</v>
      </c>
      <c r="H16251" s="8">
        <v>1</v>
      </c>
      <c r="I16251" s="8">
        <v>0</v>
      </c>
      <c r="J16251" s="8">
        <v>1</v>
      </c>
      <c r="K16251" s="9">
        <v>3.9</v>
      </c>
      <c r="L16251" s="6" t="s">
        <v>51</v>
      </c>
    </row>
    <row r="16252" spans="1:12">
      <c r="A16252" s="6" t="s">
        <v>15677</v>
      </c>
      <c r="B16252" s="6"/>
      <c r="C16252" s="6" t="s">
        <v>16278</v>
      </c>
      <c r="D16252" s="6"/>
      <c r="E16252" s="6" t="s">
        <v>9</v>
      </c>
      <c r="F16252" s="7">
        <v>38657</v>
      </c>
      <c r="G16252" s="8">
        <v>1</v>
      </c>
      <c r="H16252" s="8">
        <v>1</v>
      </c>
      <c r="I16252" s="8">
        <v>0</v>
      </c>
      <c r="J16252" s="8">
        <v>1</v>
      </c>
      <c r="K16252" s="9">
        <v>0.78</v>
      </c>
      <c r="L16252" s="6" t="s">
        <v>51</v>
      </c>
    </row>
    <row r="16253" spans="1:12">
      <c r="A16253" s="6" t="s">
        <v>15677</v>
      </c>
      <c r="B16253" s="6"/>
      <c r="C16253" s="6" t="s">
        <v>16279</v>
      </c>
      <c r="D16253" s="6"/>
      <c r="E16253" s="6" t="s">
        <v>9</v>
      </c>
      <c r="F16253" s="7">
        <v>38657</v>
      </c>
      <c r="G16253" s="8">
        <v>1</v>
      </c>
      <c r="H16253" s="8">
        <v>1</v>
      </c>
      <c r="I16253" s="8">
        <v>0</v>
      </c>
      <c r="J16253" s="8">
        <v>1</v>
      </c>
      <c r="K16253" s="9">
        <v>13</v>
      </c>
      <c r="L16253" s="6" t="s">
        <v>51</v>
      </c>
    </row>
    <row r="16254" spans="1:12">
      <c r="A16254" s="6" t="s">
        <v>15677</v>
      </c>
      <c r="B16254" s="6"/>
      <c r="C16254" s="6" t="s">
        <v>16280</v>
      </c>
      <c r="D16254" s="6"/>
      <c r="E16254" s="6" t="s">
        <v>9</v>
      </c>
      <c r="F16254" s="7">
        <v>38657</v>
      </c>
      <c r="G16254" s="8">
        <v>1</v>
      </c>
      <c r="H16254" s="8">
        <v>1</v>
      </c>
      <c r="I16254" s="8">
        <v>0</v>
      </c>
      <c r="J16254" s="8">
        <v>1</v>
      </c>
      <c r="K16254" s="9">
        <v>10</v>
      </c>
      <c r="L16254" s="6" t="s">
        <v>51</v>
      </c>
    </row>
    <row r="16255" spans="1:12">
      <c r="A16255" s="6" t="s">
        <v>15677</v>
      </c>
      <c r="B16255" s="6"/>
      <c r="C16255" s="6" t="s">
        <v>16281</v>
      </c>
      <c r="D16255" s="6"/>
      <c r="E16255" s="6" t="s">
        <v>9</v>
      </c>
      <c r="F16255" s="7">
        <v>38657</v>
      </c>
      <c r="G16255" s="8">
        <v>1</v>
      </c>
      <c r="H16255" s="8">
        <v>1</v>
      </c>
      <c r="I16255" s="8">
        <v>0</v>
      </c>
      <c r="J16255" s="8">
        <v>1</v>
      </c>
      <c r="K16255" s="9">
        <v>10</v>
      </c>
      <c r="L16255" s="6" t="s">
        <v>51</v>
      </c>
    </row>
    <row r="16256" spans="1:12">
      <c r="A16256" s="6" t="s">
        <v>15677</v>
      </c>
      <c r="B16256" s="6"/>
      <c r="C16256" s="6" t="s">
        <v>16282</v>
      </c>
      <c r="D16256" s="6"/>
      <c r="E16256" s="6" t="s">
        <v>9</v>
      </c>
      <c r="F16256" s="7">
        <v>38657</v>
      </c>
      <c r="G16256" s="8">
        <v>1</v>
      </c>
      <c r="H16256" s="8">
        <v>1</v>
      </c>
      <c r="I16256" s="8">
        <v>0</v>
      </c>
      <c r="J16256" s="8">
        <v>1</v>
      </c>
      <c r="K16256" s="9">
        <v>18</v>
      </c>
      <c r="L16256" s="6" t="s">
        <v>51</v>
      </c>
    </row>
    <row r="16257" spans="1:12">
      <c r="A16257" s="6" t="s">
        <v>15677</v>
      </c>
      <c r="B16257" s="6"/>
      <c r="C16257" s="6" t="s">
        <v>16283</v>
      </c>
      <c r="D16257" s="6"/>
      <c r="E16257" s="6" t="s">
        <v>9</v>
      </c>
      <c r="F16257" s="7">
        <v>38657</v>
      </c>
      <c r="G16257" s="8">
        <v>1</v>
      </c>
      <c r="H16257" s="8">
        <v>1</v>
      </c>
      <c r="I16257" s="8">
        <v>0</v>
      </c>
      <c r="J16257" s="8">
        <v>1</v>
      </c>
      <c r="K16257" s="9">
        <v>10</v>
      </c>
      <c r="L16257" s="6" t="s">
        <v>51</v>
      </c>
    </row>
    <row r="16258" spans="1:12">
      <c r="A16258" s="6" t="s">
        <v>15677</v>
      </c>
      <c r="B16258" s="6"/>
      <c r="C16258" s="6" t="s">
        <v>16284</v>
      </c>
      <c r="D16258" s="6"/>
      <c r="E16258" s="6" t="s">
        <v>9</v>
      </c>
      <c r="F16258" s="7">
        <v>38657</v>
      </c>
      <c r="G16258" s="8">
        <v>1</v>
      </c>
      <c r="H16258" s="8">
        <v>1</v>
      </c>
      <c r="I16258" s="8">
        <v>0</v>
      </c>
      <c r="J16258" s="8">
        <v>1</v>
      </c>
      <c r="K16258" s="9">
        <v>6.9</v>
      </c>
      <c r="L16258" s="6" t="s">
        <v>51</v>
      </c>
    </row>
    <row r="16259" spans="1:12">
      <c r="A16259" s="6" t="s">
        <v>15677</v>
      </c>
      <c r="B16259" s="6"/>
      <c r="C16259" s="6" t="s">
        <v>16285</v>
      </c>
      <c r="D16259" s="6"/>
      <c r="E16259" s="6" t="s">
        <v>9</v>
      </c>
      <c r="F16259" s="7">
        <v>38657</v>
      </c>
      <c r="G16259" s="8">
        <v>1</v>
      </c>
      <c r="H16259" s="8">
        <v>1</v>
      </c>
      <c r="I16259" s="8">
        <v>0</v>
      </c>
      <c r="J16259" s="8">
        <v>1</v>
      </c>
      <c r="K16259" s="9">
        <v>15</v>
      </c>
      <c r="L16259" s="6" t="s">
        <v>51</v>
      </c>
    </row>
    <row r="16260" spans="1:12">
      <c r="A16260" s="6" t="s">
        <v>15677</v>
      </c>
      <c r="B16260" s="6"/>
      <c r="C16260" s="6" t="s">
        <v>16286</v>
      </c>
      <c r="D16260" s="6"/>
      <c r="E16260" s="6" t="s">
        <v>9</v>
      </c>
      <c r="F16260" s="7">
        <v>38657</v>
      </c>
      <c r="G16260" s="8">
        <v>1</v>
      </c>
      <c r="H16260" s="8">
        <v>1</v>
      </c>
      <c r="I16260" s="8">
        <v>0</v>
      </c>
      <c r="J16260" s="8">
        <v>1</v>
      </c>
      <c r="K16260" s="9">
        <v>7.99</v>
      </c>
      <c r="L16260" s="6" t="s">
        <v>51</v>
      </c>
    </row>
    <row r="16261" spans="1:12">
      <c r="A16261" s="6" t="s">
        <v>15677</v>
      </c>
      <c r="B16261" s="6"/>
      <c r="C16261" s="6" t="s">
        <v>16287</v>
      </c>
      <c r="D16261" s="6"/>
      <c r="E16261" s="6" t="s">
        <v>9</v>
      </c>
      <c r="F16261" s="7">
        <v>38657</v>
      </c>
      <c r="G16261" s="8">
        <v>1</v>
      </c>
      <c r="H16261" s="8">
        <v>1</v>
      </c>
      <c r="I16261" s="8">
        <v>0</v>
      </c>
      <c r="J16261" s="8">
        <v>1</v>
      </c>
      <c r="K16261" s="9">
        <v>26</v>
      </c>
      <c r="L16261" s="6" t="s">
        <v>51</v>
      </c>
    </row>
    <row r="16262" spans="1:12">
      <c r="A16262" s="6" t="s">
        <v>15677</v>
      </c>
      <c r="B16262" s="6"/>
      <c r="C16262" s="6" t="s">
        <v>16288</v>
      </c>
      <c r="D16262" s="6"/>
      <c r="E16262" s="6" t="s">
        <v>9</v>
      </c>
      <c r="F16262" s="7">
        <v>38657</v>
      </c>
      <c r="G16262" s="8">
        <v>1</v>
      </c>
      <c r="H16262" s="8">
        <v>1</v>
      </c>
      <c r="I16262" s="8">
        <v>0</v>
      </c>
      <c r="J16262" s="8">
        <v>1</v>
      </c>
      <c r="K16262" s="9">
        <v>39</v>
      </c>
      <c r="L16262" s="6" t="s">
        <v>51</v>
      </c>
    </row>
    <row r="16263" spans="1:12">
      <c r="A16263" s="6" t="s">
        <v>15677</v>
      </c>
      <c r="B16263" s="6"/>
      <c r="C16263" s="6" t="s">
        <v>16289</v>
      </c>
      <c r="D16263" s="6"/>
      <c r="E16263" s="6" t="s">
        <v>9</v>
      </c>
      <c r="F16263" s="7">
        <v>38657</v>
      </c>
      <c r="G16263" s="8">
        <v>1</v>
      </c>
      <c r="H16263" s="8">
        <v>1</v>
      </c>
      <c r="I16263" s="8">
        <v>0</v>
      </c>
      <c r="J16263" s="8">
        <v>1</v>
      </c>
      <c r="K16263" s="9">
        <v>36</v>
      </c>
      <c r="L16263" s="6" t="s">
        <v>51</v>
      </c>
    </row>
    <row r="16264" spans="1:12">
      <c r="A16264" s="6" t="s">
        <v>15677</v>
      </c>
      <c r="B16264" s="6"/>
      <c r="C16264" s="6" t="s">
        <v>16290</v>
      </c>
      <c r="D16264" s="6"/>
      <c r="E16264" s="6" t="s">
        <v>9</v>
      </c>
      <c r="F16264" s="7">
        <v>38657</v>
      </c>
      <c r="G16264" s="8">
        <v>1</v>
      </c>
      <c r="H16264" s="8">
        <v>1</v>
      </c>
      <c r="I16264" s="8">
        <v>0</v>
      </c>
      <c r="J16264" s="8">
        <v>1</v>
      </c>
      <c r="K16264" s="9">
        <v>21</v>
      </c>
      <c r="L16264" s="6" t="s">
        <v>51</v>
      </c>
    </row>
    <row r="16265" spans="1:12">
      <c r="A16265" s="6" t="s">
        <v>15677</v>
      </c>
      <c r="B16265" s="6"/>
      <c r="C16265" s="6" t="s">
        <v>16291</v>
      </c>
      <c r="D16265" s="6"/>
      <c r="E16265" s="6" t="s">
        <v>9</v>
      </c>
      <c r="F16265" s="7">
        <v>38657</v>
      </c>
      <c r="G16265" s="8">
        <v>1</v>
      </c>
      <c r="H16265" s="8">
        <v>1</v>
      </c>
      <c r="I16265" s="8">
        <v>0</v>
      </c>
      <c r="J16265" s="8">
        <v>1</v>
      </c>
      <c r="K16265" s="9">
        <v>13</v>
      </c>
      <c r="L16265" s="6" t="s">
        <v>51</v>
      </c>
    </row>
    <row r="16266" spans="1:12">
      <c r="A16266" s="6" t="s">
        <v>15677</v>
      </c>
      <c r="B16266" s="6"/>
      <c r="C16266" s="6" t="s">
        <v>16292</v>
      </c>
      <c r="D16266" s="6"/>
      <c r="E16266" s="6" t="s">
        <v>9</v>
      </c>
      <c r="F16266" s="7">
        <v>38657</v>
      </c>
      <c r="G16266" s="8">
        <v>1</v>
      </c>
      <c r="H16266" s="8">
        <v>1</v>
      </c>
      <c r="I16266" s="8">
        <v>0</v>
      </c>
      <c r="J16266" s="8">
        <v>1</v>
      </c>
      <c r="K16266" s="9">
        <v>18</v>
      </c>
      <c r="L16266" s="6" t="s">
        <v>51</v>
      </c>
    </row>
    <row r="16267" spans="1:12">
      <c r="A16267" s="6" t="s">
        <v>15677</v>
      </c>
      <c r="B16267" s="6"/>
      <c r="C16267" s="6" t="s">
        <v>16293</v>
      </c>
      <c r="D16267" s="6"/>
      <c r="E16267" s="6" t="s">
        <v>9</v>
      </c>
      <c r="F16267" s="7">
        <v>38657</v>
      </c>
      <c r="G16267" s="8">
        <v>1</v>
      </c>
      <c r="H16267" s="8">
        <v>1</v>
      </c>
      <c r="I16267" s="8">
        <v>0</v>
      </c>
      <c r="J16267" s="8">
        <v>1</v>
      </c>
      <c r="K16267" s="9">
        <v>36</v>
      </c>
      <c r="L16267" s="6" t="s">
        <v>51</v>
      </c>
    </row>
    <row r="16268" spans="1:12">
      <c r="A16268" s="6" t="s">
        <v>15677</v>
      </c>
      <c r="B16268" s="6"/>
      <c r="C16268" s="6" t="s">
        <v>16294</v>
      </c>
      <c r="D16268" s="6"/>
      <c r="E16268" s="6" t="s">
        <v>9</v>
      </c>
      <c r="F16268" s="7">
        <v>38657</v>
      </c>
      <c r="G16268" s="8">
        <v>1</v>
      </c>
      <c r="H16268" s="8">
        <v>1</v>
      </c>
      <c r="I16268" s="8">
        <v>0</v>
      </c>
      <c r="J16268" s="8">
        <v>1</v>
      </c>
      <c r="K16268" s="9">
        <v>18</v>
      </c>
      <c r="L16268" s="6" t="s">
        <v>51</v>
      </c>
    </row>
    <row r="16269" spans="1:12">
      <c r="A16269" s="6" t="s">
        <v>15677</v>
      </c>
      <c r="B16269" s="6"/>
      <c r="C16269" s="6" t="s">
        <v>16295</v>
      </c>
      <c r="D16269" s="6"/>
      <c r="E16269" s="6" t="s">
        <v>9</v>
      </c>
      <c r="F16269" s="7">
        <v>38657</v>
      </c>
      <c r="G16269" s="8">
        <v>1</v>
      </c>
      <c r="H16269" s="8">
        <v>1</v>
      </c>
      <c r="I16269" s="8">
        <v>0</v>
      </c>
      <c r="J16269" s="8">
        <v>1</v>
      </c>
      <c r="K16269" s="9">
        <v>36</v>
      </c>
      <c r="L16269" s="6" t="s">
        <v>51</v>
      </c>
    </row>
    <row r="16270" spans="1:12">
      <c r="A16270" s="6" t="s">
        <v>15677</v>
      </c>
      <c r="B16270" s="6"/>
      <c r="C16270" s="6" t="s">
        <v>16296</v>
      </c>
      <c r="D16270" s="6"/>
      <c r="E16270" s="6" t="s">
        <v>9</v>
      </c>
      <c r="F16270" s="7">
        <v>38657</v>
      </c>
      <c r="G16270" s="8">
        <v>1</v>
      </c>
      <c r="H16270" s="8">
        <v>1</v>
      </c>
      <c r="I16270" s="8">
        <v>0</v>
      </c>
      <c r="J16270" s="8">
        <v>1</v>
      </c>
      <c r="K16270" s="9">
        <v>28</v>
      </c>
      <c r="L16270" s="6" t="s">
        <v>51</v>
      </c>
    </row>
    <row r="16271" spans="1:12">
      <c r="A16271" s="6" t="s">
        <v>15677</v>
      </c>
      <c r="B16271" s="6"/>
      <c r="C16271" s="6" t="s">
        <v>16297</v>
      </c>
      <c r="D16271" s="6"/>
      <c r="E16271" s="6" t="s">
        <v>9</v>
      </c>
      <c r="F16271" s="7">
        <v>38657</v>
      </c>
      <c r="G16271" s="8">
        <v>1</v>
      </c>
      <c r="H16271" s="8">
        <v>1</v>
      </c>
      <c r="I16271" s="8">
        <v>0</v>
      </c>
      <c r="J16271" s="8">
        <v>1</v>
      </c>
      <c r="K16271" s="9">
        <v>20</v>
      </c>
      <c r="L16271" s="6" t="s">
        <v>51</v>
      </c>
    </row>
    <row r="16272" spans="1:12">
      <c r="A16272" s="6" t="s">
        <v>15677</v>
      </c>
      <c r="B16272" s="6"/>
      <c r="C16272" s="6" t="s">
        <v>16298</v>
      </c>
      <c r="D16272" s="6"/>
      <c r="E16272" s="6" t="s">
        <v>9</v>
      </c>
      <c r="F16272" s="7">
        <v>38657</v>
      </c>
      <c r="G16272" s="8">
        <v>1</v>
      </c>
      <c r="H16272" s="8">
        <v>1</v>
      </c>
      <c r="I16272" s="8">
        <v>0</v>
      </c>
      <c r="J16272" s="8">
        <v>1</v>
      </c>
      <c r="K16272" s="9">
        <v>24</v>
      </c>
      <c r="L16272" s="6" t="s">
        <v>51</v>
      </c>
    </row>
    <row r="16273" spans="1:12">
      <c r="A16273" s="6" t="s">
        <v>15677</v>
      </c>
      <c r="B16273" s="6"/>
      <c r="C16273" s="6" t="s">
        <v>16299</v>
      </c>
      <c r="D16273" s="6"/>
      <c r="E16273" s="6" t="s">
        <v>9</v>
      </c>
      <c r="F16273" s="7">
        <v>38657</v>
      </c>
      <c r="G16273" s="8">
        <v>1</v>
      </c>
      <c r="H16273" s="8">
        <v>1</v>
      </c>
      <c r="I16273" s="8">
        <v>0</v>
      </c>
      <c r="J16273" s="8">
        <v>1</v>
      </c>
      <c r="K16273" s="9">
        <v>36</v>
      </c>
      <c r="L16273" s="6" t="s">
        <v>51</v>
      </c>
    </row>
    <row r="16274" spans="1:12">
      <c r="A16274" s="6" t="s">
        <v>15677</v>
      </c>
      <c r="B16274" s="6"/>
      <c r="C16274" s="6" t="s">
        <v>16300</v>
      </c>
      <c r="D16274" s="6"/>
      <c r="E16274" s="6" t="s">
        <v>9</v>
      </c>
      <c r="F16274" s="7">
        <v>38657</v>
      </c>
      <c r="G16274" s="8">
        <v>1</v>
      </c>
      <c r="H16274" s="8">
        <v>1</v>
      </c>
      <c r="I16274" s="8">
        <v>0</v>
      </c>
      <c r="J16274" s="8">
        <v>1</v>
      </c>
      <c r="K16274" s="9">
        <v>36</v>
      </c>
      <c r="L16274" s="6" t="s">
        <v>51</v>
      </c>
    </row>
    <row r="16275" spans="1:12">
      <c r="A16275" s="6" t="s">
        <v>15677</v>
      </c>
      <c r="B16275" s="6"/>
      <c r="C16275" s="6" t="s">
        <v>16301</v>
      </c>
      <c r="D16275" s="6"/>
      <c r="E16275" s="6" t="s">
        <v>9</v>
      </c>
      <c r="F16275" s="7">
        <v>38657</v>
      </c>
      <c r="G16275" s="8">
        <v>1</v>
      </c>
      <c r="H16275" s="8">
        <v>1</v>
      </c>
      <c r="I16275" s="8">
        <v>0</v>
      </c>
      <c r="J16275" s="8">
        <v>1</v>
      </c>
      <c r="K16275" s="9">
        <v>19</v>
      </c>
      <c r="L16275" s="6" t="s">
        <v>51</v>
      </c>
    </row>
    <row r="16276" spans="1:12">
      <c r="A16276" s="6" t="s">
        <v>15677</v>
      </c>
      <c r="B16276" s="6"/>
      <c r="C16276" s="6" t="s">
        <v>16302</v>
      </c>
      <c r="D16276" s="6"/>
      <c r="E16276" s="6" t="s">
        <v>9</v>
      </c>
      <c r="F16276" s="7">
        <v>38657</v>
      </c>
      <c r="G16276" s="8">
        <v>1</v>
      </c>
      <c r="H16276" s="8">
        <v>1</v>
      </c>
      <c r="I16276" s="8">
        <v>0</v>
      </c>
      <c r="J16276" s="8">
        <v>1</v>
      </c>
      <c r="K16276" s="9">
        <v>207</v>
      </c>
      <c r="L16276" s="6" t="s">
        <v>51</v>
      </c>
    </row>
    <row r="16277" spans="1:12">
      <c r="A16277" s="6" t="s">
        <v>15677</v>
      </c>
      <c r="B16277" s="6"/>
      <c r="C16277" s="6" t="s">
        <v>16303</v>
      </c>
      <c r="D16277" s="6"/>
      <c r="E16277" s="6" t="s">
        <v>9</v>
      </c>
      <c r="F16277" s="7">
        <v>38657</v>
      </c>
      <c r="G16277" s="8">
        <v>1</v>
      </c>
      <c r="H16277" s="8">
        <v>1</v>
      </c>
      <c r="I16277" s="8">
        <v>0</v>
      </c>
      <c r="J16277" s="8">
        <v>1</v>
      </c>
      <c r="K16277" s="9">
        <v>18</v>
      </c>
      <c r="L16277" s="6" t="s">
        <v>51</v>
      </c>
    </row>
    <row r="16278" spans="1:12">
      <c r="A16278" s="6" t="s">
        <v>15677</v>
      </c>
      <c r="B16278" s="6"/>
      <c r="C16278" s="6" t="s">
        <v>16304</v>
      </c>
      <c r="D16278" s="6"/>
      <c r="E16278" s="6" t="s">
        <v>9</v>
      </c>
      <c r="F16278" s="7">
        <v>38657</v>
      </c>
      <c r="G16278" s="8">
        <v>1</v>
      </c>
      <c r="H16278" s="8">
        <v>1</v>
      </c>
      <c r="I16278" s="8">
        <v>0</v>
      </c>
      <c r="J16278" s="8">
        <v>1</v>
      </c>
      <c r="K16278" s="9">
        <v>18</v>
      </c>
      <c r="L16278" s="6" t="s">
        <v>51</v>
      </c>
    </row>
    <row r="16279" spans="1:12">
      <c r="A16279" s="6" t="s">
        <v>15677</v>
      </c>
      <c r="B16279" s="6"/>
      <c r="C16279" s="6" t="s">
        <v>16305</v>
      </c>
      <c r="D16279" s="6"/>
      <c r="E16279" s="6" t="s">
        <v>9</v>
      </c>
      <c r="F16279" s="7">
        <v>38657</v>
      </c>
      <c r="G16279" s="8">
        <v>1</v>
      </c>
      <c r="H16279" s="8">
        <v>1</v>
      </c>
      <c r="I16279" s="8">
        <v>0</v>
      </c>
      <c r="J16279" s="8">
        <v>1</v>
      </c>
      <c r="K16279" s="9">
        <v>46</v>
      </c>
      <c r="L16279" s="6" t="s">
        <v>51</v>
      </c>
    </row>
    <row r="16280" spans="1:12">
      <c r="A16280" s="6" t="s">
        <v>15677</v>
      </c>
      <c r="B16280" s="6"/>
      <c r="C16280" s="6" t="s">
        <v>16306</v>
      </c>
      <c r="D16280" s="6"/>
      <c r="E16280" s="6" t="s">
        <v>9</v>
      </c>
      <c r="F16280" s="7">
        <v>38657</v>
      </c>
      <c r="G16280" s="8">
        <v>1</v>
      </c>
      <c r="H16280" s="8">
        <v>1</v>
      </c>
      <c r="I16280" s="8">
        <v>0</v>
      </c>
      <c r="J16280" s="8">
        <v>1</v>
      </c>
      <c r="K16280" s="9">
        <v>2585</v>
      </c>
      <c r="L16280" s="6" t="s">
        <v>51</v>
      </c>
    </row>
    <row r="16281" spans="1:12">
      <c r="A16281" s="6" t="s">
        <v>15677</v>
      </c>
      <c r="B16281" s="6"/>
      <c r="C16281" s="6" t="s">
        <v>16307</v>
      </c>
      <c r="D16281" s="6"/>
      <c r="E16281" s="6" t="s">
        <v>9</v>
      </c>
      <c r="F16281" s="7">
        <v>38657</v>
      </c>
      <c r="G16281" s="8">
        <v>1</v>
      </c>
      <c r="H16281" s="8">
        <v>1</v>
      </c>
      <c r="I16281" s="8">
        <v>0</v>
      </c>
      <c r="J16281" s="8">
        <v>1</v>
      </c>
      <c r="K16281" s="9">
        <v>9.09</v>
      </c>
      <c r="L16281" s="6" t="s">
        <v>51</v>
      </c>
    </row>
    <row r="16282" spans="1:12">
      <c r="A16282" s="6" t="s">
        <v>15677</v>
      </c>
      <c r="B16282" s="6"/>
      <c r="C16282" s="6" t="s">
        <v>16308</v>
      </c>
      <c r="D16282" s="6"/>
      <c r="E16282" s="6" t="s">
        <v>9</v>
      </c>
      <c r="F16282" s="7">
        <v>38657</v>
      </c>
      <c r="G16282" s="8">
        <v>1</v>
      </c>
      <c r="H16282" s="8">
        <v>1</v>
      </c>
      <c r="I16282" s="8">
        <v>0</v>
      </c>
      <c r="J16282" s="8">
        <v>1</v>
      </c>
      <c r="K16282" s="9">
        <v>9.18</v>
      </c>
      <c r="L16282" s="6" t="s">
        <v>51</v>
      </c>
    </row>
    <row r="16283" spans="1:12">
      <c r="A16283" s="6" t="s">
        <v>15677</v>
      </c>
      <c r="B16283" s="6"/>
      <c r="C16283" s="6" t="s">
        <v>16309</v>
      </c>
      <c r="D16283" s="6"/>
      <c r="E16283" s="6" t="s">
        <v>9</v>
      </c>
      <c r="F16283" s="7">
        <v>38657</v>
      </c>
      <c r="G16283" s="8">
        <v>1</v>
      </c>
      <c r="H16283" s="8">
        <v>1</v>
      </c>
      <c r="I16283" s="8">
        <v>0</v>
      </c>
      <c r="J16283" s="8">
        <v>1</v>
      </c>
      <c r="K16283" s="9">
        <v>9.09</v>
      </c>
      <c r="L16283" s="6" t="s">
        <v>51</v>
      </c>
    </row>
    <row r="16284" spans="1:12">
      <c r="A16284" s="6" t="s">
        <v>15677</v>
      </c>
      <c r="B16284" s="6"/>
      <c r="C16284" s="6" t="s">
        <v>16310</v>
      </c>
      <c r="D16284" s="6"/>
      <c r="E16284" s="6" t="s">
        <v>9</v>
      </c>
      <c r="F16284" s="7">
        <v>38657</v>
      </c>
      <c r="G16284" s="8">
        <v>1</v>
      </c>
      <c r="H16284" s="8">
        <v>1</v>
      </c>
      <c r="I16284" s="8">
        <v>0</v>
      </c>
      <c r="J16284" s="8">
        <v>1</v>
      </c>
      <c r="K16284" s="9">
        <v>6.45</v>
      </c>
      <c r="L16284" s="6" t="s">
        <v>51</v>
      </c>
    </row>
    <row r="16285" spans="1:12">
      <c r="A16285" s="6" t="s">
        <v>15677</v>
      </c>
      <c r="B16285" s="6"/>
      <c r="C16285" s="6" t="s">
        <v>16311</v>
      </c>
      <c r="D16285" s="6"/>
      <c r="E16285" s="6" t="s">
        <v>9</v>
      </c>
      <c r="F16285" s="7">
        <v>38657</v>
      </c>
      <c r="G16285" s="8">
        <v>1</v>
      </c>
      <c r="H16285" s="8">
        <v>1</v>
      </c>
      <c r="I16285" s="8">
        <v>0</v>
      </c>
      <c r="J16285" s="8">
        <v>1</v>
      </c>
      <c r="K16285" s="9">
        <v>7.63</v>
      </c>
      <c r="L16285" s="6" t="s">
        <v>51</v>
      </c>
    </row>
    <row r="16286" spans="1:12">
      <c r="A16286" s="6" t="s">
        <v>15677</v>
      </c>
      <c r="B16286" s="6"/>
      <c r="C16286" s="6" t="s">
        <v>16312</v>
      </c>
      <c r="D16286" s="6"/>
      <c r="E16286" s="6" t="s">
        <v>9</v>
      </c>
      <c r="F16286" s="7">
        <v>38657</v>
      </c>
      <c r="G16286" s="8">
        <v>1</v>
      </c>
      <c r="H16286" s="8">
        <v>1</v>
      </c>
      <c r="I16286" s="8">
        <v>0</v>
      </c>
      <c r="J16286" s="8">
        <v>1</v>
      </c>
      <c r="K16286" s="9">
        <v>4.7699999999999898</v>
      </c>
      <c r="L16286" s="6" t="s">
        <v>51</v>
      </c>
    </row>
    <row r="16287" spans="1:12">
      <c r="A16287" s="6" t="s">
        <v>15677</v>
      </c>
      <c r="B16287" s="6"/>
      <c r="C16287" s="6" t="s">
        <v>16313</v>
      </c>
      <c r="D16287" s="6"/>
      <c r="E16287" s="6" t="s">
        <v>9</v>
      </c>
      <c r="F16287" s="7">
        <v>38657</v>
      </c>
      <c r="G16287" s="8">
        <v>1</v>
      </c>
      <c r="H16287" s="8">
        <v>1</v>
      </c>
      <c r="I16287" s="8">
        <v>0</v>
      </c>
      <c r="J16287" s="8">
        <v>1</v>
      </c>
      <c r="K16287" s="9">
        <v>360</v>
      </c>
      <c r="L16287" s="6" t="s">
        <v>51</v>
      </c>
    </row>
    <row r="16288" spans="1:12">
      <c r="A16288" s="6" t="s">
        <v>15677</v>
      </c>
      <c r="B16288" s="6"/>
      <c r="C16288" s="6" t="s">
        <v>16314</v>
      </c>
      <c r="D16288" s="6"/>
      <c r="E16288" s="6" t="s">
        <v>9</v>
      </c>
      <c r="F16288" s="7">
        <v>38657</v>
      </c>
      <c r="G16288" s="8">
        <v>1</v>
      </c>
      <c r="H16288" s="8">
        <v>1</v>
      </c>
      <c r="I16288" s="8">
        <v>0</v>
      </c>
      <c r="J16288" s="8">
        <v>1</v>
      </c>
      <c r="K16288" s="9">
        <v>6.99</v>
      </c>
      <c r="L16288" s="6" t="s">
        <v>51</v>
      </c>
    </row>
    <row r="16289" spans="1:12">
      <c r="A16289" s="6" t="s">
        <v>15677</v>
      </c>
      <c r="B16289" s="6"/>
      <c r="C16289" s="6" t="s">
        <v>16315</v>
      </c>
      <c r="D16289" s="6"/>
      <c r="E16289" s="6" t="s">
        <v>9</v>
      </c>
      <c r="F16289" s="7">
        <v>38657</v>
      </c>
      <c r="G16289" s="8">
        <v>1</v>
      </c>
      <c r="H16289" s="8">
        <v>1</v>
      </c>
      <c r="I16289" s="8">
        <v>0</v>
      </c>
      <c r="J16289" s="8">
        <v>1</v>
      </c>
      <c r="K16289" s="9">
        <v>9.09</v>
      </c>
      <c r="L16289" s="6" t="s">
        <v>51</v>
      </c>
    </row>
    <row r="16290" spans="1:12">
      <c r="A16290" s="6" t="s">
        <v>15677</v>
      </c>
      <c r="B16290" s="6"/>
      <c r="C16290" s="6" t="s">
        <v>16316</v>
      </c>
      <c r="D16290" s="6"/>
      <c r="E16290" s="6" t="s">
        <v>9</v>
      </c>
      <c r="F16290" s="7">
        <v>38657</v>
      </c>
      <c r="G16290" s="8">
        <v>1</v>
      </c>
      <c r="H16290" s="8">
        <v>1</v>
      </c>
      <c r="I16290" s="8">
        <v>0</v>
      </c>
      <c r="J16290" s="8">
        <v>1</v>
      </c>
      <c r="K16290" s="9">
        <v>6.63</v>
      </c>
      <c r="L16290" s="6" t="s">
        <v>51</v>
      </c>
    </row>
    <row r="16291" spans="1:12">
      <c r="A16291" s="6" t="s">
        <v>15677</v>
      </c>
      <c r="B16291" s="6"/>
      <c r="C16291" s="6" t="s">
        <v>16317</v>
      </c>
      <c r="D16291" s="6"/>
      <c r="E16291" s="6" t="s">
        <v>9</v>
      </c>
      <c r="F16291" s="7">
        <v>38657</v>
      </c>
      <c r="G16291" s="8">
        <v>1</v>
      </c>
      <c r="H16291" s="8">
        <v>1</v>
      </c>
      <c r="I16291" s="8">
        <v>0</v>
      </c>
      <c r="J16291" s="8">
        <v>1</v>
      </c>
      <c r="K16291" s="9">
        <v>9.08</v>
      </c>
      <c r="L16291" s="6" t="s">
        <v>51</v>
      </c>
    </row>
    <row r="16292" spans="1:12">
      <c r="A16292" s="6" t="s">
        <v>15677</v>
      </c>
      <c r="B16292" s="6"/>
      <c r="C16292" s="6" t="s">
        <v>16318</v>
      </c>
      <c r="D16292" s="6"/>
      <c r="E16292" s="6" t="s">
        <v>9</v>
      </c>
      <c r="F16292" s="7">
        <v>38657</v>
      </c>
      <c r="G16292" s="8">
        <v>1</v>
      </c>
      <c r="H16292" s="8">
        <v>1</v>
      </c>
      <c r="I16292" s="8">
        <v>0</v>
      </c>
      <c r="J16292" s="8">
        <v>1</v>
      </c>
      <c r="K16292" s="9">
        <v>9.09</v>
      </c>
      <c r="L16292" s="6" t="s">
        <v>51</v>
      </c>
    </row>
    <row r="16293" spans="1:12">
      <c r="A16293" s="6" t="s">
        <v>15677</v>
      </c>
      <c r="B16293" s="6"/>
      <c r="C16293" s="6" t="s">
        <v>16319</v>
      </c>
      <c r="D16293" s="6"/>
      <c r="E16293" s="6" t="s">
        <v>9</v>
      </c>
      <c r="F16293" s="7">
        <v>38657</v>
      </c>
      <c r="G16293" s="8">
        <v>1</v>
      </c>
      <c r="H16293" s="8">
        <v>1</v>
      </c>
      <c r="I16293" s="8">
        <v>0</v>
      </c>
      <c r="J16293" s="8">
        <v>1</v>
      </c>
      <c r="K16293" s="9">
        <v>9.09</v>
      </c>
      <c r="L16293" s="6" t="s">
        <v>51</v>
      </c>
    </row>
    <row r="16294" spans="1:12">
      <c r="A16294" s="6" t="s">
        <v>15677</v>
      </c>
      <c r="B16294" s="6"/>
      <c r="C16294" s="6" t="s">
        <v>16320</v>
      </c>
      <c r="D16294" s="6"/>
      <c r="E16294" s="6" t="s">
        <v>9</v>
      </c>
      <c r="F16294" s="7">
        <v>38657</v>
      </c>
      <c r="G16294" s="8">
        <v>1</v>
      </c>
      <c r="H16294" s="8">
        <v>1</v>
      </c>
      <c r="I16294" s="8">
        <v>0</v>
      </c>
      <c r="J16294" s="8">
        <v>1</v>
      </c>
      <c r="K16294" s="9">
        <v>9.09</v>
      </c>
      <c r="L16294" s="6" t="s">
        <v>51</v>
      </c>
    </row>
    <row r="16295" spans="1:12">
      <c r="A16295" s="6" t="s">
        <v>15677</v>
      </c>
      <c r="B16295" s="6"/>
      <c r="C16295" s="6" t="s">
        <v>16321</v>
      </c>
      <c r="D16295" s="6"/>
      <c r="E16295" s="6" t="s">
        <v>9</v>
      </c>
      <c r="F16295" s="7">
        <v>38657</v>
      </c>
      <c r="G16295" s="8">
        <v>1</v>
      </c>
      <c r="H16295" s="8">
        <v>1</v>
      </c>
      <c r="I16295" s="8">
        <v>0</v>
      </c>
      <c r="J16295" s="8">
        <v>1</v>
      </c>
      <c r="K16295" s="9">
        <v>7.26</v>
      </c>
      <c r="L16295" s="6" t="s">
        <v>51</v>
      </c>
    </row>
    <row r="16296" spans="1:12">
      <c r="A16296" s="6" t="s">
        <v>15677</v>
      </c>
      <c r="B16296" s="6"/>
      <c r="C16296" s="6" t="s">
        <v>16322</v>
      </c>
      <c r="D16296" s="6"/>
      <c r="E16296" s="6" t="s">
        <v>9</v>
      </c>
      <c r="F16296" s="7">
        <v>38657</v>
      </c>
      <c r="G16296" s="8">
        <v>1</v>
      </c>
      <c r="H16296" s="8">
        <v>1</v>
      </c>
      <c r="I16296" s="8">
        <v>0</v>
      </c>
      <c r="J16296" s="8">
        <v>1</v>
      </c>
      <c r="K16296" s="9">
        <v>4.72</v>
      </c>
      <c r="L16296" s="6" t="s">
        <v>51</v>
      </c>
    </row>
    <row r="16297" spans="1:12">
      <c r="A16297" s="6" t="s">
        <v>15677</v>
      </c>
      <c r="B16297" s="6"/>
      <c r="C16297" s="6" t="s">
        <v>16323</v>
      </c>
      <c r="D16297" s="6"/>
      <c r="E16297" s="6" t="s">
        <v>9</v>
      </c>
      <c r="F16297" s="7">
        <v>38657</v>
      </c>
      <c r="G16297" s="8">
        <v>1</v>
      </c>
      <c r="H16297" s="8">
        <v>1</v>
      </c>
      <c r="I16297" s="8">
        <v>0</v>
      </c>
      <c r="J16297" s="8">
        <v>1</v>
      </c>
      <c r="K16297" s="9">
        <v>6.09</v>
      </c>
      <c r="L16297" s="6" t="s">
        <v>51</v>
      </c>
    </row>
    <row r="16298" spans="1:12">
      <c r="A16298" s="6" t="s">
        <v>15677</v>
      </c>
      <c r="B16298" s="6"/>
      <c r="C16298" s="6" t="s">
        <v>16324</v>
      </c>
      <c r="D16298" s="6"/>
      <c r="E16298" s="6" t="s">
        <v>9</v>
      </c>
      <c r="F16298" s="7">
        <v>38657</v>
      </c>
      <c r="G16298" s="8">
        <v>1</v>
      </c>
      <c r="H16298" s="8">
        <v>1</v>
      </c>
      <c r="I16298" s="8">
        <v>0</v>
      </c>
      <c r="J16298" s="8">
        <v>1</v>
      </c>
      <c r="K16298" s="9">
        <v>166</v>
      </c>
      <c r="L16298" s="6" t="s">
        <v>51</v>
      </c>
    </row>
    <row r="16299" spans="1:12">
      <c r="A16299" s="6" t="s">
        <v>15677</v>
      </c>
      <c r="B16299" s="6"/>
      <c r="C16299" s="6" t="s">
        <v>16325</v>
      </c>
      <c r="D16299" s="6"/>
      <c r="E16299" s="6" t="s">
        <v>9</v>
      </c>
      <c r="F16299" s="7">
        <v>38657</v>
      </c>
      <c r="G16299" s="8">
        <v>1</v>
      </c>
      <c r="H16299" s="8">
        <v>1</v>
      </c>
      <c r="I16299" s="8">
        <v>0</v>
      </c>
      <c r="J16299" s="8">
        <v>1</v>
      </c>
      <c r="K16299" s="9">
        <v>9.09</v>
      </c>
      <c r="L16299" s="6" t="s">
        <v>51</v>
      </c>
    </row>
    <row r="16300" spans="1:12">
      <c r="A16300" s="6" t="s">
        <v>15677</v>
      </c>
      <c r="B16300" s="6"/>
      <c r="C16300" s="6" t="s">
        <v>16326</v>
      </c>
      <c r="D16300" s="6"/>
      <c r="E16300" s="6" t="s">
        <v>9</v>
      </c>
      <c r="F16300" s="7">
        <v>38657</v>
      </c>
      <c r="G16300" s="8">
        <v>1</v>
      </c>
      <c r="H16300" s="8">
        <v>1</v>
      </c>
      <c r="I16300" s="8">
        <v>0</v>
      </c>
      <c r="J16300" s="8">
        <v>1</v>
      </c>
      <c r="K16300" s="9">
        <v>9.27</v>
      </c>
      <c r="L16300" s="6" t="s">
        <v>51</v>
      </c>
    </row>
    <row r="16301" spans="1:12">
      <c r="A16301" s="6" t="s">
        <v>15677</v>
      </c>
      <c r="B16301" s="6"/>
      <c r="C16301" s="6" t="s">
        <v>16327</v>
      </c>
      <c r="D16301" s="6"/>
      <c r="E16301" s="6" t="s">
        <v>9</v>
      </c>
      <c r="F16301" s="7">
        <v>38657</v>
      </c>
      <c r="G16301" s="8">
        <v>1</v>
      </c>
      <c r="H16301" s="8">
        <v>1</v>
      </c>
      <c r="I16301" s="8">
        <v>0</v>
      </c>
      <c r="J16301" s="8">
        <v>1</v>
      </c>
      <c r="K16301" s="9">
        <v>6.77</v>
      </c>
      <c r="L16301" s="6" t="s">
        <v>51</v>
      </c>
    </row>
    <row r="16302" spans="1:12">
      <c r="A16302" s="6" t="s">
        <v>15677</v>
      </c>
      <c r="B16302" s="6"/>
      <c r="C16302" s="6" t="s">
        <v>16328</v>
      </c>
      <c r="D16302" s="6"/>
      <c r="E16302" s="6" t="s">
        <v>9</v>
      </c>
      <c r="F16302" s="7">
        <v>38657</v>
      </c>
      <c r="G16302" s="8">
        <v>1</v>
      </c>
      <c r="H16302" s="8">
        <v>1</v>
      </c>
      <c r="I16302" s="8">
        <v>0</v>
      </c>
      <c r="J16302" s="8">
        <v>1</v>
      </c>
      <c r="K16302" s="9">
        <v>4.54</v>
      </c>
      <c r="L16302" s="6" t="s">
        <v>51</v>
      </c>
    </row>
    <row r="16303" spans="1:12">
      <c r="A16303" s="6" t="s">
        <v>15677</v>
      </c>
      <c r="B16303" s="6"/>
      <c r="C16303" s="6" t="s">
        <v>16329</v>
      </c>
      <c r="D16303" s="6"/>
      <c r="E16303" s="6" t="s">
        <v>9</v>
      </c>
      <c r="F16303" s="7">
        <v>38657</v>
      </c>
      <c r="G16303" s="8">
        <v>1</v>
      </c>
      <c r="H16303" s="8">
        <v>1</v>
      </c>
      <c r="I16303" s="8">
        <v>0</v>
      </c>
      <c r="J16303" s="8">
        <v>1</v>
      </c>
      <c r="K16303" s="9">
        <v>6.4</v>
      </c>
      <c r="L16303" s="6" t="s">
        <v>51</v>
      </c>
    </row>
    <row r="16304" spans="1:12">
      <c r="A16304" s="6" t="s">
        <v>15677</v>
      </c>
      <c r="B16304" s="6"/>
      <c r="C16304" s="6" t="s">
        <v>16330</v>
      </c>
      <c r="D16304" s="6"/>
      <c r="E16304" s="6" t="s">
        <v>9</v>
      </c>
      <c r="F16304" s="7">
        <v>38657</v>
      </c>
      <c r="G16304" s="8">
        <v>1</v>
      </c>
      <c r="H16304" s="8">
        <v>1</v>
      </c>
      <c r="I16304" s="8">
        <v>0</v>
      </c>
      <c r="J16304" s="8">
        <v>1</v>
      </c>
      <c r="K16304" s="9">
        <v>6.77</v>
      </c>
      <c r="L16304" s="6" t="s">
        <v>51</v>
      </c>
    </row>
    <row r="16305" spans="1:12">
      <c r="A16305" s="6" t="s">
        <v>15677</v>
      </c>
      <c r="B16305" s="6"/>
      <c r="C16305" s="6" t="s">
        <v>16331</v>
      </c>
      <c r="D16305" s="6"/>
      <c r="E16305" s="6" t="s">
        <v>9</v>
      </c>
      <c r="F16305" s="7">
        <v>38657</v>
      </c>
      <c r="G16305" s="8">
        <v>1</v>
      </c>
      <c r="H16305" s="8">
        <v>1</v>
      </c>
      <c r="I16305" s="8">
        <v>0</v>
      </c>
      <c r="J16305" s="8">
        <v>1</v>
      </c>
      <c r="K16305" s="9">
        <v>6.9</v>
      </c>
      <c r="L16305" s="6" t="s">
        <v>51</v>
      </c>
    </row>
    <row r="16306" spans="1:12">
      <c r="A16306" s="6" t="s">
        <v>15677</v>
      </c>
      <c r="B16306" s="6"/>
      <c r="C16306" s="6" t="s">
        <v>16332</v>
      </c>
      <c r="D16306" s="6"/>
      <c r="E16306" s="6" t="s">
        <v>9</v>
      </c>
      <c r="F16306" s="7">
        <v>38657</v>
      </c>
      <c r="G16306" s="8">
        <v>1</v>
      </c>
      <c r="H16306" s="8">
        <v>1</v>
      </c>
      <c r="I16306" s="8">
        <v>0</v>
      </c>
      <c r="J16306" s="8">
        <v>1</v>
      </c>
      <c r="K16306" s="9">
        <v>6.22</v>
      </c>
      <c r="L16306" s="6" t="s">
        <v>51</v>
      </c>
    </row>
    <row r="16307" spans="1:12">
      <c r="A16307" s="6" t="s">
        <v>15677</v>
      </c>
      <c r="B16307" s="6"/>
      <c r="C16307" s="6" t="s">
        <v>16333</v>
      </c>
      <c r="D16307" s="6"/>
      <c r="E16307" s="6" t="s">
        <v>9</v>
      </c>
      <c r="F16307" s="7">
        <v>38657</v>
      </c>
      <c r="G16307" s="8">
        <v>1</v>
      </c>
      <c r="H16307" s="8">
        <v>1</v>
      </c>
      <c r="I16307" s="8">
        <v>0</v>
      </c>
      <c r="J16307" s="8">
        <v>1</v>
      </c>
      <c r="K16307" s="9">
        <v>9.49</v>
      </c>
      <c r="L16307" s="6" t="s">
        <v>51</v>
      </c>
    </row>
    <row r="16308" spans="1:12">
      <c r="A16308" s="6" t="s">
        <v>15677</v>
      </c>
      <c r="B16308" s="6"/>
      <c r="C16308" s="6" t="s">
        <v>16334</v>
      </c>
      <c r="D16308" s="6"/>
      <c r="E16308" s="6" t="s">
        <v>9</v>
      </c>
      <c r="F16308" s="7">
        <v>38657</v>
      </c>
      <c r="G16308" s="8">
        <v>1</v>
      </c>
      <c r="H16308" s="8">
        <v>1</v>
      </c>
      <c r="I16308" s="8">
        <v>0</v>
      </c>
      <c r="J16308" s="8">
        <v>1</v>
      </c>
      <c r="K16308" s="9">
        <v>10</v>
      </c>
      <c r="L16308" s="6" t="s">
        <v>51</v>
      </c>
    </row>
    <row r="16309" spans="1:12">
      <c r="A16309" s="6" t="s">
        <v>15677</v>
      </c>
      <c r="B16309" s="6"/>
      <c r="C16309" s="6" t="s">
        <v>16335</v>
      </c>
      <c r="D16309" s="6"/>
      <c r="E16309" s="6" t="s">
        <v>9</v>
      </c>
      <c r="F16309" s="7">
        <v>38657</v>
      </c>
      <c r="G16309" s="8">
        <v>1</v>
      </c>
      <c r="H16309" s="8">
        <v>1</v>
      </c>
      <c r="I16309" s="8">
        <v>0</v>
      </c>
      <c r="J16309" s="8">
        <v>1</v>
      </c>
      <c r="K16309" s="9">
        <v>229</v>
      </c>
      <c r="L16309" s="6" t="s">
        <v>51</v>
      </c>
    </row>
    <row r="16310" spans="1:12">
      <c r="A16310" s="6" t="s">
        <v>15677</v>
      </c>
      <c r="B16310" s="6"/>
      <c r="C16310" s="6" t="s">
        <v>16336</v>
      </c>
      <c r="D16310" s="6"/>
      <c r="E16310" s="6" t="s">
        <v>9</v>
      </c>
      <c r="F16310" s="7">
        <v>38657</v>
      </c>
      <c r="G16310" s="8">
        <v>1</v>
      </c>
      <c r="H16310" s="8">
        <v>1</v>
      </c>
      <c r="I16310" s="8">
        <v>0</v>
      </c>
      <c r="J16310" s="8">
        <v>1</v>
      </c>
      <c r="K16310" s="9">
        <v>7.45</v>
      </c>
      <c r="L16310" s="6" t="s">
        <v>51</v>
      </c>
    </row>
    <row r="16311" spans="1:12">
      <c r="A16311" s="6" t="s">
        <v>15677</v>
      </c>
      <c r="B16311" s="6"/>
      <c r="C16311" s="6" t="s">
        <v>16337</v>
      </c>
      <c r="D16311" s="6"/>
      <c r="E16311" s="6" t="s">
        <v>9</v>
      </c>
      <c r="F16311" s="7">
        <v>38657</v>
      </c>
      <c r="G16311" s="8">
        <v>1</v>
      </c>
      <c r="H16311" s="8">
        <v>1</v>
      </c>
      <c r="I16311" s="8">
        <v>0</v>
      </c>
      <c r="J16311" s="8">
        <v>1</v>
      </c>
      <c r="K16311" s="9">
        <v>28</v>
      </c>
      <c r="L16311" s="6" t="s">
        <v>51</v>
      </c>
    </row>
    <row r="16312" spans="1:12">
      <c r="A16312" s="6" t="s">
        <v>15677</v>
      </c>
      <c r="B16312" s="6"/>
      <c r="C16312" s="6" t="s">
        <v>16338</v>
      </c>
      <c r="D16312" s="6"/>
      <c r="E16312" s="6" t="s">
        <v>9</v>
      </c>
      <c r="F16312" s="7">
        <v>38657</v>
      </c>
      <c r="G16312" s="8">
        <v>1</v>
      </c>
      <c r="H16312" s="8">
        <v>1</v>
      </c>
      <c r="I16312" s="8">
        <v>0</v>
      </c>
      <c r="J16312" s="8">
        <v>1</v>
      </c>
      <c r="K16312" s="9">
        <v>2.11</v>
      </c>
      <c r="L16312" s="6" t="s">
        <v>51</v>
      </c>
    </row>
    <row r="16313" spans="1:12">
      <c r="A16313" s="6" t="s">
        <v>15677</v>
      </c>
      <c r="B16313" s="6"/>
      <c r="C16313" s="6" t="s">
        <v>16339</v>
      </c>
      <c r="D16313" s="6"/>
      <c r="E16313" s="6" t="s">
        <v>9</v>
      </c>
      <c r="F16313" s="7">
        <v>38657</v>
      </c>
      <c r="G16313" s="8">
        <v>1</v>
      </c>
      <c r="H16313" s="8">
        <v>1</v>
      </c>
      <c r="I16313" s="8">
        <v>0</v>
      </c>
      <c r="J16313" s="8">
        <v>1</v>
      </c>
      <c r="K16313" s="9">
        <v>41</v>
      </c>
      <c r="L16313" s="6" t="s">
        <v>51</v>
      </c>
    </row>
    <row r="16314" spans="1:12">
      <c r="A16314" s="6" t="s">
        <v>15677</v>
      </c>
      <c r="B16314" s="6"/>
      <c r="C16314" s="6" t="s">
        <v>16340</v>
      </c>
      <c r="D16314" s="6"/>
      <c r="E16314" s="6" t="s">
        <v>9</v>
      </c>
      <c r="F16314" s="7">
        <v>38657</v>
      </c>
      <c r="G16314" s="8">
        <v>1</v>
      </c>
      <c r="H16314" s="8">
        <v>1</v>
      </c>
      <c r="I16314" s="8">
        <v>0</v>
      </c>
      <c r="J16314" s="8">
        <v>1</v>
      </c>
      <c r="K16314" s="9">
        <v>3216</v>
      </c>
      <c r="L16314" s="6" t="s">
        <v>51</v>
      </c>
    </row>
    <row r="16315" spans="1:12">
      <c r="A16315" s="6" t="s">
        <v>15677</v>
      </c>
      <c r="B16315" s="6"/>
      <c r="C16315" s="6" t="s">
        <v>16341</v>
      </c>
      <c r="D16315" s="6"/>
      <c r="E16315" s="6" t="s">
        <v>9</v>
      </c>
      <c r="F16315" s="7">
        <v>38657</v>
      </c>
      <c r="G16315" s="8">
        <v>1</v>
      </c>
      <c r="H16315" s="8">
        <v>1</v>
      </c>
      <c r="I16315" s="8">
        <v>0</v>
      </c>
      <c r="J16315" s="8">
        <v>1</v>
      </c>
      <c r="K16315" s="9">
        <v>45</v>
      </c>
      <c r="L16315" s="6" t="s">
        <v>51</v>
      </c>
    </row>
    <row r="16316" spans="1:12">
      <c r="A16316" s="6" t="s">
        <v>15677</v>
      </c>
      <c r="B16316" s="6"/>
      <c r="C16316" s="6" t="s">
        <v>16342</v>
      </c>
      <c r="D16316" s="6"/>
      <c r="E16316" s="6" t="s">
        <v>9</v>
      </c>
      <c r="F16316" s="7">
        <v>38657</v>
      </c>
      <c r="G16316" s="8">
        <v>1</v>
      </c>
      <c r="H16316" s="8">
        <v>1</v>
      </c>
      <c r="I16316" s="8">
        <v>0</v>
      </c>
      <c r="J16316" s="8">
        <v>1</v>
      </c>
      <c r="K16316" s="9">
        <v>99</v>
      </c>
      <c r="L16316" s="6" t="s">
        <v>51</v>
      </c>
    </row>
    <row r="16317" spans="1:12">
      <c r="A16317" s="6" t="s">
        <v>15677</v>
      </c>
      <c r="B16317" s="6"/>
      <c r="C16317" s="6" t="s">
        <v>16343</v>
      </c>
      <c r="D16317" s="6"/>
      <c r="E16317" s="6" t="s">
        <v>9</v>
      </c>
      <c r="F16317" s="7">
        <v>38657</v>
      </c>
      <c r="G16317" s="8">
        <v>1</v>
      </c>
      <c r="H16317" s="8">
        <v>1</v>
      </c>
      <c r="I16317" s="8">
        <v>0</v>
      </c>
      <c r="J16317" s="8">
        <v>1</v>
      </c>
      <c r="K16317" s="9">
        <v>144</v>
      </c>
      <c r="L16317" s="6" t="s">
        <v>51</v>
      </c>
    </row>
    <row r="16318" spans="1:12">
      <c r="A16318" s="6" t="s">
        <v>15677</v>
      </c>
      <c r="B16318" s="6"/>
      <c r="C16318" s="6" t="s">
        <v>16344</v>
      </c>
      <c r="D16318" s="6"/>
      <c r="E16318" s="6" t="s">
        <v>9</v>
      </c>
      <c r="F16318" s="7">
        <v>38657</v>
      </c>
      <c r="G16318" s="8">
        <v>1</v>
      </c>
      <c r="H16318" s="8">
        <v>1</v>
      </c>
      <c r="I16318" s="8">
        <v>0</v>
      </c>
      <c r="J16318" s="8">
        <v>1</v>
      </c>
      <c r="K16318" s="9">
        <v>57</v>
      </c>
      <c r="L16318" s="6" t="s">
        <v>51</v>
      </c>
    </row>
    <row r="16319" spans="1:12">
      <c r="A16319" s="6" t="s">
        <v>15677</v>
      </c>
      <c r="B16319" s="6"/>
      <c r="C16319" s="6" t="s">
        <v>16345</v>
      </c>
      <c r="D16319" s="6"/>
      <c r="E16319" s="6" t="s">
        <v>9</v>
      </c>
      <c r="F16319" s="7">
        <v>38657</v>
      </c>
      <c r="G16319" s="8">
        <v>1</v>
      </c>
      <c r="H16319" s="8">
        <v>1</v>
      </c>
      <c r="I16319" s="8">
        <v>0</v>
      </c>
      <c r="J16319" s="8">
        <v>1</v>
      </c>
      <c r="K16319" s="9">
        <v>45</v>
      </c>
      <c r="L16319" s="6" t="s">
        <v>51</v>
      </c>
    </row>
    <row r="16320" spans="1:12">
      <c r="A16320" s="6" t="s">
        <v>15677</v>
      </c>
      <c r="B16320" s="6"/>
      <c r="C16320" s="6" t="s">
        <v>16346</v>
      </c>
      <c r="D16320" s="6"/>
      <c r="E16320" s="6" t="s">
        <v>9</v>
      </c>
      <c r="F16320" s="7"/>
      <c r="G16320" s="8">
        <v>1</v>
      </c>
      <c r="H16320" s="8">
        <v>1</v>
      </c>
      <c r="I16320" s="8">
        <v>0</v>
      </c>
      <c r="J16320" s="8">
        <v>1</v>
      </c>
      <c r="K16320" s="9">
        <v>102</v>
      </c>
      <c r="L16320" s="6" t="s">
        <v>51</v>
      </c>
    </row>
    <row r="16321" spans="1:12">
      <c r="A16321" s="6" t="s">
        <v>15677</v>
      </c>
      <c r="B16321" s="6"/>
      <c r="C16321" s="6" t="s">
        <v>16347</v>
      </c>
      <c r="D16321" s="6"/>
      <c r="E16321" s="6" t="s">
        <v>9</v>
      </c>
      <c r="F16321" s="7">
        <v>38657</v>
      </c>
      <c r="G16321" s="8">
        <v>1</v>
      </c>
      <c r="H16321" s="8">
        <v>1</v>
      </c>
      <c r="I16321" s="8">
        <v>0</v>
      </c>
      <c r="J16321" s="8">
        <v>1</v>
      </c>
      <c r="K16321" s="9">
        <v>23</v>
      </c>
      <c r="L16321" s="6" t="s">
        <v>51</v>
      </c>
    </row>
    <row r="16322" spans="1:12">
      <c r="A16322" s="6" t="s">
        <v>15677</v>
      </c>
      <c r="B16322" s="6"/>
      <c r="C16322" s="6" t="s">
        <v>16348</v>
      </c>
      <c r="D16322" s="6"/>
      <c r="E16322" s="6" t="s">
        <v>9</v>
      </c>
      <c r="F16322" s="7">
        <v>38657</v>
      </c>
      <c r="G16322" s="8">
        <v>1</v>
      </c>
      <c r="H16322" s="8">
        <v>1</v>
      </c>
      <c r="I16322" s="8">
        <v>0</v>
      </c>
      <c r="J16322" s="8">
        <v>1</v>
      </c>
      <c r="K16322" s="9">
        <v>0.27</v>
      </c>
      <c r="L16322" s="6" t="s">
        <v>51</v>
      </c>
    </row>
    <row r="16323" spans="1:12">
      <c r="A16323" s="6" t="s">
        <v>15677</v>
      </c>
      <c r="B16323" s="6"/>
      <c r="C16323" s="6" t="s">
        <v>16349</v>
      </c>
      <c r="D16323" s="6"/>
      <c r="E16323" s="6" t="s">
        <v>9</v>
      </c>
      <c r="F16323" s="7">
        <v>38657</v>
      </c>
      <c r="G16323" s="8">
        <v>1</v>
      </c>
      <c r="H16323" s="8">
        <v>1</v>
      </c>
      <c r="I16323" s="8">
        <v>0</v>
      </c>
      <c r="J16323" s="8">
        <v>1</v>
      </c>
      <c r="K16323" s="9">
        <v>11</v>
      </c>
      <c r="L16323" s="6" t="s">
        <v>51</v>
      </c>
    </row>
    <row r="16324" spans="1:12">
      <c r="A16324" s="6" t="s">
        <v>15677</v>
      </c>
      <c r="B16324" s="6"/>
      <c r="C16324" s="6" t="s">
        <v>16350</v>
      </c>
      <c r="D16324" s="6"/>
      <c r="E16324" s="6" t="s">
        <v>9</v>
      </c>
      <c r="F16324" s="7">
        <v>38657</v>
      </c>
      <c r="G16324" s="8">
        <v>1</v>
      </c>
      <c r="H16324" s="8">
        <v>1</v>
      </c>
      <c r="I16324" s="8">
        <v>0</v>
      </c>
      <c r="J16324" s="8">
        <v>1</v>
      </c>
      <c r="K16324" s="9">
        <v>63</v>
      </c>
      <c r="L16324" s="6" t="s">
        <v>51</v>
      </c>
    </row>
    <row r="16325" spans="1:12">
      <c r="A16325" s="6" t="s">
        <v>15677</v>
      </c>
      <c r="B16325" s="6"/>
      <c r="C16325" s="6" t="s">
        <v>16351</v>
      </c>
      <c r="D16325" s="6"/>
      <c r="E16325" s="6" t="s">
        <v>9</v>
      </c>
      <c r="F16325" s="7">
        <v>38657</v>
      </c>
      <c r="G16325" s="8">
        <v>1</v>
      </c>
      <c r="H16325" s="8">
        <v>1</v>
      </c>
      <c r="I16325" s="8">
        <v>0</v>
      </c>
      <c r="J16325" s="8">
        <v>1</v>
      </c>
      <c r="K16325" s="9">
        <v>62</v>
      </c>
      <c r="L16325" s="6" t="s">
        <v>51</v>
      </c>
    </row>
    <row r="16326" spans="1:12">
      <c r="A16326" s="6" t="s">
        <v>15677</v>
      </c>
      <c r="B16326" s="6"/>
      <c r="C16326" s="6" t="s">
        <v>16352</v>
      </c>
      <c r="D16326" s="6"/>
      <c r="E16326" s="6" t="s">
        <v>9</v>
      </c>
      <c r="F16326" s="7">
        <v>38657</v>
      </c>
      <c r="G16326" s="8">
        <v>1</v>
      </c>
      <c r="H16326" s="8">
        <v>1</v>
      </c>
      <c r="I16326" s="8">
        <v>0</v>
      </c>
      <c r="J16326" s="8">
        <v>1</v>
      </c>
      <c r="K16326" s="9">
        <v>23</v>
      </c>
      <c r="L16326" s="6" t="s">
        <v>51</v>
      </c>
    </row>
    <row r="16327" spans="1:12">
      <c r="A16327" s="6" t="s">
        <v>15677</v>
      </c>
      <c r="B16327" s="6"/>
      <c r="C16327" s="6" t="s">
        <v>16353</v>
      </c>
      <c r="D16327" s="6"/>
      <c r="E16327" s="6" t="s">
        <v>9</v>
      </c>
      <c r="F16327" s="7">
        <v>38657</v>
      </c>
      <c r="G16327" s="8">
        <v>1</v>
      </c>
      <c r="H16327" s="8">
        <v>1</v>
      </c>
      <c r="I16327" s="8">
        <v>0</v>
      </c>
      <c r="J16327" s="8">
        <v>1</v>
      </c>
      <c r="K16327" s="9">
        <v>36</v>
      </c>
      <c r="L16327" s="6" t="s">
        <v>51</v>
      </c>
    </row>
    <row r="16328" spans="1:12">
      <c r="A16328" s="6" t="s">
        <v>15677</v>
      </c>
      <c r="B16328" s="6"/>
      <c r="C16328" s="6" t="s">
        <v>16354</v>
      </c>
      <c r="D16328" s="6"/>
      <c r="E16328" s="6" t="s">
        <v>9</v>
      </c>
      <c r="F16328" s="7">
        <v>38657</v>
      </c>
      <c r="G16328" s="8">
        <v>1</v>
      </c>
      <c r="H16328" s="8">
        <v>1</v>
      </c>
      <c r="I16328" s="8">
        <v>0</v>
      </c>
      <c r="J16328" s="8">
        <v>1</v>
      </c>
      <c r="K16328" s="9">
        <v>20</v>
      </c>
      <c r="L16328" s="6" t="s">
        <v>51</v>
      </c>
    </row>
    <row r="16329" spans="1:12">
      <c r="A16329" s="6" t="s">
        <v>15677</v>
      </c>
      <c r="B16329" s="6"/>
      <c r="C16329" s="6" t="s">
        <v>16355</v>
      </c>
      <c r="D16329" s="6"/>
      <c r="E16329" s="6" t="s">
        <v>9</v>
      </c>
      <c r="F16329" s="7">
        <v>38657</v>
      </c>
      <c r="G16329" s="8">
        <v>1</v>
      </c>
      <c r="H16329" s="8">
        <v>1</v>
      </c>
      <c r="I16329" s="8">
        <v>0</v>
      </c>
      <c r="J16329" s="8">
        <v>1</v>
      </c>
      <c r="K16329" s="9">
        <v>20</v>
      </c>
      <c r="L16329" s="6" t="s">
        <v>51</v>
      </c>
    </row>
    <row r="16330" spans="1:12">
      <c r="A16330" s="6" t="s">
        <v>15677</v>
      </c>
      <c r="B16330" s="6"/>
      <c r="C16330" s="6" t="s">
        <v>16356</v>
      </c>
      <c r="D16330" s="6"/>
      <c r="E16330" s="6" t="s">
        <v>9</v>
      </c>
      <c r="F16330" s="7">
        <v>38657</v>
      </c>
      <c r="G16330" s="8">
        <v>1</v>
      </c>
      <c r="H16330" s="8">
        <v>1</v>
      </c>
      <c r="I16330" s="8">
        <v>0</v>
      </c>
      <c r="J16330" s="8">
        <v>1</v>
      </c>
      <c r="K16330" s="9">
        <v>20</v>
      </c>
      <c r="L16330" s="6" t="s">
        <v>51</v>
      </c>
    </row>
    <row r="16331" spans="1:12">
      <c r="A16331" s="6" t="s">
        <v>15677</v>
      </c>
      <c r="B16331" s="6"/>
      <c r="C16331" s="6" t="s">
        <v>16357</v>
      </c>
      <c r="D16331" s="6"/>
      <c r="E16331" s="6" t="s">
        <v>9</v>
      </c>
      <c r="F16331" s="7"/>
      <c r="G16331" s="8">
        <v>1</v>
      </c>
      <c r="H16331" s="8">
        <v>1</v>
      </c>
      <c r="I16331" s="8">
        <v>0</v>
      </c>
      <c r="J16331" s="8">
        <v>1</v>
      </c>
      <c r="K16331" s="9">
        <v>16</v>
      </c>
      <c r="L16331" s="6" t="s">
        <v>51</v>
      </c>
    </row>
    <row r="16332" spans="1:12">
      <c r="A16332" s="6" t="s">
        <v>15677</v>
      </c>
      <c r="B16332" s="6"/>
      <c r="C16332" s="6" t="s">
        <v>16358</v>
      </c>
      <c r="D16332" s="6"/>
      <c r="E16332" s="6" t="s">
        <v>9</v>
      </c>
      <c r="F16332" s="7">
        <v>38657</v>
      </c>
      <c r="G16332" s="8">
        <v>1</v>
      </c>
      <c r="H16332" s="8">
        <v>1</v>
      </c>
      <c r="I16332" s="8">
        <v>0</v>
      </c>
      <c r="J16332" s="8">
        <v>1</v>
      </c>
      <c r="K16332" s="9">
        <v>57</v>
      </c>
      <c r="L16332" s="6" t="s">
        <v>51</v>
      </c>
    </row>
    <row r="16333" spans="1:12">
      <c r="A16333" s="6" t="s">
        <v>15677</v>
      </c>
      <c r="B16333" s="6"/>
      <c r="C16333" s="6" t="s">
        <v>16359</v>
      </c>
      <c r="D16333" s="6"/>
      <c r="E16333" s="6" t="s">
        <v>9</v>
      </c>
      <c r="F16333" s="7">
        <v>38657</v>
      </c>
      <c r="G16333" s="8">
        <v>1</v>
      </c>
      <c r="H16333" s="8">
        <v>1</v>
      </c>
      <c r="I16333" s="8">
        <v>0</v>
      </c>
      <c r="J16333" s="8">
        <v>1</v>
      </c>
      <c r="K16333" s="9">
        <v>31</v>
      </c>
      <c r="L16333" s="6" t="s">
        <v>51</v>
      </c>
    </row>
    <row r="16334" spans="1:12">
      <c r="A16334" s="6" t="s">
        <v>15677</v>
      </c>
      <c r="B16334" s="6"/>
      <c r="C16334" s="6" t="s">
        <v>16360</v>
      </c>
      <c r="D16334" s="6"/>
      <c r="E16334" s="6" t="s">
        <v>9</v>
      </c>
      <c r="F16334" s="7">
        <v>38657</v>
      </c>
      <c r="G16334" s="8">
        <v>1</v>
      </c>
      <c r="H16334" s="8">
        <v>1</v>
      </c>
      <c r="I16334" s="8">
        <v>0</v>
      </c>
      <c r="J16334" s="8">
        <v>1</v>
      </c>
      <c r="K16334" s="9">
        <v>123</v>
      </c>
      <c r="L16334" s="6" t="s">
        <v>51</v>
      </c>
    </row>
    <row r="16335" spans="1:12">
      <c r="A16335" s="6" t="s">
        <v>15677</v>
      </c>
      <c r="B16335" s="6"/>
      <c r="C16335" s="6" t="s">
        <v>16361</v>
      </c>
      <c r="D16335" s="6"/>
      <c r="E16335" s="6" t="s">
        <v>9</v>
      </c>
      <c r="F16335" s="7">
        <v>38657</v>
      </c>
      <c r="G16335" s="8">
        <v>1</v>
      </c>
      <c r="H16335" s="8">
        <v>1</v>
      </c>
      <c r="I16335" s="8">
        <v>0</v>
      </c>
      <c r="J16335" s="8">
        <v>1</v>
      </c>
      <c r="K16335" s="9">
        <v>33</v>
      </c>
      <c r="L16335" s="6" t="s">
        <v>51</v>
      </c>
    </row>
    <row r="16336" spans="1:12">
      <c r="A16336" s="6" t="s">
        <v>15677</v>
      </c>
      <c r="B16336" s="6"/>
      <c r="C16336" s="6" t="s">
        <v>16362</v>
      </c>
      <c r="D16336" s="6"/>
      <c r="E16336" s="6" t="s">
        <v>9</v>
      </c>
      <c r="F16336" s="7">
        <v>38657</v>
      </c>
      <c r="G16336" s="8">
        <v>1</v>
      </c>
      <c r="H16336" s="8">
        <v>1</v>
      </c>
      <c r="I16336" s="8">
        <v>0</v>
      </c>
      <c r="J16336" s="8">
        <v>1</v>
      </c>
      <c r="K16336" s="9">
        <v>16</v>
      </c>
      <c r="L16336" s="6" t="s">
        <v>51</v>
      </c>
    </row>
    <row r="16337" spans="1:12">
      <c r="A16337" s="6" t="s">
        <v>15677</v>
      </c>
      <c r="B16337" s="6"/>
      <c r="C16337" s="6" t="s">
        <v>16363</v>
      </c>
      <c r="D16337" s="6"/>
      <c r="E16337" s="6" t="s">
        <v>9</v>
      </c>
      <c r="F16337" s="7">
        <v>38657</v>
      </c>
      <c r="G16337" s="8">
        <v>1</v>
      </c>
      <c r="H16337" s="8">
        <v>1</v>
      </c>
      <c r="I16337" s="8">
        <v>0</v>
      </c>
      <c r="J16337" s="8">
        <v>1</v>
      </c>
      <c r="K16337" s="9">
        <v>26</v>
      </c>
      <c r="L16337" s="6" t="s">
        <v>51</v>
      </c>
    </row>
    <row r="16338" spans="1:12">
      <c r="A16338" s="6" t="s">
        <v>15677</v>
      </c>
      <c r="B16338" s="6"/>
      <c r="C16338" s="6" t="s">
        <v>16364</v>
      </c>
      <c r="D16338" s="6"/>
      <c r="E16338" s="6" t="s">
        <v>9</v>
      </c>
      <c r="F16338" s="7">
        <v>38657</v>
      </c>
      <c r="G16338" s="8">
        <v>1</v>
      </c>
      <c r="H16338" s="8">
        <v>1</v>
      </c>
      <c r="I16338" s="8">
        <v>0</v>
      </c>
      <c r="J16338" s="8">
        <v>1</v>
      </c>
      <c r="K16338" s="9">
        <v>9.91</v>
      </c>
      <c r="L16338" s="6" t="s">
        <v>51</v>
      </c>
    </row>
    <row r="16339" spans="1:12">
      <c r="A16339" s="6" t="s">
        <v>15677</v>
      </c>
      <c r="B16339" s="6"/>
      <c r="C16339" s="6" t="s">
        <v>16365</v>
      </c>
      <c r="D16339" s="6"/>
      <c r="E16339" s="6" t="s">
        <v>9</v>
      </c>
      <c r="F16339" s="7">
        <v>38657</v>
      </c>
      <c r="G16339" s="8">
        <v>1</v>
      </c>
      <c r="H16339" s="8">
        <v>1</v>
      </c>
      <c r="I16339" s="8">
        <v>0</v>
      </c>
      <c r="J16339" s="8">
        <v>1</v>
      </c>
      <c r="K16339" s="9">
        <v>23</v>
      </c>
      <c r="L16339" s="6" t="s">
        <v>51</v>
      </c>
    </row>
    <row r="16340" spans="1:12">
      <c r="A16340" s="6" t="s">
        <v>15677</v>
      </c>
      <c r="B16340" s="6"/>
      <c r="C16340" s="6" t="s">
        <v>16366</v>
      </c>
      <c r="D16340" s="6"/>
      <c r="E16340" s="6" t="s">
        <v>9</v>
      </c>
      <c r="F16340" s="7">
        <v>38657</v>
      </c>
      <c r="G16340" s="8">
        <v>1</v>
      </c>
      <c r="H16340" s="8">
        <v>1</v>
      </c>
      <c r="I16340" s="8">
        <v>0</v>
      </c>
      <c r="J16340" s="8">
        <v>1</v>
      </c>
      <c r="K16340" s="9">
        <v>3.3</v>
      </c>
      <c r="L16340" s="6" t="s">
        <v>51</v>
      </c>
    </row>
    <row r="16341" spans="1:12">
      <c r="A16341" s="6" t="s">
        <v>15677</v>
      </c>
      <c r="B16341" s="6"/>
      <c r="C16341" s="6" t="s">
        <v>16367</v>
      </c>
      <c r="D16341" s="6"/>
      <c r="E16341" s="6" t="s">
        <v>9</v>
      </c>
      <c r="F16341" s="7">
        <v>38657</v>
      </c>
      <c r="G16341" s="8">
        <v>1</v>
      </c>
      <c r="H16341" s="8">
        <v>1</v>
      </c>
      <c r="I16341" s="8">
        <v>0</v>
      </c>
      <c r="J16341" s="8">
        <v>1</v>
      </c>
      <c r="K16341" s="9">
        <v>1901</v>
      </c>
      <c r="L16341" s="6" t="s">
        <v>51</v>
      </c>
    </row>
    <row r="16342" spans="1:12">
      <c r="A16342" s="6" t="s">
        <v>15677</v>
      </c>
      <c r="B16342" s="6"/>
      <c r="C16342" s="6" t="s">
        <v>16368</v>
      </c>
      <c r="D16342" s="6"/>
      <c r="E16342" s="6" t="s">
        <v>9</v>
      </c>
      <c r="F16342" s="7"/>
      <c r="G16342" s="8">
        <v>1</v>
      </c>
      <c r="H16342" s="8">
        <v>1</v>
      </c>
      <c r="I16342" s="8">
        <v>0</v>
      </c>
      <c r="J16342" s="8">
        <v>1</v>
      </c>
      <c r="K16342" s="9">
        <v>23</v>
      </c>
      <c r="L16342" s="6" t="s">
        <v>51</v>
      </c>
    </row>
    <row r="16343" spans="1:12">
      <c r="A16343" s="6" t="s">
        <v>15677</v>
      </c>
      <c r="B16343" s="6"/>
      <c r="C16343" s="6" t="s">
        <v>16369</v>
      </c>
      <c r="D16343" s="6"/>
      <c r="E16343" s="6" t="s">
        <v>9</v>
      </c>
      <c r="F16343" s="7">
        <v>38657</v>
      </c>
      <c r="G16343" s="8">
        <v>1</v>
      </c>
      <c r="H16343" s="8">
        <v>1</v>
      </c>
      <c r="I16343" s="8">
        <v>0</v>
      </c>
      <c r="J16343" s="8">
        <v>1</v>
      </c>
      <c r="K16343" s="9">
        <v>1020</v>
      </c>
      <c r="L16343" s="6" t="s">
        <v>51</v>
      </c>
    </row>
    <row r="16344" spans="1:12">
      <c r="A16344" s="6" t="s">
        <v>15677</v>
      </c>
      <c r="B16344" s="6"/>
      <c r="C16344" s="6" t="s">
        <v>16370</v>
      </c>
      <c r="D16344" s="6"/>
      <c r="E16344" s="6" t="s">
        <v>9</v>
      </c>
      <c r="F16344" s="7">
        <v>38657</v>
      </c>
      <c r="G16344" s="8">
        <v>1</v>
      </c>
      <c r="H16344" s="8">
        <v>1</v>
      </c>
      <c r="I16344" s="8">
        <v>0</v>
      </c>
      <c r="J16344" s="8">
        <v>1</v>
      </c>
      <c r="K16344" s="9">
        <v>42</v>
      </c>
      <c r="L16344" s="6" t="s">
        <v>51</v>
      </c>
    </row>
    <row r="16345" spans="1:12">
      <c r="A16345" s="6" t="s">
        <v>15677</v>
      </c>
      <c r="B16345" s="6"/>
      <c r="C16345" s="6" t="s">
        <v>16371</v>
      </c>
      <c r="D16345" s="6"/>
      <c r="E16345" s="6" t="s">
        <v>9</v>
      </c>
      <c r="F16345" s="7">
        <v>38657</v>
      </c>
      <c r="G16345" s="8">
        <v>1</v>
      </c>
      <c r="H16345" s="8">
        <v>1</v>
      </c>
      <c r="I16345" s="8">
        <v>0</v>
      </c>
      <c r="J16345" s="8">
        <v>1</v>
      </c>
      <c r="K16345" s="9">
        <v>16</v>
      </c>
      <c r="L16345" s="6" t="s">
        <v>51</v>
      </c>
    </row>
    <row r="16346" spans="1:12">
      <c r="A16346" s="6" t="s">
        <v>15677</v>
      </c>
      <c r="B16346" s="6"/>
      <c r="C16346" s="6" t="s">
        <v>16372</v>
      </c>
      <c r="D16346" s="6"/>
      <c r="E16346" s="6" t="s">
        <v>9</v>
      </c>
      <c r="F16346" s="7">
        <v>38657</v>
      </c>
      <c r="G16346" s="8">
        <v>1</v>
      </c>
      <c r="H16346" s="8">
        <v>1</v>
      </c>
      <c r="I16346" s="8">
        <v>0</v>
      </c>
      <c r="J16346" s="8">
        <v>1</v>
      </c>
      <c r="K16346" s="9">
        <v>0.74</v>
      </c>
      <c r="L16346" s="6" t="s">
        <v>51</v>
      </c>
    </row>
    <row r="16347" spans="1:12">
      <c r="A16347" s="6" t="s">
        <v>15677</v>
      </c>
      <c r="B16347" s="6"/>
      <c r="C16347" s="6" t="s">
        <v>16373</v>
      </c>
      <c r="D16347" s="6"/>
      <c r="E16347" s="6" t="s">
        <v>9</v>
      </c>
      <c r="F16347" s="7">
        <v>38657</v>
      </c>
      <c r="G16347" s="8">
        <v>1</v>
      </c>
      <c r="H16347" s="8">
        <v>1</v>
      </c>
      <c r="I16347" s="8">
        <v>0</v>
      </c>
      <c r="J16347" s="8">
        <v>1</v>
      </c>
      <c r="K16347" s="9">
        <v>36</v>
      </c>
      <c r="L16347" s="6" t="s">
        <v>51</v>
      </c>
    </row>
    <row r="16348" spans="1:12">
      <c r="A16348" s="6" t="s">
        <v>15677</v>
      </c>
      <c r="B16348" s="6"/>
      <c r="C16348" s="6" t="s">
        <v>16374</v>
      </c>
      <c r="D16348" s="6"/>
      <c r="E16348" s="6" t="s">
        <v>9</v>
      </c>
      <c r="F16348" s="7">
        <v>38657</v>
      </c>
      <c r="G16348" s="8">
        <v>1</v>
      </c>
      <c r="H16348" s="8">
        <v>1</v>
      </c>
      <c r="I16348" s="8">
        <v>0</v>
      </c>
      <c r="J16348" s="8">
        <v>1</v>
      </c>
      <c r="K16348" s="9">
        <v>16</v>
      </c>
      <c r="L16348" s="6" t="s">
        <v>51</v>
      </c>
    </row>
    <row r="16349" spans="1:12">
      <c r="A16349" s="6" t="s">
        <v>15677</v>
      </c>
      <c r="B16349" s="6"/>
      <c r="C16349" s="6" t="s">
        <v>16375</v>
      </c>
      <c r="D16349" s="6"/>
      <c r="E16349" s="6" t="s">
        <v>9</v>
      </c>
      <c r="F16349" s="7">
        <v>38657</v>
      </c>
      <c r="G16349" s="8">
        <v>1</v>
      </c>
      <c r="H16349" s="8">
        <v>1</v>
      </c>
      <c r="I16349" s="8">
        <v>0</v>
      </c>
      <c r="J16349" s="8">
        <v>1</v>
      </c>
      <c r="K16349" s="9">
        <v>46</v>
      </c>
      <c r="L16349" s="6" t="s">
        <v>51</v>
      </c>
    </row>
    <row r="16350" spans="1:12">
      <c r="A16350" s="6" t="s">
        <v>15677</v>
      </c>
      <c r="B16350" s="6"/>
      <c r="C16350" s="6" t="s">
        <v>16376</v>
      </c>
      <c r="D16350" s="6"/>
      <c r="E16350" s="6" t="s">
        <v>9</v>
      </c>
      <c r="F16350" s="7">
        <v>38657</v>
      </c>
      <c r="G16350" s="8">
        <v>1</v>
      </c>
      <c r="H16350" s="8">
        <v>1</v>
      </c>
      <c r="I16350" s="8">
        <v>0</v>
      </c>
      <c r="J16350" s="8">
        <v>1</v>
      </c>
      <c r="K16350" s="9">
        <v>105</v>
      </c>
      <c r="L16350" s="6" t="s">
        <v>51</v>
      </c>
    </row>
    <row r="16351" spans="1:12">
      <c r="A16351" s="6" t="s">
        <v>15677</v>
      </c>
      <c r="B16351" s="6"/>
      <c r="C16351" s="6" t="s">
        <v>16377</v>
      </c>
      <c r="D16351" s="6"/>
      <c r="E16351" s="6" t="s">
        <v>9</v>
      </c>
      <c r="F16351" s="7">
        <v>38657</v>
      </c>
      <c r="G16351" s="8">
        <v>1</v>
      </c>
      <c r="H16351" s="8">
        <v>1</v>
      </c>
      <c r="I16351" s="8">
        <v>0</v>
      </c>
      <c r="J16351" s="8">
        <v>1</v>
      </c>
      <c r="K16351" s="9">
        <v>23</v>
      </c>
      <c r="L16351" s="6" t="s">
        <v>51</v>
      </c>
    </row>
    <row r="16352" spans="1:12">
      <c r="A16352" s="6" t="s">
        <v>15677</v>
      </c>
      <c r="B16352" s="6"/>
      <c r="C16352" s="6" t="s">
        <v>16378</v>
      </c>
      <c r="D16352" s="6"/>
      <c r="E16352" s="6" t="s">
        <v>9</v>
      </c>
      <c r="F16352" s="7">
        <v>38657</v>
      </c>
      <c r="G16352" s="8">
        <v>1</v>
      </c>
      <c r="H16352" s="8">
        <v>1</v>
      </c>
      <c r="I16352" s="8">
        <v>0</v>
      </c>
      <c r="J16352" s="8">
        <v>1</v>
      </c>
      <c r="K16352" s="9">
        <v>115</v>
      </c>
      <c r="L16352" s="6" t="s">
        <v>51</v>
      </c>
    </row>
    <row r="16353" spans="1:12">
      <c r="A16353" s="6" t="s">
        <v>15677</v>
      </c>
      <c r="B16353" s="6"/>
      <c r="C16353" s="6" t="s">
        <v>16379</v>
      </c>
      <c r="D16353" s="6"/>
      <c r="E16353" s="6" t="s">
        <v>9</v>
      </c>
      <c r="F16353" s="7">
        <v>38657</v>
      </c>
      <c r="G16353" s="8">
        <v>1</v>
      </c>
      <c r="H16353" s="8">
        <v>1</v>
      </c>
      <c r="I16353" s="8">
        <v>0</v>
      </c>
      <c r="J16353" s="8">
        <v>1</v>
      </c>
      <c r="K16353" s="9">
        <v>16</v>
      </c>
      <c r="L16353" s="6" t="s">
        <v>51</v>
      </c>
    </row>
    <row r="16354" spans="1:12">
      <c r="A16354" s="6" t="s">
        <v>15677</v>
      </c>
      <c r="B16354" s="6"/>
      <c r="C16354" s="6" t="s">
        <v>16380</v>
      </c>
      <c r="D16354" s="6"/>
      <c r="E16354" s="6" t="s">
        <v>9</v>
      </c>
      <c r="F16354" s="7">
        <v>38657</v>
      </c>
      <c r="G16354" s="8">
        <v>1</v>
      </c>
      <c r="H16354" s="8">
        <v>1</v>
      </c>
      <c r="I16354" s="8">
        <v>0</v>
      </c>
      <c r="J16354" s="8">
        <v>1</v>
      </c>
      <c r="K16354" s="9">
        <v>26</v>
      </c>
      <c r="L16354" s="6" t="s">
        <v>51</v>
      </c>
    </row>
    <row r="16355" spans="1:12">
      <c r="A16355" s="6" t="s">
        <v>15677</v>
      </c>
      <c r="B16355" s="6"/>
      <c r="C16355" s="6" t="s">
        <v>16381</v>
      </c>
      <c r="D16355" s="6"/>
      <c r="E16355" s="6" t="s">
        <v>9</v>
      </c>
      <c r="F16355" s="7">
        <v>38657</v>
      </c>
      <c r="G16355" s="8">
        <v>1</v>
      </c>
      <c r="H16355" s="8">
        <v>1</v>
      </c>
      <c r="I16355" s="8">
        <v>0</v>
      </c>
      <c r="J16355" s="8">
        <v>1</v>
      </c>
      <c r="K16355" s="9">
        <v>204</v>
      </c>
      <c r="L16355" s="6" t="s">
        <v>51</v>
      </c>
    </row>
    <row r="16356" spans="1:12">
      <c r="A16356" s="6" t="s">
        <v>15677</v>
      </c>
      <c r="B16356" s="6"/>
      <c r="C16356" s="6" t="s">
        <v>16382</v>
      </c>
      <c r="D16356" s="6"/>
      <c r="E16356" s="6" t="s">
        <v>9</v>
      </c>
      <c r="F16356" s="7">
        <v>38657</v>
      </c>
      <c r="G16356" s="8">
        <v>1</v>
      </c>
      <c r="H16356" s="8">
        <v>1</v>
      </c>
      <c r="I16356" s="8">
        <v>0</v>
      </c>
      <c r="J16356" s="8">
        <v>1</v>
      </c>
      <c r="K16356" s="9">
        <v>1.65</v>
      </c>
      <c r="L16356" s="6" t="s">
        <v>51</v>
      </c>
    </row>
    <row r="16357" spans="1:12">
      <c r="A16357" s="6" t="s">
        <v>15677</v>
      </c>
      <c r="B16357" s="6"/>
      <c r="C16357" s="6" t="s">
        <v>16383</v>
      </c>
      <c r="D16357" s="6"/>
      <c r="E16357" s="6" t="s">
        <v>9</v>
      </c>
      <c r="F16357" s="7">
        <v>38657</v>
      </c>
      <c r="G16357" s="8">
        <v>1</v>
      </c>
      <c r="H16357" s="8">
        <v>1</v>
      </c>
      <c r="I16357" s="8">
        <v>0</v>
      </c>
      <c r="J16357" s="8">
        <v>1</v>
      </c>
      <c r="K16357" s="9">
        <v>18</v>
      </c>
      <c r="L16357" s="6" t="s">
        <v>51</v>
      </c>
    </row>
    <row r="16358" spans="1:12">
      <c r="A16358" s="6" t="s">
        <v>15677</v>
      </c>
      <c r="B16358" s="6"/>
      <c r="C16358" s="6" t="s">
        <v>16384</v>
      </c>
      <c r="D16358" s="6"/>
      <c r="E16358" s="6" t="s">
        <v>9</v>
      </c>
      <c r="F16358" s="7">
        <v>38657</v>
      </c>
      <c r="G16358" s="8">
        <v>1</v>
      </c>
      <c r="H16358" s="8">
        <v>1</v>
      </c>
      <c r="I16358" s="8">
        <v>0</v>
      </c>
      <c r="J16358" s="8">
        <v>1</v>
      </c>
      <c r="K16358" s="9">
        <v>23</v>
      </c>
      <c r="L16358" s="6" t="s">
        <v>51</v>
      </c>
    </row>
    <row r="16359" spans="1:12">
      <c r="A16359" s="6" t="s">
        <v>15677</v>
      </c>
      <c r="B16359" s="6"/>
      <c r="C16359" s="6" t="s">
        <v>16385</v>
      </c>
      <c r="D16359" s="6"/>
      <c r="E16359" s="6" t="s">
        <v>9</v>
      </c>
      <c r="F16359" s="7">
        <v>38657</v>
      </c>
      <c r="G16359" s="8">
        <v>1</v>
      </c>
      <c r="H16359" s="8">
        <v>1</v>
      </c>
      <c r="I16359" s="8">
        <v>0</v>
      </c>
      <c r="J16359" s="8">
        <v>1</v>
      </c>
      <c r="K16359" s="9">
        <v>19</v>
      </c>
      <c r="L16359" s="6" t="s">
        <v>51</v>
      </c>
    </row>
    <row r="16360" spans="1:12">
      <c r="A16360" s="6" t="s">
        <v>15677</v>
      </c>
      <c r="B16360" s="6"/>
      <c r="C16360" s="6" t="s">
        <v>16386</v>
      </c>
      <c r="D16360" s="6"/>
      <c r="E16360" s="6" t="s">
        <v>9</v>
      </c>
      <c r="F16360" s="7"/>
      <c r="G16360" s="8">
        <v>1</v>
      </c>
      <c r="H16360" s="8">
        <v>1</v>
      </c>
      <c r="I16360" s="8">
        <v>0</v>
      </c>
      <c r="J16360" s="8">
        <v>1</v>
      </c>
      <c r="K16360" s="9">
        <v>6.61</v>
      </c>
      <c r="L16360" s="6" t="s">
        <v>51</v>
      </c>
    </row>
    <row r="16361" spans="1:12">
      <c r="A16361" s="6" t="s">
        <v>15677</v>
      </c>
      <c r="B16361" s="6"/>
      <c r="C16361" s="6" t="s">
        <v>16387</v>
      </c>
      <c r="D16361" s="6"/>
      <c r="E16361" s="6" t="s">
        <v>9</v>
      </c>
      <c r="F16361" s="7">
        <v>38657</v>
      </c>
      <c r="G16361" s="8">
        <v>1</v>
      </c>
      <c r="H16361" s="8">
        <v>1</v>
      </c>
      <c r="I16361" s="8">
        <v>0</v>
      </c>
      <c r="J16361" s="8">
        <v>1</v>
      </c>
      <c r="K16361" s="9">
        <v>2825</v>
      </c>
      <c r="L16361" s="6" t="s">
        <v>51</v>
      </c>
    </row>
    <row r="16362" spans="1:12">
      <c r="A16362" s="6" t="s">
        <v>15677</v>
      </c>
      <c r="B16362" s="6"/>
      <c r="C16362" s="6" t="s">
        <v>16388</v>
      </c>
      <c r="D16362" s="6"/>
      <c r="E16362" s="6" t="s">
        <v>9</v>
      </c>
      <c r="F16362" s="7">
        <v>38657</v>
      </c>
      <c r="G16362" s="8">
        <v>1</v>
      </c>
      <c r="H16362" s="8">
        <v>1</v>
      </c>
      <c r="I16362" s="8">
        <v>0</v>
      </c>
      <c r="J16362" s="8">
        <v>1</v>
      </c>
      <c r="K16362" s="9">
        <v>1066</v>
      </c>
      <c r="L16362" s="6" t="s">
        <v>51</v>
      </c>
    </row>
    <row r="16363" spans="1:12">
      <c r="A16363" s="6" t="s">
        <v>15677</v>
      </c>
      <c r="B16363" s="6"/>
      <c r="C16363" s="6" t="s">
        <v>16389</v>
      </c>
      <c r="D16363" s="6"/>
      <c r="E16363" s="6" t="s">
        <v>9</v>
      </c>
      <c r="F16363" s="7">
        <v>38657</v>
      </c>
      <c r="G16363" s="8">
        <v>1</v>
      </c>
      <c r="H16363" s="8">
        <v>1</v>
      </c>
      <c r="I16363" s="8">
        <v>0</v>
      </c>
      <c r="J16363" s="8">
        <v>1</v>
      </c>
      <c r="K16363" s="9">
        <v>759</v>
      </c>
      <c r="L16363" s="6" t="s">
        <v>51</v>
      </c>
    </row>
    <row r="16364" spans="1:12">
      <c r="A16364" s="6" t="s">
        <v>15677</v>
      </c>
      <c r="B16364" s="6"/>
      <c r="C16364" s="6" t="s">
        <v>16390</v>
      </c>
      <c r="D16364" s="6"/>
      <c r="E16364" s="6" t="s">
        <v>9</v>
      </c>
      <c r="F16364" s="7">
        <v>38657</v>
      </c>
      <c r="G16364" s="8">
        <v>1</v>
      </c>
      <c r="H16364" s="8">
        <v>1</v>
      </c>
      <c r="I16364" s="8">
        <v>0</v>
      </c>
      <c r="J16364" s="8">
        <v>1</v>
      </c>
      <c r="K16364" s="9">
        <v>312</v>
      </c>
      <c r="L16364" s="6" t="s">
        <v>51</v>
      </c>
    </row>
    <row r="16365" spans="1:12">
      <c r="A16365" s="6" t="s">
        <v>15677</v>
      </c>
      <c r="B16365" s="6"/>
      <c r="C16365" s="6" t="s">
        <v>16391</v>
      </c>
      <c r="D16365" s="6"/>
      <c r="E16365" s="6" t="s">
        <v>9</v>
      </c>
      <c r="F16365" s="7">
        <v>41660</v>
      </c>
      <c r="G16365" s="8">
        <v>1</v>
      </c>
      <c r="H16365" s="8">
        <v>1</v>
      </c>
      <c r="I16365" s="8">
        <v>0</v>
      </c>
      <c r="J16365" s="8">
        <v>1</v>
      </c>
      <c r="K16365" s="9">
        <v>882</v>
      </c>
      <c r="L16365" s="6" t="s">
        <v>51</v>
      </c>
    </row>
    <row r="16366" spans="1:12">
      <c r="A16366" s="6" t="s">
        <v>15677</v>
      </c>
      <c r="B16366" s="6"/>
      <c r="C16366" s="6" t="s">
        <v>16392</v>
      </c>
      <c r="D16366" s="6"/>
      <c r="E16366" s="6" t="s">
        <v>9</v>
      </c>
      <c r="F16366" s="7">
        <v>38657</v>
      </c>
      <c r="G16366" s="8">
        <v>1</v>
      </c>
      <c r="H16366" s="8">
        <v>1</v>
      </c>
      <c r="I16366" s="8">
        <v>0</v>
      </c>
      <c r="J16366" s="8">
        <v>1</v>
      </c>
      <c r="K16366" s="9">
        <v>81</v>
      </c>
      <c r="L16366" s="6" t="s">
        <v>51</v>
      </c>
    </row>
    <row r="16367" spans="1:12">
      <c r="A16367" s="6" t="s">
        <v>15677</v>
      </c>
      <c r="B16367" s="6"/>
      <c r="C16367" s="6" t="s">
        <v>16393</v>
      </c>
      <c r="D16367" s="6"/>
      <c r="E16367" s="6" t="s">
        <v>9</v>
      </c>
      <c r="F16367" s="7">
        <v>38657</v>
      </c>
      <c r="G16367" s="8">
        <v>1</v>
      </c>
      <c r="H16367" s="8">
        <v>1</v>
      </c>
      <c r="I16367" s="8">
        <v>0</v>
      </c>
      <c r="J16367" s="8">
        <v>1</v>
      </c>
      <c r="K16367" s="9">
        <v>22</v>
      </c>
      <c r="L16367" s="6" t="s">
        <v>51</v>
      </c>
    </row>
    <row r="16368" spans="1:12">
      <c r="A16368" s="6" t="s">
        <v>15677</v>
      </c>
      <c r="B16368" s="6"/>
      <c r="C16368" s="6" t="s">
        <v>16394</v>
      </c>
      <c r="D16368" s="6"/>
      <c r="E16368" s="6" t="s">
        <v>9</v>
      </c>
      <c r="F16368" s="7">
        <v>38657</v>
      </c>
      <c r="G16368" s="8">
        <v>1</v>
      </c>
      <c r="H16368" s="8">
        <v>1</v>
      </c>
      <c r="I16368" s="8">
        <v>0</v>
      </c>
      <c r="J16368" s="8">
        <v>1</v>
      </c>
      <c r="K16368" s="9">
        <v>40</v>
      </c>
      <c r="L16368" s="6" t="s">
        <v>51</v>
      </c>
    </row>
    <row r="16369" spans="1:12">
      <c r="A16369" s="6" t="s">
        <v>15677</v>
      </c>
      <c r="B16369" s="6"/>
      <c r="C16369" s="6" t="s">
        <v>16395</v>
      </c>
      <c r="D16369" s="6"/>
      <c r="E16369" s="6" t="s">
        <v>9</v>
      </c>
      <c r="F16369" s="7">
        <v>38657</v>
      </c>
      <c r="G16369" s="8">
        <v>1</v>
      </c>
      <c r="H16369" s="8">
        <v>1</v>
      </c>
      <c r="I16369" s="8">
        <v>0</v>
      </c>
      <c r="J16369" s="8">
        <v>1</v>
      </c>
      <c r="K16369" s="9">
        <v>40</v>
      </c>
      <c r="L16369" s="6" t="s">
        <v>51</v>
      </c>
    </row>
    <row r="16370" spans="1:12">
      <c r="A16370" s="6" t="s">
        <v>15677</v>
      </c>
      <c r="B16370" s="6"/>
      <c r="C16370" s="6" t="s">
        <v>16396</v>
      </c>
      <c r="D16370" s="6"/>
      <c r="E16370" s="6" t="s">
        <v>9</v>
      </c>
      <c r="F16370" s="7">
        <v>38657</v>
      </c>
      <c r="G16370" s="8">
        <v>1</v>
      </c>
      <c r="H16370" s="8">
        <v>1</v>
      </c>
      <c r="I16370" s="8">
        <v>0</v>
      </c>
      <c r="J16370" s="8">
        <v>1</v>
      </c>
      <c r="K16370" s="9">
        <v>40</v>
      </c>
      <c r="L16370" s="6" t="s">
        <v>51</v>
      </c>
    </row>
    <row r="16371" spans="1:12">
      <c r="A16371" s="6" t="s">
        <v>15677</v>
      </c>
      <c r="B16371" s="6"/>
      <c r="C16371" s="6" t="s">
        <v>16397</v>
      </c>
      <c r="D16371" s="6"/>
      <c r="E16371" s="6" t="s">
        <v>9</v>
      </c>
      <c r="F16371" s="7">
        <v>38657</v>
      </c>
      <c r="G16371" s="8">
        <v>1</v>
      </c>
      <c r="H16371" s="8">
        <v>1</v>
      </c>
      <c r="I16371" s="8">
        <v>0</v>
      </c>
      <c r="J16371" s="8">
        <v>1</v>
      </c>
      <c r="K16371" s="9">
        <v>27</v>
      </c>
      <c r="L16371" s="6" t="s">
        <v>51</v>
      </c>
    </row>
    <row r="16372" spans="1:12">
      <c r="A16372" s="6" t="s">
        <v>15677</v>
      </c>
      <c r="B16372" s="6"/>
      <c r="C16372" s="6" t="s">
        <v>16398</v>
      </c>
      <c r="D16372" s="6"/>
      <c r="E16372" s="6" t="s">
        <v>9</v>
      </c>
      <c r="F16372" s="7">
        <v>38657</v>
      </c>
      <c r="G16372" s="8">
        <v>1</v>
      </c>
      <c r="H16372" s="8">
        <v>1</v>
      </c>
      <c r="I16372" s="8">
        <v>0</v>
      </c>
      <c r="J16372" s="8">
        <v>1</v>
      </c>
      <c r="K16372" s="9">
        <v>13</v>
      </c>
      <c r="L16372" s="6" t="s">
        <v>51</v>
      </c>
    </row>
    <row r="16373" spans="1:12">
      <c r="A16373" s="6" t="s">
        <v>15677</v>
      </c>
      <c r="B16373" s="6"/>
      <c r="C16373" s="6" t="s">
        <v>16399</v>
      </c>
      <c r="D16373" s="6"/>
      <c r="E16373" s="6" t="s">
        <v>9</v>
      </c>
      <c r="F16373" s="7">
        <v>38657</v>
      </c>
      <c r="G16373" s="8">
        <v>1</v>
      </c>
      <c r="H16373" s="8">
        <v>1</v>
      </c>
      <c r="I16373" s="8">
        <v>0</v>
      </c>
      <c r="J16373" s="8">
        <v>1</v>
      </c>
      <c r="K16373" s="9">
        <v>112</v>
      </c>
      <c r="L16373" s="6" t="s">
        <v>51</v>
      </c>
    </row>
    <row r="16374" spans="1:12">
      <c r="A16374" s="6" t="s">
        <v>15677</v>
      </c>
      <c r="B16374" s="6"/>
      <c r="C16374" s="6" t="s">
        <v>16400</v>
      </c>
      <c r="D16374" s="6"/>
      <c r="E16374" s="6" t="s">
        <v>9</v>
      </c>
      <c r="F16374" s="7">
        <v>38657</v>
      </c>
      <c r="G16374" s="8">
        <v>1</v>
      </c>
      <c r="H16374" s="8">
        <v>1</v>
      </c>
      <c r="I16374" s="8">
        <v>0</v>
      </c>
      <c r="J16374" s="8">
        <v>1</v>
      </c>
      <c r="K16374" s="9">
        <v>144</v>
      </c>
      <c r="L16374" s="6" t="s">
        <v>51</v>
      </c>
    </row>
    <row r="16375" spans="1:12">
      <c r="A16375" s="6" t="s">
        <v>15677</v>
      </c>
      <c r="B16375" s="6"/>
      <c r="C16375" s="6" t="s">
        <v>16401</v>
      </c>
      <c r="D16375" s="6"/>
      <c r="E16375" s="6" t="s">
        <v>9</v>
      </c>
      <c r="F16375" s="7">
        <v>38657</v>
      </c>
      <c r="G16375" s="8">
        <v>1</v>
      </c>
      <c r="H16375" s="8">
        <v>1</v>
      </c>
      <c r="I16375" s="8">
        <v>0</v>
      </c>
      <c r="J16375" s="8">
        <v>1</v>
      </c>
      <c r="K16375" s="9">
        <v>122</v>
      </c>
      <c r="L16375" s="6" t="s">
        <v>51</v>
      </c>
    </row>
    <row r="16376" spans="1:12">
      <c r="A16376" s="6" t="s">
        <v>15677</v>
      </c>
      <c r="B16376" s="6"/>
      <c r="C16376" s="6" t="s">
        <v>16402</v>
      </c>
      <c r="D16376" s="6"/>
      <c r="E16376" s="6" t="s">
        <v>9</v>
      </c>
      <c r="F16376" s="7">
        <v>38657</v>
      </c>
      <c r="G16376" s="8">
        <v>1</v>
      </c>
      <c r="H16376" s="8">
        <v>1</v>
      </c>
      <c r="I16376" s="8">
        <v>0</v>
      </c>
      <c r="J16376" s="8">
        <v>1</v>
      </c>
      <c r="K16376" s="9">
        <v>207</v>
      </c>
      <c r="L16376" s="6" t="s">
        <v>51</v>
      </c>
    </row>
    <row r="16377" spans="1:12">
      <c r="A16377" s="6" t="s">
        <v>15677</v>
      </c>
      <c r="B16377" s="6"/>
      <c r="C16377" s="6" t="s">
        <v>16403</v>
      </c>
      <c r="D16377" s="6"/>
      <c r="E16377" s="6" t="s">
        <v>9</v>
      </c>
      <c r="F16377" s="7">
        <v>38657</v>
      </c>
      <c r="G16377" s="8">
        <v>1</v>
      </c>
      <c r="H16377" s="8">
        <v>1</v>
      </c>
      <c r="I16377" s="8">
        <v>0</v>
      </c>
      <c r="J16377" s="8">
        <v>1</v>
      </c>
      <c r="K16377" s="9">
        <v>32.020000000000003</v>
      </c>
      <c r="L16377" s="6" t="s">
        <v>51</v>
      </c>
    </row>
    <row r="16378" spans="1:12">
      <c r="A16378" s="6" t="s">
        <v>15677</v>
      </c>
      <c r="B16378" s="6"/>
      <c r="C16378" s="6" t="s">
        <v>16404</v>
      </c>
      <c r="D16378" s="6"/>
      <c r="E16378" s="6" t="s">
        <v>9</v>
      </c>
      <c r="F16378" s="7">
        <v>38657</v>
      </c>
      <c r="G16378" s="8">
        <v>1</v>
      </c>
      <c r="H16378" s="8">
        <v>1</v>
      </c>
      <c r="I16378" s="8">
        <v>0</v>
      </c>
      <c r="J16378" s="8">
        <v>1</v>
      </c>
      <c r="K16378" s="9">
        <v>117</v>
      </c>
      <c r="L16378" s="6" t="s">
        <v>51</v>
      </c>
    </row>
    <row r="16379" spans="1:12">
      <c r="A16379" s="6" t="s">
        <v>15677</v>
      </c>
      <c r="B16379" s="6"/>
      <c r="C16379" s="6" t="s">
        <v>16405</v>
      </c>
      <c r="D16379" s="6"/>
      <c r="E16379" s="6" t="s">
        <v>9</v>
      </c>
      <c r="F16379" s="7">
        <v>38657</v>
      </c>
      <c r="G16379" s="8">
        <v>1</v>
      </c>
      <c r="H16379" s="8">
        <v>1</v>
      </c>
      <c r="I16379" s="8">
        <v>0</v>
      </c>
      <c r="J16379" s="8">
        <v>1</v>
      </c>
      <c r="K16379" s="9">
        <v>25</v>
      </c>
      <c r="L16379" s="6" t="s">
        <v>51</v>
      </c>
    </row>
    <row r="16380" spans="1:12">
      <c r="A16380" s="6" t="s">
        <v>15677</v>
      </c>
      <c r="B16380" s="6"/>
      <c r="C16380" s="6" t="s">
        <v>16406</v>
      </c>
      <c r="D16380" s="6"/>
      <c r="E16380" s="6" t="s">
        <v>9</v>
      </c>
      <c r="F16380" s="7">
        <v>38657</v>
      </c>
      <c r="G16380" s="8">
        <v>1</v>
      </c>
      <c r="H16380" s="8">
        <v>1</v>
      </c>
      <c r="I16380" s="8">
        <v>0</v>
      </c>
      <c r="J16380" s="8">
        <v>1</v>
      </c>
      <c r="K16380" s="9">
        <v>44</v>
      </c>
      <c r="L16380" s="6" t="s">
        <v>51</v>
      </c>
    </row>
    <row r="16381" spans="1:12">
      <c r="A16381" s="6" t="s">
        <v>15677</v>
      </c>
      <c r="B16381" s="6"/>
      <c r="C16381" s="6" t="s">
        <v>16407</v>
      </c>
      <c r="D16381" s="6"/>
      <c r="E16381" s="6" t="s">
        <v>9</v>
      </c>
      <c r="F16381" s="7">
        <v>38657</v>
      </c>
      <c r="G16381" s="8">
        <v>1</v>
      </c>
      <c r="H16381" s="8">
        <v>1</v>
      </c>
      <c r="I16381" s="8">
        <v>0</v>
      </c>
      <c r="J16381" s="8">
        <v>1</v>
      </c>
      <c r="K16381" s="9">
        <v>36</v>
      </c>
      <c r="L16381" s="6" t="s">
        <v>51</v>
      </c>
    </row>
    <row r="16382" spans="1:12">
      <c r="A16382" s="6" t="s">
        <v>15677</v>
      </c>
      <c r="B16382" s="6"/>
      <c r="C16382" s="6" t="s">
        <v>16408</v>
      </c>
      <c r="D16382" s="6"/>
      <c r="E16382" s="6" t="s">
        <v>9</v>
      </c>
      <c r="F16382" s="7">
        <v>38657</v>
      </c>
      <c r="G16382" s="8">
        <v>1</v>
      </c>
      <c r="H16382" s="8">
        <v>1</v>
      </c>
      <c r="I16382" s="8">
        <v>0</v>
      </c>
      <c r="J16382" s="8">
        <v>1</v>
      </c>
      <c r="K16382" s="9">
        <v>33</v>
      </c>
      <c r="L16382" s="6" t="s">
        <v>51</v>
      </c>
    </row>
    <row r="16383" spans="1:12">
      <c r="A16383" s="6" t="s">
        <v>15677</v>
      </c>
      <c r="B16383" s="6"/>
      <c r="C16383" s="6" t="s">
        <v>16409</v>
      </c>
      <c r="D16383" s="6"/>
      <c r="E16383" s="6" t="s">
        <v>9</v>
      </c>
      <c r="F16383" s="7">
        <v>38657</v>
      </c>
      <c r="G16383" s="8">
        <v>1</v>
      </c>
      <c r="H16383" s="8">
        <v>1</v>
      </c>
      <c r="I16383" s="8">
        <v>0</v>
      </c>
      <c r="J16383" s="8">
        <v>1</v>
      </c>
      <c r="K16383" s="9">
        <v>33</v>
      </c>
      <c r="L16383" s="6" t="s">
        <v>51</v>
      </c>
    </row>
    <row r="16384" spans="1:12">
      <c r="A16384" s="6" t="s">
        <v>15677</v>
      </c>
      <c r="B16384" s="6"/>
      <c r="C16384" s="6" t="s">
        <v>16410</v>
      </c>
      <c r="D16384" s="6"/>
      <c r="E16384" s="6" t="s">
        <v>9</v>
      </c>
      <c r="F16384" s="7">
        <v>38657</v>
      </c>
      <c r="G16384" s="8">
        <v>1</v>
      </c>
      <c r="H16384" s="8">
        <v>1</v>
      </c>
      <c r="I16384" s="8">
        <v>0</v>
      </c>
      <c r="J16384" s="8">
        <v>1</v>
      </c>
      <c r="K16384" s="9">
        <v>33</v>
      </c>
      <c r="L16384" s="6" t="s">
        <v>51</v>
      </c>
    </row>
    <row r="16385" spans="1:12">
      <c r="A16385" s="6" t="s">
        <v>15677</v>
      </c>
      <c r="B16385" s="6"/>
      <c r="C16385" s="6" t="s">
        <v>16411</v>
      </c>
      <c r="D16385" s="6"/>
      <c r="E16385" s="6" t="s">
        <v>9</v>
      </c>
      <c r="F16385" s="7">
        <v>38657</v>
      </c>
      <c r="G16385" s="8">
        <v>1</v>
      </c>
      <c r="H16385" s="8">
        <v>1</v>
      </c>
      <c r="I16385" s="8">
        <v>0</v>
      </c>
      <c r="J16385" s="8">
        <v>1</v>
      </c>
      <c r="K16385" s="9">
        <v>33</v>
      </c>
      <c r="L16385" s="6" t="s">
        <v>51</v>
      </c>
    </row>
    <row r="16386" spans="1:12">
      <c r="A16386" s="6" t="s">
        <v>15677</v>
      </c>
      <c r="B16386" s="6"/>
      <c r="C16386" s="6" t="s">
        <v>16412</v>
      </c>
      <c r="D16386" s="6"/>
      <c r="E16386" s="6" t="s">
        <v>9</v>
      </c>
      <c r="F16386" s="7">
        <v>38657</v>
      </c>
      <c r="G16386" s="8">
        <v>1</v>
      </c>
      <c r="H16386" s="8">
        <v>1</v>
      </c>
      <c r="I16386" s="8">
        <v>0</v>
      </c>
      <c r="J16386" s="8">
        <v>1</v>
      </c>
      <c r="K16386" s="9">
        <v>33</v>
      </c>
      <c r="L16386" s="6" t="s">
        <v>51</v>
      </c>
    </row>
    <row r="16387" spans="1:12">
      <c r="A16387" s="6" t="s">
        <v>15677</v>
      </c>
      <c r="B16387" s="6"/>
      <c r="C16387" s="6" t="s">
        <v>16413</v>
      </c>
      <c r="D16387" s="6"/>
      <c r="E16387" s="6" t="s">
        <v>9</v>
      </c>
      <c r="F16387" s="7">
        <v>38657</v>
      </c>
      <c r="G16387" s="8">
        <v>1</v>
      </c>
      <c r="H16387" s="8">
        <v>1</v>
      </c>
      <c r="I16387" s="8">
        <v>0</v>
      </c>
      <c r="J16387" s="8">
        <v>1</v>
      </c>
      <c r="K16387" s="9">
        <v>258</v>
      </c>
      <c r="L16387" s="6" t="s">
        <v>51</v>
      </c>
    </row>
    <row r="16388" spans="1:12">
      <c r="A16388" s="6" t="s">
        <v>15677</v>
      </c>
      <c r="B16388" s="6"/>
      <c r="C16388" s="6" t="s">
        <v>16414</v>
      </c>
      <c r="D16388" s="6"/>
      <c r="E16388" s="6" t="s">
        <v>9</v>
      </c>
      <c r="F16388" s="7">
        <v>38657</v>
      </c>
      <c r="G16388" s="8">
        <v>1</v>
      </c>
      <c r="H16388" s="8">
        <v>1</v>
      </c>
      <c r="I16388" s="8">
        <v>0</v>
      </c>
      <c r="J16388" s="8">
        <v>1</v>
      </c>
      <c r="K16388" s="9">
        <v>33</v>
      </c>
      <c r="L16388" s="6" t="s">
        <v>51</v>
      </c>
    </row>
    <row r="16389" spans="1:12">
      <c r="A16389" s="6" t="s">
        <v>15677</v>
      </c>
      <c r="B16389" s="6"/>
      <c r="C16389" s="6" t="s">
        <v>16415</v>
      </c>
      <c r="D16389" s="6"/>
      <c r="E16389" s="6" t="s">
        <v>9</v>
      </c>
      <c r="F16389" s="7">
        <v>38657</v>
      </c>
      <c r="G16389" s="8">
        <v>1</v>
      </c>
      <c r="H16389" s="8">
        <v>1</v>
      </c>
      <c r="I16389" s="8">
        <v>0</v>
      </c>
      <c r="J16389" s="8">
        <v>1</v>
      </c>
      <c r="K16389" s="9">
        <v>33</v>
      </c>
      <c r="L16389" s="6" t="s">
        <v>51</v>
      </c>
    </row>
    <row r="16390" spans="1:12">
      <c r="A16390" s="6" t="s">
        <v>15677</v>
      </c>
      <c r="B16390" s="6"/>
      <c r="C16390" s="6" t="s">
        <v>16416</v>
      </c>
      <c r="D16390" s="6"/>
      <c r="E16390" s="6" t="s">
        <v>9</v>
      </c>
      <c r="F16390" s="7">
        <v>38657</v>
      </c>
      <c r="G16390" s="8">
        <v>1</v>
      </c>
      <c r="H16390" s="8">
        <v>1</v>
      </c>
      <c r="I16390" s="8">
        <v>0</v>
      </c>
      <c r="J16390" s="8">
        <v>1</v>
      </c>
      <c r="K16390" s="9">
        <v>33</v>
      </c>
      <c r="L16390" s="6" t="s">
        <v>51</v>
      </c>
    </row>
    <row r="16391" spans="1:12">
      <c r="A16391" s="6" t="s">
        <v>15677</v>
      </c>
      <c r="B16391" s="6"/>
      <c r="C16391" s="6" t="s">
        <v>16417</v>
      </c>
      <c r="D16391" s="6"/>
      <c r="E16391" s="6" t="s">
        <v>9</v>
      </c>
      <c r="F16391" s="7">
        <v>38657</v>
      </c>
      <c r="G16391" s="8">
        <v>1</v>
      </c>
      <c r="H16391" s="8">
        <v>1</v>
      </c>
      <c r="I16391" s="8">
        <v>0</v>
      </c>
      <c r="J16391" s="8">
        <v>1</v>
      </c>
      <c r="K16391" s="9">
        <v>33</v>
      </c>
      <c r="L16391" s="6" t="s">
        <v>51</v>
      </c>
    </row>
    <row r="16392" spans="1:12">
      <c r="A16392" s="6" t="s">
        <v>15677</v>
      </c>
      <c r="B16392" s="6"/>
      <c r="C16392" s="6" t="s">
        <v>16418</v>
      </c>
      <c r="D16392" s="6"/>
      <c r="E16392" s="6" t="s">
        <v>9</v>
      </c>
      <c r="F16392" s="7">
        <v>38657</v>
      </c>
      <c r="G16392" s="8">
        <v>1</v>
      </c>
      <c r="H16392" s="8">
        <v>1</v>
      </c>
      <c r="I16392" s="8">
        <v>0</v>
      </c>
      <c r="J16392" s="8">
        <v>1</v>
      </c>
      <c r="K16392" s="9">
        <v>36</v>
      </c>
      <c r="L16392" s="6" t="s">
        <v>51</v>
      </c>
    </row>
    <row r="16393" spans="1:12">
      <c r="A16393" s="6" t="s">
        <v>15677</v>
      </c>
      <c r="B16393" s="6"/>
      <c r="C16393" s="6" t="s">
        <v>16419</v>
      </c>
      <c r="D16393" s="6"/>
      <c r="E16393" s="6" t="s">
        <v>9</v>
      </c>
      <c r="F16393" s="7">
        <v>38657</v>
      </c>
      <c r="G16393" s="8">
        <v>1</v>
      </c>
      <c r="H16393" s="8">
        <v>1</v>
      </c>
      <c r="I16393" s="8">
        <v>0</v>
      </c>
      <c r="J16393" s="8">
        <v>1</v>
      </c>
      <c r="K16393" s="9">
        <v>42</v>
      </c>
      <c r="L16393" s="6" t="s">
        <v>51</v>
      </c>
    </row>
    <row r="16394" spans="1:12">
      <c r="A16394" s="6" t="s">
        <v>15677</v>
      </c>
      <c r="B16394" s="6"/>
      <c r="C16394" s="6" t="s">
        <v>16420</v>
      </c>
      <c r="D16394" s="6"/>
      <c r="E16394" s="6" t="s">
        <v>9</v>
      </c>
      <c r="F16394" s="7">
        <v>38657</v>
      </c>
      <c r="G16394" s="8">
        <v>1</v>
      </c>
      <c r="H16394" s="8">
        <v>1</v>
      </c>
      <c r="I16394" s="8">
        <v>0</v>
      </c>
      <c r="J16394" s="8">
        <v>1</v>
      </c>
      <c r="K16394" s="9">
        <v>19</v>
      </c>
      <c r="L16394" s="6" t="s">
        <v>51</v>
      </c>
    </row>
    <row r="16395" spans="1:12">
      <c r="A16395" s="6" t="s">
        <v>15677</v>
      </c>
      <c r="B16395" s="6"/>
      <c r="C16395" s="6" t="s">
        <v>16421</v>
      </c>
      <c r="D16395" s="6"/>
      <c r="E16395" s="6" t="s">
        <v>9</v>
      </c>
      <c r="F16395" s="7">
        <v>38657</v>
      </c>
      <c r="G16395" s="8">
        <v>1</v>
      </c>
      <c r="H16395" s="8">
        <v>1</v>
      </c>
      <c r="I16395" s="8">
        <v>0</v>
      </c>
      <c r="J16395" s="8">
        <v>1</v>
      </c>
      <c r="K16395" s="9">
        <v>13.22</v>
      </c>
      <c r="L16395" s="6" t="s">
        <v>51</v>
      </c>
    </row>
    <row r="16396" spans="1:12">
      <c r="A16396" s="6" t="s">
        <v>15677</v>
      </c>
      <c r="B16396" s="6"/>
      <c r="C16396" s="6" t="s">
        <v>16422</v>
      </c>
      <c r="D16396" s="6"/>
      <c r="E16396" s="6" t="s">
        <v>9</v>
      </c>
      <c r="F16396" s="7">
        <v>38657</v>
      </c>
      <c r="G16396" s="8">
        <v>1</v>
      </c>
      <c r="H16396" s="8">
        <v>1</v>
      </c>
      <c r="I16396" s="8">
        <v>0</v>
      </c>
      <c r="J16396" s="8">
        <v>1</v>
      </c>
      <c r="K16396" s="9">
        <v>6.61</v>
      </c>
      <c r="L16396" s="6" t="s">
        <v>51</v>
      </c>
    </row>
    <row r="16397" spans="1:12">
      <c r="A16397" s="6" t="s">
        <v>15677</v>
      </c>
      <c r="B16397" s="6"/>
      <c r="C16397" s="6" t="s">
        <v>16423</v>
      </c>
      <c r="D16397" s="6"/>
      <c r="E16397" s="6" t="s">
        <v>9</v>
      </c>
      <c r="F16397" s="7">
        <v>38657</v>
      </c>
      <c r="G16397" s="8">
        <v>1</v>
      </c>
      <c r="H16397" s="8">
        <v>1</v>
      </c>
      <c r="I16397" s="8">
        <v>0</v>
      </c>
      <c r="J16397" s="8">
        <v>1</v>
      </c>
      <c r="K16397" s="9">
        <v>29</v>
      </c>
      <c r="L16397" s="6" t="s">
        <v>51</v>
      </c>
    </row>
    <row r="16398" spans="1:12">
      <c r="A16398" s="6" t="s">
        <v>15677</v>
      </c>
      <c r="B16398" s="6"/>
      <c r="C16398" s="6" t="s">
        <v>16424</v>
      </c>
      <c r="D16398" s="6"/>
      <c r="E16398" s="6" t="s">
        <v>9</v>
      </c>
      <c r="F16398" s="7">
        <v>38657</v>
      </c>
      <c r="G16398" s="8">
        <v>1</v>
      </c>
      <c r="H16398" s="8">
        <v>1</v>
      </c>
      <c r="I16398" s="8">
        <v>0</v>
      </c>
      <c r="J16398" s="8">
        <v>1</v>
      </c>
      <c r="K16398" s="9">
        <v>289</v>
      </c>
      <c r="L16398" s="6" t="s">
        <v>51</v>
      </c>
    </row>
    <row r="16399" spans="1:12">
      <c r="A16399" s="6" t="s">
        <v>15677</v>
      </c>
      <c r="B16399" s="6"/>
      <c r="C16399" s="6" t="s">
        <v>16425</v>
      </c>
      <c r="D16399" s="6"/>
      <c r="E16399" s="6" t="s">
        <v>9</v>
      </c>
      <c r="F16399" s="7">
        <v>38657</v>
      </c>
      <c r="G16399" s="8">
        <v>1</v>
      </c>
      <c r="H16399" s="8">
        <v>1</v>
      </c>
      <c r="I16399" s="8">
        <v>0</v>
      </c>
      <c r="J16399" s="8">
        <v>1</v>
      </c>
      <c r="K16399" s="9">
        <v>6.61</v>
      </c>
      <c r="L16399" s="6" t="s">
        <v>51</v>
      </c>
    </row>
    <row r="16400" spans="1:12">
      <c r="A16400" s="6" t="s">
        <v>15677</v>
      </c>
      <c r="B16400" s="6"/>
      <c r="C16400" s="6" t="s">
        <v>16426</v>
      </c>
      <c r="D16400" s="6"/>
      <c r="E16400" s="6" t="s">
        <v>9</v>
      </c>
      <c r="F16400" s="7">
        <v>38657</v>
      </c>
      <c r="G16400" s="8">
        <v>1</v>
      </c>
      <c r="H16400" s="8">
        <v>1</v>
      </c>
      <c r="I16400" s="8">
        <v>0</v>
      </c>
      <c r="J16400" s="8">
        <v>1</v>
      </c>
      <c r="K16400" s="9">
        <v>3.3</v>
      </c>
      <c r="L16400" s="6" t="s">
        <v>51</v>
      </c>
    </row>
    <row r="16401" spans="1:12">
      <c r="A16401" s="6" t="s">
        <v>15677</v>
      </c>
      <c r="B16401" s="6"/>
      <c r="C16401" s="6" t="s">
        <v>16427</v>
      </c>
      <c r="D16401" s="6"/>
      <c r="E16401" s="6" t="s">
        <v>9</v>
      </c>
      <c r="F16401" s="7">
        <v>38657</v>
      </c>
      <c r="G16401" s="8">
        <v>1</v>
      </c>
      <c r="H16401" s="8">
        <v>1</v>
      </c>
      <c r="I16401" s="8">
        <v>0</v>
      </c>
      <c r="J16401" s="8">
        <v>1</v>
      </c>
      <c r="K16401" s="9">
        <v>23</v>
      </c>
      <c r="L16401" s="6" t="s">
        <v>51</v>
      </c>
    </row>
    <row r="16402" spans="1:12">
      <c r="A16402" s="6" t="s">
        <v>15677</v>
      </c>
      <c r="B16402" s="6"/>
      <c r="C16402" s="6" t="s">
        <v>16428</v>
      </c>
      <c r="D16402" s="6"/>
      <c r="E16402" s="6" t="s">
        <v>9</v>
      </c>
      <c r="F16402" s="7">
        <v>38657</v>
      </c>
      <c r="G16402" s="8">
        <v>1</v>
      </c>
      <c r="H16402" s="8">
        <v>1</v>
      </c>
      <c r="I16402" s="8">
        <v>0</v>
      </c>
      <c r="J16402" s="8">
        <v>1</v>
      </c>
      <c r="K16402" s="9">
        <v>23</v>
      </c>
      <c r="L16402" s="6" t="s">
        <v>51</v>
      </c>
    </row>
    <row r="16403" spans="1:12">
      <c r="A16403" s="6" t="s">
        <v>15677</v>
      </c>
      <c r="B16403" s="6"/>
      <c r="C16403" s="6" t="s">
        <v>16429</v>
      </c>
      <c r="D16403" s="6"/>
      <c r="E16403" s="6" t="s">
        <v>9</v>
      </c>
      <c r="F16403" s="7">
        <v>38657</v>
      </c>
      <c r="G16403" s="8">
        <v>1</v>
      </c>
      <c r="H16403" s="8">
        <v>1</v>
      </c>
      <c r="I16403" s="8">
        <v>0</v>
      </c>
      <c r="J16403" s="8">
        <v>1</v>
      </c>
      <c r="K16403" s="9">
        <v>23</v>
      </c>
      <c r="L16403" s="6" t="s">
        <v>51</v>
      </c>
    </row>
    <row r="16404" spans="1:12">
      <c r="A16404" s="6" t="s">
        <v>15677</v>
      </c>
      <c r="B16404" s="6"/>
      <c r="C16404" s="6" t="s">
        <v>16430</v>
      </c>
      <c r="D16404" s="6"/>
      <c r="E16404" s="6" t="s">
        <v>9</v>
      </c>
      <c r="F16404" s="7">
        <v>38657</v>
      </c>
      <c r="G16404" s="8">
        <v>1</v>
      </c>
      <c r="H16404" s="8">
        <v>1</v>
      </c>
      <c r="I16404" s="8">
        <v>0</v>
      </c>
      <c r="J16404" s="8">
        <v>1</v>
      </c>
      <c r="K16404" s="9">
        <v>29</v>
      </c>
      <c r="L16404" s="6" t="s">
        <v>51</v>
      </c>
    </row>
    <row r="16405" spans="1:12">
      <c r="A16405" s="6" t="s">
        <v>15677</v>
      </c>
      <c r="B16405" s="6"/>
      <c r="C16405" s="6" t="s">
        <v>16431</v>
      </c>
      <c r="D16405" s="6"/>
      <c r="E16405" s="6" t="s">
        <v>9</v>
      </c>
      <c r="F16405" s="7">
        <v>38657</v>
      </c>
      <c r="G16405" s="8">
        <v>1</v>
      </c>
      <c r="H16405" s="8">
        <v>1</v>
      </c>
      <c r="I16405" s="8">
        <v>0</v>
      </c>
      <c r="J16405" s="8">
        <v>1</v>
      </c>
      <c r="K16405" s="9">
        <v>23</v>
      </c>
      <c r="L16405" s="6" t="s">
        <v>51</v>
      </c>
    </row>
    <row r="16406" spans="1:12">
      <c r="A16406" s="6" t="s">
        <v>15677</v>
      </c>
      <c r="B16406" s="6"/>
      <c r="C16406" s="6" t="s">
        <v>16432</v>
      </c>
      <c r="D16406" s="6"/>
      <c r="E16406" s="6" t="s">
        <v>9</v>
      </c>
      <c r="F16406" s="7">
        <v>38657</v>
      </c>
      <c r="G16406" s="8">
        <v>1</v>
      </c>
      <c r="H16406" s="8">
        <v>1</v>
      </c>
      <c r="I16406" s="8">
        <v>0</v>
      </c>
      <c r="J16406" s="8">
        <v>1</v>
      </c>
      <c r="K16406" s="9">
        <v>23</v>
      </c>
      <c r="L16406" s="6" t="s">
        <v>51</v>
      </c>
    </row>
    <row r="16407" spans="1:12">
      <c r="A16407" s="6" t="s">
        <v>15677</v>
      </c>
      <c r="B16407" s="6"/>
      <c r="C16407" s="6" t="s">
        <v>16433</v>
      </c>
      <c r="D16407" s="6"/>
      <c r="E16407" s="6" t="s">
        <v>9</v>
      </c>
      <c r="F16407" s="7">
        <v>38657</v>
      </c>
      <c r="G16407" s="8">
        <v>1</v>
      </c>
      <c r="H16407" s="8">
        <v>1</v>
      </c>
      <c r="I16407" s="8">
        <v>0</v>
      </c>
      <c r="J16407" s="8">
        <v>1</v>
      </c>
      <c r="K16407" s="9">
        <v>23</v>
      </c>
      <c r="L16407" s="6" t="s">
        <v>51</v>
      </c>
    </row>
    <row r="16408" spans="1:12">
      <c r="A16408" s="6" t="s">
        <v>15677</v>
      </c>
      <c r="B16408" s="6"/>
      <c r="C16408" s="6" t="s">
        <v>16434</v>
      </c>
      <c r="D16408" s="6"/>
      <c r="E16408" s="6" t="s">
        <v>9</v>
      </c>
      <c r="F16408" s="7">
        <v>38657</v>
      </c>
      <c r="G16408" s="8">
        <v>1</v>
      </c>
      <c r="H16408" s="8">
        <v>1</v>
      </c>
      <c r="I16408" s="8">
        <v>0</v>
      </c>
      <c r="J16408" s="8">
        <v>1</v>
      </c>
      <c r="K16408" s="9">
        <v>9.91</v>
      </c>
      <c r="L16408" s="6" t="s">
        <v>51</v>
      </c>
    </row>
    <row r="16409" spans="1:12">
      <c r="A16409" s="6" t="s">
        <v>15677</v>
      </c>
      <c r="B16409" s="6"/>
      <c r="C16409" s="6" t="s">
        <v>16435</v>
      </c>
      <c r="D16409" s="6"/>
      <c r="E16409" s="6" t="s">
        <v>9</v>
      </c>
      <c r="F16409" s="7">
        <v>38657</v>
      </c>
      <c r="G16409" s="8">
        <v>1</v>
      </c>
      <c r="H16409" s="8">
        <v>1</v>
      </c>
      <c r="I16409" s="8">
        <v>0</v>
      </c>
      <c r="J16409" s="8">
        <v>1</v>
      </c>
      <c r="K16409" s="9">
        <v>430</v>
      </c>
      <c r="L16409" s="6" t="s">
        <v>51</v>
      </c>
    </row>
    <row r="16410" spans="1:12">
      <c r="A16410" s="6" t="s">
        <v>15677</v>
      </c>
      <c r="B16410" s="6"/>
      <c r="C16410" s="6" t="s">
        <v>16436</v>
      </c>
      <c r="D16410" s="6"/>
      <c r="E16410" s="6" t="s">
        <v>9</v>
      </c>
      <c r="F16410" s="7">
        <v>38657</v>
      </c>
      <c r="G16410" s="8">
        <v>1</v>
      </c>
      <c r="H16410" s="8">
        <v>1</v>
      </c>
      <c r="I16410" s="8">
        <v>0</v>
      </c>
      <c r="J16410" s="8">
        <v>1</v>
      </c>
      <c r="K16410" s="9">
        <v>195</v>
      </c>
      <c r="L16410" s="6" t="s">
        <v>51</v>
      </c>
    </row>
    <row r="16411" spans="1:12">
      <c r="A16411" s="6" t="s">
        <v>15677</v>
      </c>
      <c r="B16411" s="6"/>
      <c r="C16411" s="6" t="s">
        <v>16437</v>
      </c>
      <c r="D16411" s="6"/>
      <c r="E16411" s="6" t="s">
        <v>9</v>
      </c>
      <c r="F16411" s="7">
        <v>38657</v>
      </c>
      <c r="G16411" s="8">
        <v>1</v>
      </c>
      <c r="H16411" s="8">
        <v>1</v>
      </c>
      <c r="I16411" s="8">
        <v>0</v>
      </c>
      <c r="J16411" s="8">
        <v>1</v>
      </c>
      <c r="K16411" s="9">
        <v>23</v>
      </c>
      <c r="L16411" s="6" t="s">
        <v>51</v>
      </c>
    </row>
    <row r="16412" spans="1:12">
      <c r="A16412" s="6" t="s">
        <v>15677</v>
      </c>
      <c r="B16412" s="6"/>
      <c r="C16412" s="6" t="s">
        <v>16438</v>
      </c>
      <c r="D16412" s="6"/>
      <c r="E16412" s="6" t="s">
        <v>9</v>
      </c>
      <c r="F16412" s="7">
        <v>38657</v>
      </c>
      <c r="G16412" s="8">
        <v>1</v>
      </c>
      <c r="H16412" s="8">
        <v>1</v>
      </c>
      <c r="I16412" s="8">
        <v>0</v>
      </c>
      <c r="J16412" s="8">
        <v>1</v>
      </c>
      <c r="K16412" s="9">
        <v>23</v>
      </c>
      <c r="L16412" s="6" t="s">
        <v>51</v>
      </c>
    </row>
    <row r="16413" spans="1:12">
      <c r="A16413" s="6" t="s">
        <v>15677</v>
      </c>
      <c r="B16413" s="6"/>
      <c r="C16413" s="6" t="s">
        <v>16439</v>
      </c>
      <c r="D16413" s="6"/>
      <c r="E16413" s="6" t="s">
        <v>9</v>
      </c>
      <c r="F16413" s="7">
        <v>38657</v>
      </c>
      <c r="G16413" s="8">
        <v>1</v>
      </c>
      <c r="H16413" s="8">
        <v>1</v>
      </c>
      <c r="I16413" s="8">
        <v>0</v>
      </c>
      <c r="J16413" s="8">
        <v>1</v>
      </c>
      <c r="K16413" s="9">
        <v>23</v>
      </c>
      <c r="L16413" s="6" t="s">
        <v>51</v>
      </c>
    </row>
    <row r="16414" spans="1:12">
      <c r="A16414" s="6" t="s">
        <v>15677</v>
      </c>
      <c r="B16414" s="6"/>
      <c r="C16414" s="6" t="s">
        <v>16440</v>
      </c>
      <c r="D16414" s="6"/>
      <c r="E16414" s="6" t="s">
        <v>9</v>
      </c>
      <c r="F16414" s="7">
        <v>38657</v>
      </c>
      <c r="G16414" s="8">
        <v>1</v>
      </c>
      <c r="H16414" s="8">
        <v>1</v>
      </c>
      <c r="I16414" s="8">
        <v>0</v>
      </c>
      <c r="J16414" s="8">
        <v>1</v>
      </c>
      <c r="K16414" s="9">
        <v>23</v>
      </c>
      <c r="L16414" s="6" t="s">
        <v>51</v>
      </c>
    </row>
    <row r="16415" spans="1:12">
      <c r="A16415" s="6" t="s">
        <v>15677</v>
      </c>
      <c r="B16415" s="6"/>
      <c r="C16415" s="6" t="s">
        <v>16441</v>
      </c>
      <c r="D16415" s="6"/>
      <c r="E16415" s="6" t="s">
        <v>9</v>
      </c>
      <c r="F16415" s="7">
        <v>38657</v>
      </c>
      <c r="G16415" s="8">
        <v>1</v>
      </c>
      <c r="H16415" s="8">
        <v>1</v>
      </c>
      <c r="I16415" s="8">
        <v>0</v>
      </c>
      <c r="J16415" s="8">
        <v>1</v>
      </c>
      <c r="K16415" s="9">
        <v>23</v>
      </c>
      <c r="L16415" s="6" t="s">
        <v>51</v>
      </c>
    </row>
    <row r="16416" spans="1:12">
      <c r="A16416" s="6" t="s">
        <v>15677</v>
      </c>
      <c r="B16416" s="6"/>
      <c r="C16416" s="6" t="s">
        <v>16442</v>
      </c>
      <c r="D16416" s="6"/>
      <c r="E16416" s="6" t="s">
        <v>9</v>
      </c>
      <c r="F16416" s="7">
        <v>38657</v>
      </c>
      <c r="G16416" s="8">
        <v>1</v>
      </c>
      <c r="H16416" s="8">
        <v>1</v>
      </c>
      <c r="I16416" s="8">
        <v>0</v>
      </c>
      <c r="J16416" s="8">
        <v>1</v>
      </c>
      <c r="K16416" s="9">
        <v>23</v>
      </c>
      <c r="L16416" s="6" t="s">
        <v>51</v>
      </c>
    </row>
    <row r="16417" spans="1:12">
      <c r="A16417" s="6" t="s">
        <v>15677</v>
      </c>
      <c r="B16417" s="6"/>
      <c r="C16417" s="6" t="s">
        <v>16443</v>
      </c>
      <c r="D16417" s="6"/>
      <c r="E16417" s="6" t="s">
        <v>9</v>
      </c>
      <c r="F16417" s="7">
        <v>38657</v>
      </c>
      <c r="G16417" s="8">
        <v>1</v>
      </c>
      <c r="H16417" s="8">
        <v>1</v>
      </c>
      <c r="I16417" s="8">
        <v>0</v>
      </c>
      <c r="J16417" s="8">
        <v>1</v>
      </c>
      <c r="K16417" s="9">
        <v>23</v>
      </c>
      <c r="L16417" s="6" t="s">
        <v>51</v>
      </c>
    </row>
    <row r="16418" spans="1:12">
      <c r="A16418" s="6" t="s">
        <v>15677</v>
      </c>
      <c r="B16418" s="6"/>
      <c r="C16418" s="6" t="s">
        <v>16444</v>
      </c>
      <c r="D16418" s="6"/>
      <c r="E16418" s="6" t="s">
        <v>9</v>
      </c>
      <c r="F16418" s="7">
        <v>38657</v>
      </c>
      <c r="G16418" s="8">
        <v>1</v>
      </c>
      <c r="H16418" s="8">
        <v>1</v>
      </c>
      <c r="I16418" s="8">
        <v>0</v>
      </c>
      <c r="J16418" s="8">
        <v>1</v>
      </c>
      <c r="K16418" s="9">
        <v>23</v>
      </c>
      <c r="L16418" s="6" t="s">
        <v>51</v>
      </c>
    </row>
    <row r="16419" spans="1:12">
      <c r="A16419" s="6" t="s">
        <v>15677</v>
      </c>
      <c r="B16419" s="6"/>
      <c r="C16419" s="6" t="s">
        <v>16445</v>
      </c>
      <c r="D16419" s="6"/>
      <c r="E16419" s="6" t="s">
        <v>9</v>
      </c>
      <c r="F16419" s="7">
        <v>38657</v>
      </c>
      <c r="G16419" s="8">
        <v>1</v>
      </c>
      <c r="H16419" s="8">
        <v>1</v>
      </c>
      <c r="I16419" s="8">
        <v>0</v>
      </c>
      <c r="J16419" s="8">
        <v>1</v>
      </c>
      <c r="K16419" s="9">
        <v>260</v>
      </c>
      <c r="L16419" s="6" t="s">
        <v>51</v>
      </c>
    </row>
    <row r="16420" spans="1:12">
      <c r="A16420" s="6" t="s">
        <v>15677</v>
      </c>
      <c r="B16420" s="6"/>
      <c r="C16420" s="6" t="s">
        <v>16446</v>
      </c>
      <c r="D16420" s="6"/>
      <c r="E16420" s="6" t="s">
        <v>9</v>
      </c>
      <c r="F16420" s="7">
        <v>38657</v>
      </c>
      <c r="G16420" s="8">
        <v>1</v>
      </c>
      <c r="H16420" s="8">
        <v>1</v>
      </c>
      <c r="I16420" s="8">
        <v>0</v>
      </c>
      <c r="J16420" s="8">
        <v>1</v>
      </c>
      <c r="K16420" s="9">
        <v>23</v>
      </c>
      <c r="L16420" s="6" t="s">
        <v>51</v>
      </c>
    </row>
    <row r="16421" spans="1:12">
      <c r="A16421" s="6" t="s">
        <v>15677</v>
      </c>
      <c r="B16421" s="6"/>
      <c r="C16421" s="6" t="s">
        <v>16447</v>
      </c>
      <c r="D16421" s="6"/>
      <c r="E16421" s="6" t="s">
        <v>9</v>
      </c>
      <c r="F16421" s="7">
        <v>38657</v>
      </c>
      <c r="G16421" s="8">
        <v>1</v>
      </c>
      <c r="H16421" s="8">
        <v>1</v>
      </c>
      <c r="I16421" s="8">
        <v>0</v>
      </c>
      <c r="J16421" s="8">
        <v>1</v>
      </c>
      <c r="K16421" s="9">
        <v>23</v>
      </c>
      <c r="L16421" s="6" t="s">
        <v>51</v>
      </c>
    </row>
    <row r="16422" spans="1:12">
      <c r="A16422" s="6" t="s">
        <v>15677</v>
      </c>
      <c r="B16422" s="6"/>
      <c r="C16422" s="6" t="s">
        <v>16448</v>
      </c>
      <c r="D16422" s="6"/>
      <c r="E16422" s="6" t="s">
        <v>9</v>
      </c>
      <c r="F16422" s="7">
        <v>38657</v>
      </c>
      <c r="G16422" s="8">
        <v>1</v>
      </c>
      <c r="H16422" s="8">
        <v>1</v>
      </c>
      <c r="I16422" s="8">
        <v>0</v>
      </c>
      <c r="J16422" s="8">
        <v>1</v>
      </c>
      <c r="K16422" s="9">
        <v>6.61</v>
      </c>
      <c r="L16422" s="6" t="s">
        <v>51</v>
      </c>
    </row>
    <row r="16423" spans="1:12">
      <c r="A16423" s="6" t="s">
        <v>15677</v>
      </c>
      <c r="B16423" s="6"/>
      <c r="C16423" s="6" t="s">
        <v>16449</v>
      </c>
      <c r="D16423" s="6"/>
      <c r="E16423" s="6" t="s">
        <v>9</v>
      </c>
      <c r="F16423" s="7">
        <v>38657</v>
      </c>
      <c r="G16423" s="8">
        <v>1</v>
      </c>
      <c r="H16423" s="8">
        <v>1</v>
      </c>
      <c r="I16423" s="8">
        <v>0</v>
      </c>
      <c r="J16423" s="8">
        <v>1</v>
      </c>
      <c r="K16423" s="9">
        <v>13</v>
      </c>
      <c r="L16423" s="6" t="s">
        <v>51</v>
      </c>
    </row>
    <row r="16424" spans="1:12">
      <c r="A16424" s="6" t="s">
        <v>15677</v>
      </c>
      <c r="B16424" s="6"/>
      <c r="C16424" s="6" t="s">
        <v>16450</v>
      </c>
      <c r="D16424" s="6"/>
      <c r="E16424" s="6" t="s">
        <v>9</v>
      </c>
      <c r="F16424" s="7">
        <v>38657</v>
      </c>
      <c r="G16424" s="8">
        <v>1</v>
      </c>
      <c r="H16424" s="8">
        <v>1</v>
      </c>
      <c r="I16424" s="8">
        <v>0</v>
      </c>
      <c r="J16424" s="8">
        <v>1</v>
      </c>
      <c r="K16424" s="9">
        <v>23</v>
      </c>
      <c r="L16424" s="6" t="s">
        <v>51</v>
      </c>
    </row>
    <row r="16425" spans="1:12">
      <c r="A16425" s="6" t="s">
        <v>15677</v>
      </c>
      <c r="B16425" s="6"/>
      <c r="C16425" s="6" t="s">
        <v>16451</v>
      </c>
      <c r="D16425" s="6"/>
      <c r="E16425" s="6" t="s">
        <v>9</v>
      </c>
      <c r="F16425" s="7">
        <v>38657</v>
      </c>
      <c r="G16425" s="8">
        <v>1</v>
      </c>
      <c r="H16425" s="8">
        <v>1</v>
      </c>
      <c r="I16425" s="8">
        <v>0</v>
      </c>
      <c r="J16425" s="8">
        <v>1</v>
      </c>
      <c r="K16425" s="9">
        <v>23</v>
      </c>
      <c r="L16425" s="6" t="s">
        <v>51</v>
      </c>
    </row>
    <row r="16426" spans="1:12">
      <c r="A16426" s="6" t="s">
        <v>15677</v>
      </c>
      <c r="B16426" s="6"/>
      <c r="C16426" s="6" t="s">
        <v>16452</v>
      </c>
      <c r="D16426" s="6"/>
      <c r="E16426" s="6" t="s">
        <v>9</v>
      </c>
      <c r="F16426" s="7">
        <v>38657</v>
      </c>
      <c r="G16426" s="8">
        <v>1</v>
      </c>
      <c r="H16426" s="8">
        <v>1</v>
      </c>
      <c r="I16426" s="8">
        <v>0</v>
      </c>
      <c r="J16426" s="8">
        <v>1</v>
      </c>
      <c r="K16426" s="9">
        <v>23</v>
      </c>
      <c r="L16426" s="6" t="s">
        <v>51</v>
      </c>
    </row>
    <row r="16427" spans="1:12">
      <c r="A16427" s="6" t="s">
        <v>15677</v>
      </c>
      <c r="B16427" s="6"/>
      <c r="C16427" s="6" t="s">
        <v>16453</v>
      </c>
      <c r="D16427" s="6"/>
      <c r="E16427" s="6" t="s">
        <v>9</v>
      </c>
      <c r="F16427" s="7">
        <v>38657</v>
      </c>
      <c r="G16427" s="8">
        <v>1</v>
      </c>
      <c r="H16427" s="8">
        <v>1</v>
      </c>
      <c r="I16427" s="8">
        <v>0</v>
      </c>
      <c r="J16427" s="8">
        <v>1</v>
      </c>
      <c r="K16427" s="9">
        <v>23</v>
      </c>
      <c r="L16427" s="6" t="s">
        <v>51</v>
      </c>
    </row>
    <row r="16428" spans="1:12">
      <c r="A16428" s="6" t="s">
        <v>15677</v>
      </c>
      <c r="B16428" s="6"/>
      <c r="C16428" s="6" t="s">
        <v>16454</v>
      </c>
      <c r="D16428" s="6"/>
      <c r="E16428" s="6" t="s">
        <v>9</v>
      </c>
      <c r="F16428" s="7">
        <v>38657</v>
      </c>
      <c r="G16428" s="8">
        <v>1</v>
      </c>
      <c r="H16428" s="8">
        <v>1</v>
      </c>
      <c r="I16428" s="8">
        <v>0</v>
      </c>
      <c r="J16428" s="8">
        <v>1</v>
      </c>
      <c r="K16428" s="9">
        <v>23</v>
      </c>
      <c r="L16428" s="6" t="s">
        <v>51</v>
      </c>
    </row>
    <row r="16429" spans="1:12">
      <c r="A16429" s="6" t="s">
        <v>15677</v>
      </c>
      <c r="B16429" s="6"/>
      <c r="C16429" s="6" t="s">
        <v>16455</v>
      </c>
      <c r="D16429" s="6"/>
      <c r="E16429" s="6" t="s">
        <v>9</v>
      </c>
      <c r="F16429" s="7">
        <v>38657</v>
      </c>
      <c r="G16429" s="8">
        <v>1</v>
      </c>
      <c r="H16429" s="8">
        <v>1</v>
      </c>
      <c r="I16429" s="8">
        <v>0</v>
      </c>
      <c r="J16429" s="8">
        <v>1</v>
      </c>
      <c r="K16429" s="9">
        <v>23</v>
      </c>
      <c r="L16429" s="6" t="s">
        <v>51</v>
      </c>
    </row>
    <row r="16430" spans="1:12">
      <c r="A16430" s="6" t="s">
        <v>15677</v>
      </c>
      <c r="B16430" s="6"/>
      <c r="C16430" s="6" t="s">
        <v>16456</v>
      </c>
      <c r="D16430" s="6"/>
      <c r="E16430" s="6" t="s">
        <v>9</v>
      </c>
      <c r="F16430" s="7">
        <v>38657</v>
      </c>
      <c r="G16430" s="8">
        <v>1</v>
      </c>
      <c r="H16430" s="8">
        <v>1</v>
      </c>
      <c r="I16430" s="8">
        <v>0</v>
      </c>
      <c r="J16430" s="8">
        <v>1</v>
      </c>
      <c r="K16430" s="9">
        <v>116</v>
      </c>
      <c r="L16430" s="6" t="s">
        <v>51</v>
      </c>
    </row>
    <row r="16431" spans="1:12">
      <c r="A16431" s="6" t="s">
        <v>15677</v>
      </c>
      <c r="B16431" s="6"/>
      <c r="C16431" s="6" t="s">
        <v>16457</v>
      </c>
      <c r="D16431" s="6"/>
      <c r="E16431" s="6" t="s">
        <v>9</v>
      </c>
      <c r="F16431" s="7">
        <v>38657</v>
      </c>
      <c r="G16431" s="8">
        <v>1</v>
      </c>
      <c r="H16431" s="8">
        <v>1</v>
      </c>
      <c r="I16431" s="8">
        <v>0</v>
      </c>
      <c r="J16431" s="8">
        <v>1</v>
      </c>
      <c r="K16431" s="9">
        <v>23</v>
      </c>
      <c r="L16431" s="6" t="s">
        <v>51</v>
      </c>
    </row>
    <row r="16432" spans="1:12">
      <c r="A16432" s="6" t="s">
        <v>15677</v>
      </c>
      <c r="B16432" s="6"/>
      <c r="C16432" s="6" t="s">
        <v>16458</v>
      </c>
      <c r="D16432" s="6"/>
      <c r="E16432" s="6" t="s">
        <v>9</v>
      </c>
      <c r="F16432" s="7">
        <v>38657</v>
      </c>
      <c r="G16432" s="8">
        <v>1</v>
      </c>
      <c r="H16432" s="8">
        <v>1</v>
      </c>
      <c r="I16432" s="8">
        <v>0</v>
      </c>
      <c r="J16432" s="8">
        <v>1</v>
      </c>
      <c r="K16432" s="9">
        <v>23</v>
      </c>
      <c r="L16432" s="6" t="s">
        <v>51</v>
      </c>
    </row>
    <row r="16433" spans="1:12">
      <c r="A16433" s="6" t="s">
        <v>15677</v>
      </c>
      <c r="B16433" s="6"/>
      <c r="C16433" s="6" t="s">
        <v>16459</v>
      </c>
      <c r="D16433" s="6"/>
      <c r="E16433" s="6" t="s">
        <v>9</v>
      </c>
      <c r="F16433" s="7">
        <v>38657</v>
      </c>
      <c r="G16433" s="8">
        <v>1</v>
      </c>
      <c r="H16433" s="8">
        <v>1</v>
      </c>
      <c r="I16433" s="8">
        <v>0</v>
      </c>
      <c r="J16433" s="8">
        <v>1</v>
      </c>
      <c r="K16433" s="9">
        <v>23</v>
      </c>
      <c r="L16433" s="6" t="s">
        <v>51</v>
      </c>
    </row>
    <row r="16434" spans="1:12">
      <c r="A16434" s="6" t="s">
        <v>15677</v>
      </c>
      <c r="B16434" s="6"/>
      <c r="C16434" s="6" t="s">
        <v>16460</v>
      </c>
      <c r="D16434" s="6"/>
      <c r="E16434" s="6" t="s">
        <v>9</v>
      </c>
      <c r="F16434" s="7">
        <v>38657</v>
      </c>
      <c r="G16434" s="8">
        <v>1</v>
      </c>
      <c r="H16434" s="8">
        <v>1</v>
      </c>
      <c r="I16434" s="8">
        <v>0</v>
      </c>
      <c r="J16434" s="8">
        <v>1</v>
      </c>
      <c r="K16434" s="9">
        <v>23</v>
      </c>
      <c r="L16434" s="6" t="s">
        <v>51</v>
      </c>
    </row>
    <row r="16435" spans="1:12">
      <c r="A16435" s="6" t="s">
        <v>15677</v>
      </c>
      <c r="B16435" s="6"/>
      <c r="C16435" s="6" t="s">
        <v>16461</v>
      </c>
      <c r="D16435" s="6"/>
      <c r="E16435" s="6" t="s">
        <v>9</v>
      </c>
      <c r="F16435" s="7">
        <v>38657</v>
      </c>
      <c r="G16435" s="8">
        <v>1</v>
      </c>
      <c r="H16435" s="8">
        <v>1</v>
      </c>
      <c r="I16435" s="8">
        <v>0</v>
      </c>
      <c r="J16435" s="8">
        <v>1</v>
      </c>
      <c r="K16435" s="9">
        <v>34.04</v>
      </c>
      <c r="L16435" s="6" t="s">
        <v>51</v>
      </c>
    </row>
    <row r="16436" spans="1:12">
      <c r="A16436" s="6" t="s">
        <v>15677</v>
      </c>
      <c r="B16436" s="6"/>
      <c r="C16436" s="6" t="s">
        <v>16462</v>
      </c>
      <c r="D16436" s="6"/>
      <c r="E16436" s="6" t="s">
        <v>9</v>
      </c>
      <c r="F16436" s="7">
        <v>38657</v>
      </c>
      <c r="G16436" s="8">
        <v>1</v>
      </c>
      <c r="H16436" s="8">
        <v>1</v>
      </c>
      <c r="I16436" s="8">
        <v>0</v>
      </c>
      <c r="J16436" s="8">
        <v>1</v>
      </c>
      <c r="K16436" s="9">
        <v>45.27</v>
      </c>
      <c r="L16436" s="6" t="s">
        <v>51</v>
      </c>
    </row>
    <row r="16437" spans="1:12">
      <c r="A16437" s="6" t="s">
        <v>15677</v>
      </c>
      <c r="B16437" s="6"/>
      <c r="C16437" s="6" t="s">
        <v>16463</v>
      </c>
      <c r="D16437" s="6"/>
      <c r="E16437" s="6" t="s">
        <v>9</v>
      </c>
      <c r="F16437" s="7">
        <v>38657</v>
      </c>
      <c r="G16437" s="8">
        <v>1</v>
      </c>
      <c r="H16437" s="8">
        <v>1</v>
      </c>
      <c r="I16437" s="8">
        <v>0</v>
      </c>
      <c r="J16437" s="8">
        <v>1</v>
      </c>
      <c r="K16437" s="9">
        <v>16.739999999999899</v>
      </c>
      <c r="L16437" s="6" t="s">
        <v>51</v>
      </c>
    </row>
    <row r="16438" spans="1:12">
      <c r="A16438" s="6" t="s">
        <v>15677</v>
      </c>
      <c r="B16438" s="6"/>
      <c r="C16438" s="6" t="s">
        <v>16464</v>
      </c>
      <c r="D16438" s="6"/>
      <c r="E16438" s="6" t="s">
        <v>9</v>
      </c>
      <c r="F16438" s="7">
        <v>38657</v>
      </c>
      <c r="G16438" s="8">
        <v>1</v>
      </c>
      <c r="H16438" s="8">
        <v>1</v>
      </c>
      <c r="I16438" s="8">
        <v>0</v>
      </c>
      <c r="J16438" s="8">
        <v>1</v>
      </c>
      <c r="K16438" s="9">
        <v>6.21</v>
      </c>
      <c r="L16438" s="6" t="s">
        <v>51</v>
      </c>
    </row>
    <row r="16439" spans="1:12">
      <c r="A16439" s="6" t="s">
        <v>15677</v>
      </c>
      <c r="B16439" s="6"/>
      <c r="C16439" s="6" t="s">
        <v>16465</v>
      </c>
      <c r="D16439" s="6"/>
      <c r="E16439" s="6" t="s">
        <v>9</v>
      </c>
      <c r="F16439" s="7">
        <v>38657</v>
      </c>
      <c r="G16439" s="8">
        <v>1</v>
      </c>
      <c r="H16439" s="8">
        <v>1</v>
      </c>
      <c r="I16439" s="8">
        <v>0</v>
      </c>
      <c r="J16439" s="8">
        <v>1</v>
      </c>
      <c r="K16439" s="9">
        <v>5.72</v>
      </c>
      <c r="L16439" s="6" t="s">
        <v>51</v>
      </c>
    </row>
    <row r="16440" spans="1:12">
      <c r="A16440" s="6" t="s">
        <v>15677</v>
      </c>
      <c r="B16440" s="6"/>
      <c r="C16440" s="6" t="s">
        <v>16466</v>
      </c>
      <c r="D16440" s="6"/>
      <c r="E16440" s="6" t="s">
        <v>9</v>
      </c>
      <c r="F16440" s="7">
        <v>38657</v>
      </c>
      <c r="G16440" s="8">
        <v>1</v>
      </c>
      <c r="H16440" s="8">
        <v>1</v>
      </c>
      <c r="I16440" s="8">
        <v>0</v>
      </c>
      <c r="J16440" s="8">
        <v>1</v>
      </c>
      <c r="K16440" s="9">
        <v>9.91</v>
      </c>
      <c r="L16440" s="6" t="s">
        <v>51</v>
      </c>
    </row>
    <row r="16441" spans="1:12">
      <c r="A16441" s="6" t="s">
        <v>15677</v>
      </c>
      <c r="B16441" s="6"/>
      <c r="C16441" s="6" t="s">
        <v>16467</v>
      </c>
      <c r="D16441" s="6"/>
      <c r="E16441" s="6" t="s">
        <v>9</v>
      </c>
      <c r="F16441" s="7">
        <v>38657</v>
      </c>
      <c r="G16441" s="8">
        <v>1</v>
      </c>
      <c r="H16441" s="8">
        <v>1</v>
      </c>
      <c r="I16441" s="8">
        <v>0</v>
      </c>
      <c r="J16441" s="8">
        <v>1</v>
      </c>
      <c r="K16441" s="9">
        <v>98</v>
      </c>
      <c r="L16441" s="6" t="s">
        <v>51</v>
      </c>
    </row>
    <row r="16442" spans="1:12">
      <c r="A16442" s="6" t="s">
        <v>15677</v>
      </c>
      <c r="B16442" s="6"/>
      <c r="C16442" s="6" t="s">
        <v>16468</v>
      </c>
      <c r="D16442" s="6"/>
      <c r="E16442" s="6" t="s">
        <v>9</v>
      </c>
      <c r="F16442" s="7">
        <v>38657</v>
      </c>
      <c r="G16442" s="8">
        <v>1</v>
      </c>
      <c r="H16442" s="8">
        <v>1</v>
      </c>
      <c r="I16442" s="8">
        <v>0</v>
      </c>
      <c r="J16442" s="8">
        <v>1</v>
      </c>
      <c r="K16442" s="9">
        <v>9.91</v>
      </c>
      <c r="L16442" s="6" t="s">
        <v>51</v>
      </c>
    </row>
    <row r="16443" spans="1:12">
      <c r="A16443" s="6" t="s">
        <v>15677</v>
      </c>
      <c r="B16443" s="6"/>
      <c r="C16443" s="6" t="s">
        <v>16469</v>
      </c>
      <c r="D16443" s="6"/>
      <c r="E16443" s="6" t="s">
        <v>9</v>
      </c>
      <c r="F16443" s="7">
        <v>38657</v>
      </c>
      <c r="G16443" s="8">
        <v>1</v>
      </c>
      <c r="H16443" s="8">
        <v>1</v>
      </c>
      <c r="I16443" s="8">
        <v>0</v>
      </c>
      <c r="J16443" s="8">
        <v>1</v>
      </c>
      <c r="K16443" s="9">
        <v>26</v>
      </c>
      <c r="L16443" s="6" t="s">
        <v>51</v>
      </c>
    </row>
    <row r="16444" spans="1:12">
      <c r="A16444" s="6" t="s">
        <v>15677</v>
      </c>
      <c r="B16444" s="6"/>
      <c r="C16444" s="6" t="s">
        <v>16470</v>
      </c>
      <c r="D16444" s="6"/>
      <c r="E16444" s="6" t="s">
        <v>9</v>
      </c>
      <c r="F16444" s="7">
        <v>41260</v>
      </c>
      <c r="G16444" s="8">
        <v>1</v>
      </c>
      <c r="H16444" s="8">
        <v>1</v>
      </c>
      <c r="I16444" s="8">
        <v>0</v>
      </c>
      <c r="J16444" s="8">
        <v>1</v>
      </c>
      <c r="K16444" s="9">
        <v>19</v>
      </c>
      <c r="L16444" s="6" t="s">
        <v>51</v>
      </c>
    </row>
    <row r="16445" spans="1:12">
      <c r="A16445" s="6" t="s">
        <v>15677</v>
      </c>
      <c r="B16445" s="6"/>
      <c r="C16445" s="6" t="s">
        <v>16471</v>
      </c>
      <c r="D16445" s="6"/>
      <c r="E16445" s="6" t="s">
        <v>9</v>
      </c>
      <c r="F16445" s="7">
        <v>38657</v>
      </c>
      <c r="G16445" s="8">
        <v>1</v>
      </c>
      <c r="H16445" s="8">
        <v>1</v>
      </c>
      <c r="I16445" s="8">
        <v>0</v>
      </c>
      <c r="J16445" s="8">
        <v>1</v>
      </c>
      <c r="K16445" s="9">
        <v>3.3</v>
      </c>
      <c r="L16445" s="6" t="s">
        <v>51</v>
      </c>
    </row>
    <row r="16446" spans="1:12">
      <c r="A16446" s="6" t="s">
        <v>15677</v>
      </c>
      <c r="B16446" s="6"/>
      <c r="C16446" s="6" t="s">
        <v>16472</v>
      </c>
      <c r="D16446" s="6"/>
      <c r="E16446" s="6" t="s">
        <v>9</v>
      </c>
      <c r="F16446" s="7">
        <v>38657</v>
      </c>
      <c r="G16446" s="8">
        <v>1</v>
      </c>
      <c r="H16446" s="8">
        <v>1</v>
      </c>
      <c r="I16446" s="8">
        <v>0</v>
      </c>
      <c r="J16446" s="8">
        <v>1</v>
      </c>
      <c r="K16446" s="9">
        <v>6.61</v>
      </c>
      <c r="L16446" s="6" t="s">
        <v>51</v>
      </c>
    </row>
    <row r="16447" spans="1:12">
      <c r="A16447" s="6" t="s">
        <v>15677</v>
      </c>
      <c r="B16447" s="6"/>
      <c r="C16447" s="6" t="s">
        <v>16473</v>
      </c>
      <c r="D16447" s="6"/>
      <c r="E16447" s="6" t="s">
        <v>9</v>
      </c>
      <c r="F16447" s="7">
        <v>38657</v>
      </c>
      <c r="G16447" s="8">
        <v>1</v>
      </c>
      <c r="H16447" s="8">
        <v>1</v>
      </c>
      <c r="I16447" s="8">
        <v>0</v>
      </c>
      <c r="J16447" s="8">
        <v>1</v>
      </c>
      <c r="K16447" s="9">
        <v>13</v>
      </c>
      <c r="L16447" s="6" t="s">
        <v>51</v>
      </c>
    </row>
    <row r="16448" spans="1:12">
      <c r="A16448" s="6" t="s">
        <v>15677</v>
      </c>
      <c r="B16448" s="6"/>
      <c r="C16448" s="6" t="s">
        <v>16474</v>
      </c>
      <c r="D16448" s="6"/>
      <c r="E16448" s="6" t="s">
        <v>9</v>
      </c>
      <c r="F16448" s="7">
        <v>38657</v>
      </c>
      <c r="G16448" s="8">
        <v>1</v>
      </c>
      <c r="H16448" s="8">
        <v>1</v>
      </c>
      <c r="I16448" s="8">
        <v>0</v>
      </c>
      <c r="J16448" s="8">
        <v>1</v>
      </c>
      <c r="K16448" s="9">
        <v>36</v>
      </c>
      <c r="L16448" s="6" t="s">
        <v>51</v>
      </c>
    </row>
    <row r="16449" spans="1:12">
      <c r="A16449" s="6" t="s">
        <v>15677</v>
      </c>
      <c r="B16449" s="6"/>
      <c r="C16449" s="6" t="s">
        <v>16475</v>
      </c>
      <c r="D16449" s="6"/>
      <c r="E16449" s="6" t="s">
        <v>9</v>
      </c>
      <c r="F16449" s="7">
        <v>38657</v>
      </c>
      <c r="G16449" s="8">
        <v>1</v>
      </c>
      <c r="H16449" s="8">
        <v>1</v>
      </c>
      <c r="I16449" s="8">
        <v>0</v>
      </c>
      <c r="J16449" s="8">
        <v>1</v>
      </c>
      <c r="K16449" s="9">
        <v>29</v>
      </c>
      <c r="L16449" s="6" t="s">
        <v>51</v>
      </c>
    </row>
    <row r="16450" spans="1:12">
      <c r="A16450" s="6" t="s">
        <v>15677</v>
      </c>
      <c r="B16450" s="6"/>
      <c r="C16450" s="6" t="s">
        <v>16476</v>
      </c>
      <c r="D16450" s="6"/>
      <c r="E16450" s="6" t="s">
        <v>9</v>
      </c>
      <c r="F16450" s="7">
        <v>38657</v>
      </c>
      <c r="G16450" s="8">
        <v>1</v>
      </c>
      <c r="H16450" s="8">
        <v>1</v>
      </c>
      <c r="I16450" s="8">
        <v>0</v>
      </c>
      <c r="J16450" s="8">
        <v>1</v>
      </c>
      <c r="K16450" s="9">
        <v>26</v>
      </c>
      <c r="L16450" s="6" t="s">
        <v>51</v>
      </c>
    </row>
    <row r="16451" spans="1:12">
      <c r="A16451" s="6" t="s">
        <v>15677</v>
      </c>
      <c r="B16451" s="6"/>
      <c r="C16451" s="6" t="s">
        <v>16477</v>
      </c>
      <c r="D16451" s="6"/>
      <c r="E16451" s="6" t="s">
        <v>9</v>
      </c>
      <c r="F16451" s="7">
        <v>38657</v>
      </c>
      <c r="G16451" s="8">
        <v>1</v>
      </c>
      <c r="H16451" s="8">
        <v>1</v>
      </c>
      <c r="I16451" s="8">
        <v>0</v>
      </c>
      <c r="J16451" s="8">
        <v>1</v>
      </c>
      <c r="K16451" s="9">
        <v>33</v>
      </c>
      <c r="L16451" s="6" t="s">
        <v>51</v>
      </c>
    </row>
    <row r="16452" spans="1:12">
      <c r="A16452" s="6" t="s">
        <v>15677</v>
      </c>
      <c r="B16452" s="6"/>
      <c r="C16452" s="6" t="s">
        <v>16478</v>
      </c>
      <c r="D16452" s="6"/>
      <c r="E16452" s="6" t="s">
        <v>9</v>
      </c>
      <c r="F16452" s="7">
        <v>38657</v>
      </c>
      <c r="G16452" s="8">
        <v>1</v>
      </c>
      <c r="H16452" s="8">
        <v>1</v>
      </c>
      <c r="I16452" s="8">
        <v>0</v>
      </c>
      <c r="J16452" s="8">
        <v>1</v>
      </c>
      <c r="K16452" s="9">
        <v>30</v>
      </c>
      <c r="L16452" s="6" t="s">
        <v>51</v>
      </c>
    </row>
    <row r="16453" spans="1:12">
      <c r="A16453" s="6" t="s">
        <v>15677</v>
      </c>
      <c r="B16453" s="6"/>
      <c r="C16453" s="6" t="s">
        <v>16479</v>
      </c>
      <c r="D16453" s="6"/>
      <c r="E16453" s="6" t="s">
        <v>9</v>
      </c>
      <c r="F16453" s="7">
        <v>38657</v>
      </c>
      <c r="G16453" s="8">
        <v>1</v>
      </c>
      <c r="H16453" s="8">
        <v>1</v>
      </c>
      <c r="I16453" s="8">
        <v>0</v>
      </c>
      <c r="J16453" s="8">
        <v>1</v>
      </c>
      <c r="K16453" s="9">
        <v>13.42</v>
      </c>
      <c r="L16453" s="6" t="s">
        <v>51</v>
      </c>
    </row>
    <row r="16454" spans="1:12">
      <c r="A16454" s="6" t="s">
        <v>15677</v>
      </c>
      <c r="B16454" s="6"/>
      <c r="C16454" s="6" t="s">
        <v>16480</v>
      </c>
      <c r="D16454" s="6"/>
      <c r="E16454" s="6" t="s">
        <v>9</v>
      </c>
      <c r="F16454" s="7">
        <v>38657</v>
      </c>
      <c r="G16454" s="8">
        <v>1</v>
      </c>
      <c r="H16454" s="8">
        <v>1</v>
      </c>
      <c r="I16454" s="8">
        <v>0</v>
      </c>
      <c r="J16454" s="8">
        <v>1</v>
      </c>
      <c r="K16454" s="9">
        <v>16</v>
      </c>
      <c r="L16454" s="6" t="s">
        <v>51</v>
      </c>
    </row>
    <row r="16455" spans="1:12">
      <c r="A16455" s="6" t="s">
        <v>15677</v>
      </c>
      <c r="B16455" s="6"/>
      <c r="C16455" s="6" t="s">
        <v>16481</v>
      </c>
      <c r="D16455" s="6"/>
      <c r="E16455" s="6" t="s">
        <v>9</v>
      </c>
      <c r="F16455" s="7">
        <v>38657</v>
      </c>
      <c r="G16455" s="8">
        <v>1</v>
      </c>
      <c r="H16455" s="8">
        <v>1</v>
      </c>
      <c r="I16455" s="8">
        <v>0</v>
      </c>
      <c r="J16455" s="8">
        <v>1</v>
      </c>
      <c r="K16455" s="9">
        <v>2.5499999999999901</v>
      </c>
      <c r="L16455" s="6" t="s">
        <v>51</v>
      </c>
    </row>
    <row r="16456" spans="1:12">
      <c r="A16456" s="6" t="s">
        <v>15677</v>
      </c>
      <c r="B16456" s="6"/>
      <c r="C16456" s="6" t="s">
        <v>16482</v>
      </c>
      <c r="D16456" s="6"/>
      <c r="E16456" s="6" t="s">
        <v>9</v>
      </c>
      <c r="F16456" s="7">
        <v>38657</v>
      </c>
      <c r="G16456" s="8">
        <v>1</v>
      </c>
      <c r="H16456" s="8">
        <v>1</v>
      </c>
      <c r="I16456" s="8">
        <v>0</v>
      </c>
      <c r="J16456" s="8">
        <v>1</v>
      </c>
      <c r="K16456" s="9">
        <v>32</v>
      </c>
      <c r="L16456" s="6" t="s">
        <v>51</v>
      </c>
    </row>
    <row r="16457" spans="1:12">
      <c r="A16457" s="6" t="s">
        <v>15677</v>
      </c>
      <c r="B16457" s="6"/>
      <c r="C16457" s="6" t="s">
        <v>16483</v>
      </c>
      <c r="D16457" s="6"/>
      <c r="E16457" s="6" t="s">
        <v>9</v>
      </c>
      <c r="F16457" s="7">
        <v>38657</v>
      </c>
      <c r="G16457" s="8">
        <v>1</v>
      </c>
      <c r="H16457" s="8">
        <v>1</v>
      </c>
      <c r="I16457" s="8">
        <v>0</v>
      </c>
      <c r="J16457" s="8">
        <v>1</v>
      </c>
      <c r="K16457" s="9">
        <v>32</v>
      </c>
      <c r="L16457" s="6" t="s">
        <v>51</v>
      </c>
    </row>
    <row r="16458" spans="1:12">
      <c r="A16458" s="6" t="s">
        <v>15677</v>
      </c>
      <c r="B16458" s="6"/>
      <c r="C16458" s="6" t="s">
        <v>16484</v>
      </c>
      <c r="D16458" s="6"/>
      <c r="E16458" s="6" t="s">
        <v>9</v>
      </c>
      <c r="F16458" s="7">
        <v>38657</v>
      </c>
      <c r="G16458" s="8">
        <v>1</v>
      </c>
      <c r="H16458" s="8">
        <v>1</v>
      </c>
      <c r="I16458" s="8">
        <v>0</v>
      </c>
      <c r="J16458" s="8">
        <v>1</v>
      </c>
      <c r="K16458" s="9">
        <v>31</v>
      </c>
      <c r="L16458" s="6" t="s">
        <v>51</v>
      </c>
    </row>
    <row r="16459" spans="1:12">
      <c r="A16459" s="6" t="s">
        <v>15677</v>
      </c>
      <c r="B16459" s="6"/>
      <c r="C16459" s="6" t="s">
        <v>16485</v>
      </c>
      <c r="D16459" s="6"/>
      <c r="E16459" s="6" t="s">
        <v>9</v>
      </c>
      <c r="F16459" s="7">
        <v>38657</v>
      </c>
      <c r="G16459" s="8">
        <v>1</v>
      </c>
      <c r="H16459" s="8">
        <v>1</v>
      </c>
      <c r="I16459" s="8">
        <v>0</v>
      </c>
      <c r="J16459" s="8">
        <v>1</v>
      </c>
      <c r="K16459" s="9">
        <v>31</v>
      </c>
      <c r="L16459" s="6" t="s">
        <v>51</v>
      </c>
    </row>
    <row r="16460" spans="1:12">
      <c r="A16460" s="6" t="s">
        <v>15677</v>
      </c>
      <c r="B16460" s="6"/>
      <c r="C16460" s="6" t="s">
        <v>16486</v>
      </c>
      <c r="D16460" s="6"/>
      <c r="E16460" s="6" t="s">
        <v>9</v>
      </c>
      <c r="F16460" s="7">
        <v>38657</v>
      </c>
      <c r="G16460" s="8">
        <v>1</v>
      </c>
      <c r="H16460" s="8">
        <v>1</v>
      </c>
      <c r="I16460" s="8">
        <v>0</v>
      </c>
      <c r="J16460" s="8">
        <v>1</v>
      </c>
      <c r="K16460" s="9">
        <v>31</v>
      </c>
      <c r="L16460" s="6" t="s">
        <v>51</v>
      </c>
    </row>
    <row r="16461" spans="1:12">
      <c r="A16461" s="6" t="s">
        <v>15677</v>
      </c>
      <c r="B16461" s="6"/>
      <c r="C16461" s="6" t="s">
        <v>16487</v>
      </c>
      <c r="D16461" s="6"/>
      <c r="E16461" s="6" t="s">
        <v>9</v>
      </c>
      <c r="F16461" s="7">
        <v>38657</v>
      </c>
      <c r="G16461" s="8">
        <v>1</v>
      </c>
      <c r="H16461" s="8">
        <v>1</v>
      </c>
      <c r="I16461" s="8">
        <v>0</v>
      </c>
      <c r="J16461" s="8">
        <v>1</v>
      </c>
      <c r="K16461" s="9">
        <v>30</v>
      </c>
      <c r="L16461" s="6" t="s">
        <v>51</v>
      </c>
    </row>
    <row r="16462" spans="1:12">
      <c r="A16462" s="6" t="s">
        <v>15677</v>
      </c>
      <c r="B16462" s="6"/>
      <c r="C16462" s="6" t="s">
        <v>16488</v>
      </c>
      <c r="D16462" s="6"/>
      <c r="E16462" s="6" t="s">
        <v>9</v>
      </c>
      <c r="F16462" s="7">
        <v>38657</v>
      </c>
      <c r="G16462" s="8">
        <v>1</v>
      </c>
      <c r="H16462" s="8">
        <v>1</v>
      </c>
      <c r="I16462" s="8">
        <v>0</v>
      </c>
      <c r="J16462" s="8">
        <v>1</v>
      </c>
      <c r="K16462" s="9">
        <v>30</v>
      </c>
      <c r="L16462" s="6" t="s">
        <v>51</v>
      </c>
    </row>
    <row r="16463" spans="1:12">
      <c r="A16463" s="6" t="s">
        <v>15677</v>
      </c>
      <c r="B16463" s="6"/>
      <c r="C16463" s="6" t="s">
        <v>16489</v>
      </c>
      <c r="D16463" s="6"/>
      <c r="E16463" s="6" t="s">
        <v>9</v>
      </c>
      <c r="F16463" s="7">
        <v>38657</v>
      </c>
      <c r="G16463" s="8">
        <v>1</v>
      </c>
      <c r="H16463" s="8">
        <v>1</v>
      </c>
      <c r="I16463" s="8">
        <v>0</v>
      </c>
      <c r="J16463" s="8">
        <v>1</v>
      </c>
      <c r="K16463" s="9">
        <v>28</v>
      </c>
      <c r="L16463" s="6" t="s">
        <v>51</v>
      </c>
    </row>
    <row r="16464" spans="1:12">
      <c r="A16464" s="6" t="s">
        <v>15677</v>
      </c>
      <c r="B16464" s="6"/>
      <c r="C16464" s="6" t="s">
        <v>16490</v>
      </c>
      <c r="D16464" s="6"/>
      <c r="E16464" s="6" t="s">
        <v>9</v>
      </c>
      <c r="F16464" s="7">
        <v>38657</v>
      </c>
      <c r="G16464" s="8">
        <v>1</v>
      </c>
      <c r="H16464" s="8">
        <v>1</v>
      </c>
      <c r="I16464" s="8">
        <v>0</v>
      </c>
      <c r="J16464" s="8">
        <v>1</v>
      </c>
      <c r="K16464" s="9">
        <v>29.81</v>
      </c>
      <c r="L16464" s="6" t="s">
        <v>51</v>
      </c>
    </row>
    <row r="16465" spans="1:12">
      <c r="A16465" s="6" t="s">
        <v>15677</v>
      </c>
      <c r="B16465" s="6"/>
      <c r="C16465" s="6" t="s">
        <v>16491</v>
      </c>
      <c r="D16465" s="6"/>
      <c r="E16465" s="6" t="s">
        <v>9</v>
      </c>
      <c r="F16465" s="7">
        <v>38657</v>
      </c>
      <c r="G16465" s="8">
        <v>1</v>
      </c>
      <c r="H16465" s="8">
        <v>1</v>
      </c>
      <c r="I16465" s="8">
        <v>0</v>
      </c>
      <c r="J16465" s="8">
        <v>1</v>
      </c>
      <c r="K16465" s="9">
        <v>0.59</v>
      </c>
      <c r="L16465" s="6" t="s">
        <v>51</v>
      </c>
    </row>
    <row r="16466" spans="1:12">
      <c r="A16466" s="6" t="s">
        <v>15677</v>
      </c>
      <c r="B16466" s="6"/>
      <c r="C16466" s="6" t="s">
        <v>16492</v>
      </c>
      <c r="D16466" s="6"/>
      <c r="E16466" s="6" t="s">
        <v>9</v>
      </c>
      <c r="F16466" s="7">
        <v>38657</v>
      </c>
      <c r="G16466" s="8">
        <v>1</v>
      </c>
      <c r="H16466" s="8">
        <v>1</v>
      </c>
      <c r="I16466" s="8">
        <v>0</v>
      </c>
      <c r="J16466" s="8">
        <v>1</v>
      </c>
      <c r="K16466" s="9">
        <v>4.62</v>
      </c>
      <c r="L16466" s="6" t="s">
        <v>51</v>
      </c>
    </row>
    <row r="16467" spans="1:12">
      <c r="A16467" s="6" t="s">
        <v>15677</v>
      </c>
      <c r="B16467" s="6"/>
      <c r="C16467" s="6" t="s">
        <v>16493</v>
      </c>
      <c r="D16467" s="6"/>
      <c r="E16467" s="6" t="s">
        <v>9</v>
      </c>
      <c r="F16467" s="7">
        <v>38657</v>
      </c>
      <c r="G16467" s="8">
        <v>1</v>
      </c>
      <c r="H16467" s="8">
        <v>1</v>
      </c>
      <c r="I16467" s="8">
        <v>0</v>
      </c>
      <c r="J16467" s="8">
        <v>1</v>
      </c>
      <c r="K16467" s="9">
        <v>18.18</v>
      </c>
      <c r="L16467" s="6" t="s">
        <v>51</v>
      </c>
    </row>
    <row r="16468" spans="1:12">
      <c r="A16468" s="6" t="s">
        <v>15677</v>
      </c>
      <c r="B16468" s="6"/>
      <c r="C16468" s="6" t="s">
        <v>16494</v>
      </c>
      <c r="D16468" s="6"/>
      <c r="E16468" s="6" t="s">
        <v>9</v>
      </c>
      <c r="F16468" s="7">
        <v>38657</v>
      </c>
      <c r="G16468" s="8">
        <v>1</v>
      </c>
      <c r="H16468" s="8">
        <v>1</v>
      </c>
      <c r="I16468" s="8">
        <v>0</v>
      </c>
      <c r="J16468" s="8">
        <v>1</v>
      </c>
      <c r="K16468" s="9">
        <v>2.97</v>
      </c>
      <c r="L16468" s="6" t="s">
        <v>51</v>
      </c>
    </row>
    <row r="16469" spans="1:12">
      <c r="A16469" s="6" t="s">
        <v>15677</v>
      </c>
      <c r="B16469" s="6"/>
      <c r="C16469" s="6" t="s">
        <v>16495</v>
      </c>
      <c r="D16469" s="6"/>
      <c r="E16469" s="6" t="s">
        <v>9</v>
      </c>
      <c r="F16469" s="7">
        <v>38657</v>
      </c>
      <c r="G16469" s="8">
        <v>1</v>
      </c>
      <c r="H16469" s="8">
        <v>1</v>
      </c>
      <c r="I16469" s="8">
        <v>0</v>
      </c>
      <c r="J16469" s="8">
        <v>1</v>
      </c>
      <c r="K16469" s="9">
        <v>7.6</v>
      </c>
      <c r="L16469" s="6" t="s">
        <v>51</v>
      </c>
    </row>
    <row r="16470" spans="1:12">
      <c r="A16470" s="6" t="s">
        <v>15677</v>
      </c>
      <c r="B16470" s="6"/>
      <c r="C16470" s="6" t="s">
        <v>16496</v>
      </c>
      <c r="D16470" s="6"/>
      <c r="E16470" s="6" t="s">
        <v>9</v>
      </c>
      <c r="F16470" s="7">
        <v>38657</v>
      </c>
      <c r="G16470" s="8">
        <v>1</v>
      </c>
      <c r="H16470" s="8">
        <v>1</v>
      </c>
      <c r="I16470" s="8">
        <v>0</v>
      </c>
      <c r="J16470" s="8">
        <v>1</v>
      </c>
      <c r="K16470" s="9">
        <v>2.64</v>
      </c>
      <c r="L16470" s="6" t="s">
        <v>51</v>
      </c>
    </row>
    <row r="16471" spans="1:12">
      <c r="A16471" s="6" t="s">
        <v>15677</v>
      </c>
      <c r="B16471" s="6"/>
      <c r="C16471" s="6" t="s">
        <v>16497</v>
      </c>
      <c r="D16471" s="6"/>
      <c r="E16471" s="6" t="s">
        <v>9</v>
      </c>
      <c r="F16471" s="7">
        <v>38657</v>
      </c>
      <c r="G16471" s="8">
        <v>1</v>
      </c>
      <c r="H16471" s="8">
        <v>1</v>
      </c>
      <c r="I16471" s="8">
        <v>0</v>
      </c>
      <c r="J16471" s="8">
        <v>1</v>
      </c>
      <c r="K16471" s="9">
        <v>8.26</v>
      </c>
      <c r="L16471" s="6" t="s">
        <v>51</v>
      </c>
    </row>
    <row r="16472" spans="1:12">
      <c r="A16472" s="6" t="s">
        <v>15677</v>
      </c>
      <c r="B16472" s="6"/>
      <c r="C16472" s="6" t="s">
        <v>16498</v>
      </c>
      <c r="D16472" s="6"/>
      <c r="E16472" s="6" t="s">
        <v>9</v>
      </c>
      <c r="F16472" s="7">
        <v>38657</v>
      </c>
      <c r="G16472" s="8">
        <v>1</v>
      </c>
      <c r="H16472" s="8">
        <v>1</v>
      </c>
      <c r="I16472" s="8">
        <v>0</v>
      </c>
      <c r="J16472" s="8">
        <v>1</v>
      </c>
      <c r="K16472" s="9">
        <v>36.36</v>
      </c>
      <c r="L16472" s="6" t="s">
        <v>51</v>
      </c>
    </row>
    <row r="16473" spans="1:12">
      <c r="A16473" s="6" t="s">
        <v>15677</v>
      </c>
      <c r="B16473" s="6"/>
      <c r="C16473" s="6" t="s">
        <v>16499</v>
      </c>
      <c r="D16473" s="6"/>
      <c r="E16473" s="6" t="s">
        <v>9</v>
      </c>
      <c r="F16473" s="7">
        <v>38657</v>
      </c>
      <c r="G16473" s="8">
        <v>1</v>
      </c>
      <c r="H16473" s="8">
        <v>1</v>
      </c>
      <c r="I16473" s="8">
        <v>0</v>
      </c>
      <c r="J16473" s="8">
        <v>1</v>
      </c>
      <c r="K16473" s="9">
        <v>10</v>
      </c>
      <c r="L16473" s="6" t="s">
        <v>51</v>
      </c>
    </row>
    <row r="16474" spans="1:12">
      <c r="A16474" s="6" t="s">
        <v>15677</v>
      </c>
      <c r="B16474" s="6"/>
      <c r="C16474" s="6" t="s">
        <v>16500</v>
      </c>
      <c r="D16474" s="6"/>
      <c r="E16474" s="6" t="s">
        <v>9</v>
      </c>
      <c r="F16474" s="7">
        <v>38657</v>
      </c>
      <c r="G16474" s="8">
        <v>1</v>
      </c>
      <c r="H16474" s="8">
        <v>1</v>
      </c>
      <c r="I16474" s="8">
        <v>0</v>
      </c>
      <c r="J16474" s="8">
        <v>1</v>
      </c>
      <c r="K16474" s="9">
        <v>106</v>
      </c>
      <c r="L16474" s="6" t="s">
        <v>51</v>
      </c>
    </row>
    <row r="16475" spans="1:12">
      <c r="A16475" s="6" t="s">
        <v>15677</v>
      </c>
      <c r="B16475" s="6"/>
      <c r="C16475" s="6" t="s">
        <v>16501</v>
      </c>
      <c r="D16475" s="6"/>
      <c r="E16475" s="6" t="s">
        <v>9</v>
      </c>
      <c r="F16475" s="7">
        <v>38657</v>
      </c>
      <c r="G16475" s="8">
        <v>1</v>
      </c>
      <c r="H16475" s="8">
        <v>1</v>
      </c>
      <c r="I16475" s="8">
        <v>0</v>
      </c>
      <c r="J16475" s="8">
        <v>1</v>
      </c>
      <c r="K16475" s="9">
        <v>9.91</v>
      </c>
      <c r="L16475" s="6" t="s">
        <v>51</v>
      </c>
    </row>
    <row r="16476" spans="1:12">
      <c r="A16476" s="6" t="s">
        <v>15677</v>
      </c>
      <c r="B16476" s="6"/>
      <c r="C16476" s="6" t="s">
        <v>16502</v>
      </c>
      <c r="D16476" s="6"/>
      <c r="E16476" s="6" t="s">
        <v>9</v>
      </c>
      <c r="F16476" s="7">
        <v>38657</v>
      </c>
      <c r="G16476" s="8">
        <v>1</v>
      </c>
      <c r="H16476" s="8">
        <v>1</v>
      </c>
      <c r="I16476" s="8">
        <v>0</v>
      </c>
      <c r="J16476" s="8">
        <v>1</v>
      </c>
      <c r="K16476" s="9">
        <v>35.51</v>
      </c>
      <c r="L16476" s="6" t="s">
        <v>51</v>
      </c>
    </row>
    <row r="16477" spans="1:12">
      <c r="A16477" s="6" t="s">
        <v>15677</v>
      </c>
      <c r="B16477" s="6"/>
      <c r="C16477" s="6" t="s">
        <v>16503</v>
      </c>
      <c r="D16477" s="6"/>
      <c r="E16477" s="6" t="s">
        <v>9</v>
      </c>
      <c r="F16477" s="7">
        <v>38657</v>
      </c>
      <c r="G16477" s="8">
        <v>1</v>
      </c>
      <c r="H16477" s="8">
        <v>1</v>
      </c>
      <c r="I16477" s="8">
        <v>0</v>
      </c>
      <c r="J16477" s="8">
        <v>1</v>
      </c>
      <c r="K16477" s="9">
        <v>2.83</v>
      </c>
      <c r="L16477" s="6" t="s">
        <v>51</v>
      </c>
    </row>
    <row r="16478" spans="1:12">
      <c r="A16478" s="6" t="s">
        <v>15677</v>
      </c>
      <c r="B16478" s="6"/>
      <c r="C16478" s="6" t="s">
        <v>16504</v>
      </c>
      <c r="D16478" s="6"/>
      <c r="E16478" s="6" t="s">
        <v>9</v>
      </c>
      <c r="F16478" s="7">
        <v>38657</v>
      </c>
      <c r="G16478" s="8">
        <v>1</v>
      </c>
      <c r="H16478" s="8">
        <v>1</v>
      </c>
      <c r="I16478" s="8">
        <v>0</v>
      </c>
      <c r="J16478" s="8">
        <v>1</v>
      </c>
      <c r="K16478" s="9">
        <v>39</v>
      </c>
      <c r="L16478" s="6" t="s">
        <v>51</v>
      </c>
    </row>
    <row r="16479" spans="1:12">
      <c r="A16479" s="6" t="s">
        <v>15677</v>
      </c>
      <c r="B16479" s="6"/>
      <c r="C16479" s="6" t="s">
        <v>16505</v>
      </c>
      <c r="D16479" s="6"/>
      <c r="E16479" s="6" t="s">
        <v>9</v>
      </c>
      <c r="F16479" s="7">
        <v>38657</v>
      </c>
      <c r="G16479" s="8">
        <v>1</v>
      </c>
      <c r="H16479" s="8">
        <v>1</v>
      </c>
      <c r="I16479" s="8">
        <v>0</v>
      </c>
      <c r="J16479" s="8">
        <v>1</v>
      </c>
      <c r="K16479" s="9">
        <v>31</v>
      </c>
      <c r="L16479" s="6" t="s">
        <v>51</v>
      </c>
    </row>
    <row r="16480" spans="1:12">
      <c r="A16480" s="6" t="s">
        <v>15677</v>
      </c>
      <c r="B16480" s="6"/>
      <c r="C16480" s="6" t="s">
        <v>16506</v>
      </c>
      <c r="D16480" s="6"/>
      <c r="E16480" s="6" t="s">
        <v>9</v>
      </c>
      <c r="F16480" s="7">
        <v>38657</v>
      </c>
      <c r="G16480" s="8">
        <v>1</v>
      </c>
      <c r="H16480" s="8">
        <v>1</v>
      </c>
      <c r="I16480" s="8">
        <v>0</v>
      </c>
      <c r="J16480" s="8">
        <v>1</v>
      </c>
      <c r="K16480" s="9">
        <v>30</v>
      </c>
      <c r="L16480" s="6" t="s">
        <v>51</v>
      </c>
    </row>
    <row r="16481" spans="1:12">
      <c r="A16481" s="6" t="s">
        <v>15677</v>
      </c>
      <c r="B16481" s="6"/>
      <c r="C16481" s="6" t="s">
        <v>16507</v>
      </c>
      <c r="D16481" s="6"/>
      <c r="E16481" s="6" t="s">
        <v>9</v>
      </c>
      <c r="F16481" s="7">
        <v>38657</v>
      </c>
      <c r="G16481" s="8">
        <v>1</v>
      </c>
      <c r="H16481" s="8">
        <v>1</v>
      </c>
      <c r="I16481" s="8">
        <v>0</v>
      </c>
      <c r="J16481" s="8">
        <v>1</v>
      </c>
      <c r="K16481" s="9">
        <v>30</v>
      </c>
      <c r="L16481" s="6" t="s">
        <v>51</v>
      </c>
    </row>
    <row r="16482" spans="1:12">
      <c r="A16482" s="6" t="s">
        <v>15677</v>
      </c>
      <c r="B16482" s="6"/>
      <c r="C16482" s="6" t="s">
        <v>16508</v>
      </c>
      <c r="D16482" s="6"/>
      <c r="E16482" s="6" t="s">
        <v>9</v>
      </c>
      <c r="F16482" s="7">
        <v>38657</v>
      </c>
      <c r="G16482" s="8">
        <v>1</v>
      </c>
      <c r="H16482" s="8">
        <v>1</v>
      </c>
      <c r="I16482" s="8">
        <v>0</v>
      </c>
      <c r="J16482" s="8">
        <v>1</v>
      </c>
      <c r="K16482" s="9">
        <v>11</v>
      </c>
      <c r="L16482" s="6" t="s">
        <v>51</v>
      </c>
    </row>
    <row r="16483" spans="1:12">
      <c r="A16483" s="6" t="s">
        <v>15677</v>
      </c>
      <c r="B16483" s="6"/>
      <c r="C16483" s="6" t="s">
        <v>16509</v>
      </c>
      <c r="D16483" s="6"/>
      <c r="E16483" s="6" t="s">
        <v>9</v>
      </c>
      <c r="F16483" s="7">
        <v>38657</v>
      </c>
      <c r="G16483" s="8">
        <v>1</v>
      </c>
      <c r="H16483" s="8">
        <v>1</v>
      </c>
      <c r="I16483" s="8">
        <v>0</v>
      </c>
      <c r="J16483" s="8">
        <v>1</v>
      </c>
      <c r="K16483" s="9">
        <v>19.18</v>
      </c>
      <c r="L16483" s="6" t="s">
        <v>51</v>
      </c>
    </row>
    <row r="16484" spans="1:12">
      <c r="A16484" s="6" t="s">
        <v>15677</v>
      </c>
      <c r="B16484" s="6"/>
      <c r="C16484" s="6" t="s">
        <v>16510</v>
      </c>
      <c r="D16484" s="6"/>
      <c r="E16484" s="6" t="s">
        <v>9</v>
      </c>
      <c r="F16484" s="7">
        <v>38657</v>
      </c>
      <c r="G16484" s="8">
        <v>1</v>
      </c>
      <c r="H16484" s="8">
        <v>1</v>
      </c>
      <c r="I16484" s="8">
        <v>0</v>
      </c>
      <c r="J16484" s="8">
        <v>1</v>
      </c>
      <c r="K16484" s="9">
        <v>16.190000000000001</v>
      </c>
      <c r="L16484" s="6" t="s">
        <v>51</v>
      </c>
    </row>
    <row r="16485" spans="1:12">
      <c r="A16485" s="6" t="s">
        <v>15677</v>
      </c>
      <c r="B16485" s="6"/>
      <c r="C16485" s="6" t="s">
        <v>16511</v>
      </c>
      <c r="D16485" s="6"/>
      <c r="E16485" s="6" t="s">
        <v>9</v>
      </c>
      <c r="F16485" s="7">
        <v>38657</v>
      </c>
      <c r="G16485" s="8">
        <v>1</v>
      </c>
      <c r="H16485" s="8">
        <v>1</v>
      </c>
      <c r="I16485" s="8">
        <v>0</v>
      </c>
      <c r="J16485" s="8">
        <v>1</v>
      </c>
      <c r="K16485" s="9">
        <v>39</v>
      </c>
      <c r="L16485" s="6" t="s">
        <v>51</v>
      </c>
    </row>
    <row r="16486" spans="1:12">
      <c r="A16486" s="6" t="s">
        <v>15677</v>
      </c>
      <c r="B16486" s="6"/>
      <c r="C16486" s="6" t="s">
        <v>16512</v>
      </c>
      <c r="D16486" s="6"/>
      <c r="E16486" s="6" t="s">
        <v>9</v>
      </c>
      <c r="F16486" s="7">
        <v>38657</v>
      </c>
      <c r="G16486" s="8">
        <v>1</v>
      </c>
      <c r="H16486" s="8">
        <v>1</v>
      </c>
      <c r="I16486" s="8">
        <v>0</v>
      </c>
      <c r="J16486" s="8">
        <v>1</v>
      </c>
      <c r="K16486" s="9">
        <v>155</v>
      </c>
      <c r="L16486" s="6" t="s">
        <v>51</v>
      </c>
    </row>
    <row r="16487" spans="1:12">
      <c r="A16487" s="6" t="s">
        <v>15677</v>
      </c>
      <c r="B16487" s="6"/>
      <c r="C16487" s="6" t="s">
        <v>16513</v>
      </c>
      <c r="D16487" s="6"/>
      <c r="E16487" s="6" t="s">
        <v>9</v>
      </c>
      <c r="F16487" s="7">
        <v>38657</v>
      </c>
      <c r="G16487" s="8">
        <v>1</v>
      </c>
      <c r="H16487" s="8">
        <v>1</v>
      </c>
      <c r="I16487" s="8">
        <v>0</v>
      </c>
      <c r="J16487" s="8">
        <v>1</v>
      </c>
      <c r="K16487" s="9">
        <v>10</v>
      </c>
      <c r="L16487" s="6" t="s">
        <v>51</v>
      </c>
    </row>
    <row r="16488" spans="1:12">
      <c r="A16488" s="6" t="s">
        <v>15677</v>
      </c>
      <c r="B16488" s="6"/>
      <c r="C16488" s="6" t="s">
        <v>16514</v>
      </c>
      <c r="D16488" s="6"/>
      <c r="E16488" s="6" t="s">
        <v>9</v>
      </c>
      <c r="F16488" s="7">
        <v>38657</v>
      </c>
      <c r="G16488" s="8">
        <v>1</v>
      </c>
      <c r="H16488" s="8">
        <v>1</v>
      </c>
      <c r="I16488" s="8">
        <v>0</v>
      </c>
      <c r="J16488" s="8">
        <v>1</v>
      </c>
      <c r="K16488" s="9">
        <v>26.11</v>
      </c>
      <c r="L16488" s="6" t="s">
        <v>51</v>
      </c>
    </row>
    <row r="16489" spans="1:12">
      <c r="A16489" s="6" t="s">
        <v>15677</v>
      </c>
      <c r="B16489" s="6"/>
      <c r="C16489" s="6" t="s">
        <v>16515</v>
      </c>
      <c r="D16489" s="6"/>
      <c r="E16489" s="6" t="s">
        <v>9</v>
      </c>
      <c r="F16489" s="7">
        <v>38657</v>
      </c>
      <c r="G16489" s="8">
        <v>1</v>
      </c>
      <c r="H16489" s="8">
        <v>1</v>
      </c>
      <c r="I16489" s="8">
        <v>0</v>
      </c>
      <c r="J16489" s="8">
        <v>1</v>
      </c>
      <c r="K16489" s="9">
        <v>10.57</v>
      </c>
      <c r="L16489" s="6" t="s">
        <v>51</v>
      </c>
    </row>
    <row r="16490" spans="1:12">
      <c r="A16490" s="6" t="s">
        <v>15677</v>
      </c>
      <c r="B16490" s="6"/>
      <c r="C16490" s="6" t="s">
        <v>16516</v>
      </c>
      <c r="D16490" s="6"/>
      <c r="E16490" s="6" t="s">
        <v>9</v>
      </c>
      <c r="F16490" s="7">
        <v>38657</v>
      </c>
      <c r="G16490" s="8">
        <v>1</v>
      </c>
      <c r="H16490" s="8">
        <v>1</v>
      </c>
      <c r="I16490" s="8">
        <v>0</v>
      </c>
      <c r="J16490" s="8">
        <v>1</v>
      </c>
      <c r="K16490" s="9">
        <v>16.36</v>
      </c>
      <c r="L16490" s="6" t="s">
        <v>51</v>
      </c>
    </row>
    <row r="16491" spans="1:12">
      <c r="A16491" s="6" t="s">
        <v>15677</v>
      </c>
      <c r="B16491" s="6"/>
      <c r="C16491" s="6" t="s">
        <v>16517</v>
      </c>
      <c r="D16491" s="6"/>
      <c r="E16491" s="6" t="s">
        <v>9</v>
      </c>
      <c r="F16491" s="7">
        <v>38657</v>
      </c>
      <c r="G16491" s="8">
        <v>1</v>
      </c>
      <c r="H16491" s="8">
        <v>1</v>
      </c>
      <c r="I16491" s="8">
        <v>0</v>
      </c>
      <c r="J16491" s="8">
        <v>1</v>
      </c>
      <c r="K16491" s="9">
        <v>18</v>
      </c>
      <c r="L16491" s="6" t="s">
        <v>51</v>
      </c>
    </row>
    <row r="16492" spans="1:12">
      <c r="A16492" s="6" t="s">
        <v>15677</v>
      </c>
      <c r="B16492" s="6"/>
      <c r="C16492" s="6" t="s">
        <v>16518</v>
      </c>
      <c r="D16492" s="6"/>
      <c r="E16492" s="6" t="s">
        <v>9</v>
      </c>
      <c r="F16492" s="7">
        <v>38657</v>
      </c>
      <c r="G16492" s="8">
        <v>1</v>
      </c>
      <c r="H16492" s="8">
        <v>1</v>
      </c>
      <c r="I16492" s="8">
        <v>0</v>
      </c>
      <c r="J16492" s="8">
        <v>1</v>
      </c>
      <c r="K16492" s="9">
        <v>17</v>
      </c>
      <c r="L16492" s="6" t="s">
        <v>51</v>
      </c>
    </row>
    <row r="16493" spans="1:12">
      <c r="A16493" s="6" t="s">
        <v>15677</v>
      </c>
      <c r="B16493" s="6"/>
      <c r="C16493" s="6" t="s">
        <v>16519</v>
      </c>
      <c r="D16493" s="6"/>
      <c r="E16493" s="6" t="s">
        <v>9</v>
      </c>
      <c r="F16493" s="7">
        <v>38657</v>
      </c>
      <c r="G16493" s="8">
        <v>1</v>
      </c>
      <c r="H16493" s="8">
        <v>1</v>
      </c>
      <c r="I16493" s="8">
        <v>0</v>
      </c>
      <c r="J16493" s="8">
        <v>1</v>
      </c>
      <c r="K16493" s="9">
        <v>17</v>
      </c>
      <c r="L16493" s="6" t="s">
        <v>51</v>
      </c>
    </row>
    <row r="16494" spans="1:12">
      <c r="A16494" s="6" t="s">
        <v>15677</v>
      </c>
      <c r="B16494" s="6"/>
      <c r="C16494" s="6" t="s">
        <v>16520</v>
      </c>
      <c r="D16494" s="6"/>
      <c r="E16494" s="6" t="s">
        <v>9</v>
      </c>
      <c r="F16494" s="7">
        <v>38657</v>
      </c>
      <c r="G16494" s="8">
        <v>1</v>
      </c>
      <c r="H16494" s="8">
        <v>1</v>
      </c>
      <c r="I16494" s="8">
        <v>0</v>
      </c>
      <c r="J16494" s="8">
        <v>1</v>
      </c>
      <c r="K16494" s="9">
        <v>17</v>
      </c>
      <c r="L16494" s="6" t="s">
        <v>51</v>
      </c>
    </row>
    <row r="16495" spans="1:12">
      <c r="A16495" s="6" t="s">
        <v>15677</v>
      </c>
      <c r="B16495" s="6"/>
      <c r="C16495" s="6" t="s">
        <v>16521</v>
      </c>
      <c r="D16495" s="6"/>
      <c r="E16495" s="6" t="s">
        <v>9</v>
      </c>
      <c r="F16495" s="7">
        <v>38657</v>
      </c>
      <c r="G16495" s="8">
        <v>1</v>
      </c>
      <c r="H16495" s="8">
        <v>1</v>
      </c>
      <c r="I16495" s="8">
        <v>0</v>
      </c>
      <c r="J16495" s="8">
        <v>1</v>
      </c>
      <c r="K16495" s="9">
        <v>19</v>
      </c>
      <c r="L16495" s="6" t="s">
        <v>51</v>
      </c>
    </row>
    <row r="16496" spans="1:12">
      <c r="A16496" s="6" t="s">
        <v>15677</v>
      </c>
      <c r="B16496" s="6"/>
      <c r="C16496" s="6" t="s">
        <v>16522</v>
      </c>
      <c r="D16496" s="6"/>
      <c r="E16496" s="6" t="s">
        <v>9</v>
      </c>
      <c r="F16496" s="7">
        <v>38657</v>
      </c>
      <c r="G16496" s="8">
        <v>1</v>
      </c>
      <c r="H16496" s="8">
        <v>1</v>
      </c>
      <c r="I16496" s="8">
        <v>0</v>
      </c>
      <c r="J16496" s="8">
        <v>1</v>
      </c>
      <c r="K16496" s="9">
        <v>53.83</v>
      </c>
      <c r="L16496" s="6" t="s">
        <v>51</v>
      </c>
    </row>
    <row r="16497" spans="1:12">
      <c r="A16497" s="6" t="s">
        <v>15677</v>
      </c>
      <c r="B16497" s="6"/>
      <c r="C16497" s="6" t="s">
        <v>16523</v>
      </c>
      <c r="D16497" s="6"/>
      <c r="E16497" s="6" t="s">
        <v>9</v>
      </c>
      <c r="F16497" s="7">
        <v>38657</v>
      </c>
      <c r="G16497" s="8">
        <v>1</v>
      </c>
      <c r="H16497" s="8">
        <v>1</v>
      </c>
      <c r="I16497" s="8">
        <v>0</v>
      </c>
      <c r="J16497" s="8">
        <v>1</v>
      </c>
      <c r="K16497" s="9">
        <v>27</v>
      </c>
      <c r="L16497" s="6" t="s">
        <v>51</v>
      </c>
    </row>
    <row r="16498" spans="1:12">
      <c r="A16498" s="6" t="s">
        <v>15677</v>
      </c>
      <c r="B16498" s="6"/>
      <c r="C16498" s="6" t="s">
        <v>16524</v>
      </c>
      <c r="D16498" s="6"/>
      <c r="E16498" s="6" t="s">
        <v>9</v>
      </c>
      <c r="F16498" s="7">
        <v>38657</v>
      </c>
      <c r="G16498" s="8">
        <v>1</v>
      </c>
      <c r="H16498" s="8">
        <v>1</v>
      </c>
      <c r="I16498" s="8">
        <v>0</v>
      </c>
      <c r="J16498" s="8">
        <v>1</v>
      </c>
      <c r="K16498" s="9">
        <v>16</v>
      </c>
      <c r="L16498" s="6" t="s">
        <v>51</v>
      </c>
    </row>
    <row r="16499" spans="1:12">
      <c r="A16499" s="6" t="s">
        <v>15677</v>
      </c>
      <c r="B16499" s="6"/>
      <c r="C16499" s="6" t="s">
        <v>16525</v>
      </c>
      <c r="D16499" s="6"/>
      <c r="E16499" s="6" t="s">
        <v>9</v>
      </c>
      <c r="F16499" s="7">
        <v>38657</v>
      </c>
      <c r="G16499" s="8">
        <v>1</v>
      </c>
      <c r="H16499" s="8">
        <v>1</v>
      </c>
      <c r="I16499" s="8">
        <v>0</v>
      </c>
      <c r="J16499" s="8">
        <v>1</v>
      </c>
      <c r="K16499" s="9">
        <v>19</v>
      </c>
      <c r="L16499" s="6" t="s">
        <v>51</v>
      </c>
    </row>
    <row r="16500" spans="1:12">
      <c r="A16500" s="6" t="s">
        <v>15677</v>
      </c>
      <c r="B16500" s="6"/>
      <c r="C16500" s="6" t="s">
        <v>16526</v>
      </c>
      <c r="D16500" s="6"/>
      <c r="E16500" s="6" t="s">
        <v>9</v>
      </c>
      <c r="F16500" s="7">
        <v>38657</v>
      </c>
      <c r="G16500" s="8">
        <v>1</v>
      </c>
      <c r="H16500" s="8">
        <v>1</v>
      </c>
      <c r="I16500" s="8">
        <v>0</v>
      </c>
      <c r="J16500" s="8">
        <v>1</v>
      </c>
      <c r="K16500" s="9">
        <v>14</v>
      </c>
      <c r="L16500" s="6" t="s">
        <v>51</v>
      </c>
    </row>
    <row r="16501" spans="1:12">
      <c r="A16501" s="6" t="s">
        <v>15677</v>
      </c>
      <c r="B16501" s="6"/>
      <c r="C16501" s="6" t="s">
        <v>16527</v>
      </c>
      <c r="D16501" s="6"/>
      <c r="E16501" s="6" t="s">
        <v>9</v>
      </c>
      <c r="F16501" s="7">
        <v>38657</v>
      </c>
      <c r="G16501" s="8">
        <v>1</v>
      </c>
      <c r="H16501" s="8">
        <v>1</v>
      </c>
      <c r="I16501" s="8">
        <v>0</v>
      </c>
      <c r="J16501" s="8">
        <v>1</v>
      </c>
      <c r="K16501" s="9">
        <v>9.33</v>
      </c>
      <c r="L16501" s="6" t="s">
        <v>51</v>
      </c>
    </row>
    <row r="16502" spans="1:12">
      <c r="A16502" s="6" t="s">
        <v>15677</v>
      </c>
      <c r="B16502" s="6"/>
      <c r="C16502" s="6" t="s">
        <v>16528</v>
      </c>
      <c r="D16502" s="6"/>
      <c r="E16502" s="6" t="s">
        <v>9</v>
      </c>
      <c r="F16502" s="7">
        <v>38657</v>
      </c>
      <c r="G16502" s="8">
        <v>1</v>
      </c>
      <c r="H16502" s="8">
        <v>1</v>
      </c>
      <c r="I16502" s="8">
        <v>0</v>
      </c>
      <c r="J16502" s="8">
        <v>1</v>
      </c>
      <c r="K16502" s="9">
        <v>8.84</v>
      </c>
      <c r="L16502" s="6" t="s">
        <v>51</v>
      </c>
    </row>
    <row r="16503" spans="1:12">
      <c r="A16503" s="6" t="s">
        <v>15677</v>
      </c>
      <c r="B16503" s="6"/>
      <c r="C16503" s="6" t="s">
        <v>16529</v>
      </c>
      <c r="D16503" s="6"/>
      <c r="E16503" s="6" t="s">
        <v>9</v>
      </c>
      <c r="F16503" s="7">
        <v>38657</v>
      </c>
      <c r="G16503" s="8">
        <v>1</v>
      </c>
      <c r="H16503" s="8">
        <v>1</v>
      </c>
      <c r="I16503" s="8">
        <v>0</v>
      </c>
      <c r="J16503" s="8">
        <v>1</v>
      </c>
      <c r="K16503" s="9">
        <v>17</v>
      </c>
      <c r="L16503" s="6" t="s">
        <v>51</v>
      </c>
    </row>
    <row r="16504" spans="1:12">
      <c r="A16504" s="6" t="s">
        <v>15677</v>
      </c>
      <c r="B16504" s="6"/>
      <c r="C16504" s="6" t="s">
        <v>16530</v>
      </c>
      <c r="D16504" s="6"/>
      <c r="E16504" s="6" t="s">
        <v>9</v>
      </c>
      <c r="F16504" s="7">
        <v>38657</v>
      </c>
      <c r="G16504" s="8">
        <v>1</v>
      </c>
      <c r="H16504" s="8">
        <v>1</v>
      </c>
      <c r="I16504" s="8">
        <v>0</v>
      </c>
      <c r="J16504" s="8">
        <v>1</v>
      </c>
      <c r="K16504" s="9">
        <v>17</v>
      </c>
      <c r="L16504" s="6" t="s">
        <v>51</v>
      </c>
    </row>
    <row r="16505" spans="1:12">
      <c r="A16505" s="6" t="s">
        <v>15677</v>
      </c>
      <c r="B16505" s="6"/>
      <c r="C16505" s="6" t="s">
        <v>16531</v>
      </c>
      <c r="D16505" s="6"/>
      <c r="E16505" s="6" t="s">
        <v>9</v>
      </c>
      <c r="F16505" s="7">
        <v>38657</v>
      </c>
      <c r="G16505" s="8">
        <v>1</v>
      </c>
      <c r="H16505" s="8">
        <v>1</v>
      </c>
      <c r="I16505" s="8">
        <v>0</v>
      </c>
      <c r="J16505" s="8">
        <v>1</v>
      </c>
      <c r="K16505" s="9">
        <v>8.6300000000000008</v>
      </c>
      <c r="L16505" s="6" t="s">
        <v>51</v>
      </c>
    </row>
    <row r="16506" spans="1:12">
      <c r="A16506" s="6" t="s">
        <v>15677</v>
      </c>
      <c r="B16506" s="6"/>
      <c r="C16506" s="6" t="s">
        <v>16532</v>
      </c>
      <c r="D16506" s="6"/>
      <c r="E16506" s="6" t="s">
        <v>9</v>
      </c>
      <c r="F16506" s="7">
        <v>38657</v>
      </c>
      <c r="G16506" s="8">
        <v>1</v>
      </c>
      <c r="H16506" s="8">
        <v>1</v>
      </c>
      <c r="I16506" s="8">
        <v>0</v>
      </c>
      <c r="J16506" s="8">
        <v>1</v>
      </c>
      <c r="K16506" s="9">
        <v>8.2200000000000006</v>
      </c>
      <c r="L16506" s="6" t="s">
        <v>51</v>
      </c>
    </row>
    <row r="16507" spans="1:12">
      <c r="A16507" s="6" t="s">
        <v>15677</v>
      </c>
      <c r="B16507" s="6"/>
      <c r="C16507" s="6" t="s">
        <v>16533</v>
      </c>
      <c r="D16507" s="6"/>
      <c r="E16507" s="6" t="s">
        <v>9</v>
      </c>
      <c r="F16507" s="7">
        <v>38657</v>
      </c>
      <c r="G16507" s="8">
        <v>1</v>
      </c>
      <c r="H16507" s="8">
        <v>1</v>
      </c>
      <c r="I16507" s="8">
        <v>0</v>
      </c>
      <c r="J16507" s="8">
        <v>1</v>
      </c>
      <c r="K16507" s="9">
        <v>16</v>
      </c>
      <c r="L16507" s="6" t="s">
        <v>51</v>
      </c>
    </row>
    <row r="16508" spans="1:12">
      <c r="A16508" s="6" t="s">
        <v>15677</v>
      </c>
      <c r="B16508" s="6"/>
      <c r="C16508" s="6" t="s">
        <v>16534</v>
      </c>
      <c r="D16508" s="6"/>
      <c r="E16508" s="6" t="s">
        <v>9</v>
      </c>
      <c r="F16508" s="7">
        <v>38657</v>
      </c>
      <c r="G16508" s="8">
        <v>1</v>
      </c>
      <c r="H16508" s="8">
        <v>1</v>
      </c>
      <c r="I16508" s="8">
        <v>0</v>
      </c>
      <c r="J16508" s="8">
        <v>1</v>
      </c>
      <c r="K16508" s="9">
        <v>85</v>
      </c>
      <c r="L16508" s="6" t="s">
        <v>51</v>
      </c>
    </row>
    <row r="16509" spans="1:12">
      <c r="A16509" s="6" t="s">
        <v>15677</v>
      </c>
      <c r="B16509" s="6"/>
      <c r="C16509" s="6" t="s">
        <v>16535</v>
      </c>
      <c r="D16509" s="6"/>
      <c r="E16509" s="6" t="s">
        <v>9</v>
      </c>
      <c r="F16509" s="7">
        <v>38657</v>
      </c>
      <c r="G16509" s="8">
        <v>1</v>
      </c>
      <c r="H16509" s="8">
        <v>1</v>
      </c>
      <c r="I16509" s="8">
        <v>0</v>
      </c>
      <c r="J16509" s="8">
        <v>1</v>
      </c>
      <c r="K16509" s="9">
        <v>12.8</v>
      </c>
      <c r="L16509" s="6" t="s">
        <v>51</v>
      </c>
    </row>
    <row r="16510" spans="1:12">
      <c r="A16510" s="6" t="s">
        <v>15677</v>
      </c>
      <c r="B16510" s="6"/>
      <c r="C16510" s="6" t="s">
        <v>16536</v>
      </c>
      <c r="D16510" s="6"/>
      <c r="E16510" s="6" t="s">
        <v>9</v>
      </c>
      <c r="F16510" s="7">
        <v>38657</v>
      </c>
      <c r="G16510" s="8">
        <v>1</v>
      </c>
      <c r="H16510" s="8">
        <v>1</v>
      </c>
      <c r="I16510" s="8">
        <v>0</v>
      </c>
      <c r="J16510" s="8">
        <v>1</v>
      </c>
      <c r="K16510" s="9">
        <v>41.59</v>
      </c>
      <c r="L16510" s="6" t="s">
        <v>51</v>
      </c>
    </row>
    <row r="16511" spans="1:12">
      <c r="A16511" s="6" t="s">
        <v>15677</v>
      </c>
      <c r="B16511" s="6"/>
      <c r="C16511" s="6" t="s">
        <v>16537</v>
      </c>
      <c r="D16511" s="6"/>
      <c r="E16511" s="6" t="s">
        <v>9</v>
      </c>
      <c r="F16511" s="7">
        <v>38657</v>
      </c>
      <c r="G16511" s="8">
        <v>1</v>
      </c>
      <c r="H16511" s="8">
        <v>1</v>
      </c>
      <c r="I16511" s="8">
        <v>0</v>
      </c>
      <c r="J16511" s="8">
        <v>1</v>
      </c>
      <c r="K16511" s="9">
        <v>5.66</v>
      </c>
      <c r="L16511" s="6" t="s">
        <v>51</v>
      </c>
    </row>
    <row r="16512" spans="1:12">
      <c r="A16512" s="6" t="s">
        <v>15677</v>
      </c>
      <c r="B16512" s="6"/>
      <c r="C16512" s="6" t="s">
        <v>16538</v>
      </c>
      <c r="D16512" s="6"/>
      <c r="E16512" s="6" t="s">
        <v>9</v>
      </c>
      <c r="F16512" s="7">
        <v>38657</v>
      </c>
      <c r="G16512" s="8">
        <v>1</v>
      </c>
      <c r="H16512" s="8">
        <v>1</v>
      </c>
      <c r="I16512" s="8">
        <v>0</v>
      </c>
      <c r="J16512" s="8">
        <v>1</v>
      </c>
      <c r="K16512" s="9">
        <v>8.18</v>
      </c>
      <c r="L16512" s="6" t="s">
        <v>51</v>
      </c>
    </row>
    <row r="16513" spans="1:12">
      <c r="A16513" s="6" t="s">
        <v>15677</v>
      </c>
      <c r="B16513" s="6"/>
      <c r="C16513" s="6" t="s">
        <v>16539</v>
      </c>
      <c r="D16513" s="6"/>
      <c r="E16513" s="6" t="s">
        <v>9</v>
      </c>
      <c r="F16513" s="7">
        <v>38657</v>
      </c>
      <c r="G16513" s="8">
        <v>1</v>
      </c>
      <c r="H16513" s="8">
        <v>1</v>
      </c>
      <c r="I16513" s="8">
        <v>0</v>
      </c>
      <c r="J16513" s="8">
        <v>1</v>
      </c>
      <c r="K16513" s="9">
        <v>33</v>
      </c>
      <c r="L16513" s="6" t="s">
        <v>51</v>
      </c>
    </row>
    <row r="16514" spans="1:12">
      <c r="A16514" s="6" t="s">
        <v>15677</v>
      </c>
      <c r="B16514" s="6"/>
      <c r="C16514" s="6" t="s">
        <v>16540</v>
      </c>
      <c r="D16514" s="6"/>
      <c r="E16514" s="6" t="s">
        <v>9</v>
      </c>
      <c r="F16514" s="7">
        <v>38657</v>
      </c>
      <c r="G16514" s="8">
        <v>1</v>
      </c>
      <c r="H16514" s="8">
        <v>1</v>
      </c>
      <c r="I16514" s="8">
        <v>0</v>
      </c>
      <c r="J16514" s="8">
        <v>1</v>
      </c>
      <c r="K16514" s="9">
        <v>33</v>
      </c>
      <c r="L16514" s="6" t="s">
        <v>51</v>
      </c>
    </row>
    <row r="16515" spans="1:12">
      <c r="A16515" s="6" t="s">
        <v>15677</v>
      </c>
      <c r="B16515" s="6"/>
      <c r="C16515" s="6" t="s">
        <v>16541</v>
      </c>
      <c r="D16515" s="6"/>
      <c r="E16515" s="6" t="s">
        <v>9</v>
      </c>
      <c r="F16515" s="7">
        <v>38657</v>
      </c>
      <c r="G16515" s="8">
        <v>1</v>
      </c>
      <c r="H16515" s="8">
        <v>1</v>
      </c>
      <c r="I16515" s="8">
        <v>0</v>
      </c>
      <c r="J16515" s="8">
        <v>1</v>
      </c>
      <c r="K16515" s="9">
        <v>33</v>
      </c>
      <c r="L16515" s="6" t="s">
        <v>51</v>
      </c>
    </row>
    <row r="16516" spans="1:12">
      <c r="A16516" s="6" t="s">
        <v>15677</v>
      </c>
      <c r="B16516" s="6"/>
      <c r="C16516" s="6" t="s">
        <v>16542</v>
      </c>
      <c r="D16516" s="6"/>
      <c r="E16516" s="6" t="s">
        <v>9</v>
      </c>
      <c r="F16516" s="7">
        <v>38657</v>
      </c>
      <c r="G16516" s="8">
        <v>1</v>
      </c>
      <c r="H16516" s="8">
        <v>1</v>
      </c>
      <c r="I16516" s="8">
        <v>0</v>
      </c>
      <c r="J16516" s="8">
        <v>1</v>
      </c>
      <c r="K16516" s="9">
        <v>33</v>
      </c>
      <c r="L16516" s="6" t="s">
        <v>51</v>
      </c>
    </row>
    <row r="16517" spans="1:12">
      <c r="A16517" s="6" t="s">
        <v>15677</v>
      </c>
      <c r="B16517" s="6"/>
      <c r="C16517" s="6" t="s">
        <v>16543</v>
      </c>
      <c r="D16517" s="6"/>
      <c r="E16517" s="6" t="s">
        <v>9</v>
      </c>
      <c r="F16517" s="7">
        <v>38657</v>
      </c>
      <c r="G16517" s="8">
        <v>1</v>
      </c>
      <c r="H16517" s="8">
        <v>1</v>
      </c>
      <c r="I16517" s="8">
        <v>0</v>
      </c>
      <c r="J16517" s="8">
        <v>1</v>
      </c>
      <c r="K16517" s="9">
        <v>33.71</v>
      </c>
      <c r="L16517" s="6" t="s">
        <v>51</v>
      </c>
    </row>
    <row r="16518" spans="1:12">
      <c r="A16518" s="6" t="s">
        <v>15677</v>
      </c>
      <c r="B16518" s="6"/>
      <c r="C16518" s="6" t="s">
        <v>16544</v>
      </c>
      <c r="D16518" s="6"/>
      <c r="E16518" s="6" t="s">
        <v>9</v>
      </c>
      <c r="F16518" s="7">
        <v>38657</v>
      </c>
      <c r="G16518" s="8">
        <v>1</v>
      </c>
      <c r="H16518" s="8">
        <v>1</v>
      </c>
      <c r="I16518" s="8">
        <v>0</v>
      </c>
      <c r="J16518" s="8">
        <v>1</v>
      </c>
      <c r="K16518" s="9">
        <v>295</v>
      </c>
      <c r="L16518" s="6" t="s">
        <v>51</v>
      </c>
    </row>
    <row r="16519" spans="1:12">
      <c r="A16519" s="6" t="s">
        <v>15677</v>
      </c>
      <c r="B16519" s="6"/>
      <c r="C16519" s="6" t="s">
        <v>16545</v>
      </c>
      <c r="D16519" s="6"/>
      <c r="E16519" s="6" t="s">
        <v>9</v>
      </c>
      <c r="F16519" s="7">
        <v>38657</v>
      </c>
      <c r="G16519" s="8">
        <v>1</v>
      </c>
      <c r="H16519" s="8">
        <v>1</v>
      </c>
      <c r="I16519" s="8">
        <v>0</v>
      </c>
      <c r="J16519" s="8">
        <v>1</v>
      </c>
      <c r="K16519" s="9">
        <v>510</v>
      </c>
      <c r="L16519" s="6" t="s">
        <v>51</v>
      </c>
    </row>
    <row r="16520" spans="1:12">
      <c r="A16520" s="6" t="s">
        <v>15677</v>
      </c>
      <c r="B16520" s="6"/>
      <c r="C16520" s="6" t="s">
        <v>16546</v>
      </c>
      <c r="D16520" s="6"/>
      <c r="E16520" s="6" t="s">
        <v>9</v>
      </c>
      <c r="F16520" s="7">
        <v>38657</v>
      </c>
      <c r="G16520" s="8">
        <v>1</v>
      </c>
      <c r="H16520" s="8">
        <v>1</v>
      </c>
      <c r="I16520" s="8">
        <v>0</v>
      </c>
      <c r="J16520" s="8">
        <v>1</v>
      </c>
      <c r="K16520" s="9">
        <v>2270</v>
      </c>
      <c r="L16520" s="6" t="s">
        <v>51</v>
      </c>
    </row>
    <row r="16521" spans="1:12">
      <c r="A16521" s="6" t="s">
        <v>15677</v>
      </c>
      <c r="B16521" s="6"/>
      <c r="C16521" s="6" t="s">
        <v>16547</v>
      </c>
      <c r="D16521" s="6"/>
      <c r="E16521" s="6" t="s">
        <v>9</v>
      </c>
      <c r="F16521" s="7">
        <v>38657</v>
      </c>
      <c r="G16521" s="8">
        <v>1</v>
      </c>
      <c r="H16521" s="8">
        <v>1</v>
      </c>
      <c r="I16521" s="8">
        <v>0</v>
      </c>
      <c r="J16521" s="8">
        <v>1</v>
      </c>
      <c r="K16521" s="9">
        <v>350</v>
      </c>
      <c r="L16521" s="6" t="s">
        <v>51</v>
      </c>
    </row>
    <row r="16522" spans="1:12">
      <c r="A16522" s="6" t="s">
        <v>15677</v>
      </c>
      <c r="B16522" s="6"/>
      <c r="C16522" s="6" t="s">
        <v>16548</v>
      </c>
      <c r="D16522" s="6"/>
      <c r="E16522" s="6" t="s">
        <v>9</v>
      </c>
      <c r="F16522" s="7">
        <v>41911</v>
      </c>
      <c r="G16522" s="8">
        <v>230496</v>
      </c>
      <c r="H16522" s="8">
        <v>230496</v>
      </c>
      <c r="I16522" s="8">
        <v>0</v>
      </c>
      <c r="J16522" s="8">
        <v>230496</v>
      </c>
      <c r="K16522" s="9">
        <v>12</v>
      </c>
      <c r="L16522" s="6" t="s">
        <v>10</v>
      </c>
    </row>
    <row r="16523" spans="1:12">
      <c r="A16523" s="6" t="s">
        <v>15677</v>
      </c>
      <c r="B16523" s="6"/>
      <c r="C16523" s="6" t="s">
        <v>16549</v>
      </c>
      <c r="D16523" s="6"/>
      <c r="E16523" s="6" t="s">
        <v>9</v>
      </c>
      <c r="F16523" s="7">
        <v>41911</v>
      </c>
      <c r="G16523" s="8">
        <v>468675</v>
      </c>
      <c r="H16523" s="8">
        <v>468675</v>
      </c>
      <c r="I16523" s="8">
        <v>0</v>
      </c>
      <c r="J16523" s="8">
        <v>468675</v>
      </c>
      <c r="K16523" s="9">
        <v>24.4</v>
      </c>
      <c r="L16523" s="6" t="s">
        <v>10</v>
      </c>
    </row>
    <row r="16524" spans="1:12">
      <c r="A16524" s="6" t="s">
        <v>15677</v>
      </c>
      <c r="B16524" s="6"/>
      <c r="C16524" s="6" t="s">
        <v>16550</v>
      </c>
      <c r="D16524" s="6"/>
      <c r="E16524" s="6" t="s">
        <v>9</v>
      </c>
      <c r="F16524" s="7">
        <v>41911</v>
      </c>
      <c r="G16524" s="8">
        <v>1</v>
      </c>
      <c r="H16524" s="8">
        <v>1</v>
      </c>
      <c r="I16524" s="8">
        <v>0</v>
      </c>
      <c r="J16524" s="8">
        <v>1</v>
      </c>
      <c r="K16524" s="9">
        <v>47</v>
      </c>
      <c r="L16524" s="6" t="s">
        <v>51</v>
      </c>
    </row>
    <row r="16525" spans="1:12">
      <c r="A16525" s="6" t="s">
        <v>15677</v>
      </c>
      <c r="B16525" s="6"/>
      <c r="C16525" s="6" t="s">
        <v>16551</v>
      </c>
      <c r="D16525" s="6"/>
      <c r="E16525" s="6" t="s">
        <v>9</v>
      </c>
      <c r="F16525" s="7">
        <v>41911</v>
      </c>
      <c r="G16525" s="8">
        <v>1</v>
      </c>
      <c r="H16525" s="8">
        <v>1</v>
      </c>
      <c r="I16525" s="8">
        <v>0</v>
      </c>
      <c r="J16525" s="8">
        <v>1</v>
      </c>
      <c r="K16525" s="9">
        <v>45</v>
      </c>
      <c r="L16525" s="6" t="s">
        <v>51</v>
      </c>
    </row>
    <row r="16526" spans="1:12">
      <c r="A16526" s="6" t="s">
        <v>15677</v>
      </c>
      <c r="B16526" s="6"/>
      <c r="C16526" s="6" t="s">
        <v>16552</v>
      </c>
      <c r="D16526" s="6"/>
      <c r="E16526" s="6" t="s">
        <v>9</v>
      </c>
      <c r="F16526" s="7">
        <v>41793</v>
      </c>
      <c r="G16526" s="8">
        <v>1</v>
      </c>
      <c r="H16526" s="8">
        <v>1</v>
      </c>
      <c r="I16526" s="8">
        <v>0</v>
      </c>
      <c r="J16526" s="8">
        <v>1</v>
      </c>
      <c r="K16526" s="9">
        <v>13</v>
      </c>
      <c r="L16526" s="6" t="s">
        <v>4151</v>
      </c>
    </row>
    <row r="16527" spans="1:12">
      <c r="A16527" s="6" t="s">
        <v>15677</v>
      </c>
      <c r="B16527" s="6"/>
      <c r="C16527" s="6" t="s">
        <v>16553</v>
      </c>
      <c r="D16527" s="6"/>
      <c r="E16527" s="6" t="s">
        <v>9</v>
      </c>
      <c r="F16527" s="7">
        <v>41793</v>
      </c>
      <c r="G16527" s="8">
        <v>277680</v>
      </c>
      <c r="H16527" s="8">
        <v>277680</v>
      </c>
      <c r="I16527" s="8">
        <v>0</v>
      </c>
      <c r="J16527" s="8">
        <v>277680</v>
      </c>
      <c r="K16527" s="9">
        <v>23.14</v>
      </c>
      <c r="L16527" s="6" t="s">
        <v>10</v>
      </c>
    </row>
    <row r="16528" spans="1:12">
      <c r="A16528" s="6" t="s">
        <v>15677</v>
      </c>
      <c r="B16528" s="6"/>
      <c r="C16528" s="6" t="s">
        <v>16554</v>
      </c>
      <c r="D16528" s="6"/>
      <c r="E16528" s="6" t="s">
        <v>9</v>
      </c>
      <c r="F16528" s="7">
        <v>41793</v>
      </c>
      <c r="G16528" s="8">
        <v>1</v>
      </c>
      <c r="H16528" s="8">
        <v>1</v>
      </c>
      <c r="I16528" s="8">
        <v>0</v>
      </c>
      <c r="J16528" s="8">
        <v>1</v>
      </c>
      <c r="K16528" s="9">
        <v>26</v>
      </c>
      <c r="L16528" s="6" t="s">
        <v>51</v>
      </c>
    </row>
    <row r="16529" spans="1:12">
      <c r="A16529" s="6" t="s">
        <v>15677</v>
      </c>
      <c r="B16529" s="6"/>
      <c r="C16529" s="6" t="s">
        <v>16555</v>
      </c>
      <c r="D16529" s="6"/>
      <c r="E16529" s="6" t="s">
        <v>9</v>
      </c>
      <c r="F16529" s="7">
        <v>41911</v>
      </c>
      <c r="G16529" s="8">
        <v>270640</v>
      </c>
      <c r="H16529" s="8">
        <v>270640</v>
      </c>
      <c r="I16529" s="8">
        <v>0</v>
      </c>
      <c r="J16529" s="8">
        <v>270640</v>
      </c>
      <c r="K16529" s="9">
        <v>14.09</v>
      </c>
      <c r="L16529" s="6" t="s">
        <v>10</v>
      </c>
    </row>
    <row r="16530" spans="1:12">
      <c r="A16530" s="6" t="s">
        <v>15677</v>
      </c>
      <c r="B16530" s="6"/>
      <c r="C16530" s="6" t="s">
        <v>16556</v>
      </c>
      <c r="D16530" s="6"/>
      <c r="E16530" s="6" t="s">
        <v>9</v>
      </c>
      <c r="F16530" s="7">
        <v>38657</v>
      </c>
      <c r="G16530" s="8">
        <v>1</v>
      </c>
      <c r="H16530" s="8">
        <v>1</v>
      </c>
      <c r="I16530" s="8">
        <v>0</v>
      </c>
      <c r="J16530" s="8">
        <v>1</v>
      </c>
      <c r="K16530" s="9">
        <v>385</v>
      </c>
      <c r="L16530" s="6" t="s">
        <v>51</v>
      </c>
    </row>
    <row r="16531" spans="1:12">
      <c r="A16531" s="6" t="s">
        <v>15677</v>
      </c>
      <c r="B16531" s="6"/>
      <c r="C16531" s="6" t="s">
        <v>16557</v>
      </c>
      <c r="D16531" s="6"/>
      <c r="E16531" s="6" t="s">
        <v>9</v>
      </c>
      <c r="F16531" s="7">
        <v>41911</v>
      </c>
      <c r="G16531" s="8">
        <v>752</v>
      </c>
      <c r="H16531" s="8">
        <v>752</v>
      </c>
      <c r="I16531" s="8">
        <v>0</v>
      </c>
      <c r="J16531" s="8">
        <v>752</v>
      </c>
      <c r="K16531" s="9">
        <v>16</v>
      </c>
      <c r="L16531" s="6" t="s">
        <v>1842</v>
      </c>
    </row>
    <row r="16532" spans="1:12">
      <c r="A16532" s="6" t="s">
        <v>15677</v>
      </c>
      <c r="B16532" s="6"/>
      <c r="C16532" s="6" t="s">
        <v>16558</v>
      </c>
      <c r="D16532" s="6"/>
      <c r="E16532" s="6" t="s">
        <v>9</v>
      </c>
      <c r="F16532" s="7">
        <v>41911</v>
      </c>
      <c r="G16532" s="8">
        <v>564</v>
      </c>
      <c r="H16532" s="8">
        <v>564</v>
      </c>
      <c r="I16532" s="8">
        <v>0</v>
      </c>
      <c r="J16532" s="8">
        <v>564</v>
      </c>
      <c r="K16532" s="9">
        <v>12</v>
      </c>
      <c r="L16532" s="6" t="s">
        <v>1842</v>
      </c>
    </row>
    <row r="16533" spans="1:12">
      <c r="A16533" s="6" t="s">
        <v>15677</v>
      </c>
      <c r="B16533" s="6"/>
      <c r="C16533" s="6" t="s">
        <v>16559</v>
      </c>
      <c r="D16533" s="6"/>
      <c r="E16533" s="6" t="s">
        <v>9</v>
      </c>
      <c r="F16533" s="7">
        <v>41911</v>
      </c>
      <c r="G16533" s="8">
        <v>470</v>
      </c>
      <c r="H16533" s="8">
        <v>470</v>
      </c>
      <c r="I16533" s="8">
        <v>0</v>
      </c>
      <c r="J16533" s="8">
        <v>470</v>
      </c>
      <c r="K16533" s="9">
        <v>10</v>
      </c>
      <c r="L16533" s="6" t="s">
        <v>1842</v>
      </c>
    </row>
    <row r="16534" spans="1:12">
      <c r="A16534" s="6" t="s">
        <v>15677</v>
      </c>
      <c r="B16534" s="6"/>
      <c r="C16534" s="6" t="s">
        <v>16560</v>
      </c>
      <c r="D16534" s="6"/>
      <c r="E16534" s="6" t="s">
        <v>9</v>
      </c>
      <c r="F16534" s="7">
        <v>41911</v>
      </c>
      <c r="G16534" s="8">
        <v>406</v>
      </c>
      <c r="H16534" s="8">
        <v>406</v>
      </c>
      <c r="I16534" s="8">
        <v>0</v>
      </c>
      <c r="J16534" s="8">
        <v>406</v>
      </c>
      <c r="K16534" s="9">
        <v>8.64</v>
      </c>
      <c r="L16534" s="6" t="s">
        <v>1842</v>
      </c>
    </row>
    <row r="16535" spans="1:12">
      <c r="A16535" s="6" t="s">
        <v>15677</v>
      </c>
      <c r="B16535" s="6"/>
      <c r="C16535" s="6" t="s">
        <v>16561</v>
      </c>
      <c r="D16535" s="6"/>
      <c r="E16535" s="6" t="s">
        <v>9</v>
      </c>
      <c r="F16535" s="7">
        <v>41911</v>
      </c>
      <c r="G16535" s="8">
        <v>517</v>
      </c>
      <c r="H16535" s="8">
        <v>517</v>
      </c>
      <c r="I16535" s="8">
        <v>0</v>
      </c>
      <c r="J16535" s="8">
        <v>517</v>
      </c>
      <c r="K16535" s="9">
        <v>11</v>
      </c>
      <c r="L16535" s="6" t="s">
        <v>1842</v>
      </c>
    </row>
    <row r="16536" spans="1:12">
      <c r="A16536" s="6" t="s">
        <v>15677</v>
      </c>
      <c r="B16536" s="6"/>
      <c r="C16536" s="6" t="s">
        <v>16562</v>
      </c>
      <c r="D16536" s="6"/>
      <c r="E16536" s="6" t="s">
        <v>9</v>
      </c>
      <c r="F16536" s="7">
        <v>41911</v>
      </c>
      <c r="G16536" s="8">
        <v>752</v>
      </c>
      <c r="H16536" s="8">
        <v>752</v>
      </c>
      <c r="I16536" s="8">
        <v>0</v>
      </c>
      <c r="J16536" s="8">
        <v>752</v>
      </c>
      <c r="K16536" s="9">
        <v>16</v>
      </c>
      <c r="L16536" s="6" t="s">
        <v>1842</v>
      </c>
    </row>
    <row r="16537" spans="1:12">
      <c r="A16537" s="6" t="s">
        <v>15677</v>
      </c>
      <c r="B16537" s="6"/>
      <c r="C16537" s="6" t="s">
        <v>16563</v>
      </c>
      <c r="D16537" s="6"/>
      <c r="E16537" s="6" t="s">
        <v>9</v>
      </c>
      <c r="F16537" s="7">
        <v>41911</v>
      </c>
      <c r="G16537" s="8">
        <v>159618</v>
      </c>
      <c r="H16537" s="8">
        <v>159618</v>
      </c>
      <c r="I16537" s="8">
        <v>0</v>
      </c>
      <c r="J16537" s="8">
        <v>159618</v>
      </c>
      <c r="K16537" s="9">
        <v>8.31</v>
      </c>
      <c r="L16537" s="6" t="s">
        <v>10</v>
      </c>
    </row>
    <row r="16538" spans="1:12">
      <c r="A16538" s="6" t="s">
        <v>15677</v>
      </c>
      <c r="B16538" s="6"/>
      <c r="C16538" s="6" t="s">
        <v>16564</v>
      </c>
      <c r="D16538" s="6"/>
      <c r="E16538" s="6" t="s">
        <v>9</v>
      </c>
      <c r="F16538" s="7">
        <v>41911</v>
      </c>
      <c r="G16538" s="8">
        <v>22857</v>
      </c>
      <c r="H16538" s="8">
        <v>22857</v>
      </c>
      <c r="I16538" s="8">
        <v>0</v>
      </c>
      <c r="J16538" s="8">
        <v>22857</v>
      </c>
      <c r="K16538" s="9">
        <v>1.19</v>
      </c>
      <c r="L16538" s="6" t="s">
        <v>10</v>
      </c>
    </row>
    <row r="16539" spans="1:12">
      <c r="A16539" s="6" t="s">
        <v>15677</v>
      </c>
      <c r="B16539" s="6"/>
      <c r="C16539" s="6" t="s">
        <v>16565</v>
      </c>
      <c r="D16539" s="6"/>
      <c r="E16539" s="6" t="s">
        <v>9</v>
      </c>
      <c r="F16539" s="7">
        <v>41911</v>
      </c>
      <c r="G16539" s="8">
        <v>16326</v>
      </c>
      <c r="H16539" s="8">
        <v>16326</v>
      </c>
      <c r="I16539" s="8">
        <v>0</v>
      </c>
      <c r="J16539" s="8">
        <v>16326</v>
      </c>
      <c r="K16539" s="9">
        <v>0.85</v>
      </c>
      <c r="L16539" s="6" t="s">
        <v>10</v>
      </c>
    </row>
    <row r="16540" spans="1:12">
      <c r="A16540" s="6" t="s">
        <v>15677</v>
      </c>
      <c r="B16540" s="6"/>
      <c r="C16540" s="6" t="s">
        <v>16566</v>
      </c>
      <c r="D16540" s="6"/>
      <c r="E16540" s="6" t="s">
        <v>9</v>
      </c>
      <c r="F16540" s="7">
        <v>41911</v>
      </c>
      <c r="G16540" s="8">
        <v>241</v>
      </c>
      <c r="H16540" s="8">
        <v>241</v>
      </c>
      <c r="I16540" s="8">
        <v>0</v>
      </c>
      <c r="J16540" s="8">
        <v>241</v>
      </c>
      <c r="K16540" s="9">
        <v>5.14</v>
      </c>
      <c r="L16540" s="6" t="s">
        <v>1842</v>
      </c>
    </row>
    <row r="16541" spans="1:12">
      <c r="A16541" s="6" t="s">
        <v>15677</v>
      </c>
      <c r="B16541" s="6"/>
      <c r="C16541" s="6" t="s">
        <v>16567</v>
      </c>
      <c r="D16541" s="6"/>
      <c r="E16541" s="6" t="s">
        <v>9</v>
      </c>
      <c r="F16541" s="7">
        <v>38657</v>
      </c>
      <c r="G16541" s="8">
        <v>1</v>
      </c>
      <c r="H16541" s="8">
        <v>1</v>
      </c>
      <c r="I16541" s="8">
        <v>0</v>
      </c>
      <c r="J16541" s="8">
        <v>1</v>
      </c>
      <c r="K16541" s="9">
        <v>181</v>
      </c>
      <c r="L16541" s="6" t="s">
        <v>51</v>
      </c>
    </row>
    <row r="16542" spans="1:12">
      <c r="A16542" s="6" t="s">
        <v>15677</v>
      </c>
      <c r="B16542" s="6"/>
      <c r="C16542" s="6" t="s">
        <v>16568</v>
      </c>
      <c r="D16542" s="6"/>
      <c r="E16542" s="6" t="s">
        <v>9</v>
      </c>
      <c r="F16542" s="7">
        <v>41911</v>
      </c>
      <c r="G16542" s="8">
        <v>470</v>
      </c>
      <c r="H16542" s="8">
        <v>470</v>
      </c>
      <c r="I16542" s="8">
        <v>0</v>
      </c>
      <c r="J16542" s="8">
        <v>470</v>
      </c>
      <c r="K16542" s="9">
        <v>10</v>
      </c>
      <c r="L16542" s="6" t="s">
        <v>1842</v>
      </c>
    </row>
    <row r="16543" spans="1:12">
      <c r="A16543" s="6" t="s">
        <v>15677</v>
      </c>
      <c r="B16543" s="6"/>
      <c r="C16543" s="6" t="s">
        <v>16569</v>
      </c>
      <c r="D16543" s="6"/>
      <c r="E16543" s="6" t="s">
        <v>9</v>
      </c>
      <c r="F16543" s="7">
        <v>41911</v>
      </c>
      <c r="G16543" s="8">
        <v>402407</v>
      </c>
      <c r="H16543" s="8">
        <v>402407</v>
      </c>
      <c r="I16543" s="8">
        <v>0</v>
      </c>
      <c r="J16543" s="8">
        <v>402407</v>
      </c>
      <c r="K16543" s="9">
        <v>20.95</v>
      </c>
      <c r="L16543" s="6" t="s">
        <v>10</v>
      </c>
    </row>
    <row r="16544" spans="1:12">
      <c r="A16544" s="6" t="s">
        <v>15677</v>
      </c>
      <c r="B16544" s="6"/>
      <c r="C16544" s="6" t="s">
        <v>16570</v>
      </c>
      <c r="D16544" s="6"/>
      <c r="E16544" s="6" t="s">
        <v>9</v>
      </c>
      <c r="F16544" s="7">
        <v>41911</v>
      </c>
      <c r="G16544" s="8">
        <v>1150943</v>
      </c>
      <c r="H16544" s="8">
        <v>1150943</v>
      </c>
      <c r="I16544" s="8">
        <v>0</v>
      </c>
      <c r="J16544" s="8">
        <v>1150943</v>
      </c>
      <c r="K16544" s="9">
        <v>59.92</v>
      </c>
      <c r="L16544" s="6" t="s">
        <v>10</v>
      </c>
    </row>
    <row r="16545" spans="1:12">
      <c r="A16545" s="6" t="s">
        <v>15677</v>
      </c>
      <c r="B16545" s="6"/>
      <c r="C16545" s="6" t="s">
        <v>16571</v>
      </c>
      <c r="D16545" s="6"/>
      <c r="E16545" s="6" t="s">
        <v>9</v>
      </c>
      <c r="F16545" s="7">
        <v>41911</v>
      </c>
      <c r="G16545" s="8">
        <v>77792</v>
      </c>
      <c r="H16545" s="8">
        <v>77792</v>
      </c>
      <c r="I16545" s="8">
        <v>0</v>
      </c>
      <c r="J16545" s="8">
        <v>77792</v>
      </c>
      <c r="K16545" s="9">
        <v>4.05</v>
      </c>
      <c r="L16545" s="6" t="s">
        <v>10</v>
      </c>
    </row>
    <row r="16546" spans="1:12">
      <c r="A16546" s="6" t="s">
        <v>15677</v>
      </c>
      <c r="B16546" s="6"/>
      <c r="C16546" s="6" t="s">
        <v>16572</v>
      </c>
      <c r="D16546" s="6"/>
      <c r="E16546" s="6" t="s">
        <v>9</v>
      </c>
      <c r="F16546" s="7">
        <v>41911</v>
      </c>
      <c r="G16546" s="8">
        <v>49364</v>
      </c>
      <c r="H16546" s="8">
        <v>49364</v>
      </c>
      <c r="I16546" s="8">
        <v>0</v>
      </c>
      <c r="J16546" s="8">
        <v>49364</v>
      </c>
      <c r="K16546" s="9">
        <v>2.57</v>
      </c>
      <c r="L16546" s="6" t="s">
        <v>10</v>
      </c>
    </row>
    <row r="16547" spans="1:12">
      <c r="A16547" s="6" t="s">
        <v>15677</v>
      </c>
      <c r="B16547" s="6"/>
      <c r="C16547" s="6" t="s">
        <v>16573</v>
      </c>
      <c r="D16547" s="6"/>
      <c r="E16547" s="6" t="s">
        <v>9</v>
      </c>
      <c r="F16547" s="7">
        <v>41911</v>
      </c>
      <c r="G16547" s="8">
        <v>1</v>
      </c>
      <c r="H16547" s="8">
        <v>1</v>
      </c>
      <c r="I16547" s="8">
        <v>0</v>
      </c>
      <c r="J16547" s="8">
        <v>1</v>
      </c>
      <c r="K16547" s="9">
        <v>19</v>
      </c>
      <c r="L16547" s="6" t="s">
        <v>51</v>
      </c>
    </row>
    <row r="16548" spans="1:12">
      <c r="A16548" s="6" t="s">
        <v>15677</v>
      </c>
      <c r="B16548" s="6"/>
      <c r="C16548" s="6" t="s">
        <v>16574</v>
      </c>
      <c r="D16548" s="6"/>
      <c r="E16548" s="6" t="s">
        <v>9</v>
      </c>
      <c r="F16548" s="7">
        <v>41911</v>
      </c>
      <c r="G16548" s="8">
        <v>1</v>
      </c>
      <c r="H16548" s="8">
        <v>1</v>
      </c>
      <c r="I16548" s="8">
        <v>0</v>
      </c>
      <c r="J16548" s="8">
        <v>1</v>
      </c>
      <c r="K16548" s="9">
        <v>13</v>
      </c>
      <c r="L16548" s="6" t="s">
        <v>51</v>
      </c>
    </row>
    <row r="16549" spans="1:12">
      <c r="A16549" s="6" t="s">
        <v>15677</v>
      </c>
      <c r="B16549" s="6"/>
      <c r="C16549" s="6" t="s">
        <v>16575</v>
      </c>
      <c r="D16549" s="6"/>
      <c r="E16549" s="6" t="s">
        <v>9</v>
      </c>
      <c r="F16549" s="7">
        <v>38657</v>
      </c>
      <c r="G16549" s="8">
        <v>1</v>
      </c>
      <c r="H16549" s="8">
        <v>1</v>
      </c>
      <c r="I16549" s="8">
        <v>0</v>
      </c>
      <c r="J16549" s="8">
        <v>1</v>
      </c>
      <c r="K16549" s="9">
        <v>89</v>
      </c>
      <c r="L16549" s="6" t="s">
        <v>51</v>
      </c>
    </row>
    <row r="16550" spans="1:12">
      <c r="A16550" s="6" t="s">
        <v>15677</v>
      </c>
      <c r="B16550" s="6"/>
      <c r="C16550" s="6" t="s">
        <v>16576</v>
      </c>
      <c r="D16550" s="6"/>
      <c r="E16550" s="6" t="s">
        <v>9</v>
      </c>
      <c r="F16550" s="7">
        <v>38657</v>
      </c>
      <c r="G16550" s="8">
        <v>1</v>
      </c>
      <c r="H16550" s="8">
        <v>1</v>
      </c>
      <c r="I16550" s="8">
        <v>0</v>
      </c>
      <c r="J16550" s="8">
        <v>1</v>
      </c>
      <c r="K16550" s="9">
        <v>26</v>
      </c>
      <c r="L16550" s="6" t="s">
        <v>51</v>
      </c>
    </row>
    <row r="16551" spans="1:12">
      <c r="A16551" s="6" t="s">
        <v>15677</v>
      </c>
      <c r="B16551" s="6"/>
      <c r="C16551" s="6" t="s">
        <v>16577</v>
      </c>
      <c r="D16551" s="6"/>
      <c r="E16551" s="6" t="s">
        <v>9</v>
      </c>
      <c r="F16551" s="7">
        <v>38657</v>
      </c>
      <c r="G16551" s="8">
        <v>1</v>
      </c>
      <c r="H16551" s="8">
        <v>1</v>
      </c>
      <c r="I16551" s="8">
        <v>0</v>
      </c>
      <c r="J16551" s="8">
        <v>1</v>
      </c>
      <c r="K16551" s="9">
        <v>4.62</v>
      </c>
      <c r="L16551" s="6" t="s">
        <v>51</v>
      </c>
    </row>
    <row r="16552" spans="1:12">
      <c r="A16552" s="6" t="s">
        <v>15677</v>
      </c>
      <c r="B16552" s="6"/>
      <c r="C16552" s="6" t="s">
        <v>16578</v>
      </c>
      <c r="D16552" s="6"/>
      <c r="E16552" s="6" t="s">
        <v>9</v>
      </c>
      <c r="F16552" s="7">
        <v>38657</v>
      </c>
      <c r="G16552" s="8">
        <v>1</v>
      </c>
      <c r="H16552" s="8">
        <v>1</v>
      </c>
      <c r="I16552" s="8">
        <v>0</v>
      </c>
      <c r="J16552" s="8">
        <v>1</v>
      </c>
      <c r="K16552" s="9">
        <v>387</v>
      </c>
      <c r="L16552" s="6" t="s">
        <v>51</v>
      </c>
    </row>
    <row r="16553" spans="1:12">
      <c r="A16553" s="6" t="s">
        <v>15677</v>
      </c>
      <c r="B16553" s="6"/>
      <c r="C16553" s="6" t="s">
        <v>16579</v>
      </c>
      <c r="D16553" s="6"/>
      <c r="E16553" s="6" t="s">
        <v>9</v>
      </c>
      <c r="F16553" s="7">
        <v>38657</v>
      </c>
      <c r="G16553" s="8">
        <v>1</v>
      </c>
      <c r="H16553" s="8">
        <v>1</v>
      </c>
      <c r="I16553" s="8">
        <v>0</v>
      </c>
      <c r="J16553" s="8">
        <v>1</v>
      </c>
      <c r="K16553" s="9">
        <v>82</v>
      </c>
      <c r="L16553" s="6" t="s">
        <v>51</v>
      </c>
    </row>
    <row r="16554" spans="1:12">
      <c r="A16554" s="6" t="s">
        <v>15677</v>
      </c>
      <c r="B16554" s="6"/>
      <c r="C16554" s="6" t="s">
        <v>16580</v>
      </c>
      <c r="D16554" s="6"/>
      <c r="E16554" s="6" t="s">
        <v>9</v>
      </c>
      <c r="F16554" s="7">
        <v>38657</v>
      </c>
      <c r="G16554" s="8">
        <v>1</v>
      </c>
      <c r="H16554" s="8">
        <v>1</v>
      </c>
      <c r="I16554" s="8">
        <v>0</v>
      </c>
      <c r="J16554" s="8">
        <v>1</v>
      </c>
      <c r="K16554" s="9">
        <v>0.99</v>
      </c>
      <c r="L16554" s="6" t="s">
        <v>51</v>
      </c>
    </row>
    <row r="16555" spans="1:12">
      <c r="A16555" s="6" t="s">
        <v>15677</v>
      </c>
      <c r="B16555" s="6"/>
      <c r="C16555" s="6" t="s">
        <v>16581</v>
      </c>
      <c r="D16555" s="6"/>
      <c r="E16555" s="6" t="s">
        <v>9</v>
      </c>
      <c r="F16555" s="7">
        <v>38657</v>
      </c>
      <c r="G16555" s="8">
        <v>1</v>
      </c>
      <c r="H16555" s="8">
        <v>1</v>
      </c>
      <c r="I16555" s="8">
        <v>0</v>
      </c>
      <c r="J16555" s="8">
        <v>1</v>
      </c>
      <c r="K16555" s="9">
        <v>2.52999999999999</v>
      </c>
      <c r="L16555" s="6" t="s">
        <v>51</v>
      </c>
    </row>
    <row r="16556" spans="1:12">
      <c r="A16556" s="6" t="s">
        <v>15677</v>
      </c>
      <c r="B16556" s="6"/>
      <c r="C16556" s="6" t="s">
        <v>16582</v>
      </c>
      <c r="D16556" s="6"/>
      <c r="E16556" s="6" t="s">
        <v>9</v>
      </c>
      <c r="F16556" s="7">
        <v>38657</v>
      </c>
      <c r="G16556" s="8">
        <v>1</v>
      </c>
      <c r="H16556" s="8">
        <v>1</v>
      </c>
      <c r="I16556" s="8">
        <v>0</v>
      </c>
      <c r="J16556" s="8">
        <v>1</v>
      </c>
      <c r="K16556" s="9">
        <v>107</v>
      </c>
      <c r="L16556" s="6" t="s">
        <v>51</v>
      </c>
    </row>
    <row r="16557" spans="1:12">
      <c r="A16557" s="6" t="s">
        <v>15677</v>
      </c>
      <c r="B16557" s="6"/>
      <c r="C16557" s="6" t="s">
        <v>16583</v>
      </c>
      <c r="D16557" s="6"/>
      <c r="E16557" s="6" t="s">
        <v>9</v>
      </c>
      <c r="F16557" s="7">
        <v>38657</v>
      </c>
      <c r="G16557" s="8">
        <v>1</v>
      </c>
      <c r="H16557" s="8">
        <v>1</v>
      </c>
      <c r="I16557" s="8">
        <v>0</v>
      </c>
      <c r="J16557" s="8">
        <v>1</v>
      </c>
      <c r="K16557" s="9">
        <v>22</v>
      </c>
      <c r="L16557" s="6" t="s">
        <v>51</v>
      </c>
    </row>
    <row r="16558" spans="1:12">
      <c r="A16558" s="6" t="s">
        <v>15677</v>
      </c>
      <c r="B16558" s="6"/>
      <c r="C16558" s="6" t="s">
        <v>16584</v>
      </c>
      <c r="D16558" s="6"/>
      <c r="E16558" s="6" t="s">
        <v>9</v>
      </c>
      <c r="F16558" s="7">
        <v>38657</v>
      </c>
      <c r="G16558" s="8">
        <v>1</v>
      </c>
      <c r="H16558" s="8">
        <v>1</v>
      </c>
      <c r="I16558" s="8">
        <v>0</v>
      </c>
      <c r="J16558" s="8">
        <v>1</v>
      </c>
      <c r="K16558" s="9">
        <v>1262</v>
      </c>
      <c r="L16558" s="6" t="s">
        <v>51</v>
      </c>
    </row>
    <row r="16559" spans="1:12">
      <c r="A16559" s="6" t="s">
        <v>15677</v>
      </c>
      <c r="B16559" s="6"/>
      <c r="C16559" s="6" t="s">
        <v>16585</v>
      </c>
      <c r="D16559" s="6"/>
      <c r="E16559" s="6" t="s">
        <v>9</v>
      </c>
      <c r="F16559" s="7">
        <v>38657</v>
      </c>
      <c r="G16559" s="8">
        <v>1</v>
      </c>
      <c r="H16559" s="8">
        <v>1</v>
      </c>
      <c r="I16559" s="8">
        <v>0</v>
      </c>
      <c r="J16559" s="8">
        <v>1</v>
      </c>
      <c r="K16559" s="9">
        <v>1134</v>
      </c>
      <c r="L16559" s="6" t="s">
        <v>51</v>
      </c>
    </row>
    <row r="16560" spans="1:12">
      <c r="A16560" s="6" t="s">
        <v>15677</v>
      </c>
      <c r="B16560" s="6"/>
      <c r="C16560" s="6" t="s">
        <v>16586</v>
      </c>
      <c r="D16560" s="6"/>
      <c r="E16560" s="6" t="s">
        <v>9</v>
      </c>
      <c r="F16560" s="7">
        <v>38657</v>
      </c>
      <c r="G16560" s="8">
        <v>1</v>
      </c>
      <c r="H16560" s="8">
        <v>1</v>
      </c>
      <c r="I16560" s="8">
        <v>0</v>
      </c>
      <c r="J16560" s="8">
        <v>1</v>
      </c>
      <c r="K16560" s="9">
        <v>9.8699999999999903</v>
      </c>
      <c r="L16560" s="6" t="s">
        <v>51</v>
      </c>
    </row>
    <row r="16561" spans="1:12">
      <c r="A16561" s="6" t="s">
        <v>15677</v>
      </c>
      <c r="B16561" s="6"/>
      <c r="C16561" s="6" t="s">
        <v>16587</v>
      </c>
      <c r="D16561" s="6"/>
      <c r="E16561" s="6" t="s">
        <v>9</v>
      </c>
      <c r="F16561" s="7">
        <v>38657</v>
      </c>
      <c r="G16561" s="8">
        <v>1</v>
      </c>
      <c r="H16561" s="8">
        <v>1</v>
      </c>
      <c r="I16561" s="8">
        <v>0</v>
      </c>
      <c r="J16561" s="8">
        <v>1</v>
      </c>
      <c r="K16561" s="9">
        <v>438</v>
      </c>
      <c r="L16561" s="6" t="s">
        <v>51</v>
      </c>
    </row>
    <row r="16562" spans="1:12">
      <c r="A16562" s="6" t="s">
        <v>15677</v>
      </c>
      <c r="B16562" s="6"/>
      <c r="C16562" s="6" t="s">
        <v>16588</v>
      </c>
      <c r="D16562" s="6"/>
      <c r="E16562" s="6" t="s">
        <v>9</v>
      </c>
      <c r="F16562" s="7">
        <v>38657</v>
      </c>
      <c r="G16562" s="8">
        <v>1</v>
      </c>
      <c r="H16562" s="8">
        <v>1</v>
      </c>
      <c r="I16562" s="8">
        <v>0</v>
      </c>
      <c r="J16562" s="8">
        <v>1</v>
      </c>
      <c r="K16562" s="9">
        <v>32</v>
      </c>
      <c r="L16562" s="6" t="s">
        <v>51</v>
      </c>
    </row>
    <row r="16563" spans="1:12">
      <c r="A16563" s="6" t="s">
        <v>15677</v>
      </c>
      <c r="B16563" s="6"/>
      <c r="C16563" s="6" t="s">
        <v>16589</v>
      </c>
      <c r="D16563" s="6"/>
      <c r="E16563" s="6" t="s">
        <v>9</v>
      </c>
      <c r="F16563" s="7">
        <v>38657</v>
      </c>
      <c r="G16563" s="8">
        <v>1</v>
      </c>
      <c r="H16563" s="8">
        <v>1</v>
      </c>
      <c r="I16563" s="8">
        <v>0</v>
      </c>
      <c r="J16563" s="8">
        <v>1</v>
      </c>
      <c r="K16563" s="9">
        <v>336</v>
      </c>
      <c r="L16563" s="6" t="s">
        <v>51</v>
      </c>
    </row>
    <row r="16564" spans="1:12">
      <c r="A16564" s="6" t="s">
        <v>15677</v>
      </c>
      <c r="B16564" s="6"/>
      <c r="C16564" s="6" t="s">
        <v>16590</v>
      </c>
      <c r="D16564" s="6"/>
      <c r="E16564" s="6" t="s">
        <v>9</v>
      </c>
      <c r="F16564" s="7">
        <v>38657</v>
      </c>
      <c r="G16564" s="8">
        <v>1</v>
      </c>
      <c r="H16564" s="8">
        <v>1</v>
      </c>
      <c r="I16564" s="8">
        <v>0</v>
      </c>
      <c r="J16564" s="8">
        <v>1</v>
      </c>
      <c r="K16564" s="9">
        <v>157</v>
      </c>
      <c r="L16564" s="6" t="s">
        <v>51</v>
      </c>
    </row>
    <row r="16565" spans="1:12">
      <c r="A16565" s="6" t="s">
        <v>15677</v>
      </c>
      <c r="B16565" s="6"/>
      <c r="C16565" s="6" t="s">
        <v>16591</v>
      </c>
      <c r="D16565" s="6"/>
      <c r="E16565" s="6" t="s">
        <v>9</v>
      </c>
      <c r="F16565" s="7">
        <v>38657</v>
      </c>
      <c r="G16565" s="8">
        <v>1</v>
      </c>
      <c r="H16565" s="8">
        <v>1</v>
      </c>
      <c r="I16565" s="8">
        <v>0</v>
      </c>
      <c r="J16565" s="8">
        <v>1</v>
      </c>
      <c r="K16565" s="9">
        <v>36</v>
      </c>
      <c r="L16565" s="6" t="s">
        <v>51</v>
      </c>
    </row>
    <row r="16566" spans="1:12">
      <c r="A16566" s="6" t="s">
        <v>15677</v>
      </c>
      <c r="B16566" s="6"/>
      <c r="C16566" s="6" t="s">
        <v>16592</v>
      </c>
      <c r="D16566" s="6"/>
      <c r="E16566" s="6" t="s">
        <v>9</v>
      </c>
      <c r="F16566" s="7">
        <v>41799</v>
      </c>
      <c r="G16566" s="8">
        <v>1</v>
      </c>
      <c r="H16566" s="8">
        <v>1</v>
      </c>
      <c r="I16566" s="8">
        <v>0</v>
      </c>
      <c r="J16566" s="8">
        <v>1</v>
      </c>
      <c r="K16566" s="9">
        <v>14</v>
      </c>
      <c r="L16566" s="6" t="s">
        <v>4151</v>
      </c>
    </row>
    <row r="16567" spans="1:12">
      <c r="A16567" s="6" t="s">
        <v>15677</v>
      </c>
      <c r="B16567" s="6"/>
      <c r="C16567" s="6" t="s">
        <v>16593</v>
      </c>
      <c r="D16567" s="6"/>
      <c r="E16567" s="6" t="s">
        <v>9</v>
      </c>
      <c r="F16567" s="7">
        <v>38657</v>
      </c>
      <c r="G16567" s="8">
        <v>1</v>
      </c>
      <c r="H16567" s="8">
        <v>1</v>
      </c>
      <c r="I16567" s="8">
        <v>0</v>
      </c>
      <c r="J16567" s="8">
        <v>1</v>
      </c>
      <c r="K16567" s="9">
        <v>0.3</v>
      </c>
      <c r="L16567" s="6" t="s">
        <v>51</v>
      </c>
    </row>
    <row r="16568" spans="1:12">
      <c r="A16568" s="6" t="s">
        <v>15677</v>
      </c>
      <c r="B16568" s="6"/>
      <c r="C16568" s="6" t="s">
        <v>16594</v>
      </c>
      <c r="D16568" s="6"/>
      <c r="E16568" s="6" t="s">
        <v>9</v>
      </c>
      <c r="F16568" s="7">
        <v>38657</v>
      </c>
      <c r="G16568" s="8">
        <v>1</v>
      </c>
      <c r="H16568" s="8">
        <v>1</v>
      </c>
      <c r="I16568" s="8">
        <v>0</v>
      </c>
      <c r="J16568" s="8">
        <v>1</v>
      </c>
      <c r="K16568" s="9">
        <v>85</v>
      </c>
      <c r="L16568" s="6" t="s">
        <v>51</v>
      </c>
    </row>
    <row r="16569" spans="1:12">
      <c r="A16569" s="6" t="s">
        <v>15677</v>
      </c>
      <c r="B16569" s="6"/>
      <c r="C16569" s="6" t="s">
        <v>16595</v>
      </c>
      <c r="D16569" s="6"/>
      <c r="E16569" s="6" t="s">
        <v>9</v>
      </c>
      <c r="F16569" s="7">
        <v>38657</v>
      </c>
      <c r="G16569" s="8">
        <v>1</v>
      </c>
      <c r="H16569" s="8">
        <v>1</v>
      </c>
      <c r="I16569" s="8">
        <v>0</v>
      </c>
      <c r="J16569" s="8">
        <v>1</v>
      </c>
      <c r="K16569" s="9">
        <v>2.04</v>
      </c>
      <c r="L16569" s="6" t="s">
        <v>51</v>
      </c>
    </row>
    <row r="16570" spans="1:12">
      <c r="A16570" s="6" t="s">
        <v>15677</v>
      </c>
      <c r="B16570" s="6"/>
      <c r="C16570" s="6" t="s">
        <v>16596</v>
      </c>
      <c r="D16570" s="6"/>
      <c r="E16570" s="6" t="s">
        <v>9</v>
      </c>
      <c r="F16570" s="7">
        <v>38657</v>
      </c>
      <c r="G16570" s="8">
        <v>1</v>
      </c>
      <c r="H16570" s="8">
        <v>1</v>
      </c>
      <c r="I16570" s="8">
        <v>0</v>
      </c>
      <c r="J16570" s="8">
        <v>1</v>
      </c>
      <c r="K16570" s="9">
        <v>62</v>
      </c>
      <c r="L16570" s="6" t="s">
        <v>51</v>
      </c>
    </row>
    <row r="16571" spans="1:12">
      <c r="A16571" s="6" t="s">
        <v>15677</v>
      </c>
      <c r="B16571" s="6"/>
      <c r="C16571" s="6" t="s">
        <v>16597</v>
      </c>
      <c r="D16571" s="6"/>
      <c r="E16571" s="6" t="s">
        <v>9</v>
      </c>
      <c r="F16571" s="7">
        <v>38657</v>
      </c>
      <c r="G16571" s="8">
        <v>1</v>
      </c>
      <c r="H16571" s="8">
        <v>1</v>
      </c>
      <c r="I16571" s="8">
        <v>0</v>
      </c>
      <c r="J16571" s="8">
        <v>1</v>
      </c>
      <c r="K16571" s="9">
        <v>31</v>
      </c>
      <c r="L16571" s="6" t="s">
        <v>51</v>
      </c>
    </row>
    <row r="16572" spans="1:12">
      <c r="A16572" s="6" t="s">
        <v>15677</v>
      </c>
      <c r="B16572" s="6"/>
      <c r="C16572" s="6" t="s">
        <v>16598</v>
      </c>
      <c r="D16572" s="6"/>
      <c r="E16572" s="6" t="s">
        <v>9</v>
      </c>
      <c r="F16572" s="7">
        <v>38657</v>
      </c>
      <c r="G16572" s="8">
        <v>1</v>
      </c>
      <c r="H16572" s="8">
        <v>1</v>
      </c>
      <c r="I16572" s="8">
        <v>0</v>
      </c>
      <c r="J16572" s="8">
        <v>1</v>
      </c>
      <c r="K16572" s="9">
        <v>7.66</v>
      </c>
      <c r="L16572" s="6" t="s">
        <v>51</v>
      </c>
    </row>
    <row r="16573" spans="1:12">
      <c r="A16573" s="6" t="s">
        <v>15677</v>
      </c>
      <c r="B16573" s="6"/>
      <c r="C16573" s="6" t="s">
        <v>16599</v>
      </c>
      <c r="D16573" s="6"/>
      <c r="E16573" s="6" t="s">
        <v>9</v>
      </c>
      <c r="F16573" s="7">
        <v>38657</v>
      </c>
      <c r="G16573" s="8">
        <v>1</v>
      </c>
      <c r="H16573" s="8">
        <v>1</v>
      </c>
      <c r="I16573" s="8">
        <v>0</v>
      </c>
      <c r="J16573" s="8">
        <v>1</v>
      </c>
      <c r="K16573" s="9">
        <v>19</v>
      </c>
      <c r="L16573" s="6" t="s">
        <v>51</v>
      </c>
    </row>
    <row r="16574" spans="1:12">
      <c r="A16574" s="6" t="s">
        <v>15677</v>
      </c>
      <c r="B16574" s="6"/>
      <c r="C16574" s="6" t="s">
        <v>16600</v>
      </c>
      <c r="D16574" s="6"/>
      <c r="E16574" s="6" t="s">
        <v>9</v>
      </c>
      <c r="F16574" s="7">
        <v>38657</v>
      </c>
      <c r="G16574" s="8">
        <v>1</v>
      </c>
      <c r="H16574" s="8">
        <v>1</v>
      </c>
      <c r="I16574" s="8">
        <v>0</v>
      </c>
      <c r="J16574" s="8">
        <v>1</v>
      </c>
      <c r="K16574" s="9">
        <v>345</v>
      </c>
      <c r="L16574" s="6" t="s">
        <v>51</v>
      </c>
    </row>
    <row r="16575" spans="1:12">
      <c r="A16575" s="6" t="s">
        <v>15677</v>
      </c>
      <c r="B16575" s="6"/>
      <c r="C16575" s="6" t="s">
        <v>16601</v>
      </c>
      <c r="D16575" s="6"/>
      <c r="E16575" s="6" t="s">
        <v>9</v>
      </c>
      <c r="F16575" s="7">
        <v>38657</v>
      </c>
      <c r="G16575" s="8">
        <v>1</v>
      </c>
      <c r="H16575" s="8">
        <v>1</v>
      </c>
      <c r="I16575" s="8">
        <v>0</v>
      </c>
      <c r="J16575" s="8">
        <v>1</v>
      </c>
      <c r="K16575" s="9">
        <v>2.25999999999999</v>
      </c>
      <c r="L16575" s="6" t="s">
        <v>51</v>
      </c>
    </row>
    <row r="16576" spans="1:12">
      <c r="A16576" s="6" t="s">
        <v>15677</v>
      </c>
      <c r="B16576" s="6"/>
      <c r="C16576" s="6" t="s">
        <v>16602</v>
      </c>
      <c r="D16576" s="6"/>
      <c r="E16576" s="6" t="s">
        <v>9</v>
      </c>
      <c r="F16576" s="7">
        <v>38657</v>
      </c>
      <c r="G16576" s="8">
        <v>1</v>
      </c>
      <c r="H16576" s="8">
        <v>1</v>
      </c>
      <c r="I16576" s="8">
        <v>0</v>
      </c>
      <c r="J16576" s="8">
        <v>1</v>
      </c>
      <c r="K16576" s="9">
        <v>25</v>
      </c>
      <c r="L16576" s="6" t="s">
        <v>51</v>
      </c>
    </row>
    <row r="16577" spans="1:12">
      <c r="A16577" s="6" t="s">
        <v>15677</v>
      </c>
      <c r="B16577" s="6"/>
      <c r="C16577" s="6" t="s">
        <v>16603</v>
      </c>
      <c r="D16577" s="6"/>
      <c r="E16577" s="6" t="s">
        <v>9</v>
      </c>
      <c r="F16577" s="7">
        <v>38657</v>
      </c>
      <c r="G16577" s="8">
        <v>1</v>
      </c>
      <c r="H16577" s="8">
        <v>1</v>
      </c>
      <c r="I16577" s="8">
        <v>0</v>
      </c>
      <c r="J16577" s="8">
        <v>1</v>
      </c>
      <c r="K16577" s="9">
        <v>40</v>
      </c>
      <c r="L16577" s="6" t="s">
        <v>51</v>
      </c>
    </row>
    <row r="16578" spans="1:12">
      <c r="A16578" s="6" t="s">
        <v>15677</v>
      </c>
      <c r="B16578" s="6"/>
      <c r="C16578" s="6" t="s">
        <v>16604</v>
      </c>
      <c r="D16578" s="6"/>
      <c r="E16578" s="6" t="s">
        <v>9</v>
      </c>
      <c r="F16578" s="7">
        <v>38657</v>
      </c>
      <c r="G16578" s="8">
        <v>1</v>
      </c>
      <c r="H16578" s="8">
        <v>1</v>
      </c>
      <c r="I16578" s="8">
        <v>0</v>
      </c>
      <c r="J16578" s="8">
        <v>1</v>
      </c>
      <c r="K16578" s="9">
        <v>2.00999999999999</v>
      </c>
      <c r="L16578" s="6" t="s">
        <v>51</v>
      </c>
    </row>
    <row r="16579" spans="1:12">
      <c r="A16579" s="6" t="s">
        <v>15677</v>
      </c>
      <c r="B16579" s="6"/>
      <c r="C16579" s="6" t="s">
        <v>16605</v>
      </c>
      <c r="D16579" s="6"/>
      <c r="E16579" s="6" t="s">
        <v>9</v>
      </c>
      <c r="F16579" s="7">
        <v>38657</v>
      </c>
      <c r="G16579" s="8">
        <v>1</v>
      </c>
      <c r="H16579" s="8">
        <v>1</v>
      </c>
      <c r="I16579" s="8">
        <v>0</v>
      </c>
      <c r="J16579" s="8">
        <v>1</v>
      </c>
      <c r="K16579" s="9">
        <v>66</v>
      </c>
      <c r="L16579" s="6" t="s">
        <v>51</v>
      </c>
    </row>
    <row r="16580" spans="1:12">
      <c r="A16580" s="6" t="s">
        <v>15677</v>
      </c>
      <c r="B16580" s="6"/>
      <c r="C16580" s="6" t="s">
        <v>16606</v>
      </c>
      <c r="D16580" s="6"/>
      <c r="E16580" s="6" t="s">
        <v>9</v>
      </c>
      <c r="F16580" s="7">
        <v>38657</v>
      </c>
      <c r="G16580" s="8">
        <v>1</v>
      </c>
      <c r="H16580" s="8">
        <v>1</v>
      </c>
      <c r="I16580" s="8">
        <v>0</v>
      </c>
      <c r="J16580" s="8">
        <v>1</v>
      </c>
      <c r="K16580" s="9">
        <v>36</v>
      </c>
      <c r="L16580" s="6" t="s">
        <v>51</v>
      </c>
    </row>
    <row r="16581" spans="1:12">
      <c r="A16581" s="6" t="s">
        <v>15677</v>
      </c>
      <c r="B16581" s="6"/>
      <c r="C16581" s="6" t="s">
        <v>16607</v>
      </c>
      <c r="D16581" s="6"/>
      <c r="E16581" s="6" t="s">
        <v>9</v>
      </c>
      <c r="F16581" s="7">
        <v>38657</v>
      </c>
      <c r="G16581" s="8">
        <v>1</v>
      </c>
      <c r="H16581" s="8">
        <v>1</v>
      </c>
      <c r="I16581" s="8">
        <v>0</v>
      </c>
      <c r="J16581" s="8">
        <v>1</v>
      </c>
      <c r="K16581" s="9">
        <v>1.6</v>
      </c>
      <c r="L16581" s="6" t="s">
        <v>51</v>
      </c>
    </row>
    <row r="16582" spans="1:12">
      <c r="A16582" s="6" t="s">
        <v>15677</v>
      </c>
      <c r="B16582" s="6"/>
      <c r="C16582" s="6" t="s">
        <v>16608</v>
      </c>
      <c r="D16582" s="6"/>
      <c r="E16582" s="6" t="s">
        <v>9</v>
      </c>
      <c r="F16582" s="7">
        <v>38657</v>
      </c>
      <c r="G16582" s="8">
        <v>1</v>
      </c>
      <c r="H16582" s="8">
        <v>1</v>
      </c>
      <c r="I16582" s="8">
        <v>0</v>
      </c>
      <c r="J16582" s="8">
        <v>1</v>
      </c>
      <c r="K16582" s="9">
        <v>154</v>
      </c>
      <c r="L16582" s="6" t="s">
        <v>51</v>
      </c>
    </row>
    <row r="16583" spans="1:12">
      <c r="A16583" s="6" t="s">
        <v>15677</v>
      </c>
      <c r="B16583" s="6"/>
      <c r="C16583" s="6" t="s">
        <v>16609</v>
      </c>
      <c r="D16583" s="6"/>
      <c r="E16583" s="6" t="s">
        <v>9</v>
      </c>
      <c r="F16583" s="7">
        <v>38657</v>
      </c>
      <c r="G16583" s="8">
        <v>1</v>
      </c>
      <c r="H16583" s="8">
        <v>1</v>
      </c>
      <c r="I16583" s="8">
        <v>0</v>
      </c>
      <c r="J16583" s="8">
        <v>1</v>
      </c>
      <c r="K16583" s="9">
        <v>4.71</v>
      </c>
      <c r="L16583" s="6" t="s">
        <v>51</v>
      </c>
    </row>
    <row r="16584" spans="1:12">
      <c r="A16584" s="6" t="s">
        <v>15677</v>
      </c>
      <c r="B16584" s="6"/>
      <c r="C16584" s="6" t="s">
        <v>16610</v>
      </c>
      <c r="D16584" s="6"/>
      <c r="E16584" s="6" t="s">
        <v>9</v>
      </c>
      <c r="F16584" s="7">
        <v>38657</v>
      </c>
      <c r="G16584" s="8">
        <v>1</v>
      </c>
      <c r="H16584" s="8">
        <v>1</v>
      </c>
      <c r="I16584" s="8">
        <v>0</v>
      </c>
      <c r="J16584" s="8">
        <v>1</v>
      </c>
      <c r="K16584" s="9">
        <v>189</v>
      </c>
      <c r="L16584" s="6" t="s">
        <v>51</v>
      </c>
    </row>
    <row r="16585" spans="1:12">
      <c r="A16585" s="6" t="s">
        <v>15677</v>
      </c>
      <c r="B16585" s="6"/>
      <c r="C16585" s="6" t="s">
        <v>16611</v>
      </c>
      <c r="D16585" s="6"/>
      <c r="E16585" s="6" t="s">
        <v>9</v>
      </c>
      <c r="F16585" s="7">
        <v>38657</v>
      </c>
      <c r="G16585" s="8">
        <v>1</v>
      </c>
      <c r="H16585" s="8">
        <v>1</v>
      </c>
      <c r="I16585" s="8">
        <v>0</v>
      </c>
      <c r="J16585" s="8">
        <v>1</v>
      </c>
      <c r="K16585" s="9">
        <v>218</v>
      </c>
      <c r="L16585" s="6" t="s">
        <v>51</v>
      </c>
    </row>
    <row r="16586" spans="1:12">
      <c r="A16586" s="6" t="s">
        <v>15677</v>
      </c>
      <c r="B16586" s="6"/>
      <c r="C16586" s="6" t="s">
        <v>16612</v>
      </c>
      <c r="D16586" s="6"/>
      <c r="E16586" s="6" t="s">
        <v>9</v>
      </c>
      <c r="F16586" s="7">
        <v>38657</v>
      </c>
      <c r="G16586" s="8">
        <v>1</v>
      </c>
      <c r="H16586" s="8">
        <v>1</v>
      </c>
      <c r="I16586" s="8">
        <v>0</v>
      </c>
      <c r="J16586" s="8">
        <v>1</v>
      </c>
      <c r="K16586" s="9">
        <v>143</v>
      </c>
      <c r="L16586" s="6" t="s">
        <v>51</v>
      </c>
    </row>
    <row r="16587" spans="1:12">
      <c r="A16587" s="6" t="s">
        <v>15677</v>
      </c>
      <c r="B16587" s="6"/>
      <c r="C16587" s="6" t="s">
        <v>16613</v>
      </c>
      <c r="D16587" s="6"/>
      <c r="E16587" s="6" t="s">
        <v>9</v>
      </c>
      <c r="F16587" s="7">
        <v>38657</v>
      </c>
      <c r="G16587" s="8">
        <v>1</v>
      </c>
      <c r="H16587" s="8">
        <v>1</v>
      </c>
      <c r="I16587" s="8">
        <v>0</v>
      </c>
      <c r="J16587" s="8">
        <v>1</v>
      </c>
      <c r="K16587" s="9">
        <v>139</v>
      </c>
      <c r="L16587" s="6" t="s">
        <v>51</v>
      </c>
    </row>
    <row r="16588" spans="1:12">
      <c r="A16588" s="6" t="s">
        <v>15677</v>
      </c>
      <c r="B16588" s="6"/>
      <c r="C16588" s="6" t="s">
        <v>16614</v>
      </c>
      <c r="D16588" s="6"/>
      <c r="E16588" s="6" t="s">
        <v>9</v>
      </c>
      <c r="F16588" s="7">
        <v>38657</v>
      </c>
      <c r="G16588" s="8">
        <v>1</v>
      </c>
      <c r="H16588" s="8">
        <v>1</v>
      </c>
      <c r="I16588" s="8">
        <v>0</v>
      </c>
      <c r="J16588" s="8">
        <v>1</v>
      </c>
      <c r="K16588" s="9">
        <v>13</v>
      </c>
      <c r="L16588" s="6" t="s">
        <v>51</v>
      </c>
    </row>
    <row r="16589" spans="1:12">
      <c r="A16589" s="6" t="s">
        <v>15677</v>
      </c>
      <c r="B16589" s="6"/>
      <c r="C16589" s="6" t="s">
        <v>16615</v>
      </c>
      <c r="D16589" s="6"/>
      <c r="E16589" s="6" t="s">
        <v>9</v>
      </c>
      <c r="F16589" s="7">
        <v>38657</v>
      </c>
      <c r="G16589" s="8">
        <v>1</v>
      </c>
      <c r="H16589" s="8">
        <v>1</v>
      </c>
      <c r="I16589" s="8">
        <v>0</v>
      </c>
      <c r="J16589" s="8">
        <v>1</v>
      </c>
      <c r="K16589" s="9">
        <v>181</v>
      </c>
      <c r="L16589" s="6" t="s">
        <v>51</v>
      </c>
    </row>
    <row r="16590" spans="1:12">
      <c r="A16590" s="6" t="s">
        <v>15677</v>
      </c>
      <c r="B16590" s="6"/>
      <c r="C16590" s="6" t="s">
        <v>16616</v>
      </c>
      <c r="D16590" s="6"/>
      <c r="E16590" s="6" t="s">
        <v>9</v>
      </c>
      <c r="F16590" s="7">
        <v>38657</v>
      </c>
      <c r="G16590" s="8">
        <v>1</v>
      </c>
      <c r="H16590" s="8">
        <v>1</v>
      </c>
      <c r="I16590" s="8">
        <v>0</v>
      </c>
      <c r="J16590" s="8">
        <v>1</v>
      </c>
      <c r="K16590" s="9">
        <v>88</v>
      </c>
      <c r="L16590" s="6" t="s">
        <v>51</v>
      </c>
    </row>
    <row r="16591" spans="1:12">
      <c r="A16591" s="6" t="s">
        <v>15677</v>
      </c>
      <c r="B16591" s="6"/>
      <c r="C16591" s="6" t="s">
        <v>16617</v>
      </c>
      <c r="D16591" s="6"/>
      <c r="E16591" s="6" t="s">
        <v>9</v>
      </c>
      <c r="F16591" s="7">
        <v>38657</v>
      </c>
      <c r="G16591" s="8">
        <v>1</v>
      </c>
      <c r="H16591" s="8">
        <v>1</v>
      </c>
      <c r="I16591" s="8">
        <v>0</v>
      </c>
      <c r="J16591" s="8">
        <v>1</v>
      </c>
      <c r="K16591" s="9">
        <v>33</v>
      </c>
      <c r="L16591" s="6" t="s">
        <v>51</v>
      </c>
    </row>
    <row r="16592" spans="1:12">
      <c r="A16592" s="6" t="s">
        <v>15677</v>
      </c>
      <c r="B16592" s="6"/>
      <c r="C16592" s="6" t="s">
        <v>16618</v>
      </c>
      <c r="D16592" s="6"/>
      <c r="E16592" s="6" t="s">
        <v>9</v>
      </c>
      <c r="F16592" s="7">
        <v>38657</v>
      </c>
      <c r="G16592" s="8">
        <v>1</v>
      </c>
      <c r="H16592" s="8">
        <v>1</v>
      </c>
      <c r="I16592" s="8">
        <v>0</v>
      </c>
      <c r="J16592" s="8">
        <v>1</v>
      </c>
      <c r="K16592" s="9">
        <v>68</v>
      </c>
      <c r="L16592" s="6" t="s">
        <v>51</v>
      </c>
    </row>
    <row r="16593" spans="1:12">
      <c r="A16593" s="6" t="s">
        <v>15677</v>
      </c>
      <c r="B16593" s="6"/>
      <c r="C16593" s="6" t="s">
        <v>16619</v>
      </c>
      <c r="D16593" s="6"/>
      <c r="E16593" s="6" t="s">
        <v>9</v>
      </c>
      <c r="F16593" s="7"/>
      <c r="G16593" s="8">
        <v>1</v>
      </c>
      <c r="H16593" s="8">
        <v>1</v>
      </c>
      <c r="I16593" s="8">
        <v>0</v>
      </c>
      <c r="J16593" s="8">
        <v>1</v>
      </c>
      <c r="K16593" s="9">
        <v>24</v>
      </c>
      <c r="L16593" s="6" t="s">
        <v>51</v>
      </c>
    </row>
    <row r="16594" spans="1:12">
      <c r="A16594" s="6" t="s">
        <v>15677</v>
      </c>
      <c r="B16594" s="6"/>
      <c r="C16594" s="6" t="s">
        <v>16620</v>
      </c>
      <c r="D16594" s="6"/>
      <c r="E16594" s="6" t="s">
        <v>9</v>
      </c>
      <c r="F16594" s="7">
        <v>38657</v>
      </c>
      <c r="G16594" s="8">
        <v>1</v>
      </c>
      <c r="H16594" s="8">
        <v>1</v>
      </c>
      <c r="I16594" s="8">
        <v>0</v>
      </c>
      <c r="J16594" s="8">
        <v>1</v>
      </c>
      <c r="K16594" s="9">
        <v>64</v>
      </c>
      <c r="L16594" s="6" t="s">
        <v>51</v>
      </c>
    </row>
    <row r="16595" spans="1:12">
      <c r="A16595" s="6" t="s">
        <v>15677</v>
      </c>
      <c r="B16595" s="6"/>
      <c r="C16595" s="6" t="s">
        <v>16621</v>
      </c>
      <c r="D16595" s="6"/>
      <c r="E16595" s="6" t="s">
        <v>9</v>
      </c>
      <c r="F16595" s="7">
        <v>38657</v>
      </c>
      <c r="G16595" s="8">
        <v>1</v>
      </c>
      <c r="H16595" s="8">
        <v>1</v>
      </c>
      <c r="I16595" s="8">
        <v>0</v>
      </c>
      <c r="J16595" s="8">
        <v>1</v>
      </c>
      <c r="K16595" s="9">
        <v>86</v>
      </c>
      <c r="L16595" s="6" t="s">
        <v>51</v>
      </c>
    </row>
    <row r="16596" spans="1:12">
      <c r="A16596" s="6" t="s">
        <v>15677</v>
      </c>
      <c r="B16596" s="6"/>
      <c r="C16596" s="6" t="s">
        <v>16622</v>
      </c>
      <c r="D16596" s="6"/>
      <c r="E16596" s="6" t="s">
        <v>9</v>
      </c>
      <c r="F16596" s="7">
        <v>38657</v>
      </c>
      <c r="G16596" s="8">
        <v>1</v>
      </c>
      <c r="H16596" s="8">
        <v>1</v>
      </c>
      <c r="I16596" s="8">
        <v>0</v>
      </c>
      <c r="J16596" s="8">
        <v>1</v>
      </c>
      <c r="K16596" s="9">
        <v>52</v>
      </c>
      <c r="L16596" s="6" t="s">
        <v>51</v>
      </c>
    </row>
    <row r="16597" spans="1:12">
      <c r="A16597" s="6" t="s">
        <v>15677</v>
      </c>
      <c r="B16597" s="6"/>
      <c r="C16597" s="6" t="s">
        <v>16623</v>
      </c>
      <c r="D16597" s="6"/>
      <c r="E16597" s="6" t="s">
        <v>9</v>
      </c>
      <c r="F16597" s="7">
        <v>38657</v>
      </c>
      <c r="G16597" s="8">
        <v>1</v>
      </c>
      <c r="H16597" s="8">
        <v>1</v>
      </c>
      <c r="I16597" s="8">
        <v>0</v>
      </c>
      <c r="J16597" s="8">
        <v>1</v>
      </c>
      <c r="K16597" s="9">
        <v>100</v>
      </c>
      <c r="L16597" s="6" t="s">
        <v>51</v>
      </c>
    </row>
    <row r="16598" spans="1:12">
      <c r="A16598" s="6" t="s">
        <v>15677</v>
      </c>
      <c r="B16598" s="6"/>
      <c r="C16598" s="6" t="s">
        <v>16624</v>
      </c>
      <c r="D16598" s="6"/>
      <c r="E16598" s="6" t="s">
        <v>9</v>
      </c>
      <c r="F16598" s="7">
        <v>38657</v>
      </c>
      <c r="G16598" s="8">
        <v>1</v>
      </c>
      <c r="H16598" s="8">
        <v>1</v>
      </c>
      <c r="I16598" s="8">
        <v>0</v>
      </c>
      <c r="J16598" s="8">
        <v>1</v>
      </c>
      <c r="K16598" s="9">
        <v>140</v>
      </c>
      <c r="L16598" s="6" t="s">
        <v>51</v>
      </c>
    </row>
    <row r="16599" spans="1:12">
      <c r="A16599" s="6" t="s">
        <v>15677</v>
      </c>
      <c r="B16599" s="6"/>
      <c r="C16599" s="6" t="s">
        <v>16625</v>
      </c>
      <c r="D16599" s="6"/>
      <c r="E16599" s="6" t="s">
        <v>9</v>
      </c>
      <c r="F16599" s="7">
        <v>38657</v>
      </c>
      <c r="G16599" s="8">
        <v>1</v>
      </c>
      <c r="H16599" s="8">
        <v>1</v>
      </c>
      <c r="I16599" s="8">
        <v>0</v>
      </c>
      <c r="J16599" s="8">
        <v>1</v>
      </c>
      <c r="K16599" s="9">
        <v>57</v>
      </c>
      <c r="L16599" s="6" t="s">
        <v>51</v>
      </c>
    </row>
    <row r="16600" spans="1:12">
      <c r="A16600" s="6" t="s">
        <v>15677</v>
      </c>
      <c r="B16600" s="6"/>
      <c r="C16600" s="6" t="s">
        <v>16626</v>
      </c>
      <c r="D16600" s="6"/>
      <c r="E16600" s="6" t="s">
        <v>9</v>
      </c>
      <c r="F16600" s="7">
        <v>38657</v>
      </c>
      <c r="G16600" s="8">
        <v>1</v>
      </c>
      <c r="H16600" s="8">
        <v>1</v>
      </c>
      <c r="I16600" s="8">
        <v>0</v>
      </c>
      <c r="J16600" s="8">
        <v>1</v>
      </c>
      <c r="K16600" s="9">
        <v>15</v>
      </c>
      <c r="L16600" s="6" t="s">
        <v>51</v>
      </c>
    </row>
    <row r="16601" spans="1:12">
      <c r="A16601" s="6" t="s">
        <v>15677</v>
      </c>
      <c r="B16601" s="6"/>
      <c r="C16601" s="6" t="s">
        <v>16627</v>
      </c>
      <c r="D16601" s="6"/>
      <c r="E16601" s="6" t="s">
        <v>9</v>
      </c>
      <c r="F16601" s="7">
        <v>38657</v>
      </c>
      <c r="G16601" s="8">
        <v>1</v>
      </c>
      <c r="H16601" s="8">
        <v>1</v>
      </c>
      <c r="I16601" s="8">
        <v>0</v>
      </c>
      <c r="J16601" s="8">
        <v>1</v>
      </c>
      <c r="K16601" s="9">
        <v>606</v>
      </c>
      <c r="L16601" s="6" t="s">
        <v>51</v>
      </c>
    </row>
    <row r="16602" spans="1:12">
      <c r="A16602" s="6" t="s">
        <v>15677</v>
      </c>
      <c r="B16602" s="6"/>
      <c r="C16602" s="6" t="s">
        <v>16628</v>
      </c>
      <c r="D16602" s="6"/>
      <c r="E16602" s="6" t="s">
        <v>9</v>
      </c>
      <c r="F16602" s="7">
        <v>38657</v>
      </c>
      <c r="G16602" s="8">
        <v>1</v>
      </c>
      <c r="H16602" s="8">
        <v>1</v>
      </c>
      <c r="I16602" s="8">
        <v>0</v>
      </c>
      <c r="J16602" s="8">
        <v>1</v>
      </c>
      <c r="K16602" s="9">
        <v>865</v>
      </c>
      <c r="L16602" s="6" t="s">
        <v>51</v>
      </c>
    </row>
    <row r="16603" spans="1:12">
      <c r="A16603" s="6" t="s">
        <v>15677</v>
      </c>
      <c r="B16603" s="6"/>
      <c r="C16603" s="6" t="s">
        <v>16629</v>
      </c>
      <c r="D16603" s="6"/>
      <c r="E16603" s="6" t="s">
        <v>9</v>
      </c>
      <c r="F16603" s="7">
        <v>38657</v>
      </c>
      <c r="G16603" s="8">
        <v>1</v>
      </c>
      <c r="H16603" s="8">
        <v>1</v>
      </c>
      <c r="I16603" s="8">
        <v>0</v>
      </c>
      <c r="J16603" s="8">
        <v>1</v>
      </c>
      <c r="K16603" s="9">
        <v>135</v>
      </c>
      <c r="L16603" s="6" t="s">
        <v>51</v>
      </c>
    </row>
    <row r="16604" spans="1:12">
      <c r="A16604" s="6" t="s">
        <v>15677</v>
      </c>
      <c r="B16604" s="6"/>
      <c r="C16604" s="6" t="s">
        <v>16630</v>
      </c>
      <c r="D16604" s="6"/>
      <c r="E16604" s="6" t="s">
        <v>9</v>
      </c>
      <c r="F16604" s="7"/>
      <c r="G16604" s="8">
        <v>1</v>
      </c>
      <c r="H16604" s="8">
        <v>1</v>
      </c>
      <c r="I16604" s="8">
        <v>0</v>
      </c>
      <c r="J16604" s="8">
        <v>1</v>
      </c>
      <c r="K16604" s="9">
        <v>36</v>
      </c>
      <c r="L16604" s="6" t="s">
        <v>51</v>
      </c>
    </row>
    <row r="16605" spans="1:12">
      <c r="A16605" s="6" t="s">
        <v>15677</v>
      </c>
      <c r="B16605" s="6"/>
      <c r="C16605" s="6" t="s">
        <v>16631</v>
      </c>
      <c r="D16605" s="6"/>
      <c r="E16605" s="6" t="s">
        <v>9</v>
      </c>
      <c r="F16605" s="7">
        <v>38657</v>
      </c>
      <c r="G16605" s="8">
        <v>1</v>
      </c>
      <c r="H16605" s="8">
        <v>1</v>
      </c>
      <c r="I16605" s="8">
        <v>0</v>
      </c>
      <c r="J16605" s="8">
        <v>1</v>
      </c>
      <c r="K16605" s="9">
        <v>0.01</v>
      </c>
      <c r="L16605" s="6" t="s">
        <v>51</v>
      </c>
    </row>
    <row r="16606" spans="1:12">
      <c r="A16606" s="6" t="s">
        <v>15677</v>
      </c>
      <c r="B16606" s="6"/>
      <c r="C16606" s="6" t="s">
        <v>16632</v>
      </c>
      <c r="D16606" s="6"/>
      <c r="E16606" s="6" t="s">
        <v>9</v>
      </c>
      <c r="F16606" s="7">
        <v>38657</v>
      </c>
      <c r="G16606" s="8">
        <v>1</v>
      </c>
      <c r="H16606" s="8">
        <v>1</v>
      </c>
      <c r="I16606" s="8">
        <v>0</v>
      </c>
      <c r="J16606" s="8">
        <v>1</v>
      </c>
      <c r="K16606" s="9">
        <v>907</v>
      </c>
      <c r="L16606" s="6" t="s">
        <v>51</v>
      </c>
    </row>
    <row r="16607" spans="1:12">
      <c r="A16607" s="6" t="s">
        <v>15677</v>
      </c>
      <c r="B16607" s="6"/>
      <c r="C16607" s="6" t="s">
        <v>16633</v>
      </c>
      <c r="D16607" s="6"/>
      <c r="E16607" s="6" t="s">
        <v>9</v>
      </c>
      <c r="F16607" s="7">
        <v>38657</v>
      </c>
      <c r="G16607" s="8">
        <v>1</v>
      </c>
      <c r="H16607" s="8">
        <v>1</v>
      </c>
      <c r="I16607" s="8">
        <v>0</v>
      </c>
      <c r="J16607" s="8">
        <v>1</v>
      </c>
      <c r="K16607" s="9">
        <v>530</v>
      </c>
      <c r="L16607" s="6" t="s">
        <v>51</v>
      </c>
    </row>
    <row r="16608" spans="1:12">
      <c r="A16608" s="6" t="s">
        <v>15677</v>
      </c>
      <c r="B16608" s="6"/>
      <c r="C16608" s="6" t="s">
        <v>16634</v>
      </c>
      <c r="D16608" s="6"/>
      <c r="E16608" s="6" t="s">
        <v>9</v>
      </c>
      <c r="F16608" s="7">
        <v>38657</v>
      </c>
      <c r="G16608" s="8">
        <v>1</v>
      </c>
      <c r="H16608" s="8">
        <v>1</v>
      </c>
      <c r="I16608" s="8">
        <v>0</v>
      </c>
      <c r="J16608" s="8">
        <v>1</v>
      </c>
      <c r="K16608" s="9">
        <v>213</v>
      </c>
      <c r="L16608" s="6" t="s">
        <v>51</v>
      </c>
    </row>
    <row r="16609" spans="1:12">
      <c r="A16609" s="6" t="s">
        <v>15677</v>
      </c>
      <c r="B16609" s="6"/>
      <c r="C16609" s="6" t="s">
        <v>16635</v>
      </c>
      <c r="D16609" s="6"/>
      <c r="E16609" s="6" t="s">
        <v>9</v>
      </c>
      <c r="F16609" s="7">
        <v>38657</v>
      </c>
      <c r="G16609" s="8">
        <v>1</v>
      </c>
      <c r="H16609" s="8">
        <v>1</v>
      </c>
      <c r="I16609" s="8">
        <v>0</v>
      </c>
      <c r="J16609" s="8">
        <v>1</v>
      </c>
      <c r="K16609" s="9">
        <v>3.27</v>
      </c>
      <c r="L16609" s="6" t="s">
        <v>51</v>
      </c>
    </row>
    <row r="16610" spans="1:12">
      <c r="A16610" s="6" t="s">
        <v>15677</v>
      </c>
      <c r="B16610" s="6"/>
      <c r="C16610" s="6" t="s">
        <v>16636</v>
      </c>
      <c r="D16610" s="6"/>
      <c r="E16610" s="6" t="s">
        <v>9</v>
      </c>
      <c r="F16610" s="7">
        <v>38657</v>
      </c>
      <c r="G16610" s="8">
        <v>1</v>
      </c>
      <c r="H16610" s="8">
        <v>1</v>
      </c>
      <c r="I16610" s="8">
        <v>0</v>
      </c>
      <c r="J16610" s="8">
        <v>1</v>
      </c>
      <c r="K16610" s="9">
        <v>109.65</v>
      </c>
      <c r="L16610" s="6" t="s">
        <v>51</v>
      </c>
    </row>
    <row r="16611" spans="1:12">
      <c r="A16611" s="6" t="s">
        <v>15677</v>
      </c>
      <c r="B16611" s="6"/>
      <c r="C16611" s="6" t="s">
        <v>16637</v>
      </c>
      <c r="D16611" s="6"/>
      <c r="E16611" s="6" t="s">
        <v>9</v>
      </c>
      <c r="F16611" s="7">
        <v>38657</v>
      </c>
      <c r="G16611" s="8">
        <v>1</v>
      </c>
      <c r="H16611" s="8">
        <v>1</v>
      </c>
      <c r="I16611" s="8">
        <v>0</v>
      </c>
      <c r="J16611" s="8">
        <v>1</v>
      </c>
      <c r="K16611" s="9">
        <v>58</v>
      </c>
      <c r="L16611" s="6" t="s">
        <v>51</v>
      </c>
    </row>
    <row r="16612" spans="1:12">
      <c r="A16612" s="6" t="s">
        <v>15677</v>
      </c>
      <c r="B16612" s="6"/>
      <c r="C16612" s="6" t="s">
        <v>16638</v>
      </c>
      <c r="D16612" s="6"/>
      <c r="E16612" s="6" t="s">
        <v>9</v>
      </c>
      <c r="F16612" s="7">
        <v>38657</v>
      </c>
      <c r="G16612" s="8">
        <v>1</v>
      </c>
      <c r="H16612" s="8">
        <v>1</v>
      </c>
      <c r="I16612" s="8">
        <v>0</v>
      </c>
      <c r="J16612" s="8">
        <v>1</v>
      </c>
      <c r="K16612" s="9">
        <v>42</v>
      </c>
      <c r="L16612" s="6" t="s">
        <v>51</v>
      </c>
    </row>
    <row r="16613" spans="1:12">
      <c r="A16613" s="6" t="s">
        <v>15677</v>
      </c>
      <c r="B16613" s="6"/>
      <c r="C16613" s="6" t="s">
        <v>16639</v>
      </c>
      <c r="D16613" s="6"/>
      <c r="E16613" s="6" t="s">
        <v>9</v>
      </c>
      <c r="F16613" s="7">
        <v>38657</v>
      </c>
      <c r="G16613" s="8">
        <v>1</v>
      </c>
      <c r="H16613" s="8">
        <v>1</v>
      </c>
      <c r="I16613" s="8">
        <v>0</v>
      </c>
      <c r="J16613" s="8">
        <v>1</v>
      </c>
      <c r="K16613" s="9">
        <v>11</v>
      </c>
      <c r="L16613" s="6" t="s">
        <v>51</v>
      </c>
    </row>
    <row r="16614" spans="1:12">
      <c r="A16614" s="6" t="s">
        <v>15677</v>
      </c>
      <c r="B16614" s="6"/>
      <c r="C16614" s="6" t="s">
        <v>16640</v>
      </c>
      <c r="D16614" s="6"/>
      <c r="E16614" s="6" t="s">
        <v>9</v>
      </c>
      <c r="F16614" s="7">
        <v>38657</v>
      </c>
      <c r="G16614" s="8">
        <v>1</v>
      </c>
      <c r="H16614" s="8">
        <v>1</v>
      </c>
      <c r="I16614" s="8">
        <v>0</v>
      </c>
      <c r="J16614" s="8">
        <v>1</v>
      </c>
      <c r="K16614" s="9">
        <v>1.4</v>
      </c>
      <c r="L16614" s="6" t="s">
        <v>51</v>
      </c>
    </row>
    <row r="16615" spans="1:12">
      <c r="A16615" s="6" t="s">
        <v>15677</v>
      </c>
      <c r="B16615" s="6"/>
      <c r="C16615" s="6" t="s">
        <v>16641</v>
      </c>
      <c r="D16615" s="6"/>
      <c r="E16615" s="6" t="s">
        <v>9</v>
      </c>
      <c r="F16615" s="7">
        <v>38657</v>
      </c>
      <c r="G16615" s="8">
        <v>1</v>
      </c>
      <c r="H16615" s="8">
        <v>1</v>
      </c>
      <c r="I16615" s="8">
        <v>0</v>
      </c>
      <c r="J16615" s="8">
        <v>1</v>
      </c>
      <c r="K16615" s="9">
        <v>16</v>
      </c>
      <c r="L16615" s="6" t="s">
        <v>51</v>
      </c>
    </row>
    <row r="16616" spans="1:12">
      <c r="A16616" s="6" t="s">
        <v>15677</v>
      </c>
      <c r="B16616" s="6"/>
      <c r="C16616" s="6" t="s">
        <v>16642</v>
      </c>
      <c r="D16616" s="6"/>
      <c r="E16616" s="6" t="s">
        <v>9</v>
      </c>
      <c r="F16616" s="7">
        <v>38657</v>
      </c>
      <c r="G16616" s="8">
        <v>1</v>
      </c>
      <c r="H16616" s="8">
        <v>1</v>
      </c>
      <c r="I16616" s="8">
        <v>0</v>
      </c>
      <c r="J16616" s="8">
        <v>1</v>
      </c>
      <c r="K16616" s="9">
        <v>19</v>
      </c>
      <c r="L16616" s="6" t="s">
        <v>51</v>
      </c>
    </row>
    <row r="16617" spans="1:12">
      <c r="A16617" s="6" t="s">
        <v>15677</v>
      </c>
      <c r="B16617" s="6"/>
      <c r="C16617" s="6" t="s">
        <v>16643</v>
      </c>
      <c r="D16617" s="6"/>
      <c r="E16617" s="6" t="s">
        <v>9</v>
      </c>
      <c r="F16617" s="7">
        <v>38657</v>
      </c>
      <c r="G16617" s="8">
        <v>1</v>
      </c>
      <c r="H16617" s="8">
        <v>1</v>
      </c>
      <c r="I16617" s="8">
        <v>0</v>
      </c>
      <c r="J16617" s="8">
        <v>1</v>
      </c>
      <c r="K16617" s="9">
        <v>117</v>
      </c>
      <c r="L16617" s="6" t="s">
        <v>51</v>
      </c>
    </row>
    <row r="16618" spans="1:12">
      <c r="A16618" s="6" t="s">
        <v>15677</v>
      </c>
      <c r="B16618" s="6"/>
      <c r="C16618" s="6" t="s">
        <v>16644</v>
      </c>
      <c r="D16618" s="6"/>
      <c r="E16618" s="6" t="s">
        <v>9</v>
      </c>
      <c r="F16618" s="7">
        <v>38657</v>
      </c>
      <c r="G16618" s="8">
        <v>1</v>
      </c>
      <c r="H16618" s="8">
        <v>1</v>
      </c>
      <c r="I16618" s="8">
        <v>0</v>
      </c>
      <c r="J16618" s="8">
        <v>1</v>
      </c>
      <c r="K16618" s="9">
        <v>11</v>
      </c>
      <c r="L16618" s="6" t="s">
        <v>51</v>
      </c>
    </row>
    <row r="16619" spans="1:12">
      <c r="A16619" s="6" t="s">
        <v>15677</v>
      </c>
      <c r="B16619" s="6"/>
      <c r="C16619" s="6" t="s">
        <v>16645</v>
      </c>
      <c r="D16619" s="6"/>
      <c r="E16619" s="6" t="s">
        <v>9</v>
      </c>
      <c r="F16619" s="7">
        <v>38657</v>
      </c>
      <c r="G16619" s="8">
        <v>1</v>
      </c>
      <c r="H16619" s="8">
        <v>1</v>
      </c>
      <c r="I16619" s="8">
        <v>0</v>
      </c>
      <c r="J16619" s="8">
        <v>1</v>
      </c>
      <c r="K16619" s="9">
        <v>163</v>
      </c>
      <c r="L16619" s="6" t="s">
        <v>51</v>
      </c>
    </row>
    <row r="16620" spans="1:12">
      <c r="A16620" s="6" t="s">
        <v>15677</v>
      </c>
      <c r="B16620" s="6"/>
      <c r="C16620" s="6" t="s">
        <v>16646</v>
      </c>
      <c r="D16620" s="6"/>
      <c r="E16620" s="6" t="s">
        <v>9</v>
      </c>
      <c r="F16620" s="7">
        <v>38657</v>
      </c>
      <c r="G16620" s="8">
        <v>1</v>
      </c>
      <c r="H16620" s="8">
        <v>1</v>
      </c>
      <c r="I16620" s="8">
        <v>0</v>
      </c>
      <c r="J16620" s="8">
        <v>1</v>
      </c>
      <c r="K16620" s="9">
        <v>76</v>
      </c>
      <c r="L16620" s="6" t="s">
        <v>51</v>
      </c>
    </row>
    <row r="16621" spans="1:12">
      <c r="A16621" s="6" t="s">
        <v>15677</v>
      </c>
      <c r="B16621" s="6"/>
      <c r="C16621" s="6" t="s">
        <v>16647</v>
      </c>
      <c r="D16621" s="6"/>
      <c r="E16621" s="6" t="s">
        <v>9</v>
      </c>
      <c r="F16621" s="7">
        <v>38657</v>
      </c>
      <c r="G16621" s="8">
        <v>1512495</v>
      </c>
      <c r="H16621" s="8">
        <v>1512495</v>
      </c>
      <c r="I16621" s="8">
        <v>0</v>
      </c>
      <c r="J16621" s="8">
        <v>1512495</v>
      </c>
      <c r="K16621" s="9">
        <v>11.59</v>
      </c>
      <c r="L16621" s="6" t="s">
        <v>51</v>
      </c>
    </row>
    <row r="16622" spans="1:12">
      <c r="A16622" s="6" t="s">
        <v>15677</v>
      </c>
      <c r="B16622" s="6"/>
      <c r="C16622" s="6" t="s">
        <v>16648</v>
      </c>
      <c r="D16622" s="6"/>
      <c r="E16622" s="6" t="s">
        <v>9</v>
      </c>
      <c r="F16622" s="7">
        <v>38657</v>
      </c>
      <c r="G16622" s="8">
        <v>1</v>
      </c>
      <c r="H16622" s="8">
        <v>1</v>
      </c>
      <c r="I16622" s="8">
        <v>0</v>
      </c>
      <c r="J16622" s="8">
        <v>1</v>
      </c>
      <c r="K16622" s="9">
        <v>2.62</v>
      </c>
      <c r="L16622" s="6" t="s">
        <v>51</v>
      </c>
    </row>
    <row r="16623" spans="1:12">
      <c r="A16623" s="6" t="s">
        <v>15677</v>
      </c>
      <c r="B16623" s="6"/>
      <c r="C16623" s="6" t="s">
        <v>16649</v>
      </c>
      <c r="D16623" s="6"/>
      <c r="E16623" s="6" t="s">
        <v>9</v>
      </c>
      <c r="F16623" s="7">
        <v>38657</v>
      </c>
      <c r="G16623" s="8">
        <v>1</v>
      </c>
      <c r="H16623" s="8">
        <v>1</v>
      </c>
      <c r="I16623" s="8">
        <v>0</v>
      </c>
      <c r="J16623" s="8">
        <v>1</v>
      </c>
      <c r="K16623" s="9">
        <v>5.61</v>
      </c>
      <c r="L16623" s="6" t="s">
        <v>51</v>
      </c>
    </row>
    <row r="16624" spans="1:12">
      <c r="A16624" s="6" t="s">
        <v>15677</v>
      </c>
      <c r="B16624" s="6"/>
      <c r="C16624" s="6" t="s">
        <v>16650</v>
      </c>
      <c r="D16624" s="6"/>
      <c r="E16624" s="6" t="s">
        <v>9</v>
      </c>
      <c r="F16624" s="7">
        <v>38657</v>
      </c>
      <c r="G16624" s="8">
        <v>1</v>
      </c>
      <c r="H16624" s="8">
        <v>1</v>
      </c>
      <c r="I16624" s="8">
        <v>0</v>
      </c>
      <c r="J16624" s="8">
        <v>1</v>
      </c>
      <c r="K16624" s="9">
        <v>1.94</v>
      </c>
      <c r="L16624" s="6" t="s">
        <v>51</v>
      </c>
    </row>
    <row r="16625" spans="1:12">
      <c r="A16625" s="6" t="s">
        <v>15677</v>
      </c>
      <c r="B16625" s="6"/>
      <c r="C16625" s="6" t="s">
        <v>16651</v>
      </c>
      <c r="D16625" s="6"/>
      <c r="E16625" s="6" t="s">
        <v>9</v>
      </c>
      <c r="F16625" s="7">
        <v>38657</v>
      </c>
      <c r="G16625" s="8">
        <v>4510080</v>
      </c>
      <c r="H16625" s="8">
        <v>4510080</v>
      </c>
      <c r="I16625" s="8">
        <v>0</v>
      </c>
      <c r="J16625" s="8">
        <v>4510080</v>
      </c>
      <c r="K16625" s="9">
        <v>34.56</v>
      </c>
      <c r="L16625" s="6" t="s">
        <v>51</v>
      </c>
    </row>
    <row r="16626" spans="1:12">
      <c r="A16626" s="6" t="s">
        <v>15677</v>
      </c>
      <c r="B16626" s="6"/>
      <c r="C16626" s="6" t="s">
        <v>16652</v>
      </c>
      <c r="D16626" s="6"/>
      <c r="E16626" s="6" t="s">
        <v>9</v>
      </c>
      <c r="F16626" s="7">
        <v>38657</v>
      </c>
      <c r="G16626" s="8">
        <v>4557060</v>
      </c>
      <c r="H16626" s="8">
        <v>4557060</v>
      </c>
      <c r="I16626" s="8">
        <v>0</v>
      </c>
      <c r="J16626" s="8">
        <v>4557060</v>
      </c>
      <c r="K16626" s="9">
        <v>34.92</v>
      </c>
      <c r="L16626" s="6" t="s">
        <v>51</v>
      </c>
    </row>
    <row r="16627" spans="1:12">
      <c r="A16627" s="6" t="s">
        <v>15677</v>
      </c>
      <c r="B16627" s="6"/>
      <c r="C16627" s="6" t="s">
        <v>16653</v>
      </c>
      <c r="D16627" s="6"/>
      <c r="E16627" s="6" t="s">
        <v>9</v>
      </c>
      <c r="F16627" s="7">
        <v>38657</v>
      </c>
      <c r="G16627" s="8">
        <v>634230</v>
      </c>
      <c r="H16627" s="8">
        <v>634230</v>
      </c>
      <c r="I16627" s="8">
        <v>0</v>
      </c>
      <c r="J16627" s="8">
        <v>634230</v>
      </c>
      <c r="K16627" s="9">
        <v>4.8600000000000003</v>
      </c>
      <c r="L16627" s="6" t="s">
        <v>51</v>
      </c>
    </row>
    <row r="16628" spans="1:12">
      <c r="A16628" s="6" t="s">
        <v>15677</v>
      </c>
      <c r="B16628" s="6"/>
      <c r="C16628" s="6" t="s">
        <v>16654</v>
      </c>
      <c r="D16628" s="6"/>
      <c r="E16628" s="6" t="s">
        <v>9</v>
      </c>
      <c r="F16628" s="7">
        <v>38657</v>
      </c>
      <c r="G16628" s="8">
        <v>1</v>
      </c>
      <c r="H16628" s="8">
        <v>1</v>
      </c>
      <c r="I16628" s="8">
        <v>0</v>
      </c>
      <c r="J16628" s="8">
        <v>1</v>
      </c>
      <c r="K16628" s="9">
        <v>19</v>
      </c>
      <c r="L16628" s="6" t="s">
        <v>51</v>
      </c>
    </row>
    <row r="16629" spans="1:12">
      <c r="A16629" s="6" t="s">
        <v>15677</v>
      </c>
      <c r="B16629" s="6"/>
      <c r="C16629" s="6" t="s">
        <v>16655</v>
      </c>
      <c r="D16629" s="6"/>
      <c r="E16629" s="6" t="s">
        <v>9</v>
      </c>
      <c r="F16629" s="7">
        <v>38657</v>
      </c>
      <c r="G16629" s="8">
        <v>1</v>
      </c>
      <c r="H16629" s="8">
        <v>1</v>
      </c>
      <c r="I16629" s="8">
        <v>0</v>
      </c>
      <c r="J16629" s="8">
        <v>1</v>
      </c>
      <c r="K16629" s="9">
        <v>9.0399999999999903</v>
      </c>
      <c r="L16629" s="6" t="s">
        <v>51</v>
      </c>
    </row>
    <row r="16630" spans="1:12">
      <c r="A16630" s="6" t="s">
        <v>15677</v>
      </c>
      <c r="B16630" s="6"/>
      <c r="C16630" s="6" t="s">
        <v>16656</v>
      </c>
      <c r="D16630" s="6"/>
      <c r="E16630" s="6" t="s">
        <v>9</v>
      </c>
      <c r="F16630" s="7">
        <v>38657</v>
      </c>
      <c r="G16630" s="8">
        <v>1</v>
      </c>
      <c r="H16630" s="8">
        <v>1</v>
      </c>
      <c r="I16630" s="8">
        <v>0</v>
      </c>
      <c r="J16630" s="8">
        <v>1</v>
      </c>
      <c r="K16630" s="9">
        <v>21</v>
      </c>
      <c r="L16630" s="6" t="s">
        <v>51</v>
      </c>
    </row>
    <row r="16631" spans="1:12">
      <c r="A16631" s="6" t="s">
        <v>15677</v>
      </c>
      <c r="B16631" s="6"/>
      <c r="C16631" s="6" t="s">
        <v>16657</v>
      </c>
      <c r="D16631" s="6"/>
      <c r="E16631" s="6" t="s">
        <v>9</v>
      </c>
      <c r="F16631" s="7">
        <v>38657</v>
      </c>
      <c r="G16631" s="8">
        <v>1</v>
      </c>
      <c r="H16631" s="8">
        <v>1</v>
      </c>
      <c r="I16631" s="8">
        <v>0</v>
      </c>
      <c r="J16631" s="8">
        <v>1</v>
      </c>
      <c r="K16631" s="9">
        <v>78</v>
      </c>
      <c r="L16631" s="6" t="s">
        <v>51</v>
      </c>
    </row>
    <row r="16632" spans="1:12">
      <c r="A16632" s="6" t="s">
        <v>15677</v>
      </c>
      <c r="B16632" s="6"/>
      <c r="C16632" s="6" t="s">
        <v>16658</v>
      </c>
      <c r="D16632" s="6"/>
      <c r="E16632" s="6" t="s">
        <v>9</v>
      </c>
      <c r="F16632" s="7">
        <v>38657</v>
      </c>
      <c r="G16632" s="8">
        <v>1</v>
      </c>
      <c r="H16632" s="8">
        <v>1</v>
      </c>
      <c r="I16632" s="8">
        <v>0</v>
      </c>
      <c r="J16632" s="8">
        <v>1</v>
      </c>
      <c r="K16632" s="9">
        <v>39</v>
      </c>
      <c r="L16632" s="6" t="s">
        <v>51</v>
      </c>
    </row>
    <row r="16633" spans="1:12">
      <c r="A16633" s="6" t="s">
        <v>15677</v>
      </c>
      <c r="B16633" s="6"/>
      <c r="C16633" s="6" t="s">
        <v>16659</v>
      </c>
      <c r="D16633" s="6"/>
      <c r="E16633" s="6" t="s">
        <v>9</v>
      </c>
      <c r="F16633" s="7">
        <v>38657</v>
      </c>
      <c r="G16633" s="8">
        <v>1</v>
      </c>
      <c r="H16633" s="8">
        <v>1</v>
      </c>
      <c r="I16633" s="8">
        <v>0</v>
      </c>
      <c r="J16633" s="8">
        <v>1</v>
      </c>
      <c r="K16633" s="9">
        <v>7.52</v>
      </c>
      <c r="L16633" s="6" t="s">
        <v>51</v>
      </c>
    </row>
    <row r="16634" spans="1:12">
      <c r="A16634" s="6" t="s">
        <v>15677</v>
      </c>
      <c r="B16634" s="6"/>
      <c r="C16634" s="6" t="s">
        <v>16660</v>
      </c>
      <c r="D16634" s="6"/>
      <c r="E16634" s="6" t="s">
        <v>9</v>
      </c>
      <c r="F16634" s="7">
        <v>38657</v>
      </c>
      <c r="G16634" s="8">
        <v>1</v>
      </c>
      <c r="H16634" s="8">
        <v>1</v>
      </c>
      <c r="I16634" s="8">
        <v>0</v>
      </c>
      <c r="J16634" s="8">
        <v>1</v>
      </c>
      <c r="K16634" s="9">
        <v>1.0900000000000001</v>
      </c>
      <c r="L16634" s="6" t="s">
        <v>51</v>
      </c>
    </row>
    <row r="16635" spans="1:12">
      <c r="A16635" s="6" t="s">
        <v>15677</v>
      </c>
      <c r="B16635" s="6"/>
      <c r="C16635" s="6" t="s">
        <v>16661</v>
      </c>
      <c r="D16635" s="6"/>
      <c r="E16635" s="6" t="s">
        <v>9</v>
      </c>
      <c r="F16635" s="7">
        <v>38657</v>
      </c>
      <c r="G16635" s="8">
        <v>1</v>
      </c>
      <c r="H16635" s="8">
        <v>1</v>
      </c>
      <c r="I16635" s="8">
        <v>0</v>
      </c>
      <c r="J16635" s="8">
        <v>1</v>
      </c>
      <c r="K16635" s="9">
        <v>5.04</v>
      </c>
      <c r="L16635" s="6" t="s">
        <v>51</v>
      </c>
    </row>
    <row r="16636" spans="1:12">
      <c r="A16636" s="6" t="s">
        <v>15677</v>
      </c>
      <c r="B16636" s="6"/>
      <c r="C16636" s="6" t="s">
        <v>16662</v>
      </c>
      <c r="D16636" s="6"/>
      <c r="E16636" s="6" t="s">
        <v>9</v>
      </c>
      <c r="F16636" s="7">
        <v>38657</v>
      </c>
      <c r="G16636" s="8">
        <v>1</v>
      </c>
      <c r="H16636" s="8">
        <v>1</v>
      </c>
      <c r="I16636" s="8">
        <v>0</v>
      </c>
      <c r="J16636" s="8">
        <v>1</v>
      </c>
      <c r="K16636" s="9">
        <v>5.53</v>
      </c>
      <c r="L16636" s="6" t="s">
        <v>51</v>
      </c>
    </row>
    <row r="16637" spans="1:12">
      <c r="A16637" s="6" t="s">
        <v>15677</v>
      </c>
      <c r="B16637" s="6"/>
      <c r="C16637" s="6" t="s">
        <v>16663</v>
      </c>
      <c r="D16637" s="6"/>
      <c r="E16637" s="6" t="s">
        <v>9</v>
      </c>
      <c r="F16637" s="7">
        <v>38657</v>
      </c>
      <c r="G16637" s="8">
        <v>1</v>
      </c>
      <c r="H16637" s="8">
        <v>1</v>
      </c>
      <c r="I16637" s="8">
        <v>0</v>
      </c>
      <c r="J16637" s="8">
        <v>1</v>
      </c>
      <c r="K16637" s="9">
        <v>6.61</v>
      </c>
      <c r="L16637" s="6" t="s">
        <v>51</v>
      </c>
    </row>
    <row r="16638" spans="1:12">
      <c r="A16638" s="6" t="s">
        <v>15677</v>
      </c>
      <c r="B16638" s="6"/>
      <c r="C16638" s="6" t="s">
        <v>16664</v>
      </c>
      <c r="D16638" s="6"/>
      <c r="E16638" s="6" t="s">
        <v>9</v>
      </c>
      <c r="F16638" s="7">
        <v>38657</v>
      </c>
      <c r="G16638" s="8">
        <v>1</v>
      </c>
      <c r="H16638" s="8">
        <v>1</v>
      </c>
      <c r="I16638" s="8">
        <v>0</v>
      </c>
      <c r="J16638" s="8">
        <v>1</v>
      </c>
      <c r="K16638" s="9">
        <v>16</v>
      </c>
      <c r="L16638" s="6" t="s">
        <v>51</v>
      </c>
    </row>
    <row r="16639" spans="1:12">
      <c r="A16639" s="6" t="s">
        <v>15677</v>
      </c>
      <c r="B16639" s="6"/>
      <c r="C16639" s="6" t="s">
        <v>16665</v>
      </c>
      <c r="D16639" s="6"/>
      <c r="E16639" s="6" t="s">
        <v>9</v>
      </c>
      <c r="F16639" s="7">
        <v>38657</v>
      </c>
      <c r="G16639" s="8">
        <v>1</v>
      </c>
      <c r="H16639" s="8">
        <v>1</v>
      </c>
      <c r="I16639" s="8">
        <v>0</v>
      </c>
      <c r="J16639" s="8">
        <v>1</v>
      </c>
      <c r="K16639" s="9">
        <v>79</v>
      </c>
      <c r="L16639" s="6" t="s">
        <v>51</v>
      </c>
    </row>
    <row r="16640" spans="1:12">
      <c r="A16640" s="6" t="s">
        <v>15677</v>
      </c>
      <c r="B16640" s="6"/>
      <c r="C16640" s="6" t="s">
        <v>16666</v>
      </c>
      <c r="D16640" s="6"/>
      <c r="E16640" s="6" t="s">
        <v>9</v>
      </c>
      <c r="F16640" s="7">
        <v>38657</v>
      </c>
      <c r="G16640" s="8">
        <v>1</v>
      </c>
      <c r="H16640" s="8">
        <v>1</v>
      </c>
      <c r="I16640" s="8">
        <v>0</v>
      </c>
      <c r="J16640" s="8">
        <v>1</v>
      </c>
      <c r="K16640" s="9">
        <v>11.25</v>
      </c>
      <c r="L16640" s="6" t="s">
        <v>51</v>
      </c>
    </row>
    <row r="16641" spans="1:12">
      <c r="A16641" s="6" t="s">
        <v>15677</v>
      </c>
      <c r="B16641" s="6"/>
      <c r="C16641" s="6" t="s">
        <v>16667</v>
      </c>
      <c r="D16641" s="6"/>
      <c r="E16641" s="6" t="s">
        <v>9</v>
      </c>
      <c r="F16641" s="7">
        <v>38657</v>
      </c>
      <c r="G16641" s="8">
        <v>1</v>
      </c>
      <c r="H16641" s="8">
        <v>1</v>
      </c>
      <c r="I16641" s="8">
        <v>0</v>
      </c>
      <c r="J16641" s="8">
        <v>1</v>
      </c>
      <c r="K16641" s="9">
        <v>13</v>
      </c>
      <c r="L16641" s="6" t="s">
        <v>51</v>
      </c>
    </row>
    <row r="16642" spans="1:12">
      <c r="A16642" s="6" t="s">
        <v>15677</v>
      </c>
      <c r="B16642" s="6"/>
      <c r="C16642" s="6" t="s">
        <v>16668</v>
      </c>
      <c r="D16642" s="6"/>
      <c r="E16642" s="6" t="s">
        <v>9</v>
      </c>
      <c r="F16642" s="7">
        <v>38657</v>
      </c>
      <c r="G16642" s="8">
        <v>1</v>
      </c>
      <c r="H16642" s="8">
        <v>1</v>
      </c>
      <c r="I16642" s="8">
        <v>0</v>
      </c>
      <c r="J16642" s="8">
        <v>1</v>
      </c>
      <c r="K16642" s="9">
        <v>10</v>
      </c>
      <c r="L16642" s="6" t="s">
        <v>51</v>
      </c>
    </row>
    <row r="16643" spans="1:12">
      <c r="A16643" s="6" t="s">
        <v>15677</v>
      </c>
      <c r="B16643" s="6"/>
      <c r="C16643" s="6" t="s">
        <v>16669</v>
      </c>
      <c r="D16643" s="6"/>
      <c r="E16643" s="6" t="s">
        <v>9</v>
      </c>
      <c r="F16643" s="7">
        <v>38657</v>
      </c>
      <c r="G16643" s="8">
        <v>1</v>
      </c>
      <c r="H16643" s="8">
        <v>1</v>
      </c>
      <c r="I16643" s="8">
        <v>0</v>
      </c>
      <c r="J16643" s="8">
        <v>1</v>
      </c>
      <c r="K16643" s="9">
        <v>6.61</v>
      </c>
      <c r="L16643" s="6" t="s">
        <v>51</v>
      </c>
    </row>
    <row r="16644" spans="1:12">
      <c r="A16644" s="6" t="s">
        <v>15677</v>
      </c>
      <c r="B16644" s="6"/>
      <c r="C16644" s="6" t="s">
        <v>16670</v>
      </c>
      <c r="D16644" s="6"/>
      <c r="E16644" s="6" t="s">
        <v>9</v>
      </c>
      <c r="F16644" s="7">
        <v>38657</v>
      </c>
      <c r="G16644" s="8">
        <v>1</v>
      </c>
      <c r="H16644" s="8">
        <v>1</v>
      </c>
      <c r="I16644" s="8">
        <v>0</v>
      </c>
      <c r="J16644" s="8">
        <v>1</v>
      </c>
      <c r="K16644" s="9">
        <v>7.05</v>
      </c>
      <c r="L16644" s="6" t="s">
        <v>51</v>
      </c>
    </row>
    <row r="16645" spans="1:12">
      <c r="A16645" s="6" t="s">
        <v>15677</v>
      </c>
      <c r="B16645" s="6"/>
      <c r="C16645" s="6" t="s">
        <v>16671</v>
      </c>
      <c r="D16645" s="6"/>
      <c r="E16645" s="6" t="s">
        <v>9</v>
      </c>
      <c r="F16645" s="7">
        <v>38657</v>
      </c>
      <c r="G16645" s="8">
        <v>1</v>
      </c>
      <c r="H16645" s="8">
        <v>1</v>
      </c>
      <c r="I16645" s="8">
        <v>0</v>
      </c>
      <c r="J16645" s="8">
        <v>1</v>
      </c>
      <c r="K16645" s="9">
        <v>33</v>
      </c>
      <c r="L16645" s="6" t="s">
        <v>51</v>
      </c>
    </row>
    <row r="16646" spans="1:12">
      <c r="A16646" s="6" t="s">
        <v>15677</v>
      </c>
      <c r="B16646" s="6"/>
      <c r="C16646" s="6" t="s">
        <v>16672</v>
      </c>
      <c r="D16646" s="6"/>
      <c r="E16646" s="6" t="s">
        <v>9</v>
      </c>
      <c r="F16646" s="7">
        <v>38657</v>
      </c>
      <c r="G16646" s="8">
        <v>1</v>
      </c>
      <c r="H16646" s="8">
        <v>1</v>
      </c>
      <c r="I16646" s="8">
        <v>0</v>
      </c>
      <c r="J16646" s="8">
        <v>1</v>
      </c>
      <c r="K16646" s="9">
        <v>21.15</v>
      </c>
      <c r="L16646" s="6" t="s">
        <v>51</v>
      </c>
    </row>
    <row r="16647" spans="1:12">
      <c r="A16647" s="6" t="s">
        <v>15677</v>
      </c>
      <c r="B16647" s="6"/>
      <c r="C16647" s="6" t="s">
        <v>16673</v>
      </c>
      <c r="D16647" s="6"/>
      <c r="E16647" s="6" t="s">
        <v>9</v>
      </c>
      <c r="F16647" s="7">
        <v>38657</v>
      </c>
      <c r="G16647" s="8">
        <v>1</v>
      </c>
      <c r="H16647" s="8">
        <v>1</v>
      </c>
      <c r="I16647" s="8">
        <v>0</v>
      </c>
      <c r="J16647" s="8">
        <v>1</v>
      </c>
      <c r="K16647" s="9">
        <v>13.22</v>
      </c>
      <c r="L16647" s="6" t="s">
        <v>51</v>
      </c>
    </row>
    <row r="16648" spans="1:12">
      <c r="A16648" s="6" t="s">
        <v>15677</v>
      </c>
      <c r="B16648" s="6"/>
      <c r="C16648" s="6" t="s">
        <v>16674</v>
      </c>
      <c r="D16648" s="6"/>
      <c r="E16648" s="6" t="s">
        <v>9</v>
      </c>
      <c r="F16648" s="7">
        <v>38657</v>
      </c>
      <c r="G16648" s="8">
        <v>1</v>
      </c>
      <c r="H16648" s="8">
        <v>1</v>
      </c>
      <c r="I16648" s="8">
        <v>0</v>
      </c>
      <c r="J16648" s="8">
        <v>1</v>
      </c>
      <c r="K16648" s="9">
        <v>9.91</v>
      </c>
      <c r="L16648" s="6" t="s">
        <v>51</v>
      </c>
    </row>
    <row r="16649" spans="1:12">
      <c r="A16649" s="6" t="s">
        <v>15677</v>
      </c>
      <c r="B16649" s="6"/>
      <c r="C16649" s="6" t="s">
        <v>16675</v>
      </c>
      <c r="D16649" s="6"/>
      <c r="E16649" s="6" t="s">
        <v>9</v>
      </c>
      <c r="F16649" s="7">
        <v>38657</v>
      </c>
      <c r="G16649" s="8">
        <v>1</v>
      </c>
      <c r="H16649" s="8">
        <v>1</v>
      </c>
      <c r="I16649" s="8">
        <v>0</v>
      </c>
      <c r="J16649" s="8">
        <v>1</v>
      </c>
      <c r="K16649" s="9">
        <v>33</v>
      </c>
      <c r="L16649" s="6" t="s">
        <v>51</v>
      </c>
    </row>
    <row r="16650" spans="1:12">
      <c r="A16650" s="6" t="s">
        <v>15677</v>
      </c>
      <c r="B16650" s="6"/>
      <c r="C16650" s="6" t="s">
        <v>16676</v>
      </c>
      <c r="D16650" s="6"/>
      <c r="E16650" s="6" t="s">
        <v>9</v>
      </c>
      <c r="F16650" s="7">
        <v>38657</v>
      </c>
      <c r="G16650" s="8">
        <v>1</v>
      </c>
      <c r="H16650" s="8">
        <v>1</v>
      </c>
      <c r="I16650" s="8">
        <v>0</v>
      </c>
      <c r="J16650" s="8">
        <v>1</v>
      </c>
      <c r="K16650" s="9">
        <v>11</v>
      </c>
      <c r="L16650" s="6" t="s">
        <v>51</v>
      </c>
    </row>
    <row r="16651" spans="1:12">
      <c r="A16651" s="6" t="s">
        <v>15677</v>
      </c>
      <c r="B16651" s="6"/>
      <c r="C16651" s="6" t="s">
        <v>16677</v>
      </c>
      <c r="D16651" s="6"/>
      <c r="E16651" s="6" t="s">
        <v>9</v>
      </c>
      <c r="F16651" s="7">
        <v>38657</v>
      </c>
      <c r="G16651" s="8">
        <v>1</v>
      </c>
      <c r="H16651" s="8">
        <v>1</v>
      </c>
      <c r="I16651" s="8">
        <v>0</v>
      </c>
      <c r="J16651" s="8">
        <v>1</v>
      </c>
      <c r="K16651" s="9">
        <v>33</v>
      </c>
      <c r="L16651" s="6" t="s">
        <v>51</v>
      </c>
    </row>
    <row r="16652" spans="1:12">
      <c r="A16652" s="6" t="s">
        <v>15677</v>
      </c>
      <c r="B16652" s="6"/>
      <c r="C16652" s="6" t="s">
        <v>16678</v>
      </c>
      <c r="D16652" s="6"/>
      <c r="E16652" s="6" t="s">
        <v>9</v>
      </c>
      <c r="F16652" s="7">
        <v>38657</v>
      </c>
      <c r="G16652" s="8">
        <v>1</v>
      </c>
      <c r="H16652" s="8">
        <v>1</v>
      </c>
      <c r="I16652" s="8">
        <v>0</v>
      </c>
      <c r="J16652" s="8">
        <v>1</v>
      </c>
      <c r="K16652" s="9">
        <v>46</v>
      </c>
      <c r="L16652" s="6" t="s">
        <v>51</v>
      </c>
    </row>
    <row r="16653" spans="1:12">
      <c r="A16653" s="6" t="s">
        <v>15677</v>
      </c>
      <c r="B16653" s="6"/>
      <c r="C16653" s="6" t="s">
        <v>16679</v>
      </c>
      <c r="D16653" s="6"/>
      <c r="E16653" s="6" t="s">
        <v>9</v>
      </c>
      <c r="F16653" s="7">
        <v>38657</v>
      </c>
      <c r="G16653" s="8">
        <v>1</v>
      </c>
      <c r="H16653" s="8">
        <v>1</v>
      </c>
      <c r="I16653" s="8">
        <v>0</v>
      </c>
      <c r="J16653" s="8">
        <v>1</v>
      </c>
      <c r="K16653" s="9">
        <v>6.61</v>
      </c>
      <c r="L16653" s="6" t="s">
        <v>51</v>
      </c>
    </row>
    <row r="16654" spans="1:12">
      <c r="A16654" s="6" t="s">
        <v>15677</v>
      </c>
      <c r="B16654" s="6"/>
      <c r="C16654" s="6" t="s">
        <v>16680</v>
      </c>
      <c r="D16654" s="6"/>
      <c r="E16654" s="6" t="s">
        <v>9</v>
      </c>
      <c r="F16654" s="7">
        <v>38657</v>
      </c>
      <c r="G16654" s="8">
        <v>1</v>
      </c>
      <c r="H16654" s="8">
        <v>1</v>
      </c>
      <c r="I16654" s="8">
        <v>0</v>
      </c>
      <c r="J16654" s="8">
        <v>1</v>
      </c>
      <c r="K16654" s="9">
        <v>6.61</v>
      </c>
      <c r="L16654" s="6" t="s">
        <v>51</v>
      </c>
    </row>
    <row r="16655" spans="1:12">
      <c r="A16655" s="6" t="s">
        <v>15677</v>
      </c>
      <c r="B16655" s="6"/>
      <c r="C16655" s="6" t="s">
        <v>16681</v>
      </c>
      <c r="D16655" s="6"/>
      <c r="E16655" s="6" t="s">
        <v>9</v>
      </c>
      <c r="F16655" s="7">
        <v>38657</v>
      </c>
      <c r="G16655" s="8">
        <v>1</v>
      </c>
      <c r="H16655" s="8">
        <v>1</v>
      </c>
      <c r="I16655" s="8">
        <v>0</v>
      </c>
      <c r="J16655" s="8">
        <v>1</v>
      </c>
      <c r="K16655" s="9">
        <v>13</v>
      </c>
      <c r="L16655" s="6" t="s">
        <v>51</v>
      </c>
    </row>
    <row r="16656" spans="1:12">
      <c r="A16656" s="6" t="s">
        <v>15677</v>
      </c>
      <c r="B16656" s="6"/>
      <c r="C16656" s="6" t="s">
        <v>16682</v>
      </c>
      <c r="D16656" s="6"/>
      <c r="E16656" s="6" t="s">
        <v>9</v>
      </c>
      <c r="F16656" s="7">
        <v>38657</v>
      </c>
      <c r="G16656" s="8">
        <v>1</v>
      </c>
      <c r="H16656" s="8">
        <v>1</v>
      </c>
      <c r="I16656" s="8">
        <v>0</v>
      </c>
      <c r="J16656" s="8">
        <v>1</v>
      </c>
      <c r="K16656" s="9">
        <v>13.5</v>
      </c>
      <c r="L16656" s="6" t="s">
        <v>51</v>
      </c>
    </row>
    <row r="16657" spans="1:12">
      <c r="A16657" s="6" t="s">
        <v>15677</v>
      </c>
      <c r="B16657" s="6"/>
      <c r="C16657" s="6" t="s">
        <v>16683</v>
      </c>
      <c r="D16657" s="6"/>
      <c r="E16657" s="6" t="s">
        <v>9</v>
      </c>
      <c r="F16657" s="7">
        <v>38657</v>
      </c>
      <c r="G16657" s="8">
        <v>1</v>
      </c>
      <c r="H16657" s="8">
        <v>1</v>
      </c>
      <c r="I16657" s="8">
        <v>0</v>
      </c>
      <c r="J16657" s="8">
        <v>1</v>
      </c>
      <c r="K16657" s="9">
        <v>6.61</v>
      </c>
      <c r="L16657" s="6" t="s">
        <v>51</v>
      </c>
    </row>
    <row r="16658" spans="1:12">
      <c r="A16658" s="6" t="s">
        <v>15677</v>
      </c>
      <c r="B16658" s="6"/>
      <c r="C16658" s="6" t="s">
        <v>16684</v>
      </c>
      <c r="D16658" s="6"/>
      <c r="E16658" s="6" t="s">
        <v>9</v>
      </c>
      <c r="F16658" s="7">
        <v>38657</v>
      </c>
      <c r="G16658" s="8">
        <v>1</v>
      </c>
      <c r="H16658" s="8">
        <v>1</v>
      </c>
      <c r="I16658" s="8">
        <v>0</v>
      </c>
      <c r="J16658" s="8">
        <v>1</v>
      </c>
      <c r="K16658" s="9">
        <v>4.32</v>
      </c>
      <c r="L16658" s="6" t="s">
        <v>51</v>
      </c>
    </row>
    <row r="16659" spans="1:12">
      <c r="A16659" s="6" t="s">
        <v>15677</v>
      </c>
      <c r="B16659" s="6"/>
      <c r="C16659" s="6" t="s">
        <v>16685</v>
      </c>
      <c r="D16659" s="6"/>
      <c r="E16659" s="6" t="s">
        <v>9</v>
      </c>
      <c r="F16659" s="7">
        <v>38657</v>
      </c>
      <c r="G16659" s="8">
        <v>1</v>
      </c>
      <c r="H16659" s="8">
        <v>1</v>
      </c>
      <c r="I16659" s="8">
        <v>0</v>
      </c>
      <c r="J16659" s="8">
        <v>1</v>
      </c>
      <c r="K16659" s="9">
        <v>6.61</v>
      </c>
      <c r="L16659" s="6" t="s">
        <v>51</v>
      </c>
    </row>
    <row r="16660" spans="1:12">
      <c r="A16660" s="6" t="s">
        <v>15677</v>
      </c>
      <c r="B16660" s="6"/>
      <c r="C16660" s="6" t="s">
        <v>16686</v>
      </c>
      <c r="D16660" s="6"/>
      <c r="E16660" s="6" t="s">
        <v>9</v>
      </c>
      <c r="F16660" s="7">
        <v>38657</v>
      </c>
      <c r="G16660" s="8">
        <v>1</v>
      </c>
      <c r="H16660" s="8">
        <v>1</v>
      </c>
      <c r="I16660" s="8">
        <v>0</v>
      </c>
      <c r="J16660" s="8">
        <v>1</v>
      </c>
      <c r="K16660" s="9">
        <v>15</v>
      </c>
      <c r="L16660" s="6" t="s">
        <v>51</v>
      </c>
    </row>
    <row r="16661" spans="1:12">
      <c r="A16661" s="6" t="s">
        <v>15677</v>
      </c>
      <c r="B16661" s="6"/>
      <c r="C16661" s="6" t="s">
        <v>16687</v>
      </c>
      <c r="D16661" s="6"/>
      <c r="E16661" s="6" t="s">
        <v>9</v>
      </c>
      <c r="F16661" s="7">
        <v>38657</v>
      </c>
      <c r="G16661" s="8">
        <v>1</v>
      </c>
      <c r="H16661" s="8">
        <v>1</v>
      </c>
      <c r="I16661" s="8">
        <v>0</v>
      </c>
      <c r="J16661" s="8">
        <v>1</v>
      </c>
      <c r="K16661" s="9">
        <v>2.19</v>
      </c>
      <c r="L16661" s="6" t="s">
        <v>51</v>
      </c>
    </row>
    <row r="16662" spans="1:12">
      <c r="A16662" s="6" t="s">
        <v>15677</v>
      </c>
      <c r="B16662" s="6"/>
      <c r="C16662" s="6" t="s">
        <v>16688</v>
      </c>
      <c r="D16662" s="6"/>
      <c r="E16662" s="6" t="s">
        <v>9</v>
      </c>
      <c r="F16662" s="7">
        <v>38657</v>
      </c>
      <c r="G16662" s="8">
        <v>1</v>
      </c>
      <c r="H16662" s="8">
        <v>1</v>
      </c>
      <c r="I16662" s="8">
        <v>0</v>
      </c>
      <c r="J16662" s="8">
        <v>1</v>
      </c>
      <c r="K16662" s="9">
        <v>27</v>
      </c>
      <c r="L16662" s="6" t="s">
        <v>51</v>
      </c>
    </row>
    <row r="16663" spans="1:12">
      <c r="A16663" s="6" t="s">
        <v>15677</v>
      </c>
      <c r="B16663" s="6"/>
      <c r="C16663" s="6" t="s">
        <v>16689</v>
      </c>
      <c r="D16663" s="6"/>
      <c r="E16663" s="6" t="s">
        <v>9</v>
      </c>
      <c r="F16663" s="7">
        <v>38657</v>
      </c>
      <c r="G16663" s="8">
        <v>1</v>
      </c>
      <c r="H16663" s="8">
        <v>1</v>
      </c>
      <c r="I16663" s="8">
        <v>0</v>
      </c>
      <c r="J16663" s="8">
        <v>1</v>
      </c>
      <c r="K16663" s="9">
        <v>5.7</v>
      </c>
      <c r="L16663" s="6" t="s">
        <v>51</v>
      </c>
    </row>
    <row r="16664" spans="1:12">
      <c r="A16664" s="6" t="s">
        <v>15677</v>
      </c>
      <c r="B16664" s="6"/>
      <c r="C16664" s="6" t="s">
        <v>16690</v>
      </c>
      <c r="D16664" s="6"/>
      <c r="E16664" s="6" t="s">
        <v>9</v>
      </c>
      <c r="F16664" s="7">
        <v>38657</v>
      </c>
      <c r="G16664" s="8">
        <v>1</v>
      </c>
      <c r="H16664" s="8">
        <v>1</v>
      </c>
      <c r="I16664" s="8">
        <v>0</v>
      </c>
      <c r="J16664" s="8">
        <v>1</v>
      </c>
      <c r="K16664" s="9">
        <v>7.36</v>
      </c>
      <c r="L16664" s="6" t="s">
        <v>51</v>
      </c>
    </row>
    <row r="16665" spans="1:12">
      <c r="A16665" s="6" t="s">
        <v>15677</v>
      </c>
      <c r="B16665" s="6"/>
      <c r="C16665" s="6" t="s">
        <v>16691</v>
      </c>
      <c r="D16665" s="6"/>
      <c r="E16665" s="6" t="s">
        <v>9</v>
      </c>
      <c r="F16665" s="7">
        <v>38657</v>
      </c>
      <c r="G16665" s="8">
        <v>1</v>
      </c>
      <c r="H16665" s="8">
        <v>1</v>
      </c>
      <c r="I16665" s="8">
        <v>0</v>
      </c>
      <c r="J16665" s="8">
        <v>1</v>
      </c>
      <c r="K16665" s="9">
        <v>0.55000000000000004</v>
      </c>
      <c r="L16665" s="6" t="s">
        <v>51</v>
      </c>
    </row>
    <row r="16666" spans="1:12">
      <c r="A16666" s="6" t="s">
        <v>15677</v>
      </c>
      <c r="B16666" s="6"/>
      <c r="C16666" s="6" t="s">
        <v>16692</v>
      </c>
      <c r="D16666" s="6"/>
      <c r="E16666" s="6" t="s">
        <v>9</v>
      </c>
      <c r="F16666" s="7">
        <v>38657</v>
      </c>
      <c r="G16666" s="8">
        <v>1</v>
      </c>
      <c r="H16666" s="8">
        <v>1</v>
      </c>
      <c r="I16666" s="8">
        <v>0</v>
      </c>
      <c r="J16666" s="8">
        <v>1</v>
      </c>
      <c r="K16666" s="9">
        <v>360</v>
      </c>
      <c r="L16666" s="6" t="s">
        <v>51</v>
      </c>
    </row>
    <row r="16667" spans="1:12">
      <c r="A16667" s="6" t="s">
        <v>15677</v>
      </c>
      <c r="B16667" s="6"/>
      <c r="C16667" s="6" t="s">
        <v>16693</v>
      </c>
      <c r="D16667" s="6"/>
      <c r="E16667" s="6" t="s">
        <v>9</v>
      </c>
      <c r="F16667" s="7">
        <v>38657</v>
      </c>
      <c r="G16667" s="8">
        <v>1</v>
      </c>
      <c r="H16667" s="8">
        <v>1</v>
      </c>
      <c r="I16667" s="8">
        <v>0</v>
      </c>
      <c r="J16667" s="8">
        <v>1</v>
      </c>
      <c r="K16667" s="9">
        <v>447</v>
      </c>
      <c r="L16667" s="6" t="s">
        <v>51</v>
      </c>
    </row>
    <row r="16668" spans="1:12">
      <c r="A16668" s="6" t="s">
        <v>15677</v>
      </c>
      <c r="B16668" s="6"/>
      <c r="C16668" s="6" t="s">
        <v>16694</v>
      </c>
      <c r="D16668" s="6"/>
      <c r="E16668" s="6" t="s">
        <v>9</v>
      </c>
      <c r="F16668" s="7">
        <v>38657</v>
      </c>
      <c r="G16668" s="8">
        <v>1</v>
      </c>
      <c r="H16668" s="8">
        <v>1</v>
      </c>
      <c r="I16668" s="8">
        <v>0</v>
      </c>
      <c r="J16668" s="8">
        <v>1</v>
      </c>
      <c r="K16668" s="9">
        <v>415</v>
      </c>
      <c r="L16668" s="6" t="s">
        <v>51</v>
      </c>
    </row>
    <row r="16669" spans="1:12">
      <c r="A16669" s="6" t="s">
        <v>15677</v>
      </c>
      <c r="B16669" s="6"/>
      <c r="C16669" s="6" t="s">
        <v>16695</v>
      </c>
      <c r="D16669" s="6"/>
      <c r="E16669" s="6" t="s">
        <v>9</v>
      </c>
      <c r="F16669" s="7"/>
      <c r="G16669" s="8">
        <v>1</v>
      </c>
      <c r="H16669" s="8">
        <v>1</v>
      </c>
      <c r="I16669" s="8">
        <v>0</v>
      </c>
      <c r="J16669" s="8">
        <v>1</v>
      </c>
      <c r="K16669" s="9">
        <v>52</v>
      </c>
      <c r="L16669" s="6" t="s">
        <v>51</v>
      </c>
    </row>
    <row r="16670" spans="1:12">
      <c r="A16670" s="6" t="s">
        <v>15677</v>
      </c>
      <c r="B16670" s="6"/>
      <c r="C16670" s="6" t="s">
        <v>16696</v>
      </c>
      <c r="D16670" s="6"/>
      <c r="E16670" s="6" t="s">
        <v>9</v>
      </c>
      <c r="F16670" s="7">
        <v>38657</v>
      </c>
      <c r="G16670" s="8">
        <v>1</v>
      </c>
      <c r="H16670" s="8">
        <v>1</v>
      </c>
      <c r="I16670" s="8">
        <v>0</v>
      </c>
      <c r="J16670" s="8">
        <v>1</v>
      </c>
      <c r="K16670" s="9">
        <v>18</v>
      </c>
      <c r="L16670" s="6" t="s">
        <v>51</v>
      </c>
    </row>
    <row r="16671" spans="1:12">
      <c r="A16671" s="6" t="s">
        <v>15677</v>
      </c>
      <c r="B16671" s="6"/>
      <c r="C16671" s="6" t="s">
        <v>16697</v>
      </c>
      <c r="D16671" s="6"/>
      <c r="E16671" s="6" t="s">
        <v>9</v>
      </c>
      <c r="F16671" s="7">
        <v>38657</v>
      </c>
      <c r="G16671" s="8">
        <v>1</v>
      </c>
      <c r="H16671" s="8">
        <v>1</v>
      </c>
      <c r="I16671" s="8">
        <v>0</v>
      </c>
      <c r="J16671" s="8">
        <v>1</v>
      </c>
      <c r="K16671" s="9">
        <v>3.06</v>
      </c>
      <c r="L16671" s="6" t="s">
        <v>51</v>
      </c>
    </row>
    <row r="16672" spans="1:12">
      <c r="A16672" s="6" t="s">
        <v>15677</v>
      </c>
      <c r="B16672" s="6"/>
      <c r="C16672" s="6" t="s">
        <v>16698</v>
      </c>
      <c r="D16672" s="6"/>
      <c r="E16672" s="6" t="s">
        <v>9</v>
      </c>
      <c r="F16672" s="7">
        <v>38657</v>
      </c>
      <c r="G16672" s="8">
        <v>1</v>
      </c>
      <c r="H16672" s="8">
        <v>1</v>
      </c>
      <c r="I16672" s="8">
        <v>0</v>
      </c>
      <c r="J16672" s="8">
        <v>1</v>
      </c>
      <c r="K16672" s="9">
        <v>18</v>
      </c>
      <c r="L16672" s="6" t="s">
        <v>51</v>
      </c>
    </row>
    <row r="16673" spans="1:12">
      <c r="A16673" s="6" t="s">
        <v>15677</v>
      </c>
      <c r="B16673" s="6"/>
      <c r="C16673" s="6" t="s">
        <v>16699</v>
      </c>
      <c r="D16673" s="6"/>
      <c r="E16673" s="6" t="s">
        <v>9</v>
      </c>
      <c r="F16673" s="7">
        <v>38657</v>
      </c>
      <c r="G16673" s="8">
        <v>1</v>
      </c>
      <c r="H16673" s="8">
        <v>1</v>
      </c>
      <c r="I16673" s="8">
        <v>0</v>
      </c>
      <c r="J16673" s="8">
        <v>1</v>
      </c>
      <c r="K16673" s="9">
        <v>2296</v>
      </c>
      <c r="L16673" s="6" t="s">
        <v>51</v>
      </c>
    </row>
    <row r="16674" spans="1:12">
      <c r="A16674" s="6" t="s">
        <v>15677</v>
      </c>
      <c r="B16674" s="6"/>
      <c r="C16674" s="6" t="s">
        <v>16700</v>
      </c>
      <c r="D16674" s="6"/>
      <c r="E16674" s="6" t="s">
        <v>9</v>
      </c>
      <c r="F16674" s="7">
        <v>38657</v>
      </c>
      <c r="G16674" s="8">
        <v>1</v>
      </c>
      <c r="H16674" s="8">
        <v>1</v>
      </c>
      <c r="I16674" s="8">
        <v>0</v>
      </c>
      <c r="J16674" s="8">
        <v>1</v>
      </c>
      <c r="K16674" s="9">
        <v>23</v>
      </c>
      <c r="L16674" s="6" t="s">
        <v>51</v>
      </c>
    </row>
    <row r="16675" spans="1:12">
      <c r="A16675" s="6" t="s">
        <v>15677</v>
      </c>
      <c r="B16675" s="6"/>
      <c r="C16675" s="6" t="s">
        <v>16701</v>
      </c>
      <c r="D16675" s="6"/>
      <c r="E16675" s="6" t="s">
        <v>9</v>
      </c>
      <c r="F16675" s="7">
        <v>38657</v>
      </c>
      <c r="G16675" s="8">
        <v>1</v>
      </c>
      <c r="H16675" s="8">
        <v>1</v>
      </c>
      <c r="I16675" s="8">
        <v>0</v>
      </c>
      <c r="J16675" s="8">
        <v>1</v>
      </c>
      <c r="K16675" s="9">
        <v>31</v>
      </c>
      <c r="L16675" s="6" t="s">
        <v>51</v>
      </c>
    </row>
    <row r="16676" spans="1:12">
      <c r="A16676" s="6" t="s">
        <v>15677</v>
      </c>
      <c r="B16676" s="6"/>
      <c r="C16676" s="6" t="s">
        <v>16702</v>
      </c>
      <c r="D16676" s="6"/>
      <c r="E16676" s="6" t="s">
        <v>9</v>
      </c>
      <c r="F16676" s="7">
        <v>38657</v>
      </c>
      <c r="G16676" s="8">
        <v>1</v>
      </c>
      <c r="H16676" s="8">
        <v>1</v>
      </c>
      <c r="I16676" s="8">
        <v>0</v>
      </c>
      <c r="J16676" s="8">
        <v>1</v>
      </c>
      <c r="K16676" s="9">
        <v>29</v>
      </c>
      <c r="L16676" s="6" t="s">
        <v>51</v>
      </c>
    </row>
    <row r="16677" spans="1:12">
      <c r="A16677" s="6" t="s">
        <v>15677</v>
      </c>
      <c r="B16677" s="6"/>
      <c r="C16677" s="6" t="s">
        <v>16703</v>
      </c>
      <c r="D16677" s="6"/>
      <c r="E16677" s="6" t="s">
        <v>9</v>
      </c>
      <c r="F16677" s="7">
        <v>38657</v>
      </c>
      <c r="G16677" s="8">
        <v>1</v>
      </c>
      <c r="H16677" s="8">
        <v>1</v>
      </c>
      <c r="I16677" s="8">
        <v>0</v>
      </c>
      <c r="J16677" s="8">
        <v>1</v>
      </c>
      <c r="K16677" s="9">
        <v>56</v>
      </c>
      <c r="L16677" s="6" t="s">
        <v>51</v>
      </c>
    </row>
    <row r="16678" spans="1:12">
      <c r="A16678" s="6" t="s">
        <v>15677</v>
      </c>
      <c r="B16678" s="6"/>
      <c r="C16678" s="6" t="s">
        <v>16704</v>
      </c>
      <c r="D16678" s="6"/>
      <c r="E16678" s="6" t="s">
        <v>9</v>
      </c>
      <c r="F16678" s="7">
        <v>38657</v>
      </c>
      <c r="G16678" s="8">
        <v>1</v>
      </c>
      <c r="H16678" s="8">
        <v>1</v>
      </c>
      <c r="I16678" s="8">
        <v>0</v>
      </c>
      <c r="J16678" s="8">
        <v>1</v>
      </c>
      <c r="K16678" s="9">
        <v>6.26</v>
      </c>
      <c r="L16678" s="6" t="s">
        <v>51</v>
      </c>
    </row>
    <row r="16679" spans="1:12">
      <c r="A16679" s="6" t="s">
        <v>15677</v>
      </c>
      <c r="B16679" s="6"/>
      <c r="C16679" s="6" t="s">
        <v>16705</v>
      </c>
      <c r="D16679" s="6"/>
      <c r="E16679" s="6" t="s">
        <v>9</v>
      </c>
      <c r="F16679" s="7">
        <v>38657</v>
      </c>
      <c r="G16679" s="8">
        <v>1</v>
      </c>
      <c r="H16679" s="8">
        <v>1</v>
      </c>
      <c r="I16679" s="8">
        <v>0</v>
      </c>
      <c r="J16679" s="8">
        <v>1</v>
      </c>
      <c r="K16679" s="9">
        <v>7</v>
      </c>
      <c r="L16679" s="6" t="s">
        <v>51</v>
      </c>
    </row>
    <row r="16680" spans="1:12">
      <c r="A16680" s="6" t="s">
        <v>15677</v>
      </c>
      <c r="B16680" s="6"/>
      <c r="C16680" s="6" t="s">
        <v>16706</v>
      </c>
      <c r="D16680" s="6"/>
      <c r="E16680" s="6" t="s">
        <v>9</v>
      </c>
      <c r="F16680" s="7">
        <v>38657</v>
      </c>
      <c r="G16680" s="8">
        <v>1</v>
      </c>
      <c r="H16680" s="8">
        <v>1</v>
      </c>
      <c r="I16680" s="8">
        <v>0</v>
      </c>
      <c r="J16680" s="8">
        <v>1</v>
      </c>
      <c r="K16680" s="9">
        <v>13</v>
      </c>
      <c r="L16680" s="6" t="s">
        <v>51</v>
      </c>
    </row>
    <row r="16681" spans="1:12">
      <c r="A16681" s="6" t="s">
        <v>15677</v>
      </c>
      <c r="B16681" s="6"/>
      <c r="C16681" s="6" t="s">
        <v>16707</v>
      </c>
      <c r="D16681" s="6"/>
      <c r="E16681" s="6" t="s">
        <v>9</v>
      </c>
      <c r="F16681" s="7">
        <v>38657</v>
      </c>
      <c r="G16681" s="8">
        <v>1</v>
      </c>
      <c r="H16681" s="8">
        <v>1</v>
      </c>
      <c r="I16681" s="8">
        <v>0</v>
      </c>
      <c r="J16681" s="8">
        <v>1</v>
      </c>
      <c r="K16681" s="9">
        <v>9.91</v>
      </c>
      <c r="L16681" s="6" t="s">
        <v>51</v>
      </c>
    </row>
    <row r="16682" spans="1:12">
      <c r="A16682" s="6" t="s">
        <v>15677</v>
      </c>
      <c r="B16682" s="6"/>
      <c r="C16682" s="6" t="s">
        <v>16708</v>
      </c>
      <c r="D16682" s="6"/>
      <c r="E16682" s="6" t="s">
        <v>9</v>
      </c>
      <c r="F16682" s="7">
        <v>38657</v>
      </c>
      <c r="G16682" s="8">
        <v>1</v>
      </c>
      <c r="H16682" s="8">
        <v>1</v>
      </c>
      <c r="I16682" s="8">
        <v>0</v>
      </c>
      <c r="J16682" s="8">
        <v>1</v>
      </c>
      <c r="K16682" s="9">
        <v>421</v>
      </c>
      <c r="L16682" s="6" t="s">
        <v>51</v>
      </c>
    </row>
    <row r="16683" spans="1:12">
      <c r="A16683" s="6" t="s">
        <v>15677</v>
      </c>
      <c r="B16683" s="6"/>
      <c r="C16683" s="6" t="s">
        <v>16709</v>
      </c>
      <c r="D16683" s="6"/>
      <c r="E16683" s="6" t="s">
        <v>9</v>
      </c>
      <c r="F16683" s="7">
        <v>38657</v>
      </c>
      <c r="G16683" s="8">
        <v>1</v>
      </c>
      <c r="H16683" s="8">
        <v>1</v>
      </c>
      <c r="I16683" s="8">
        <v>0</v>
      </c>
      <c r="J16683" s="8">
        <v>1</v>
      </c>
      <c r="K16683" s="9">
        <v>95</v>
      </c>
      <c r="L16683" s="6" t="s">
        <v>51</v>
      </c>
    </row>
    <row r="16684" spans="1:12">
      <c r="A16684" s="6" t="s">
        <v>15677</v>
      </c>
      <c r="B16684" s="6"/>
      <c r="C16684" s="6" t="s">
        <v>16710</v>
      </c>
      <c r="D16684" s="6"/>
      <c r="E16684" s="6" t="s">
        <v>9</v>
      </c>
      <c r="F16684" s="7">
        <v>38657</v>
      </c>
      <c r="G16684" s="8">
        <v>1</v>
      </c>
      <c r="H16684" s="8">
        <v>1</v>
      </c>
      <c r="I16684" s="8">
        <v>0</v>
      </c>
      <c r="J16684" s="8">
        <v>1</v>
      </c>
      <c r="K16684" s="9">
        <v>1714</v>
      </c>
      <c r="L16684" s="6" t="s">
        <v>51</v>
      </c>
    </row>
    <row r="16685" spans="1:12">
      <c r="A16685" s="6" t="s">
        <v>15677</v>
      </c>
      <c r="B16685" s="6"/>
      <c r="C16685" s="6" t="s">
        <v>16711</v>
      </c>
      <c r="D16685" s="6"/>
      <c r="E16685" s="6" t="s">
        <v>9</v>
      </c>
      <c r="F16685" s="7">
        <v>38657</v>
      </c>
      <c r="G16685" s="8">
        <v>315172</v>
      </c>
      <c r="H16685" s="8">
        <v>315172</v>
      </c>
      <c r="I16685" s="8">
        <v>0</v>
      </c>
      <c r="J16685" s="8">
        <v>315172</v>
      </c>
      <c r="K16685" s="9">
        <v>7.54</v>
      </c>
      <c r="L16685" s="6" t="s">
        <v>10</v>
      </c>
    </row>
    <row r="16686" spans="1:12">
      <c r="A16686" s="6" t="s">
        <v>15677</v>
      </c>
      <c r="B16686" s="6"/>
      <c r="C16686" s="6" t="s">
        <v>16712</v>
      </c>
      <c r="D16686" s="6"/>
      <c r="E16686" s="6" t="s">
        <v>9</v>
      </c>
      <c r="F16686" s="7"/>
      <c r="G16686" s="8">
        <v>1</v>
      </c>
      <c r="H16686" s="8">
        <v>1</v>
      </c>
      <c r="I16686" s="8">
        <v>0</v>
      </c>
      <c r="J16686" s="8">
        <v>1</v>
      </c>
      <c r="K16686" s="9">
        <v>9.91</v>
      </c>
      <c r="L16686" s="6" t="s">
        <v>51</v>
      </c>
    </row>
    <row r="16687" spans="1:12">
      <c r="A16687" s="6" t="s">
        <v>15677</v>
      </c>
      <c r="B16687" s="6"/>
      <c r="C16687" s="6" t="s">
        <v>16713</v>
      </c>
      <c r="D16687" s="6"/>
      <c r="E16687" s="6" t="s">
        <v>9</v>
      </c>
      <c r="F16687" s="7"/>
      <c r="G16687" s="8">
        <v>1</v>
      </c>
      <c r="H16687" s="8">
        <v>1</v>
      </c>
      <c r="I16687" s="8">
        <v>0</v>
      </c>
      <c r="J16687" s="8">
        <v>1</v>
      </c>
      <c r="K16687" s="9">
        <v>13</v>
      </c>
      <c r="L16687" s="6" t="s">
        <v>51</v>
      </c>
    </row>
    <row r="16688" spans="1:12">
      <c r="A16688" s="6" t="s">
        <v>15677</v>
      </c>
      <c r="B16688" s="6"/>
      <c r="C16688" s="6" t="s">
        <v>16714</v>
      </c>
      <c r="D16688" s="6"/>
      <c r="E16688" s="6" t="s">
        <v>9</v>
      </c>
      <c r="F16688" s="7"/>
      <c r="G16688" s="8">
        <v>1</v>
      </c>
      <c r="H16688" s="8">
        <v>1</v>
      </c>
      <c r="I16688" s="8">
        <v>0</v>
      </c>
      <c r="J16688" s="8">
        <v>1</v>
      </c>
      <c r="K16688" s="9">
        <v>6.61</v>
      </c>
      <c r="L16688" s="6" t="s">
        <v>51</v>
      </c>
    </row>
    <row r="16689" spans="1:12">
      <c r="A16689" s="6" t="s">
        <v>15677</v>
      </c>
      <c r="B16689" s="6"/>
      <c r="C16689" s="6" t="s">
        <v>16715</v>
      </c>
      <c r="D16689" s="6"/>
      <c r="E16689" s="6" t="s">
        <v>9</v>
      </c>
      <c r="F16689" s="7"/>
      <c r="G16689" s="8">
        <v>1</v>
      </c>
      <c r="H16689" s="8">
        <v>1</v>
      </c>
      <c r="I16689" s="8">
        <v>0</v>
      </c>
      <c r="J16689" s="8">
        <v>1</v>
      </c>
      <c r="K16689" s="9">
        <v>82</v>
      </c>
      <c r="L16689" s="6" t="s">
        <v>4773</v>
      </c>
    </row>
    <row r="16690" spans="1:12">
      <c r="A16690" s="6" t="s">
        <v>15677</v>
      </c>
      <c r="B16690" s="6"/>
      <c r="C16690" s="6" t="s">
        <v>16716</v>
      </c>
      <c r="D16690" s="6"/>
      <c r="E16690" s="6" t="s">
        <v>9</v>
      </c>
      <c r="F16690" s="7"/>
      <c r="G16690" s="8">
        <v>1</v>
      </c>
      <c r="H16690" s="8">
        <v>1</v>
      </c>
      <c r="I16690" s="8">
        <v>0</v>
      </c>
      <c r="J16690" s="8">
        <v>1</v>
      </c>
      <c r="K16690" s="9">
        <v>26</v>
      </c>
      <c r="L16690" s="6" t="s">
        <v>51</v>
      </c>
    </row>
    <row r="16691" spans="1:12">
      <c r="A16691" s="6" t="s">
        <v>15677</v>
      </c>
      <c r="B16691" s="6"/>
      <c r="C16691" s="6" t="s">
        <v>16717</v>
      </c>
      <c r="D16691" s="6"/>
      <c r="E16691" s="6" t="s">
        <v>9</v>
      </c>
      <c r="F16691" s="7"/>
      <c r="G16691" s="8">
        <v>1</v>
      </c>
      <c r="H16691" s="8">
        <v>1</v>
      </c>
      <c r="I16691" s="8">
        <v>0</v>
      </c>
      <c r="J16691" s="8">
        <v>1</v>
      </c>
      <c r="K16691" s="9">
        <v>16</v>
      </c>
      <c r="L16691" s="6" t="s">
        <v>51</v>
      </c>
    </row>
    <row r="16692" spans="1:12">
      <c r="A16692" s="6" t="s">
        <v>15677</v>
      </c>
      <c r="B16692" s="6"/>
      <c r="C16692" s="6" t="s">
        <v>16718</v>
      </c>
      <c r="D16692" s="6"/>
      <c r="E16692" s="6" t="s">
        <v>9</v>
      </c>
      <c r="F16692" s="7"/>
      <c r="G16692" s="8">
        <v>1</v>
      </c>
      <c r="H16692" s="8">
        <v>1</v>
      </c>
      <c r="I16692" s="8">
        <v>0</v>
      </c>
      <c r="J16692" s="8">
        <v>1</v>
      </c>
      <c r="K16692" s="9">
        <v>595</v>
      </c>
      <c r="L16692" s="6" t="s">
        <v>10</v>
      </c>
    </row>
    <row r="16693" spans="1:12">
      <c r="A16693" s="6" t="s">
        <v>15677</v>
      </c>
      <c r="B16693" s="6"/>
      <c r="C16693" s="6" t="s">
        <v>16719</v>
      </c>
      <c r="D16693" s="6"/>
      <c r="E16693" s="6" t="s">
        <v>9</v>
      </c>
      <c r="F16693" s="7"/>
      <c r="G16693" s="8">
        <v>1</v>
      </c>
      <c r="H16693" s="8">
        <v>1</v>
      </c>
      <c r="I16693" s="8">
        <v>0</v>
      </c>
      <c r="J16693" s="8">
        <v>1</v>
      </c>
      <c r="K16693" s="9">
        <v>267</v>
      </c>
      <c r="L16693" s="6" t="s">
        <v>51</v>
      </c>
    </row>
    <row r="16694" spans="1:12">
      <c r="A16694" s="6" t="s">
        <v>15677</v>
      </c>
      <c r="B16694" s="6"/>
      <c r="C16694" s="6" t="s">
        <v>16720</v>
      </c>
      <c r="D16694" s="6"/>
      <c r="E16694" s="6" t="s">
        <v>9</v>
      </c>
      <c r="F16694" s="7">
        <v>38657</v>
      </c>
      <c r="G16694" s="8">
        <v>1</v>
      </c>
      <c r="H16694" s="8">
        <v>1</v>
      </c>
      <c r="I16694" s="8">
        <v>0</v>
      </c>
      <c r="J16694" s="8">
        <v>1</v>
      </c>
      <c r="K16694" s="9">
        <v>85</v>
      </c>
      <c r="L16694" s="6" t="s">
        <v>51</v>
      </c>
    </row>
    <row r="16695" spans="1:12">
      <c r="A16695" s="6" t="s">
        <v>15677</v>
      </c>
      <c r="B16695" s="6"/>
      <c r="C16695" s="6" t="s">
        <v>16721</v>
      </c>
      <c r="D16695" s="6"/>
      <c r="E16695" s="6" t="s">
        <v>9</v>
      </c>
      <c r="F16695" s="7"/>
      <c r="G16695" s="8">
        <v>1</v>
      </c>
      <c r="H16695" s="8">
        <v>1</v>
      </c>
      <c r="I16695" s="8">
        <v>0</v>
      </c>
      <c r="J16695" s="8">
        <v>1</v>
      </c>
      <c r="K16695" s="9">
        <v>66</v>
      </c>
      <c r="L16695" s="6" t="s">
        <v>10</v>
      </c>
    </row>
    <row r="16696" spans="1:12">
      <c r="A16696" s="6" t="s">
        <v>15677</v>
      </c>
      <c r="B16696" s="6"/>
      <c r="C16696" s="6" t="s">
        <v>16722</v>
      </c>
      <c r="D16696" s="6"/>
      <c r="E16696" s="6" t="s">
        <v>9</v>
      </c>
      <c r="F16696" s="7"/>
      <c r="G16696" s="8">
        <v>1</v>
      </c>
      <c r="H16696" s="8">
        <v>1</v>
      </c>
      <c r="I16696" s="8">
        <v>0</v>
      </c>
      <c r="J16696" s="8">
        <v>1</v>
      </c>
      <c r="K16696" s="9">
        <v>13</v>
      </c>
      <c r="L16696" s="6" t="s">
        <v>51</v>
      </c>
    </row>
    <row r="16697" spans="1:12">
      <c r="A16697" s="6" t="s">
        <v>15677</v>
      </c>
      <c r="B16697" s="6"/>
      <c r="C16697" s="6" t="s">
        <v>16723</v>
      </c>
      <c r="D16697" s="6"/>
      <c r="E16697" s="6" t="s">
        <v>9</v>
      </c>
      <c r="F16697" s="7"/>
      <c r="G16697" s="8">
        <v>1</v>
      </c>
      <c r="H16697" s="8">
        <v>1</v>
      </c>
      <c r="I16697" s="8">
        <v>0</v>
      </c>
      <c r="J16697" s="8">
        <v>1</v>
      </c>
      <c r="K16697" s="9">
        <v>9.91</v>
      </c>
      <c r="L16697" s="6" t="s">
        <v>51</v>
      </c>
    </row>
    <row r="16698" spans="1:12">
      <c r="A16698" s="6" t="s">
        <v>15677</v>
      </c>
      <c r="B16698" s="6"/>
      <c r="C16698" s="6" t="s">
        <v>16724</v>
      </c>
      <c r="D16698" s="6"/>
      <c r="E16698" s="6" t="s">
        <v>9</v>
      </c>
      <c r="F16698" s="7"/>
      <c r="G16698" s="8">
        <v>1</v>
      </c>
      <c r="H16698" s="8">
        <v>1</v>
      </c>
      <c r="I16698" s="8">
        <v>0</v>
      </c>
      <c r="J16698" s="8">
        <v>1</v>
      </c>
      <c r="K16698" s="9">
        <v>6.61</v>
      </c>
      <c r="L16698" s="6" t="s">
        <v>51</v>
      </c>
    </row>
    <row r="16699" spans="1:12">
      <c r="A16699" s="6" t="s">
        <v>15677</v>
      </c>
      <c r="B16699" s="6"/>
      <c r="C16699" s="6" t="s">
        <v>16725</v>
      </c>
      <c r="D16699" s="6"/>
      <c r="E16699" s="6" t="s">
        <v>9</v>
      </c>
      <c r="F16699" s="7"/>
      <c r="G16699" s="8">
        <v>1</v>
      </c>
      <c r="H16699" s="8">
        <v>1</v>
      </c>
      <c r="I16699" s="8">
        <v>0</v>
      </c>
      <c r="J16699" s="8">
        <v>1</v>
      </c>
      <c r="K16699" s="9">
        <v>6.61</v>
      </c>
      <c r="L16699" s="6" t="s">
        <v>6094</v>
      </c>
    </row>
    <row r="16700" spans="1:12">
      <c r="A16700" s="6" t="s">
        <v>15677</v>
      </c>
      <c r="B16700" s="6"/>
      <c r="C16700" s="6" t="s">
        <v>16726</v>
      </c>
      <c r="D16700" s="6"/>
      <c r="E16700" s="6" t="s">
        <v>9</v>
      </c>
      <c r="F16700" s="7"/>
      <c r="G16700" s="8">
        <v>1</v>
      </c>
      <c r="H16700" s="8">
        <v>1</v>
      </c>
      <c r="I16700" s="8">
        <v>0</v>
      </c>
      <c r="J16700" s="8">
        <v>1</v>
      </c>
      <c r="K16700" s="9">
        <v>6.61</v>
      </c>
      <c r="L16700" s="6" t="s">
        <v>51</v>
      </c>
    </row>
    <row r="16701" spans="1:12">
      <c r="A16701" s="6" t="s">
        <v>15677</v>
      </c>
      <c r="B16701" s="6"/>
      <c r="C16701" s="6" t="s">
        <v>16727</v>
      </c>
      <c r="D16701" s="6"/>
      <c r="E16701" s="6" t="s">
        <v>9</v>
      </c>
      <c r="F16701" s="7"/>
      <c r="G16701" s="8">
        <v>1</v>
      </c>
      <c r="H16701" s="8">
        <v>1</v>
      </c>
      <c r="I16701" s="8">
        <v>0</v>
      </c>
      <c r="J16701" s="8">
        <v>1</v>
      </c>
      <c r="K16701" s="9">
        <v>9.91</v>
      </c>
      <c r="L16701" s="6" t="s">
        <v>51</v>
      </c>
    </row>
    <row r="16702" spans="1:12">
      <c r="A16702" s="6" t="s">
        <v>15677</v>
      </c>
      <c r="B16702" s="6"/>
      <c r="C16702" s="6" t="s">
        <v>16728</v>
      </c>
      <c r="D16702" s="6"/>
      <c r="E16702" s="6" t="s">
        <v>9</v>
      </c>
      <c r="F16702" s="7"/>
      <c r="G16702" s="8">
        <v>1</v>
      </c>
      <c r="H16702" s="8">
        <v>1</v>
      </c>
      <c r="I16702" s="8">
        <v>0</v>
      </c>
      <c r="J16702" s="8">
        <v>1</v>
      </c>
      <c r="K16702" s="9">
        <v>52</v>
      </c>
      <c r="L16702" s="6" t="s">
        <v>51</v>
      </c>
    </row>
    <row r="16703" spans="1:12">
      <c r="A16703" s="6" t="s">
        <v>15677</v>
      </c>
      <c r="B16703" s="6"/>
      <c r="C16703" s="6" t="s">
        <v>16729</v>
      </c>
      <c r="D16703" s="6"/>
      <c r="E16703" s="6" t="s">
        <v>9</v>
      </c>
      <c r="F16703" s="7"/>
      <c r="G16703" s="8">
        <v>1</v>
      </c>
      <c r="H16703" s="8">
        <v>1</v>
      </c>
      <c r="I16703" s="8">
        <v>0</v>
      </c>
      <c r="J16703" s="8">
        <v>1</v>
      </c>
      <c r="K16703" s="9">
        <v>36</v>
      </c>
      <c r="L16703" s="6" t="s">
        <v>51</v>
      </c>
    </row>
    <row r="16704" spans="1:12">
      <c r="A16704" s="6" t="s">
        <v>15677</v>
      </c>
      <c r="B16704" s="6"/>
      <c r="C16704" s="6" t="s">
        <v>16730</v>
      </c>
      <c r="D16704" s="6"/>
      <c r="E16704" s="6" t="s">
        <v>9</v>
      </c>
      <c r="F16704" s="7"/>
      <c r="G16704" s="8">
        <v>1</v>
      </c>
      <c r="H16704" s="8">
        <v>1</v>
      </c>
      <c r="I16704" s="8">
        <v>0</v>
      </c>
      <c r="J16704" s="8">
        <v>1</v>
      </c>
      <c r="K16704" s="9">
        <v>19</v>
      </c>
      <c r="L16704" s="6" t="s">
        <v>51</v>
      </c>
    </row>
    <row r="16705" spans="1:12">
      <c r="A16705" s="6" t="s">
        <v>16731</v>
      </c>
      <c r="B16705" s="6"/>
      <c r="C16705" s="6" t="s">
        <v>16732</v>
      </c>
      <c r="D16705" s="6"/>
      <c r="E16705" s="6" t="s">
        <v>9</v>
      </c>
      <c r="F16705" s="7">
        <v>38657</v>
      </c>
      <c r="G16705" s="8">
        <v>1</v>
      </c>
      <c r="H16705" s="8">
        <v>1</v>
      </c>
      <c r="I16705" s="8">
        <v>0</v>
      </c>
      <c r="J16705" s="8">
        <v>1</v>
      </c>
      <c r="K16705" s="9">
        <v>24</v>
      </c>
      <c r="L16705" s="6" t="s">
        <v>51</v>
      </c>
    </row>
    <row r="16706" spans="1:12">
      <c r="A16706" s="6" t="s">
        <v>16731</v>
      </c>
      <c r="B16706" s="6"/>
      <c r="C16706" s="6" t="s">
        <v>16733</v>
      </c>
      <c r="D16706" s="6"/>
      <c r="E16706" s="6" t="s">
        <v>9</v>
      </c>
      <c r="F16706" s="7">
        <v>38657</v>
      </c>
      <c r="G16706" s="8">
        <v>1</v>
      </c>
      <c r="H16706" s="8">
        <v>1</v>
      </c>
      <c r="I16706" s="8">
        <v>0</v>
      </c>
      <c r="J16706" s="8">
        <v>1</v>
      </c>
      <c r="K16706" s="9">
        <v>14</v>
      </c>
      <c r="L16706" s="6" t="s">
        <v>51</v>
      </c>
    </row>
    <row r="16707" spans="1:12">
      <c r="A16707" s="6" t="s">
        <v>16731</v>
      </c>
      <c r="B16707" s="6"/>
      <c r="C16707" s="6" t="s">
        <v>16734</v>
      </c>
      <c r="D16707" s="6"/>
      <c r="E16707" s="6" t="s">
        <v>9</v>
      </c>
      <c r="F16707" s="7">
        <v>38657</v>
      </c>
      <c r="G16707" s="8">
        <v>1</v>
      </c>
      <c r="H16707" s="8">
        <v>1</v>
      </c>
      <c r="I16707" s="8">
        <v>0</v>
      </c>
      <c r="J16707" s="8">
        <v>1</v>
      </c>
      <c r="K16707" s="9">
        <v>8.02</v>
      </c>
      <c r="L16707" s="6" t="s">
        <v>51</v>
      </c>
    </row>
    <row r="16708" spans="1:12">
      <c r="A16708" s="6" t="s">
        <v>16731</v>
      </c>
      <c r="B16708" s="6"/>
      <c r="C16708" s="6" t="s">
        <v>16735</v>
      </c>
      <c r="D16708" s="6"/>
      <c r="E16708" s="6" t="s">
        <v>9</v>
      </c>
      <c r="F16708" s="7">
        <v>38657</v>
      </c>
      <c r="G16708" s="8">
        <v>1</v>
      </c>
      <c r="H16708" s="8">
        <v>1</v>
      </c>
      <c r="I16708" s="8">
        <v>0</v>
      </c>
      <c r="J16708" s="8">
        <v>1</v>
      </c>
      <c r="K16708" s="9">
        <v>7.74</v>
      </c>
      <c r="L16708" s="6" t="s">
        <v>51</v>
      </c>
    </row>
    <row r="16709" spans="1:12">
      <c r="A16709" s="6" t="s">
        <v>16731</v>
      </c>
      <c r="B16709" s="6"/>
      <c r="C16709" s="6" t="s">
        <v>16736</v>
      </c>
      <c r="D16709" s="6"/>
      <c r="E16709" s="6" t="s">
        <v>9</v>
      </c>
      <c r="F16709" s="7">
        <v>38657</v>
      </c>
      <c r="G16709" s="8">
        <v>1</v>
      </c>
      <c r="H16709" s="8">
        <v>1</v>
      </c>
      <c r="I16709" s="8">
        <v>0</v>
      </c>
      <c r="J16709" s="8">
        <v>1</v>
      </c>
      <c r="K16709" s="9">
        <v>18</v>
      </c>
      <c r="L16709" s="6" t="s">
        <v>51</v>
      </c>
    </row>
    <row r="16710" spans="1:12">
      <c r="A16710" s="6" t="s">
        <v>16731</v>
      </c>
      <c r="B16710" s="6"/>
      <c r="C16710" s="6" t="s">
        <v>16737</v>
      </c>
      <c r="D16710" s="6"/>
      <c r="E16710" s="6" t="s">
        <v>9</v>
      </c>
      <c r="F16710" s="7">
        <v>38657</v>
      </c>
      <c r="G16710" s="8">
        <v>1</v>
      </c>
      <c r="H16710" s="8">
        <v>1</v>
      </c>
      <c r="I16710" s="8">
        <v>0</v>
      </c>
      <c r="J16710" s="8">
        <v>1</v>
      </c>
      <c r="K16710" s="9">
        <v>25</v>
      </c>
      <c r="L16710" s="6" t="s">
        <v>51</v>
      </c>
    </row>
    <row r="16711" spans="1:12">
      <c r="A16711" s="6" t="s">
        <v>16731</v>
      </c>
      <c r="B16711" s="6"/>
      <c r="C16711" s="6" t="s">
        <v>16738</v>
      </c>
      <c r="D16711" s="6"/>
      <c r="E16711" s="6" t="s">
        <v>9</v>
      </c>
      <c r="F16711" s="7">
        <v>38657</v>
      </c>
      <c r="G16711" s="8">
        <v>1</v>
      </c>
      <c r="H16711" s="8">
        <v>1</v>
      </c>
      <c r="I16711" s="8">
        <v>0</v>
      </c>
      <c r="J16711" s="8">
        <v>1</v>
      </c>
      <c r="K16711" s="9">
        <v>63</v>
      </c>
      <c r="L16711" s="6" t="s">
        <v>51</v>
      </c>
    </row>
    <row r="16712" spans="1:12">
      <c r="A16712" s="6" t="s">
        <v>16731</v>
      </c>
      <c r="B16712" s="6"/>
      <c r="C16712" s="6" t="s">
        <v>16739</v>
      </c>
      <c r="D16712" s="6"/>
      <c r="E16712" s="6" t="s">
        <v>9</v>
      </c>
      <c r="F16712" s="7">
        <v>38657</v>
      </c>
      <c r="G16712" s="8">
        <v>1</v>
      </c>
      <c r="H16712" s="8">
        <v>1</v>
      </c>
      <c r="I16712" s="8">
        <v>0</v>
      </c>
      <c r="J16712" s="8">
        <v>1</v>
      </c>
      <c r="K16712" s="9">
        <v>7.2</v>
      </c>
      <c r="L16712" s="6" t="s">
        <v>51</v>
      </c>
    </row>
    <row r="16713" spans="1:12">
      <c r="A16713" s="6" t="s">
        <v>16731</v>
      </c>
      <c r="B16713" s="6"/>
      <c r="C16713" s="6" t="s">
        <v>16740</v>
      </c>
      <c r="D16713" s="6"/>
      <c r="E16713" s="6" t="s">
        <v>9</v>
      </c>
      <c r="F16713" s="7">
        <v>38657</v>
      </c>
      <c r="G16713" s="8">
        <v>1</v>
      </c>
      <c r="H16713" s="8">
        <v>1</v>
      </c>
      <c r="I16713" s="8">
        <v>0</v>
      </c>
      <c r="J16713" s="8">
        <v>1</v>
      </c>
      <c r="K16713" s="9">
        <v>35</v>
      </c>
      <c r="L16713" s="6" t="s">
        <v>51</v>
      </c>
    </row>
    <row r="16714" spans="1:12">
      <c r="A16714" s="6" t="s">
        <v>16731</v>
      </c>
      <c r="B16714" s="6"/>
      <c r="C16714" s="6" t="s">
        <v>16741</v>
      </c>
      <c r="D16714" s="6"/>
      <c r="E16714" s="6" t="s">
        <v>9</v>
      </c>
      <c r="F16714" s="7">
        <v>38657</v>
      </c>
      <c r="G16714" s="8">
        <v>1</v>
      </c>
      <c r="H16714" s="8">
        <v>1</v>
      </c>
      <c r="I16714" s="8">
        <v>0</v>
      </c>
      <c r="J16714" s="8">
        <v>1</v>
      </c>
      <c r="K16714" s="9">
        <v>31</v>
      </c>
      <c r="L16714" s="6" t="s">
        <v>51</v>
      </c>
    </row>
    <row r="16715" spans="1:12">
      <c r="A16715" s="6" t="s">
        <v>16731</v>
      </c>
      <c r="B16715" s="6"/>
      <c r="C16715" s="6" t="s">
        <v>16742</v>
      </c>
      <c r="D16715" s="6"/>
      <c r="E16715" s="6" t="s">
        <v>9</v>
      </c>
      <c r="F16715" s="7">
        <v>38657</v>
      </c>
      <c r="G16715" s="8">
        <v>1</v>
      </c>
      <c r="H16715" s="8">
        <v>1</v>
      </c>
      <c r="I16715" s="8">
        <v>0</v>
      </c>
      <c r="J16715" s="8">
        <v>1</v>
      </c>
      <c r="K16715" s="9">
        <v>14</v>
      </c>
      <c r="L16715" s="6" t="s">
        <v>51</v>
      </c>
    </row>
    <row r="16716" spans="1:12">
      <c r="A16716" s="6" t="s">
        <v>16731</v>
      </c>
      <c r="B16716" s="6"/>
      <c r="C16716" s="6" t="s">
        <v>16743</v>
      </c>
      <c r="D16716" s="6"/>
      <c r="E16716" s="6" t="s">
        <v>9</v>
      </c>
      <c r="F16716" s="7">
        <v>38657</v>
      </c>
      <c r="G16716" s="8">
        <v>1</v>
      </c>
      <c r="H16716" s="8">
        <v>1</v>
      </c>
      <c r="I16716" s="8">
        <v>0</v>
      </c>
      <c r="J16716" s="8">
        <v>1</v>
      </c>
      <c r="K16716" s="9">
        <v>36</v>
      </c>
      <c r="L16716" s="6" t="s">
        <v>51</v>
      </c>
    </row>
    <row r="16717" spans="1:12">
      <c r="A16717" s="6" t="s">
        <v>16731</v>
      </c>
      <c r="B16717" s="6"/>
      <c r="C16717" s="6" t="s">
        <v>16744</v>
      </c>
      <c r="D16717" s="6"/>
      <c r="E16717" s="6" t="s">
        <v>9</v>
      </c>
      <c r="F16717" s="7">
        <v>38657</v>
      </c>
      <c r="G16717" s="8">
        <v>1</v>
      </c>
      <c r="H16717" s="8">
        <v>1</v>
      </c>
      <c r="I16717" s="8">
        <v>0</v>
      </c>
      <c r="J16717" s="8">
        <v>1</v>
      </c>
      <c r="K16717" s="9">
        <v>29</v>
      </c>
      <c r="L16717" s="6" t="s">
        <v>51</v>
      </c>
    </row>
    <row r="16718" spans="1:12">
      <c r="A16718" s="6" t="s">
        <v>16731</v>
      </c>
      <c r="B16718" s="6"/>
      <c r="C16718" s="6" t="s">
        <v>16745</v>
      </c>
      <c r="D16718" s="6"/>
      <c r="E16718" s="6" t="s">
        <v>9</v>
      </c>
      <c r="F16718" s="7">
        <v>38657</v>
      </c>
      <c r="G16718" s="8">
        <v>1</v>
      </c>
      <c r="H16718" s="8">
        <v>1</v>
      </c>
      <c r="I16718" s="8">
        <v>0</v>
      </c>
      <c r="J16718" s="8">
        <v>1</v>
      </c>
      <c r="K16718" s="9">
        <v>3.3</v>
      </c>
      <c r="L16718" s="6" t="s">
        <v>51</v>
      </c>
    </row>
    <row r="16719" spans="1:12">
      <c r="A16719" s="6" t="s">
        <v>16731</v>
      </c>
      <c r="B16719" s="6"/>
      <c r="C16719" s="6" t="s">
        <v>16746</v>
      </c>
      <c r="D16719" s="6"/>
      <c r="E16719" s="6" t="s">
        <v>9</v>
      </c>
      <c r="F16719" s="7">
        <v>38657</v>
      </c>
      <c r="G16719" s="8">
        <v>1</v>
      </c>
      <c r="H16719" s="8">
        <v>1</v>
      </c>
      <c r="I16719" s="8">
        <v>0</v>
      </c>
      <c r="J16719" s="8">
        <v>1</v>
      </c>
      <c r="K16719" s="9">
        <v>18</v>
      </c>
      <c r="L16719" s="6" t="s">
        <v>51</v>
      </c>
    </row>
    <row r="16720" spans="1:12">
      <c r="A16720" s="6" t="s">
        <v>16731</v>
      </c>
      <c r="B16720" s="6"/>
      <c r="C16720" s="6" t="s">
        <v>16747</v>
      </c>
      <c r="D16720" s="6"/>
      <c r="E16720" s="6" t="s">
        <v>9</v>
      </c>
      <c r="F16720" s="7">
        <v>38657</v>
      </c>
      <c r="G16720" s="8">
        <v>1</v>
      </c>
      <c r="H16720" s="8">
        <v>1</v>
      </c>
      <c r="I16720" s="8">
        <v>0</v>
      </c>
      <c r="J16720" s="8">
        <v>1</v>
      </c>
      <c r="K16720" s="9">
        <v>8.93</v>
      </c>
      <c r="L16720" s="6" t="s">
        <v>51</v>
      </c>
    </row>
    <row r="16721" spans="1:12">
      <c r="A16721" s="6" t="s">
        <v>16731</v>
      </c>
      <c r="B16721" s="6"/>
      <c r="C16721" s="6" t="s">
        <v>16748</v>
      </c>
      <c r="D16721" s="6"/>
      <c r="E16721" s="6" t="s">
        <v>9</v>
      </c>
      <c r="F16721" s="7">
        <v>38657</v>
      </c>
      <c r="G16721" s="8">
        <v>1</v>
      </c>
      <c r="H16721" s="8">
        <v>1</v>
      </c>
      <c r="I16721" s="8">
        <v>0</v>
      </c>
      <c r="J16721" s="8">
        <v>1</v>
      </c>
      <c r="K16721" s="9">
        <v>25</v>
      </c>
      <c r="L16721" s="6" t="s">
        <v>51</v>
      </c>
    </row>
    <row r="16722" spans="1:12">
      <c r="A16722" s="6" t="s">
        <v>16731</v>
      </c>
      <c r="B16722" s="6"/>
      <c r="C16722" s="6" t="s">
        <v>16749</v>
      </c>
      <c r="D16722" s="6"/>
      <c r="E16722" s="6" t="s">
        <v>9</v>
      </c>
      <c r="F16722" s="7">
        <v>38657</v>
      </c>
      <c r="G16722" s="8">
        <v>1</v>
      </c>
      <c r="H16722" s="8">
        <v>1</v>
      </c>
      <c r="I16722" s="8">
        <v>0</v>
      </c>
      <c r="J16722" s="8">
        <v>1</v>
      </c>
      <c r="K16722" s="9">
        <v>25</v>
      </c>
      <c r="L16722" s="6" t="s">
        <v>51</v>
      </c>
    </row>
    <row r="16723" spans="1:12">
      <c r="A16723" s="6" t="s">
        <v>16731</v>
      </c>
      <c r="B16723" s="6"/>
      <c r="C16723" s="6" t="s">
        <v>16750</v>
      </c>
      <c r="D16723" s="6"/>
      <c r="E16723" s="6" t="s">
        <v>9</v>
      </c>
      <c r="F16723" s="7">
        <v>38657</v>
      </c>
      <c r="G16723" s="8">
        <v>1</v>
      </c>
      <c r="H16723" s="8">
        <v>1</v>
      </c>
      <c r="I16723" s="8">
        <v>0</v>
      </c>
      <c r="J16723" s="8">
        <v>1</v>
      </c>
      <c r="K16723" s="9">
        <v>22</v>
      </c>
      <c r="L16723" s="6" t="s">
        <v>51</v>
      </c>
    </row>
    <row r="16724" spans="1:12">
      <c r="A16724" s="6" t="s">
        <v>16731</v>
      </c>
      <c r="B16724" s="6"/>
      <c r="C16724" s="6" t="s">
        <v>16751</v>
      </c>
      <c r="D16724" s="6"/>
      <c r="E16724" s="6" t="s">
        <v>9</v>
      </c>
      <c r="F16724" s="7">
        <v>38657</v>
      </c>
      <c r="G16724" s="8">
        <v>1</v>
      </c>
      <c r="H16724" s="8">
        <v>1</v>
      </c>
      <c r="I16724" s="8">
        <v>0</v>
      </c>
      <c r="J16724" s="8">
        <v>1</v>
      </c>
      <c r="K16724" s="9">
        <v>0.96</v>
      </c>
      <c r="L16724" s="6" t="s">
        <v>51</v>
      </c>
    </row>
    <row r="16725" spans="1:12">
      <c r="A16725" s="6" t="s">
        <v>16731</v>
      </c>
      <c r="B16725" s="6"/>
      <c r="C16725" s="6" t="s">
        <v>16752</v>
      </c>
      <c r="D16725" s="6"/>
      <c r="E16725" s="6" t="s">
        <v>9</v>
      </c>
      <c r="F16725" s="7">
        <v>38657</v>
      </c>
      <c r="G16725" s="8">
        <v>1</v>
      </c>
      <c r="H16725" s="8">
        <v>1</v>
      </c>
      <c r="I16725" s="8">
        <v>0</v>
      </c>
      <c r="J16725" s="8">
        <v>1</v>
      </c>
      <c r="K16725" s="9">
        <v>19</v>
      </c>
      <c r="L16725" s="6" t="s">
        <v>51</v>
      </c>
    </row>
    <row r="16726" spans="1:12">
      <c r="A16726" s="6" t="s">
        <v>16731</v>
      </c>
      <c r="B16726" s="6"/>
      <c r="C16726" s="6" t="s">
        <v>16753</v>
      </c>
      <c r="D16726" s="6"/>
      <c r="E16726" s="6" t="s">
        <v>9</v>
      </c>
      <c r="F16726" s="7">
        <v>38657</v>
      </c>
      <c r="G16726" s="8">
        <v>1</v>
      </c>
      <c r="H16726" s="8">
        <v>1</v>
      </c>
      <c r="I16726" s="8">
        <v>0</v>
      </c>
      <c r="J16726" s="8">
        <v>1</v>
      </c>
      <c r="K16726" s="9">
        <v>11</v>
      </c>
      <c r="L16726" s="6" t="s">
        <v>51</v>
      </c>
    </row>
    <row r="16727" spans="1:12">
      <c r="A16727" s="6" t="s">
        <v>16731</v>
      </c>
      <c r="B16727" s="6"/>
      <c r="C16727" s="6" t="s">
        <v>16754</v>
      </c>
      <c r="D16727" s="6"/>
      <c r="E16727" s="6" t="s">
        <v>9</v>
      </c>
      <c r="F16727" s="7">
        <v>38657</v>
      </c>
      <c r="G16727" s="8">
        <v>1</v>
      </c>
      <c r="H16727" s="8">
        <v>1</v>
      </c>
      <c r="I16727" s="8">
        <v>0</v>
      </c>
      <c r="J16727" s="8">
        <v>1</v>
      </c>
      <c r="K16727" s="9">
        <v>30</v>
      </c>
      <c r="L16727" s="6" t="s">
        <v>51</v>
      </c>
    </row>
    <row r="16728" spans="1:12">
      <c r="A16728" s="6" t="s">
        <v>16731</v>
      </c>
      <c r="B16728" s="6"/>
      <c r="C16728" s="6" t="s">
        <v>16755</v>
      </c>
      <c r="D16728" s="6"/>
      <c r="E16728" s="6" t="s">
        <v>9</v>
      </c>
      <c r="F16728" s="7">
        <v>38657</v>
      </c>
      <c r="G16728" s="8">
        <v>1</v>
      </c>
      <c r="H16728" s="8">
        <v>1</v>
      </c>
      <c r="I16728" s="8">
        <v>0</v>
      </c>
      <c r="J16728" s="8">
        <v>1</v>
      </c>
      <c r="K16728" s="9">
        <v>11</v>
      </c>
      <c r="L16728" s="6" t="s">
        <v>51</v>
      </c>
    </row>
    <row r="16729" spans="1:12">
      <c r="A16729" s="6" t="s">
        <v>16731</v>
      </c>
      <c r="B16729" s="6"/>
      <c r="C16729" s="6" t="s">
        <v>16756</v>
      </c>
      <c r="D16729" s="6"/>
      <c r="E16729" s="6" t="s">
        <v>9</v>
      </c>
      <c r="F16729" s="7">
        <v>38657</v>
      </c>
      <c r="G16729" s="8">
        <v>1</v>
      </c>
      <c r="H16729" s="8">
        <v>1</v>
      </c>
      <c r="I16729" s="8">
        <v>0</v>
      </c>
      <c r="J16729" s="8">
        <v>1</v>
      </c>
      <c r="K16729" s="9">
        <v>40</v>
      </c>
      <c r="L16729" s="6" t="s">
        <v>51</v>
      </c>
    </row>
    <row r="16730" spans="1:12">
      <c r="A16730" s="6" t="s">
        <v>16731</v>
      </c>
      <c r="B16730" s="6"/>
      <c r="C16730" s="6" t="s">
        <v>16757</v>
      </c>
      <c r="D16730" s="6"/>
      <c r="E16730" s="6" t="s">
        <v>9</v>
      </c>
      <c r="F16730" s="7">
        <v>38657</v>
      </c>
      <c r="G16730" s="8">
        <v>1</v>
      </c>
      <c r="H16730" s="8">
        <v>1</v>
      </c>
      <c r="I16730" s="8">
        <v>0</v>
      </c>
      <c r="J16730" s="8">
        <v>1</v>
      </c>
      <c r="K16730" s="9">
        <v>26</v>
      </c>
      <c r="L16730" s="6" t="s">
        <v>51</v>
      </c>
    </row>
    <row r="16731" spans="1:12">
      <c r="A16731" s="6" t="s">
        <v>16731</v>
      </c>
      <c r="B16731" s="6"/>
      <c r="C16731" s="6" t="s">
        <v>16758</v>
      </c>
      <c r="D16731" s="6"/>
      <c r="E16731" s="6" t="s">
        <v>9</v>
      </c>
      <c r="F16731" s="7">
        <v>38657</v>
      </c>
      <c r="G16731" s="8">
        <v>1</v>
      </c>
      <c r="H16731" s="8">
        <v>1</v>
      </c>
      <c r="I16731" s="8">
        <v>0</v>
      </c>
      <c r="J16731" s="8">
        <v>1</v>
      </c>
      <c r="K16731" s="9">
        <v>32</v>
      </c>
      <c r="L16731" s="6" t="s">
        <v>51</v>
      </c>
    </row>
    <row r="16732" spans="1:12">
      <c r="A16732" s="6" t="s">
        <v>16731</v>
      </c>
      <c r="B16732" s="6"/>
      <c r="C16732" s="6" t="s">
        <v>16759</v>
      </c>
      <c r="D16732" s="6"/>
      <c r="E16732" s="6" t="s">
        <v>9</v>
      </c>
      <c r="F16732" s="7">
        <v>38657</v>
      </c>
      <c r="G16732" s="8">
        <v>1</v>
      </c>
      <c r="H16732" s="8">
        <v>1</v>
      </c>
      <c r="I16732" s="8">
        <v>0</v>
      </c>
      <c r="J16732" s="8">
        <v>1</v>
      </c>
      <c r="K16732" s="9">
        <v>31</v>
      </c>
      <c r="L16732" s="6" t="s">
        <v>51</v>
      </c>
    </row>
    <row r="16733" spans="1:12">
      <c r="A16733" s="6" t="s">
        <v>16731</v>
      </c>
      <c r="B16733" s="6"/>
      <c r="C16733" s="6" t="s">
        <v>16760</v>
      </c>
      <c r="D16733" s="6"/>
      <c r="E16733" s="6" t="s">
        <v>9</v>
      </c>
      <c r="F16733" s="7">
        <v>38657</v>
      </c>
      <c r="G16733" s="8">
        <v>1</v>
      </c>
      <c r="H16733" s="8">
        <v>1</v>
      </c>
      <c r="I16733" s="8">
        <v>0</v>
      </c>
      <c r="J16733" s="8">
        <v>1</v>
      </c>
      <c r="K16733" s="9">
        <v>22</v>
      </c>
      <c r="L16733" s="6" t="s">
        <v>51</v>
      </c>
    </row>
    <row r="16734" spans="1:12">
      <c r="A16734" s="6" t="s">
        <v>16731</v>
      </c>
      <c r="B16734" s="6"/>
      <c r="C16734" s="6" t="s">
        <v>16761</v>
      </c>
      <c r="D16734" s="6"/>
      <c r="E16734" s="6" t="s">
        <v>9</v>
      </c>
      <c r="F16734" s="7">
        <v>38657</v>
      </c>
      <c r="G16734" s="8">
        <v>1</v>
      </c>
      <c r="H16734" s="8">
        <v>1</v>
      </c>
      <c r="I16734" s="8">
        <v>0</v>
      </c>
      <c r="J16734" s="8">
        <v>1</v>
      </c>
      <c r="K16734" s="9">
        <v>53</v>
      </c>
      <c r="L16734" s="6" t="s">
        <v>51</v>
      </c>
    </row>
    <row r="16735" spans="1:12">
      <c r="A16735" s="6" t="s">
        <v>16731</v>
      </c>
      <c r="B16735" s="6"/>
      <c r="C16735" s="6" t="s">
        <v>16762</v>
      </c>
      <c r="D16735" s="6"/>
      <c r="E16735" s="6" t="s">
        <v>9</v>
      </c>
      <c r="F16735" s="7">
        <v>38657</v>
      </c>
      <c r="G16735" s="8">
        <v>1</v>
      </c>
      <c r="H16735" s="8">
        <v>1</v>
      </c>
      <c r="I16735" s="8">
        <v>0</v>
      </c>
      <c r="J16735" s="8">
        <v>1</v>
      </c>
      <c r="K16735" s="9">
        <v>53</v>
      </c>
      <c r="L16735" s="6" t="s">
        <v>51</v>
      </c>
    </row>
    <row r="16736" spans="1:12">
      <c r="A16736" s="6" t="s">
        <v>16731</v>
      </c>
      <c r="B16736" s="6"/>
      <c r="C16736" s="6" t="s">
        <v>16763</v>
      </c>
      <c r="D16736" s="6"/>
      <c r="E16736" s="6" t="s">
        <v>9</v>
      </c>
      <c r="F16736" s="7">
        <v>38657</v>
      </c>
      <c r="G16736" s="8">
        <v>1</v>
      </c>
      <c r="H16736" s="8">
        <v>1</v>
      </c>
      <c r="I16736" s="8">
        <v>0</v>
      </c>
      <c r="J16736" s="8">
        <v>1</v>
      </c>
      <c r="K16736" s="9">
        <v>30</v>
      </c>
      <c r="L16736" s="6" t="s">
        <v>51</v>
      </c>
    </row>
    <row r="16737" spans="1:12">
      <c r="A16737" s="6" t="s">
        <v>16731</v>
      </c>
      <c r="B16737" s="6"/>
      <c r="C16737" s="6" t="s">
        <v>16764</v>
      </c>
      <c r="D16737" s="6"/>
      <c r="E16737" s="6" t="s">
        <v>9</v>
      </c>
      <c r="F16737" s="7">
        <v>38657</v>
      </c>
      <c r="G16737" s="8">
        <v>1</v>
      </c>
      <c r="H16737" s="8">
        <v>1</v>
      </c>
      <c r="I16737" s="8">
        <v>0</v>
      </c>
      <c r="J16737" s="8">
        <v>1</v>
      </c>
      <c r="K16737" s="9">
        <v>22</v>
      </c>
      <c r="L16737" s="6" t="s">
        <v>51</v>
      </c>
    </row>
    <row r="16738" spans="1:12">
      <c r="A16738" s="6" t="s">
        <v>16731</v>
      </c>
      <c r="B16738" s="6"/>
      <c r="C16738" s="6" t="s">
        <v>16765</v>
      </c>
      <c r="D16738" s="6"/>
      <c r="E16738" s="6" t="s">
        <v>9</v>
      </c>
      <c r="F16738" s="7">
        <v>38657</v>
      </c>
      <c r="G16738" s="8">
        <v>1</v>
      </c>
      <c r="H16738" s="8">
        <v>1</v>
      </c>
      <c r="I16738" s="8">
        <v>0</v>
      </c>
      <c r="J16738" s="8">
        <v>1</v>
      </c>
      <c r="K16738" s="9">
        <v>7.2</v>
      </c>
      <c r="L16738" s="6" t="s">
        <v>51</v>
      </c>
    </row>
    <row r="16739" spans="1:12">
      <c r="A16739" s="6" t="s">
        <v>16731</v>
      </c>
      <c r="B16739" s="6"/>
      <c r="C16739" s="6" t="s">
        <v>16766</v>
      </c>
      <c r="D16739" s="6"/>
      <c r="E16739" s="6" t="s">
        <v>9</v>
      </c>
      <c r="F16739" s="7">
        <v>38657</v>
      </c>
      <c r="G16739" s="8">
        <v>1</v>
      </c>
      <c r="H16739" s="8">
        <v>1</v>
      </c>
      <c r="I16739" s="8">
        <v>0</v>
      </c>
      <c r="J16739" s="8">
        <v>1</v>
      </c>
      <c r="K16739" s="9">
        <v>44</v>
      </c>
      <c r="L16739" s="6" t="s">
        <v>51</v>
      </c>
    </row>
    <row r="16740" spans="1:12">
      <c r="A16740" s="6" t="s">
        <v>16731</v>
      </c>
      <c r="B16740" s="6"/>
      <c r="C16740" s="6" t="s">
        <v>16767</v>
      </c>
      <c r="D16740" s="6"/>
      <c r="E16740" s="6" t="s">
        <v>9</v>
      </c>
      <c r="F16740" s="7">
        <v>38657</v>
      </c>
      <c r="G16740" s="8">
        <v>1</v>
      </c>
      <c r="H16740" s="8">
        <v>1</v>
      </c>
      <c r="I16740" s="8">
        <v>0</v>
      </c>
      <c r="J16740" s="8">
        <v>1</v>
      </c>
      <c r="K16740" s="9">
        <v>1.48</v>
      </c>
      <c r="L16740" s="6" t="s">
        <v>51</v>
      </c>
    </row>
    <row r="16741" spans="1:12">
      <c r="A16741" s="6" t="s">
        <v>16731</v>
      </c>
      <c r="B16741" s="6"/>
      <c r="C16741" s="6" t="s">
        <v>16768</v>
      </c>
      <c r="D16741" s="6"/>
      <c r="E16741" s="6" t="s">
        <v>9</v>
      </c>
      <c r="F16741" s="7">
        <v>38657</v>
      </c>
      <c r="G16741" s="8">
        <v>1</v>
      </c>
      <c r="H16741" s="8">
        <v>1</v>
      </c>
      <c r="I16741" s="8">
        <v>0</v>
      </c>
      <c r="J16741" s="8">
        <v>1</v>
      </c>
      <c r="K16741" s="9">
        <v>87</v>
      </c>
      <c r="L16741" s="6" t="s">
        <v>51</v>
      </c>
    </row>
    <row r="16742" spans="1:12">
      <c r="A16742" s="6" t="s">
        <v>16731</v>
      </c>
      <c r="B16742" s="6"/>
      <c r="C16742" s="6" t="s">
        <v>16769</v>
      </c>
      <c r="D16742" s="6"/>
      <c r="E16742" s="6" t="s">
        <v>9</v>
      </c>
      <c r="F16742" s="7">
        <v>38657</v>
      </c>
      <c r="G16742" s="8">
        <v>1</v>
      </c>
      <c r="H16742" s="8">
        <v>1</v>
      </c>
      <c r="I16742" s="8">
        <v>0</v>
      </c>
      <c r="J16742" s="8">
        <v>1</v>
      </c>
      <c r="K16742" s="9">
        <v>64</v>
      </c>
      <c r="L16742" s="6" t="s">
        <v>51</v>
      </c>
    </row>
    <row r="16743" spans="1:12">
      <c r="A16743" s="6" t="s">
        <v>16731</v>
      </c>
      <c r="B16743" s="6"/>
      <c r="C16743" s="6" t="s">
        <v>16770</v>
      </c>
      <c r="D16743" s="6"/>
      <c r="E16743" s="6" t="s">
        <v>9</v>
      </c>
      <c r="F16743" s="7">
        <v>38657</v>
      </c>
      <c r="G16743" s="8">
        <v>1</v>
      </c>
      <c r="H16743" s="8">
        <v>1</v>
      </c>
      <c r="I16743" s="8">
        <v>0</v>
      </c>
      <c r="J16743" s="8">
        <v>1</v>
      </c>
      <c r="K16743" s="9">
        <v>4.3099999999999898</v>
      </c>
      <c r="L16743" s="6" t="s">
        <v>51</v>
      </c>
    </row>
    <row r="16744" spans="1:12">
      <c r="A16744" s="6" t="s">
        <v>16731</v>
      </c>
      <c r="B16744" s="6"/>
      <c r="C16744" s="6" t="s">
        <v>16771</v>
      </c>
      <c r="D16744" s="6"/>
      <c r="E16744" s="6" t="s">
        <v>9</v>
      </c>
      <c r="F16744" s="7">
        <v>38657</v>
      </c>
      <c r="G16744" s="8">
        <v>1</v>
      </c>
      <c r="H16744" s="8">
        <v>1</v>
      </c>
      <c r="I16744" s="8">
        <v>0</v>
      </c>
      <c r="J16744" s="8">
        <v>1</v>
      </c>
      <c r="K16744" s="9">
        <v>27</v>
      </c>
      <c r="L16744" s="6" t="s">
        <v>51</v>
      </c>
    </row>
    <row r="16745" spans="1:12">
      <c r="A16745" s="6" t="s">
        <v>16731</v>
      </c>
      <c r="B16745" s="6"/>
      <c r="C16745" s="6" t="s">
        <v>16772</v>
      </c>
      <c r="D16745" s="6"/>
      <c r="E16745" s="6" t="s">
        <v>9</v>
      </c>
      <c r="F16745" s="7">
        <v>38657</v>
      </c>
      <c r="G16745" s="8">
        <v>1</v>
      </c>
      <c r="H16745" s="8">
        <v>1</v>
      </c>
      <c r="I16745" s="8">
        <v>0</v>
      </c>
      <c r="J16745" s="8">
        <v>1</v>
      </c>
      <c r="K16745" s="9">
        <v>6.64</v>
      </c>
      <c r="L16745" s="6" t="s">
        <v>51</v>
      </c>
    </row>
    <row r="16746" spans="1:12">
      <c r="A16746" s="6" t="s">
        <v>16731</v>
      </c>
      <c r="B16746" s="6"/>
      <c r="C16746" s="6" t="s">
        <v>16773</v>
      </c>
      <c r="D16746" s="6"/>
      <c r="E16746" s="6" t="s">
        <v>9</v>
      </c>
      <c r="F16746" s="7">
        <v>38657</v>
      </c>
      <c r="G16746" s="8">
        <v>1</v>
      </c>
      <c r="H16746" s="8">
        <v>1</v>
      </c>
      <c r="I16746" s="8">
        <v>0</v>
      </c>
      <c r="J16746" s="8">
        <v>1</v>
      </c>
      <c r="K16746" s="9">
        <v>0.99</v>
      </c>
      <c r="L16746" s="6" t="s">
        <v>51</v>
      </c>
    </row>
    <row r="16747" spans="1:12">
      <c r="A16747" s="6" t="s">
        <v>16731</v>
      </c>
      <c r="B16747" s="6"/>
      <c r="C16747" s="6" t="s">
        <v>16774</v>
      </c>
      <c r="D16747" s="6"/>
      <c r="E16747" s="6" t="s">
        <v>9</v>
      </c>
      <c r="F16747" s="7">
        <v>38657</v>
      </c>
      <c r="G16747" s="8">
        <v>1</v>
      </c>
      <c r="H16747" s="8">
        <v>1</v>
      </c>
      <c r="I16747" s="8">
        <v>0</v>
      </c>
      <c r="J16747" s="8">
        <v>1</v>
      </c>
      <c r="K16747" s="9">
        <v>3.74</v>
      </c>
      <c r="L16747" s="6" t="s">
        <v>51</v>
      </c>
    </row>
    <row r="16748" spans="1:12">
      <c r="A16748" s="6" t="s">
        <v>16731</v>
      </c>
      <c r="B16748" s="6"/>
      <c r="C16748" s="6" t="s">
        <v>16775</v>
      </c>
      <c r="D16748" s="6"/>
      <c r="E16748" s="6" t="s">
        <v>9</v>
      </c>
      <c r="F16748" s="7">
        <v>38657</v>
      </c>
      <c r="G16748" s="8">
        <v>1</v>
      </c>
      <c r="H16748" s="8">
        <v>1</v>
      </c>
      <c r="I16748" s="8">
        <v>0</v>
      </c>
      <c r="J16748" s="8">
        <v>1</v>
      </c>
      <c r="K16748" s="9">
        <v>3.15</v>
      </c>
      <c r="L16748" s="6" t="s">
        <v>51</v>
      </c>
    </row>
    <row r="16749" spans="1:12">
      <c r="A16749" s="6" t="s">
        <v>16731</v>
      </c>
      <c r="B16749" s="6"/>
      <c r="C16749" s="6" t="s">
        <v>16776</v>
      </c>
      <c r="D16749" s="6"/>
      <c r="E16749" s="6" t="s">
        <v>9</v>
      </c>
      <c r="F16749" s="7">
        <v>38657</v>
      </c>
      <c r="G16749" s="8">
        <v>1</v>
      </c>
      <c r="H16749" s="8">
        <v>1</v>
      </c>
      <c r="I16749" s="8">
        <v>0</v>
      </c>
      <c r="J16749" s="8">
        <v>1</v>
      </c>
      <c r="K16749" s="9">
        <v>4.18</v>
      </c>
      <c r="L16749" s="6" t="s">
        <v>51</v>
      </c>
    </row>
    <row r="16750" spans="1:12">
      <c r="A16750" s="6" t="s">
        <v>16731</v>
      </c>
      <c r="B16750" s="6"/>
      <c r="C16750" s="6" t="s">
        <v>16777</v>
      </c>
      <c r="D16750" s="6"/>
      <c r="E16750" s="6" t="s">
        <v>9</v>
      </c>
      <c r="F16750" s="7">
        <v>38657</v>
      </c>
      <c r="G16750" s="8">
        <v>1</v>
      </c>
      <c r="H16750" s="8">
        <v>1</v>
      </c>
      <c r="I16750" s="8">
        <v>0</v>
      </c>
      <c r="J16750" s="8">
        <v>1</v>
      </c>
      <c r="K16750" s="9">
        <v>0.22</v>
      </c>
      <c r="L16750" s="6" t="s">
        <v>51</v>
      </c>
    </row>
    <row r="16751" spans="1:12">
      <c r="A16751" s="6" t="s">
        <v>16731</v>
      </c>
      <c r="B16751" s="6"/>
      <c r="C16751" s="6" t="s">
        <v>16778</v>
      </c>
      <c r="D16751" s="6"/>
      <c r="E16751" s="6" t="s">
        <v>9</v>
      </c>
      <c r="F16751" s="7">
        <v>38657</v>
      </c>
      <c r="G16751" s="8">
        <v>1</v>
      </c>
      <c r="H16751" s="8">
        <v>1</v>
      </c>
      <c r="I16751" s="8">
        <v>0</v>
      </c>
      <c r="J16751" s="8">
        <v>1</v>
      </c>
      <c r="K16751" s="9">
        <v>19</v>
      </c>
      <c r="L16751" s="6" t="s">
        <v>51</v>
      </c>
    </row>
    <row r="16752" spans="1:12">
      <c r="A16752" s="6" t="s">
        <v>16731</v>
      </c>
      <c r="B16752" s="6"/>
      <c r="C16752" s="6" t="s">
        <v>16779</v>
      </c>
      <c r="D16752" s="6"/>
      <c r="E16752" s="6" t="s">
        <v>9</v>
      </c>
      <c r="F16752" s="7">
        <v>38657</v>
      </c>
      <c r="G16752" s="8">
        <v>1</v>
      </c>
      <c r="H16752" s="8">
        <v>1</v>
      </c>
      <c r="I16752" s="8">
        <v>0</v>
      </c>
      <c r="J16752" s="8">
        <v>1</v>
      </c>
      <c r="K16752" s="9">
        <v>20</v>
      </c>
      <c r="L16752" s="6" t="s">
        <v>51</v>
      </c>
    </row>
    <row r="16753" spans="1:12">
      <c r="A16753" s="6" t="s">
        <v>16731</v>
      </c>
      <c r="B16753" s="6"/>
      <c r="C16753" s="6" t="s">
        <v>16780</v>
      </c>
      <c r="D16753" s="6"/>
      <c r="E16753" s="6" t="s">
        <v>9</v>
      </c>
      <c r="F16753" s="7">
        <v>38657</v>
      </c>
      <c r="G16753" s="8">
        <v>1</v>
      </c>
      <c r="H16753" s="8">
        <v>1</v>
      </c>
      <c r="I16753" s="8">
        <v>0</v>
      </c>
      <c r="J16753" s="8">
        <v>1</v>
      </c>
      <c r="K16753" s="9">
        <v>36</v>
      </c>
      <c r="L16753" s="6" t="s">
        <v>51</v>
      </c>
    </row>
    <row r="16754" spans="1:12">
      <c r="A16754" s="6" t="s">
        <v>16731</v>
      </c>
      <c r="B16754" s="6"/>
      <c r="C16754" s="6" t="s">
        <v>16781</v>
      </c>
      <c r="D16754" s="6"/>
      <c r="E16754" s="6" t="s">
        <v>9</v>
      </c>
      <c r="F16754" s="7">
        <v>38657</v>
      </c>
      <c r="G16754" s="8">
        <v>1</v>
      </c>
      <c r="H16754" s="8">
        <v>1</v>
      </c>
      <c r="I16754" s="8">
        <v>0</v>
      </c>
      <c r="J16754" s="8">
        <v>1</v>
      </c>
      <c r="K16754" s="9">
        <v>11</v>
      </c>
      <c r="L16754" s="6" t="s">
        <v>51</v>
      </c>
    </row>
    <row r="16755" spans="1:12">
      <c r="A16755" s="6" t="s">
        <v>16731</v>
      </c>
      <c r="B16755" s="6"/>
      <c r="C16755" s="6" t="s">
        <v>16782</v>
      </c>
      <c r="D16755" s="6"/>
      <c r="E16755" s="6" t="s">
        <v>9</v>
      </c>
      <c r="F16755" s="7">
        <v>38657</v>
      </c>
      <c r="G16755" s="8">
        <v>1</v>
      </c>
      <c r="H16755" s="8">
        <v>1</v>
      </c>
      <c r="I16755" s="8">
        <v>0</v>
      </c>
      <c r="J16755" s="8">
        <v>1</v>
      </c>
      <c r="K16755" s="9">
        <v>0.4</v>
      </c>
      <c r="L16755" s="6" t="s">
        <v>51</v>
      </c>
    </row>
    <row r="16756" spans="1:12">
      <c r="A16756" s="6" t="s">
        <v>16731</v>
      </c>
      <c r="B16756" s="6"/>
      <c r="C16756" s="6" t="s">
        <v>16783</v>
      </c>
      <c r="D16756" s="6"/>
      <c r="E16756" s="6" t="s">
        <v>9</v>
      </c>
      <c r="F16756" s="7">
        <v>38657</v>
      </c>
      <c r="G16756" s="8">
        <v>1</v>
      </c>
      <c r="H16756" s="8">
        <v>1</v>
      </c>
      <c r="I16756" s="8">
        <v>0</v>
      </c>
      <c r="J16756" s="8">
        <v>1</v>
      </c>
      <c r="K16756" s="9">
        <v>5.2</v>
      </c>
      <c r="L16756" s="6" t="s">
        <v>51</v>
      </c>
    </row>
    <row r="16757" spans="1:12">
      <c r="A16757" s="6" t="s">
        <v>16731</v>
      </c>
      <c r="B16757" s="6"/>
      <c r="C16757" s="6" t="s">
        <v>16784</v>
      </c>
      <c r="D16757" s="6"/>
      <c r="E16757" s="6" t="s">
        <v>9</v>
      </c>
      <c r="F16757" s="7">
        <v>38657</v>
      </c>
      <c r="G16757" s="8">
        <v>1</v>
      </c>
      <c r="H16757" s="8">
        <v>1</v>
      </c>
      <c r="I16757" s="8">
        <v>0</v>
      </c>
      <c r="J16757" s="8">
        <v>1</v>
      </c>
      <c r="K16757" s="9">
        <v>23</v>
      </c>
      <c r="L16757" s="6" t="s">
        <v>51</v>
      </c>
    </row>
    <row r="16758" spans="1:12">
      <c r="A16758" s="6" t="s">
        <v>16731</v>
      </c>
      <c r="B16758" s="6"/>
      <c r="C16758" s="6" t="s">
        <v>16785</v>
      </c>
      <c r="D16758" s="6"/>
      <c r="E16758" s="6" t="s">
        <v>9</v>
      </c>
      <c r="F16758" s="7">
        <v>38657</v>
      </c>
      <c r="G16758" s="8">
        <v>1</v>
      </c>
      <c r="H16758" s="8">
        <v>1</v>
      </c>
      <c r="I16758" s="8">
        <v>0</v>
      </c>
      <c r="J16758" s="8">
        <v>1</v>
      </c>
      <c r="K16758" s="9">
        <v>14</v>
      </c>
      <c r="L16758" s="6" t="s">
        <v>51</v>
      </c>
    </row>
    <row r="16759" spans="1:12">
      <c r="A16759" s="6" t="s">
        <v>16731</v>
      </c>
      <c r="B16759" s="6"/>
      <c r="C16759" s="6" t="s">
        <v>16786</v>
      </c>
      <c r="D16759" s="6"/>
      <c r="E16759" s="6" t="s">
        <v>9</v>
      </c>
      <c r="F16759" s="7">
        <v>38657</v>
      </c>
      <c r="G16759" s="8">
        <v>1</v>
      </c>
      <c r="H16759" s="8">
        <v>1</v>
      </c>
      <c r="I16759" s="8">
        <v>0</v>
      </c>
      <c r="J16759" s="8">
        <v>1</v>
      </c>
      <c r="K16759" s="9">
        <v>48</v>
      </c>
      <c r="L16759" s="6" t="s">
        <v>51</v>
      </c>
    </row>
    <row r="16760" spans="1:12">
      <c r="A16760" s="6" t="s">
        <v>16731</v>
      </c>
      <c r="B16760" s="6"/>
      <c r="C16760" s="6" t="s">
        <v>16787</v>
      </c>
      <c r="D16760" s="6"/>
      <c r="E16760" s="6" t="s">
        <v>9</v>
      </c>
      <c r="F16760" s="7">
        <v>38657</v>
      </c>
      <c r="G16760" s="8">
        <v>1</v>
      </c>
      <c r="H16760" s="8">
        <v>1</v>
      </c>
      <c r="I16760" s="8">
        <v>0</v>
      </c>
      <c r="J16760" s="8">
        <v>1</v>
      </c>
      <c r="K16760" s="9">
        <v>18</v>
      </c>
      <c r="L16760" s="6" t="s">
        <v>51</v>
      </c>
    </row>
    <row r="16761" spans="1:12">
      <c r="A16761" s="6" t="s">
        <v>16731</v>
      </c>
      <c r="B16761" s="6"/>
      <c r="C16761" s="6" t="s">
        <v>16788</v>
      </c>
      <c r="D16761" s="6"/>
      <c r="E16761" s="6" t="s">
        <v>9</v>
      </c>
      <c r="F16761" s="7">
        <v>38657</v>
      </c>
      <c r="G16761" s="8">
        <v>1</v>
      </c>
      <c r="H16761" s="8">
        <v>1</v>
      </c>
      <c r="I16761" s="8">
        <v>0</v>
      </c>
      <c r="J16761" s="8">
        <v>1</v>
      </c>
      <c r="K16761" s="9">
        <v>47</v>
      </c>
      <c r="L16761" s="6" t="s">
        <v>51</v>
      </c>
    </row>
    <row r="16762" spans="1:12">
      <c r="A16762" s="6" t="s">
        <v>16731</v>
      </c>
      <c r="B16762" s="6"/>
      <c r="C16762" s="6" t="s">
        <v>16789</v>
      </c>
      <c r="D16762" s="6"/>
      <c r="E16762" s="6" t="s">
        <v>9</v>
      </c>
      <c r="F16762" s="7">
        <v>38657</v>
      </c>
      <c r="G16762" s="8">
        <v>1</v>
      </c>
      <c r="H16762" s="8">
        <v>1</v>
      </c>
      <c r="I16762" s="8">
        <v>0</v>
      </c>
      <c r="J16762" s="8">
        <v>1</v>
      </c>
      <c r="K16762" s="9">
        <v>51</v>
      </c>
      <c r="L16762" s="6" t="s">
        <v>51</v>
      </c>
    </row>
    <row r="16763" spans="1:12">
      <c r="A16763" s="6" t="s">
        <v>16731</v>
      </c>
      <c r="B16763" s="6"/>
      <c r="C16763" s="6" t="s">
        <v>16790</v>
      </c>
      <c r="D16763" s="6"/>
      <c r="E16763" s="6" t="s">
        <v>9</v>
      </c>
      <c r="F16763" s="7">
        <v>38657</v>
      </c>
      <c r="G16763" s="8">
        <v>1</v>
      </c>
      <c r="H16763" s="8">
        <v>1</v>
      </c>
      <c r="I16763" s="8">
        <v>0</v>
      </c>
      <c r="J16763" s="8">
        <v>1</v>
      </c>
      <c r="K16763" s="9">
        <v>27</v>
      </c>
      <c r="L16763" s="6" t="s">
        <v>51</v>
      </c>
    </row>
    <row r="16764" spans="1:12">
      <c r="A16764" s="6" t="s">
        <v>16731</v>
      </c>
      <c r="B16764" s="6"/>
      <c r="C16764" s="6" t="s">
        <v>16791</v>
      </c>
      <c r="D16764" s="6"/>
      <c r="E16764" s="6" t="s">
        <v>9</v>
      </c>
      <c r="F16764" s="7">
        <v>38657</v>
      </c>
      <c r="G16764" s="8">
        <v>1</v>
      </c>
      <c r="H16764" s="8">
        <v>1</v>
      </c>
      <c r="I16764" s="8">
        <v>0</v>
      </c>
      <c r="J16764" s="8">
        <v>1</v>
      </c>
      <c r="K16764" s="9">
        <v>74</v>
      </c>
      <c r="L16764" s="6" t="s">
        <v>51</v>
      </c>
    </row>
    <row r="16765" spans="1:12">
      <c r="A16765" s="6" t="s">
        <v>16731</v>
      </c>
      <c r="B16765" s="6"/>
      <c r="C16765" s="6" t="s">
        <v>16792</v>
      </c>
      <c r="D16765" s="6"/>
      <c r="E16765" s="6" t="s">
        <v>9</v>
      </c>
      <c r="F16765" s="7">
        <v>38657</v>
      </c>
      <c r="G16765" s="8">
        <v>1</v>
      </c>
      <c r="H16765" s="8">
        <v>1</v>
      </c>
      <c r="I16765" s="8">
        <v>0</v>
      </c>
      <c r="J16765" s="8">
        <v>1</v>
      </c>
      <c r="K16765" s="9">
        <v>25</v>
      </c>
      <c r="L16765" s="6" t="s">
        <v>51</v>
      </c>
    </row>
    <row r="16766" spans="1:12">
      <c r="A16766" s="6" t="s">
        <v>16731</v>
      </c>
      <c r="B16766" s="6"/>
      <c r="C16766" s="6" t="s">
        <v>16793</v>
      </c>
      <c r="D16766" s="6"/>
      <c r="E16766" s="6" t="s">
        <v>9</v>
      </c>
      <c r="F16766" s="7">
        <v>38657</v>
      </c>
      <c r="G16766" s="8">
        <v>1</v>
      </c>
      <c r="H16766" s="8">
        <v>1</v>
      </c>
      <c r="I16766" s="8">
        <v>0</v>
      </c>
      <c r="J16766" s="8">
        <v>1</v>
      </c>
      <c r="K16766" s="9">
        <v>64</v>
      </c>
      <c r="L16766" s="6" t="s">
        <v>51</v>
      </c>
    </row>
    <row r="16767" spans="1:12">
      <c r="A16767" s="6" t="s">
        <v>16731</v>
      </c>
      <c r="B16767" s="6"/>
      <c r="C16767" s="6" t="s">
        <v>16794</v>
      </c>
      <c r="D16767" s="6"/>
      <c r="E16767" s="6" t="s">
        <v>9</v>
      </c>
      <c r="F16767" s="7">
        <v>38657</v>
      </c>
      <c r="G16767" s="8">
        <v>1</v>
      </c>
      <c r="H16767" s="8">
        <v>1</v>
      </c>
      <c r="I16767" s="8">
        <v>0</v>
      </c>
      <c r="J16767" s="8">
        <v>1</v>
      </c>
      <c r="K16767" s="9">
        <v>30</v>
      </c>
      <c r="L16767" s="6" t="s">
        <v>51</v>
      </c>
    </row>
    <row r="16768" spans="1:12">
      <c r="A16768" s="6" t="s">
        <v>16731</v>
      </c>
      <c r="B16768" s="6"/>
      <c r="C16768" s="6" t="s">
        <v>16795</v>
      </c>
      <c r="D16768" s="6"/>
      <c r="E16768" s="6" t="s">
        <v>9</v>
      </c>
      <c r="F16768" s="7">
        <v>38657</v>
      </c>
      <c r="G16768" s="8">
        <v>1</v>
      </c>
      <c r="H16768" s="8">
        <v>1</v>
      </c>
      <c r="I16768" s="8">
        <v>0</v>
      </c>
      <c r="J16768" s="8">
        <v>1</v>
      </c>
      <c r="K16768" s="9">
        <v>27</v>
      </c>
      <c r="L16768" s="6" t="s">
        <v>51</v>
      </c>
    </row>
    <row r="16769" spans="1:12">
      <c r="A16769" s="6" t="s">
        <v>16731</v>
      </c>
      <c r="B16769" s="6"/>
      <c r="C16769" s="6" t="s">
        <v>16796</v>
      </c>
      <c r="D16769" s="6"/>
      <c r="E16769" s="6" t="s">
        <v>9</v>
      </c>
      <c r="F16769" s="7">
        <v>38657</v>
      </c>
      <c r="G16769" s="8">
        <v>1</v>
      </c>
      <c r="H16769" s="8">
        <v>1</v>
      </c>
      <c r="I16769" s="8">
        <v>0</v>
      </c>
      <c r="J16769" s="8">
        <v>1</v>
      </c>
      <c r="K16769" s="9">
        <v>3.04</v>
      </c>
      <c r="L16769" s="6" t="s">
        <v>51</v>
      </c>
    </row>
    <row r="16770" spans="1:12">
      <c r="A16770" s="6" t="s">
        <v>16731</v>
      </c>
      <c r="B16770" s="6"/>
      <c r="C16770" s="6" t="s">
        <v>16797</v>
      </c>
      <c r="D16770" s="6"/>
      <c r="E16770" s="6" t="s">
        <v>9</v>
      </c>
      <c r="F16770" s="7">
        <v>38657</v>
      </c>
      <c r="G16770" s="8">
        <v>1</v>
      </c>
      <c r="H16770" s="8">
        <v>1</v>
      </c>
      <c r="I16770" s="8">
        <v>0</v>
      </c>
      <c r="J16770" s="8">
        <v>1</v>
      </c>
      <c r="K16770" s="9">
        <v>0.09</v>
      </c>
      <c r="L16770" s="6" t="s">
        <v>51</v>
      </c>
    </row>
    <row r="16771" spans="1:12">
      <c r="A16771" s="6" t="s">
        <v>16731</v>
      </c>
      <c r="B16771" s="6"/>
      <c r="C16771" s="6" t="s">
        <v>16798</v>
      </c>
      <c r="D16771" s="6"/>
      <c r="E16771" s="6" t="s">
        <v>9</v>
      </c>
      <c r="F16771" s="7">
        <v>38657</v>
      </c>
      <c r="G16771" s="8">
        <v>1</v>
      </c>
      <c r="H16771" s="8">
        <v>1</v>
      </c>
      <c r="I16771" s="8">
        <v>0</v>
      </c>
      <c r="J16771" s="8">
        <v>1</v>
      </c>
      <c r="K16771" s="9">
        <v>1.2</v>
      </c>
      <c r="L16771" s="6" t="s">
        <v>51</v>
      </c>
    </row>
    <row r="16772" spans="1:12">
      <c r="A16772" s="6" t="s">
        <v>16731</v>
      </c>
      <c r="B16772" s="6"/>
      <c r="C16772" s="6" t="s">
        <v>16799</v>
      </c>
      <c r="D16772" s="6"/>
      <c r="E16772" s="6" t="s">
        <v>9</v>
      </c>
      <c r="F16772" s="7">
        <v>38657</v>
      </c>
      <c r="G16772" s="8">
        <v>1</v>
      </c>
      <c r="H16772" s="8">
        <v>1</v>
      </c>
      <c r="I16772" s="8">
        <v>0</v>
      </c>
      <c r="J16772" s="8">
        <v>1</v>
      </c>
      <c r="K16772" s="9">
        <v>59</v>
      </c>
      <c r="L16772" s="6" t="s">
        <v>51</v>
      </c>
    </row>
    <row r="16773" spans="1:12">
      <c r="A16773" s="6" t="s">
        <v>16731</v>
      </c>
      <c r="B16773" s="6"/>
      <c r="C16773" s="6" t="s">
        <v>16800</v>
      </c>
      <c r="D16773" s="6"/>
      <c r="E16773" s="6" t="s">
        <v>9</v>
      </c>
      <c r="F16773" s="7">
        <v>38657</v>
      </c>
      <c r="G16773" s="8">
        <v>1</v>
      </c>
      <c r="H16773" s="8">
        <v>1</v>
      </c>
      <c r="I16773" s="8">
        <v>0</v>
      </c>
      <c r="J16773" s="8">
        <v>1</v>
      </c>
      <c r="K16773" s="9">
        <v>13</v>
      </c>
      <c r="L16773" s="6" t="s">
        <v>51</v>
      </c>
    </row>
    <row r="16774" spans="1:12">
      <c r="A16774" s="6" t="s">
        <v>16731</v>
      </c>
      <c r="B16774" s="6"/>
      <c r="C16774" s="6" t="s">
        <v>16801</v>
      </c>
      <c r="D16774" s="6"/>
      <c r="E16774" s="6" t="s">
        <v>9</v>
      </c>
      <c r="F16774" s="7">
        <v>38657</v>
      </c>
      <c r="G16774" s="8">
        <v>1</v>
      </c>
      <c r="H16774" s="8">
        <v>1</v>
      </c>
      <c r="I16774" s="8">
        <v>0</v>
      </c>
      <c r="J16774" s="8">
        <v>1</v>
      </c>
      <c r="K16774" s="9">
        <v>36</v>
      </c>
      <c r="L16774" s="6" t="s">
        <v>51</v>
      </c>
    </row>
    <row r="16775" spans="1:12">
      <c r="A16775" s="6" t="s">
        <v>16731</v>
      </c>
      <c r="B16775" s="6"/>
      <c r="C16775" s="6" t="s">
        <v>16802</v>
      </c>
      <c r="D16775" s="6"/>
      <c r="E16775" s="6" t="s">
        <v>9</v>
      </c>
      <c r="F16775" s="7">
        <v>38657</v>
      </c>
      <c r="G16775" s="8">
        <v>1</v>
      </c>
      <c r="H16775" s="8">
        <v>1</v>
      </c>
      <c r="I16775" s="8">
        <v>0</v>
      </c>
      <c r="J16775" s="8">
        <v>1</v>
      </c>
      <c r="K16775" s="9">
        <v>1.02</v>
      </c>
      <c r="L16775" s="6" t="s">
        <v>51</v>
      </c>
    </row>
    <row r="16776" spans="1:12">
      <c r="A16776" s="6" t="s">
        <v>16731</v>
      </c>
      <c r="B16776" s="6"/>
      <c r="C16776" s="6" t="s">
        <v>16803</v>
      </c>
      <c r="D16776" s="6"/>
      <c r="E16776" s="6" t="s">
        <v>9</v>
      </c>
      <c r="F16776" s="7">
        <v>38657</v>
      </c>
      <c r="G16776" s="8">
        <v>1</v>
      </c>
      <c r="H16776" s="8">
        <v>1</v>
      </c>
      <c r="I16776" s="8">
        <v>0</v>
      </c>
      <c r="J16776" s="8">
        <v>1</v>
      </c>
      <c r="K16776" s="9">
        <v>11</v>
      </c>
      <c r="L16776" s="6" t="s">
        <v>51</v>
      </c>
    </row>
    <row r="16777" spans="1:12">
      <c r="A16777" s="6" t="s">
        <v>16731</v>
      </c>
      <c r="B16777" s="6"/>
      <c r="C16777" s="6" t="s">
        <v>16804</v>
      </c>
      <c r="D16777" s="6"/>
      <c r="E16777" s="6" t="s">
        <v>9</v>
      </c>
      <c r="F16777" s="7">
        <v>38657</v>
      </c>
      <c r="G16777" s="8">
        <v>1</v>
      </c>
      <c r="H16777" s="8">
        <v>1</v>
      </c>
      <c r="I16777" s="8">
        <v>0</v>
      </c>
      <c r="J16777" s="8">
        <v>1</v>
      </c>
      <c r="K16777" s="9">
        <v>31</v>
      </c>
      <c r="L16777" s="6" t="s">
        <v>51</v>
      </c>
    </row>
    <row r="16778" spans="1:12">
      <c r="A16778" s="6" t="s">
        <v>16731</v>
      </c>
      <c r="B16778" s="6"/>
      <c r="C16778" s="6" t="s">
        <v>16805</v>
      </c>
      <c r="D16778" s="6"/>
      <c r="E16778" s="6" t="s">
        <v>9</v>
      </c>
      <c r="F16778" s="7">
        <v>38657</v>
      </c>
      <c r="G16778" s="8">
        <v>1</v>
      </c>
      <c r="H16778" s="8">
        <v>1</v>
      </c>
      <c r="I16778" s="8">
        <v>0</v>
      </c>
      <c r="J16778" s="8">
        <v>1</v>
      </c>
      <c r="K16778" s="9">
        <v>31</v>
      </c>
      <c r="L16778" s="6" t="s">
        <v>51</v>
      </c>
    </row>
    <row r="16779" spans="1:12">
      <c r="A16779" s="6" t="s">
        <v>16731</v>
      </c>
      <c r="B16779" s="6"/>
      <c r="C16779" s="6" t="s">
        <v>16806</v>
      </c>
      <c r="D16779" s="6"/>
      <c r="E16779" s="6" t="s">
        <v>9</v>
      </c>
      <c r="F16779" s="7">
        <v>38657</v>
      </c>
      <c r="G16779" s="8">
        <v>1</v>
      </c>
      <c r="H16779" s="8">
        <v>1</v>
      </c>
      <c r="I16779" s="8">
        <v>0</v>
      </c>
      <c r="J16779" s="8">
        <v>1</v>
      </c>
      <c r="K16779" s="9">
        <v>23</v>
      </c>
      <c r="L16779" s="6" t="s">
        <v>51</v>
      </c>
    </row>
    <row r="16780" spans="1:12">
      <c r="A16780" s="6" t="s">
        <v>16731</v>
      </c>
      <c r="B16780" s="6"/>
      <c r="C16780" s="6" t="s">
        <v>16807</v>
      </c>
      <c r="D16780" s="6"/>
      <c r="E16780" s="6" t="s">
        <v>9</v>
      </c>
      <c r="F16780" s="7">
        <v>38657</v>
      </c>
      <c r="G16780" s="8">
        <v>1</v>
      </c>
      <c r="H16780" s="8">
        <v>1</v>
      </c>
      <c r="I16780" s="8">
        <v>0</v>
      </c>
      <c r="J16780" s="8">
        <v>1</v>
      </c>
      <c r="K16780" s="9">
        <v>13</v>
      </c>
      <c r="L16780" s="6" t="s">
        <v>51</v>
      </c>
    </row>
    <row r="16781" spans="1:12">
      <c r="A16781" s="6" t="s">
        <v>16731</v>
      </c>
      <c r="B16781" s="6"/>
      <c r="C16781" s="6" t="s">
        <v>16808</v>
      </c>
      <c r="D16781" s="6"/>
      <c r="E16781" s="6" t="s">
        <v>9</v>
      </c>
      <c r="F16781" s="7">
        <v>38657</v>
      </c>
      <c r="G16781" s="8">
        <v>1</v>
      </c>
      <c r="H16781" s="8">
        <v>1</v>
      </c>
      <c r="I16781" s="8">
        <v>0</v>
      </c>
      <c r="J16781" s="8">
        <v>1</v>
      </c>
      <c r="K16781" s="9">
        <v>27</v>
      </c>
      <c r="L16781" s="6" t="s">
        <v>51</v>
      </c>
    </row>
    <row r="16782" spans="1:12">
      <c r="A16782" s="6" t="s">
        <v>16731</v>
      </c>
      <c r="B16782" s="6"/>
      <c r="C16782" s="6" t="s">
        <v>16809</v>
      </c>
      <c r="D16782" s="6"/>
      <c r="E16782" s="6" t="s">
        <v>9</v>
      </c>
      <c r="F16782" s="7">
        <v>38657</v>
      </c>
      <c r="G16782" s="8">
        <v>1</v>
      </c>
      <c r="H16782" s="8">
        <v>1</v>
      </c>
      <c r="I16782" s="8">
        <v>0</v>
      </c>
      <c r="J16782" s="8">
        <v>1</v>
      </c>
      <c r="K16782" s="9">
        <v>13</v>
      </c>
      <c r="L16782" s="6" t="s">
        <v>51</v>
      </c>
    </row>
    <row r="16783" spans="1:12">
      <c r="A16783" s="6" t="s">
        <v>16731</v>
      </c>
      <c r="B16783" s="6"/>
      <c r="C16783" s="6" t="s">
        <v>16810</v>
      </c>
      <c r="D16783" s="6"/>
      <c r="E16783" s="6" t="s">
        <v>9</v>
      </c>
      <c r="F16783" s="7">
        <v>38657</v>
      </c>
      <c r="G16783" s="8">
        <v>1</v>
      </c>
      <c r="H16783" s="8">
        <v>1</v>
      </c>
      <c r="I16783" s="8">
        <v>0</v>
      </c>
      <c r="J16783" s="8">
        <v>1</v>
      </c>
      <c r="K16783" s="9">
        <v>18</v>
      </c>
      <c r="L16783" s="6" t="s">
        <v>51</v>
      </c>
    </row>
    <row r="16784" spans="1:12">
      <c r="A16784" s="6" t="s">
        <v>16731</v>
      </c>
      <c r="B16784" s="6"/>
      <c r="C16784" s="6" t="s">
        <v>16811</v>
      </c>
      <c r="D16784" s="6"/>
      <c r="E16784" s="6" t="s">
        <v>9</v>
      </c>
      <c r="F16784" s="7">
        <v>38657</v>
      </c>
      <c r="G16784" s="8">
        <v>1</v>
      </c>
      <c r="H16784" s="8">
        <v>1</v>
      </c>
      <c r="I16784" s="8">
        <v>0</v>
      </c>
      <c r="J16784" s="8">
        <v>1</v>
      </c>
      <c r="K16784" s="9">
        <v>21</v>
      </c>
      <c r="L16784" s="6" t="s">
        <v>51</v>
      </c>
    </row>
    <row r="16785" spans="1:12">
      <c r="A16785" s="6" t="s">
        <v>16731</v>
      </c>
      <c r="B16785" s="6"/>
      <c r="C16785" s="6" t="s">
        <v>16812</v>
      </c>
      <c r="D16785" s="6"/>
      <c r="E16785" s="6" t="s">
        <v>9</v>
      </c>
      <c r="F16785" s="7">
        <v>38657</v>
      </c>
      <c r="G16785" s="8">
        <v>1</v>
      </c>
      <c r="H16785" s="8">
        <v>1</v>
      </c>
      <c r="I16785" s="8">
        <v>0</v>
      </c>
      <c r="J16785" s="8">
        <v>1</v>
      </c>
      <c r="K16785" s="9">
        <v>15</v>
      </c>
      <c r="L16785" s="6" t="s">
        <v>51</v>
      </c>
    </row>
    <row r="16786" spans="1:12">
      <c r="A16786" s="6" t="s">
        <v>16731</v>
      </c>
      <c r="B16786" s="6"/>
      <c r="C16786" s="6" t="s">
        <v>16813</v>
      </c>
      <c r="D16786" s="6"/>
      <c r="E16786" s="6" t="s">
        <v>9</v>
      </c>
      <c r="F16786" s="7">
        <v>38657</v>
      </c>
      <c r="G16786" s="8">
        <v>1</v>
      </c>
      <c r="H16786" s="8">
        <v>1</v>
      </c>
      <c r="I16786" s="8">
        <v>0</v>
      </c>
      <c r="J16786" s="8">
        <v>1</v>
      </c>
      <c r="K16786" s="9">
        <v>17</v>
      </c>
      <c r="L16786" s="6" t="s">
        <v>51</v>
      </c>
    </row>
    <row r="16787" spans="1:12">
      <c r="A16787" s="6" t="s">
        <v>16731</v>
      </c>
      <c r="B16787" s="6"/>
      <c r="C16787" s="6" t="s">
        <v>16814</v>
      </c>
      <c r="D16787" s="6"/>
      <c r="E16787" s="6" t="s">
        <v>9</v>
      </c>
      <c r="F16787" s="7">
        <v>38657</v>
      </c>
      <c r="G16787" s="8">
        <v>1</v>
      </c>
      <c r="H16787" s="8">
        <v>1</v>
      </c>
      <c r="I16787" s="8">
        <v>0</v>
      </c>
      <c r="J16787" s="8">
        <v>1</v>
      </c>
      <c r="K16787" s="9">
        <v>38</v>
      </c>
      <c r="L16787" s="6" t="s">
        <v>51</v>
      </c>
    </row>
    <row r="16788" spans="1:12">
      <c r="A16788" s="6" t="s">
        <v>16731</v>
      </c>
      <c r="B16788" s="6"/>
      <c r="C16788" s="6" t="s">
        <v>16815</v>
      </c>
      <c r="D16788" s="6"/>
      <c r="E16788" s="6" t="s">
        <v>9</v>
      </c>
      <c r="F16788" s="7">
        <v>38657</v>
      </c>
      <c r="G16788" s="8">
        <v>1</v>
      </c>
      <c r="H16788" s="8">
        <v>1</v>
      </c>
      <c r="I16788" s="8">
        <v>0</v>
      </c>
      <c r="J16788" s="8">
        <v>1</v>
      </c>
      <c r="K16788" s="9">
        <v>20</v>
      </c>
      <c r="L16788" s="6" t="s">
        <v>51</v>
      </c>
    </row>
    <row r="16789" spans="1:12">
      <c r="A16789" s="6" t="s">
        <v>16731</v>
      </c>
      <c r="B16789" s="6"/>
      <c r="C16789" s="6" t="s">
        <v>16816</v>
      </c>
      <c r="D16789" s="6"/>
      <c r="E16789" s="6" t="s">
        <v>9</v>
      </c>
      <c r="F16789" s="7">
        <v>38657</v>
      </c>
      <c r="G16789" s="8">
        <v>1</v>
      </c>
      <c r="H16789" s="8">
        <v>1</v>
      </c>
      <c r="I16789" s="8">
        <v>0</v>
      </c>
      <c r="J16789" s="8">
        <v>1</v>
      </c>
      <c r="K16789" s="9">
        <v>28</v>
      </c>
      <c r="L16789" s="6" t="s">
        <v>51</v>
      </c>
    </row>
    <row r="16790" spans="1:12">
      <c r="A16790" s="6" t="s">
        <v>16731</v>
      </c>
      <c r="B16790" s="6"/>
      <c r="C16790" s="6" t="s">
        <v>16817</v>
      </c>
      <c r="D16790" s="6"/>
      <c r="E16790" s="6" t="s">
        <v>9</v>
      </c>
      <c r="F16790" s="7">
        <v>38657</v>
      </c>
      <c r="G16790" s="8">
        <v>1</v>
      </c>
      <c r="H16790" s="8">
        <v>1</v>
      </c>
      <c r="I16790" s="8">
        <v>0</v>
      </c>
      <c r="J16790" s="8">
        <v>1</v>
      </c>
      <c r="K16790" s="9">
        <v>17</v>
      </c>
      <c r="L16790" s="6" t="s">
        <v>51</v>
      </c>
    </row>
    <row r="16791" spans="1:12">
      <c r="A16791" s="6" t="s">
        <v>16731</v>
      </c>
      <c r="B16791" s="6"/>
      <c r="C16791" s="6" t="s">
        <v>16818</v>
      </c>
      <c r="D16791" s="6"/>
      <c r="E16791" s="6" t="s">
        <v>9</v>
      </c>
      <c r="F16791" s="7">
        <v>38657</v>
      </c>
      <c r="G16791" s="8">
        <v>1</v>
      </c>
      <c r="H16791" s="8">
        <v>1</v>
      </c>
      <c r="I16791" s="8">
        <v>0</v>
      </c>
      <c r="J16791" s="8">
        <v>1</v>
      </c>
      <c r="K16791" s="9">
        <v>7.05</v>
      </c>
      <c r="L16791" s="6" t="s">
        <v>51</v>
      </c>
    </row>
    <row r="16792" spans="1:12">
      <c r="A16792" s="6" t="s">
        <v>16731</v>
      </c>
      <c r="B16792" s="6"/>
      <c r="C16792" s="6" t="s">
        <v>16819</v>
      </c>
      <c r="D16792" s="6"/>
      <c r="E16792" s="6" t="s">
        <v>9</v>
      </c>
      <c r="F16792" s="7">
        <v>38657</v>
      </c>
      <c r="G16792" s="8">
        <v>1</v>
      </c>
      <c r="H16792" s="8">
        <v>1</v>
      </c>
      <c r="I16792" s="8">
        <v>0</v>
      </c>
      <c r="J16792" s="8">
        <v>1</v>
      </c>
      <c r="K16792" s="9">
        <v>113</v>
      </c>
      <c r="L16792" s="6" t="s">
        <v>51</v>
      </c>
    </row>
    <row r="16793" spans="1:12">
      <c r="A16793" s="6" t="s">
        <v>16731</v>
      </c>
      <c r="B16793" s="6"/>
      <c r="C16793" s="6" t="s">
        <v>16820</v>
      </c>
      <c r="D16793" s="6"/>
      <c r="E16793" s="6" t="s">
        <v>9</v>
      </c>
      <c r="F16793" s="7">
        <v>38657</v>
      </c>
      <c r="G16793" s="8">
        <v>1</v>
      </c>
      <c r="H16793" s="8">
        <v>1</v>
      </c>
      <c r="I16793" s="8">
        <v>0</v>
      </c>
      <c r="J16793" s="8">
        <v>1</v>
      </c>
      <c r="K16793" s="9">
        <v>58</v>
      </c>
      <c r="L16793" s="6" t="s">
        <v>51</v>
      </c>
    </row>
    <row r="16794" spans="1:12">
      <c r="A16794" s="6" t="s">
        <v>16731</v>
      </c>
      <c r="B16794" s="6"/>
      <c r="C16794" s="6" t="s">
        <v>16821</v>
      </c>
      <c r="D16794" s="6"/>
      <c r="E16794" s="6" t="s">
        <v>9</v>
      </c>
      <c r="F16794" s="7">
        <v>38657</v>
      </c>
      <c r="G16794" s="8">
        <v>1</v>
      </c>
      <c r="H16794" s="8">
        <v>1</v>
      </c>
      <c r="I16794" s="8">
        <v>0</v>
      </c>
      <c r="J16794" s="8">
        <v>1</v>
      </c>
      <c r="K16794" s="9">
        <v>76</v>
      </c>
      <c r="L16794" s="6" t="s">
        <v>51</v>
      </c>
    </row>
    <row r="16795" spans="1:12">
      <c r="A16795" s="6" t="s">
        <v>16731</v>
      </c>
      <c r="B16795" s="6"/>
      <c r="C16795" s="6" t="s">
        <v>16822</v>
      </c>
      <c r="D16795" s="6"/>
      <c r="E16795" s="6" t="s">
        <v>9</v>
      </c>
      <c r="F16795" s="7">
        <v>38657</v>
      </c>
      <c r="G16795" s="8">
        <v>1</v>
      </c>
      <c r="H16795" s="8">
        <v>1</v>
      </c>
      <c r="I16795" s="8">
        <v>0</v>
      </c>
      <c r="J16795" s="8">
        <v>1</v>
      </c>
      <c r="K16795" s="9">
        <v>41</v>
      </c>
      <c r="L16795" s="6" t="s">
        <v>51</v>
      </c>
    </row>
    <row r="16796" spans="1:12">
      <c r="A16796" s="6" t="s">
        <v>16731</v>
      </c>
      <c r="B16796" s="6"/>
      <c r="C16796" s="6" t="s">
        <v>16823</v>
      </c>
      <c r="D16796" s="6"/>
      <c r="E16796" s="6" t="s">
        <v>9</v>
      </c>
      <c r="F16796" s="7">
        <v>38657</v>
      </c>
      <c r="G16796" s="8">
        <v>1</v>
      </c>
      <c r="H16796" s="8">
        <v>1</v>
      </c>
      <c r="I16796" s="8">
        <v>0</v>
      </c>
      <c r="J16796" s="8">
        <v>1</v>
      </c>
      <c r="K16796" s="9">
        <v>0.18</v>
      </c>
      <c r="L16796" s="6" t="s">
        <v>51</v>
      </c>
    </row>
    <row r="16797" spans="1:12">
      <c r="A16797" s="6" t="s">
        <v>16731</v>
      </c>
      <c r="B16797" s="6"/>
      <c r="C16797" s="6" t="s">
        <v>16824</v>
      </c>
      <c r="D16797" s="6"/>
      <c r="E16797" s="6" t="s">
        <v>9</v>
      </c>
      <c r="F16797" s="7">
        <v>38657</v>
      </c>
      <c r="G16797" s="8">
        <v>1</v>
      </c>
      <c r="H16797" s="8">
        <v>1</v>
      </c>
      <c r="I16797" s="8">
        <v>0</v>
      </c>
      <c r="J16797" s="8">
        <v>1</v>
      </c>
      <c r="K16797" s="9">
        <v>16</v>
      </c>
      <c r="L16797" s="6" t="s">
        <v>51</v>
      </c>
    </row>
    <row r="16798" spans="1:12">
      <c r="A16798" s="6" t="s">
        <v>16731</v>
      </c>
      <c r="B16798" s="6"/>
      <c r="C16798" s="6" t="s">
        <v>16825</v>
      </c>
      <c r="D16798" s="6"/>
      <c r="E16798" s="6" t="s">
        <v>9</v>
      </c>
      <c r="F16798" s="7">
        <v>38657</v>
      </c>
      <c r="G16798" s="8">
        <v>1</v>
      </c>
      <c r="H16798" s="8">
        <v>1</v>
      </c>
      <c r="I16798" s="8">
        <v>0</v>
      </c>
      <c r="J16798" s="8">
        <v>1</v>
      </c>
      <c r="K16798" s="9">
        <v>7.22</v>
      </c>
      <c r="L16798" s="6" t="s">
        <v>51</v>
      </c>
    </row>
    <row r="16799" spans="1:12">
      <c r="A16799" s="6" t="s">
        <v>16731</v>
      </c>
      <c r="B16799" s="6"/>
      <c r="C16799" s="6" t="s">
        <v>16826</v>
      </c>
      <c r="D16799" s="6"/>
      <c r="E16799" s="6" t="s">
        <v>9</v>
      </c>
      <c r="F16799" s="7">
        <v>38657</v>
      </c>
      <c r="G16799" s="8">
        <v>1</v>
      </c>
      <c r="H16799" s="8">
        <v>1</v>
      </c>
      <c r="I16799" s="8">
        <v>0</v>
      </c>
      <c r="J16799" s="8">
        <v>1</v>
      </c>
      <c r="K16799" s="9">
        <v>190</v>
      </c>
      <c r="L16799" s="6" t="s">
        <v>51</v>
      </c>
    </row>
    <row r="16800" spans="1:12">
      <c r="A16800" s="6" t="s">
        <v>16731</v>
      </c>
      <c r="B16800" s="6"/>
      <c r="C16800" s="6" t="s">
        <v>16827</v>
      </c>
      <c r="D16800" s="6"/>
      <c r="E16800" s="6" t="s">
        <v>9</v>
      </c>
      <c r="F16800" s="7">
        <v>38657</v>
      </c>
      <c r="G16800" s="8">
        <v>1</v>
      </c>
      <c r="H16800" s="8">
        <v>1</v>
      </c>
      <c r="I16800" s="8">
        <v>0</v>
      </c>
      <c r="J16800" s="8">
        <v>1</v>
      </c>
      <c r="K16800" s="9">
        <v>103</v>
      </c>
      <c r="L16800" s="6" t="s">
        <v>51</v>
      </c>
    </row>
    <row r="16801" spans="1:12">
      <c r="A16801" s="6" t="s">
        <v>16731</v>
      </c>
      <c r="B16801" s="6"/>
      <c r="C16801" s="6" t="s">
        <v>16828</v>
      </c>
      <c r="D16801" s="6"/>
      <c r="E16801" s="6" t="s">
        <v>9</v>
      </c>
      <c r="F16801" s="7">
        <v>38657</v>
      </c>
      <c r="G16801" s="8">
        <v>1</v>
      </c>
      <c r="H16801" s="8">
        <v>1</v>
      </c>
      <c r="I16801" s="8">
        <v>0</v>
      </c>
      <c r="J16801" s="8">
        <v>1</v>
      </c>
      <c r="K16801" s="9">
        <v>16</v>
      </c>
      <c r="L16801" s="6" t="s">
        <v>51</v>
      </c>
    </row>
    <row r="16802" spans="1:12">
      <c r="A16802" s="6" t="s">
        <v>16731</v>
      </c>
      <c r="B16802" s="6"/>
      <c r="C16802" s="6" t="s">
        <v>16829</v>
      </c>
      <c r="D16802" s="6"/>
      <c r="E16802" s="6" t="s">
        <v>9</v>
      </c>
      <c r="F16802" s="7">
        <v>38657</v>
      </c>
      <c r="G16802" s="8">
        <v>1</v>
      </c>
      <c r="H16802" s="8">
        <v>1</v>
      </c>
      <c r="I16802" s="8">
        <v>0</v>
      </c>
      <c r="J16802" s="8">
        <v>1</v>
      </c>
      <c r="K16802" s="9">
        <v>5.59</v>
      </c>
      <c r="L16802" s="6" t="s">
        <v>51</v>
      </c>
    </row>
    <row r="16803" spans="1:12">
      <c r="A16803" s="6" t="s">
        <v>16731</v>
      </c>
      <c r="B16803" s="6"/>
      <c r="C16803" s="6" t="s">
        <v>16830</v>
      </c>
      <c r="D16803" s="6"/>
      <c r="E16803" s="6" t="s">
        <v>9</v>
      </c>
      <c r="F16803" s="7">
        <v>38657</v>
      </c>
      <c r="G16803" s="8">
        <v>1</v>
      </c>
      <c r="H16803" s="8">
        <v>1</v>
      </c>
      <c r="I16803" s="8">
        <v>0</v>
      </c>
      <c r="J16803" s="8">
        <v>1</v>
      </c>
      <c r="K16803" s="9">
        <v>51</v>
      </c>
      <c r="L16803" s="6" t="s">
        <v>51</v>
      </c>
    </row>
    <row r="16804" spans="1:12">
      <c r="A16804" s="6" t="s">
        <v>16731</v>
      </c>
      <c r="B16804" s="6"/>
      <c r="C16804" s="6" t="s">
        <v>16831</v>
      </c>
      <c r="D16804" s="6"/>
      <c r="E16804" s="6" t="s">
        <v>9</v>
      </c>
      <c r="F16804" s="7">
        <v>38657</v>
      </c>
      <c r="G16804" s="8">
        <v>1</v>
      </c>
      <c r="H16804" s="8">
        <v>1</v>
      </c>
      <c r="I16804" s="8">
        <v>0</v>
      </c>
      <c r="J16804" s="8">
        <v>1</v>
      </c>
      <c r="K16804" s="9">
        <v>27</v>
      </c>
      <c r="L16804" s="6" t="s">
        <v>51</v>
      </c>
    </row>
    <row r="16805" spans="1:12">
      <c r="A16805" s="6" t="s">
        <v>16731</v>
      </c>
      <c r="B16805" s="6"/>
      <c r="C16805" s="6" t="s">
        <v>16832</v>
      </c>
      <c r="D16805" s="6"/>
      <c r="E16805" s="6" t="s">
        <v>9</v>
      </c>
      <c r="F16805" s="7">
        <v>38657</v>
      </c>
      <c r="G16805" s="8">
        <v>1</v>
      </c>
      <c r="H16805" s="8">
        <v>1</v>
      </c>
      <c r="I16805" s="8">
        <v>0</v>
      </c>
      <c r="J16805" s="8">
        <v>1</v>
      </c>
      <c r="K16805" s="9">
        <v>103</v>
      </c>
      <c r="L16805" s="6" t="s">
        <v>51</v>
      </c>
    </row>
    <row r="16806" spans="1:12">
      <c r="A16806" s="6" t="s">
        <v>16731</v>
      </c>
      <c r="B16806" s="6"/>
      <c r="C16806" s="6" t="s">
        <v>16833</v>
      </c>
      <c r="D16806" s="6"/>
      <c r="E16806" s="6" t="s">
        <v>9</v>
      </c>
      <c r="F16806" s="7">
        <v>38657</v>
      </c>
      <c r="G16806" s="8">
        <v>1</v>
      </c>
      <c r="H16806" s="8">
        <v>1</v>
      </c>
      <c r="I16806" s="8">
        <v>0</v>
      </c>
      <c r="J16806" s="8">
        <v>1</v>
      </c>
      <c r="K16806" s="9">
        <v>19</v>
      </c>
      <c r="L16806" s="6" t="s">
        <v>51</v>
      </c>
    </row>
    <row r="16807" spans="1:12">
      <c r="A16807" s="6" t="s">
        <v>16731</v>
      </c>
      <c r="B16807" s="6"/>
      <c r="C16807" s="6" t="s">
        <v>16834</v>
      </c>
      <c r="D16807" s="6"/>
      <c r="E16807" s="6" t="s">
        <v>9</v>
      </c>
      <c r="F16807" s="7">
        <v>38657</v>
      </c>
      <c r="G16807" s="8">
        <v>1</v>
      </c>
      <c r="H16807" s="8">
        <v>1</v>
      </c>
      <c r="I16807" s="8">
        <v>0</v>
      </c>
      <c r="J16807" s="8">
        <v>1</v>
      </c>
      <c r="K16807" s="9">
        <v>25</v>
      </c>
      <c r="L16807" s="6" t="s">
        <v>51</v>
      </c>
    </row>
    <row r="16808" spans="1:12">
      <c r="A16808" s="6" t="s">
        <v>16731</v>
      </c>
      <c r="B16808" s="6"/>
      <c r="C16808" s="6" t="s">
        <v>16835</v>
      </c>
      <c r="D16808" s="6"/>
      <c r="E16808" s="6" t="s">
        <v>9</v>
      </c>
      <c r="F16808" s="7">
        <v>38657</v>
      </c>
      <c r="G16808" s="8">
        <v>1</v>
      </c>
      <c r="H16808" s="8">
        <v>1</v>
      </c>
      <c r="I16808" s="8">
        <v>0</v>
      </c>
      <c r="J16808" s="8">
        <v>1</v>
      </c>
      <c r="K16808" s="9">
        <v>0.43</v>
      </c>
      <c r="L16808" s="6" t="s">
        <v>51</v>
      </c>
    </row>
    <row r="16809" spans="1:12">
      <c r="A16809" s="6" t="s">
        <v>16731</v>
      </c>
      <c r="B16809" s="6"/>
      <c r="C16809" s="6" t="s">
        <v>16836</v>
      </c>
      <c r="D16809" s="6"/>
      <c r="E16809" s="6" t="s">
        <v>9</v>
      </c>
      <c r="F16809" s="7">
        <v>38657</v>
      </c>
      <c r="G16809" s="8">
        <v>1</v>
      </c>
      <c r="H16809" s="8">
        <v>1</v>
      </c>
      <c r="I16809" s="8">
        <v>0</v>
      </c>
      <c r="J16809" s="8">
        <v>1</v>
      </c>
      <c r="K16809" s="9">
        <v>922</v>
      </c>
      <c r="L16809" s="6" t="s">
        <v>51</v>
      </c>
    </row>
    <row r="16810" spans="1:12">
      <c r="A16810" s="6" t="s">
        <v>16731</v>
      </c>
      <c r="B16810" s="6"/>
      <c r="C16810" s="6" t="s">
        <v>16837</v>
      </c>
      <c r="D16810" s="6"/>
      <c r="E16810" s="6" t="s">
        <v>9</v>
      </c>
      <c r="F16810" s="7">
        <v>38657</v>
      </c>
      <c r="G16810" s="8">
        <v>1</v>
      </c>
      <c r="H16810" s="8">
        <v>1</v>
      </c>
      <c r="I16810" s="8">
        <v>0</v>
      </c>
      <c r="J16810" s="8">
        <v>1</v>
      </c>
      <c r="K16810" s="9">
        <v>0.06</v>
      </c>
      <c r="L16810" s="6" t="s">
        <v>51</v>
      </c>
    </row>
    <row r="16811" spans="1:12">
      <c r="A16811" s="6" t="s">
        <v>16731</v>
      </c>
      <c r="B16811" s="6"/>
      <c r="C16811" s="6" t="s">
        <v>16838</v>
      </c>
      <c r="D16811" s="6"/>
      <c r="E16811" s="6" t="s">
        <v>9</v>
      </c>
      <c r="F16811" s="7">
        <v>38657</v>
      </c>
      <c r="G16811" s="8">
        <v>1</v>
      </c>
      <c r="H16811" s="8">
        <v>1</v>
      </c>
      <c r="I16811" s="8">
        <v>0</v>
      </c>
      <c r="J16811" s="8">
        <v>1</v>
      </c>
      <c r="K16811" s="9">
        <v>77</v>
      </c>
      <c r="L16811" s="6" t="s">
        <v>51</v>
      </c>
    </row>
    <row r="16812" spans="1:12">
      <c r="A16812" s="6" t="s">
        <v>16731</v>
      </c>
      <c r="B16812" s="6"/>
      <c r="C16812" s="6" t="s">
        <v>16839</v>
      </c>
      <c r="D16812" s="6"/>
      <c r="E16812" s="6" t="s">
        <v>9</v>
      </c>
      <c r="F16812" s="7">
        <v>38657</v>
      </c>
      <c r="G16812" s="8">
        <v>1</v>
      </c>
      <c r="H16812" s="8">
        <v>1</v>
      </c>
      <c r="I16812" s="8">
        <v>0</v>
      </c>
      <c r="J16812" s="8">
        <v>1</v>
      </c>
      <c r="K16812" s="9">
        <v>28</v>
      </c>
      <c r="L16812" s="6" t="s">
        <v>51</v>
      </c>
    </row>
    <row r="16813" spans="1:12">
      <c r="A16813" s="6" t="s">
        <v>16731</v>
      </c>
      <c r="B16813" s="6"/>
      <c r="C16813" s="6" t="s">
        <v>16840</v>
      </c>
      <c r="D16813" s="6"/>
      <c r="E16813" s="6" t="s">
        <v>9</v>
      </c>
      <c r="F16813" s="7">
        <v>38657</v>
      </c>
      <c r="G16813" s="8">
        <v>1</v>
      </c>
      <c r="H16813" s="8">
        <v>1</v>
      </c>
      <c r="I16813" s="8">
        <v>0</v>
      </c>
      <c r="J16813" s="8">
        <v>1</v>
      </c>
      <c r="K16813" s="9">
        <v>88</v>
      </c>
      <c r="L16813" s="6" t="s">
        <v>51</v>
      </c>
    </row>
    <row r="16814" spans="1:12">
      <c r="A16814" s="6" t="s">
        <v>16731</v>
      </c>
      <c r="B16814" s="6"/>
      <c r="C16814" s="6" t="s">
        <v>16841</v>
      </c>
      <c r="D16814" s="6"/>
      <c r="E16814" s="6" t="s">
        <v>9</v>
      </c>
      <c r="F16814" s="7">
        <v>38657</v>
      </c>
      <c r="G16814" s="8">
        <v>1</v>
      </c>
      <c r="H16814" s="8">
        <v>1</v>
      </c>
      <c r="I16814" s="8">
        <v>0</v>
      </c>
      <c r="J16814" s="8">
        <v>1</v>
      </c>
      <c r="K16814" s="9">
        <v>37</v>
      </c>
      <c r="L16814" s="6" t="s">
        <v>51</v>
      </c>
    </row>
    <row r="16815" spans="1:12">
      <c r="A16815" s="6" t="s">
        <v>16731</v>
      </c>
      <c r="B16815" s="6"/>
      <c r="C16815" s="6" t="s">
        <v>16842</v>
      </c>
      <c r="D16815" s="6"/>
      <c r="E16815" s="6" t="s">
        <v>9</v>
      </c>
      <c r="F16815" s="7">
        <v>38657</v>
      </c>
      <c r="G16815" s="8">
        <v>1</v>
      </c>
      <c r="H16815" s="8">
        <v>1</v>
      </c>
      <c r="I16815" s="8">
        <v>0</v>
      </c>
      <c r="J16815" s="8">
        <v>1</v>
      </c>
      <c r="K16815" s="9">
        <v>134</v>
      </c>
      <c r="L16815" s="6" t="s">
        <v>51</v>
      </c>
    </row>
    <row r="16816" spans="1:12">
      <c r="A16816" s="6" t="s">
        <v>16731</v>
      </c>
      <c r="B16816" s="6"/>
      <c r="C16816" s="6" t="s">
        <v>16843</v>
      </c>
      <c r="D16816" s="6"/>
      <c r="E16816" s="6" t="s">
        <v>9</v>
      </c>
      <c r="F16816" s="7">
        <v>38657</v>
      </c>
      <c r="G16816" s="8">
        <v>1</v>
      </c>
      <c r="H16816" s="8">
        <v>1</v>
      </c>
      <c r="I16816" s="8">
        <v>0</v>
      </c>
      <c r="J16816" s="8">
        <v>1</v>
      </c>
      <c r="K16816" s="9">
        <v>29</v>
      </c>
      <c r="L16816" s="6" t="s">
        <v>51</v>
      </c>
    </row>
    <row r="16817" spans="1:12">
      <c r="A16817" s="6" t="s">
        <v>16731</v>
      </c>
      <c r="B16817" s="6"/>
      <c r="C16817" s="6" t="s">
        <v>16844</v>
      </c>
      <c r="D16817" s="6"/>
      <c r="E16817" s="6" t="s">
        <v>9</v>
      </c>
      <c r="F16817" s="7">
        <v>38657</v>
      </c>
      <c r="G16817" s="8">
        <v>1</v>
      </c>
      <c r="H16817" s="8">
        <v>1</v>
      </c>
      <c r="I16817" s="8">
        <v>0</v>
      </c>
      <c r="J16817" s="8">
        <v>1</v>
      </c>
      <c r="K16817" s="9">
        <v>17</v>
      </c>
      <c r="L16817" s="6" t="s">
        <v>51</v>
      </c>
    </row>
    <row r="16818" spans="1:12">
      <c r="A16818" s="6" t="s">
        <v>16731</v>
      </c>
      <c r="B16818" s="6"/>
      <c r="C16818" s="6" t="s">
        <v>16845</v>
      </c>
      <c r="D16818" s="6"/>
      <c r="E16818" s="6" t="s">
        <v>9</v>
      </c>
      <c r="F16818" s="7">
        <v>38657</v>
      </c>
      <c r="G16818" s="8">
        <v>1</v>
      </c>
      <c r="H16818" s="8">
        <v>1</v>
      </c>
      <c r="I16818" s="8">
        <v>0</v>
      </c>
      <c r="J16818" s="8">
        <v>1</v>
      </c>
      <c r="K16818" s="9">
        <v>82</v>
      </c>
      <c r="L16818" s="6" t="s">
        <v>51</v>
      </c>
    </row>
    <row r="16819" spans="1:12">
      <c r="A16819" s="6" t="s">
        <v>16731</v>
      </c>
      <c r="B16819" s="6"/>
      <c r="C16819" s="6" t="s">
        <v>16846</v>
      </c>
      <c r="D16819" s="6"/>
      <c r="E16819" s="6" t="s">
        <v>9</v>
      </c>
      <c r="F16819" s="7">
        <v>38657</v>
      </c>
      <c r="G16819" s="8">
        <v>1</v>
      </c>
      <c r="H16819" s="8">
        <v>1</v>
      </c>
      <c r="I16819" s="8">
        <v>0</v>
      </c>
      <c r="J16819" s="8">
        <v>1</v>
      </c>
      <c r="K16819" s="9">
        <v>152</v>
      </c>
      <c r="L16819" s="6" t="s">
        <v>51</v>
      </c>
    </row>
    <row r="16820" spans="1:12">
      <c r="A16820" s="6" t="s">
        <v>16731</v>
      </c>
      <c r="B16820" s="6"/>
      <c r="C16820" s="6" t="s">
        <v>16847</v>
      </c>
      <c r="D16820" s="6"/>
      <c r="E16820" s="6" t="s">
        <v>9</v>
      </c>
      <c r="F16820" s="7">
        <v>38657</v>
      </c>
      <c r="G16820" s="8">
        <v>1</v>
      </c>
      <c r="H16820" s="8">
        <v>1</v>
      </c>
      <c r="I16820" s="8">
        <v>0</v>
      </c>
      <c r="J16820" s="8">
        <v>1</v>
      </c>
      <c r="K16820" s="9">
        <v>59</v>
      </c>
      <c r="L16820" s="6" t="s">
        <v>51</v>
      </c>
    </row>
    <row r="16821" spans="1:12">
      <c r="A16821" s="6" t="s">
        <v>16731</v>
      </c>
      <c r="B16821" s="6"/>
      <c r="C16821" s="6" t="s">
        <v>16848</v>
      </c>
      <c r="D16821" s="6"/>
      <c r="E16821" s="6" t="s">
        <v>9</v>
      </c>
      <c r="F16821" s="7">
        <v>38657</v>
      </c>
      <c r="G16821" s="8">
        <v>1</v>
      </c>
      <c r="H16821" s="8">
        <v>1</v>
      </c>
      <c r="I16821" s="8">
        <v>0</v>
      </c>
      <c r="J16821" s="8">
        <v>1</v>
      </c>
      <c r="K16821" s="9">
        <v>23</v>
      </c>
      <c r="L16821" s="6" t="s">
        <v>51</v>
      </c>
    </row>
    <row r="16822" spans="1:12">
      <c r="A16822" s="6" t="s">
        <v>16731</v>
      </c>
      <c r="B16822" s="6"/>
      <c r="C16822" s="6" t="s">
        <v>16849</v>
      </c>
      <c r="D16822" s="6"/>
      <c r="E16822" s="6" t="s">
        <v>9</v>
      </c>
      <c r="F16822" s="7">
        <v>38657</v>
      </c>
      <c r="G16822" s="8">
        <v>1</v>
      </c>
      <c r="H16822" s="8">
        <v>1</v>
      </c>
      <c r="I16822" s="8">
        <v>0</v>
      </c>
      <c r="J16822" s="8">
        <v>1</v>
      </c>
      <c r="K16822" s="9">
        <v>179</v>
      </c>
      <c r="L16822" s="6" t="s">
        <v>51</v>
      </c>
    </row>
    <row r="16823" spans="1:12">
      <c r="A16823" s="6" t="s">
        <v>16731</v>
      </c>
      <c r="B16823" s="6"/>
      <c r="C16823" s="6" t="s">
        <v>16850</v>
      </c>
      <c r="D16823" s="6"/>
      <c r="E16823" s="6" t="s">
        <v>9</v>
      </c>
      <c r="F16823" s="7">
        <v>38657</v>
      </c>
      <c r="G16823" s="8">
        <v>1</v>
      </c>
      <c r="H16823" s="8">
        <v>1</v>
      </c>
      <c r="I16823" s="8">
        <v>0</v>
      </c>
      <c r="J16823" s="8">
        <v>1</v>
      </c>
      <c r="K16823" s="9">
        <v>63</v>
      </c>
      <c r="L16823" s="6" t="s">
        <v>51</v>
      </c>
    </row>
    <row r="16824" spans="1:12">
      <c r="A16824" s="6" t="s">
        <v>16731</v>
      </c>
      <c r="B16824" s="6"/>
      <c r="C16824" s="6" t="s">
        <v>16851</v>
      </c>
      <c r="D16824" s="6"/>
      <c r="E16824" s="6" t="s">
        <v>9</v>
      </c>
      <c r="F16824" s="7">
        <v>38657</v>
      </c>
      <c r="G16824" s="8">
        <v>1</v>
      </c>
      <c r="H16824" s="8">
        <v>1</v>
      </c>
      <c r="I16824" s="8">
        <v>0</v>
      </c>
      <c r="J16824" s="8">
        <v>1</v>
      </c>
      <c r="K16824" s="9">
        <v>167</v>
      </c>
      <c r="L16824" s="6" t="s">
        <v>51</v>
      </c>
    </row>
    <row r="16825" spans="1:12">
      <c r="A16825" s="6" t="s">
        <v>16731</v>
      </c>
      <c r="B16825" s="6"/>
      <c r="C16825" s="6" t="s">
        <v>16852</v>
      </c>
      <c r="D16825" s="6"/>
      <c r="E16825" s="6" t="s">
        <v>9</v>
      </c>
      <c r="F16825" s="7">
        <v>38657</v>
      </c>
      <c r="G16825" s="8">
        <v>1</v>
      </c>
      <c r="H16825" s="8">
        <v>1</v>
      </c>
      <c r="I16825" s="8">
        <v>0</v>
      </c>
      <c r="J16825" s="8">
        <v>1</v>
      </c>
      <c r="K16825" s="9">
        <v>12</v>
      </c>
      <c r="L16825" s="6" t="s">
        <v>51</v>
      </c>
    </row>
    <row r="16826" spans="1:12">
      <c r="A16826" s="6" t="s">
        <v>16731</v>
      </c>
      <c r="B16826" s="6"/>
      <c r="C16826" s="6" t="s">
        <v>16853</v>
      </c>
      <c r="D16826" s="6"/>
      <c r="E16826" s="6" t="s">
        <v>9</v>
      </c>
      <c r="F16826" s="7">
        <v>38657</v>
      </c>
      <c r="G16826" s="8">
        <v>1</v>
      </c>
      <c r="H16826" s="8">
        <v>1</v>
      </c>
      <c r="I16826" s="8">
        <v>0</v>
      </c>
      <c r="J16826" s="8">
        <v>1</v>
      </c>
      <c r="K16826" s="9">
        <v>16</v>
      </c>
      <c r="L16826" s="6" t="s">
        <v>51</v>
      </c>
    </row>
    <row r="16827" spans="1:12">
      <c r="A16827" s="6" t="s">
        <v>16731</v>
      </c>
      <c r="B16827" s="6"/>
      <c r="C16827" s="6" t="s">
        <v>16854</v>
      </c>
      <c r="D16827" s="6"/>
      <c r="E16827" s="6" t="s">
        <v>9</v>
      </c>
      <c r="F16827" s="7">
        <v>38657</v>
      </c>
      <c r="G16827" s="8">
        <v>1</v>
      </c>
      <c r="H16827" s="8">
        <v>1</v>
      </c>
      <c r="I16827" s="8">
        <v>0</v>
      </c>
      <c r="J16827" s="8">
        <v>1</v>
      </c>
      <c r="K16827" s="9">
        <v>4.46</v>
      </c>
      <c r="L16827" s="6" t="s">
        <v>51</v>
      </c>
    </row>
    <row r="16828" spans="1:12">
      <c r="A16828" s="6" t="s">
        <v>16731</v>
      </c>
      <c r="B16828" s="6"/>
      <c r="C16828" s="6" t="s">
        <v>16855</v>
      </c>
      <c r="D16828" s="6"/>
      <c r="E16828" s="6" t="s">
        <v>9</v>
      </c>
      <c r="F16828" s="7">
        <v>38657</v>
      </c>
      <c r="G16828" s="8">
        <v>1</v>
      </c>
      <c r="H16828" s="8">
        <v>1</v>
      </c>
      <c r="I16828" s="8">
        <v>0</v>
      </c>
      <c r="J16828" s="8">
        <v>1</v>
      </c>
      <c r="K16828" s="9">
        <v>180</v>
      </c>
      <c r="L16828" s="6" t="s">
        <v>51</v>
      </c>
    </row>
    <row r="16829" spans="1:12">
      <c r="A16829" s="6" t="s">
        <v>16731</v>
      </c>
      <c r="B16829" s="6"/>
      <c r="C16829" s="6" t="s">
        <v>16856</v>
      </c>
      <c r="D16829" s="6"/>
      <c r="E16829" s="6" t="s">
        <v>9</v>
      </c>
      <c r="F16829" s="7">
        <v>38657</v>
      </c>
      <c r="G16829" s="8">
        <v>1</v>
      </c>
      <c r="H16829" s="8">
        <v>1</v>
      </c>
      <c r="I16829" s="8">
        <v>0</v>
      </c>
      <c r="J16829" s="8">
        <v>1</v>
      </c>
      <c r="K16829" s="9">
        <v>1059</v>
      </c>
      <c r="L16829" s="6" t="s">
        <v>51</v>
      </c>
    </row>
    <row r="16830" spans="1:12">
      <c r="A16830" s="6" t="s">
        <v>16731</v>
      </c>
      <c r="B16830" s="6"/>
      <c r="C16830" s="6" t="s">
        <v>16857</v>
      </c>
      <c r="D16830" s="6"/>
      <c r="E16830" s="6" t="s">
        <v>9</v>
      </c>
      <c r="F16830" s="7">
        <v>38657</v>
      </c>
      <c r="G16830" s="8">
        <v>1</v>
      </c>
      <c r="H16830" s="8">
        <v>1</v>
      </c>
      <c r="I16830" s="8">
        <v>0</v>
      </c>
      <c r="J16830" s="8">
        <v>1</v>
      </c>
      <c r="K16830" s="9">
        <v>282</v>
      </c>
      <c r="L16830" s="6" t="s">
        <v>51</v>
      </c>
    </row>
    <row r="16831" spans="1:12">
      <c r="A16831" s="6" t="s">
        <v>16731</v>
      </c>
      <c r="B16831" s="6"/>
      <c r="C16831" s="6" t="s">
        <v>16858</v>
      </c>
      <c r="D16831" s="6"/>
      <c r="E16831" s="6" t="s">
        <v>9</v>
      </c>
      <c r="F16831" s="7">
        <v>38657</v>
      </c>
      <c r="G16831" s="8">
        <v>1</v>
      </c>
      <c r="H16831" s="8">
        <v>1</v>
      </c>
      <c r="I16831" s="8">
        <v>0</v>
      </c>
      <c r="J16831" s="8">
        <v>1</v>
      </c>
      <c r="K16831" s="9">
        <v>6.4</v>
      </c>
      <c r="L16831" s="6" t="s">
        <v>51</v>
      </c>
    </row>
    <row r="16832" spans="1:12">
      <c r="A16832" s="6" t="s">
        <v>16731</v>
      </c>
      <c r="B16832" s="6"/>
      <c r="C16832" s="6" t="s">
        <v>16859</v>
      </c>
      <c r="D16832" s="6"/>
      <c r="E16832" s="6" t="s">
        <v>9</v>
      </c>
      <c r="F16832" s="7"/>
      <c r="G16832" s="8">
        <v>612</v>
      </c>
      <c r="H16832" s="8">
        <v>612</v>
      </c>
      <c r="I16832" s="8">
        <v>0</v>
      </c>
      <c r="J16832" s="8">
        <v>612</v>
      </c>
      <c r="K16832" s="9">
        <v>36</v>
      </c>
      <c r="L16832" s="6" t="s">
        <v>16860</v>
      </c>
    </row>
    <row r="16833" spans="1:12">
      <c r="A16833" s="6" t="s">
        <v>16731</v>
      </c>
      <c r="B16833" s="6"/>
      <c r="C16833" s="6" t="s">
        <v>16861</v>
      </c>
      <c r="D16833" s="6"/>
      <c r="E16833" s="6" t="s">
        <v>9</v>
      </c>
      <c r="F16833" s="7">
        <v>38657</v>
      </c>
      <c r="G16833" s="8">
        <v>1</v>
      </c>
      <c r="H16833" s="8">
        <v>1</v>
      </c>
      <c r="I16833" s="8">
        <v>0</v>
      </c>
      <c r="J16833" s="8">
        <v>1</v>
      </c>
      <c r="K16833" s="9">
        <v>19</v>
      </c>
      <c r="L16833" s="6" t="s">
        <v>51</v>
      </c>
    </row>
    <row r="16834" spans="1:12">
      <c r="A16834" s="6" t="s">
        <v>16731</v>
      </c>
      <c r="B16834" s="6"/>
      <c r="C16834" s="6" t="s">
        <v>16862</v>
      </c>
      <c r="D16834" s="6"/>
      <c r="E16834" s="6" t="s">
        <v>9</v>
      </c>
      <c r="F16834" s="7">
        <v>38657</v>
      </c>
      <c r="G16834" s="8">
        <v>1</v>
      </c>
      <c r="H16834" s="8">
        <v>1</v>
      </c>
      <c r="I16834" s="8">
        <v>0</v>
      </c>
      <c r="J16834" s="8">
        <v>1</v>
      </c>
      <c r="K16834" s="9">
        <v>169</v>
      </c>
      <c r="L16834" s="6" t="s">
        <v>51</v>
      </c>
    </row>
    <row r="16835" spans="1:12">
      <c r="A16835" s="6" t="s">
        <v>16731</v>
      </c>
      <c r="B16835" s="6"/>
      <c r="C16835" s="6" t="s">
        <v>16863</v>
      </c>
      <c r="D16835" s="6"/>
      <c r="E16835" s="6" t="s">
        <v>9</v>
      </c>
      <c r="F16835" s="7">
        <v>38657</v>
      </c>
      <c r="G16835" s="8">
        <v>1</v>
      </c>
      <c r="H16835" s="8">
        <v>1</v>
      </c>
      <c r="I16835" s="8">
        <v>0</v>
      </c>
      <c r="J16835" s="8">
        <v>1</v>
      </c>
      <c r="K16835" s="9">
        <v>225</v>
      </c>
      <c r="L16835" s="6" t="s">
        <v>51</v>
      </c>
    </row>
    <row r="16836" spans="1:12">
      <c r="A16836" s="6" t="s">
        <v>16731</v>
      </c>
      <c r="B16836" s="6"/>
      <c r="C16836" s="6" t="s">
        <v>16864</v>
      </c>
      <c r="D16836" s="6"/>
      <c r="E16836" s="6" t="s">
        <v>9</v>
      </c>
      <c r="F16836" s="7">
        <v>38657</v>
      </c>
      <c r="G16836" s="8">
        <v>1</v>
      </c>
      <c r="H16836" s="8">
        <v>1</v>
      </c>
      <c r="I16836" s="8">
        <v>0</v>
      </c>
      <c r="J16836" s="8">
        <v>1</v>
      </c>
      <c r="K16836" s="9">
        <v>5.18</v>
      </c>
      <c r="L16836" s="6" t="s">
        <v>51</v>
      </c>
    </row>
    <row r="16837" spans="1:12">
      <c r="A16837" s="6" t="s">
        <v>16731</v>
      </c>
      <c r="B16837" s="6"/>
      <c r="C16837" s="6" t="s">
        <v>16865</v>
      </c>
      <c r="D16837" s="6"/>
      <c r="E16837" s="6" t="s">
        <v>9</v>
      </c>
      <c r="F16837" s="7">
        <v>38657</v>
      </c>
      <c r="G16837" s="8">
        <v>1</v>
      </c>
      <c r="H16837" s="8">
        <v>1</v>
      </c>
      <c r="I16837" s="8">
        <v>0</v>
      </c>
      <c r="J16837" s="8">
        <v>1</v>
      </c>
      <c r="K16837" s="9">
        <v>1088</v>
      </c>
      <c r="L16837" s="6" t="s">
        <v>51</v>
      </c>
    </row>
    <row r="16838" spans="1:12">
      <c r="A16838" s="6" t="s">
        <v>16731</v>
      </c>
      <c r="B16838" s="6"/>
      <c r="C16838" s="6" t="s">
        <v>16866</v>
      </c>
      <c r="D16838" s="6"/>
      <c r="E16838" s="6" t="s">
        <v>9</v>
      </c>
      <c r="F16838" s="7">
        <v>38657</v>
      </c>
      <c r="G16838" s="8">
        <v>1</v>
      </c>
      <c r="H16838" s="8">
        <v>1</v>
      </c>
      <c r="I16838" s="8">
        <v>0</v>
      </c>
      <c r="J16838" s="8">
        <v>1</v>
      </c>
      <c r="K16838" s="9">
        <v>294</v>
      </c>
      <c r="L16838" s="6" t="s">
        <v>51</v>
      </c>
    </row>
    <row r="16839" spans="1:12">
      <c r="A16839" s="6" t="s">
        <v>16731</v>
      </c>
      <c r="B16839" s="6"/>
      <c r="C16839" s="6" t="s">
        <v>16867</v>
      </c>
      <c r="D16839" s="6"/>
      <c r="E16839" s="6" t="s">
        <v>9</v>
      </c>
      <c r="F16839" s="7">
        <v>38657</v>
      </c>
      <c r="G16839" s="8">
        <v>1</v>
      </c>
      <c r="H16839" s="8">
        <v>1</v>
      </c>
      <c r="I16839" s="8">
        <v>0</v>
      </c>
      <c r="J16839" s="8">
        <v>1</v>
      </c>
      <c r="K16839" s="9">
        <v>43</v>
      </c>
      <c r="L16839" s="6" t="s">
        <v>51</v>
      </c>
    </row>
    <row r="16840" spans="1:12">
      <c r="A16840" s="6" t="s">
        <v>16731</v>
      </c>
      <c r="B16840" s="6"/>
      <c r="C16840" s="6" t="s">
        <v>16868</v>
      </c>
      <c r="D16840" s="6"/>
      <c r="E16840" s="6" t="s">
        <v>9</v>
      </c>
      <c r="F16840" s="7">
        <v>38657</v>
      </c>
      <c r="G16840" s="8">
        <v>1</v>
      </c>
      <c r="H16840" s="8">
        <v>1</v>
      </c>
      <c r="I16840" s="8">
        <v>0</v>
      </c>
      <c r="J16840" s="8">
        <v>1</v>
      </c>
      <c r="K16840" s="9">
        <v>24</v>
      </c>
      <c r="L16840" s="6" t="s">
        <v>51</v>
      </c>
    </row>
    <row r="16841" spans="1:12">
      <c r="A16841" s="6" t="s">
        <v>16731</v>
      </c>
      <c r="B16841" s="6"/>
      <c r="C16841" s="6" t="s">
        <v>16869</v>
      </c>
      <c r="D16841" s="6"/>
      <c r="E16841" s="6" t="s">
        <v>9</v>
      </c>
      <c r="F16841" s="7">
        <v>38657</v>
      </c>
      <c r="G16841" s="8">
        <v>1</v>
      </c>
      <c r="H16841" s="8">
        <v>1</v>
      </c>
      <c r="I16841" s="8">
        <v>0</v>
      </c>
      <c r="J16841" s="8">
        <v>1</v>
      </c>
      <c r="K16841" s="9">
        <v>1.31</v>
      </c>
      <c r="L16841" s="6" t="s">
        <v>51</v>
      </c>
    </row>
    <row r="16842" spans="1:12">
      <c r="A16842" s="6" t="s">
        <v>16731</v>
      </c>
      <c r="B16842" s="6"/>
      <c r="C16842" s="6" t="s">
        <v>16870</v>
      </c>
      <c r="D16842" s="6"/>
      <c r="E16842" s="6" t="s">
        <v>9</v>
      </c>
      <c r="F16842" s="7">
        <v>38657</v>
      </c>
      <c r="G16842" s="8">
        <v>1</v>
      </c>
      <c r="H16842" s="8">
        <v>1</v>
      </c>
      <c r="I16842" s="8">
        <v>0</v>
      </c>
      <c r="J16842" s="8">
        <v>1</v>
      </c>
      <c r="K16842" s="9">
        <v>5.85</v>
      </c>
      <c r="L16842" s="6" t="s">
        <v>51</v>
      </c>
    </row>
    <row r="16843" spans="1:12">
      <c r="A16843" s="6" t="s">
        <v>16731</v>
      </c>
      <c r="B16843" s="6"/>
      <c r="C16843" s="6" t="s">
        <v>16871</v>
      </c>
      <c r="D16843" s="6"/>
      <c r="E16843" s="6" t="s">
        <v>9</v>
      </c>
      <c r="F16843" s="7">
        <v>38657</v>
      </c>
      <c r="G16843" s="8">
        <v>1</v>
      </c>
      <c r="H16843" s="8">
        <v>1</v>
      </c>
      <c r="I16843" s="8">
        <v>0</v>
      </c>
      <c r="J16843" s="8">
        <v>1</v>
      </c>
      <c r="K16843" s="9">
        <v>12</v>
      </c>
      <c r="L16843" s="6" t="s">
        <v>51</v>
      </c>
    </row>
    <row r="16844" spans="1:12">
      <c r="A16844" s="6" t="s">
        <v>16731</v>
      </c>
      <c r="B16844" s="6"/>
      <c r="C16844" s="6" t="s">
        <v>16872</v>
      </c>
      <c r="D16844" s="6"/>
      <c r="E16844" s="6" t="s">
        <v>9</v>
      </c>
      <c r="F16844" s="7">
        <v>38657</v>
      </c>
      <c r="G16844" s="8">
        <v>1</v>
      </c>
      <c r="H16844" s="8">
        <v>1</v>
      </c>
      <c r="I16844" s="8">
        <v>0</v>
      </c>
      <c r="J16844" s="8">
        <v>1</v>
      </c>
      <c r="K16844" s="9">
        <v>3.92</v>
      </c>
      <c r="L16844" s="6" t="s">
        <v>51</v>
      </c>
    </row>
    <row r="16845" spans="1:12">
      <c r="A16845" s="6" t="s">
        <v>16731</v>
      </c>
      <c r="B16845" s="6"/>
      <c r="C16845" s="6" t="s">
        <v>16873</v>
      </c>
      <c r="D16845" s="6"/>
      <c r="E16845" s="6" t="s">
        <v>9</v>
      </c>
      <c r="F16845" s="7">
        <v>38657</v>
      </c>
      <c r="G16845" s="8">
        <v>1</v>
      </c>
      <c r="H16845" s="8">
        <v>1</v>
      </c>
      <c r="I16845" s="8">
        <v>0</v>
      </c>
      <c r="J16845" s="8">
        <v>1</v>
      </c>
      <c r="K16845" s="9">
        <v>6.45</v>
      </c>
      <c r="L16845" s="6" t="s">
        <v>51</v>
      </c>
    </row>
    <row r="16846" spans="1:12">
      <c r="A16846" s="6" t="s">
        <v>16731</v>
      </c>
      <c r="B16846" s="6"/>
      <c r="C16846" s="6" t="s">
        <v>16874</v>
      </c>
      <c r="D16846" s="6"/>
      <c r="E16846" s="6" t="s">
        <v>9</v>
      </c>
      <c r="F16846" s="7">
        <v>38657</v>
      </c>
      <c r="G16846" s="8">
        <v>1</v>
      </c>
      <c r="H16846" s="8">
        <v>1</v>
      </c>
      <c r="I16846" s="8">
        <v>0</v>
      </c>
      <c r="J16846" s="8">
        <v>1</v>
      </c>
      <c r="K16846" s="9">
        <v>6.67</v>
      </c>
      <c r="L16846" s="6" t="s">
        <v>51</v>
      </c>
    </row>
    <row r="16847" spans="1:12">
      <c r="A16847" s="6" t="s">
        <v>16731</v>
      </c>
      <c r="B16847" s="6"/>
      <c r="C16847" s="6" t="s">
        <v>16875</v>
      </c>
      <c r="D16847" s="6"/>
      <c r="E16847" s="6" t="s">
        <v>9</v>
      </c>
      <c r="F16847" s="7">
        <v>38657</v>
      </c>
      <c r="G16847" s="8">
        <v>1</v>
      </c>
      <c r="H16847" s="8">
        <v>1</v>
      </c>
      <c r="I16847" s="8">
        <v>0</v>
      </c>
      <c r="J16847" s="8">
        <v>1</v>
      </c>
      <c r="K16847" s="9">
        <v>0.82</v>
      </c>
      <c r="L16847" s="6" t="s">
        <v>51</v>
      </c>
    </row>
    <row r="16848" spans="1:12">
      <c r="A16848" s="6" t="s">
        <v>16731</v>
      </c>
      <c r="B16848" s="6"/>
      <c r="C16848" s="6" t="s">
        <v>16876</v>
      </c>
      <c r="D16848" s="6"/>
      <c r="E16848" s="6" t="s">
        <v>9</v>
      </c>
      <c r="F16848" s="7">
        <v>38657</v>
      </c>
      <c r="G16848" s="8">
        <v>1</v>
      </c>
      <c r="H16848" s="8">
        <v>1</v>
      </c>
      <c r="I16848" s="8">
        <v>0</v>
      </c>
      <c r="J16848" s="8">
        <v>1</v>
      </c>
      <c r="K16848" s="9">
        <v>29</v>
      </c>
      <c r="L16848" s="6" t="s">
        <v>51</v>
      </c>
    </row>
    <row r="16849" spans="1:12">
      <c r="A16849" s="6" t="s">
        <v>16731</v>
      </c>
      <c r="B16849" s="6"/>
      <c r="C16849" s="6" t="s">
        <v>16877</v>
      </c>
      <c r="D16849" s="6"/>
      <c r="E16849" s="6" t="s">
        <v>9</v>
      </c>
      <c r="F16849" s="7">
        <v>38657</v>
      </c>
      <c r="G16849" s="8">
        <v>1</v>
      </c>
      <c r="H16849" s="8">
        <v>1</v>
      </c>
      <c r="I16849" s="8">
        <v>0</v>
      </c>
      <c r="J16849" s="8">
        <v>1</v>
      </c>
      <c r="K16849" s="9">
        <v>66</v>
      </c>
      <c r="L16849" s="6" t="s">
        <v>51</v>
      </c>
    </row>
    <row r="16850" spans="1:12">
      <c r="A16850" s="6" t="s">
        <v>16731</v>
      </c>
      <c r="B16850" s="6"/>
      <c r="C16850" s="6" t="s">
        <v>16878</v>
      </c>
      <c r="D16850" s="6"/>
      <c r="E16850" s="6" t="s">
        <v>9</v>
      </c>
      <c r="F16850" s="7">
        <v>38657</v>
      </c>
      <c r="G16850" s="8">
        <v>1</v>
      </c>
      <c r="H16850" s="8">
        <v>1</v>
      </c>
      <c r="I16850" s="8">
        <v>0</v>
      </c>
      <c r="J16850" s="8">
        <v>1</v>
      </c>
      <c r="K16850" s="9">
        <v>43</v>
      </c>
      <c r="L16850" s="6" t="s">
        <v>51</v>
      </c>
    </row>
    <row r="16851" spans="1:12">
      <c r="A16851" s="6" t="s">
        <v>16731</v>
      </c>
      <c r="B16851" s="6"/>
      <c r="C16851" s="6" t="s">
        <v>16879</v>
      </c>
      <c r="D16851" s="6"/>
      <c r="E16851" s="6" t="s">
        <v>9</v>
      </c>
      <c r="F16851" s="7">
        <v>38657</v>
      </c>
      <c r="G16851" s="8">
        <v>1</v>
      </c>
      <c r="H16851" s="8">
        <v>1</v>
      </c>
      <c r="I16851" s="8">
        <v>0</v>
      </c>
      <c r="J16851" s="8">
        <v>1</v>
      </c>
      <c r="K16851" s="9">
        <v>81</v>
      </c>
      <c r="L16851" s="6" t="s">
        <v>51</v>
      </c>
    </row>
    <row r="16852" spans="1:12">
      <c r="A16852" s="6" t="s">
        <v>16731</v>
      </c>
      <c r="B16852" s="6"/>
      <c r="C16852" s="6" t="s">
        <v>16880</v>
      </c>
      <c r="D16852" s="6"/>
      <c r="E16852" s="6" t="s">
        <v>9</v>
      </c>
      <c r="F16852" s="7">
        <v>38657</v>
      </c>
      <c r="G16852" s="8">
        <v>1</v>
      </c>
      <c r="H16852" s="8">
        <v>1</v>
      </c>
      <c r="I16852" s="8">
        <v>0</v>
      </c>
      <c r="J16852" s="8">
        <v>1</v>
      </c>
      <c r="K16852" s="9">
        <v>1.44</v>
      </c>
      <c r="L16852" s="6" t="s">
        <v>51</v>
      </c>
    </row>
    <row r="16853" spans="1:12">
      <c r="A16853" s="6" t="s">
        <v>16731</v>
      </c>
      <c r="B16853" s="6"/>
      <c r="C16853" s="6" t="s">
        <v>16881</v>
      </c>
      <c r="D16853" s="6"/>
      <c r="E16853" s="6" t="s">
        <v>9</v>
      </c>
      <c r="F16853" s="7">
        <v>38657</v>
      </c>
      <c r="G16853" s="8">
        <v>1</v>
      </c>
      <c r="H16853" s="8">
        <v>1</v>
      </c>
      <c r="I16853" s="8">
        <v>0</v>
      </c>
      <c r="J16853" s="8">
        <v>1</v>
      </c>
      <c r="K16853" s="9">
        <v>154</v>
      </c>
      <c r="L16853" s="6" t="s">
        <v>51</v>
      </c>
    </row>
    <row r="16854" spans="1:12">
      <c r="A16854" s="6" t="s">
        <v>16731</v>
      </c>
      <c r="B16854" s="6"/>
      <c r="C16854" s="6" t="s">
        <v>16882</v>
      </c>
      <c r="D16854" s="6"/>
      <c r="E16854" s="6" t="s">
        <v>9</v>
      </c>
      <c r="F16854" s="7">
        <v>38657</v>
      </c>
      <c r="G16854" s="8">
        <v>1</v>
      </c>
      <c r="H16854" s="8">
        <v>1</v>
      </c>
      <c r="I16854" s="8">
        <v>0</v>
      </c>
      <c r="J16854" s="8">
        <v>1</v>
      </c>
      <c r="K16854" s="9">
        <v>14</v>
      </c>
      <c r="L16854" s="6" t="s">
        <v>51</v>
      </c>
    </row>
    <row r="16855" spans="1:12">
      <c r="A16855" s="6" t="s">
        <v>16731</v>
      </c>
      <c r="B16855" s="6"/>
      <c r="C16855" s="6" t="s">
        <v>16883</v>
      </c>
      <c r="D16855" s="6"/>
      <c r="E16855" s="6" t="s">
        <v>9</v>
      </c>
      <c r="F16855" s="7">
        <v>38657</v>
      </c>
      <c r="G16855" s="8">
        <v>1</v>
      </c>
      <c r="H16855" s="8">
        <v>1</v>
      </c>
      <c r="I16855" s="8">
        <v>0</v>
      </c>
      <c r="J16855" s="8">
        <v>1</v>
      </c>
      <c r="K16855" s="9">
        <v>39</v>
      </c>
      <c r="L16855" s="6" t="s">
        <v>51</v>
      </c>
    </row>
    <row r="16856" spans="1:12">
      <c r="A16856" s="6" t="s">
        <v>16731</v>
      </c>
      <c r="B16856" s="6"/>
      <c r="C16856" s="6" t="s">
        <v>16884</v>
      </c>
      <c r="D16856" s="6"/>
      <c r="E16856" s="6" t="s">
        <v>9</v>
      </c>
      <c r="F16856" s="7">
        <v>38657</v>
      </c>
      <c r="G16856" s="8">
        <v>1</v>
      </c>
      <c r="H16856" s="8">
        <v>1</v>
      </c>
      <c r="I16856" s="8">
        <v>0</v>
      </c>
      <c r="J16856" s="8">
        <v>1</v>
      </c>
      <c r="K16856" s="9">
        <v>48</v>
      </c>
      <c r="L16856" s="6" t="s">
        <v>51</v>
      </c>
    </row>
    <row r="16857" spans="1:12">
      <c r="A16857" s="6" t="s">
        <v>16731</v>
      </c>
      <c r="B16857" s="6"/>
      <c r="C16857" s="6" t="s">
        <v>16885</v>
      </c>
      <c r="D16857" s="6"/>
      <c r="E16857" s="6" t="s">
        <v>9</v>
      </c>
      <c r="F16857" s="7">
        <v>38657</v>
      </c>
      <c r="G16857" s="8">
        <v>1</v>
      </c>
      <c r="H16857" s="8">
        <v>1</v>
      </c>
      <c r="I16857" s="8">
        <v>0</v>
      </c>
      <c r="J16857" s="8">
        <v>1</v>
      </c>
      <c r="K16857" s="9">
        <v>102</v>
      </c>
      <c r="L16857" s="6" t="s">
        <v>51</v>
      </c>
    </row>
    <row r="16858" spans="1:12">
      <c r="A16858" s="6" t="s">
        <v>16731</v>
      </c>
      <c r="B16858" s="6"/>
      <c r="C16858" s="6" t="s">
        <v>16886</v>
      </c>
      <c r="D16858" s="6"/>
      <c r="E16858" s="6" t="s">
        <v>9</v>
      </c>
      <c r="F16858" s="7">
        <v>38657</v>
      </c>
      <c r="G16858" s="8">
        <v>1</v>
      </c>
      <c r="H16858" s="8">
        <v>1</v>
      </c>
      <c r="I16858" s="8">
        <v>0</v>
      </c>
      <c r="J16858" s="8">
        <v>1</v>
      </c>
      <c r="K16858" s="9">
        <v>34</v>
      </c>
      <c r="L16858" s="6" t="s">
        <v>51</v>
      </c>
    </row>
    <row r="16859" spans="1:12">
      <c r="A16859" s="6" t="s">
        <v>16731</v>
      </c>
      <c r="B16859" s="6"/>
      <c r="C16859" s="6" t="s">
        <v>16887</v>
      </c>
      <c r="D16859" s="6"/>
      <c r="E16859" s="6" t="s">
        <v>9</v>
      </c>
      <c r="F16859" s="7">
        <v>38657</v>
      </c>
      <c r="G16859" s="8">
        <v>1</v>
      </c>
      <c r="H16859" s="8">
        <v>1</v>
      </c>
      <c r="I16859" s="8">
        <v>0</v>
      </c>
      <c r="J16859" s="8">
        <v>1</v>
      </c>
      <c r="K16859" s="9">
        <v>10</v>
      </c>
      <c r="L16859" s="6" t="s">
        <v>51</v>
      </c>
    </row>
    <row r="16860" spans="1:12">
      <c r="A16860" s="6" t="s">
        <v>16731</v>
      </c>
      <c r="B16860" s="6"/>
      <c r="C16860" s="6" t="s">
        <v>16888</v>
      </c>
      <c r="D16860" s="6"/>
      <c r="E16860" s="6" t="s">
        <v>9</v>
      </c>
      <c r="F16860" s="7">
        <v>38657</v>
      </c>
      <c r="G16860" s="8">
        <v>1</v>
      </c>
      <c r="H16860" s="8">
        <v>1</v>
      </c>
      <c r="I16860" s="8">
        <v>0</v>
      </c>
      <c r="J16860" s="8">
        <v>1</v>
      </c>
      <c r="K16860" s="9">
        <v>426</v>
      </c>
      <c r="L16860" s="6" t="s">
        <v>51</v>
      </c>
    </row>
    <row r="16861" spans="1:12">
      <c r="A16861" s="6" t="s">
        <v>16731</v>
      </c>
      <c r="B16861" s="6"/>
      <c r="C16861" s="6" t="s">
        <v>16889</v>
      </c>
      <c r="D16861" s="6"/>
      <c r="E16861" s="6" t="s">
        <v>9</v>
      </c>
      <c r="F16861" s="7">
        <v>38657</v>
      </c>
      <c r="G16861" s="8">
        <v>1</v>
      </c>
      <c r="H16861" s="8">
        <v>1</v>
      </c>
      <c r="I16861" s="8">
        <v>0</v>
      </c>
      <c r="J16861" s="8">
        <v>1</v>
      </c>
      <c r="K16861" s="9">
        <v>51</v>
      </c>
      <c r="L16861" s="6" t="s">
        <v>51</v>
      </c>
    </row>
    <row r="16862" spans="1:12">
      <c r="A16862" s="6" t="s">
        <v>16731</v>
      </c>
      <c r="B16862" s="6"/>
      <c r="C16862" s="6" t="s">
        <v>16890</v>
      </c>
      <c r="D16862" s="6"/>
      <c r="E16862" s="6" t="s">
        <v>9</v>
      </c>
      <c r="F16862" s="7">
        <v>38657</v>
      </c>
      <c r="G16862" s="8">
        <v>1</v>
      </c>
      <c r="H16862" s="8">
        <v>1</v>
      </c>
      <c r="I16862" s="8">
        <v>0</v>
      </c>
      <c r="J16862" s="8">
        <v>1</v>
      </c>
      <c r="K16862" s="9">
        <v>195</v>
      </c>
      <c r="L16862" s="6" t="s">
        <v>51</v>
      </c>
    </row>
    <row r="16863" spans="1:12">
      <c r="A16863" s="6" t="s">
        <v>16731</v>
      </c>
      <c r="B16863" s="6"/>
      <c r="C16863" s="6" t="s">
        <v>16891</v>
      </c>
      <c r="D16863" s="6"/>
      <c r="E16863" s="6" t="s">
        <v>9</v>
      </c>
      <c r="F16863" s="7">
        <v>38657</v>
      </c>
      <c r="G16863" s="8">
        <v>1</v>
      </c>
      <c r="H16863" s="8">
        <v>1</v>
      </c>
      <c r="I16863" s="8">
        <v>0</v>
      </c>
      <c r="J16863" s="8">
        <v>1</v>
      </c>
      <c r="K16863" s="9">
        <v>235</v>
      </c>
      <c r="L16863" s="6" t="s">
        <v>51</v>
      </c>
    </row>
    <row r="16864" spans="1:12">
      <c r="A16864" s="6" t="s">
        <v>16731</v>
      </c>
      <c r="B16864" s="6"/>
      <c r="C16864" s="6" t="s">
        <v>16892</v>
      </c>
      <c r="D16864" s="6"/>
      <c r="E16864" s="6" t="s">
        <v>9</v>
      </c>
      <c r="F16864" s="7">
        <v>38657</v>
      </c>
      <c r="G16864" s="8">
        <v>1</v>
      </c>
      <c r="H16864" s="8">
        <v>1</v>
      </c>
      <c r="I16864" s="8">
        <v>0</v>
      </c>
      <c r="J16864" s="8">
        <v>1</v>
      </c>
      <c r="K16864" s="9">
        <v>20</v>
      </c>
      <c r="L16864" s="6" t="s">
        <v>51</v>
      </c>
    </row>
    <row r="16865" spans="1:12">
      <c r="A16865" s="6" t="s">
        <v>16731</v>
      </c>
      <c r="B16865" s="6"/>
      <c r="C16865" s="6" t="s">
        <v>16893</v>
      </c>
      <c r="D16865" s="6"/>
      <c r="E16865" s="6" t="s">
        <v>9</v>
      </c>
      <c r="F16865" s="7">
        <v>38657</v>
      </c>
      <c r="G16865" s="8">
        <v>1</v>
      </c>
      <c r="H16865" s="8">
        <v>1</v>
      </c>
      <c r="I16865" s="8">
        <v>0</v>
      </c>
      <c r="J16865" s="8">
        <v>1</v>
      </c>
      <c r="K16865" s="9">
        <v>2.5499999999999901</v>
      </c>
      <c r="L16865" s="6" t="s">
        <v>51</v>
      </c>
    </row>
    <row r="16866" spans="1:12">
      <c r="A16866" s="6" t="s">
        <v>16731</v>
      </c>
      <c r="B16866" s="6"/>
      <c r="C16866" s="6" t="s">
        <v>16894</v>
      </c>
      <c r="D16866" s="6"/>
      <c r="E16866" s="6" t="s">
        <v>9</v>
      </c>
      <c r="F16866" s="7">
        <v>38657</v>
      </c>
      <c r="G16866" s="8">
        <v>1</v>
      </c>
      <c r="H16866" s="8">
        <v>1</v>
      </c>
      <c r="I16866" s="8">
        <v>0</v>
      </c>
      <c r="J16866" s="8">
        <v>1</v>
      </c>
      <c r="K16866" s="9">
        <v>89</v>
      </c>
      <c r="L16866" s="6" t="s">
        <v>51</v>
      </c>
    </row>
    <row r="16867" spans="1:12">
      <c r="A16867" s="6" t="s">
        <v>16731</v>
      </c>
      <c r="B16867" s="6"/>
      <c r="C16867" s="6" t="s">
        <v>16895</v>
      </c>
      <c r="D16867" s="6"/>
      <c r="E16867" s="6" t="s">
        <v>9</v>
      </c>
      <c r="F16867" s="7">
        <v>38657</v>
      </c>
      <c r="G16867" s="8">
        <v>1</v>
      </c>
      <c r="H16867" s="8">
        <v>1</v>
      </c>
      <c r="I16867" s="8">
        <v>0</v>
      </c>
      <c r="J16867" s="8">
        <v>1</v>
      </c>
      <c r="K16867" s="9">
        <v>28</v>
      </c>
      <c r="L16867" s="6" t="s">
        <v>51</v>
      </c>
    </row>
    <row r="16868" spans="1:12">
      <c r="A16868" s="6" t="s">
        <v>16731</v>
      </c>
      <c r="B16868" s="6"/>
      <c r="C16868" s="6" t="s">
        <v>16896</v>
      </c>
      <c r="D16868" s="6"/>
      <c r="E16868" s="6" t="s">
        <v>9</v>
      </c>
      <c r="F16868" s="7">
        <v>38657</v>
      </c>
      <c r="G16868" s="8">
        <v>1</v>
      </c>
      <c r="H16868" s="8">
        <v>1</v>
      </c>
      <c r="I16868" s="8">
        <v>0</v>
      </c>
      <c r="J16868" s="8">
        <v>1</v>
      </c>
      <c r="K16868" s="9">
        <v>67</v>
      </c>
      <c r="L16868" s="6" t="s">
        <v>51</v>
      </c>
    </row>
    <row r="16869" spans="1:12">
      <c r="A16869" s="6" t="s">
        <v>16731</v>
      </c>
      <c r="B16869" s="6"/>
      <c r="C16869" s="6" t="s">
        <v>16897</v>
      </c>
      <c r="D16869" s="6"/>
      <c r="E16869" s="6" t="s">
        <v>9</v>
      </c>
      <c r="F16869" s="7">
        <v>38657</v>
      </c>
      <c r="G16869" s="8">
        <v>1</v>
      </c>
      <c r="H16869" s="8">
        <v>1</v>
      </c>
      <c r="I16869" s="8">
        <v>0</v>
      </c>
      <c r="J16869" s="8">
        <v>1</v>
      </c>
      <c r="K16869" s="9">
        <v>182</v>
      </c>
      <c r="L16869" s="6" t="s">
        <v>51</v>
      </c>
    </row>
    <row r="16870" spans="1:12">
      <c r="A16870" s="6" t="s">
        <v>16731</v>
      </c>
      <c r="B16870" s="6"/>
      <c r="C16870" s="6" t="s">
        <v>16898</v>
      </c>
      <c r="D16870" s="6"/>
      <c r="E16870" s="6" t="s">
        <v>9</v>
      </c>
      <c r="F16870" s="7">
        <v>38657</v>
      </c>
      <c r="G16870" s="8">
        <v>1</v>
      </c>
      <c r="H16870" s="8">
        <v>1</v>
      </c>
      <c r="I16870" s="8">
        <v>0</v>
      </c>
      <c r="J16870" s="8">
        <v>1</v>
      </c>
      <c r="K16870" s="9">
        <v>95</v>
      </c>
      <c r="L16870" s="6" t="s">
        <v>51</v>
      </c>
    </row>
    <row r="16871" spans="1:12">
      <c r="A16871" s="6" t="s">
        <v>16731</v>
      </c>
      <c r="B16871" s="6"/>
      <c r="C16871" s="6" t="s">
        <v>16899</v>
      </c>
      <c r="D16871" s="6"/>
      <c r="E16871" s="6" t="s">
        <v>9</v>
      </c>
      <c r="F16871" s="7">
        <v>38657</v>
      </c>
      <c r="G16871" s="8">
        <v>1</v>
      </c>
      <c r="H16871" s="8">
        <v>1</v>
      </c>
      <c r="I16871" s="8">
        <v>0</v>
      </c>
      <c r="J16871" s="8">
        <v>1</v>
      </c>
      <c r="K16871" s="9">
        <v>25</v>
      </c>
      <c r="L16871" s="6" t="s">
        <v>51</v>
      </c>
    </row>
    <row r="16872" spans="1:12">
      <c r="A16872" s="6" t="s">
        <v>16731</v>
      </c>
      <c r="B16872" s="6"/>
      <c r="C16872" s="6" t="s">
        <v>16900</v>
      </c>
      <c r="D16872" s="6"/>
      <c r="E16872" s="6" t="s">
        <v>9</v>
      </c>
      <c r="F16872" s="7">
        <v>38657</v>
      </c>
      <c r="G16872" s="8">
        <v>1</v>
      </c>
      <c r="H16872" s="8">
        <v>1</v>
      </c>
      <c r="I16872" s="8">
        <v>0</v>
      </c>
      <c r="J16872" s="8">
        <v>1</v>
      </c>
      <c r="K16872" s="9">
        <v>34</v>
      </c>
      <c r="L16872" s="6" t="s">
        <v>51</v>
      </c>
    </row>
    <row r="16873" spans="1:12">
      <c r="A16873" s="6" t="s">
        <v>16731</v>
      </c>
      <c r="B16873" s="6"/>
      <c r="C16873" s="6" t="s">
        <v>16901</v>
      </c>
      <c r="D16873" s="6"/>
      <c r="E16873" s="6" t="s">
        <v>9</v>
      </c>
      <c r="F16873" s="7">
        <v>38657</v>
      </c>
      <c r="G16873" s="8">
        <v>1</v>
      </c>
      <c r="H16873" s="8">
        <v>1</v>
      </c>
      <c r="I16873" s="8">
        <v>0</v>
      </c>
      <c r="J16873" s="8">
        <v>1</v>
      </c>
      <c r="K16873" s="9">
        <v>0.12</v>
      </c>
      <c r="L16873" s="6" t="s">
        <v>51</v>
      </c>
    </row>
    <row r="16874" spans="1:12">
      <c r="A16874" s="6" t="s">
        <v>16731</v>
      </c>
      <c r="B16874" s="6"/>
      <c r="C16874" s="6" t="s">
        <v>16902</v>
      </c>
      <c r="D16874" s="6"/>
      <c r="E16874" s="6" t="s">
        <v>9</v>
      </c>
      <c r="F16874" s="7">
        <v>38657</v>
      </c>
      <c r="G16874" s="8">
        <v>1</v>
      </c>
      <c r="H16874" s="8">
        <v>1</v>
      </c>
      <c r="I16874" s="8">
        <v>0</v>
      </c>
      <c r="J16874" s="8">
        <v>1</v>
      </c>
      <c r="K16874" s="9">
        <v>8.2200000000000006</v>
      </c>
      <c r="L16874" s="6" t="s">
        <v>51</v>
      </c>
    </row>
    <row r="16875" spans="1:12">
      <c r="A16875" s="6" t="s">
        <v>16731</v>
      </c>
      <c r="B16875" s="6"/>
      <c r="C16875" s="6" t="s">
        <v>16903</v>
      </c>
      <c r="D16875" s="6"/>
      <c r="E16875" s="6" t="s">
        <v>9</v>
      </c>
      <c r="F16875" s="7">
        <v>38657</v>
      </c>
      <c r="G16875" s="8">
        <v>1</v>
      </c>
      <c r="H16875" s="8">
        <v>1</v>
      </c>
      <c r="I16875" s="8">
        <v>0</v>
      </c>
      <c r="J16875" s="8">
        <v>1</v>
      </c>
      <c r="K16875" s="9">
        <v>3.86</v>
      </c>
      <c r="L16875" s="6" t="s">
        <v>51</v>
      </c>
    </row>
    <row r="16876" spans="1:12">
      <c r="A16876" s="6" t="s">
        <v>16731</v>
      </c>
      <c r="B16876" s="6"/>
      <c r="C16876" s="6" t="s">
        <v>16904</v>
      </c>
      <c r="D16876" s="6"/>
      <c r="E16876" s="6" t="s">
        <v>9</v>
      </c>
      <c r="F16876" s="7">
        <v>38657</v>
      </c>
      <c r="G16876" s="8">
        <v>1</v>
      </c>
      <c r="H16876" s="8">
        <v>1</v>
      </c>
      <c r="I16876" s="8">
        <v>0</v>
      </c>
      <c r="J16876" s="8">
        <v>1</v>
      </c>
      <c r="K16876" s="9">
        <v>13</v>
      </c>
      <c r="L16876" s="6" t="s">
        <v>51</v>
      </c>
    </row>
    <row r="16877" spans="1:12">
      <c r="A16877" s="6" t="s">
        <v>16731</v>
      </c>
      <c r="B16877" s="6"/>
      <c r="C16877" s="6" t="s">
        <v>16905</v>
      </c>
      <c r="D16877" s="6"/>
      <c r="E16877" s="6" t="s">
        <v>9</v>
      </c>
      <c r="F16877" s="7">
        <v>38657</v>
      </c>
      <c r="G16877" s="8">
        <v>1</v>
      </c>
      <c r="H16877" s="8">
        <v>1</v>
      </c>
      <c r="I16877" s="8">
        <v>0</v>
      </c>
      <c r="J16877" s="8">
        <v>1</v>
      </c>
      <c r="K16877" s="9">
        <v>736</v>
      </c>
      <c r="L16877" s="6" t="s">
        <v>51</v>
      </c>
    </row>
    <row r="16878" spans="1:12">
      <c r="A16878" s="6" t="s">
        <v>16731</v>
      </c>
      <c r="B16878" s="6"/>
      <c r="C16878" s="6" t="s">
        <v>16906</v>
      </c>
      <c r="D16878" s="6"/>
      <c r="E16878" s="6" t="s">
        <v>9</v>
      </c>
      <c r="F16878" s="7">
        <v>38657</v>
      </c>
      <c r="G16878" s="8">
        <v>1</v>
      </c>
      <c r="H16878" s="8">
        <v>1</v>
      </c>
      <c r="I16878" s="8">
        <v>0</v>
      </c>
      <c r="J16878" s="8">
        <v>1</v>
      </c>
      <c r="K16878" s="9">
        <v>0.81</v>
      </c>
      <c r="L16878" s="6" t="s">
        <v>51</v>
      </c>
    </row>
    <row r="16879" spans="1:12">
      <c r="A16879" s="6" t="s">
        <v>16731</v>
      </c>
      <c r="B16879" s="6"/>
      <c r="C16879" s="6" t="s">
        <v>16907</v>
      </c>
      <c r="D16879" s="6"/>
      <c r="E16879" s="6" t="s">
        <v>9</v>
      </c>
      <c r="F16879" s="7">
        <v>38657</v>
      </c>
      <c r="G16879" s="8">
        <v>1</v>
      </c>
      <c r="H16879" s="8">
        <v>1</v>
      </c>
      <c r="I16879" s="8">
        <v>0</v>
      </c>
      <c r="J16879" s="8">
        <v>1</v>
      </c>
      <c r="K16879" s="9">
        <v>79</v>
      </c>
      <c r="L16879" s="6" t="s">
        <v>51</v>
      </c>
    </row>
    <row r="16880" spans="1:12">
      <c r="A16880" s="6" t="s">
        <v>16731</v>
      </c>
      <c r="B16880" s="6"/>
      <c r="C16880" s="6" t="s">
        <v>16908</v>
      </c>
      <c r="D16880" s="6"/>
      <c r="E16880" s="6" t="s">
        <v>9</v>
      </c>
      <c r="F16880" s="7">
        <v>38657</v>
      </c>
      <c r="G16880" s="8">
        <v>1</v>
      </c>
      <c r="H16880" s="8">
        <v>1</v>
      </c>
      <c r="I16880" s="8">
        <v>0</v>
      </c>
      <c r="J16880" s="8">
        <v>1</v>
      </c>
      <c r="K16880" s="9">
        <v>46</v>
      </c>
      <c r="L16880" s="6" t="s">
        <v>51</v>
      </c>
    </row>
    <row r="16881" spans="1:12">
      <c r="A16881" s="6" t="s">
        <v>16731</v>
      </c>
      <c r="B16881" s="6"/>
      <c r="C16881" s="6" t="s">
        <v>16909</v>
      </c>
      <c r="D16881" s="6"/>
      <c r="E16881" s="6" t="s">
        <v>9</v>
      </c>
      <c r="F16881" s="7">
        <v>38657</v>
      </c>
      <c r="G16881" s="8">
        <v>1</v>
      </c>
      <c r="H16881" s="8">
        <v>1</v>
      </c>
      <c r="I16881" s="8">
        <v>0</v>
      </c>
      <c r="J16881" s="8">
        <v>1</v>
      </c>
      <c r="K16881" s="9">
        <v>3</v>
      </c>
      <c r="L16881" s="6" t="s">
        <v>51</v>
      </c>
    </row>
    <row r="16882" spans="1:12">
      <c r="A16882" s="6" t="s">
        <v>16731</v>
      </c>
      <c r="B16882" s="6"/>
      <c r="C16882" s="6" t="s">
        <v>16910</v>
      </c>
      <c r="D16882" s="6"/>
      <c r="E16882" s="6" t="s">
        <v>9</v>
      </c>
      <c r="F16882" s="7">
        <v>38657</v>
      </c>
      <c r="G16882" s="8">
        <v>1</v>
      </c>
      <c r="H16882" s="8">
        <v>1</v>
      </c>
      <c r="I16882" s="8">
        <v>0</v>
      </c>
      <c r="J16882" s="8">
        <v>1</v>
      </c>
      <c r="K16882" s="9">
        <v>32</v>
      </c>
      <c r="L16882" s="6" t="s">
        <v>51</v>
      </c>
    </row>
    <row r="16883" spans="1:12">
      <c r="A16883" s="6" t="s">
        <v>16731</v>
      </c>
      <c r="B16883" s="6"/>
      <c r="C16883" s="6" t="s">
        <v>16911</v>
      </c>
      <c r="D16883" s="6"/>
      <c r="E16883" s="6" t="s">
        <v>9</v>
      </c>
      <c r="F16883" s="7">
        <v>38657</v>
      </c>
      <c r="G16883" s="8">
        <v>1</v>
      </c>
      <c r="H16883" s="8">
        <v>1</v>
      </c>
      <c r="I16883" s="8">
        <v>0</v>
      </c>
      <c r="J16883" s="8">
        <v>1</v>
      </c>
      <c r="K16883" s="9">
        <v>21</v>
      </c>
      <c r="L16883" s="6" t="s">
        <v>51</v>
      </c>
    </row>
    <row r="16884" spans="1:12">
      <c r="A16884" s="6" t="s">
        <v>16731</v>
      </c>
      <c r="B16884" s="6"/>
      <c r="C16884" s="6" t="s">
        <v>16912</v>
      </c>
      <c r="D16884" s="6"/>
      <c r="E16884" s="6" t="s">
        <v>9</v>
      </c>
      <c r="F16884" s="7">
        <v>38657</v>
      </c>
      <c r="G16884" s="8">
        <v>1</v>
      </c>
      <c r="H16884" s="8">
        <v>1</v>
      </c>
      <c r="I16884" s="8">
        <v>0</v>
      </c>
      <c r="J16884" s="8">
        <v>1</v>
      </c>
      <c r="K16884" s="9">
        <v>22</v>
      </c>
      <c r="L16884" s="6" t="s">
        <v>51</v>
      </c>
    </row>
    <row r="16885" spans="1:12">
      <c r="A16885" s="6" t="s">
        <v>16731</v>
      </c>
      <c r="B16885" s="6"/>
      <c r="C16885" s="6" t="s">
        <v>16913</v>
      </c>
      <c r="D16885" s="6"/>
      <c r="E16885" s="6" t="s">
        <v>9</v>
      </c>
      <c r="F16885" s="7">
        <v>38657</v>
      </c>
      <c r="G16885" s="8">
        <v>1</v>
      </c>
      <c r="H16885" s="8">
        <v>1</v>
      </c>
      <c r="I16885" s="8">
        <v>0</v>
      </c>
      <c r="J16885" s="8">
        <v>1</v>
      </c>
      <c r="K16885" s="9">
        <v>4.59</v>
      </c>
      <c r="L16885" s="6" t="s">
        <v>51</v>
      </c>
    </row>
    <row r="16886" spans="1:12">
      <c r="A16886" s="6" t="s">
        <v>16731</v>
      </c>
      <c r="B16886" s="6"/>
      <c r="C16886" s="6" t="s">
        <v>16914</v>
      </c>
      <c r="D16886" s="6"/>
      <c r="E16886" s="6" t="s">
        <v>9</v>
      </c>
      <c r="F16886" s="7">
        <v>38657</v>
      </c>
      <c r="G16886" s="8">
        <v>1</v>
      </c>
      <c r="H16886" s="8">
        <v>1</v>
      </c>
      <c r="I16886" s="8">
        <v>0</v>
      </c>
      <c r="J16886" s="8">
        <v>1</v>
      </c>
      <c r="K16886" s="9">
        <v>27</v>
      </c>
      <c r="L16886" s="6" t="s">
        <v>51</v>
      </c>
    </row>
    <row r="16887" spans="1:12">
      <c r="A16887" s="6" t="s">
        <v>16731</v>
      </c>
      <c r="B16887" s="6"/>
      <c r="C16887" s="6" t="s">
        <v>16915</v>
      </c>
      <c r="D16887" s="6"/>
      <c r="E16887" s="6" t="s">
        <v>9</v>
      </c>
      <c r="F16887" s="7">
        <v>38657</v>
      </c>
      <c r="G16887" s="8">
        <v>1</v>
      </c>
      <c r="H16887" s="8">
        <v>1</v>
      </c>
      <c r="I16887" s="8">
        <v>0</v>
      </c>
      <c r="J16887" s="8">
        <v>1</v>
      </c>
      <c r="K16887" s="9">
        <v>11</v>
      </c>
      <c r="L16887" s="6" t="s">
        <v>51</v>
      </c>
    </row>
    <row r="16888" spans="1:12">
      <c r="A16888" s="6" t="s">
        <v>16731</v>
      </c>
      <c r="B16888" s="6"/>
      <c r="C16888" s="6" t="s">
        <v>16916</v>
      </c>
      <c r="D16888" s="6"/>
      <c r="E16888" s="6" t="s">
        <v>9</v>
      </c>
      <c r="F16888" s="7">
        <v>38657</v>
      </c>
      <c r="G16888" s="8">
        <v>1</v>
      </c>
      <c r="H16888" s="8">
        <v>1</v>
      </c>
      <c r="I16888" s="8">
        <v>0</v>
      </c>
      <c r="J16888" s="8">
        <v>1</v>
      </c>
      <c r="K16888" s="9">
        <v>52</v>
      </c>
      <c r="L16888" s="6" t="s">
        <v>51</v>
      </c>
    </row>
    <row r="16889" spans="1:12">
      <c r="A16889" s="6" t="s">
        <v>16731</v>
      </c>
      <c r="B16889" s="6"/>
      <c r="C16889" s="6" t="s">
        <v>16917</v>
      </c>
      <c r="D16889" s="6"/>
      <c r="E16889" s="6" t="s">
        <v>9</v>
      </c>
      <c r="F16889" s="7">
        <v>38657</v>
      </c>
      <c r="G16889" s="8">
        <v>1</v>
      </c>
      <c r="H16889" s="8">
        <v>1</v>
      </c>
      <c r="I16889" s="8">
        <v>0</v>
      </c>
      <c r="J16889" s="8">
        <v>1</v>
      </c>
      <c r="K16889" s="9">
        <v>2.97</v>
      </c>
      <c r="L16889" s="6" t="s">
        <v>51</v>
      </c>
    </row>
    <row r="16890" spans="1:12">
      <c r="A16890" s="6" t="s">
        <v>16731</v>
      </c>
      <c r="B16890" s="6"/>
      <c r="C16890" s="6" t="s">
        <v>16918</v>
      </c>
      <c r="D16890" s="6"/>
      <c r="E16890" s="6" t="s">
        <v>9</v>
      </c>
      <c r="F16890" s="7">
        <v>38657</v>
      </c>
      <c r="G16890" s="8">
        <v>1</v>
      </c>
      <c r="H16890" s="8">
        <v>1</v>
      </c>
      <c r="I16890" s="8">
        <v>0</v>
      </c>
      <c r="J16890" s="8">
        <v>1</v>
      </c>
      <c r="K16890" s="9">
        <v>49</v>
      </c>
      <c r="L16890" s="6" t="s">
        <v>51</v>
      </c>
    </row>
    <row r="16891" spans="1:12">
      <c r="A16891" s="6" t="s">
        <v>16731</v>
      </c>
      <c r="B16891" s="6"/>
      <c r="C16891" s="6" t="s">
        <v>16919</v>
      </c>
      <c r="D16891" s="6"/>
      <c r="E16891" s="6" t="s">
        <v>9</v>
      </c>
      <c r="F16891" s="7">
        <v>38657</v>
      </c>
      <c r="G16891" s="8">
        <v>1</v>
      </c>
      <c r="H16891" s="8">
        <v>1</v>
      </c>
      <c r="I16891" s="8">
        <v>0</v>
      </c>
      <c r="J16891" s="8">
        <v>1</v>
      </c>
      <c r="K16891" s="9">
        <v>8.1199999999999903</v>
      </c>
      <c r="L16891" s="6" t="s">
        <v>51</v>
      </c>
    </row>
    <row r="16892" spans="1:12">
      <c r="A16892" s="6" t="s">
        <v>16731</v>
      </c>
      <c r="B16892" s="6"/>
      <c r="C16892" s="6" t="s">
        <v>16920</v>
      </c>
      <c r="D16892" s="6"/>
      <c r="E16892" s="6" t="s">
        <v>9</v>
      </c>
      <c r="F16892" s="7">
        <v>38657</v>
      </c>
      <c r="G16892" s="8">
        <v>1</v>
      </c>
      <c r="H16892" s="8">
        <v>1</v>
      </c>
      <c r="I16892" s="8">
        <v>0</v>
      </c>
      <c r="J16892" s="8">
        <v>1</v>
      </c>
      <c r="K16892" s="9">
        <v>21</v>
      </c>
      <c r="L16892" s="6" t="s">
        <v>51</v>
      </c>
    </row>
    <row r="16893" spans="1:12">
      <c r="A16893" s="6" t="s">
        <v>16731</v>
      </c>
      <c r="B16893" s="6"/>
      <c r="C16893" s="6" t="s">
        <v>16921</v>
      </c>
      <c r="D16893" s="6"/>
      <c r="E16893" s="6" t="s">
        <v>9</v>
      </c>
      <c r="F16893" s="7">
        <v>38657</v>
      </c>
      <c r="G16893" s="8">
        <v>1</v>
      </c>
      <c r="H16893" s="8">
        <v>1</v>
      </c>
      <c r="I16893" s="8">
        <v>0</v>
      </c>
      <c r="J16893" s="8">
        <v>1</v>
      </c>
      <c r="K16893" s="9">
        <v>3</v>
      </c>
      <c r="L16893" s="6" t="s">
        <v>51</v>
      </c>
    </row>
    <row r="16894" spans="1:12">
      <c r="A16894" s="6" t="s">
        <v>16731</v>
      </c>
      <c r="B16894" s="6"/>
      <c r="C16894" s="6" t="s">
        <v>16922</v>
      </c>
      <c r="D16894" s="6"/>
      <c r="E16894" s="6" t="s">
        <v>9</v>
      </c>
      <c r="F16894" s="7">
        <v>38657</v>
      </c>
      <c r="G16894" s="8">
        <v>1</v>
      </c>
      <c r="H16894" s="8">
        <v>1</v>
      </c>
      <c r="I16894" s="8">
        <v>0</v>
      </c>
      <c r="J16894" s="8">
        <v>1</v>
      </c>
      <c r="K16894" s="9">
        <v>2.56</v>
      </c>
      <c r="L16894" s="6" t="s">
        <v>51</v>
      </c>
    </row>
    <row r="16895" spans="1:12">
      <c r="A16895" s="6" t="s">
        <v>16731</v>
      </c>
      <c r="B16895" s="6"/>
      <c r="C16895" s="6" t="s">
        <v>16923</v>
      </c>
      <c r="D16895" s="6"/>
      <c r="E16895" s="6" t="s">
        <v>9</v>
      </c>
      <c r="F16895" s="7">
        <v>38657</v>
      </c>
      <c r="G16895" s="8">
        <v>1</v>
      </c>
      <c r="H16895" s="8">
        <v>1</v>
      </c>
      <c r="I16895" s="8">
        <v>0</v>
      </c>
      <c r="J16895" s="8">
        <v>1</v>
      </c>
      <c r="K16895" s="9">
        <v>0.3</v>
      </c>
      <c r="L16895" s="6" t="s">
        <v>51</v>
      </c>
    </row>
    <row r="16896" spans="1:12">
      <c r="A16896" s="6" t="s">
        <v>16731</v>
      </c>
      <c r="B16896" s="6"/>
      <c r="C16896" s="6" t="s">
        <v>16924</v>
      </c>
      <c r="D16896" s="6"/>
      <c r="E16896" s="6" t="s">
        <v>9</v>
      </c>
      <c r="F16896" s="7">
        <v>38657</v>
      </c>
      <c r="G16896" s="8">
        <v>1</v>
      </c>
      <c r="H16896" s="8">
        <v>1</v>
      </c>
      <c r="I16896" s="8">
        <v>0</v>
      </c>
      <c r="J16896" s="8">
        <v>1</v>
      </c>
      <c r="K16896" s="9">
        <v>1.81</v>
      </c>
      <c r="L16896" s="6" t="s">
        <v>51</v>
      </c>
    </row>
    <row r="16897" spans="1:12">
      <c r="A16897" s="6" t="s">
        <v>16731</v>
      </c>
      <c r="B16897" s="6"/>
      <c r="C16897" s="6" t="s">
        <v>16925</v>
      </c>
      <c r="D16897" s="6"/>
      <c r="E16897" s="6" t="s">
        <v>9</v>
      </c>
      <c r="F16897" s="7">
        <v>38657</v>
      </c>
      <c r="G16897" s="8">
        <v>1</v>
      </c>
      <c r="H16897" s="8">
        <v>1</v>
      </c>
      <c r="I16897" s="8">
        <v>0</v>
      </c>
      <c r="J16897" s="8">
        <v>1</v>
      </c>
      <c r="K16897" s="9">
        <v>40</v>
      </c>
      <c r="L16897" s="6" t="s">
        <v>51</v>
      </c>
    </row>
    <row r="16898" spans="1:12">
      <c r="A16898" s="6" t="s">
        <v>16731</v>
      </c>
      <c r="B16898" s="6"/>
      <c r="C16898" s="6" t="s">
        <v>16926</v>
      </c>
      <c r="D16898" s="6"/>
      <c r="E16898" s="6" t="s">
        <v>9</v>
      </c>
      <c r="F16898" s="7">
        <v>38657</v>
      </c>
      <c r="G16898" s="8">
        <v>1</v>
      </c>
      <c r="H16898" s="8">
        <v>1</v>
      </c>
      <c r="I16898" s="8">
        <v>0</v>
      </c>
      <c r="J16898" s="8">
        <v>1</v>
      </c>
      <c r="K16898" s="9">
        <v>39</v>
      </c>
      <c r="L16898" s="6" t="s">
        <v>51</v>
      </c>
    </row>
    <row r="16899" spans="1:12">
      <c r="A16899" s="6" t="s">
        <v>16731</v>
      </c>
      <c r="B16899" s="6"/>
      <c r="C16899" s="6" t="s">
        <v>16927</v>
      </c>
      <c r="D16899" s="6"/>
      <c r="E16899" s="6" t="s">
        <v>9</v>
      </c>
      <c r="F16899" s="7">
        <v>38657</v>
      </c>
      <c r="G16899" s="8">
        <v>1</v>
      </c>
      <c r="H16899" s="8">
        <v>1</v>
      </c>
      <c r="I16899" s="8">
        <v>0</v>
      </c>
      <c r="J16899" s="8">
        <v>1</v>
      </c>
      <c r="K16899" s="9">
        <v>25</v>
      </c>
      <c r="L16899" s="6" t="s">
        <v>51</v>
      </c>
    </row>
    <row r="16900" spans="1:12">
      <c r="A16900" s="6" t="s">
        <v>16731</v>
      </c>
      <c r="B16900" s="6"/>
      <c r="C16900" s="6" t="s">
        <v>16928</v>
      </c>
      <c r="D16900" s="6"/>
      <c r="E16900" s="6" t="s">
        <v>9</v>
      </c>
      <c r="F16900" s="7">
        <v>38657</v>
      </c>
      <c r="G16900" s="8">
        <v>1</v>
      </c>
      <c r="H16900" s="8">
        <v>1</v>
      </c>
      <c r="I16900" s="8">
        <v>0</v>
      </c>
      <c r="J16900" s="8">
        <v>1</v>
      </c>
      <c r="K16900" s="9">
        <v>1.43</v>
      </c>
      <c r="L16900" s="6" t="s">
        <v>51</v>
      </c>
    </row>
    <row r="16901" spans="1:12">
      <c r="A16901" s="6" t="s">
        <v>16731</v>
      </c>
      <c r="B16901" s="6"/>
      <c r="C16901" s="6" t="s">
        <v>16929</v>
      </c>
      <c r="D16901" s="6"/>
      <c r="E16901" s="6" t="s">
        <v>9</v>
      </c>
      <c r="F16901" s="7">
        <v>38657</v>
      </c>
      <c r="G16901" s="8">
        <v>1</v>
      </c>
      <c r="H16901" s="8">
        <v>1</v>
      </c>
      <c r="I16901" s="8">
        <v>0</v>
      </c>
      <c r="J16901" s="8">
        <v>1</v>
      </c>
      <c r="K16901" s="9">
        <v>8.74</v>
      </c>
      <c r="L16901" s="6" t="s">
        <v>51</v>
      </c>
    </row>
    <row r="16902" spans="1:12">
      <c r="A16902" s="6" t="s">
        <v>16731</v>
      </c>
      <c r="B16902" s="6"/>
      <c r="C16902" s="6" t="s">
        <v>16930</v>
      </c>
      <c r="D16902" s="6"/>
      <c r="E16902" s="6" t="s">
        <v>9</v>
      </c>
      <c r="F16902" s="7">
        <v>38657</v>
      </c>
      <c r="G16902" s="8">
        <v>1</v>
      </c>
      <c r="H16902" s="8">
        <v>1</v>
      </c>
      <c r="I16902" s="8">
        <v>0</v>
      </c>
      <c r="J16902" s="8">
        <v>1</v>
      </c>
      <c r="K16902" s="9">
        <v>50</v>
      </c>
      <c r="L16902" s="6" t="s">
        <v>51</v>
      </c>
    </row>
    <row r="16903" spans="1:12">
      <c r="A16903" s="6" t="s">
        <v>16731</v>
      </c>
      <c r="B16903" s="6"/>
      <c r="C16903" s="6" t="s">
        <v>16931</v>
      </c>
      <c r="D16903" s="6"/>
      <c r="E16903" s="6" t="s">
        <v>9</v>
      </c>
      <c r="F16903" s="7">
        <v>38657</v>
      </c>
      <c r="G16903" s="8">
        <v>1</v>
      </c>
      <c r="H16903" s="8">
        <v>1</v>
      </c>
      <c r="I16903" s="8">
        <v>0</v>
      </c>
      <c r="J16903" s="8">
        <v>1</v>
      </c>
      <c r="K16903" s="9">
        <v>21</v>
      </c>
      <c r="L16903" s="6" t="s">
        <v>51</v>
      </c>
    </row>
    <row r="16904" spans="1:12">
      <c r="A16904" s="6" t="s">
        <v>16731</v>
      </c>
      <c r="B16904" s="6"/>
      <c r="C16904" s="6" t="s">
        <v>16932</v>
      </c>
      <c r="D16904" s="6"/>
      <c r="E16904" s="6" t="s">
        <v>9</v>
      </c>
      <c r="F16904" s="7">
        <v>38657</v>
      </c>
      <c r="G16904" s="8">
        <v>1</v>
      </c>
      <c r="H16904" s="8">
        <v>1</v>
      </c>
      <c r="I16904" s="8">
        <v>0</v>
      </c>
      <c r="J16904" s="8">
        <v>1</v>
      </c>
      <c r="K16904" s="9">
        <v>80</v>
      </c>
      <c r="L16904" s="6" t="s">
        <v>51</v>
      </c>
    </row>
    <row r="16905" spans="1:12">
      <c r="A16905" s="6" t="s">
        <v>16731</v>
      </c>
      <c r="B16905" s="6"/>
      <c r="C16905" s="6" t="s">
        <v>16933</v>
      </c>
      <c r="D16905" s="6"/>
      <c r="E16905" s="6" t="s">
        <v>9</v>
      </c>
      <c r="F16905" s="7">
        <v>38657</v>
      </c>
      <c r="G16905" s="8">
        <v>1</v>
      </c>
      <c r="H16905" s="8">
        <v>1</v>
      </c>
      <c r="I16905" s="8">
        <v>0</v>
      </c>
      <c r="J16905" s="8">
        <v>1</v>
      </c>
      <c r="K16905" s="9">
        <v>53</v>
      </c>
      <c r="L16905" s="6" t="s">
        <v>51</v>
      </c>
    </row>
    <row r="16906" spans="1:12">
      <c r="A16906" s="6" t="s">
        <v>16731</v>
      </c>
      <c r="B16906" s="6"/>
      <c r="C16906" s="6" t="s">
        <v>16934</v>
      </c>
      <c r="D16906" s="6"/>
      <c r="E16906" s="6" t="s">
        <v>9</v>
      </c>
      <c r="F16906" s="7">
        <v>38657</v>
      </c>
      <c r="G16906" s="8">
        <v>1</v>
      </c>
      <c r="H16906" s="8">
        <v>1</v>
      </c>
      <c r="I16906" s="8">
        <v>0</v>
      </c>
      <c r="J16906" s="8">
        <v>1</v>
      </c>
      <c r="K16906" s="9">
        <v>45</v>
      </c>
      <c r="L16906" s="6" t="s">
        <v>51</v>
      </c>
    </row>
    <row r="16907" spans="1:12">
      <c r="A16907" s="6" t="s">
        <v>16731</v>
      </c>
      <c r="B16907" s="6"/>
      <c r="C16907" s="6" t="s">
        <v>16935</v>
      </c>
      <c r="D16907" s="6"/>
      <c r="E16907" s="6" t="s">
        <v>9</v>
      </c>
      <c r="F16907" s="7">
        <v>38657</v>
      </c>
      <c r="G16907" s="8">
        <v>1</v>
      </c>
      <c r="H16907" s="8">
        <v>1</v>
      </c>
      <c r="I16907" s="8">
        <v>0</v>
      </c>
      <c r="J16907" s="8">
        <v>1</v>
      </c>
      <c r="K16907" s="9">
        <v>45</v>
      </c>
      <c r="L16907" s="6" t="s">
        <v>51</v>
      </c>
    </row>
    <row r="16908" spans="1:12">
      <c r="A16908" s="6" t="s">
        <v>16731</v>
      </c>
      <c r="B16908" s="6"/>
      <c r="C16908" s="6" t="s">
        <v>16936</v>
      </c>
      <c r="D16908" s="6"/>
      <c r="E16908" s="6" t="s">
        <v>9</v>
      </c>
      <c r="F16908" s="7">
        <v>38657</v>
      </c>
      <c r="G16908" s="8">
        <v>1</v>
      </c>
      <c r="H16908" s="8">
        <v>1</v>
      </c>
      <c r="I16908" s="8">
        <v>0</v>
      </c>
      <c r="J16908" s="8">
        <v>1</v>
      </c>
      <c r="K16908" s="9">
        <v>2.27999999999999</v>
      </c>
      <c r="L16908" s="6" t="s">
        <v>51</v>
      </c>
    </row>
    <row r="16909" spans="1:12">
      <c r="A16909" s="6" t="s">
        <v>16731</v>
      </c>
      <c r="B16909" s="6"/>
      <c r="C16909" s="6" t="s">
        <v>16937</v>
      </c>
      <c r="D16909" s="6"/>
      <c r="E16909" s="6" t="s">
        <v>9</v>
      </c>
      <c r="F16909" s="7">
        <v>38657</v>
      </c>
      <c r="G16909" s="8">
        <v>1</v>
      </c>
      <c r="H16909" s="8">
        <v>1</v>
      </c>
      <c r="I16909" s="8">
        <v>0</v>
      </c>
      <c r="J16909" s="8">
        <v>1</v>
      </c>
      <c r="K16909" s="9">
        <v>14</v>
      </c>
      <c r="L16909" s="6" t="s">
        <v>51</v>
      </c>
    </row>
    <row r="16910" spans="1:12">
      <c r="A16910" s="6" t="s">
        <v>16731</v>
      </c>
      <c r="B16910" s="6"/>
      <c r="C16910" s="6" t="s">
        <v>16938</v>
      </c>
      <c r="D16910" s="6"/>
      <c r="E16910" s="6" t="s">
        <v>9</v>
      </c>
      <c r="F16910" s="7">
        <v>38657</v>
      </c>
      <c r="G16910" s="8">
        <v>1</v>
      </c>
      <c r="H16910" s="8">
        <v>1</v>
      </c>
      <c r="I16910" s="8">
        <v>0</v>
      </c>
      <c r="J16910" s="8">
        <v>1</v>
      </c>
      <c r="K16910" s="9">
        <v>24</v>
      </c>
      <c r="L16910" s="6" t="s">
        <v>51</v>
      </c>
    </row>
    <row r="16911" spans="1:12">
      <c r="A16911" s="6" t="s">
        <v>16731</v>
      </c>
      <c r="B16911" s="6"/>
      <c r="C16911" s="6" t="s">
        <v>16939</v>
      </c>
      <c r="D16911" s="6"/>
      <c r="E16911" s="6" t="s">
        <v>9</v>
      </c>
      <c r="F16911" s="7">
        <v>38657</v>
      </c>
      <c r="G16911" s="8">
        <v>1</v>
      </c>
      <c r="H16911" s="8">
        <v>1</v>
      </c>
      <c r="I16911" s="8">
        <v>0</v>
      </c>
      <c r="J16911" s="8">
        <v>1</v>
      </c>
      <c r="K16911" s="9">
        <v>46</v>
      </c>
      <c r="L16911" s="6" t="s">
        <v>51</v>
      </c>
    </row>
    <row r="16912" spans="1:12">
      <c r="A16912" s="6" t="s">
        <v>16731</v>
      </c>
      <c r="B16912" s="6"/>
      <c r="C16912" s="6" t="s">
        <v>16940</v>
      </c>
      <c r="D16912" s="6"/>
      <c r="E16912" s="6" t="s">
        <v>9</v>
      </c>
      <c r="F16912" s="7">
        <v>38657</v>
      </c>
      <c r="G16912" s="8">
        <v>1</v>
      </c>
      <c r="H16912" s="8">
        <v>1</v>
      </c>
      <c r="I16912" s="8">
        <v>0</v>
      </c>
      <c r="J16912" s="8">
        <v>1</v>
      </c>
      <c r="K16912" s="9">
        <v>35</v>
      </c>
      <c r="L16912" s="6" t="s">
        <v>51</v>
      </c>
    </row>
    <row r="16913" spans="1:12">
      <c r="A16913" s="6" t="s">
        <v>16731</v>
      </c>
      <c r="B16913" s="6"/>
      <c r="C16913" s="6" t="s">
        <v>16941</v>
      </c>
      <c r="D16913" s="6"/>
      <c r="E16913" s="6" t="s">
        <v>9</v>
      </c>
      <c r="F16913" s="7">
        <v>38657</v>
      </c>
      <c r="G16913" s="8">
        <v>1</v>
      </c>
      <c r="H16913" s="8">
        <v>1</v>
      </c>
      <c r="I16913" s="8">
        <v>0</v>
      </c>
      <c r="J16913" s="8">
        <v>1</v>
      </c>
      <c r="K16913" s="9">
        <v>15</v>
      </c>
      <c r="L16913" s="6" t="s">
        <v>51</v>
      </c>
    </row>
    <row r="16914" spans="1:12">
      <c r="A16914" s="6" t="s">
        <v>16731</v>
      </c>
      <c r="B16914" s="6"/>
      <c r="C16914" s="6" t="s">
        <v>16942</v>
      </c>
      <c r="D16914" s="6"/>
      <c r="E16914" s="6" t="s">
        <v>9</v>
      </c>
      <c r="F16914" s="7">
        <v>38657</v>
      </c>
      <c r="G16914" s="8">
        <v>1</v>
      </c>
      <c r="H16914" s="8">
        <v>1</v>
      </c>
      <c r="I16914" s="8">
        <v>0</v>
      </c>
      <c r="J16914" s="8">
        <v>1</v>
      </c>
      <c r="K16914" s="9">
        <v>20</v>
      </c>
      <c r="L16914" s="6" t="s">
        <v>51</v>
      </c>
    </row>
    <row r="16915" spans="1:12">
      <c r="A16915" s="6" t="s">
        <v>16731</v>
      </c>
      <c r="B16915" s="6"/>
      <c r="C16915" s="6" t="s">
        <v>16943</v>
      </c>
      <c r="D16915" s="6"/>
      <c r="E16915" s="6" t="s">
        <v>9</v>
      </c>
      <c r="F16915" s="7">
        <v>38657</v>
      </c>
      <c r="G16915" s="8">
        <v>1</v>
      </c>
      <c r="H16915" s="8">
        <v>1</v>
      </c>
      <c r="I16915" s="8">
        <v>0</v>
      </c>
      <c r="J16915" s="8">
        <v>1</v>
      </c>
      <c r="K16915" s="9">
        <v>1.7</v>
      </c>
      <c r="L16915" s="6" t="s">
        <v>51</v>
      </c>
    </row>
    <row r="16916" spans="1:12">
      <c r="A16916" s="6" t="s">
        <v>16731</v>
      </c>
      <c r="B16916" s="6"/>
      <c r="C16916" s="6" t="s">
        <v>16944</v>
      </c>
      <c r="D16916" s="6"/>
      <c r="E16916" s="6" t="s">
        <v>9</v>
      </c>
      <c r="F16916" s="7">
        <v>38657</v>
      </c>
      <c r="G16916" s="8">
        <v>1</v>
      </c>
      <c r="H16916" s="8">
        <v>1</v>
      </c>
      <c r="I16916" s="8">
        <v>0</v>
      </c>
      <c r="J16916" s="8">
        <v>1</v>
      </c>
      <c r="K16916" s="9">
        <v>20</v>
      </c>
      <c r="L16916" s="6" t="s">
        <v>51</v>
      </c>
    </row>
    <row r="16917" spans="1:12">
      <c r="A16917" s="6" t="s">
        <v>16731</v>
      </c>
      <c r="B16917" s="6"/>
      <c r="C16917" s="6" t="s">
        <v>16945</v>
      </c>
      <c r="D16917" s="6"/>
      <c r="E16917" s="6" t="s">
        <v>9</v>
      </c>
      <c r="F16917" s="7">
        <v>38657</v>
      </c>
      <c r="G16917" s="8">
        <v>1</v>
      </c>
      <c r="H16917" s="8">
        <v>1</v>
      </c>
      <c r="I16917" s="8">
        <v>0</v>
      </c>
      <c r="J16917" s="8">
        <v>1</v>
      </c>
      <c r="K16917" s="9">
        <v>17</v>
      </c>
      <c r="L16917" s="6" t="s">
        <v>51</v>
      </c>
    </row>
    <row r="16918" spans="1:12">
      <c r="A16918" s="6" t="s">
        <v>16731</v>
      </c>
      <c r="B16918" s="6"/>
      <c r="C16918" s="6" t="s">
        <v>16946</v>
      </c>
      <c r="D16918" s="6"/>
      <c r="E16918" s="6" t="s">
        <v>9</v>
      </c>
      <c r="F16918" s="7">
        <v>38657</v>
      </c>
      <c r="G16918" s="8">
        <v>1</v>
      </c>
      <c r="H16918" s="8">
        <v>1</v>
      </c>
      <c r="I16918" s="8">
        <v>0</v>
      </c>
      <c r="J16918" s="8">
        <v>1</v>
      </c>
      <c r="K16918" s="9">
        <v>0.9</v>
      </c>
      <c r="L16918" s="6" t="s">
        <v>51</v>
      </c>
    </row>
    <row r="16919" spans="1:12">
      <c r="A16919" s="6" t="s">
        <v>16731</v>
      </c>
      <c r="B16919" s="6"/>
      <c r="C16919" s="6" t="s">
        <v>16947</v>
      </c>
      <c r="D16919" s="6"/>
      <c r="E16919" s="6" t="s">
        <v>9</v>
      </c>
      <c r="F16919" s="7">
        <v>38657</v>
      </c>
      <c r="G16919" s="8">
        <v>1</v>
      </c>
      <c r="H16919" s="8">
        <v>1</v>
      </c>
      <c r="I16919" s="8">
        <v>0</v>
      </c>
      <c r="J16919" s="8">
        <v>1</v>
      </c>
      <c r="K16919" s="9">
        <v>1.62</v>
      </c>
      <c r="L16919" s="6" t="s">
        <v>51</v>
      </c>
    </row>
    <row r="16920" spans="1:12">
      <c r="A16920" s="6" t="s">
        <v>16731</v>
      </c>
      <c r="B16920" s="6"/>
      <c r="C16920" s="6" t="s">
        <v>16948</v>
      </c>
      <c r="D16920" s="6"/>
      <c r="E16920" s="6" t="s">
        <v>9</v>
      </c>
      <c r="F16920" s="7">
        <v>38657</v>
      </c>
      <c r="G16920" s="8">
        <v>1</v>
      </c>
      <c r="H16920" s="8">
        <v>1</v>
      </c>
      <c r="I16920" s="8">
        <v>0</v>
      </c>
      <c r="J16920" s="8">
        <v>1</v>
      </c>
      <c r="K16920" s="9">
        <v>62</v>
      </c>
      <c r="L16920" s="6" t="s">
        <v>51</v>
      </c>
    </row>
    <row r="16921" spans="1:12">
      <c r="A16921" s="6" t="s">
        <v>16731</v>
      </c>
      <c r="B16921" s="6"/>
      <c r="C16921" s="6" t="s">
        <v>16949</v>
      </c>
      <c r="D16921" s="6"/>
      <c r="E16921" s="6" t="s">
        <v>9</v>
      </c>
      <c r="F16921" s="7">
        <v>38657</v>
      </c>
      <c r="G16921" s="8">
        <v>1</v>
      </c>
      <c r="H16921" s="8">
        <v>1</v>
      </c>
      <c r="I16921" s="8">
        <v>0</v>
      </c>
      <c r="J16921" s="8">
        <v>1</v>
      </c>
      <c r="K16921" s="9">
        <v>56</v>
      </c>
      <c r="L16921" s="6" t="s">
        <v>51</v>
      </c>
    </row>
    <row r="16922" spans="1:12">
      <c r="A16922" s="6" t="s">
        <v>16731</v>
      </c>
      <c r="B16922" s="6"/>
      <c r="C16922" s="6" t="s">
        <v>16950</v>
      </c>
      <c r="D16922" s="6"/>
      <c r="E16922" s="6" t="s">
        <v>9</v>
      </c>
      <c r="F16922" s="7">
        <v>38657</v>
      </c>
      <c r="G16922" s="8">
        <v>1</v>
      </c>
      <c r="H16922" s="8">
        <v>1</v>
      </c>
      <c r="I16922" s="8">
        <v>0</v>
      </c>
      <c r="J16922" s="8">
        <v>1</v>
      </c>
      <c r="K16922" s="9">
        <v>46</v>
      </c>
      <c r="L16922" s="6" t="s">
        <v>51</v>
      </c>
    </row>
    <row r="16923" spans="1:12">
      <c r="A16923" s="6" t="s">
        <v>16731</v>
      </c>
      <c r="B16923" s="6"/>
      <c r="C16923" s="6" t="s">
        <v>16951</v>
      </c>
      <c r="D16923" s="6"/>
      <c r="E16923" s="6" t="s">
        <v>9</v>
      </c>
      <c r="F16923" s="7">
        <v>38657</v>
      </c>
      <c r="G16923" s="8">
        <v>1</v>
      </c>
      <c r="H16923" s="8">
        <v>1</v>
      </c>
      <c r="I16923" s="8">
        <v>0</v>
      </c>
      <c r="J16923" s="8">
        <v>1</v>
      </c>
      <c r="K16923" s="9">
        <v>13</v>
      </c>
      <c r="L16923" s="6" t="s">
        <v>51</v>
      </c>
    </row>
    <row r="16924" spans="1:12">
      <c r="A16924" s="6" t="s">
        <v>16731</v>
      </c>
      <c r="B16924" s="6"/>
      <c r="C16924" s="6" t="s">
        <v>16952</v>
      </c>
      <c r="D16924" s="6"/>
      <c r="E16924" s="6" t="s">
        <v>9</v>
      </c>
      <c r="F16924" s="7">
        <v>38657</v>
      </c>
      <c r="G16924" s="8">
        <v>1</v>
      </c>
      <c r="H16924" s="8">
        <v>1</v>
      </c>
      <c r="I16924" s="8">
        <v>0</v>
      </c>
      <c r="J16924" s="8">
        <v>1</v>
      </c>
      <c r="K16924" s="9">
        <v>0.15</v>
      </c>
      <c r="L16924" s="6" t="s">
        <v>51</v>
      </c>
    </row>
    <row r="16925" spans="1:12">
      <c r="A16925" s="6" t="s">
        <v>16731</v>
      </c>
      <c r="B16925" s="6"/>
      <c r="C16925" s="6" t="s">
        <v>16953</v>
      </c>
      <c r="D16925" s="6"/>
      <c r="E16925" s="6" t="s">
        <v>9</v>
      </c>
      <c r="F16925" s="7">
        <v>38657</v>
      </c>
      <c r="G16925" s="8">
        <v>1</v>
      </c>
      <c r="H16925" s="8">
        <v>1</v>
      </c>
      <c r="I16925" s="8">
        <v>0</v>
      </c>
      <c r="J16925" s="8">
        <v>1</v>
      </c>
      <c r="K16925" s="9">
        <v>5.47</v>
      </c>
      <c r="L16925" s="6" t="s">
        <v>51</v>
      </c>
    </row>
    <row r="16926" spans="1:12">
      <c r="A16926" s="6" t="s">
        <v>16731</v>
      </c>
      <c r="B16926" s="6"/>
      <c r="C16926" s="6" t="s">
        <v>16954</v>
      </c>
      <c r="D16926" s="6"/>
      <c r="E16926" s="6" t="s">
        <v>9</v>
      </c>
      <c r="F16926" s="7">
        <v>38657</v>
      </c>
      <c r="G16926" s="8">
        <v>1</v>
      </c>
      <c r="H16926" s="8">
        <v>1</v>
      </c>
      <c r="I16926" s="8">
        <v>0</v>
      </c>
      <c r="J16926" s="8">
        <v>1</v>
      </c>
      <c r="K16926" s="9">
        <v>4.62</v>
      </c>
      <c r="L16926" s="6" t="s">
        <v>51</v>
      </c>
    </row>
    <row r="16927" spans="1:12">
      <c r="A16927" s="6" t="s">
        <v>16731</v>
      </c>
      <c r="B16927" s="6"/>
      <c r="C16927" s="6" t="s">
        <v>16955</v>
      </c>
      <c r="D16927" s="6"/>
      <c r="E16927" s="6" t="s">
        <v>9</v>
      </c>
      <c r="F16927" s="7">
        <v>38657</v>
      </c>
      <c r="G16927" s="8">
        <v>1</v>
      </c>
      <c r="H16927" s="8">
        <v>1</v>
      </c>
      <c r="I16927" s="8">
        <v>0</v>
      </c>
      <c r="J16927" s="8">
        <v>1</v>
      </c>
      <c r="K16927" s="9">
        <v>1.55</v>
      </c>
      <c r="L16927" s="6" t="s">
        <v>51</v>
      </c>
    </row>
    <row r="16928" spans="1:12">
      <c r="A16928" s="6" t="s">
        <v>16731</v>
      </c>
      <c r="B16928" s="6"/>
      <c r="C16928" s="6" t="s">
        <v>16956</v>
      </c>
      <c r="D16928" s="6"/>
      <c r="E16928" s="6" t="s">
        <v>9</v>
      </c>
      <c r="F16928" s="7">
        <v>38657</v>
      </c>
      <c r="G16928" s="8">
        <v>1</v>
      </c>
      <c r="H16928" s="8">
        <v>1</v>
      </c>
      <c r="I16928" s="8">
        <v>0</v>
      </c>
      <c r="J16928" s="8">
        <v>1</v>
      </c>
      <c r="K16928" s="9">
        <v>4.93</v>
      </c>
      <c r="L16928" s="6" t="s">
        <v>51</v>
      </c>
    </row>
    <row r="16929" spans="1:12">
      <c r="A16929" s="6" t="s">
        <v>16731</v>
      </c>
      <c r="B16929" s="6"/>
      <c r="C16929" s="6" t="s">
        <v>16957</v>
      </c>
      <c r="D16929" s="6"/>
      <c r="E16929" s="6" t="s">
        <v>9</v>
      </c>
      <c r="F16929" s="7">
        <v>38657</v>
      </c>
      <c r="G16929" s="8">
        <v>1</v>
      </c>
      <c r="H16929" s="8">
        <v>1</v>
      </c>
      <c r="I16929" s="8">
        <v>0</v>
      </c>
      <c r="J16929" s="8">
        <v>1</v>
      </c>
      <c r="K16929" s="9">
        <v>32</v>
      </c>
      <c r="L16929" s="6" t="s">
        <v>51</v>
      </c>
    </row>
    <row r="16930" spans="1:12">
      <c r="A16930" s="6" t="s">
        <v>16731</v>
      </c>
      <c r="B16930" s="6"/>
      <c r="C16930" s="6" t="s">
        <v>16958</v>
      </c>
      <c r="D16930" s="6"/>
      <c r="E16930" s="6" t="s">
        <v>9</v>
      </c>
      <c r="F16930" s="7">
        <v>38657</v>
      </c>
      <c r="G16930" s="8">
        <v>1</v>
      </c>
      <c r="H16930" s="8">
        <v>1</v>
      </c>
      <c r="I16930" s="8">
        <v>0</v>
      </c>
      <c r="J16930" s="8">
        <v>1</v>
      </c>
      <c r="K16930" s="9">
        <v>12</v>
      </c>
      <c r="L16930" s="6" t="s">
        <v>51</v>
      </c>
    </row>
    <row r="16931" spans="1:12">
      <c r="A16931" s="6" t="s">
        <v>16731</v>
      </c>
      <c r="B16931" s="6"/>
      <c r="C16931" s="6" t="s">
        <v>16959</v>
      </c>
      <c r="D16931" s="6"/>
      <c r="E16931" s="6" t="s">
        <v>9</v>
      </c>
      <c r="F16931" s="7">
        <v>38657</v>
      </c>
      <c r="G16931" s="8">
        <v>1</v>
      </c>
      <c r="H16931" s="8">
        <v>1</v>
      </c>
      <c r="I16931" s="8">
        <v>0</v>
      </c>
      <c r="J16931" s="8">
        <v>1</v>
      </c>
      <c r="K16931" s="9">
        <v>17</v>
      </c>
      <c r="L16931" s="6" t="s">
        <v>51</v>
      </c>
    </row>
    <row r="16932" spans="1:12">
      <c r="A16932" s="6" t="s">
        <v>16731</v>
      </c>
      <c r="B16932" s="6"/>
      <c r="C16932" s="6" t="s">
        <v>16960</v>
      </c>
      <c r="D16932" s="6"/>
      <c r="E16932" s="6" t="s">
        <v>9</v>
      </c>
      <c r="F16932" s="7">
        <v>38657</v>
      </c>
      <c r="G16932" s="8">
        <v>1</v>
      </c>
      <c r="H16932" s="8">
        <v>1</v>
      </c>
      <c r="I16932" s="8">
        <v>0</v>
      </c>
      <c r="J16932" s="8">
        <v>1</v>
      </c>
      <c r="K16932" s="9">
        <v>103</v>
      </c>
      <c r="L16932" s="6" t="s">
        <v>51</v>
      </c>
    </row>
    <row r="16933" spans="1:12">
      <c r="A16933" s="6" t="s">
        <v>16731</v>
      </c>
      <c r="B16933" s="6"/>
      <c r="C16933" s="6" t="s">
        <v>16961</v>
      </c>
      <c r="D16933" s="6"/>
      <c r="E16933" s="6" t="s">
        <v>9</v>
      </c>
      <c r="F16933" s="7">
        <v>38657</v>
      </c>
      <c r="G16933" s="8">
        <v>1</v>
      </c>
      <c r="H16933" s="8">
        <v>1</v>
      </c>
      <c r="I16933" s="8">
        <v>0</v>
      </c>
      <c r="J16933" s="8">
        <v>1</v>
      </c>
      <c r="K16933" s="9">
        <v>8.6</v>
      </c>
      <c r="L16933" s="6" t="s">
        <v>51</v>
      </c>
    </row>
    <row r="16934" spans="1:12">
      <c r="A16934" s="6" t="s">
        <v>16731</v>
      </c>
      <c r="B16934" s="6"/>
      <c r="C16934" s="6" t="s">
        <v>16962</v>
      </c>
      <c r="D16934" s="6"/>
      <c r="E16934" s="6" t="s">
        <v>9</v>
      </c>
      <c r="F16934" s="7">
        <v>38657</v>
      </c>
      <c r="G16934" s="8">
        <v>1</v>
      </c>
      <c r="H16934" s="8">
        <v>1</v>
      </c>
      <c r="I16934" s="8">
        <v>0</v>
      </c>
      <c r="J16934" s="8">
        <v>1</v>
      </c>
      <c r="K16934" s="9">
        <v>1</v>
      </c>
      <c r="L16934" s="6" t="s">
        <v>51</v>
      </c>
    </row>
    <row r="16935" spans="1:12">
      <c r="A16935" s="6" t="s">
        <v>16731</v>
      </c>
      <c r="B16935" s="6"/>
      <c r="C16935" s="6" t="s">
        <v>16963</v>
      </c>
      <c r="D16935" s="6"/>
      <c r="E16935" s="6" t="s">
        <v>9</v>
      </c>
      <c r="F16935" s="7">
        <v>38657</v>
      </c>
      <c r="G16935" s="8">
        <v>1</v>
      </c>
      <c r="H16935" s="8">
        <v>1</v>
      </c>
      <c r="I16935" s="8">
        <v>0</v>
      </c>
      <c r="J16935" s="8">
        <v>1</v>
      </c>
      <c r="K16935" s="9">
        <v>2.06</v>
      </c>
      <c r="L16935" s="6" t="s">
        <v>51</v>
      </c>
    </row>
    <row r="16936" spans="1:12">
      <c r="A16936" s="6" t="s">
        <v>16731</v>
      </c>
      <c r="B16936" s="6"/>
      <c r="C16936" s="6" t="s">
        <v>16964</v>
      </c>
      <c r="D16936" s="6"/>
      <c r="E16936" s="6" t="s">
        <v>9</v>
      </c>
      <c r="F16936" s="7">
        <v>38657</v>
      </c>
      <c r="G16936" s="8">
        <v>1</v>
      </c>
      <c r="H16936" s="8">
        <v>1</v>
      </c>
      <c r="I16936" s="8">
        <v>0</v>
      </c>
      <c r="J16936" s="8">
        <v>1</v>
      </c>
      <c r="K16936" s="9">
        <v>15</v>
      </c>
      <c r="L16936" s="6" t="s">
        <v>51</v>
      </c>
    </row>
    <row r="16937" spans="1:12">
      <c r="A16937" s="6" t="s">
        <v>16731</v>
      </c>
      <c r="B16937" s="6"/>
      <c r="C16937" s="6" t="s">
        <v>16965</v>
      </c>
      <c r="D16937" s="6"/>
      <c r="E16937" s="6" t="s">
        <v>9</v>
      </c>
      <c r="F16937" s="7">
        <v>38657</v>
      </c>
      <c r="G16937" s="8">
        <v>1</v>
      </c>
      <c r="H16937" s="8">
        <v>1</v>
      </c>
      <c r="I16937" s="8">
        <v>0</v>
      </c>
      <c r="J16937" s="8">
        <v>1</v>
      </c>
      <c r="K16937" s="9">
        <v>28</v>
      </c>
      <c r="L16937" s="6" t="s">
        <v>51</v>
      </c>
    </row>
    <row r="16938" spans="1:12">
      <c r="A16938" s="6" t="s">
        <v>16731</v>
      </c>
      <c r="B16938" s="6"/>
      <c r="C16938" s="6" t="s">
        <v>16966</v>
      </c>
      <c r="D16938" s="6"/>
      <c r="E16938" s="6" t="s">
        <v>9</v>
      </c>
      <c r="F16938" s="7">
        <v>38657</v>
      </c>
      <c r="G16938" s="8">
        <v>1</v>
      </c>
      <c r="H16938" s="8">
        <v>1</v>
      </c>
      <c r="I16938" s="8">
        <v>0</v>
      </c>
      <c r="J16938" s="8">
        <v>1</v>
      </c>
      <c r="K16938" s="9">
        <v>8.57</v>
      </c>
      <c r="L16938" s="6" t="s">
        <v>51</v>
      </c>
    </row>
    <row r="16939" spans="1:12">
      <c r="A16939" s="6" t="s">
        <v>16731</v>
      </c>
      <c r="B16939" s="6"/>
      <c r="C16939" s="6" t="s">
        <v>16967</v>
      </c>
      <c r="D16939" s="6"/>
      <c r="E16939" s="6" t="s">
        <v>9</v>
      </c>
      <c r="F16939" s="7">
        <v>38657</v>
      </c>
      <c r="G16939" s="8">
        <v>1</v>
      </c>
      <c r="H16939" s="8">
        <v>1</v>
      </c>
      <c r="I16939" s="8">
        <v>0</v>
      </c>
      <c r="J16939" s="8">
        <v>1</v>
      </c>
      <c r="K16939" s="9">
        <v>3.28</v>
      </c>
      <c r="L16939" s="6" t="s">
        <v>51</v>
      </c>
    </row>
    <row r="16940" spans="1:12">
      <c r="A16940" s="6" t="s">
        <v>16731</v>
      </c>
      <c r="B16940" s="6"/>
      <c r="C16940" s="6" t="s">
        <v>16968</v>
      </c>
      <c r="D16940" s="6"/>
      <c r="E16940" s="6" t="s">
        <v>9</v>
      </c>
      <c r="F16940" s="7">
        <v>38657</v>
      </c>
      <c r="G16940" s="8">
        <v>1</v>
      </c>
      <c r="H16940" s="8">
        <v>1</v>
      </c>
      <c r="I16940" s="8">
        <v>0</v>
      </c>
      <c r="J16940" s="8">
        <v>1</v>
      </c>
      <c r="K16940" s="9">
        <v>63</v>
      </c>
      <c r="L16940" s="6" t="s">
        <v>51</v>
      </c>
    </row>
    <row r="16941" spans="1:12">
      <c r="A16941" s="6" t="s">
        <v>16731</v>
      </c>
      <c r="B16941" s="6"/>
      <c r="C16941" s="6" t="s">
        <v>16969</v>
      </c>
      <c r="D16941" s="6"/>
      <c r="E16941" s="6" t="s">
        <v>9</v>
      </c>
      <c r="F16941" s="7">
        <v>38657</v>
      </c>
      <c r="G16941" s="8">
        <v>1</v>
      </c>
      <c r="H16941" s="8">
        <v>1</v>
      </c>
      <c r="I16941" s="8">
        <v>0</v>
      </c>
      <c r="J16941" s="8">
        <v>1</v>
      </c>
      <c r="K16941" s="9">
        <v>41</v>
      </c>
      <c r="L16941" s="6" t="s">
        <v>51</v>
      </c>
    </row>
    <row r="16942" spans="1:12">
      <c r="A16942" s="6" t="s">
        <v>16731</v>
      </c>
      <c r="B16942" s="6"/>
      <c r="C16942" s="6" t="s">
        <v>16970</v>
      </c>
      <c r="D16942" s="6"/>
      <c r="E16942" s="6" t="s">
        <v>9</v>
      </c>
      <c r="F16942" s="7">
        <v>38657</v>
      </c>
      <c r="G16942" s="8">
        <v>1</v>
      </c>
      <c r="H16942" s="8">
        <v>1</v>
      </c>
      <c r="I16942" s="8">
        <v>0</v>
      </c>
      <c r="J16942" s="8">
        <v>1</v>
      </c>
      <c r="K16942" s="9">
        <v>3.61</v>
      </c>
      <c r="L16942" s="6" t="s">
        <v>51</v>
      </c>
    </row>
    <row r="16943" spans="1:12">
      <c r="A16943" s="6" t="s">
        <v>16731</v>
      </c>
      <c r="B16943" s="6"/>
      <c r="C16943" s="6" t="s">
        <v>16971</v>
      </c>
      <c r="D16943" s="6"/>
      <c r="E16943" s="6" t="s">
        <v>9</v>
      </c>
      <c r="F16943" s="7">
        <v>38657</v>
      </c>
      <c r="G16943" s="8">
        <v>1</v>
      </c>
      <c r="H16943" s="8">
        <v>1</v>
      </c>
      <c r="I16943" s="8">
        <v>0</v>
      </c>
      <c r="J16943" s="8">
        <v>1</v>
      </c>
      <c r="K16943" s="9">
        <v>54</v>
      </c>
      <c r="L16943" s="6" t="s">
        <v>51</v>
      </c>
    </row>
    <row r="16944" spans="1:12">
      <c r="A16944" s="6" t="s">
        <v>16731</v>
      </c>
      <c r="B16944" s="6"/>
      <c r="C16944" s="6" t="s">
        <v>16972</v>
      </c>
      <c r="D16944" s="6"/>
      <c r="E16944" s="6" t="s">
        <v>9</v>
      </c>
      <c r="F16944" s="7">
        <v>38657</v>
      </c>
      <c r="G16944" s="8">
        <v>1</v>
      </c>
      <c r="H16944" s="8">
        <v>1</v>
      </c>
      <c r="I16944" s="8">
        <v>0</v>
      </c>
      <c r="J16944" s="8">
        <v>1</v>
      </c>
      <c r="K16944" s="9">
        <v>60</v>
      </c>
      <c r="L16944" s="6" t="s">
        <v>51</v>
      </c>
    </row>
    <row r="16945" spans="1:12">
      <c r="A16945" s="6" t="s">
        <v>16731</v>
      </c>
      <c r="B16945" s="6"/>
      <c r="C16945" s="6" t="s">
        <v>16973</v>
      </c>
      <c r="D16945" s="6"/>
      <c r="E16945" s="6" t="s">
        <v>9</v>
      </c>
      <c r="F16945" s="7">
        <v>38657</v>
      </c>
      <c r="G16945" s="8">
        <v>1</v>
      </c>
      <c r="H16945" s="8">
        <v>1</v>
      </c>
      <c r="I16945" s="8">
        <v>0</v>
      </c>
      <c r="J16945" s="8">
        <v>1</v>
      </c>
      <c r="K16945" s="9">
        <v>0.19</v>
      </c>
      <c r="L16945" s="6" t="s">
        <v>51</v>
      </c>
    </row>
    <row r="16946" spans="1:12">
      <c r="A16946" s="6" t="s">
        <v>16731</v>
      </c>
      <c r="B16946" s="6"/>
      <c r="C16946" s="6" t="s">
        <v>16974</v>
      </c>
      <c r="D16946" s="6"/>
      <c r="E16946" s="6" t="s">
        <v>9</v>
      </c>
      <c r="F16946" s="7">
        <v>38657</v>
      </c>
      <c r="G16946" s="8">
        <v>1</v>
      </c>
      <c r="H16946" s="8">
        <v>1</v>
      </c>
      <c r="I16946" s="8">
        <v>0</v>
      </c>
      <c r="J16946" s="8">
        <v>1</v>
      </c>
      <c r="K16946" s="9">
        <v>16</v>
      </c>
      <c r="L16946" s="6" t="s">
        <v>51</v>
      </c>
    </row>
    <row r="16947" spans="1:12">
      <c r="A16947" s="6" t="s">
        <v>16731</v>
      </c>
      <c r="B16947" s="6"/>
      <c r="C16947" s="6" t="s">
        <v>16975</v>
      </c>
      <c r="D16947" s="6"/>
      <c r="E16947" s="6" t="s">
        <v>9</v>
      </c>
      <c r="F16947" s="7">
        <v>38657</v>
      </c>
      <c r="G16947" s="8">
        <v>1</v>
      </c>
      <c r="H16947" s="8">
        <v>1</v>
      </c>
      <c r="I16947" s="8">
        <v>0</v>
      </c>
      <c r="J16947" s="8">
        <v>1</v>
      </c>
      <c r="K16947" s="9">
        <v>35</v>
      </c>
      <c r="L16947" s="6" t="s">
        <v>51</v>
      </c>
    </row>
    <row r="16948" spans="1:12">
      <c r="A16948" s="6" t="s">
        <v>16731</v>
      </c>
      <c r="B16948" s="6"/>
      <c r="C16948" s="6" t="s">
        <v>16976</v>
      </c>
      <c r="D16948" s="6"/>
      <c r="E16948" s="6" t="s">
        <v>9</v>
      </c>
      <c r="F16948" s="7">
        <v>38657</v>
      </c>
      <c r="G16948" s="8">
        <v>1</v>
      </c>
      <c r="H16948" s="8">
        <v>1</v>
      </c>
      <c r="I16948" s="8">
        <v>0</v>
      </c>
      <c r="J16948" s="8">
        <v>1</v>
      </c>
      <c r="K16948" s="9">
        <v>15</v>
      </c>
      <c r="L16948" s="6" t="s">
        <v>51</v>
      </c>
    </row>
    <row r="16949" spans="1:12">
      <c r="A16949" s="6" t="s">
        <v>16731</v>
      </c>
      <c r="B16949" s="6"/>
      <c r="C16949" s="6" t="s">
        <v>16977</v>
      </c>
      <c r="D16949" s="6"/>
      <c r="E16949" s="6" t="s">
        <v>9</v>
      </c>
      <c r="F16949" s="7">
        <v>38657</v>
      </c>
      <c r="G16949" s="8">
        <v>1</v>
      </c>
      <c r="H16949" s="8">
        <v>1</v>
      </c>
      <c r="I16949" s="8">
        <v>0</v>
      </c>
      <c r="J16949" s="8">
        <v>1</v>
      </c>
      <c r="K16949" s="9">
        <v>16</v>
      </c>
      <c r="L16949" s="6" t="s">
        <v>51</v>
      </c>
    </row>
    <row r="16950" spans="1:12">
      <c r="A16950" s="6" t="s">
        <v>16731</v>
      </c>
      <c r="B16950" s="6"/>
      <c r="C16950" s="6" t="s">
        <v>16978</v>
      </c>
      <c r="D16950" s="6"/>
      <c r="E16950" s="6" t="s">
        <v>9</v>
      </c>
      <c r="F16950" s="7">
        <v>38657</v>
      </c>
      <c r="G16950" s="8">
        <v>1</v>
      </c>
      <c r="H16950" s="8">
        <v>1</v>
      </c>
      <c r="I16950" s="8">
        <v>0</v>
      </c>
      <c r="J16950" s="8">
        <v>1</v>
      </c>
      <c r="K16950" s="9">
        <v>2.1</v>
      </c>
      <c r="L16950" s="6" t="s">
        <v>51</v>
      </c>
    </row>
    <row r="16951" spans="1:12">
      <c r="A16951" s="6" t="s">
        <v>16731</v>
      </c>
      <c r="B16951" s="6"/>
      <c r="C16951" s="6" t="s">
        <v>16979</v>
      </c>
      <c r="D16951" s="6"/>
      <c r="E16951" s="6" t="s">
        <v>9</v>
      </c>
      <c r="F16951" s="7">
        <v>38657</v>
      </c>
      <c r="G16951" s="8">
        <v>1</v>
      </c>
      <c r="H16951" s="8">
        <v>1</v>
      </c>
      <c r="I16951" s="8">
        <v>0</v>
      </c>
      <c r="J16951" s="8">
        <v>1</v>
      </c>
      <c r="K16951" s="9">
        <v>13</v>
      </c>
      <c r="L16951" s="6" t="s">
        <v>51</v>
      </c>
    </row>
    <row r="16952" spans="1:12">
      <c r="A16952" s="6" t="s">
        <v>16731</v>
      </c>
      <c r="B16952" s="6"/>
      <c r="C16952" s="6" t="s">
        <v>16980</v>
      </c>
      <c r="D16952" s="6"/>
      <c r="E16952" s="6" t="s">
        <v>9</v>
      </c>
      <c r="F16952" s="7">
        <v>38657</v>
      </c>
      <c r="G16952" s="8">
        <v>1</v>
      </c>
      <c r="H16952" s="8">
        <v>1</v>
      </c>
      <c r="I16952" s="8">
        <v>0</v>
      </c>
      <c r="J16952" s="8">
        <v>1</v>
      </c>
      <c r="K16952" s="9">
        <v>21</v>
      </c>
      <c r="L16952" s="6" t="s">
        <v>51</v>
      </c>
    </row>
    <row r="16953" spans="1:12">
      <c r="A16953" s="6" t="s">
        <v>16731</v>
      </c>
      <c r="B16953" s="6"/>
      <c r="C16953" s="6" t="s">
        <v>16981</v>
      </c>
      <c r="D16953" s="6"/>
      <c r="E16953" s="6" t="s">
        <v>9</v>
      </c>
      <c r="F16953" s="7">
        <v>38657</v>
      </c>
      <c r="G16953" s="8">
        <v>1</v>
      </c>
      <c r="H16953" s="8">
        <v>1</v>
      </c>
      <c r="I16953" s="8">
        <v>0</v>
      </c>
      <c r="J16953" s="8">
        <v>1</v>
      </c>
      <c r="K16953" s="9">
        <v>14</v>
      </c>
      <c r="L16953" s="6" t="s">
        <v>51</v>
      </c>
    </row>
    <row r="16954" spans="1:12">
      <c r="A16954" s="6" t="s">
        <v>16731</v>
      </c>
      <c r="B16954" s="6"/>
      <c r="C16954" s="6" t="s">
        <v>16982</v>
      </c>
      <c r="D16954" s="6"/>
      <c r="E16954" s="6" t="s">
        <v>9</v>
      </c>
      <c r="F16954" s="7">
        <v>38657</v>
      </c>
      <c r="G16954" s="8">
        <v>1</v>
      </c>
      <c r="H16954" s="8">
        <v>1</v>
      </c>
      <c r="I16954" s="8">
        <v>0</v>
      </c>
      <c r="J16954" s="8">
        <v>1</v>
      </c>
      <c r="K16954" s="9">
        <v>35</v>
      </c>
      <c r="L16954" s="6" t="s">
        <v>51</v>
      </c>
    </row>
    <row r="16955" spans="1:12">
      <c r="A16955" s="6" t="s">
        <v>16731</v>
      </c>
      <c r="B16955" s="6"/>
      <c r="C16955" s="6" t="s">
        <v>16983</v>
      </c>
      <c r="D16955" s="6"/>
      <c r="E16955" s="6" t="s">
        <v>9</v>
      </c>
      <c r="F16955" s="7">
        <v>38657</v>
      </c>
      <c r="G16955" s="8">
        <v>1</v>
      </c>
      <c r="H16955" s="8">
        <v>1</v>
      </c>
      <c r="I16955" s="8">
        <v>0</v>
      </c>
      <c r="J16955" s="8">
        <v>1</v>
      </c>
      <c r="K16955" s="9">
        <v>38</v>
      </c>
      <c r="L16955" s="6" t="s">
        <v>51</v>
      </c>
    </row>
    <row r="16956" spans="1:12">
      <c r="A16956" s="6" t="s">
        <v>16731</v>
      </c>
      <c r="B16956" s="6"/>
      <c r="C16956" s="6" t="s">
        <v>16984</v>
      </c>
      <c r="D16956" s="6"/>
      <c r="E16956" s="6" t="s">
        <v>9</v>
      </c>
      <c r="F16956" s="7">
        <v>38657</v>
      </c>
      <c r="G16956" s="8">
        <v>1</v>
      </c>
      <c r="H16956" s="8">
        <v>1</v>
      </c>
      <c r="I16956" s="8">
        <v>0</v>
      </c>
      <c r="J16956" s="8">
        <v>1</v>
      </c>
      <c r="K16956" s="9">
        <v>77</v>
      </c>
      <c r="L16956" s="6" t="s">
        <v>51</v>
      </c>
    </row>
    <row r="16957" spans="1:12">
      <c r="A16957" s="6" t="s">
        <v>16731</v>
      </c>
      <c r="B16957" s="6"/>
      <c r="C16957" s="6" t="s">
        <v>16985</v>
      </c>
      <c r="D16957" s="6"/>
      <c r="E16957" s="6" t="s">
        <v>9</v>
      </c>
      <c r="F16957" s="7"/>
      <c r="G16957" s="8">
        <v>1</v>
      </c>
      <c r="H16957" s="8">
        <v>1</v>
      </c>
      <c r="I16957" s="8">
        <v>0</v>
      </c>
      <c r="J16957" s="8">
        <v>1</v>
      </c>
      <c r="K16957" s="9">
        <v>8.74</v>
      </c>
      <c r="L16957" s="6" t="s">
        <v>51</v>
      </c>
    </row>
    <row r="16958" spans="1:12">
      <c r="A16958" s="6" t="s">
        <v>16731</v>
      </c>
      <c r="B16958" s="6"/>
      <c r="C16958" s="6" t="s">
        <v>16986</v>
      </c>
      <c r="D16958" s="6"/>
      <c r="E16958" s="6" t="s">
        <v>9</v>
      </c>
      <c r="F16958" s="7">
        <v>38657</v>
      </c>
      <c r="G16958" s="8">
        <v>1</v>
      </c>
      <c r="H16958" s="8">
        <v>1</v>
      </c>
      <c r="I16958" s="8">
        <v>0</v>
      </c>
      <c r="J16958" s="8">
        <v>1</v>
      </c>
      <c r="K16958" s="9">
        <v>13</v>
      </c>
      <c r="L16958" s="6" t="s">
        <v>51</v>
      </c>
    </row>
    <row r="16959" spans="1:12">
      <c r="A16959" s="6" t="s">
        <v>16731</v>
      </c>
      <c r="B16959" s="6"/>
      <c r="C16959" s="6" t="s">
        <v>16987</v>
      </c>
      <c r="D16959" s="6"/>
      <c r="E16959" s="6" t="s">
        <v>9</v>
      </c>
      <c r="F16959" s="7">
        <v>38657</v>
      </c>
      <c r="G16959" s="8">
        <v>1</v>
      </c>
      <c r="H16959" s="8">
        <v>1</v>
      </c>
      <c r="I16959" s="8">
        <v>0</v>
      </c>
      <c r="J16959" s="8">
        <v>1</v>
      </c>
      <c r="K16959" s="9">
        <v>20</v>
      </c>
      <c r="L16959" s="6" t="s">
        <v>51</v>
      </c>
    </row>
    <row r="16960" spans="1:12">
      <c r="A16960" s="6" t="s">
        <v>16731</v>
      </c>
      <c r="B16960" s="6"/>
      <c r="C16960" s="6" t="s">
        <v>16988</v>
      </c>
      <c r="D16960" s="6"/>
      <c r="E16960" s="6" t="s">
        <v>9</v>
      </c>
      <c r="F16960" s="7">
        <v>38657</v>
      </c>
      <c r="G16960" s="8">
        <v>1</v>
      </c>
      <c r="H16960" s="8">
        <v>1</v>
      </c>
      <c r="I16960" s="8">
        <v>0</v>
      </c>
      <c r="J16960" s="8">
        <v>1</v>
      </c>
      <c r="K16960" s="9">
        <v>9.73</v>
      </c>
      <c r="L16960" s="6" t="s">
        <v>51</v>
      </c>
    </row>
    <row r="16961" spans="1:12">
      <c r="A16961" s="6" t="s">
        <v>16731</v>
      </c>
      <c r="B16961" s="6"/>
      <c r="C16961" s="6" t="s">
        <v>16989</v>
      </c>
      <c r="D16961" s="6"/>
      <c r="E16961" s="6" t="s">
        <v>9</v>
      </c>
      <c r="F16961" s="7">
        <v>38657</v>
      </c>
      <c r="G16961" s="8">
        <v>1</v>
      </c>
      <c r="H16961" s="8">
        <v>1</v>
      </c>
      <c r="I16961" s="8">
        <v>0</v>
      </c>
      <c r="J16961" s="8">
        <v>1</v>
      </c>
      <c r="K16961" s="9">
        <v>1.2</v>
      </c>
      <c r="L16961" s="6" t="s">
        <v>51</v>
      </c>
    </row>
    <row r="16962" spans="1:12">
      <c r="A16962" s="6" t="s">
        <v>16731</v>
      </c>
      <c r="B16962" s="6"/>
      <c r="C16962" s="6" t="s">
        <v>16990</v>
      </c>
      <c r="D16962" s="6"/>
      <c r="E16962" s="6" t="s">
        <v>9</v>
      </c>
      <c r="F16962" s="7">
        <v>38657</v>
      </c>
      <c r="G16962" s="8">
        <v>1</v>
      </c>
      <c r="H16962" s="8">
        <v>1</v>
      </c>
      <c r="I16962" s="8">
        <v>0</v>
      </c>
      <c r="J16962" s="8">
        <v>1</v>
      </c>
      <c r="K16962" s="9">
        <v>35</v>
      </c>
      <c r="L16962" s="6" t="s">
        <v>51</v>
      </c>
    </row>
    <row r="16963" spans="1:12">
      <c r="A16963" s="6" t="s">
        <v>16731</v>
      </c>
      <c r="B16963" s="6"/>
      <c r="C16963" s="6" t="s">
        <v>16991</v>
      </c>
      <c r="D16963" s="6"/>
      <c r="E16963" s="6" t="s">
        <v>9</v>
      </c>
      <c r="F16963" s="7">
        <v>38657</v>
      </c>
      <c r="G16963" s="8">
        <v>1</v>
      </c>
      <c r="H16963" s="8">
        <v>1</v>
      </c>
      <c r="I16963" s="8">
        <v>0</v>
      </c>
      <c r="J16963" s="8">
        <v>1</v>
      </c>
      <c r="K16963" s="9">
        <v>46</v>
      </c>
      <c r="L16963" s="6" t="s">
        <v>51</v>
      </c>
    </row>
    <row r="16964" spans="1:12">
      <c r="A16964" s="6" t="s">
        <v>16731</v>
      </c>
      <c r="B16964" s="6"/>
      <c r="C16964" s="6" t="s">
        <v>16992</v>
      </c>
      <c r="D16964" s="6"/>
      <c r="E16964" s="6" t="s">
        <v>9</v>
      </c>
      <c r="F16964" s="7">
        <v>38657</v>
      </c>
      <c r="G16964" s="8">
        <v>1</v>
      </c>
      <c r="H16964" s="8">
        <v>1</v>
      </c>
      <c r="I16964" s="8">
        <v>0</v>
      </c>
      <c r="J16964" s="8">
        <v>1</v>
      </c>
      <c r="K16964" s="9">
        <v>34</v>
      </c>
      <c r="L16964" s="6" t="s">
        <v>51</v>
      </c>
    </row>
    <row r="16965" spans="1:12">
      <c r="A16965" s="6" t="s">
        <v>16731</v>
      </c>
      <c r="B16965" s="6"/>
      <c r="C16965" s="6" t="s">
        <v>16993</v>
      </c>
      <c r="D16965" s="6"/>
      <c r="E16965" s="6" t="s">
        <v>9</v>
      </c>
      <c r="F16965" s="7">
        <v>38657</v>
      </c>
      <c r="G16965" s="8">
        <v>1</v>
      </c>
      <c r="H16965" s="8">
        <v>1</v>
      </c>
      <c r="I16965" s="8">
        <v>0</v>
      </c>
      <c r="J16965" s="8">
        <v>1</v>
      </c>
      <c r="K16965" s="9">
        <v>16</v>
      </c>
      <c r="L16965" s="6" t="s">
        <v>51</v>
      </c>
    </row>
    <row r="16966" spans="1:12">
      <c r="A16966" s="6" t="s">
        <v>16731</v>
      </c>
      <c r="B16966" s="6"/>
      <c r="C16966" s="6" t="s">
        <v>16994</v>
      </c>
      <c r="D16966" s="6"/>
      <c r="E16966" s="6" t="s">
        <v>9</v>
      </c>
      <c r="F16966" s="7">
        <v>38657</v>
      </c>
      <c r="G16966" s="8">
        <v>1</v>
      </c>
      <c r="H16966" s="8">
        <v>1</v>
      </c>
      <c r="I16966" s="8">
        <v>0</v>
      </c>
      <c r="J16966" s="8">
        <v>1</v>
      </c>
      <c r="K16966" s="9">
        <v>66</v>
      </c>
      <c r="L16966" s="6" t="s">
        <v>51</v>
      </c>
    </row>
    <row r="16967" spans="1:12">
      <c r="A16967" s="6" t="s">
        <v>16731</v>
      </c>
      <c r="B16967" s="6"/>
      <c r="C16967" s="6" t="s">
        <v>16995</v>
      </c>
      <c r="D16967" s="6"/>
      <c r="E16967" s="6" t="s">
        <v>9</v>
      </c>
      <c r="F16967" s="7">
        <v>38657</v>
      </c>
      <c r="G16967" s="8">
        <v>1</v>
      </c>
      <c r="H16967" s="8">
        <v>1</v>
      </c>
      <c r="I16967" s="8">
        <v>0</v>
      </c>
      <c r="J16967" s="8">
        <v>1</v>
      </c>
      <c r="K16967" s="9">
        <v>0.72</v>
      </c>
      <c r="L16967" s="6" t="s">
        <v>51</v>
      </c>
    </row>
    <row r="16968" spans="1:12">
      <c r="A16968" s="6" t="s">
        <v>16731</v>
      </c>
      <c r="B16968" s="6"/>
      <c r="C16968" s="6" t="s">
        <v>16996</v>
      </c>
      <c r="D16968" s="6"/>
      <c r="E16968" s="6" t="s">
        <v>9</v>
      </c>
      <c r="F16968" s="7">
        <v>38657</v>
      </c>
      <c r="G16968" s="8">
        <v>1</v>
      </c>
      <c r="H16968" s="8">
        <v>1</v>
      </c>
      <c r="I16968" s="8">
        <v>0</v>
      </c>
      <c r="J16968" s="8">
        <v>1</v>
      </c>
      <c r="K16968" s="9">
        <v>37</v>
      </c>
      <c r="L16968" s="6" t="s">
        <v>51</v>
      </c>
    </row>
    <row r="16969" spans="1:12">
      <c r="A16969" s="6" t="s">
        <v>16731</v>
      </c>
      <c r="B16969" s="6"/>
      <c r="C16969" s="6" t="s">
        <v>16997</v>
      </c>
      <c r="D16969" s="6"/>
      <c r="E16969" s="6" t="s">
        <v>9</v>
      </c>
      <c r="F16969" s="7">
        <v>38657</v>
      </c>
      <c r="G16969" s="8">
        <v>1</v>
      </c>
      <c r="H16969" s="8">
        <v>1</v>
      </c>
      <c r="I16969" s="8">
        <v>0</v>
      </c>
      <c r="J16969" s="8">
        <v>1</v>
      </c>
      <c r="K16969" s="9">
        <v>7.84</v>
      </c>
      <c r="L16969" s="6" t="s">
        <v>51</v>
      </c>
    </row>
    <row r="16970" spans="1:12">
      <c r="A16970" s="6" t="s">
        <v>16731</v>
      </c>
      <c r="B16970" s="6"/>
      <c r="C16970" s="6" t="s">
        <v>16998</v>
      </c>
      <c r="D16970" s="6"/>
      <c r="E16970" s="6" t="s">
        <v>9</v>
      </c>
      <c r="F16970" s="7">
        <v>38657</v>
      </c>
      <c r="G16970" s="8">
        <v>1</v>
      </c>
      <c r="H16970" s="8">
        <v>1</v>
      </c>
      <c r="I16970" s="8">
        <v>0</v>
      </c>
      <c r="J16970" s="8">
        <v>1</v>
      </c>
      <c r="K16970" s="9">
        <v>6.68</v>
      </c>
      <c r="L16970" s="6" t="s">
        <v>51</v>
      </c>
    </row>
    <row r="16971" spans="1:12">
      <c r="A16971" s="6" t="s">
        <v>16731</v>
      </c>
      <c r="B16971" s="6"/>
      <c r="C16971" s="6" t="s">
        <v>16999</v>
      </c>
      <c r="D16971" s="6"/>
      <c r="E16971" s="6" t="s">
        <v>9</v>
      </c>
      <c r="F16971" s="7">
        <v>38657</v>
      </c>
      <c r="G16971" s="8">
        <v>1</v>
      </c>
      <c r="H16971" s="8">
        <v>1</v>
      </c>
      <c r="I16971" s="8">
        <v>0</v>
      </c>
      <c r="J16971" s="8">
        <v>1</v>
      </c>
      <c r="K16971" s="9">
        <v>58</v>
      </c>
      <c r="L16971" s="6" t="s">
        <v>51</v>
      </c>
    </row>
    <row r="16972" spans="1:12">
      <c r="A16972" s="6" t="s">
        <v>16731</v>
      </c>
      <c r="B16972" s="6"/>
      <c r="C16972" s="6" t="s">
        <v>17000</v>
      </c>
      <c r="D16972" s="6"/>
      <c r="E16972" s="6" t="s">
        <v>9</v>
      </c>
      <c r="F16972" s="7">
        <v>38657</v>
      </c>
      <c r="G16972" s="8">
        <v>1</v>
      </c>
      <c r="H16972" s="8">
        <v>1</v>
      </c>
      <c r="I16972" s="8">
        <v>0</v>
      </c>
      <c r="J16972" s="8">
        <v>1</v>
      </c>
      <c r="K16972" s="9">
        <v>15</v>
      </c>
      <c r="L16972" s="6" t="s">
        <v>51</v>
      </c>
    </row>
    <row r="16973" spans="1:12">
      <c r="A16973" s="6" t="s">
        <v>16731</v>
      </c>
      <c r="B16973" s="6"/>
      <c r="C16973" s="6" t="s">
        <v>17001</v>
      </c>
      <c r="D16973" s="6"/>
      <c r="E16973" s="6" t="s">
        <v>9</v>
      </c>
      <c r="F16973" s="7">
        <v>38657</v>
      </c>
      <c r="G16973" s="8">
        <v>1</v>
      </c>
      <c r="H16973" s="8">
        <v>1</v>
      </c>
      <c r="I16973" s="8">
        <v>0</v>
      </c>
      <c r="J16973" s="8">
        <v>1</v>
      </c>
      <c r="K16973" s="9">
        <v>107</v>
      </c>
      <c r="L16973" s="6" t="s">
        <v>51</v>
      </c>
    </row>
    <row r="16974" spans="1:12">
      <c r="A16974" s="6" t="s">
        <v>16731</v>
      </c>
      <c r="B16974" s="6"/>
      <c r="C16974" s="6" t="s">
        <v>17002</v>
      </c>
      <c r="D16974" s="6"/>
      <c r="E16974" s="6" t="s">
        <v>9</v>
      </c>
      <c r="F16974" s="7">
        <v>38657</v>
      </c>
      <c r="G16974" s="8">
        <v>1</v>
      </c>
      <c r="H16974" s="8">
        <v>1</v>
      </c>
      <c r="I16974" s="8">
        <v>0</v>
      </c>
      <c r="J16974" s="8">
        <v>1</v>
      </c>
      <c r="K16974" s="9">
        <v>23</v>
      </c>
      <c r="L16974" s="6" t="s">
        <v>51</v>
      </c>
    </row>
    <row r="16975" spans="1:12">
      <c r="A16975" s="6" t="s">
        <v>16731</v>
      </c>
      <c r="B16975" s="6"/>
      <c r="C16975" s="6" t="s">
        <v>17003</v>
      </c>
      <c r="D16975" s="6"/>
      <c r="E16975" s="6" t="s">
        <v>9</v>
      </c>
      <c r="F16975" s="7">
        <v>38657</v>
      </c>
      <c r="G16975" s="8">
        <v>1</v>
      </c>
      <c r="H16975" s="8">
        <v>1</v>
      </c>
      <c r="I16975" s="8">
        <v>0</v>
      </c>
      <c r="J16975" s="8">
        <v>1</v>
      </c>
      <c r="K16975" s="9">
        <v>63</v>
      </c>
      <c r="L16975" s="6" t="s">
        <v>51</v>
      </c>
    </row>
    <row r="16976" spans="1:12">
      <c r="A16976" s="6" t="s">
        <v>16731</v>
      </c>
      <c r="B16976" s="6"/>
      <c r="C16976" s="6" t="s">
        <v>17004</v>
      </c>
      <c r="D16976" s="6"/>
      <c r="E16976" s="6" t="s">
        <v>9</v>
      </c>
      <c r="F16976" s="7">
        <v>38657</v>
      </c>
      <c r="G16976" s="8">
        <v>1</v>
      </c>
      <c r="H16976" s="8">
        <v>1</v>
      </c>
      <c r="I16976" s="8">
        <v>0</v>
      </c>
      <c r="J16976" s="8">
        <v>1</v>
      </c>
      <c r="K16976" s="9">
        <v>2.52</v>
      </c>
      <c r="L16976" s="6" t="s">
        <v>51</v>
      </c>
    </row>
    <row r="16977" spans="1:12">
      <c r="A16977" s="6" t="s">
        <v>16731</v>
      </c>
      <c r="B16977" s="6"/>
      <c r="C16977" s="6" t="s">
        <v>17005</v>
      </c>
      <c r="D16977" s="6"/>
      <c r="E16977" s="6" t="s">
        <v>9</v>
      </c>
      <c r="F16977" s="7">
        <v>38657</v>
      </c>
      <c r="G16977" s="8">
        <v>1</v>
      </c>
      <c r="H16977" s="8">
        <v>1</v>
      </c>
      <c r="I16977" s="8">
        <v>0</v>
      </c>
      <c r="J16977" s="8">
        <v>1</v>
      </c>
      <c r="K16977" s="9">
        <v>2.0699999999999901</v>
      </c>
      <c r="L16977" s="6" t="s">
        <v>51</v>
      </c>
    </row>
    <row r="16978" spans="1:12">
      <c r="A16978" s="6" t="s">
        <v>16731</v>
      </c>
      <c r="B16978" s="6"/>
      <c r="C16978" s="6" t="s">
        <v>17006</v>
      </c>
      <c r="D16978" s="6"/>
      <c r="E16978" s="6" t="s">
        <v>9</v>
      </c>
      <c r="F16978" s="7">
        <v>38657</v>
      </c>
      <c r="G16978" s="8">
        <v>1</v>
      </c>
      <c r="H16978" s="8">
        <v>1</v>
      </c>
      <c r="I16978" s="8">
        <v>0</v>
      </c>
      <c r="J16978" s="8">
        <v>1</v>
      </c>
      <c r="K16978" s="9">
        <v>0.74</v>
      </c>
      <c r="L16978" s="6" t="s">
        <v>51</v>
      </c>
    </row>
    <row r="16979" spans="1:12">
      <c r="A16979" s="6" t="s">
        <v>16731</v>
      </c>
      <c r="B16979" s="6"/>
      <c r="C16979" s="6" t="s">
        <v>17007</v>
      </c>
      <c r="D16979" s="6"/>
      <c r="E16979" s="6" t="s">
        <v>9</v>
      </c>
      <c r="F16979" s="7">
        <v>38657</v>
      </c>
      <c r="G16979" s="8">
        <v>1</v>
      </c>
      <c r="H16979" s="8">
        <v>1</v>
      </c>
      <c r="I16979" s="8">
        <v>0</v>
      </c>
      <c r="J16979" s="8">
        <v>1</v>
      </c>
      <c r="K16979" s="9">
        <v>3.64</v>
      </c>
      <c r="L16979" s="6" t="s">
        <v>51</v>
      </c>
    </row>
    <row r="16980" spans="1:12">
      <c r="A16980" s="6" t="s">
        <v>16731</v>
      </c>
      <c r="B16980" s="6"/>
      <c r="C16980" s="6" t="s">
        <v>17008</v>
      </c>
      <c r="D16980" s="6"/>
      <c r="E16980" s="6" t="s">
        <v>9</v>
      </c>
      <c r="F16980" s="7">
        <v>38657</v>
      </c>
      <c r="G16980" s="8">
        <v>1</v>
      </c>
      <c r="H16980" s="8">
        <v>1</v>
      </c>
      <c r="I16980" s="8">
        <v>0</v>
      </c>
      <c r="J16980" s="8">
        <v>1</v>
      </c>
      <c r="K16980" s="9">
        <v>60</v>
      </c>
      <c r="L16980" s="6" t="s">
        <v>51</v>
      </c>
    </row>
    <row r="16981" spans="1:12">
      <c r="A16981" s="6" t="s">
        <v>16731</v>
      </c>
      <c r="B16981" s="6"/>
      <c r="C16981" s="6" t="s">
        <v>17009</v>
      </c>
      <c r="D16981" s="6"/>
      <c r="E16981" s="6" t="s">
        <v>9</v>
      </c>
      <c r="F16981" s="7">
        <v>38657</v>
      </c>
      <c r="G16981" s="8">
        <v>1</v>
      </c>
      <c r="H16981" s="8">
        <v>1</v>
      </c>
      <c r="I16981" s="8">
        <v>0</v>
      </c>
      <c r="J16981" s="8">
        <v>1</v>
      </c>
      <c r="K16981" s="9">
        <v>0.7</v>
      </c>
      <c r="L16981" s="6" t="s">
        <v>51</v>
      </c>
    </row>
    <row r="16982" spans="1:12">
      <c r="A16982" s="6" t="s">
        <v>16731</v>
      </c>
      <c r="B16982" s="6"/>
      <c r="C16982" s="6" t="s">
        <v>17010</v>
      </c>
      <c r="D16982" s="6"/>
      <c r="E16982" s="6" t="s">
        <v>9</v>
      </c>
      <c r="F16982" s="7">
        <v>38657</v>
      </c>
      <c r="G16982" s="8">
        <v>1</v>
      </c>
      <c r="H16982" s="8">
        <v>1</v>
      </c>
      <c r="I16982" s="8">
        <v>0</v>
      </c>
      <c r="J16982" s="8">
        <v>1</v>
      </c>
      <c r="K16982" s="9">
        <v>7.08</v>
      </c>
      <c r="L16982" s="6" t="s">
        <v>51</v>
      </c>
    </row>
    <row r="16983" spans="1:12">
      <c r="A16983" s="6" t="s">
        <v>16731</v>
      </c>
      <c r="B16983" s="6"/>
      <c r="C16983" s="6" t="s">
        <v>17011</v>
      </c>
      <c r="D16983" s="6"/>
      <c r="E16983" s="6" t="s">
        <v>9</v>
      </c>
      <c r="F16983" s="7">
        <v>38657</v>
      </c>
      <c r="G16983" s="8">
        <v>1</v>
      </c>
      <c r="H16983" s="8">
        <v>1</v>
      </c>
      <c r="I16983" s="8">
        <v>0</v>
      </c>
      <c r="J16983" s="8">
        <v>1</v>
      </c>
      <c r="K16983" s="9">
        <v>20</v>
      </c>
      <c r="L16983" s="6" t="s">
        <v>51</v>
      </c>
    </row>
    <row r="16984" spans="1:12">
      <c r="A16984" s="6" t="s">
        <v>16731</v>
      </c>
      <c r="B16984" s="6"/>
      <c r="C16984" s="6" t="s">
        <v>17012</v>
      </c>
      <c r="D16984" s="6"/>
      <c r="E16984" s="6" t="s">
        <v>9</v>
      </c>
      <c r="F16984" s="7">
        <v>38657</v>
      </c>
      <c r="G16984" s="8">
        <v>1</v>
      </c>
      <c r="H16984" s="8">
        <v>1</v>
      </c>
      <c r="I16984" s="8">
        <v>0</v>
      </c>
      <c r="J16984" s="8">
        <v>1</v>
      </c>
      <c r="K16984" s="9">
        <v>0.72</v>
      </c>
      <c r="L16984" s="6" t="s">
        <v>51</v>
      </c>
    </row>
    <row r="16985" spans="1:12">
      <c r="A16985" s="6" t="s">
        <v>16731</v>
      </c>
      <c r="B16985" s="6"/>
      <c r="C16985" s="6" t="s">
        <v>17013</v>
      </c>
      <c r="D16985" s="6"/>
      <c r="E16985" s="6" t="s">
        <v>9</v>
      </c>
      <c r="F16985" s="7">
        <v>38657</v>
      </c>
      <c r="G16985" s="8">
        <v>1</v>
      </c>
      <c r="H16985" s="8">
        <v>1</v>
      </c>
      <c r="I16985" s="8">
        <v>0</v>
      </c>
      <c r="J16985" s="8">
        <v>1</v>
      </c>
      <c r="K16985" s="9">
        <v>12</v>
      </c>
      <c r="L16985" s="6" t="s">
        <v>51</v>
      </c>
    </row>
    <row r="16986" spans="1:12">
      <c r="A16986" s="6" t="s">
        <v>16731</v>
      </c>
      <c r="B16986" s="6"/>
      <c r="C16986" s="6" t="s">
        <v>17014</v>
      </c>
      <c r="D16986" s="6"/>
      <c r="E16986" s="6" t="s">
        <v>9</v>
      </c>
      <c r="F16986" s="7">
        <v>38657</v>
      </c>
      <c r="G16986" s="8">
        <v>1</v>
      </c>
      <c r="H16986" s="8">
        <v>1</v>
      </c>
      <c r="I16986" s="8">
        <v>0</v>
      </c>
      <c r="J16986" s="8">
        <v>1</v>
      </c>
      <c r="K16986" s="9">
        <v>94</v>
      </c>
      <c r="L16986" s="6" t="s">
        <v>51</v>
      </c>
    </row>
    <row r="16987" spans="1:12">
      <c r="A16987" s="6" t="s">
        <v>16731</v>
      </c>
      <c r="B16987" s="6"/>
      <c r="C16987" s="6" t="s">
        <v>17015</v>
      </c>
      <c r="D16987" s="6"/>
      <c r="E16987" s="6" t="s">
        <v>9</v>
      </c>
      <c r="F16987" s="7">
        <v>38657</v>
      </c>
      <c r="G16987" s="8">
        <v>1</v>
      </c>
      <c r="H16987" s="8">
        <v>1</v>
      </c>
      <c r="I16987" s="8">
        <v>0</v>
      </c>
      <c r="J16987" s="8">
        <v>1</v>
      </c>
      <c r="K16987" s="9">
        <v>37</v>
      </c>
      <c r="L16987" s="6" t="s">
        <v>51</v>
      </c>
    </row>
    <row r="16988" spans="1:12">
      <c r="A16988" s="6" t="s">
        <v>16731</v>
      </c>
      <c r="B16988" s="6"/>
      <c r="C16988" s="6" t="s">
        <v>17016</v>
      </c>
      <c r="D16988" s="6"/>
      <c r="E16988" s="6" t="s">
        <v>9</v>
      </c>
      <c r="F16988" s="7">
        <v>38657</v>
      </c>
      <c r="G16988" s="8">
        <v>1</v>
      </c>
      <c r="H16988" s="8">
        <v>1</v>
      </c>
      <c r="I16988" s="8">
        <v>0</v>
      </c>
      <c r="J16988" s="8">
        <v>1</v>
      </c>
      <c r="K16988" s="9">
        <v>47</v>
      </c>
      <c r="L16988" s="6" t="s">
        <v>51</v>
      </c>
    </row>
    <row r="16989" spans="1:12">
      <c r="A16989" s="6" t="s">
        <v>16731</v>
      </c>
      <c r="B16989" s="6"/>
      <c r="C16989" s="6" t="s">
        <v>17017</v>
      </c>
      <c r="D16989" s="6"/>
      <c r="E16989" s="6" t="s">
        <v>9</v>
      </c>
      <c r="F16989" s="7">
        <v>38657</v>
      </c>
      <c r="G16989" s="8">
        <v>1</v>
      </c>
      <c r="H16989" s="8">
        <v>1</v>
      </c>
      <c r="I16989" s="8">
        <v>0</v>
      </c>
      <c r="J16989" s="8">
        <v>1</v>
      </c>
      <c r="K16989" s="9">
        <v>8.77</v>
      </c>
      <c r="L16989" s="6" t="s">
        <v>51</v>
      </c>
    </row>
    <row r="16990" spans="1:12">
      <c r="A16990" s="6" t="s">
        <v>16731</v>
      </c>
      <c r="B16990" s="6"/>
      <c r="C16990" s="6" t="s">
        <v>17018</v>
      </c>
      <c r="D16990" s="6"/>
      <c r="E16990" s="6" t="s">
        <v>9</v>
      </c>
      <c r="F16990" s="7">
        <v>38657</v>
      </c>
      <c r="G16990" s="8">
        <v>1</v>
      </c>
      <c r="H16990" s="8">
        <v>1</v>
      </c>
      <c r="I16990" s="8">
        <v>0</v>
      </c>
      <c r="J16990" s="8">
        <v>1</v>
      </c>
      <c r="K16990" s="9">
        <v>27</v>
      </c>
      <c r="L16990" s="6" t="s">
        <v>51</v>
      </c>
    </row>
    <row r="16991" spans="1:12">
      <c r="A16991" s="6" t="s">
        <v>16731</v>
      </c>
      <c r="B16991" s="6"/>
      <c r="C16991" s="6" t="s">
        <v>17019</v>
      </c>
      <c r="D16991" s="6"/>
      <c r="E16991" s="6" t="s">
        <v>9</v>
      </c>
      <c r="F16991" s="7">
        <v>38657</v>
      </c>
      <c r="G16991" s="8">
        <v>1</v>
      </c>
      <c r="H16991" s="8">
        <v>1</v>
      </c>
      <c r="I16991" s="8">
        <v>0</v>
      </c>
      <c r="J16991" s="8">
        <v>1</v>
      </c>
      <c r="K16991" s="9">
        <v>9.85</v>
      </c>
      <c r="L16991" s="6" t="s">
        <v>51</v>
      </c>
    </row>
    <row r="16992" spans="1:12">
      <c r="A16992" s="6" t="s">
        <v>16731</v>
      </c>
      <c r="B16992" s="6"/>
      <c r="C16992" s="6" t="s">
        <v>17020</v>
      </c>
      <c r="D16992" s="6"/>
      <c r="E16992" s="6" t="s">
        <v>9</v>
      </c>
      <c r="F16992" s="7">
        <v>38657</v>
      </c>
      <c r="G16992" s="8">
        <v>1</v>
      </c>
      <c r="H16992" s="8">
        <v>1</v>
      </c>
      <c r="I16992" s="8">
        <v>0</v>
      </c>
      <c r="J16992" s="8">
        <v>1</v>
      </c>
      <c r="K16992" s="9">
        <v>10</v>
      </c>
      <c r="L16992" s="6" t="s">
        <v>51</v>
      </c>
    </row>
    <row r="16993" spans="1:12">
      <c r="A16993" s="6" t="s">
        <v>16731</v>
      </c>
      <c r="B16993" s="6"/>
      <c r="C16993" s="6" t="s">
        <v>17021</v>
      </c>
      <c r="D16993" s="6"/>
      <c r="E16993" s="6" t="s">
        <v>9</v>
      </c>
      <c r="F16993" s="7">
        <v>38657</v>
      </c>
      <c r="G16993" s="8">
        <v>1</v>
      </c>
      <c r="H16993" s="8">
        <v>1</v>
      </c>
      <c r="I16993" s="8">
        <v>0</v>
      </c>
      <c r="J16993" s="8">
        <v>1</v>
      </c>
      <c r="K16993" s="9">
        <v>9.1300000000000008</v>
      </c>
      <c r="L16993" s="6" t="s">
        <v>51</v>
      </c>
    </row>
    <row r="16994" spans="1:12">
      <c r="A16994" s="6" t="s">
        <v>16731</v>
      </c>
      <c r="B16994" s="6"/>
      <c r="C16994" s="6" t="s">
        <v>17022</v>
      </c>
      <c r="D16994" s="6"/>
      <c r="E16994" s="6" t="s">
        <v>9</v>
      </c>
      <c r="F16994" s="7">
        <v>38657</v>
      </c>
      <c r="G16994" s="8">
        <v>1</v>
      </c>
      <c r="H16994" s="8">
        <v>1</v>
      </c>
      <c r="I16994" s="8">
        <v>0</v>
      </c>
      <c r="J16994" s="8">
        <v>1</v>
      </c>
      <c r="K16994" s="9">
        <v>7.13</v>
      </c>
      <c r="L16994" s="6" t="s">
        <v>51</v>
      </c>
    </row>
    <row r="16995" spans="1:12">
      <c r="A16995" s="6" t="s">
        <v>16731</v>
      </c>
      <c r="B16995" s="6"/>
      <c r="C16995" s="6" t="s">
        <v>17023</v>
      </c>
      <c r="D16995" s="6"/>
      <c r="E16995" s="6" t="s">
        <v>9</v>
      </c>
      <c r="F16995" s="7">
        <v>38657</v>
      </c>
      <c r="G16995" s="8">
        <v>1</v>
      </c>
      <c r="H16995" s="8">
        <v>1</v>
      </c>
      <c r="I16995" s="8">
        <v>0</v>
      </c>
      <c r="J16995" s="8">
        <v>1</v>
      </c>
      <c r="K16995" s="9">
        <v>4.5</v>
      </c>
      <c r="L16995" s="6" t="s">
        <v>51</v>
      </c>
    </row>
    <row r="16996" spans="1:12">
      <c r="A16996" s="6" t="s">
        <v>16731</v>
      </c>
      <c r="B16996" s="6"/>
      <c r="C16996" s="6" t="s">
        <v>17024</v>
      </c>
      <c r="D16996" s="6"/>
      <c r="E16996" s="6" t="s">
        <v>9</v>
      </c>
      <c r="F16996" s="7">
        <v>38657</v>
      </c>
      <c r="G16996" s="8">
        <v>1</v>
      </c>
      <c r="H16996" s="8">
        <v>1</v>
      </c>
      <c r="I16996" s="8">
        <v>0</v>
      </c>
      <c r="J16996" s="8">
        <v>1</v>
      </c>
      <c r="K16996" s="9">
        <v>14</v>
      </c>
      <c r="L16996" s="6" t="s">
        <v>51</v>
      </c>
    </row>
    <row r="16997" spans="1:12">
      <c r="A16997" s="6" t="s">
        <v>16731</v>
      </c>
      <c r="B16997" s="6"/>
      <c r="C16997" s="6" t="s">
        <v>17025</v>
      </c>
      <c r="D16997" s="6"/>
      <c r="E16997" s="6" t="s">
        <v>9</v>
      </c>
      <c r="F16997" s="7">
        <v>38657</v>
      </c>
      <c r="G16997" s="8">
        <v>1</v>
      </c>
      <c r="H16997" s="8">
        <v>1</v>
      </c>
      <c r="I16997" s="8">
        <v>0</v>
      </c>
      <c r="J16997" s="8">
        <v>1</v>
      </c>
      <c r="K16997" s="9">
        <v>8.76</v>
      </c>
      <c r="L16997" s="6" t="s">
        <v>51</v>
      </c>
    </row>
    <row r="16998" spans="1:12">
      <c r="A16998" s="6" t="s">
        <v>16731</v>
      </c>
      <c r="B16998" s="6"/>
      <c r="C16998" s="6" t="s">
        <v>17026</v>
      </c>
      <c r="D16998" s="6"/>
      <c r="E16998" s="6" t="s">
        <v>9</v>
      </c>
      <c r="F16998" s="7">
        <v>38657</v>
      </c>
      <c r="G16998" s="8">
        <v>1</v>
      </c>
      <c r="H16998" s="8">
        <v>1</v>
      </c>
      <c r="I16998" s="8">
        <v>0</v>
      </c>
      <c r="J16998" s="8">
        <v>1</v>
      </c>
      <c r="K16998" s="9">
        <v>8.4</v>
      </c>
      <c r="L16998" s="6" t="s">
        <v>51</v>
      </c>
    </row>
    <row r="16999" spans="1:12">
      <c r="A16999" s="6" t="s">
        <v>16731</v>
      </c>
      <c r="B16999" s="6"/>
      <c r="C16999" s="6" t="s">
        <v>17027</v>
      </c>
      <c r="D16999" s="6"/>
      <c r="E16999" s="6" t="s">
        <v>9</v>
      </c>
      <c r="F16999" s="7">
        <v>38657</v>
      </c>
      <c r="G16999" s="8">
        <v>1</v>
      </c>
      <c r="H16999" s="8">
        <v>1</v>
      </c>
      <c r="I16999" s="8">
        <v>0</v>
      </c>
      <c r="J16999" s="8">
        <v>1</v>
      </c>
      <c r="K16999" s="9">
        <v>13</v>
      </c>
      <c r="L16999" s="6" t="s">
        <v>51</v>
      </c>
    </row>
    <row r="17000" spans="1:12">
      <c r="A17000" s="6" t="s">
        <v>16731</v>
      </c>
      <c r="B17000" s="6"/>
      <c r="C17000" s="6" t="s">
        <v>17028</v>
      </c>
      <c r="D17000" s="6"/>
      <c r="E17000" s="6" t="s">
        <v>9</v>
      </c>
      <c r="F17000" s="7">
        <v>38657</v>
      </c>
      <c r="G17000" s="8">
        <v>1</v>
      </c>
      <c r="H17000" s="8">
        <v>1</v>
      </c>
      <c r="I17000" s="8">
        <v>0</v>
      </c>
      <c r="J17000" s="8">
        <v>1</v>
      </c>
      <c r="K17000" s="9">
        <v>16</v>
      </c>
      <c r="L17000" s="6" t="s">
        <v>51</v>
      </c>
    </row>
    <row r="17001" spans="1:12">
      <c r="A17001" s="6" t="s">
        <v>16731</v>
      </c>
      <c r="B17001" s="6"/>
      <c r="C17001" s="6" t="s">
        <v>17029</v>
      </c>
      <c r="D17001" s="6"/>
      <c r="E17001" s="6" t="s">
        <v>9</v>
      </c>
      <c r="F17001" s="7">
        <v>38657</v>
      </c>
      <c r="G17001" s="8">
        <v>1</v>
      </c>
      <c r="H17001" s="8">
        <v>1</v>
      </c>
      <c r="I17001" s="8">
        <v>0</v>
      </c>
      <c r="J17001" s="8">
        <v>1</v>
      </c>
      <c r="K17001" s="9">
        <v>8.9499999999999904</v>
      </c>
      <c r="L17001" s="6" t="s">
        <v>51</v>
      </c>
    </row>
    <row r="17002" spans="1:12">
      <c r="A17002" s="6" t="s">
        <v>16731</v>
      </c>
      <c r="B17002" s="6"/>
      <c r="C17002" s="6" t="s">
        <v>17030</v>
      </c>
      <c r="D17002" s="6"/>
      <c r="E17002" s="6" t="s">
        <v>9</v>
      </c>
      <c r="F17002" s="7">
        <v>38657</v>
      </c>
      <c r="G17002" s="8">
        <v>1</v>
      </c>
      <c r="H17002" s="8">
        <v>1</v>
      </c>
      <c r="I17002" s="8">
        <v>0</v>
      </c>
      <c r="J17002" s="8">
        <v>1</v>
      </c>
      <c r="K17002" s="9">
        <v>3.76</v>
      </c>
      <c r="L17002" s="6" t="s">
        <v>51</v>
      </c>
    </row>
    <row r="17003" spans="1:12">
      <c r="A17003" s="6" t="s">
        <v>16731</v>
      </c>
      <c r="B17003" s="6"/>
      <c r="C17003" s="6" t="s">
        <v>17031</v>
      </c>
      <c r="D17003" s="6"/>
      <c r="E17003" s="6" t="s">
        <v>9</v>
      </c>
      <c r="F17003" s="7">
        <v>38657</v>
      </c>
      <c r="G17003" s="8">
        <v>1</v>
      </c>
      <c r="H17003" s="8">
        <v>1</v>
      </c>
      <c r="I17003" s="8">
        <v>0</v>
      </c>
      <c r="J17003" s="8">
        <v>1</v>
      </c>
      <c r="K17003" s="9">
        <v>41</v>
      </c>
      <c r="L17003" s="6" t="s">
        <v>51</v>
      </c>
    </row>
    <row r="17004" spans="1:12">
      <c r="A17004" s="6" t="s">
        <v>16731</v>
      </c>
      <c r="B17004" s="6"/>
      <c r="C17004" s="6" t="s">
        <v>17032</v>
      </c>
      <c r="D17004" s="6"/>
      <c r="E17004" s="6" t="s">
        <v>9</v>
      </c>
      <c r="F17004" s="7">
        <v>38657</v>
      </c>
      <c r="G17004" s="8">
        <v>1</v>
      </c>
      <c r="H17004" s="8">
        <v>1</v>
      </c>
      <c r="I17004" s="8">
        <v>0</v>
      </c>
      <c r="J17004" s="8">
        <v>1</v>
      </c>
      <c r="K17004" s="9">
        <v>12</v>
      </c>
      <c r="L17004" s="6" t="s">
        <v>51</v>
      </c>
    </row>
    <row r="17005" spans="1:12">
      <c r="A17005" s="6" t="s">
        <v>16731</v>
      </c>
      <c r="B17005" s="6"/>
      <c r="C17005" s="6" t="s">
        <v>17033</v>
      </c>
      <c r="D17005" s="6"/>
      <c r="E17005" s="6" t="s">
        <v>9</v>
      </c>
      <c r="F17005" s="7">
        <v>38657</v>
      </c>
      <c r="G17005" s="8">
        <v>1</v>
      </c>
      <c r="H17005" s="8">
        <v>1</v>
      </c>
      <c r="I17005" s="8">
        <v>0</v>
      </c>
      <c r="J17005" s="8">
        <v>1</v>
      </c>
      <c r="K17005" s="9">
        <v>3.16</v>
      </c>
      <c r="L17005" s="6" t="s">
        <v>51</v>
      </c>
    </row>
    <row r="17006" spans="1:12">
      <c r="A17006" s="6" t="s">
        <v>16731</v>
      </c>
      <c r="B17006" s="6"/>
      <c r="C17006" s="6" t="s">
        <v>17034</v>
      </c>
      <c r="D17006" s="6"/>
      <c r="E17006" s="6" t="s">
        <v>9</v>
      </c>
      <c r="F17006" s="7">
        <v>38657</v>
      </c>
      <c r="G17006" s="8">
        <v>1</v>
      </c>
      <c r="H17006" s="8">
        <v>1</v>
      </c>
      <c r="I17006" s="8">
        <v>0</v>
      </c>
      <c r="J17006" s="8">
        <v>1</v>
      </c>
      <c r="K17006" s="9">
        <v>0.87</v>
      </c>
      <c r="L17006" s="6" t="s">
        <v>51</v>
      </c>
    </row>
    <row r="17007" spans="1:12">
      <c r="A17007" s="6" t="s">
        <v>16731</v>
      </c>
      <c r="B17007" s="6"/>
      <c r="C17007" s="6" t="s">
        <v>17035</v>
      </c>
      <c r="D17007" s="6"/>
      <c r="E17007" s="6" t="s">
        <v>9</v>
      </c>
      <c r="F17007" s="7">
        <v>38657</v>
      </c>
      <c r="G17007" s="8">
        <v>1</v>
      </c>
      <c r="H17007" s="8">
        <v>1</v>
      </c>
      <c r="I17007" s="8">
        <v>0</v>
      </c>
      <c r="J17007" s="8">
        <v>1</v>
      </c>
      <c r="K17007" s="9">
        <v>2.2000000000000002</v>
      </c>
      <c r="L17007" s="6" t="s">
        <v>51</v>
      </c>
    </row>
    <row r="17008" spans="1:12">
      <c r="A17008" s="6" t="s">
        <v>16731</v>
      </c>
      <c r="B17008" s="6"/>
      <c r="C17008" s="6" t="s">
        <v>17036</v>
      </c>
      <c r="D17008" s="6"/>
      <c r="E17008" s="6" t="s">
        <v>9</v>
      </c>
      <c r="F17008" s="7">
        <v>38657</v>
      </c>
      <c r="G17008" s="8">
        <v>1</v>
      </c>
      <c r="H17008" s="8">
        <v>1</v>
      </c>
      <c r="I17008" s="8">
        <v>0</v>
      </c>
      <c r="J17008" s="8">
        <v>1</v>
      </c>
      <c r="K17008" s="9">
        <v>52</v>
      </c>
      <c r="L17008" s="6" t="s">
        <v>51</v>
      </c>
    </row>
    <row r="17009" spans="1:12">
      <c r="A17009" s="6" t="s">
        <v>16731</v>
      </c>
      <c r="B17009" s="6"/>
      <c r="C17009" s="6" t="s">
        <v>17037</v>
      </c>
      <c r="D17009" s="6"/>
      <c r="E17009" s="6" t="s">
        <v>9</v>
      </c>
      <c r="F17009" s="7">
        <v>38657</v>
      </c>
      <c r="G17009" s="8">
        <v>1</v>
      </c>
      <c r="H17009" s="8">
        <v>1</v>
      </c>
      <c r="I17009" s="8">
        <v>0</v>
      </c>
      <c r="J17009" s="8">
        <v>1</v>
      </c>
      <c r="K17009" s="9">
        <v>1.77</v>
      </c>
      <c r="L17009" s="6" t="s">
        <v>51</v>
      </c>
    </row>
    <row r="17010" spans="1:12">
      <c r="A17010" s="6" t="s">
        <v>16731</v>
      </c>
      <c r="B17010" s="6"/>
      <c r="C17010" s="6" t="s">
        <v>17038</v>
      </c>
      <c r="D17010" s="6"/>
      <c r="E17010" s="6" t="s">
        <v>9</v>
      </c>
      <c r="F17010" s="7">
        <v>38657</v>
      </c>
      <c r="G17010" s="8">
        <v>1</v>
      </c>
      <c r="H17010" s="8">
        <v>1</v>
      </c>
      <c r="I17010" s="8">
        <v>0</v>
      </c>
      <c r="J17010" s="8">
        <v>1</v>
      </c>
      <c r="K17010" s="9">
        <v>32</v>
      </c>
      <c r="L17010" s="6" t="s">
        <v>51</v>
      </c>
    </row>
    <row r="17011" spans="1:12">
      <c r="A17011" s="6" t="s">
        <v>16731</v>
      </c>
      <c r="B17011" s="6"/>
      <c r="C17011" s="6" t="s">
        <v>17039</v>
      </c>
      <c r="D17011" s="6"/>
      <c r="E17011" s="6" t="s">
        <v>9</v>
      </c>
      <c r="F17011" s="7">
        <v>38657</v>
      </c>
      <c r="G17011" s="8">
        <v>1</v>
      </c>
      <c r="H17011" s="8">
        <v>1</v>
      </c>
      <c r="I17011" s="8">
        <v>0</v>
      </c>
      <c r="J17011" s="8">
        <v>1</v>
      </c>
      <c r="K17011" s="9">
        <v>0.27</v>
      </c>
      <c r="L17011" s="6" t="s">
        <v>51</v>
      </c>
    </row>
    <row r="17012" spans="1:12">
      <c r="A17012" s="6" t="s">
        <v>16731</v>
      </c>
      <c r="B17012" s="6"/>
      <c r="C17012" s="6" t="s">
        <v>17040</v>
      </c>
      <c r="D17012" s="6"/>
      <c r="E17012" s="6" t="s">
        <v>9</v>
      </c>
      <c r="F17012" s="7">
        <v>38657</v>
      </c>
      <c r="G17012" s="8">
        <v>1</v>
      </c>
      <c r="H17012" s="8">
        <v>1</v>
      </c>
      <c r="I17012" s="8">
        <v>0</v>
      </c>
      <c r="J17012" s="8">
        <v>1</v>
      </c>
      <c r="K17012" s="9">
        <v>3.48</v>
      </c>
      <c r="L17012" s="6" t="s">
        <v>51</v>
      </c>
    </row>
    <row r="17013" spans="1:12">
      <c r="A17013" s="6" t="s">
        <v>16731</v>
      </c>
      <c r="B17013" s="6"/>
      <c r="C17013" s="6" t="s">
        <v>17041</v>
      </c>
      <c r="D17013" s="6"/>
      <c r="E17013" s="6" t="s">
        <v>9</v>
      </c>
      <c r="F17013" s="7">
        <v>38657</v>
      </c>
      <c r="G17013" s="8">
        <v>1</v>
      </c>
      <c r="H17013" s="8">
        <v>1</v>
      </c>
      <c r="I17013" s="8">
        <v>0</v>
      </c>
      <c r="J17013" s="8">
        <v>1</v>
      </c>
      <c r="K17013" s="9">
        <v>2.34</v>
      </c>
      <c r="L17013" s="6" t="s">
        <v>51</v>
      </c>
    </row>
    <row r="17014" spans="1:12">
      <c r="A17014" s="6" t="s">
        <v>16731</v>
      </c>
      <c r="B17014" s="6"/>
      <c r="C17014" s="6" t="s">
        <v>17042</v>
      </c>
      <c r="D17014" s="6"/>
      <c r="E17014" s="6" t="s">
        <v>9</v>
      </c>
      <c r="F17014" s="7">
        <v>38657</v>
      </c>
      <c r="G17014" s="8">
        <v>1</v>
      </c>
      <c r="H17014" s="8">
        <v>1</v>
      </c>
      <c r="I17014" s="8">
        <v>0</v>
      </c>
      <c r="J17014" s="8">
        <v>1</v>
      </c>
      <c r="K17014" s="9">
        <v>6.4</v>
      </c>
      <c r="L17014" s="6" t="s">
        <v>51</v>
      </c>
    </row>
    <row r="17015" spans="1:12">
      <c r="A17015" s="6" t="s">
        <v>16731</v>
      </c>
      <c r="B17015" s="6"/>
      <c r="C17015" s="6" t="s">
        <v>17043</v>
      </c>
      <c r="D17015" s="6"/>
      <c r="E17015" s="6" t="s">
        <v>9</v>
      </c>
      <c r="F17015" s="7">
        <v>38657</v>
      </c>
      <c r="G17015" s="8">
        <v>1</v>
      </c>
      <c r="H17015" s="8">
        <v>1</v>
      </c>
      <c r="I17015" s="8">
        <v>0</v>
      </c>
      <c r="J17015" s="8">
        <v>1</v>
      </c>
      <c r="K17015" s="9">
        <v>2.63</v>
      </c>
      <c r="L17015" s="6" t="s">
        <v>51</v>
      </c>
    </row>
    <row r="17016" spans="1:12">
      <c r="A17016" s="6" t="s">
        <v>16731</v>
      </c>
      <c r="B17016" s="6"/>
      <c r="C17016" s="6" t="s">
        <v>17044</v>
      </c>
      <c r="D17016" s="6"/>
      <c r="E17016" s="6" t="s">
        <v>9</v>
      </c>
      <c r="F17016" s="7">
        <v>38657</v>
      </c>
      <c r="G17016" s="8">
        <v>1</v>
      </c>
      <c r="H17016" s="8">
        <v>1</v>
      </c>
      <c r="I17016" s="8">
        <v>0</v>
      </c>
      <c r="J17016" s="8">
        <v>1</v>
      </c>
      <c r="K17016" s="9">
        <v>42</v>
      </c>
      <c r="L17016" s="6" t="s">
        <v>51</v>
      </c>
    </row>
    <row r="17017" spans="1:12">
      <c r="A17017" s="6" t="s">
        <v>16731</v>
      </c>
      <c r="B17017" s="6"/>
      <c r="C17017" s="6" t="s">
        <v>17045</v>
      </c>
      <c r="D17017" s="6"/>
      <c r="E17017" s="6" t="s">
        <v>9</v>
      </c>
      <c r="F17017" s="7">
        <v>38657</v>
      </c>
      <c r="G17017" s="8">
        <v>1</v>
      </c>
      <c r="H17017" s="8">
        <v>1</v>
      </c>
      <c r="I17017" s="8">
        <v>0</v>
      </c>
      <c r="J17017" s="8">
        <v>1</v>
      </c>
      <c r="K17017" s="9">
        <v>25</v>
      </c>
      <c r="L17017" s="6" t="s">
        <v>51</v>
      </c>
    </row>
    <row r="17018" spans="1:12">
      <c r="A17018" s="6" t="s">
        <v>16731</v>
      </c>
      <c r="B17018" s="6"/>
      <c r="C17018" s="6" t="s">
        <v>17046</v>
      </c>
      <c r="D17018" s="6"/>
      <c r="E17018" s="6" t="s">
        <v>9</v>
      </c>
      <c r="F17018" s="7">
        <v>38657</v>
      </c>
      <c r="G17018" s="8">
        <v>1</v>
      </c>
      <c r="H17018" s="8">
        <v>1</v>
      </c>
      <c r="I17018" s="8">
        <v>0</v>
      </c>
      <c r="J17018" s="8">
        <v>1</v>
      </c>
      <c r="K17018" s="9">
        <v>13</v>
      </c>
      <c r="L17018" s="6" t="s">
        <v>51</v>
      </c>
    </row>
    <row r="17019" spans="1:12">
      <c r="A17019" s="6" t="s">
        <v>16731</v>
      </c>
      <c r="B17019" s="6"/>
      <c r="C17019" s="6" t="s">
        <v>17047</v>
      </c>
      <c r="D17019" s="6"/>
      <c r="E17019" s="6" t="s">
        <v>9</v>
      </c>
      <c r="F17019" s="7">
        <v>38657</v>
      </c>
      <c r="G17019" s="8">
        <v>1</v>
      </c>
      <c r="H17019" s="8">
        <v>1</v>
      </c>
      <c r="I17019" s="8">
        <v>0</v>
      </c>
      <c r="J17019" s="8">
        <v>1</v>
      </c>
      <c r="K17019" s="9">
        <v>15</v>
      </c>
      <c r="L17019" s="6" t="s">
        <v>51</v>
      </c>
    </row>
    <row r="17020" spans="1:12">
      <c r="A17020" s="6" t="s">
        <v>16731</v>
      </c>
      <c r="B17020" s="6"/>
      <c r="C17020" s="6" t="s">
        <v>17048</v>
      </c>
      <c r="D17020" s="6"/>
      <c r="E17020" s="6" t="s">
        <v>9</v>
      </c>
      <c r="F17020" s="7">
        <v>38657</v>
      </c>
      <c r="G17020" s="8">
        <v>1</v>
      </c>
      <c r="H17020" s="8">
        <v>1</v>
      </c>
      <c r="I17020" s="8">
        <v>0</v>
      </c>
      <c r="J17020" s="8">
        <v>1</v>
      </c>
      <c r="K17020" s="9">
        <v>23</v>
      </c>
      <c r="L17020" s="6" t="s">
        <v>51</v>
      </c>
    </row>
    <row r="17021" spans="1:12">
      <c r="A17021" s="6" t="s">
        <v>16731</v>
      </c>
      <c r="B17021" s="6"/>
      <c r="C17021" s="6" t="s">
        <v>17049</v>
      </c>
      <c r="D17021" s="6"/>
      <c r="E17021" s="6" t="s">
        <v>9</v>
      </c>
      <c r="F17021" s="7">
        <v>38657</v>
      </c>
      <c r="G17021" s="8">
        <v>1</v>
      </c>
      <c r="H17021" s="8">
        <v>1</v>
      </c>
      <c r="I17021" s="8">
        <v>0</v>
      </c>
      <c r="J17021" s="8">
        <v>1</v>
      </c>
      <c r="K17021" s="9">
        <v>34</v>
      </c>
      <c r="L17021" s="6" t="s">
        <v>51</v>
      </c>
    </row>
    <row r="17022" spans="1:12">
      <c r="A17022" s="6" t="s">
        <v>16731</v>
      </c>
      <c r="B17022" s="6"/>
      <c r="C17022" s="6" t="s">
        <v>17050</v>
      </c>
      <c r="D17022" s="6"/>
      <c r="E17022" s="6" t="s">
        <v>9</v>
      </c>
      <c r="F17022" s="7">
        <v>38657</v>
      </c>
      <c r="G17022" s="8">
        <v>1</v>
      </c>
      <c r="H17022" s="8">
        <v>1</v>
      </c>
      <c r="I17022" s="8">
        <v>0</v>
      </c>
      <c r="J17022" s="8">
        <v>1</v>
      </c>
      <c r="K17022" s="9">
        <v>0.06</v>
      </c>
      <c r="L17022" s="6" t="s">
        <v>51</v>
      </c>
    </row>
    <row r="17023" spans="1:12">
      <c r="A17023" s="6" t="s">
        <v>16731</v>
      </c>
      <c r="B17023" s="6"/>
      <c r="C17023" s="6" t="s">
        <v>17051</v>
      </c>
      <c r="D17023" s="6"/>
      <c r="E17023" s="6" t="s">
        <v>9</v>
      </c>
      <c r="F17023" s="7">
        <v>38657</v>
      </c>
      <c r="G17023" s="8">
        <v>1</v>
      </c>
      <c r="H17023" s="8">
        <v>1</v>
      </c>
      <c r="I17023" s="8">
        <v>0</v>
      </c>
      <c r="J17023" s="8">
        <v>1</v>
      </c>
      <c r="K17023" s="9">
        <v>105</v>
      </c>
      <c r="L17023" s="6" t="s">
        <v>51</v>
      </c>
    </row>
    <row r="17024" spans="1:12">
      <c r="A17024" s="6" t="s">
        <v>16731</v>
      </c>
      <c r="B17024" s="6"/>
      <c r="C17024" s="6" t="s">
        <v>17052</v>
      </c>
      <c r="D17024" s="6"/>
      <c r="E17024" s="6" t="s">
        <v>9</v>
      </c>
      <c r="F17024" s="7">
        <v>38657</v>
      </c>
      <c r="G17024" s="8">
        <v>1</v>
      </c>
      <c r="H17024" s="8">
        <v>1</v>
      </c>
      <c r="I17024" s="8">
        <v>0</v>
      </c>
      <c r="J17024" s="8">
        <v>1</v>
      </c>
      <c r="K17024" s="9">
        <v>3.86</v>
      </c>
      <c r="L17024" s="6" t="s">
        <v>51</v>
      </c>
    </row>
    <row r="17025" spans="1:12">
      <c r="A17025" s="6" t="s">
        <v>16731</v>
      </c>
      <c r="B17025" s="6"/>
      <c r="C17025" s="6" t="s">
        <v>17053</v>
      </c>
      <c r="D17025" s="6"/>
      <c r="E17025" s="6" t="s">
        <v>9</v>
      </c>
      <c r="F17025" s="7">
        <v>38657</v>
      </c>
      <c r="G17025" s="8">
        <v>1</v>
      </c>
      <c r="H17025" s="8">
        <v>1</v>
      </c>
      <c r="I17025" s="8">
        <v>0</v>
      </c>
      <c r="J17025" s="8">
        <v>1</v>
      </c>
      <c r="K17025" s="9">
        <v>31</v>
      </c>
      <c r="L17025" s="6" t="s">
        <v>51</v>
      </c>
    </row>
    <row r="17026" spans="1:12">
      <c r="A17026" s="6" t="s">
        <v>16731</v>
      </c>
      <c r="B17026" s="6"/>
      <c r="C17026" s="6" t="s">
        <v>17054</v>
      </c>
      <c r="D17026" s="6"/>
      <c r="E17026" s="6" t="s">
        <v>9</v>
      </c>
      <c r="F17026" s="7">
        <v>38657</v>
      </c>
      <c r="G17026" s="8">
        <v>1</v>
      </c>
      <c r="H17026" s="8">
        <v>1</v>
      </c>
      <c r="I17026" s="8">
        <v>0</v>
      </c>
      <c r="J17026" s="8">
        <v>1</v>
      </c>
      <c r="K17026" s="9">
        <v>12</v>
      </c>
      <c r="L17026" s="6" t="s">
        <v>51</v>
      </c>
    </row>
    <row r="17027" spans="1:12">
      <c r="A17027" s="6" t="s">
        <v>16731</v>
      </c>
      <c r="B17027" s="6"/>
      <c r="C17027" s="6" t="s">
        <v>17055</v>
      </c>
      <c r="D17027" s="6"/>
      <c r="E17027" s="6" t="s">
        <v>9</v>
      </c>
      <c r="F17027" s="7">
        <v>38657</v>
      </c>
      <c r="G17027" s="8">
        <v>1</v>
      </c>
      <c r="H17027" s="8">
        <v>1</v>
      </c>
      <c r="I17027" s="8">
        <v>0</v>
      </c>
      <c r="J17027" s="8">
        <v>1</v>
      </c>
      <c r="K17027" s="9">
        <v>41</v>
      </c>
      <c r="L17027" s="6" t="s">
        <v>51</v>
      </c>
    </row>
    <row r="17028" spans="1:12">
      <c r="A17028" s="6" t="s">
        <v>16731</v>
      </c>
      <c r="B17028" s="6"/>
      <c r="C17028" s="6" t="s">
        <v>17056</v>
      </c>
      <c r="D17028" s="6"/>
      <c r="E17028" s="6" t="s">
        <v>9</v>
      </c>
      <c r="F17028" s="7">
        <v>38657</v>
      </c>
      <c r="G17028" s="8">
        <v>1</v>
      </c>
      <c r="H17028" s="8">
        <v>1</v>
      </c>
      <c r="I17028" s="8">
        <v>0</v>
      </c>
      <c r="J17028" s="8">
        <v>1</v>
      </c>
      <c r="K17028" s="9">
        <v>19</v>
      </c>
      <c r="L17028" s="6" t="s">
        <v>51</v>
      </c>
    </row>
    <row r="17029" spans="1:12">
      <c r="A17029" s="6" t="s">
        <v>16731</v>
      </c>
      <c r="B17029" s="6"/>
      <c r="C17029" s="6" t="s">
        <v>17057</v>
      </c>
      <c r="D17029" s="6"/>
      <c r="E17029" s="6" t="s">
        <v>9</v>
      </c>
      <c r="F17029" s="7">
        <v>38657</v>
      </c>
      <c r="G17029" s="8">
        <v>1</v>
      </c>
      <c r="H17029" s="8">
        <v>1</v>
      </c>
      <c r="I17029" s="8">
        <v>0</v>
      </c>
      <c r="J17029" s="8">
        <v>1</v>
      </c>
      <c r="K17029" s="9">
        <v>24</v>
      </c>
      <c r="L17029" s="6" t="s">
        <v>51</v>
      </c>
    </row>
    <row r="17030" spans="1:12">
      <c r="A17030" s="6" t="s">
        <v>16731</v>
      </c>
      <c r="B17030" s="6"/>
      <c r="C17030" s="6" t="s">
        <v>17058</v>
      </c>
      <c r="D17030" s="6"/>
      <c r="E17030" s="6" t="s">
        <v>9</v>
      </c>
      <c r="F17030" s="7">
        <v>38657</v>
      </c>
      <c r="G17030" s="8">
        <v>1</v>
      </c>
      <c r="H17030" s="8">
        <v>1</v>
      </c>
      <c r="I17030" s="8">
        <v>0</v>
      </c>
      <c r="J17030" s="8">
        <v>1</v>
      </c>
      <c r="K17030" s="9">
        <v>13</v>
      </c>
      <c r="L17030" s="6" t="s">
        <v>51</v>
      </c>
    </row>
    <row r="17031" spans="1:12">
      <c r="A17031" s="6" t="s">
        <v>16731</v>
      </c>
      <c r="B17031" s="6"/>
      <c r="C17031" s="6" t="s">
        <v>17059</v>
      </c>
      <c r="D17031" s="6"/>
      <c r="E17031" s="6" t="s">
        <v>9</v>
      </c>
      <c r="F17031" s="7">
        <v>38657</v>
      </c>
      <c r="G17031" s="8">
        <v>1</v>
      </c>
      <c r="H17031" s="8">
        <v>1</v>
      </c>
      <c r="I17031" s="8">
        <v>0</v>
      </c>
      <c r="J17031" s="8">
        <v>1</v>
      </c>
      <c r="K17031" s="9">
        <v>12</v>
      </c>
      <c r="L17031" s="6" t="s">
        <v>51</v>
      </c>
    </row>
    <row r="17032" spans="1:12">
      <c r="A17032" s="6" t="s">
        <v>16731</v>
      </c>
      <c r="B17032" s="6"/>
      <c r="C17032" s="6" t="s">
        <v>17060</v>
      </c>
      <c r="D17032" s="6"/>
      <c r="E17032" s="6" t="s">
        <v>9</v>
      </c>
      <c r="F17032" s="7">
        <v>38657</v>
      </c>
      <c r="G17032" s="8">
        <v>1</v>
      </c>
      <c r="H17032" s="8">
        <v>1</v>
      </c>
      <c r="I17032" s="8">
        <v>0</v>
      </c>
      <c r="J17032" s="8">
        <v>1</v>
      </c>
      <c r="K17032" s="9">
        <v>0.18</v>
      </c>
      <c r="L17032" s="6" t="s">
        <v>51</v>
      </c>
    </row>
    <row r="17033" spans="1:12">
      <c r="A17033" s="6" t="s">
        <v>16731</v>
      </c>
      <c r="B17033" s="6"/>
      <c r="C17033" s="6" t="s">
        <v>17061</v>
      </c>
      <c r="D17033" s="6"/>
      <c r="E17033" s="6" t="s">
        <v>9</v>
      </c>
      <c r="F17033" s="7">
        <v>38657</v>
      </c>
      <c r="G17033" s="8">
        <v>1</v>
      </c>
      <c r="H17033" s="8">
        <v>1</v>
      </c>
      <c r="I17033" s="8">
        <v>0</v>
      </c>
      <c r="J17033" s="8">
        <v>1</v>
      </c>
      <c r="K17033" s="9">
        <v>29</v>
      </c>
      <c r="L17033" s="6" t="s">
        <v>51</v>
      </c>
    </row>
    <row r="17034" spans="1:12">
      <c r="A17034" s="6" t="s">
        <v>16731</v>
      </c>
      <c r="B17034" s="6"/>
      <c r="C17034" s="6" t="s">
        <v>17062</v>
      </c>
      <c r="D17034" s="6"/>
      <c r="E17034" s="6" t="s">
        <v>9</v>
      </c>
      <c r="F17034" s="7">
        <v>38657</v>
      </c>
      <c r="G17034" s="8">
        <v>1</v>
      </c>
      <c r="H17034" s="8">
        <v>1</v>
      </c>
      <c r="I17034" s="8">
        <v>0</v>
      </c>
      <c r="J17034" s="8">
        <v>1</v>
      </c>
      <c r="K17034" s="9">
        <v>26</v>
      </c>
      <c r="L17034" s="6" t="s">
        <v>51</v>
      </c>
    </row>
    <row r="17035" spans="1:12">
      <c r="A17035" s="6" t="s">
        <v>16731</v>
      </c>
      <c r="B17035" s="6"/>
      <c r="C17035" s="6" t="s">
        <v>17063</v>
      </c>
      <c r="D17035" s="6"/>
      <c r="E17035" s="6" t="s">
        <v>9</v>
      </c>
      <c r="F17035" s="7">
        <v>38657</v>
      </c>
      <c r="G17035" s="8">
        <v>1</v>
      </c>
      <c r="H17035" s="8">
        <v>1</v>
      </c>
      <c r="I17035" s="8">
        <v>0</v>
      </c>
      <c r="J17035" s="8">
        <v>1</v>
      </c>
      <c r="K17035" s="9">
        <v>17</v>
      </c>
      <c r="L17035" s="6" t="s">
        <v>51</v>
      </c>
    </row>
    <row r="17036" spans="1:12">
      <c r="A17036" s="6" t="s">
        <v>16731</v>
      </c>
      <c r="B17036" s="6"/>
      <c r="C17036" s="6" t="s">
        <v>17064</v>
      </c>
      <c r="D17036" s="6"/>
      <c r="E17036" s="6" t="s">
        <v>9</v>
      </c>
      <c r="F17036" s="7">
        <v>38657</v>
      </c>
      <c r="G17036" s="8">
        <v>1</v>
      </c>
      <c r="H17036" s="8">
        <v>1</v>
      </c>
      <c r="I17036" s="8">
        <v>0</v>
      </c>
      <c r="J17036" s="8">
        <v>1</v>
      </c>
      <c r="K17036" s="9">
        <v>17</v>
      </c>
      <c r="L17036" s="6" t="s">
        <v>51</v>
      </c>
    </row>
    <row r="17037" spans="1:12">
      <c r="A17037" s="6" t="s">
        <v>16731</v>
      </c>
      <c r="B17037" s="6"/>
      <c r="C17037" s="6" t="s">
        <v>17065</v>
      </c>
      <c r="D17037" s="6"/>
      <c r="E17037" s="6" t="s">
        <v>9</v>
      </c>
      <c r="F17037" s="7">
        <v>38657</v>
      </c>
      <c r="G17037" s="8">
        <v>1</v>
      </c>
      <c r="H17037" s="8">
        <v>1</v>
      </c>
      <c r="I17037" s="8">
        <v>0</v>
      </c>
      <c r="J17037" s="8">
        <v>1</v>
      </c>
      <c r="K17037" s="9">
        <v>10</v>
      </c>
      <c r="L17037" s="6" t="s">
        <v>51</v>
      </c>
    </row>
    <row r="17038" spans="1:12">
      <c r="A17038" s="6" t="s">
        <v>16731</v>
      </c>
      <c r="B17038" s="6"/>
      <c r="C17038" s="6" t="s">
        <v>17066</v>
      </c>
      <c r="D17038" s="6"/>
      <c r="E17038" s="6" t="s">
        <v>9</v>
      </c>
      <c r="F17038" s="7">
        <v>38657</v>
      </c>
      <c r="G17038" s="8">
        <v>1</v>
      </c>
      <c r="H17038" s="8">
        <v>1</v>
      </c>
      <c r="I17038" s="8">
        <v>0</v>
      </c>
      <c r="J17038" s="8">
        <v>1</v>
      </c>
      <c r="K17038" s="9">
        <v>8.92</v>
      </c>
      <c r="L17038" s="6" t="s">
        <v>51</v>
      </c>
    </row>
    <row r="17039" spans="1:12">
      <c r="A17039" s="6" t="s">
        <v>16731</v>
      </c>
      <c r="B17039" s="6"/>
      <c r="C17039" s="6" t="s">
        <v>17067</v>
      </c>
      <c r="D17039" s="6"/>
      <c r="E17039" s="6" t="s">
        <v>9</v>
      </c>
      <c r="F17039" s="7">
        <v>38657</v>
      </c>
      <c r="G17039" s="8">
        <v>1</v>
      </c>
      <c r="H17039" s="8">
        <v>1</v>
      </c>
      <c r="I17039" s="8">
        <v>0</v>
      </c>
      <c r="J17039" s="8">
        <v>1</v>
      </c>
      <c r="K17039" s="9">
        <v>8.6999999999999904</v>
      </c>
      <c r="L17039" s="6" t="s">
        <v>51</v>
      </c>
    </row>
    <row r="17040" spans="1:12">
      <c r="A17040" s="6" t="s">
        <v>16731</v>
      </c>
      <c r="B17040" s="6"/>
      <c r="C17040" s="6" t="s">
        <v>17068</v>
      </c>
      <c r="D17040" s="6"/>
      <c r="E17040" s="6" t="s">
        <v>9</v>
      </c>
      <c r="F17040" s="7">
        <v>38657</v>
      </c>
      <c r="G17040" s="8">
        <v>1</v>
      </c>
      <c r="H17040" s="8">
        <v>1</v>
      </c>
      <c r="I17040" s="8">
        <v>0</v>
      </c>
      <c r="J17040" s="8">
        <v>1</v>
      </c>
      <c r="K17040" s="9">
        <v>15</v>
      </c>
      <c r="L17040" s="6" t="s">
        <v>51</v>
      </c>
    </row>
    <row r="17041" spans="1:12">
      <c r="A17041" s="6" t="s">
        <v>16731</v>
      </c>
      <c r="B17041" s="6"/>
      <c r="C17041" s="6" t="s">
        <v>17069</v>
      </c>
      <c r="D17041" s="6"/>
      <c r="E17041" s="6" t="s">
        <v>9</v>
      </c>
      <c r="F17041" s="7">
        <v>38657</v>
      </c>
      <c r="G17041" s="8">
        <v>1</v>
      </c>
      <c r="H17041" s="8">
        <v>1</v>
      </c>
      <c r="I17041" s="8">
        <v>0</v>
      </c>
      <c r="J17041" s="8">
        <v>1</v>
      </c>
      <c r="K17041" s="9">
        <v>25</v>
      </c>
      <c r="L17041" s="6" t="s">
        <v>51</v>
      </c>
    </row>
    <row r="17042" spans="1:12">
      <c r="A17042" s="6" t="s">
        <v>16731</v>
      </c>
      <c r="B17042" s="6"/>
      <c r="C17042" s="6" t="s">
        <v>17070</v>
      </c>
      <c r="D17042" s="6"/>
      <c r="E17042" s="6" t="s">
        <v>9</v>
      </c>
      <c r="F17042" s="7">
        <v>38657</v>
      </c>
      <c r="G17042" s="8">
        <v>1</v>
      </c>
      <c r="H17042" s="8">
        <v>1</v>
      </c>
      <c r="I17042" s="8">
        <v>0</v>
      </c>
      <c r="J17042" s="8">
        <v>1</v>
      </c>
      <c r="K17042" s="9">
        <v>3.76</v>
      </c>
      <c r="L17042" s="6" t="s">
        <v>51</v>
      </c>
    </row>
    <row r="17043" spans="1:12">
      <c r="A17043" s="6" t="s">
        <v>16731</v>
      </c>
      <c r="B17043" s="6"/>
      <c r="C17043" s="6" t="s">
        <v>17071</v>
      </c>
      <c r="D17043" s="6"/>
      <c r="E17043" s="6" t="s">
        <v>9</v>
      </c>
      <c r="F17043" s="7">
        <v>38657</v>
      </c>
      <c r="G17043" s="8">
        <v>1</v>
      </c>
      <c r="H17043" s="8">
        <v>1</v>
      </c>
      <c r="I17043" s="8">
        <v>0</v>
      </c>
      <c r="J17043" s="8">
        <v>1</v>
      </c>
      <c r="K17043" s="9">
        <v>9.84</v>
      </c>
      <c r="L17043" s="6" t="s">
        <v>51</v>
      </c>
    </row>
    <row r="17044" spans="1:12">
      <c r="A17044" s="6" t="s">
        <v>16731</v>
      </c>
      <c r="B17044" s="6"/>
      <c r="C17044" s="6" t="s">
        <v>17072</v>
      </c>
      <c r="D17044" s="6"/>
      <c r="E17044" s="6" t="s">
        <v>9</v>
      </c>
      <c r="F17044" s="7">
        <v>38657</v>
      </c>
      <c r="G17044" s="8">
        <v>1</v>
      </c>
      <c r="H17044" s="8">
        <v>1</v>
      </c>
      <c r="I17044" s="8">
        <v>0</v>
      </c>
      <c r="J17044" s="8">
        <v>1</v>
      </c>
      <c r="K17044" s="9">
        <v>16</v>
      </c>
      <c r="L17044" s="6" t="s">
        <v>51</v>
      </c>
    </row>
    <row r="17045" spans="1:12">
      <c r="A17045" s="6" t="s">
        <v>16731</v>
      </c>
      <c r="B17045" s="6"/>
      <c r="C17045" s="6" t="s">
        <v>17073</v>
      </c>
      <c r="D17045" s="6"/>
      <c r="E17045" s="6" t="s">
        <v>9</v>
      </c>
      <c r="F17045" s="7">
        <v>38657</v>
      </c>
      <c r="G17045" s="8">
        <v>1</v>
      </c>
      <c r="H17045" s="8">
        <v>1</v>
      </c>
      <c r="I17045" s="8">
        <v>0</v>
      </c>
      <c r="J17045" s="8">
        <v>1</v>
      </c>
      <c r="K17045" s="9">
        <v>17</v>
      </c>
      <c r="L17045" s="6" t="s">
        <v>51</v>
      </c>
    </row>
    <row r="17046" spans="1:12">
      <c r="A17046" s="6" t="s">
        <v>16731</v>
      </c>
      <c r="B17046" s="6"/>
      <c r="C17046" s="6" t="s">
        <v>17074</v>
      </c>
      <c r="D17046" s="6"/>
      <c r="E17046" s="6" t="s">
        <v>9</v>
      </c>
      <c r="F17046" s="7">
        <v>38657</v>
      </c>
      <c r="G17046" s="8">
        <v>1</v>
      </c>
      <c r="H17046" s="8">
        <v>1</v>
      </c>
      <c r="I17046" s="8">
        <v>0</v>
      </c>
      <c r="J17046" s="8">
        <v>1</v>
      </c>
      <c r="K17046" s="9">
        <v>13</v>
      </c>
      <c r="L17046" s="6" t="s">
        <v>51</v>
      </c>
    </row>
    <row r="17047" spans="1:12">
      <c r="A17047" s="6" t="s">
        <v>17075</v>
      </c>
      <c r="B17047" s="6"/>
      <c r="C17047" s="6" t="s">
        <v>17076</v>
      </c>
      <c r="D17047" s="6"/>
      <c r="E17047" s="6" t="s">
        <v>9</v>
      </c>
      <c r="F17047" s="7">
        <v>38657</v>
      </c>
      <c r="G17047" s="8">
        <v>1</v>
      </c>
      <c r="H17047" s="8">
        <v>1</v>
      </c>
      <c r="I17047" s="8">
        <v>0</v>
      </c>
      <c r="J17047" s="8">
        <v>1</v>
      </c>
      <c r="K17047" s="9">
        <v>42</v>
      </c>
      <c r="L17047" s="6" t="s">
        <v>51</v>
      </c>
    </row>
    <row r="17048" spans="1:12">
      <c r="A17048" s="6" t="s">
        <v>17075</v>
      </c>
      <c r="B17048" s="6"/>
      <c r="C17048" s="6" t="s">
        <v>17077</v>
      </c>
      <c r="D17048" s="6"/>
      <c r="E17048" s="6" t="s">
        <v>9</v>
      </c>
      <c r="F17048" s="7">
        <v>38657</v>
      </c>
      <c r="G17048" s="8">
        <v>1</v>
      </c>
      <c r="H17048" s="8">
        <v>1</v>
      </c>
      <c r="I17048" s="8">
        <v>0</v>
      </c>
      <c r="J17048" s="8">
        <v>1</v>
      </c>
      <c r="K17048" s="9">
        <v>100</v>
      </c>
      <c r="L17048" s="6" t="s">
        <v>51</v>
      </c>
    </row>
    <row r="17049" spans="1:12">
      <c r="A17049" s="6" t="s">
        <v>17075</v>
      </c>
      <c r="B17049" s="6"/>
      <c r="C17049" s="6" t="s">
        <v>17078</v>
      </c>
      <c r="D17049" s="6"/>
      <c r="E17049" s="6" t="s">
        <v>9</v>
      </c>
      <c r="F17049" s="7">
        <v>38657</v>
      </c>
      <c r="G17049" s="8">
        <v>1</v>
      </c>
      <c r="H17049" s="8">
        <v>1</v>
      </c>
      <c r="I17049" s="8">
        <v>0</v>
      </c>
      <c r="J17049" s="8">
        <v>1</v>
      </c>
      <c r="K17049" s="9">
        <v>9.93</v>
      </c>
      <c r="L17049" s="6" t="s">
        <v>51</v>
      </c>
    </row>
    <row r="17050" spans="1:12">
      <c r="A17050" s="6" t="s">
        <v>17075</v>
      </c>
      <c r="B17050" s="6"/>
      <c r="C17050" s="6" t="s">
        <v>17079</v>
      </c>
      <c r="D17050" s="6"/>
      <c r="E17050" s="6" t="s">
        <v>9</v>
      </c>
      <c r="F17050" s="7">
        <v>38657</v>
      </c>
      <c r="G17050" s="8">
        <v>1</v>
      </c>
      <c r="H17050" s="8">
        <v>1</v>
      </c>
      <c r="I17050" s="8">
        <v>0</v>
      </c>
      <c r="J17050" s="8">
        <v>1</v>
      </c>
      <c r="K17050" s="9">
        <v>64</v>
      </c>
      <c r="L17050" s="6" t="s">
        <v>51</v>
      </c>
    </row>
    <row r="17051" spans="1:12">
      <c r="A17051" s="6" t="s">
        <v>17075</v>
      </c>
      <c r="B17051" s="6"/>
      <c r="C17051" s="6" t="s">
        <v>17080</v>
      </c>
      <c r="D17051" s="6"/>
      <c r="E17051" s="6" t="s">
        <v>9</v>
      </c>
      <c r="F17051" s="7">
        <v>38657</v>
      </c>
      <c r="G17051" s="8">
        <v>1</v>
      </c>
      <c r="H17051" s="8">
        <v>1</v>
      </c>
      <c r="I17051" s="8">
        <v>0</v>
      </c>
      <c r="J17051" s="8">
        <v>1</v>
      </c>
      <c r="K17051" s="9">
        <v>66</v>
      </c>
      <c r="L17051" s="6" t="s">
        <v>51</v>
      </c>
    </row>
    <row r="17052" spans="1:12">
      <c r="A17052" s="6" t="s">
        <v>17075</v>
      </c>
      <c r="B17052" s="6"/>
      <c r="C17052" s="6" t="s">
        <v>17081</v>
      </c>
      <c r="D17052" s="6"/>
      <c r="E17052" s="6" t="s">
        <v>9</v>
      </c>
      <c r="F17052" s="7">
        <v>38657</v>
      </c>
      <c r="G17052" s="8">
        <v>1</v>
      </c>
      <c r="H17052" s="8">
        <v>1</v>
      </c>
      <c r="I17052" s="8">
        <v>0</v>
      </c>
      <c r="J17052" s="8">
        <v>1</v>
      </c>
      <c r="K17052" s="9">
        <v>195</v>
      </c>
      <c r="L17052" s="6" t="s">
        <v>51</v>
      </c>
    </row>
    <row r="17053" spans="1:12">
      <c r="A17053" s="6" t="s">
        <v>17075</v>
      </c>
      <c r="B17053" s="6"/>
      <c r="C17053" s="6" t="s">
        <v>17082</v>
      </c>
      <c r="D17053" s="6"/>
      <c r="E17053" s="6" t="s">
        <v>9</v>
      </c>
      <c r="F17053" s="7">
        <v>38657</v>
      </c>
      <c r="G17053" s="8">
        <v>1</v>
      </c>
      <c r="H17053" s="8">
        <v>1</v>
      </c>
      <c r="I17053" s="8">
        <v>0</v>
      </c>
      <c r="J17053" s="8">
        <v>1</v>
      </c>
      <c r="K17053" s="9">
        <v>31</v>
      </c>
      <c r="L17053" s="6" t="s">
        <v>51</v>
      </c>
    </row>
    <row r="17054" spans="1:12">
      <c r="A17054" s="6" t="s">
        <v>17075</v>
      </c>
      <c r="B17054" s="6"/>
      <c r="C17054" s="6" t="s">
        <v>17083</v>
      </c>
      <c r="D17054" s="6"/>
      <c r="E17054" s="6" t="s">
        <v>9</v>
      </c>
      <c r="F17054" s="7">
        <v>38657</v>
      </c>
      <c r="G17054" s="8">
        <v>1</v>
      </c>
      <c r="H17054" s="8">
        <v>1</v>
      </c>
      <c r="I17054" s="8">
        <v>0</v>
      </c>
      <c r="J17054" s="8">
        <v>1</v>
      </c>
      <c r="K17054" s="9">
        <v>43</v>
      </c>
      <c r="L17054" s="6" t="s">
        <v>51</v>
      </c>
    </row>
    <row r="17055" spans="1:12">
      <c r="A17055" s="6" t="s">
        <v>17075</v>
      </c>
      <c r="B17055" s="6"/>
      <c r="C17055" s="6" t="s">
        <v>17084</v>
      </c>
      <c r="D17055" s="6"/>
      <c r="E17055" s="6" t="s">
        <v>9</v>
      </c>
      <c r="F17055" s="7">
        <v>38657</v>
      </c>
      <c r="G17055" s="8">
        <v>1</v>
      </c>
      <c r="H17055" s="8">
        <v>1</v>
      </c>
      <c r="I17055" s="8">
        <v>0</v>
      </c>
      <c r="J17055" s="8">
        <v>1</v>
      </c>
      <c r="K17055" s="9">
        <v>87</v>
      </c>
      <c r="L17055" s="6" t="s">
        <v>51</v>
      </c>
    </row>
    <row r="17056" spans="1:12">
      <c r="A17056" s="6" t="s">
        <v>17075</v>
      </c>
      <c r="B17056" s="6"/>
      <c r="C17056" s="6" t="s">
        <v>17085</v>
      </c>
      <c r="D17056" s="6"/>
      <c r="E17056" s="6" t="s">
        <v>9</v>
      </c>
      <c r="F17056" s="7">
        <v>38657</v>
      </c>
      <c r="G17056" s="8">
        <v>1</v>
      </c>
      <c r="H17056" s="8">
        <v>1</v>
      </c>
      <c r="I17056" s="8">
        <v>0</v>
      </c>
      <c r="J17056" s="8">
        <v>1</v>
      </c>
      <c r="K17056" s="9">
        <v>195</v>
      </c>
      <c r="L17056" s="6" t="s">
        <v>51</v>
      </c>
    </row>
    <row r="17057" spans="1:12">
      <c r="A17057" s="6" t="s">
        <v>17075</v>
      </c>
      <c r="B17057" s="6"/>
      <c r="C17057" s="6" t="s">
        <v>17086</v>
      </c>
      <c r="D17057" s="6"/>
      <c r="E17057" s="6" t="s">
        <v>9</v>
      </c>
      <c r="F17057" s="7">
        <v>38657</v>
      </c>
      <c r="G17057" s="8">
        <v>1</v>
      </c>
      <c r="H17057" s="8">
        <v>1</v>
      </c>
      <c r="I17057" s="8">
        <v>0</v>
      </c>
      <c r="J17057" s="8">
        <v>1</v>
      </c>
      <c r="K17057" s="9">
        <v>51</v>
      </c>
      <c r="L17057" s="6" t="s">
        <v>51</v>
      </c>
    </row>
    <row r="17058" spans="1:12">
      <c r="A17058" s="6" t="s">
        <v>17075</v>
      </c>
      <c r="B17058" s="6"/>
      <c r="C17058" s="6" t="s">
        <v>17087</v>
      </c>
      <c r="D17058" s="6"/>
      <c r="E17058" s="6" t="s">
        <v>9</v>
      </c>
      <c r="F17058" s="7">
        <v>38657</v>
      </c>
      <c r="G17058" s="8">
        <v>1</v>
      </c>
      <c r="H17058" s="8">
        <v>1</v>
      </c>
      <c r="I17058" s="8">
        <v>0</v>
      </c>
      <c r="J17058" s="8">
        <v>1</v>
      </c>
      <c r="K17058" s="9">
        <v>14</v>
      </c>
      <c r="L17058" s="6" t="s">
        <v>51</v>
      </c>
    </row>
    <row r="17059" spans="1:12">
      <c r="A17059" s="6" t="s">
        <v>17075</v>
      </c>
      <c r="B17059" s="6"/>
      <c r="C17059" s="6" t="s">
        <v>17088</v>
      </c>
      <c r="D17059" s="6"/>
      <c r="E17059" s="6" t="s">
        <v>9</v>
      </c>
      <c r="F17059" s="7">
        <v>38657</v>
      </c>
      <c r="G17059" s="8">
        <v>1</v>
      </c>
      <c r="H17059" s="8">
        <v>1</v>
      </c>
      <c r="I17059" s="8">
        <v>0</v>
      </c>
      <c r="J17059" s="8">
        <v>1</v>
      </c>
      <c r="K17059" s="9">
        <v>99</v>
      </c>
      <c r="L17059" s="6" t="s">
        <v>51</v>
      </c>
    </row>
    <row r="17060" spans="1:12">
      <c r="A17060" s="6" t="s">
        <v>17075</v>
      </c>
      <c r="B17060" s="6"/>
      <c r="C17060" s="6" t="s">
        <v>17089</v>
      </c>
      <c r="D17060" s="6"/>
      <c r="E17060" s="6" t="s">
        <v>9</v>
      </c>
      <c r="F17060" s="7">
        <v>38657</v>
      </c>
      <c r="G17060" s="8">
        <v>1</v>
      </c>
      <c r="H17060" s="8">
        <v>1</v>
      </c>
      <c r="I17060" s="8">
        <v>0</v>
      </c>
      <c r="J17060" s="8">
        <v>1</v>
      </c>
      <c r="K17060" s="9">
        <v>229</v>
      </c>
      <c r="L17060" s="6" t="s">
        <v>51</v>
      </c>
    </row>
    <row r="17061" spans="1:12">
      <c r="A17061" s="6" t="s">
        <v>17075</v>
      </c>
      <c r="B17061" s="6"/>
      <c r="C17061" s="6" t="s">
        <v>17090</v>
      </c>
      <c r="D17061" s="6"/>
      <c r="E17061" s="6" t="s">
        <v>9</v>
      </c>
      <c r="F17061" s="7">
        <v>38657</v>
      </c>
      <c r="G17061" s="8">
        <v>1</v>
      </c>
      <c r="H17061" s="8">
        <v>1</v>
      </c>
      <c r="I17061" s="8">
        <v>0</v>
      </c>
      <c r="J17061" s="8">
        <v>1</v>
      </c>
      <c r="K17061" s="9">
        <v>203</v>
      </c>
      <c r="L17061" s="6" t="s">
        <v>51</v>
      </c>
    </row>
    <row r="17062" spans="1:12">
      <c r="A17062" s="6" t="s">
        <v>17075</v>
      </c>
      <c r="B17062" s="6"/>
      <c r="C17062" s="6" t="s">
        <v>17091</v>
      </c>
      <c r="D17062" s="6"/>
      <c r="E17062" s="6" t="s">
        <v>9</v>
      </c>
      <c r="F17062" s="7">
        <v>38657</v>
      </c>
      <c r="G17062" s="8">
        <v>1</v>
      </c>
      <c r="H17062" s="8">
        <v>1</v>
      </c>
      <c r="I17062" s="8">
        <v>0</v>
      </c>
      <c r="J17062" s="8">
        <v>1</v>
      </c>
      <c r="K17062" s="9">
        <v>214</v>
      </c>
      <c r="L17062" s="6" t="s">
        <v>51</v>
      </c>
    </row>
    <row r="17063" spans="1:12">
      <c r="A17063" s="6" t="s">
        <v>17075</v>
      </c>
      <c r="B17063" s="6"/>
      <c r="C17063" s="6" t="s">
        <v>17092</v>
      </c>
      <c r="D17063" s="6"/>
      <c r="E17063" s="6" t="s">
        <v>9</v>
      </c>
      <c r="F17063" s="7">
        <v>38657</v>
      </c>
      <c r="G17063" s="8">
        <v>1</v>
      </c>
      <c r="H17063" s="8">
        <v>1</v>
      </c>
      <c r="I17063" s="8">
        <v>0</v>
      </c>
      <c r="J17063" s="8">
        <v>1</v>
      </c>
      <c r="K17063" s="9">
        <v>70</v>
      </c>
      <c r="L17063" s="6" t="s">
        <v>51</v>
      </c>
    </row>
    <row r="17064" spans="1:12">
      <c r="A17064" s="6" t="s">
        <v>17075</v>
      </c>
      <c r="B17064" s="6"/>
      <c r="C17064" s="6" t="s">
        <v>17093</v>
      </c>
      <c r="D17064" s="6"/>
      <c r="E17064" s="6" t="s">
        <v>9</v>
      </c>
      <c r="F17064" s="7">
        <v>38657</v>
      </c>
      <c r="G17064" s="8">
        <v>1</v>
      </c>
      <c r="H17064" s="8">
        <v>1</v>
      </c>
      <c r="I17064" s="8">
        <v>0</v>
      </c>
      <c r="J17064" s="8">
        <v>1</v>
      </c>
      <c r="K17064" s="9">
        <v>147</v>
      </c>
      <c r="L17064" s="6" t="s">
        <v>51</v>
      </c>
    </row>
    <row r="17065" spans="1:12">
      <c r="A17065" s="6" t="s">
        <v>17075</v>
      </c>
      <c r="B17065" s="6"/>
      <c r="C17065" s="6" t="s">
        <v>17094</v>
      </c>
      <c r="D17065" s="6"/>
      <c r="E17065" s="6" t="s">
        <v>9</v>
      </c>
      <c r="F17065" s="7">
        <v>38657</v>
      </c>
      <c r="G17065" s="8">
        <v>1</v>
      </c>
      <c r="H17065" s="8">
        <v>1</v>
      </c>
      <c r="I17065" s="8">
        <v>0</v>
      </c>
      <c r="J17065" s="8">
        <v>1</v>
      </c>
      <c r="K17065" s="9">
        <v>212</v>
      </c>
      <c r="L17065" s="6" t="s">
        <v>51</v>
      </c>
    </row>
    <row r="17066" spans="1:12">
      <c r="A17066" s="6" t="s">
        <v>17075</v>
      </c>
      <c r="B17066" s="6"/>
      <c r="C17066" s="6" t="s">
        <v>17095</v>
      </c>
      <c r="D17066" s="6"/>
      <c r="E17066" s="6" t="s">
        <v>9</v>
      </c>
      <c r="F17066" s="7">
        <v>38657</v>
      </c>
      <c r="G17066" s="8">
        <v>1</v>
      </c>
      <c r="H17066" s="8">
        <v>1</v>
      </c>
      <c r="I17066" s="8">
        <v>0</v>
      </c>
      <c r="J17066" s="8">
        <v>1</v>
      </c>
      <c r="K17066" s="9">
        <v>212</v>
      </c>
      <c r="L17066" s="6" t="s">
        <v>51</v>
      </c>
    </row>
    <row r="17067" spans="1:12">
      <c r="A17067" s="6" t="s">
        <v>17075</v>
      </c>
      <c r="B17067" s="6"/>
      <c r="C17067" s="6" t="s">
        <v>17096</v>
      </c>
      <c r="D17067" s="6"/>
      <c r="E17067" s="6" t="s">
        <v>9</v>
      </c>
      <c r="F17067" s="7">
        <v>38657</v>
      </c>
      <c r="G17067" s="8">
        <v>1</v>
      </c>
      <c r="H17067" s="8">
        <v>1</v>
      </c>
      <c r="I17067" s="8">
        <v>0</v>
      </c>
      <c r="J17067" s="8">
        <v>1</v>
      </c>
      <c r="K17067" s="9">
        <v>270</v>
      </c>
      <c r="L17067" s="6" t="s">
        <v>51</v>
      </c>
    </row>
    <row r="17068" spans="1:12">
      <c r="A17068" s="6" t="s">
        <v>17075</v>
      </c>
      <c r="B17068" s="6"/>
      <c r="C17068" s="6" t="s">
        <v>17097</v>
      </c>
      <c r="D17068" s="6"/>
      <c r="E17068" s="6" t="s">
        <v>9</v>
      </c>
      <c r="F17068" s="7">
        <v>38657</v>
      </c>
      <c r="G17068" s="8">
        <v>1</v>
      </c>
      <c r="H17068" s="8">
        <v>1</v>
      </c>
      <c r="I17068" s="8">
        <v>0</v>
      </c>
      <c r="J17068" s="8">
        <v>1</v>
      </c>
      <c r="K17068" s="9">
        <v>405</v>
      </c>
      <c r="L17068" s="6" t="s">
        <v>51</v>
      </c>
    </row>
    <row r="17069" spans="1:12">
      <c r="A17069" s="6" t="s">
        <v>17075</v>
      </c>
      <c r="B17069" s="6"/>
      <c r="C17069" s="6" t="s">
        <v>17098</v>
      </c>
      <c r="D17069" s="6"/>
      <c r="E17069" s="6" t="s">
        <v>9</v>
      </c>
      <c r="F17069" s="7">
        <v>38657</v>
      </c>
      <c r="G17069" s="8">
        <v>1</v>
      </c>
      <c r="H17069" s="8">
        <v>1</v>
      </c>
      <c r="I17069" s="8">
        <v>0</v>
      </c>
      <c r="J17069" s="8">
        <v>1</v>
      </c>
      <c r="K17069" s="9">
        <v>321</v>
      </c>
      <c r="L17069" s="6" t="s">
        <v>51</v>
      </c>
    </row>
    <row r="17070" spans="1:12">
      <c r="A17070" s="6" t="s">
        <v>17075</v>
      </c>
      <c r="B17070" s="6"/>
      <c r="C17070" s="6" t="s">
        <v>17099</v>
      </c>
      <c r="D17070" s="6"/>
      <c r="E17070" s="6" t="s">
        <v>9</v>
      </c>
      <c r="F17070" s="7">
        <v>38657</v>
      </c>
      <c r="G17070" s="8">
        <v>1</v>
      </c>
      <c r="H17070" s="8">
        <v>1</v>
      </c>
      <c r="I17070" s="8">
        <v>0</v>
      </c>
      <c r="J17070" s="8">
        <v>1</v>
      </c>
      <c r="K17070" s="9">
        <v>19</v>
      </c>
      <c r="L17070" s="6" t="s">
        <v>51</v>
      </c>
    </row>
    <row r="17071" spans="1:12">
      <c r="A17071" s="6" t="s">
        <v>17075</v>
      </c>
      <c r="B17071" s="6"/>
      <c r="C17071" s="6" t="s">
        <v>17100</v>
      </c>
      <c r="D17071" s="6"/>
      <c r="E17071" s="6" t="s">
        <v>9</v>
      </c>
      <c r="F17071" s="7">
        <v>38657</v>
      </c>
      <c r="G17071" s="8">
        <v>1</v>
      </c>
      <c r="H17071" s="8">
        <v>1</v>
      </c>
      <c r="I17071" s="8">
        <v>0</v>
      </c>
      <c r="J17071" s="8">
        <v>1</v>
      </c>
      <c r="K17071" s="9">
        <v>44</v>
      </c>
      <c r="L17071" s="6" t="s">
        <v>51</v>
      </c>
    </row>
    <row r="17072" spans="1:12">
      <c r="A17072" s="6" t="s">
        <v>17075</v>
      </c>
      <c r="B17072" s="6"/>
      <c r="C17072" s="6" t="s">
        <v>17101</v>
      </c>
      <c r="D17072" s="6"/>
      <c r="E17072" s="6" t="s">
        <v>9</v>
      </c>
      <c r="F17072" s="7">
        <v>38657</v>
      </c>
      <c r="G17072" s="8">
        <v>1</v>
      </c>
      <c r="H17072" s="8">
        <v>1</v>
      </c>
      <c r="I17072" s="8">
        <v>0</v>
      </c>
      <c r="J17072" s="8">
        <v>1</v>
      </c>
      <c r="K17072" s="9">
        <v>149</v>
      </c>
      <c r="L17072" s="6" t="s">
        <v>51</v>
      </c>
    </row>
    <row r="17073" spans="1:12">
      <c r="A17073" s="6" t="s">
        <v>17075</v>
      </c>
      <c r="B17073" s="6"/>
      <c r="C17073" s="6" t="s">
        <v>17102</v>
      </c>
      <c r="D17073" s="6"/>
      <c r="E17073" s="6" t="s">
        <v>9</v>
      </c>
      <c r="F17073" s="7">
        <v>38657</v>
      </c>
      <c r="G17073" s="8">
        <v>1</v>
      </c>
      <c r="H17073" s="8">
        <v>1</v>
      </c>
      <c r="I17073" s="8">
        <v>0</v>
      </c>
      <c r="J17073" s="8">
        <v>1</v>
      </c>
      <c r="K17073" s="9">
        <v>147</v>
      </c>
      <c r="L17073" s="6" t="s">
        <v>51</v>
      </c>
    </row>
    <row r="17074" spans="1:12">
      <c r="A17074" s="6" t="s">
        <v>17075</v>
      </c>
      <c r="B17074" s="6"/>
      <c r="C17074" s="6" t="s">
        <v>17103</v>
      </c>
      <c r="D17074" s="6"/>
      <c r="E17074" s="6" t="s">
        <v>9</v>
      </c>
      <c r="F17074" s="7">
        <v>38657</v>
      </c>
      <c r="G17074" s="8">
        <v>1</v>
      </c>
      <c r="H17074" s="8">
        <v>1</v>
      </c>
      <c r="I17074" s="8">
        <v>0</v>
      </c>
      <c r="J17074" s="8">
        <v>1</v>
      </c>
      <c r="K17074" s="9">
        <v>149</v>
      </c>
      <c r="L17074" s="6" t="s">
        <v>51</v>
      </c>
    </row>
    <row r="17075" spans="1:12">
      <c r="A17075" s="6" t="s">
        <v>17075</v>
      </c>
      <c r="B17075" s="6"/>
      <c r="C17075" s="6" t="s">
        <v>17104</v>
      </c>
      <c r="D17075" s="6"/>
      <c r="E17075" s="6" t="s">
        <v>9</v>
      </c>
      <c r="F17075" s="7">
        <v>38657</v>
      </c>
      <c r="G17075" s="8">
        <v>1</v>
      </c>
      <c r="H17075" s="8">
        <v>1</v>
      </c>
      <c r="I17075" s="8">
        <v>0</v>
      </c>
      <c r="J17075" s="8">
        <v>1</v>
      </c>
      <c r="K17075" s="9">
        <v>146</v>
      </c>
      <c r="L17075" s="6" t="s">
        <v>51</v>
      </c>
    </row>
    <row r="17076" spans="1:12">
      <c r="A17076" s="6" t="s">
        <v>17075</v>
      </c>
      <c r="B17076" s="6"/>
      <c r="C17076" s="6" t="s">
        <v>17105</v>
      </c>
      <c r="D17076" s="6"/>
      <c r="E17076" s="6" t="s">
        <v>9</v>
      </c>
      <c r="F17076" s="7">
        <v>38657</v>
      </c>
      <c r="G17076" s="8">
        <v>1</v>
      </c>
      <c r="H17076" s="8">
        <v>1</v>
      </c>
      <c r="I17076" s="8">
        <v>0</v>
      </c>
      <c r="J17076" s="8">
        <v>1</v>
      </c>
      <c r="K17076" s="9">
        <v>156</v>
      </c>
      <c r="L17076" s="6" t="s">
        <v>51</v>
      </c>
    </row>
    <row r="17077" spans="1:12">
      <c r="A17077" s="6" t="s">
        <v>17075</v>
      </c>
      <c r="B17077" s="6"/>
      <c r="C17077" s="6" t="s">
        <v>17106</v>
      </c>
      <c r="D17077" s="6"/>
      <c r="E17077" s="6" t="s">
        <v>9</v>
      </c>
      <c r="F17077" s="7">
        <v>38657</v>
      </c>
      <c r="G17077" s="8">
        <v>1</v>
      </c>
      <c r="H17077" s="8">
        <v>1</v>
      </c>
      <c r="I17077" s="8">
        <v>0</v>
      </c>
      <c r="J17077" s="8">
        <v>1</v>
      </c>
      <c r="K17077" s="9">
        <v>111</v>
      </c>
      <c r="L17077" s="6" t="s">
        <v>51</v>
      </c>
    </row>
    <row r="17078" spans="1:12">
      <c r="A17078" s="6" t="s">
        <v>17075</v>
      </c>
      <c r="B17078" s="6"/>
      <c r="C17078" s="6" t="s">
        <v>17107</v>
      </c>
      <c r="D17078" s="6"/>
      <c r="E17078" s="6" t="s">
        <v>9</v>
      </c>
      <c r="F17078" s="7">
        <v>38657</v>
      </c>
      <c r="G17078" s="8">
        <v>1</v>
      </c>
      <c r="H17078" s="8">
        <v>1</v>
      </c>
      <c r="I17078" s="8">
        <v>0</v>
      </c>
      <c r="J17078" s="8">
        <v>1</v>
      </c>
      <c r="K17078" s="9">
        <v>96</v>
      </c>
      <c r="L17078" s="6" t="s">
        <v>51</v>
      </c>
    </row>
    <row r="17079" spans="1:12">
      <c r="A17079" s="6" t="s">
        <v>17075</v>
      </c>
      <c r="B17079" s="6"/>
      <c r="C17079" s="6" t="s">
        <v>17108</v>
      </c>
      <c r="D17079" s="6"/>
      <c r="E17079" s="6" t="s">
        <v>9</v>
      </c>
      <c r="F17079" s="7">
        <v>38657</v>
      </c>
      <c r="G17079" s="8">
        <v>1</v>
      </c>
      <c r="H17079" s="8">
        <v>1</v>
      </c>
      <c r="I17079" s="8">
        <v>0</v>
      </c>
      <c r="J17079" s="8">
        <v>1</v>
      </c>
      <c r="K17079" s="9">
        <v>7.82</v>
      </c>
      <c r="L17079" s="6" t="s">
        <v>51</v>
      </c>
    </row>
    <row r="17080" spans="1:12">
      <c r="A17080" s="6" t="s">
        <v>17075</v>
      </c>
      <c r="B17080" s="6"/>
      <c r="C17080" s="6" t="s">
        <v>17109</v>
      </c>
      <c r="D17080" s="6"/>
      <c r="E17080" s="6" t="s">
        <v>9</v>
      </c>
      <c r="F17080" s="7">
        <v>38657</v>
      </c>
      <c r="G17080" s="8">
        <v>1</v>
      </c>
      <c r="H17080" s="8">
        <v>1</v>
      </c>
      <c r="I17080" s="8">
        <v>0</v>
      </c>
      <c r="J17080" s="8">
        <v>1</v>
      </c>
      <c r="K17080" s="9">
        <v>57</v>
      </c>
      <c r="L17080" s="6" t="s">
        <v>51</v>
      </c>
    </row>
    <row r="17081" spans="1:12">
      <c r="A17081" s="6" t="s">
        <v>17075</v>
      </c>
      <c r="B17081" s="6"/>
      <c r="C17081" s="6" t="s">
        <v>17110</v>
      </c>
      <c r="D17081" s="6"/>
      <c r="E17081" s="6" t="s">
        <v>9</v>
      </c>
      <c r="F17081" s="7">
        <v>38657</v>
      </c>
      <c r="G17081" s="8">
        <v>1</v>
      </c>
      <c r="H17081" s="8">
        <v>1</v>
      </c>
      <c r="I17081" s="8">
        <v>0</v>
      </c>
      <c r="J17081" s="8">
        <v>1</v>
      </c>
      <c r="K17081" s="9">
        <v>78</v>
      </c>
      <c r="L17081" s="6" t="s">
        <v>51</v>
      </c>
    </row>
    <row r="17082" spans="1:12">
      <c r="A17082" s="6" t="s">
        <v>17075</v>
      </c>
      <c r="B17082" s="6"/>
      <c r="C17082" s="6" t="s">
        <v>17111</v>
      </c>
      <c r="D17082" s="6"/>
      <c r="E17082" s="6" t="s">
        <v>9</v>
      </c>
      <c r="F17082" s="7">
        <v>38657</v>
      </c>
      <c r="G17082" s="8">
        <v>1</v>
      </c>
      <c r="H17082" s="8">
        <v>1</v>
      </c>
      <c r="I17082" s="8">
        <v>0</v>
      </c>
      <c r="J17082" s="8">
        <v>1</v>
      </c>
      <c r="K17082" s="9">
        <v>49</v>
      </c>
      <c r="L17082" s="6" t="s">
        <v>51</v>
      </c>
    </row>
    <row r="17083" spans="1:12">
      <c r="A17083" s="6" t="s">
        <v>17075</v>
      </c>
      <c r="B17083" s="6"/>
      <c r="C17083" s="6" t="s">
        <v>17112</v>
      </c>
      <c r="D17083" s="6"/>
      <c r="E17083" s="6" t="s">
        <v>9</v>
      </c>
      <c r="F17083" s="7">
        <v>38657</v>
      </c>
      <c r="G17083" s="8">
        <v>1</v>
      </c>
      <c r="H17083" s="8">
        <v>1</v>
      </c>
      <c r="I17083" s="8">
        <v>0</v>
      </c>
      <c r="J17083" s="8">
        <v>1</v>
      </c>
      <c r="K17083" s="9">
        <v>198</v>
      </c>
      <c r="L17083" s="6" t="s">
        <v>51</v>
      </c>
    </row>
    <row r="17084" spans="1:12">
      <c r="A17084" s="6" t="s">
        <v>17075</v>
      </c>
      <c r="B17084" s="6"/>
      <c r="C17084" s="6" t="s">
        <v>17113</v>
      </c>
      <c r="D17084" s="6"/>
      <c r="E17084" s="6" t="s">
        <v>9</v>
      </c>
      <c r="F17084" s="7">
        <v>38657</v>
      </c>
      <c r="G17084" s="8">
        <v>1</v>
      </c>
      <c r="H17084" s="8">
        <v>1</v>
      </c>
      <c r="I17084" s="8">
        <v>0</v>
      </c>
      <c r="J17084" s="8">
        <v>1</v>
      </c>
      <c r="K17084" s="9">
        <v>4.91</v>
      </c>
      <c r="L17084" s="6" t="s">
        <v>51</v>
      </c>
    </row>
    <row r="17085" spans="1:12">
      <c r="A17085" s="6" t="s">
        <v>17075</v>
      </c>
      <c r="B17085" s="6"/>
      <c r="C17085" s="6" t="s">
        <v>17114</v>
      </c>
      <c r="D17085" s="6"/>
      <c r="E17085" s="6" t="s">
        <v>9</v>
      </c>
      <c r="F17085" s="7">
        <v>38657</v>
      </c>
      <c r="G17085" s="8">
        <v>1</v>
      </c>
      <c r="H17085" s="8">
        <v>1</v>
      </c>
      <c r="I17085" s="8">
        <v>0</v>
      </c>
      <c r="J17085" s="8">
        <v>1</v>
      </c>
      <c r="K17085" s="9">
        <v>108</v>
      </c>
      <c r="L17085" s="6" t="s">
        <v>51</v>
      </c>
    </row>
    <row r="17086" spans="1:12">
      <c r="A17086" s="6" t="s">
        <v>17075</v>
      </c>
      <c r="B17086" s="6"/>
      <c r="C17086" s="6" t="s">
        <v>17115</v>
      </c>
      <c r="D17086" s="6"/>
      <c r="E17086" s="6" t="s">
        <v>9</v>
      </c>
      <c r="F17086" s="7">
        <v>38657</v>
      </c>
      <c r="G17086" s="8">
        <v>1</v>
      </c>
      <c r="H17086" s="8">
        <v>1</v>
      </c>
      <c r="I17086" s="8">
        <v>0</v>
      </c>
      <c r="J17086" s="8">
        <v>1</v>
      </c>
      <c r="K17086" s="9">
        <v>124</v>
      </c>
      <c r="L17086" s="6" t="s">
        <v>51</v>
      </c>
    </row>
    <row r="17087" spans="1:12">
      <c r="A17087" s="6" t="s">
        <v>17075</v>
      </c>
      <c r="B17087" s="6"/>
      <c r="C17087" s="6" t="s">
        <v>17116</v>
      </c>
      <c r="D17087" s="6"/>
      <c r="E17087" s="6" t="s">
        <v>9</v>
      </c>
      <c r="F17087" s="7">
        <v>38657</v>
      </c>
      <c r="G17087" s="8">
        <v>1</v>
      </c>
      <c r="H17087" s="8">
        <v>1</v>
      </c>
      <c r="I17087" s="8">
        <v>0</v>
      </c>
      <c r="J17087" s="8">
        <v>1</v>
      </c>
      <c r="K17087" s="9">
        <v>52</v>
      </c>
      <c r="L17087" s="6" t="s">
        <v>51</v>
      </c>
    </row>
    <row r="17088" spans="1:12">
      <c r="A17088" s="6" t="s">
        <v>17075</v>
      </c>
      <c r="B17088" s="6"/>
      <c r="C17088" s="6" t="s">
        <v>17117</v>
      </c>
      <c r="D17088" s="6"/>
      <c r="E17088" s="6" t="s">
        <v>9</v>
      </c>
      <c r="F17088" s="7">
        <v>38657</v>
      </c>
      <c r="G17088" s="8">
        <v>1</v>
      </c>
      <c r="H17088" s="8">
        <v>1</v>
      </c>
      <c r="I17088" s="8">
        <v>0</v>
      </c>
      <c r="J17088" s="8">
        <v>1</v>
      </c>
      <c r="K17088" s="9">
        <v>38</v>
      </c>
      <c r="L17088" s="6" t="s">
        <v>51</v>
      </c>
    </row>
    <row r="17089" spans="1:12">
      <c r="A17089" s="6" t="s">
        <v>17075</v>
      </c>
      <c r="B17089" s="6"/>
      <c r="C17089" s="6" t="s">
        <v>17118</v>
      </c>
      <c r="D17089" s="6"/>
      <c r="E17089" s="6" t="s">
        <v>9</v>
      </c>
      <c r="F17089" s="7">
        <v>38657</v>
      </c>
      <c r="G17089" s="8">
        <v>1</v>
      </c>
      <c r="H17089" s="8">
        <v>1</v>
      </c>
      <c r="I17089" s="8">
        <v>0</v>
      </c>
      <c r="J17089" s="8">
        <v>1</v>
      </c>
      <c r="K17089" s="9">
        <v>3.96</v>
      </c>
      <c r="L17089" s="6" t="s">
        <v>51</v>
      </c>
    </row>
    <row r="17090" spans="1:12">
      <c r="A17090" s="6" t="s">
        <v>17075</v>
      </c>
      <c r="B17090" s="6"/>
      <c r="C17090" s="6" t="s">
        <v>17119</v>
      </c>
      <c r="D17090" s="6"/>
      <c r="E17090" s="6" t="s">
        <v>9</v>
      </c>
      <c r="F17090" s="7">
        <v>38657</v>
      </c>
      <c r="G17090" s="8">
        <v>1</v>
      </c>
      <c r="H17090" s="8">
        <v>1</v>
      </c>
      <c r="I17090" s="8">
        <v>0</v>
      </c>
      <c r="J17090" s="8">
        <v>1</v>
      </c>
      <c r="K17090" s="9">
        <v>74</v>
      </c>
      <c r="L17090" s="6" t="s">
        <v>51</v>
      </c>
    </row>
    <row r="17091" spans="1:12">
      <c r="A17091" s="6" t="s">
        <v>17075</v>
      </c>
      <c r="B17091" s="6"/>
      <c r="C17091" s="6" t="s">
        <v>17120</v>
      </c>
      <c r="D17091" s="6"/>
      <c r="E17091" s="6" t="s">
        <v>9</v>
      </c>
      <c r="F17091" s="7">
        <v>38657</v>
      </c>
      <c r="G17091" s="8">
        <v>1</v>
      </c>
      <c r="H17091" s="8">
        <v>1</v>
      </c>
      <c r="I17091" s="8">
        <v>0</v>
      </c>
      <c r="J17091" s="8">
        <v>1</v>
      </c>
      <c r="K17091" s="9">
        <v>52</v>
      </c>
      <c r="L17091" s="6" t="s">
        <v>51</v>
      </c>
    </row>
    <row r="17092" spans="1:12">
      <c r="A17092" s="6" t="s">
        <v>17075</v>
      </c>
      <c r="B17092" s="6"/>
      <c r="C17092" s="6" t="s">
        <v>17121</v>
      </c>
      <c r="D17092" s="6"/>
      <c r="E17092" s="6" t="s">
        <v>9</v>
      </c>
      <c r="F17092" s="7">
        <v>38657</v>
      </c>
      <c r="G17092" s="8">
        <v>1</v>
      </c>
      <c r="H17092" s="8">
        <v>1</v>
      </c>
      <c r="I17092" s="8">
        <v>0</v>
      </c>
      <c r="J17092" s="8">
        <v>1</v>
      </c>
      <c r="K17092" s="9">
        <v>54</v>
      </c>
      <c r="L17092" s="6" t="s">
        <v>51</v>
      </c>
    </row>
    <row r="17093" spans="1:12">
      <c r="A17093" s="6" t="s">
        <v>17075</v>
      </c>
      <c r="B17093" s="6"/>
      <c r="C17093" s="6" t="s">
        <v>17122</v>
      </c>
      <c r="D17093" s="6"/>
      <c r="E17093" s="6" t="s">
        <v>9</v>
      </c>
      <c r="F17093" s="7">
        <v>38657</v>
      </c>
      <c r="G17093" s="8">
        <v>1</v>
      </c>
      <c r="H17093" s="8">
        <v>1</v>
      </c>
      <c r="I17093" s="8">
        <v>0</v>
      </c>
      <c r="J17093" s="8">
        <v>1</v>
      </c>
      <c r="K17093" s="9">
        <v>53</v>
      </c>
      <c r="L17093" s="6" t="s">
        <v>51</v>
      </c>
    </row>
    <row r="17094" spans="1:12">
      <c r="A17094" s="6" t="s">
        <v>17075</v>
      </c>
      <c r="B17094" s="6"/>
      <c r="C17094" s="6" t="s">
        <v>17123</v>
      </c>
      <c r="D17094" s="6"/>
      <c r="E17094" s="6" t="s">
        <v>9</v>
      </c>
      <c r="F17094" s="7">
        <v>38657</v>
      </c>
      <c r="G17094" s="8">
        <v>1</v>
      </c>
      <c r="H17094" s="8">
        <v>1</v>
      </c>
      <c r="I17094" s="8">
        <v>0</v>
      </c>
      <c r="J17094" s="8">
        <v>1</v>
      </c>
      <c r="K17094" s="9">
        <v>105</v>
      </c>
      <c r="L17094" s="6" t="s">
        <v>51</v>
      </c>
    </row>
    <row r="17095" spans="1:12">
      <c r="A17095" s="6" t="s">
        <v>17075</v>
      </c>
      <c r="B17095" s="6"/>
      <c r="C17095" s="6" t="s">
        <v>17124</v>
      </c>
      <c r="D17095" s="6"/>
      <c r="E17095" s="6" t="s">
        <v>9</v>
      </c>
      <c r="F17095" s="7">
        <v>38657</v>
      </c>
      <c r="G17095" s="8">
        <v>1</v>
      </c>
      <c r="H17095" s="8">
        <v>1</v>
      </c>
      <c r="I17095" s="8">
        <v>0</v>
      </c>
      <c r="J17095" s="8">
        <v>1</v>
      </c>
      <c r="K17095" s="9">
        <v>72</v>
      </c>
      <c r="L17095" s="6" t="s">
        <v>51</v>
      </c>
    </row>
    <row r="17096" spans="1:12">
      <c r="A17096" s="6" t="s">
        <v>17075</v>
      </c>
      <c r="B17096" s="6"/>
      <c r="C17096" s="6" t="s">
        <v>17125</v>
      </c>
      <c r="D17096" s="6"/>
      <c r="E17096" s="6" t="s">
        <v>9</v>
      </c>
      <c r="F17096" s="7">
        <v>38657</v>
      </c>
      <c r="G17096" s="8">
        <v>1</v>
      </c>
      <c r="H17096" s="8">
        <v>1</v>
      </c>
      <c r="I17096" s="8">
        <v>0</v>
      </c>
      <c r="J17096" s="8">
        <v>1</v>
      </c>
      <c r="K17096" s="9">
        <v>200</v>
      </c>
      <c r="L17096" s="6" t="s">
        <v>51</v>
      </c>
    </row>
    <row r="17097" spans="1:12">
      <c r="A17097" s="6" t="s">
        <v>17075</v>
      </c>
      <c r="B17097" s="6"/>
      <c r="C17097" s="6" t="s">
        <v>17126</v>
      </c>
      <c r="D17097" s="6"/>
      <c r="E17097" s="6" t="s">
        <v>9</v>
      </c>
      <c r="F17097" s="7">
        <v>38657</v>
      </c>
      <c r="G17097" s="8">
        <v>1</v>
      </c>
      <c r="H17097" s="8">
        <v>1</v>
      </c>
      <c r="I17097" s="8">
        <v>0</v>
      </c>
      <c r="J17097" s="8">
        <v>1</v>
      </c>
      <c r="K17097" s="9">
        <v>72</v>
      </c>
      <c r="L17097" s="6" t="s">
        <v>51</v>
      </c>
    </row>
    <row r="17098" spans="1:12">
      <c r="A17098" s="6" t="s">
        <v>17075</v>
      </c>
      <c r="B17098" s="6"/>
      <c r="C17098" s="6" t="s">
        <v>17127</v>
      </c>
      <c r="D17098" s="6"/>
      <c r="E17098" s="6" t="s">
        <v>9</v>
      </c>
      <c r="F17098" s="7">
        <v>38657</v>
      </c>
      <c r="G17098" s="8">
        <v>1</v>
      </c>
      <c r="H17098" s="8">
        <v>1</v>
      </c>
      <c r="I17098" s="8">
        <v>0</v>
      </c>
      <c r="J17098" s="8">
        <v>1</v>
      </c>
      <c r="K17098" s="9">
        <v>60</v>
      </c>
      <c r="L17098" s="6" t="s">
        <v>51</v>
      </c>
    </row>
    <row r="17099" spans="1:12">
      <c r="A17099" s="6" t="s">
        <v>17075</v>
      </c>
      <c r="B17099" s="6"/>
      <c r="C17099" s="6" t="s">
        <v>17128</v>
      </c>
      <c r="D17099" s="6"/>
      <c r="E17099" s="6" t="s">
        <v>9</v>
      </c>
      <c r="F17099" s="7">
        <v>38657</v>
      </c>
      <c r="G17099" s="8">
        <v>1</v>
      </c>
      <c r="H17099" s="8">
        <v>1</v>
      </c>
      <c r="I17099" s="8">
        <v>0</v>
      </c>
      <c r="J17099" s="8">
        <v>1</v>
      </c>
      <c r="K17099" s="9">
        <v>51</v>
      </c>
      <c r="L17099" s="6" t="s">
        <v>51</v>
      </c>
    </row>
    <row r="17100" spans="1:12">
      <c r="A17100" s="6" t="s">
        <v>17075</v>
      </c>
      <c r="B17100" s="6"/>
      <c r="C17100" s="6" t="s">
        <v>17129</v>
      </c>
      <c r="D17100" s="6"/>
      <c r="E17100" s="6" t="s">
        <v>9</v>
      </c>
      <c r="F17100" s="7">
        <v>38657</v>
      </c>
      <c r="G17100" s="8">
        <v>1</v>
      </c>
      <c r="H17100" s="8">
        <v>1</v>
      </c>
      <c r="I17100" s="8">
        <v>0</v>
      </c>
      <c r="J17100" s="8">
        <v>1</v>
      </c>
      <c r="K17100" s="9">
        <v>120</v>
      </c>
      <c r="L17100" s="6" t="s">
        <v>51</v>
      </c>
    </row>
    <row r="17101" spans="1:12">
      <c r="A17101" s="6" t="s">
        <v>17075</v>
      </c>
      <c r="B17101" s="6"/>
      <c r="C17101" s="6" t="s">
        <v>17130</v>
      </c>
      <c r="D17101" s="6"/>
      <c r="E17101" s="6" t="s">
        <v>9</v>
      </c>
      <c r="F17101" s="7">
        <v>38657</v>
      </c>
      <c r="G17101" s="8">
        <v>1</v>
      </c>
      <c r="H17101" s="8">
        <v>1</v>
      </c>
      <c r="I17101" s="8">
        <v>0</v>
      </c>
      <c r="J17101" s="8">
        <v>1</v>
      </c>
      <c r="K17101" s="9">
        <v>69</v>
      </c>
      <c r="L17101" s="6" t="s">
        <v>51</v>
      </c>
    </row>
    <row r="17102" spans="1:12">
      <c r="A17102" s="6" t="s">
        <v>17075</v>
      </c>
      <c r="B17102" s="6"/>
      <c r="C17102" s="6" t="s">
        <v>17131</v>
      </c>
      <c r="D17102" s="6"/>
      <c r="E17102" s="6" t="s">
        <v>9</v>
      </c>
      <c r="F17102" s="7">
        <v>38657</v>
      </c>
      <c r="G17102" s="8">
        <v>1</v>
      </c>
      <c r="H17102" s="8">
        <v>1</v>
      </c>
      <c r="I17102" s="8">
        <v>0</v>
      </c>
      <c r="J17102" s="8">
        <v>1</v>
      </c>
      <c r="K17102" s="9">
        <v>103</v>
      </c>
      <c r="L17102" s="6" t="s">
        <v>51</v>
      </c>
    </row>
    <row r="17103" spans="1:12">
      <c r="A17103" s="6" t="s">
        <v>17075</v>
      </c>
      <c r="B17103" s="6"/>
      <c r="C17103" s="6" t="s">
        <v>17132</v>
      </c>
      <c r="D17103" s="6"/>
      <c r="E17103" s="6" t="s">
        <v>9</v>
      </c>
      <c r="F17103" s="7">
        <v>38657</v>
      </c>
      <c r="G17103" s="8">
        <v>1</v>
      </c>
      <c r="H17103" s="8">
        <v>1</v>
      </c>
      <c r="I17103" s="8">
        <v>0</v>
      </c>
      <c r="J17103" s="8">
        <v>1</v>
      </c>
      <c r="K17103" s="9">
        <v>121</v>
      </c>
      <c r="L17103" s="6" t="s">
        <v>51</v>
      </c>
    </row>
    <row r="17104" spans="1:12">
      <c r="A17104" s="6" t="s">
        <v>17075</v>
      </c>
      <c r="B17104" s="6"/>
      <c r="C17104" s="6" t="s">
        <v>17133</v>
      </c>
      <c r="D17104" s="6"/>
      <c r="E17104" s="6" t="s">
        <v>9</v>
      </c>
      <c r="F17104" s="7">
        <v>38657</v>
      </c>
      <c r="G17104" s="8">
        <v>1</v>
      </c>
      <c r="H17104" s="8">
        <v>1</v>
      </c>
      <c r="I17104" s="8">
        <v>0</v>
      </c>
      <c r="J17104" s="8">
        <v>1</v>
      </c>
      <c r="K17104" s="9">
        <v>218</v>
      </c>
      <c r="L17104" s="6" t="s">
        <v>51</v>
      </c>
    </row>
    <row r="17105" spans="1:12">
      <c r="A17105" s="6" t="s">
        <v>17075</v>
      </c>
      <c r="B17105" s="6"/>
      <c r="C17105" s="6" t="s">
        <v>17134</v>
      </c>
      <c r="D17105" s="6"/>
      <c r="E17105" s="6" t="s">
        <v>9</v>
      </c>
      <c r="F17105" s="7">
        <v>38657</v>
      </c>
      <c r="G17105" s="8">
        <v>1</v>
      </c>
      <c r="H17105" s="8">
        <v>1</v>
      </c>
      <c r="I17105" s="8">
        <v>0</v>
      </c>
      <c r="J17105" s="8">
        <v>1</v>
      </c>
      <c r="K17105" s="9">
        <v>349</v>
      </c>
      <c r="L17105" s="6" t="s">
        <v>51</v>
      </c>
    </row>
    <row r="17106" spans="1:12">
      <c r="A17106" s="6" t="s">
        <v>17075</v>
      </c>
      <c r="B17106" s="6"/>
      <c r="C17106" s="6" t="s">
        <v>17135</v>
      </c>
      <c r="D17106" s="6"/>
      <c r="E17106" s="6" t="s">
        <v>9</v>
      </c>
      <c r="F17106" s="7">
        <v>38657</v>
      </c>
      <c r="G17106" s="8">
        <v>1</v>
      </c>
      <c r="H17106" s="8">
        <v>1</v>
      </c>
      <c r="I17106" s="8">
        <v>0</v>
      </c>
      <c r="J17106" s="8">
        <v>1</v>
      </c>
      <c r="K17106" s="9">
        <v>446</v>
      </c>
      <c r="L17106" s="6" t="s">
        <v>51</v>
      </c>
    </row>
    <row r="17107" spans="1:12">
      <c r="A17107" s="6" t="s">
        <v>17075</v>
      </c>
      <c r="B17107" s="6"/>
      <c r="C17107" s="6" t="s">
        <v>17136</v>
      </c>
      <c r="D17107" s="6"/>
      <c r="E17107" s="6" t="s">
        <v>9</v>
      </c>
      <c r="F17107" s="7">
        <v>38657</v>
      </c>
      <c r="G17107" s="8">
        <v>1</v>
      </c>
      <c r="H17107" s="8">
        <v>1</v>
      </c>
      <c r="I17107" s="8">
        <v>0</v>
      </c>
      <c r="J17107" s="8">
        <v>1</v>
      </c>
      <c r="K17107" s="9">
        <v>442</v>
      </c>
      <c r="L17107" s="6" t="s">
        <v>51</v>
      </c>
    </row>
    <row r="17108" spans="1:12">
      <c r="A17108" s="6" t="s">
        <v>17075</v>
      </c>
      <c r="B17108" s="6"/>
      <c r="C17108" s="6" t="s">
        <v>17137</v>
      </c>
      <c r="D17108" s="6"/>
      <c r="E17108" s="6" t="s">
        <v>9</v>
      </c>
      <c r="F17108" s="7">
        <v>38657</v>
      </c>
      <c r="G17108" s="8">
        <v>1</v>
      </c>
      <c r="H17108" s="8">
        <v>1</v>
      </c>
      <c r="I17108" s="8">
        <v>0</v>
      </c>
      <c r="J17108" s="8">
        <v>1</v>
      </c>
      <c r="K17108" s="9">
        <v>446</v>
      </c>
      <c r="L17108" s="6" t="s">
        <v>51</v>
      </c>
    </row>
    <row r="17109" spans="1:12">
      <c r="A17109" s="6" t="s">
        <v>17075</v>
      </c>
      <c r="B17109" s="6"/>
      <c r="C17109" s="6" t="s">
        <v>17138</v>
      </c>
      <c r="D17109" s="6"/>
      <c r="E17109" s="6" t="s">
        <v>9</v>
      </c>
      <c r="F17109" s="7">
        <v>38657</v>
      </c>
      <c r="G17109" s="8">
        <v>1</v>
      </c>
      <c r="H17109" s="8">
        <v>1</v>
      </c>
      <c r="I17109" s="8">
        <v>0</v>
      </c>
      <c r="J17109" s="8">
        <v>1</v>
      </c>
      <c r="K17109" s="9">
        <v>62</v>
      </c>
      <c r="L17109" s="6" t="s">
        <v>51</v>
      </c>
    </row>
    <row r="17110" spans="1:12">
      <c r="A17110" s="6" t="s">
        <v>17075</v>
      </c>
      <c r="B17110" s="6"/>
      <c r="C17110" s="6" t="s">
        <v>17139</v>
      </c>
      <c r="D17110" s="6"/>
      <c r="E17110" s="6" t="s">
        <v>9</v>
      </c>
      <c r="F17110" s="7">
        <v>38657</v>
      </c>
      <c r="G17110" s="8">
        <v>1</v>
      </c>
      <c r="H17110" s="8">
        <v>1</v>
      </c>
      <c r="I17110" s="8">
        <v>0</v>
      </c>
      <c r="J17110" s="8">
        <v>1</v>
      </c>
      <c r="K17110" s="9">
        <v>1642</v>
      </c>
      <c r="L17110" s="6" t="s">
        <v>51</v>
      </c>
    </row>
    <row r="17111" spans="1:12">
      <c r="A17111" s="6" t="s">
        <v>17075</v>
      </c>
      <c r="B17111" s="6"/>
      <c r="C17111" s="6" t="s">
        <v>17140</v>
      </c>
      <c r="D17111" s="6"/>
      <c r="E17111" s="6" t="s">
        <v>9</v>
      </c>
      <c r="F17111" s="7">
        <v>38657</v>
      </c>
      <c r="G17111" s="8">
        <v>1</v>
      </c>
      <c r="H17111" s="8">
        <v>1</v>
      </c>
      <c r="I17111" s="8">
        <v>0</v>
      </c>
      <c r="J17111" s="8">
        <v>1</v>
      </c>
      <c r="K17111" s="9">
        <v>8.35</v>
      </c>
      <c r="L17111" s="6" t="s">
        <v>51</v>
      </c>
    </row>
    <row r="17112" spans="1:12">
      <c r="A17112" s="6" t="s">
        <v>17075</v>
      </c>
      <c r="B17112" s="6"/>
      <c r="C17112" s="6" t="s">
        <v>17141</v>
      </c>
      <c r="D17112" s="6"/>
      <c r="E17112" s="6" t="s">
        <v>9</v>
      </c>
      <c r="F17112" s="7">
        <v>38657</v>
      </c>
      <c r="G17112" s="8">
        <v>1</v>
      </c>
      <c r="H17112" s="8">
        <v>1</v>
      </c>
      <c r="I17112" s="8">
        <v>0</v>
      </c>
      <c r="J17112" s="8">
        <v>1</v>
      </c>
      <c r="K17112" s="9">
        <v>63</v>
      </c>
      <c r="L17112" s="6" t="s">
        <v>51</v>
      </c>
    </row>
    <row r="17113" spans="1:12">
      <c r="A17113" s="6" t="s">
        <v>17075</v>
      </c>
      <c r="B17113" s="6"/>
      <c r="C17113" s="6" t="s">
        <v>17142</v>
      </c>
      <c r="D17113" s="6"/>
      <c r="E17113" s="6" t="s">
        <v>9</v>
      </c>
      <c r="F17113" s="7">
        <v>41950</v>
      </c>
      <c r="G17113" s="8">
        <v>1</v>
      </c>
      <c r="H17113" s="8">
        <v>1</v>
      </c>
      <c r="I17113" s="8">
        <v>0</v>
      </c>
      <c r="J17113" s="8">
        <v>1</v>
      </c>
      <c r="K17113" s="9">
        <v>1000</v>
      </c>
      <c r="L17113" s="6" t="s">
        <v>51</v>
      </c>
    </row>
    <row r="17114" spans="1:12">
      <c r="A17114" s="6" t="s">
        <v>17075</v>
      </c>
      <c r="B17114" s="6"/>
      <c r="C17114" s="6" t="s">
        <v>17143</v>
      </c>
      <c r="D17114" s="6"/>
      <c r="E17114" s="6" t="s">
        <v>9</v>
      </c>
      <c r="F17114" s="7">
        <v>41950</v>
      </c>
      <c r="G17114" s="8">
        <v>1</v>
      </c>
      <c r="H17114" s="8">
        <v>1</v>
      </c>
      <c r="I17114" s="8">
        <v>0</v>
      </c>
      <c r="J17114" s="8">
        <v>1</v>
      </c>
      <c r="K17114" s="9">
        <v>39</v>
      </c>
      <c r="L17114" s="6" t="s">
        <v>51</v>
      </c>
    </row>
    <row r="17115" spans="1:12">
      <c r="A17115" s="6" t="s">
        <v>17075</v>
      </c>
      <c r="B17115" s="6"/>
      <c r="C17115" s="6" t="s">
        <v>17144</v>
      </c>
      <c r="D17115" s="6"/>
      <c r="E17115" s="6" t="s">
        <v>9</v>
      </c>
      <c r="F17115" s="7">
        <v>41950</v>
      </c>
      <c r="G17115" s="8">
        <v>1</v>
      </c>
      <c r="H17115" s="8">
        <v>1</v>
      </c>
      <c r="I17115" s="8">
        <v>0</v>
      </c>
      <c r="J17115" s="8">
        <v>1</v>
      </c>
      <c r="K17115" s="9">
        <v>157</v>
      </c>
      <c r="L17115" s="6" t="s">
        <v>51</v>
      </c>
    </row>
    <row r="17116" spans="1:12">
      <c r="A17116" s="6" t="s">
        <v>17075</v>
      </c>
      <c r="B17116" s="6"/>
      <c r="C17116" s="6" t="s">
        <v>17145</v>
      </c>
      <c r="D17116" s="6"/>
      <c r="E17116" s="6" t="s">
        <v>9</v>
      </c>
      <c r="F17116" s="7">
        <v>41950</v>
      </c>
      <c r="G17116" s="8">
        <v>1</v>
      </c>
      <c r="H17116" s="8">
        <v>1</v>
      </c>
      <c r="I17116" s="8">
        <v>0</v>
      </c>
      <c r="J17116" s="8">
        <v>1</v>
      </c>
      <c r="K17116" s="9">
        <v>582</v>
      </c>
      <c r="L17116" s="6" t="s">
        <v>51</v>
      </c>
    </row>
    <row r="17117" spans="1:12">
      <c r="A17117" s="6" t="s">
        <v>17075</v>
      </c>
      <c r="B17117" s="6"/>
      <c r="C17117" s="6" t="s">
        <v>17146</v>
      </c>
      <c r="D17117" s="6"/>
      <c r="E17117" s="6" t="s">
        <v>9</v>
      </c>
      <c r="F17117" s="7">
        <v>41950</v>
      </c>
      <c r="G17117" s="8">
        <v>1</v>
      </c>
      <c r="H17117" s="8">
        <v>1</v>
      </c>
      <c r="I17117" s="8">
        <v>0</v>
      </c>
      <c r="J17117" s="8">
        <v>1</v>
      </c>
      <c r="K17117" s="9">
        <v>1325</v>
      </c>
      <c r="L17117" s="6" t="s">
        <v>51</v>
      </c>
    </row>
    <row r="17118" spans="1:12">
      <c r="A17118" s="6" t="s">
        <v>17075</v>
      </c>
      <c r="B17118" s="6"/>
      <c r="C17118" s="6" t="s">
        <v>17147</v>
      </c>
      <c r="D17118" s="6"/>
      <c r="E17118" s="6" t="s">
        <v>9</v>
      </c>
      <c r="F17118" s="7">
        <v>38657</v>
      </c>
      <c r="G17118" s="8">
        <v>1</v>
      </c>
      <c r="H17118" s="8">
        <v>1</v>
      </c>
      <c r="I17118" s="8">
        <v>0</v>
      </c>
      <c r="J17118" s="8">
        <v>1</v>
      </c>
      <c r="K17118" s="9">
        <v>222</v>
      </c>
      <c r="L17118" s="6" t="s">
        <v>51</v>
      </c>
    </row>
    <row r="17119" spans="1:12">
      <c r="A17119" s="6" t="s">
        <v>17075</v>
      </c>
      <c r="B17119" s="6"/>
      <c r="C17119" s="6" t="s">
        <v>17148</v>
      </c>
      <c r="D17119" s="6"/>
      <c r="E17119" s="6" t="s">
        <v>9</v>
      </c>
      <c r="F17119" s="7">
        <v>41950</v>
      </c>
      <c r="G17119" s="8">
        <v>1</v>
      </c>
      <c r="H17119" s="8">
        <v>1</v>
      </c>
      <c r="I17119" s="8">
        <v>0</v>
      </c>
      <c r="J17119" s="8">
        <v>1</v>
      </c>
      <c r="K17119" s="9">
        <v>155</v>
      </c>
      <c r="L17119" s="6" t="s">
        <v>51</v>
      </c>
    </row>
    <row r="17120" spans="1:12">
      <c r="A17120" s="6" t="s">
        <v>17075</v>
      </c>
      <c r="B17120" s="6"/>
      <c r="C17120" s="6" t="s">
        <v>17149</v>
      </c>
      <c r="D17120" s="6"/>
      <c r="E17120" s="6" t="s">
        <v>9</v>
      </c>
      <c r="F17120" s="7">
        <v>41950</v>
      </c>
      <c r="G17120" s="8">
        <v>1</v>
      </c>
      <c r="H17120" s="8">
        <v>1</v>
      </c>
      <c r="I17120" s="8">
        <v>0</v>
      </c>
      <c r="J17120" s="8">
        <v>1</v>
      </c>
      <c r="K17120" s="9">
        <v>258</v>
      </c>
      <c r="L17120" s="6" t="s">
        <v>51</v>
      </c>
    </row>
    <row r="17121" spans="1:12">
      <c r="A17121" s="6" t="s">
        <v>17075</v>
      </c>
      <c r="B17121" s="6"/>
      <c r="C17121" s="6" t="s">
        <v>17150</v>
      </c>
      <c r="D17121" s="6"/>
      <c r="E17121" s="6" t="s">
        <v>9</v>
      </c>
      <c r="F17121" s="7">
        <v>41950</v>
      </c>
      <c r="G17121" s="8">
        <v>1</v>
      </c>
      <c r="H17121" s="8">
        <v>1</v>
      </c>
      <c r="I17121" s="8">
        <v>0</v>
      </c>
      <c r="J17121" s="8">
        <v>1</v>
      </c>
      <c r="K17121" s="9">
        <v>405</v>
      </c>
      <c r="L17121" s="6" t="s">
        <v>51</v>
      </c>
    </row>
    <row r="17122" spans="1:12">
      <c r="A17122" s="6" t="s">
        <v>17075</v>
      </c>
      <c r="B17122" s="6"/>
      <c r="C17122" s="6" t="s">
        <v>17151</v>
      </c>
      <c r="D17122" s="6"/>
      <c r="E17122" s="6" t="s">
        <v>9</v>
      </c>
      <c r="F17122" s="7">
        <v>38657</v>
      </c>
      <c r="G17122" s="8">
        <v>1</v>
      </c>
      <c r="H17122" s="8">
        <v>1</v>
      </c>
      <c r="I17122" s="8">
        <v>0</v>
      </c>
      <c r="J17122" s="8">
        <v>1</v>
      </c>
      <c r="K17122" s="9">
        <v>19</v>
      </c>
      <c r="L17122" s="6" t="s">
        <v>51</v>
      </c>
    </row>
    <row r="17123" spans="1:12">
      <c r="A17123" s="6" t="s">
        <v>17075</v>
      </c>
      <c r="B17123" s="6"/>
      <c r="C17123" s="6" t="s">
        <v>17152</v>
      </c>
      <c r="D17123" s="6"/>
      <c r="E17123" s="6" t="s">
        <v>9</v>
      </c>
      <c r="F17123" s="7">
        <v>38657</v>
      </c>
      <c r="G17123" s="8">
        <v>1</v>
      </c>
      <c r="H17123" s="8">
        <v>1</v>
      </c>
      <c r="I17123" s="8">
        <v>0</v>
      </c>
      <c r="J17123" s="8">
        <v>1</v>
      </c>
      <c r="K17123" s="9">
        <v>9.0399999999999903</v>
      </c>
      <c r="L17123" s="6" t="s">
        <v>51</v>
      </c>
    </row>
    <row r="17124" spans="1:12">
      <c r="A17124" s="6" t="s">
        <v>17075</v>
      </c>
      <c r="B17124" s="6"/>
      <c r="C17124" s="6" t="s">
        <v>17153</v>
      </c>
      <c r="D17124" s="6"/>
      <c r="E17124" s="6" t="s">
        <v>9</v>
      </c>
      <c r="F17124" s="7">
        <v>38657</v>
      </c>
      <c r="G17124" s="8">
        <v>1</v>
      </c>
      <c r="H17124" s="8">
        <v>1</v>
      </c>
      <c r="I17124" s="8">
        <v>0</v>
      </c>
      <c r="J17124" s="8">
        <v>1</v>
      </c>
      <c r="K17124" s="9">
        <v>9.9</v>
      </c>
      <c r="L17124" s="6" t="s">
        <v>51</v>
      </c>
    </row>
    <row r="17125" spans="1:12">
      <c r="A17125" s="6" t="s">
        <v>17075</v>
      </c>
      <c r="B17125" s="6"/>
      <c r="C17125" s="6" t="s">
        <v>17154</v>
      </c>
      <c r="D17125" s="6"/>
      <c r="E17125" s="6" t="s">
        <v>9</v>
      </c>
      <c r="F17125" s="7">
        <v>38657</v>
      </c>
      <c r="G17125" s="8">
        <v>1</v>
      </c>
      <c r="H17125" s="8">
        <v>1</v>
      </c>
      <c r="I17125" s="8">
        <v>0</v>
      </c>
      <c r="J17125" s="8">
        <v>1</v>
      </c>
      <c r="K17125" s="9">
        <v>8.9499999999999904</v>
      </c>
      <c r="L17125" s="6" t="s">
        <v>51</v>
      </c>
    </row>
    <row r="17126" spans="1:12">
      <c r="A17126" s="6" t="s">
        <v>17075</v>
      </c>
      <c r="B17126" s="6"/>
      <c r="C17126" s="6" t="s">
        <v>17155</v>
      </c>
      <c r="D17126" s="6"/>
      <c r="E17126" s="6" t="s">
        <v>9</v>
      </c>
      <c r="F17126" s="7">
        <v>38657</v>
      </c>
      <c r="G17126" s="8">
        <v>1</v>
      </c>
      <c r="H17126" s="8">
        <v>1</v>
      </c>
      <c r="I17126" s="8">
        <v>0</v>
      </c>
      <c r="J17126" s="8">
        <v>1</v>
      </c>
      <c r="K17126" s="9">
        <v>7.46</v>
      </c>
      <c r="L17126" s="6" t="s">
        <v>51</v>
      </c>
    </row>
    <row r="17127" spans="1:12">
      <c r="A17127" s="6" t="s">
        <v>17075</v>
      </c>
      <c r="B17127" s="6"/>
      <c r="C17127" s="6" t="s">
        <v>17156</v>
      </c>
      <c r="D17127" s="6"/>
      <c r="E17127" s="6" t="s">
        <v>9</v>
      </c>
      <c r="F17127" s="7">
        <v>38657</v>
      </c>
      <c r="G17127" s="8">
        <v>1</v>
      </c>
      <c r="H17127" s="8">
        <v>1</v>
      </c>
      <c r="I17127" s="8">
        <v>0</v>
      </c>
      <c r="J17127" s="8">
        <v>1</v>
      </c>
      <c r="K17127" s="9">
        <v>18.29</v>
      </c>
      <c r="L17127" s="6" t="s">
        <v>51</v>
      </c>
    </row>
    <row r="17128" spans="1:12">
      <c r="A17128" s="6" t="s">
        <v>17075</v>
      </c>
      <c r="B17128" s="6"/>
      <c r="C17128" s="6" t="s">
        <v>17157</v>
      </c>
      <c r="D17128" s="6"/>
      <c r="E17128" s="6" t="s">
        <v>9</v>
      </c>
      <c r="F17128" s="7">
        <v>38657</v>
      </c>
      <c r="G17128" s="8">
        <v>1</v>
      </c>
      <c r="H17128" s="8">
        <v>1</v>
      </c>
      <c r="I17128" s="8">
        <v>0</v>
      </c>
      <c r="J17128" s="8">
        <v>1</v>
      </c>
      <c r="K17128" s="9">
        <v>1485</v>
      </c>
      <c r="L17128" s="6" t="s">
        <v>51</v>
      </c>
    </row>
    <row r="17129" spans="1:12">
      <c r="A17129" s="6" t="s">
        <v>17075</v>
      </c>
      <c r="B17129" s="6"/>
      <c r="C17129" s="6" t="s">
        <v>17158</v>
      </c>
      <c r="D17129" s="6"/>
      <c r="E17129" s="6" t="s">
        <v>9</v>
      </c>
      <c r="F17129" s="7">
        <v>38657</v>
      </c>
      <c r="G17129" s="8">
        <v>1</v>
      </c>
      <c r="H17129" s="8">
        <v>1</v>
      </c>
      <c r="I17129" s="8">
        <v>0</v>
      </c>
      <c r="J17129" s="8">
        <v>1</v>
      </c>
      <c r="K17129" s="9">
        <v>47</v>
      </c>
      <c r="L17129" s="6" t="s">
        <v>51</v>
      </c>
    </row>
    <row r="17130" spans="1:12">
      <c r="A17130" s="6" t="s">
        <v>17075</v>
      </c>
      <c r="B17130" s="6"/>
      <c r="C17130" s="6" t="s">
        <v>17159</v>
      </c>
      <c r="D17130" s="6"/>
      <c r="E17130" s="6" t="s">
        <v>9</v>
      </c>
      <c r="F17130" s="7">
        <v>38657</v>
      </c>
      <c r="G17130" s="8">
        <v>1</v>
      </c>
      <c r="H17130" s="8">
        <v>1</v>
      </c>
      <c r="I17130" s="8">
        <v>0</v>
      </c>
      <c r="J17130" s="8">
        <v>1</v>
      </c>
      <c r="K17130" s="9">
        <v>10</v>
      </c>
      <c r="L17130" s="6" t="s">
        <v>51</v>
      </c>
    </row>
    <row r="17131" spans="1:12">
      <c r="A17131" s="6" t="s">
        <v>17075</v>
      </c>
      <c r="B17131" s="6"/>
      <c r="C17131" s="6" t="s">
        <v>17160</v>
      </c>
      <c r="D17131" s="6"/>
      <c r="E17131" s="6" t="s">
        <v>9</v>
      </c>
      <c r="F17131" s="7">
        <v>38657</v>
      </c>
      <c r="G17131" s="8">
        <v>1</v>
      </c>
      <c r="H17131" s="8">
        <v>1</v>
      </c>
      <c r="I17131" s="8">
        <v>0</v>
      </c>
      <c r="J17131" s="8">
        <v>1</v>
      </c>
      <c r="K17131" s="9">
        <v>5.96</v>
      </c>
      <c r="L17131" s="6" t="s">
        <v>51</v>
      </c>
    </row>
    <row r="17132" spans="1:12">
      <c r="A17132" s="6" t="s">
        <v>17075</v>
      </c>
      <c r="B17132" s="6"/>
      <c r="C17132" s="6" t="s">
        <v>17161</v>
      </c>
      <c r="D17132" s="6"/>
      <c r="E17132" s="6" t="s">
        <v>9</v>
      </c>
      <c r="F17132" s="7">
        <v>38657</v>
      </c>
      <c r="G17132" s="8">
        <v>1</v>
      </c>
      <c r="H17132" s="8">
        <v>1</v>
      </c>
      <c r="I17132" s="8">
        <v>0</v>
      </c>
      <c r="J17132" s="8">
        <v>1</v>
      </c>
      <c r="K17132" s="9">
        <v>53</v>
      </c>
      <c r="L17132" s="6" t="s">
        <v>51</v>
      </c>
    </row>
    <row r="17133" spans="1:12">
      <c r="A17133" s="6" t="s">
        <v>17075</v>
      </c>
      <c r="B17133" s="6"/>
      <c r="C17133" s="6" t="s">
        <v>17162</v>
      </c>
      <c r="D17133" s="6"/>
      <c r="E17133" s="6" t="s">
        <v>9</v>
      </c>
      <c r="F17133" s="7">
        <v>38657</v>
      </c>
      <c r="G17133" s="8">
        <v>1</v>
      </c>
      <c r="H17133" s="8">
        <v>1</v>
      </c>
      <c r="I17133" s="8">
        <v>0</v>
      </c>
      <c r="J17133" s="8">
        <v>1</v>
      </c>
      <c r="K17133" s="9">
        <v>29</v>
      </c>
      <c r="L17133" s="6" t="s">
        <v>51</v>
      </c>
    </row>
    <row r="17134" spans="1:12">
      <c r="A17134" s="6" t="s">
        <v>17075</v>
      </c>
      <c r="B17134" s="6"/>
      <c r="C17134" s="6" t="s">
        <v>17163</v>
      </c>
      <c r="D17134" s="6"/>
      <c r="E17134" s="6" t="s">
        <v>9</v>
      </c>
      <c r="F17134" s="7"/>
      <c r="G17134" s="8">
        <v>1</v>
      </c>
      <c r="H17134" s="8">
        <v>1</v>
      </c>
      <c r="I17134" s="8">
        <v>0</v>
      </c>
      <c r="J17134" s="8">
        <v>1</v>
      </c>
      <c r="K17134" s="9">
        <v>29</v>
      </c>
      <c r="L17134" s="6" t="s">
        <v>51</v>
      </c>
    </row>
    <row r="17135" spans="1:12">
      <c r="A17135" s="6" t="s">
        <v>17075</v>
      </c>
      <c r="B17135" s="6"/>
      <c r="C17135" s="6" t="s">
        <v>17164</v>
      </c>
      <c r="D17135" s="6"/>
      <c r="E17135" s="6" t="s">
        <v>9</v>
      </c>
      <c r="F17135" s="7"/>
      <c r="G17135" s="8">
        <v>1</v>
      </c>
      <c r="H17135" s="8">
        <v>1</v>
      </c>
      <c r="I17135" s="8">
        <v>0</v>
      </c>
      <c r="J17135" s="8">
        <v>1</v>
      </c>
      <c r="K17135" s="9">
        <v>29</v>
      </c>
      <c r="L17135" s="6" t="s">
        <v>51</v>
      </c>
    </row>
    <row r="17136" spans="1:12">
      <c r="A17136" s="6" t="s">
        <v>17075</v>
      </c>
      <c r="B17136" s="6"/>
      <c r="C17136" s="6" t="s">
        <v>17165</v>
      </c>
      <c r="D17136" s="6"/>
      <c r="E17136" s="6" t="s">
        <v>9</v>
      </c>
      <c r="F17136" s="7"/>
      <c r="G17136" s="8">
        <v>1</v>
      </c>
      <c r="H17136" s="8">
        <v>1</v>
      </c>
      <c r="I17136" s="8">
        <v>0</v>
      </c>
      <c r="J17136" s="8">
        <v>1</v>
      </c>
      <c r="K17136" s="9">
        <v>41</v>
      </c>
      <c r="L17136" s="6" t="s">
        <v>51</v>
      </c>
    </row>
    <row r="17137" spans="1:12">
      <c r="A17137" s="6" t="s">
        <v>17075</v>
      </c>
      <c r="B17137" s="6"/>
      <c r="C17137" s="6" t="s">
        <v>17166</v>
      </c>
      <c r="D17137" s="6"/>
      <c r="E17137" s="6" t="s">
        <v>9</v>
      </c>
      <c r="F17137" s="7"/>
      <c r="G17137" s="8">
        <v>1</v>
      </c>
      <c r="H17137" s="8">
        <v>1</v>
      </c>
      <c r="I17137" s="8">
        <v>0</v>
      </c>
      <c r="J17137" s="8">
        <v>1</v>
      </c>
      <c r="K17137" s="9">
        <v>2.08</v>
      </c>
      <c r="L17137" s="6" t="s">
        <v>51</v>
      </c>
    </row>
    <row r="17138" spans="1:12">
      <c r="A17138" s="6" t="s">
        <v>17075</v>
      </c>
      <c r="B17138" s="6"/>
      <c r="C17138" s="6" t="s">
        <v>17167</v>
      </c>
      <c r="D17138" s="6"/>
      <c r="E17138" s="6" t="s">
        <v>9</v>
      </c>
      <c r="F17138" s="7">
        <v>38657</v>
      </c>
      <c r="G17138" s="8">
        <v>1</v>
      </c>
      <c r="H17138" s="8">
        <v>1</v>
      </c>
      <c r="I17138" s="8">
        <v>0</v>
      </c>
      <c r="J17138" s="8">
        <v>1</v>
      </c>
      <c r="K17138" s="9">
        <v>58</v>
      </c>
      <c r="L17138" s="6" t="s">
        <v>51</v>
      </c>
    </row>
    <row r="17139" spans="1:12">
      <c r="A17139" s="6" t="s">
        <v>17075</v>
      </c>
      <c r="B17139" s="6"/>
      <c r="C17139" s="6" t="s">
        <v>17168</v>
      </c>
      <c r="D17139" s="6"/>
      <c r="E17139" s="6" t="s">
        <v>9</v>
      </c>
      <c r="F17139" s="7">
        <v>38657</v>
      </c>
      <c r="G17139" s="8">
        <v>1</v>
      </c>
      <c r="H17139" s="8">
        <v>1</v>
      </c>
      <c r="I17139" s="8">
        <v>0</v>
      </c>
      <c r="J17139" s="8">
        <v>1</v>
      </c>
      <c r="K17139" s="9">
        <v>134</v>
      </c>
      <c r="L17139" s="6" t="s">
        <v>51</v>
      </c>
    </row>
    <row r="17140" spans="1:12">
      <c r="A17140" s="6" t="s">
        <v>17075</v>
      </c>
      <c r="B17140" s="6"/>
      <c r="C17140" s="6" t="s">
        <v>17169</v>
      </c>
      <c r="D17140" s="6"/>
      <c r="E17140" s="6" t="s">
        <v>9</v>
      </c>
      <c r="F17140" s="7">
        <v>38657</v>
      </c>
      <c r="G17140" s="8">
        <v>1</v>
      </c>
      <c r="H17140" s="8">
        <v>1</v>
      </c>
      <c r="I17140" s="8">
        <v>0</v>
      </c>
      <c r="J17140" s="8">
        <v>1</v>
      </c>
      <c r="K17140" s="9">
        <v>84</v>
      </c>
      <c r="L17140" s="6" t="s">
        <v>51</v>
      </c>
    </row>
    <row r="17141" spans="1:12">
      <c r="A17141" s="6" t="s">
        <v>17075</v>
      </c>
      <c r="B17141" s="6"/>
      <c r="C17141" s="6" t="s">
        <v>17170</v>
      </c>
      <c r="D17141" s="6"/>
      <c r="E17141" s="6" t="s">
        <v>9</v>
      </c>
      <c r="F17141" s="7">
        <v>38657</v>
      </c>
      <c r="G17141" s="8">
        <v>1</v>
      </c>
      <c r="H17141" s="8">
        <v>1</v>
      </c>
      <c r="I17141" s="8">
        <v>0</v>
      </c>
      <c r="J17141" s="8">
        <v>1</v>
      </c>
      <c r="K17141" s="9">
        <v>684</v>
      </c>
      <c r="L17141" s="6" t="s">
        <v>51</v>
      </c>
    </row>
    <row r="17142" spans="1:12">
      <c r="A17142" s="6" t="s">
        <v>17075</v>
      </c>
      <c r="B17142" s="6"/>
      <c r="C17142" s="6" t="s">
        <v>17171</v>
      </c>
      <c r="D17142" s="6"/>
      <c r="E17142" s="6" t="s">
        <v>9</v>
      </c>
      <c r="F17142" s="7">
        <v>38657</v>
      </c>
      <c r="G17142" s="8">
        <v>1</v>
      </c>
      <c r="H17142" s="8">
        <v>1</v>
      </c>
      <c r="I17142" s="8">
        <v>0</v>
      </c>
      <c r="J17142" s="8">
        <v>1</v>
      </c>
      <c r="K17142" s="9">
        <v>581</v>
      </c>
      <c r="L17142" s="6" t="s">
        <v>51</v>
      </c>
    </row>
    <row r="17143" spans="1:12">
      <c r="A17143" s="6" t="s">
        <v>17075</v>
      </c>
      <c r="B17143" s="6"/>
      <c r="C17143" s="6" t="s">
        <v>17172</v>
      </c>
      <c r="D17143" s="6"/>
      <c r="E17143" s="6" t="s">
        <v>9</v>
      </c>
      <c r="F17143" s="7">
        <v>38657</v>
      </c>
      <c r="G17143" s="8">
        <v>1</v>
      </c>
      <c r="H17143" s="8">
        <v>1</v>
      </c>
      <c r="I17143" s="8">
        <v>0</v>
      </c>
      <c r="J17143" s="8">
        <v>1</v>
      </c>
      <c r="K17143" s="9">
        <v>7.2</v>
      </c>
      <c r="L17143" s="6" t="s">
        <v>51</v>
      </c>
    </row>
    <row r="17144" spans="1:12">
      <c r="A17144" s="6" t="s">
        <v>17075</v>
      </c>
      <c r="B17144" s="6"/>
      <c r="C17144" s="6" t="s">
        <v>17173</v>
      </c>
      <c r="D17144" s="6"/>
      <c r="E17144" s="6" t="s">
        <v>9</v>
      </c>
      <c r="F17144" s="7">
        <v>38657</v>
      </c>
      <c r="G17144" s="8">
        <v>1</v>
      </c>
      <c r="H17144" s="8">
        <v>1</v>
      </c>
      <c r="I17144" s="8">
        <v>0</v>
      </c>
      <c r="J17144" s="8">
        <v>1</v>
      </c>
      <c r="K17144" s="9">
        <v>251</v>
      </c>
      <c r="L17144" s="6" t="s">
        <v>51</v>
      </c>
    </row>
    <row r="17145" spans="1:12">
      <c r="A17145" s="6" t="s">
        <v>17075</v>
      </c>
      <c r="B17145" s="6"/>
      <c r="C17145" s="6" t="s">
        <v>17174</v>
      </c>
      <c r="D17145" s="6"/>
      <c r="E17145" s="6" t="s">
        <v>9</v>
      </c>
      <c r="F17145" s="7">
        <v>38657</v>
      </c>
      <c r="G17145" s="8">
        <v>1</v>
      </c>
      <c r="H17145" s="8">
        <v>1</v>
      </c>
      <c r="I17145" s="8">
        <v>0</v>
      </c>
      <c r="J17145" s="8">
        <v>1</v>
      </c>
      <c r="K17145" s="9">
        <v>22</v>
      </c>
      <c r="L17145" s="6" t="s">
        <v>51</v>
      </c>
    </row>
    <row r="17146" spans="1:12">
      <c r="A17146" s="6" t="s">
        <v>17075</v>
      </c>
      <c r="B17146" s="6"/>
      <c r="C17146" s="6" t="s">
        <v>17175</v>
      </c>
      <c r="D17146" s="6"/>
      <c r="E17146" s="6" t="s">
        <v>9</v>
      </c>
      <c r="F17146" s="7">
        <v>38657</v>
      </c>
      <c r="G17146" s="8">
        <v>1</v>
      </c>
      <c r="H17146" s="8">
        <v>1</v>
      </c>
      <c r="I17146" s="8">
        <v>0</v>
      </c>
      <c r="J17146" s="8">
        <v>1</v>
      </c>
      <c r="K17146" s="9">
        <v>254</v>
      </c>
      <c r="L17146" s="6" t="s">
        <v>51</v>
      </c>
    </row>
    <row r="17147" spans="1:12">
      <c r="A17147" s="6" t="s">
        <v>17075</v>
      </c>
      <c r="B17147" s="6"/>
      <c r="C17147" s="6" t="s">
        <v>17176</v>
      </c>
      <c r="D17147" s="6"/>
      <c r="E17147" s="6" t="s">
        <v>9</v>
      </c>
      <c r="F17147" s="7">
        <v>38657</v>
      </c>
      <c r="G17147" s="8">
        <v>1</v>
      </c>
      <c r="H17147" s="8">
        <v>1</v>
      </c>
      <c r="I17147" s="8">
        <v>0</v>
      </c>
      <c r="J17147" s="8">
        <v>1</v>
      </c>
      <c r="K17147" s="9">
        <v>23</v>
      </c>
      <c r="L17147" s="6" t="s">
        <v>51</v>
      </c>
    </row>
    <row r="17148" spans="1:12">
      <c r="A17148" s="6" t="s">
        <v>17075</v>
      </c>
      <c r="B17148" s="6"/>
      <c r="C17148" s="6" t="s">
        <v>17177</v>
      </c>
      <c r="D17148" s="6"/>
      <c r="E17148" s="6" t="s">
        <v>9</v>
      </c>
      <c r="F17148" s="7">
        <v>38657</v>
      </c>
      <c r="G17148" s="8">
        <v>1</v>
      </c>
      <c r="H17148" s="8">
        <v>1</v>
      </c>
      <c r="I17148" s="8">
        <v>0</v>
      </c>
      <c r="J17148" s="8">
        <v>1</v>
      </c>
      <c r="K17148" s="9">
        <v>454</v>
      </c>
      <c r="L17148" s="6" t="s">
        <v>51</v>
      </c>
    </row>
    <row r="17149" spans="1:12">
      <c r="A17149" s="6" t="s">
        <v>17075</v>
      </c>
      <c r="B17149" s="6"/>
      <c r="C17149" s="6" t="s">
        <v>17178</v>
      </c>
      <c r="D17149" s="6"/>
      <c r="E17149" s="6" t="s">
        <v>9</v>
      </c>
      <c r="F17149" s="7">
        <v>38657</v>
      </c>
      <c r="G17149" s="8">
        <v>1</v>
      </c>
      <c r="H17149" s="8">
        <v>1</v>
      </c>
      <c r="I17149" s="8">
        <v>0</v>
      </c>
      <c r="J17149" s="8">
        <v>1</v>
      </c>
      <c r="K17149" s="9">
        <v>0.19</v>
      </c>
      <c r="L17149" s="6" t="s">
        <v>51</v>
      </c>
    </row>
    <row r="17150" spans="1:12">
      <c r="A17150" s="6" t="s">
        <v>17075</v>
      </c>
      <c r="B17150" s="6"/>
      <c r="C17150" s="6" t="s">
        <v>17179</v>
      </c>
      <c r="D17150" s="6"/>
      <c r="E17150" s="6" t="s">
        <v>9</v>
      </c>
      <c r="F17150" s="7">
        <v>38657</v>
      </c>
      <c r="G17150" s="8">
        <v>1</v>
      </c>
      <c r="H17150" s="8">
        <v>1</v>
      </c>
      <c r="I17150" s="8">
        <v>0</v>
      </c>
      <c r="J17150" s="8">
        <v>1</v>
      </c>
      <c r="K17150" s="9">
        <v>5.73</v>
      </c>
      <c r="L17150" s="6" t="s">
        <v>51</v>
      </c>
    </row>
    <row r="17151" spans="1:12">
      <c r="A17151" s="6" t="s">
        <v>17075</v>
      </c>
      <c r="B17151" s="6"/>
      <c r="C17151" s="6" t="s">
        <v>17180</v>
      </c>
      <c r="D17151" s="6"/>
      <c r="E17151" s="6" t="s">
        <v>9</v>
      </c>
      <c r="F17151" s="7">
        <v>38657</v>
      </c>
      <c r="G17151" s="8">
        <v>1</v>
      </c>
      <c r="H17151" s="8">
        <v>1</v>
      </c>
      <c r="I17151" s="8">
        <v>0</v>
      </c>
      <c r="J17151" s="8">
        <v>1</v>
      </c>
      <c r="K17151" s="9">
        <v>32</v>
      </c>
      <c r="L17151" s="6" t="s">
        <v>51</v>
      </c>
    </row>
    <row r="17152" spans="1:12">
      <c r="A17152" s="6" t="s">
        <v>17075</v>
      </c>
      <c r="B17152" s="6"/>
      <c r="C17152" s="6" t="s">
        <v>17181</v>
      </c>
      <c r="D17152" s="6"/>
      <c r="E17152" s="6" t="s">
        <v>9</v>
      </c>
      <c r="F17152" s="7">
        <v>38657</v>
      </c>
      <c r="G17152" s="8">
        <v>1</v>
      </c>
      <c r="H17152" s="8">
        <v>1</v>
      </c>
      <c r="I17152" s="8">
        <v>0</v>
      </c>
      <c r="J17152" s="8">
        <v>1</v>
      </c>
      <c r="K17152" s="9">
        <v>1010</v>
      </c>
      <c r="L17152" s="6" t="s">
        <v>51</v>
      </c>
    </row>
    <row r="17153" spans="1:12">
      <c r="A17153" s="6" t="s">
        <v>17075</v>
      </c>
      <c r="B17153" s="6"/>
      <c r="C17153" s="6" t="s">
        <v>17182</v>
      </c>
      <c r="D17153" s="6"/>
      <c r="E17153" s="6" t="s">
        <v>9</v>
      </c>
      <c r="F17153" s="7">
        <v>38657</v>
      </c>
      <c r="G17153" s="8">
        <v>1</v>
      </c>
      <c r="H17153" s="8">
        <v>1</v>
      </c>
      <c r="I17153" s="8">
        <v>0</v>
      </c>
      <c r="J17153" s="8">
        <v>1</v>
      </c>
      <c r="K17153" s="9">
        <v>820</v>
      </c>
      <c r="L17153" s="6" t="s">
        <v>51</v>
      </c>
    </row>
    <row r="17154" spans="1:12">
      <c r="A17154" s="6" t="s">
        <v>17075</v>
      </c>
      <c r="B17154" s="6"/>
      <c r="C17154" s="6" t="s">
        <v>17183</v>
      </c>
      <c r="D17154" s="6"/>
      <c r="E17154" s="6" t="s">
        <v>9</v>
      </c>
      <c r="F17154" s="7">
        <v>38657</v>
      </c>
      <c r="G17154" s="8">
        <v>1</v>
      </c>
      <c r="H17154" s="8">
        <v>1</v>
      </c>
      <c r="I17154" s="8">
        <v>0</v>
      </c>
      <c r="J17154" s="8">
        <v>1</v>
      </c>
      <c r="K17154" s="9">
        <v>776</v>
      </c>
      <c r="L17154" s="6" t="s">
        <v>51</v>
      </c>
    </row>
    <row r="17155" spans="1:12">
      <c r="A17155" s="6" t="s">
        <v>17075</v>
      </c>
      <c r="B17155" s="6"/>
      <c r="C17155" s="6" t="s">
        <v>17184</v>
      </c>
      <c r="D17155" s="6"/>
      <c r="E17155" s="6" t="s">
        <v>9</v>
      </c>
      <c r="F17155" s="7">
        <v>38657</v>
      </c>
      <c r="G17155" s="8">
        <v>1</v>
      </c>
      <c r="H17155" s="8">
        <v>1</v>
      </c>
      <c r="I17155" s="8">
        <v>0</v>
      </c>
      <c r="J17155" s="8">
        <v>1</v>
      </c>
      <c r="K17155" s="9">
        <v>621</v>
      </c>
      <c r="L17155" s="6" t="s">
        <v>51</v>
      </c>
    </row>
    <row r="17156" spans="1:12">
      <c r="A17156" s="6" t="s">
        <v>17075</v>
      </c>
      <c r="B17156" s="6"/>
      <c r="C17156" s="6" t="s">
        <v>17185</v>
      </c>
      <c r="D17156" s="6"/>
      <c r="E17156" s="6" t="s">
        <v>9</v>
      </c>
      <c r="F17156" s="7">
        <v>38657</v>
      </c>
      <c r="G17156" s="8">
        <v>1</v>
      </c>
      <c r="H17156" s="8">
        <v>1</v>
      </c>
      <c r="I17156" s="8">
        <v>0</v>
      </c>
      <c r="J17156" s="8">
        <v>1</v>
      </c>
      <c r="K17156" s="9">
        <v>771</v>
      </c>
      <c r="L17156" s="6" t="s">
        <v>51</v>
      </c>
    </row>
    <row r="17157" spans="1:12">
      <c r="A17157" s="6" t="s">
        <v>17075</v>
      </c>
      <c r="B17157" s="6"/>
      <c r="C17157" s="6" t="s">
        <v>17186</v>
      </c>
      <c r="D17157" s="6"/>
      <c r="E17157" s="6" t="s">
        <v>9</v>
      </c>
      <c r="F17157" s="7">
        <v>38657</v>
      </c>
      <c r="G17157" s="8">
        <v>1</v>
      </c>
      <c r="H17157" s="8">
        <v>1</v>
      </c>
      <c r="I17157" s="8">
        <v>0</v>
      </c>
      <c r="J17157" s="8">
        <v>1</v>
      </c>
      <c r="K17157" s="9">
        <v>208</v>
      </c>
      <c r="L17157" s="6" t="s">
        <v>51</v>
      </c>
    </row>
    <row r="17158" spans="1:12">
      <c r="A17158" s="6" t="s">
        <v>17075</v>
      </c>
      <c r="B17158" s="6"/>
      <c r="C17158" s="6" t="s">
        <v>17187</v>
      </c>
      <c r="D17158" s="6"/>
      <c r="E17158" s="6" t="s">
        <v>9</v>
      </c>
      <c r="F17158" s="7">
        <v>38657</v>
      </c>
      <c r="G17158" s="8">
        <v>1</v>
      </c>
      <c r="H17158" s="8">
        <v>1</v>
      </c>
      <c r="I17158" s="8">
        <v>0</v>
      </c>
      <c r="J17158" s="8">
        <v>1</v>
      </c>
      <c r="K17158" s="9">
        <v>98</v>
      </c>
      <c r="L17158" s="6" t="s">
        <v>51</v>
      </c>
    </row>
    <row r="17159" spans="1:12">
      <c r="A17159" s="6" t="s">
        <v>17075</v>
      </c>
      <c r="B17159" s="6"/>
      <c r="C17159" s="6" t="s">
        <v>17188</v>
      </c>
      <c r="D17159" s="6"/>
      <c r="E17159" s="6" t="s">
        <v>9</v>
      </c>
      <c r="F17159" s="7">
        <v>38657</v>
      </c>
      <c r="G17159" s="8">
        <v>1</v>
      </c>
      <c r="H17159" s="8">
        <v>1</v>
      </c>
      <c r="I17159" s="8">
        <v>0</v>
      </c>
      <c r="J17159" s="8">
        <v>1</v>
      </c>
      <c r="K17159" s="9">
        <v>39</v>
      </c>
      <c r="L17159" s="6" t="s">
        <v>51</v>
      </c>
    </row>
    <row r="17160" spans="1:12">
      <c r="A17160" s="6" t="s">
        <v>17075</v>
      </c>
      <c r="B17160" s="6"/>
      <c r="C17160" s="6" t="s">
        <v>17189</v>
      </c>
      <c r="D17160" s="6"/>
      <c r="E17160" s="6" t="s">
        <v>9</v>
      </c>
      <c r="F17160" s="7">
        <v>38657</v>
      </c>
      <c r="G17160" s="8">
        <v>1</v>
      </c>
      <c r="H17160" s="8">
        <v>1</v>
      </c>
      <c r="I17160" s="8">
        <v>0</v>
      </c>
      <c r="J17160" s="8">
        <v>1</v>
      </c>
      <c r="K17160" s="9">
        <v>200</v>
      </c>
      <c r="L17160" s="6" t="s">
        <v>51</v>
      </c>
    </row>
    <row r="17161" spans="1:12">
      <c r="A17161" s="6" t="s">
        <v>17075</v>
      </c>
      <c r="B17161" s="6"/>
      <c r="C17161" s="6" t="s">
        <v>17190</v>
      </c>
      <c r="D17161" s="6"/>
      <c r="E17161" s="6" t="s">
        <v>9</v>
      </c>
      <c r="F17161" s="7">
        <v>38657</v>
      </c>
      <c r="G17161" s="8">
        <v>1</v>
      </c>
      <c r="H17161" s="8">
        <v>1</v>
      </c>
      <c r="I17161" s="8">
        <v>0</v>
      </c>
      <c r="J17161" s="8">
        <v>1</v>
      </c>
      <c r="K17161" s="9">
        <v>21</v>
      </c>
      <c r="L17161" s="6" t="s">
        <v>51</v>
      </c>
    </row>
    <row r="17162" spans="1:12">
      <c r="A17162" s="6" t="s">
        <v>17075</v>
      </c>
      <c r="B17162" s="6"/>
      <c r="C17162" s="6" t="s">
        <v>17191</v>
      </c>
      <c r="D17162" s="6"/>
      <c r="E17162" s="6" t="s">
        <v>9</v>
      </c>
      <c r="F17162" s="7">
        <v>38657</v>
      </c>
      <c r="G17162" s="8">
        <v>1</v>
      </c>
      <c r="H17162" s="8">
        <v>1</v>
      </c>
      <c r="I17162" s="8">
        <v>0</v>
      </c>
      <c r="J17162" s="8">
        <v>1</v>
      </c>
      <c r="K17162" s="9">
        <v>523</v>
      </c>
      <c r="L17162" s="6" t="s">
        <v>51</v>
      </c>
    </row>
    <row r="17163" spans="1:12">
      <c r="A17163" s="6" t="s">
        <v>17075</v>
      </c>
      <c r="B17163" s="6"/>
      <c r="C17163" s="6" t="s">
        <v>17192</v>
      </c>
      <c r="D17163" s="6"/>
      <c r="E17163" s="6" t="s">
        <v>9</v>
      </c>
      <c r="F17163" s="7">
        <v>38657</v>
      </c>
      <c r="G17163" s="8">
        <v>1</v>
      </c>
      <c r="H17163" s="8">
        <v>1</v>
      </c>
      <c r="I17163" s="8">
        <v>0</v>
      </c>
      <c r="J17163" s="8">
        <v>1</v>
      </c>
      <c r="K17163" s="9">
        <v>117</v>
      </c>
      <c r="L17163" s="6" t="s">
        <v>51</v>
      </c>
    </row>
    <row r="17164" spans="1:12">
      <c r="A17164" s="6" t="s">
        <v>17075</v>
      </c>
      <c r="B17164" s="6"/>
      <c r="C17164" s="6" t="s">
        <v>17193</v>
      </c>
      <c r="D17164" s="6"/>
      <c r="E17164" s="6" t="s">
        <v>9</v>
      </c>
      <c r="F17164" s="7">
        <v>38657</v>
      </c>
      <c r="G17164" s="8">
        <v>1</v>
      </c>
      <c r="H17164" s="8">
        <v>1</v>
      </c>
      <c r="I17164" s="8">
        <v>0</v>
      </c>
      <c r="J17164" s="8">
        <v>1</v>
      </c>
      <c r="K17164" s="9">
        <v>44</v>
      </c>
      <c r="L17164" s="6" t="s">
        <v>51</v>
      </c>
    </row>
    <row r="17165" spans="1:12">
      <c r="A17165" s="6" t="s">
        <v>17075</v>
      </c>
      <c r="B17165" s="6"/>
      <c r="C17165" s="6" t="s">
        <v>17194</v>
      </c>
      <c r="D17165" s="6"/>
      <c r="E17165" s="6" t="s">
        <v>9</v>
      </c>
      <c r="F17165" s="7">
        <v>38657</v>
      </c>
      <c r="G17165" s="8">
        <v>1</v>
      </c>
      <c r="H17165" s="8">
        <v>1</v>
      </c>
      <c r="I17165" s="8">
        <v>0</v>
      </c>
      <c r="J17165" s="8">
        <v>1</v>
      </c>
      <c r="K17165" s="9">
        <v>54</v>
      </c>
      <c r="L17165" s="6" t="s">
        <v>51</v>
      </c>
    </row>
    <row r="17166" spans="1:12">
      <c r="A17166" s="6" t="s">
        <v>17075</v>
      </c>
      <c r="B17166" s="6"/>
      <c r="C17166" s="6" t="s">
        <v>17195</v>
      </c>
      <c r="D17166" s="6"/>
      <c r="E17166" s="6" t="s">
        <v>9</v>
      </c>
      <c r="F17166" s="7">
        <v>38657</v>
      </c>
      <c r="G17166" s="8">
        <v>1</v>
      </c>
      <c r="H17166" s="8">
        <v>1</v>
      </c>
      <c r="I17166" s="8">
        <v>0</v>
      </c>
      <c r="J17166" s="8">
        <v>1</v>
      </c>
      <c r="K17166" s="9">
        <v>28</v>
      </c>
      <c r="L17166" s="6" t="s">
        <v>51</v>
      </c>
    </row>
    <row r="17167" spans="1:12">
      <c r="A17167" s="6" t="s">
        <v>17075</v>
      </c>
      <c r="B17167" s="6"/>
      <c r="C17167" s="6" t="s">
        <v>17196</v>
      </c>
      <c r="D17167" s="6"/>
      <c r="E17167" s="6" t="s">
        <v>9</v>
      </c>
      <c r="F17167" s="7">
        <v>38657</v>
      </c>
      <c r="G17167" s="8">
        <v>1</v>
      </c>
      <c r="H17167" s="8">
        <v>1</v>
      </c>
      <c r="I17167" s="8">
        <v>0</v>
      </c>
      <c r="J17167" s="8">
        <v>1</v>
      </c>
      <c r="K17167" s="9">
        <v>186</v>
      </c>
      <c r="L17167" s="6" t="s">
        <v>51</v>
      </c>
    </row>
    <row r="17168" spans="1:12">
      <c r="A17168" s="6" t="s">
        <v>17075</v>
      </c>
      <c r="B17168" s="6"/>
      <c r="C17168" s="6" t="s">
        <v>17197</v>
      </c>
      <c r="D17168" s="6"/>
      <c r="E17168" s="6" t="s">
        <v>9</v>
      </c>
      <c r="F17168" s="7">
        <v>38657</v>
      </c>
      <c r="G17168" s="8">
        <v>1</v>
      </c>
      <c r="H17168" s="8">
        <v>1</v>
      </c>
      <c r="I17168" s="8">
        <v>0</v>
      </c>
      <c r="J17168" s="8">
        <v>1</v>
      </c>
      <c r="K17168" s="9">
        <v>290</v>
      </c>
      <c r="L17168" s="6" t="s">
        <v>51</v>
      </c>
    </row>
    <row r="17169" spans="1:12">
      <c r="A17169" s="6" t="s">
        <v>17075</v>
      </c>
      <c r="B17169" s="6"/>
      <c r="C17169" s="6" t="s">
        <v>17198</v>
      </c>
      <c r="D17169" s="6"/>
      <c r="E17169" s="6" t="s">
        <v>9</v>
      </c>
      <c r="F17169" s="7">
        <v>38657</v>
      </c>
      <c r="G17169" s="8">
        <v>1</v>
      </c>
      <c r="H17169" s="8">
        <v>1</v>
      </c>
      <c r="I17169" s="8">
        <v>0</v>
      </c>
      <c r="J17169" s="8">
        <v>1</v>
      </c>
      <c r="K17169" s="9">
        <v>268</v>
      </c>
      <c r="L17169" s="6" t="s">
        <v>51</v>
      </c>
    </row>
    <row r="17170" spans="1:12">
      <c r="A17170" s="6" t="s">
        <v>17075</v>
      </c>
      <c r="B17170" s="6"/>
      <c r="C17170" s="6" t="s">
        <v>17199</v>
      </c>
      <c r="D17170" s="6"/>
      <c r="E17170" s="6" t="s">
        <v>9</v>
      </c>
      <c r="F17170" s="7">
        <v>38657</v>
      </c>
      <c r="G17170" s="8">
        <v>1</v>
      </c>
      <c r="H17170" s="8">
        <v>1</v>
      </c>
      <c r="I17170" s="8">
        <v>0</v>
      </c>
      <c r="J17170" s="8">
        <v>1</v>
      </c>
      <c r="K17170" s="9">
        <v>256</v>
      </c>
      <c r="L17170" s="6" t="s">
        <v>51</v>
      </c>
    </row>
    <row r="17171" spans="1:12">
      <c r="A17171" s="6" t="s">
        <v>17075</v>
      </c>
      <c r="B17171" s="6"/>
      <c r="C17171" s="6" t="s">
        <v>17200</v>
      </c>
      <c r="D17171" s="6"/>
      <c r="E17171" s="6" t="s">
        <v>9</v>
      </c>
      <c r="F17171" s="7">
        <v>38657</v>
      </c>
      <c r="G17171" s="8">
        <v>1</v>
      </c>
      <c r="H17171" s="8">
        <v>1</v>
      </c>
      <c r="I17171" s="8">
        <v>0</v>
      </c>
      <c r="J17171" s="8">
        <v>1</v>
      </c>
      <c r="K17171" s="9">
        <v>57</v>
      </c>
      <c r="L17171" s="6" t="s">
        <v>51</v>
      </c>
    </row>
    <row r="17172" spans="1:12">
      <c r="A17172" s="6" t="s">
        <v>17075</v>
      </c>
      <c r="B17172" s="6"/>
      <c r="C17172" s="6" t="s">
        <v>17201</v>
      </c>
      <c r="D17172" s="6"/>
      <c r="E17172" s="6" t="s">
        <v>9</v>
      </c>
      <c r="F17172" s="7">
        <v>38657</v>
      </c>
      <c r="G17172" s="8">
        <v>1</v>
      </c>
      <c r="H17172" s="8">
        <v>1</v>
      </c>
      <c r="I17172" s="8">
        <v>0</v>
      </c>
      <c r="J17172" s="8">
        <v>1</v>
      </c>
      <c r="K17172" s="9">
        <v>309</v>
      </c>
      <c r="L17172" s="6" t="s">
        <v>51</v>
      </c>
    </row>
    <row r="17173" spans="1:12">
      <c r="A17173" s="6" t="s">
        <v>17075</v>
      </c>
      <c r="B17173" s="6"/>
      <c r="C17173" s="6" t="s">
        <v>17202</v>
      </c>
      <c r="D17173" s="6"/>
      <c r="E17173" s="6" t="s">
        <v>9</v>
      </c>
      <c r="F17173" s="7">
        <v>38657</v>
      </c>
      <c r="G17173" s="8">
        <v>1</v>
      </c>
      <c r="H17173" s="8">
        <v>1</v>
      </c>
      <c r="I17173" s="8">
        <v>0</v>
      </c>
      <c r="J17173" s="8">
        <v>1</v>
      </c>
      <c r="K17173" s="9">
        <v>119</v>
      </c>
      <c r="L17173" s="6" t="s">
        <v>51</v>
      </c>
    </row>
    <row r="17174" spans="1:12">
      <c r="A17174" s="6" t="s">
        <v>17075</v>
      </c>
      <c r="B17174" s="6"/>
      <c r="C17174" s="6" t="s">
        <v>17203</v>
      </c>
      <c r="D17174" s="6"/>
      <c r="E17174" s="6" t="s">
        <v>9</v>
      </c>
      <c r="F17174" s="7">
        <v>38657</v>
      </c>
      <c r="G17174" s="8">
        <v>1</v>
      </c>
      <c r="H17174" s="8">
        <v>1</v>
      </c>
      <c r="I17174" s="8">
        <v>0</v>
      </c>
      <c r="J17174" s="8">
        <v>1</v>
      </c>
      <c r="K17174" s="9">
        <v>85</v>
      </c>
      <c r="L17174" s="6" t="s">
        <v>51</v>
      </c>
    </row>
    <row r="17175" spans="1:12">
      <c r="A17175" s="6" t="s">
        <v>17075</v>
      </c>
      <c r="B17175" s="6"/>
      <c r="C17175" s="6" t="s">
        <v>17204</v>
      </c>
      <c r="D17175" s="6"/>
      <c r="E17175" s="6" t="s">
        <v>9</v>
      </c>
      <c r="F17175" s="7">
        <v>38657</v>
      </c>
      <c r="G17175" s="8">
        <v>1</v>
      </c>
      <c r="H17175" s="8">
        <v>1</v>
      </c>
      <c r="I17175" s="8">
        <v>0</v>
      </c>
      <c r="J17175" s="8">
        <v>1</v>
      </c>
      <c r="K17175" s="9">
        <v>1080</v>
      </c>
      <c r="L17175" s="6" t="s">
        <v>51</v>
      </c>
    </row>
    <row r="17176" spans="1:12">
      <c r="A17176" s="6" t="s">
        <v>17075</v>
      </c>
      <c r="B17176" s="6"/>
      <c r="C17176" s="6" t="s">
        <v>17205</v>
      </c>
      <c r="D17176" s="6"/>
      <c r="E17176" s="6" t="s">
        <v>9</v>
      </c>
      <c r="F17176" s="7">
        <v>38657</v>
      </c>
      <c r="G17176" s="8">
        <v>1</v>
      </c>
      <c r="H17176" s="8">
        <v>1</v>
      </c>
      <c r="I17176" s="8">
        <v>0</v>
      </c>
      <c r="J17176" s="8">
        <v>1</v>
      </c>
      <c r="K17176" s="9">
        <v>1052</v>
      </c>
      <c r="L17176" s="6" t="s">
        <v>51</v>
      </c>
    </row>
    <row r="17177" spans="1:12">
      <c r="A17177" s="6" t="s">
        <v>17075</v>
      </c>
      <c r="B17177" s="6"/>
      <c r="C17177" s="6" t="s">
        <v>17206</v>
      </c>
      <c r="D17177" s="6"/>
      <c r="E17177" s="6" t="s">
        <v>9</v>
      </c>
      <c r="F17177" s="7">
        <v>38657</v>
      </c>
      <c r="G17177" s="8">
        <v>1</v>
      </c>
      <c r="H17177" s="8">
        <v>1</v>
      </c>
      <c r="I17177" s="8">
        <v>0</v>
      </c>
      <c r="J17177" s="8">
        <v>1</v>
      </c>
      <c r="K17177" s="9">
        <v>19</v>
      </c>
      <c r="L17177" s="6" t="s">
        <v>51</v>
      </c>
    </row>
    <row r="17178" spans="1:12">
      <c r="A17178" s="6" t="s">
        <v>17075</v>
      </c>
      <c r="B17178" s="6"/>
      <c r="C17178" s="6" t="s">
        <v>17207</v>
      </c>
      <c r="D17178" s="6"/>
      <c r="E17178" s="6" t="s">
        <v>9</v>
      </c>
      <c r="F17178" s="7">
        <v>38657</v>
      </c>
      <c r="G17178" s="8">
        <v>1</v>
      </c>
      <c r="H17178" s="8">
        <v>1</v>
      </c>
      <c r="I17178" s="8">
        <v>0</v>
      </c>
      <c r="J17178" s="8">
        <v>1</v>
      </c>
      <c r="K17178" s="9">
        <v>19</v>
      </c>
      <c r="L17178" s="6" t="s">
        <v>51</v>
      </c>
    </row>
    <row r="17179" spans="1:12">
      <c r="A17179" s="6" t="s">
        <v>17075</v>
      </c>
      <c r="B17179" s="6"/>
      <c r="C17179" s="6" t="s">
        <v>17208</v>
      </c>
      <c r="D17179" s="6"/>
      <c r="E17179" s="6" t="s">
        <v>9</v>
      </c>
      <c r="F17179" s="7">
        <v>38657</v>
      </c>
      <c r="G17179" s="8">
        <v>1</v>
      </c>
      <c r="H17179" s="8">
        <v>1</v>
      </c>
      <c r="I17179" s="8">
        <v>0</v>
      </c>
      <c r="J17179" s="8">
        <v>1</v>
      </c>
      <c r="K17179" s="9">
        <v>140</v>
      </c>
      <c r="L17179" s="6" t="s">
        <v>51</v>
      </c>
    </row>
    <row r="17180" spans="1:12">
      <c r="A17180" s="6" t="s">
        <v>17075</v>
      </c>
      <c r="B17180" s="6"/>
      <c r="C17180" s="6" t="s">
        <v>17209</v>
      </c>
      <c r="D17180" s="6"/>
      <c r="E17180" s="6" t="s">
        <v>9</v>
      </c>
      <c r="F17180" s="7">
        <v>38657</v>
      </c>
      <c r="G17180" s="8">
        <v>1</v>
      </c>
      <c r="H17180" s="8">
        <v>1</v>
      </c>
      <c r="I17180" s="8">
        <v>0</v>
      </c>
      <c r="J17180" s="8">
        <v>1</v>
      </c>
      <c r="K17180" s="9">
        <v>49</v>
      </c>
      <c r="L17180" s="6" t="s">
        <v>51</v>
      </c>
    </row>
    <row r="17181" spans="1:12">
      <c r="A17181" s="6" t="s">
        <v>17075</v>
      </c>
      <c r="B17181" s="6"/>
      <c r="C17181" s="6" t="s">
        <v>17210</v>
      </c>
      <c r="D17181" s="6"/>
      <c r="E17181" s="6" t="s">
        <v>9</v>
      </c>
      <c r="F17181" s="7">
        <v>38657</v>
      </c>
      <c r="G17181" s="8">
        <v>1</v>
      </c>
      <c r="H17181" s="8">
        <v>1</v>
      </c>
      <c r="I17181" s="8">
        <v>0</v>
      </c>
      <c r="J17181" s="8">
        <v>1</v>
      </c>
      <c r="K17181" s="9">
        <v>109</v>
      </c>
      <c r="L17181" s="6" t="s">
        <v>51</v>
      </c>
    </row>
    <row r="17182" spans="1:12">
      <c r="A17182" s="6" t="s">
        <v>17075</v>
      </c>
      <c r="B17182" s="6"/>
      <c r="C17182" s="6" t="s">
        <v>17211</v>
      </c>
      <c r="D17182" s="6"/>
      <c r="E17182" s="6" t="s">
        <v>9</v>
      </c>
      <c r="F17182" s="7">
        <v>38657</v>
      </c>
      <c r="G17182" s="8">
        <v>1</v>
      </c>
      <c r="H17182" s="8">
        <v>1</v>
      </c>
      <c r="I17182" s="8">
        <v>0</v>
      </c>
      <c r="J17182" s="8">
        <v>1</v>
      </c>
      <c r="K17182" s="9">
        <v>110</v>
      </c>
      <c r="L17182" s="6" t="s">
        <v>51</v>
      </c>
    </row>
    <row r="17183" spans="1:12">
      <c r="A17183" s="6" t="s">
        <v>17075</v>
      </c>
      <c r="B17183" s="6"/>
      <c r="C17183" s="6" t="s">
        <v>17212</v>
      </c>
      <c r="D17183" s="6"/>
      <c r="E17183" s="6" t="s">
        <v>9</v>
      </c>
      <c r="F17183" s="7">
        <v>38657</v>
      </c>
      <c r="G17183" s="8">
        <v>1</v>
      </c>
      <c r="H17183" s="8">
        <v>1</v>
      </c>
      <c r="I17183" s="8">
        <v>0</v>
      </c>
      <c r="J17183" s="8">
        <v>1</v>
      </c>
      <c r="K17183" s="9">
        <v>38</v>
      </c>
      <c r="L17183" s="6" t="s">
        <v>51</v>
      </c>
    </row>
    <row r="17184" spans="1:12">
      <c r="A17184" s="6" t="s">
        <v>17213</v>
      </c>
      <c r="B17184" s="6"/>
      <c r="C17184" s="6" t="s">
        <v>17214</v>
      </c>
      <c r="D17184" s="6"/>
      <c r="E17184" s="6" t="s">
        <v>9</v>
      </c>
      <c r="F17184" s="7">
        <v>38657</v>
      </c>
      <c r="G17184" s="8">
        <v>1</v>
      </c>
      <c r="H17184" s="8">
        <v>1</v>
      </c>
      <c r="I17184" s="8">
        <v>0</v>
      </c>
      <c r="J17184" s="8">
        <v>1</v>
      </c>
      <c r="K17184" s="9">
        <v>141</v>
      </c>
      <c r="L17184" s="6" t="s">
        <v>51</v>
      </c>
    </row>
    <row r="17185" spans="1:12">
      <c r="A17185" s="6" t="s">
        <v>17213</v>
      </c>
      <c r="B17185" s="6"/>
      <c r="C17185" s="6" t="s">
        <v>17215</v>
      </c>
      <c r="D17185" s="6"/>
      <c r="E17185" s="6" t="s">
        <v>9</v>
      </c>
      <c r="F17185" s="7">
        <v>38657</v>
      </c>
      <c r="G17185" s="8">
        <v>1</v>
      </c>
      <c r="H17185" s="8">
        <v>1</v>
      </c>
      <c r="I17185" s="8">
        <v>0</v>
      </c>
      <c r="J17185" s="8">
        <v>1</v>
      </c>
      <c r="K17185" s="9">
        <v>3.03</v>
      </c>
      <c r="L17185" s="6" t="s">
        <v>51</v>
      </c>
    </row>
    <row r="17186" spans="1:12">
      <c r="A17186" s="6" t="s">
        <v>17216</v>
      </c>
      <c r="B17186" s="6"/>
      <c r="C17186" s="6" t="s">
        <v>17217</v>
      </c>
      <c r="D17186" s="6"/>
      <c r="E17186" s="6" t="s">
        <v>9</v>
      </c>
      <c r="F17186" s="7">
        <v>39478</v>
      </c>
      <c r="G17186" s="8">
        <v>1</v>
      </c>
      <c r="H17186" s="8">
        <v>1</v>
      </c>
      <c r="I17186" s="8">
        <v>0</v>
      </c>
      <c r="J17186" s="8">
        <v>1</v>
      </c>
      <c r="K17186" s="9">
        <v>351</v>
      </c>
      <c r="L17186" s="6" t="s">
        <v>51</v>
      </c>
    </row>
    <row r="17187" spans="1:12">
      <c r="A17187" s="6" t="s">
        <v>17216</v>
      </c>
      <c r="B17187" s="6"/>
      <c r="C17187" s="6" t="s">
        <v>17218</v>
      </c>
      <c r="D17187" s="6"/>
      <c r="E17187" s="6" t="s">
        <v>9</v>
      </c>
      <c r="F17187" s="7">
        <v>39478</v>
      </c>
      <c r="G17187" s="8">
        <v>1</v>
      </c>
      <c r="H17187" s="8">
        <v>1</v>
      </c>
      <c r="I17187" s="8">
        <v>0</v>
      </c>
      <c r="J17187" s="8">
        <v>1</v>
      </c>
      <c r="K17187" s="9">
        <v>340</v>
      </c>
      <c r="L17187" s="6" t="s">
        <v>51</v>
      </c>
    </row>
    <row r="17188" spans="1:12">
      <c r="A17188" s="6" t="s">
        <v>17216</v>
      </c>
      <c r="B17188" s="6"/>
      <c r="C17188" s="6" t="s">
        <v>17219</v>
      </c>
      <c r="D17188" s="6"/>
      <c r="E17188" s="6" t="s">
        <v>9</v>
      </c>
      <c r="F17188" s="7">
        <v>25385</v>
      </c>
      <c r="G17188" s="8">
        <v>1</v>
      </c>
      <c r="H17188" s="8">
        <v>1</v>
      </c>
      <c r="I17188" s="8">
        <v>0</v>
      </c>
      <c r="J17188" s="8">
        <v>1</v>
      </c>
      <c r="K17188" s="9">
        <v>92.64</v>
      </c>
      <c r="L17188" s="6" t="s">
        <v>51</v>
      </c>
    </row>
    <row r="17189" spans="1:12">
      <c r="A17189" s="6" t="s">
        <v>17216</v>
      </c>
      <c r="B17189" s="6"/>
      <c r="C17189" s="6" t="s">
        <v>17220</v>
      </c>
      <c r="D17189" s="6"/>
      <c r="E17189" s="6" t="s">
        <v>9</v>
      </c>
      <c r="F17189" s="7">
        <v>25385</v>
      </c>
      <c r="G17189" s="8">
        <v>1</v>
      </c>
      <c r="H17189" s="8">
        <v>1</v>
      </c>
      <c r="I17189" s="8">
        <v>0</v>
      </c>
      <c r="J17189" s="8">
        <v>1</v>
      </c>
      <c r="K17189" s="9">
        <v>2.73</v>
      </c>
      <c r="L17189" s="6" t="s">
        <v>51</v>
      </c>
    </row>
    <row r="17190" spans="1:12">
      <c r="A17190" s="6" t="s">
        <v>17216</v>
      </c>
      <c r="B17190" s="6"/>
      <c r="C17190" s="6" t="s">
        <v>17221</v>
      </c>
      <c r="D17190" s="6"/>
      <c r="E17190" s="6" t="s">
        <v>9</v>
      </c>
      <c r="F17190" s="7">
        <v>28571</v>
      </c>
      <c r="G17190" s="8">
        <v>1</v>
      </c>
      <c r="H17190" s="8">
        <v>1</v>
      </c>
      <c r="I17190" s="8">
        <v>0</v>
      </c>
      <c r="J17190" s="8">
        <v>1</v>
      </c>
      <c r="K17190" s="9">
        <v>45</v>
      </c>
      <c r="L17190" s="6" t="s">
        <v>51</v>
      </c>
    </row>
    <row r="17191" spans="1:12">
      <c r="A17191" s="6" t="s">
        <v>17216</v>
      </c>
      <c r="B17191" s="6"/>
      <c r="C17191" s="6" t="s">
        <v>17222</v>
      </c>
      <c r="D17191" s="6"/>
      <c r="E17191" s="6" t="s">
        <v>9</v>
      </c>
      <c r="F17191" s="7">
        <v>29171</v>
      </c>
      <c r="G17191" s="8">
        <v>1</v>
      </c>
      <c r="H17191" s="8">
        <v>1</v>
      </c>
      <c r="I17191" s="8">
        <v>0</v>
      </c>
      <c r="J17191" s="8">
        <v>1</v>
      </c>
      <c r="K17191" s="9">
        <v>55</v>
      </c>
      <c r="L17191" s="6" t="s">
        <v>51</v>
      </c>
    </row>
    <row r="17192" spans="1:12">
      <c r="A17192" s="6" t="s">
        <v>17216</v>
      </c>
      <c r="B17192" s="6"/>
      <c r="C17192" s="6" t="s">
        <v>17223</v>
      </c>
      <c r="D17192" s="6"/>
      <c r="E17192" s="6" t="s">
        <v>9</v>
      </c>
      <c r="F17192" s="7">
        <v>28571</v>
      </c>
      <c r="G17192" s="8">
        <v>1</v>
      </c>
      <c r="H17192" s="8">
        <v>1</v>
      </c>
      <c r="I17192" s="8">
        <v>0</v>
      </c>
      <c r="J17192" s="8">
        <v>1</v>
      </c>
      <c r="K17192" s="9">
        <v>13</v>
      </c>
      <c r="L17192" s="6" t="s">
        <v>51</v>
      </c>
    </row>
    <row r="17193" spans="1:12">
      <c r="A17193" s="6" t="s">
        <v>17224</v>
      </c>
      <c r="B17193" s="6"/>
      <c r="C17193" s="6" t="s">
        <v>17225</v>
      </c>
      <c r="D17193" s="6"/>
      <c r="E17193" s="6" t="s">
        <v>9</v>
      </c>
      <c r="F17193" s="7"/>
      <c r="G17193" s="8">
        <v>1850114</v>
      </c>
      <c r="H17193" s="8">
        <v>1850114</v>
      </c>
      <c r="I17193" s="8">
        <v>0</v>
      </c>
      <c r="J17193" s="8">
        <v>1850114</v>
      </c>
      <c r="K17193" s="9">
        <v>96.32</v>
      </c>
      <c r="L17193" s="6" t="s">
        <v>10</v>
      </c>
    </row>
    <row r="17194" spans="1:12">
      <c r="A17194" s="6" t="s">
        <v>17224</v>
      </c>
      <c r="B17194" s="6"/>
      <c r="C17194" s="6" t="s">
        <v>17226</v>
      </c>
      <c r="D17194" s="6"/>
      <c r="E17194" s="6" t="s">
        <v>9</v>
      </c>
      <c r="F17194" s="7">
        <v>38657</v>
      </c>
      <c r="G17194" s="8">
        <v>1</v>
      </c>
      <c r="H17194" s="8">
        <v>1</v>
      </c>
      <c r="I17194" s="8">
        <v>0</v>
      </c>
      <c r="J17194" s="8">
        <v>1</v>
      </c>
      <c r="K17194" s="9">
        <v>39</v>
      </c>
      <c r="L17194" s="6" t="s">
        <v>51</v>
      </c>
    </row>
    <row r="17195" spans="1:12">
      <c r="A17195" s="6" t="s">
        <v>17224</v>
      </c>
      <c r="B17195" s="6"/>
      <c r="C17195" s="6" t="s">
        <v>17227</v>
      </c>
      <c r="D17195" s="6"/>
      <c r="E17195" s="6" t="s">
        <v>9</v>
      </c>
      <c r="F17195" s="7"/>
      <c r="G17195" s="8">
        <v>1</v>
      </c>
      <c r="H17195" s="8">
        <v>1</v>
      </c>
      <c r="I17195" s="8">
        <v>0</v>
      </c>
      <c r="J17195" s="8">
        <v>1</v>
      </c>
      <c r="K17195" s="9">
        <v>33</v>
      </c>
      <c r="L17195" s="6" t="s">
        <v>51</v>
      </c>
    </row>
    <row r="17196" spans="1:12">
      <c r="A17196" s="6" t="s">
        <v>17224</v>
      </c>
      <c r="B17196" s="6"/>
      <c r="C17196" s="6" t="s">
        <v>17228</v>
      </c>
      <c r="D17196" s="6"/>
      <c r="E17196" s="6" t="s">
        <v>9</v>
      </c>
      <c r="F17196" s="7">
        <v>38657</v>
      </c>
      <c r="G17196" s="8">
        <v>1</v>
      </c>
      <c r="H17196" s="8">
        <v>1</v>
      </c>
      <c r="I17196" s="8">
        <v>0</v>
      </c>
      <c r="J17196" s="8">
        <v>1</v>
      </c>
      <c r="K17196" s="9">
        <v>0.78</v>
      </c>
      <c r="L17196" s="6" t="s">
        <v>51</v>
      </c>
    </row>
    <row r="17197" spans="1:12">
      <c r="A17197" s="6" t="s">
        <v>17224</v>
      </c>
      <c r="B17197" s="6"/>
      <c r="C17197" s="6" t="s">
        <v>17229</v>
      </c>
      <c r="D17197" s="6"/>
      <c r="E17197" s="6" t="s">
        <v>9</v>
      </c>
      <c r="F17197" s="7">
        <v>38657</v>
      </c>
      <c r="G17197" s="8">
        <v>1</v>
      </c>
      <c r="H17197" s="8">
        <v>1</v>
      </c>
      <c r="I17197" s="8">
        <v>0</v>
      </c>
      <c r="J17197" s="8">
        <v>1</v>
      </c>
      <c r="K17197" s="9">
        <v>6.82</v>
      </c>
      <c r="L17197" s="6" t="s">
        <v>51</v>
      </c>
    </row>
    <row r="17198" spans="1:12">
      <c r="A17198" s="6" t="s">
        <v>17224</v>
      </c>
      <c r="B17198" s="6"/>
      <c r="C17198" s="6" t="s">
        <v>17230</v>
      </c>
      <c r="D17198" s="6"/>
      <c r="E17198" s="6" t="s">
        <v>9</v>
      </c>
      <c r="F17198" s="7">
        <v>38657</v>
      </c>
      <c r="G17198" s="8">
        <v>1</v>
      </c>
      <c r="H17198" s="8">
        <v>1</v>
      </c>
      <c r="I17198" s="8">
        <v>0</v>
      </c>
      <c r="J17198" s="8">
        <v>1</v>
      </c>
      <c r="K17198" s="9">
        <v>4.1500000000000004</v>
      </c>
      <c r="L17198" s="6" t="s">
        <v>51</v>
      </c>
    </row>
    <row r="17199" spans="1:12">
      <c r="A17199" s="6" t="s">
        <v>17224</v>
      </c>
      <c r="B17199" s="6"/>
      <c r="C17199" s="6" t="s">
        <v>17231</v>
      </c>
      <c r="D17199" s="6"/>
      <c r="E17199" s="6" t="s">
        <v>9</v>
      </c>
      <c r="F17199" s="7">
        <v>38657</v>
      </c>
      <c r="G17199" s="8">
        <v>1</v>
      </c>
      <c r="H17199" s="8">
        <v>1</v>
      </c>
      <c r="I17199" s="8">
        <v>0</v>
      </c>
      <c r="J17199" s="8">
        <v>1</v>
      </c>
      <c r="K17199" s="9">
        <v>63</v>
      </c>
      <c r="L17199" s="6" t="s">
        <v>51</v>
      </c>
    </row>
    <row r="17200" spans="1:12">
      <c r="A17200" s="6" t="s">
        <v>17224</v>
      </c>
      <c r="B17200" s="6"/>
      <c r="C17200" s="6" t="s">
        <v>17232</v>
      </c>
      <c r="D17200" s="6"/>
      <c r="E17200" s="6" t="s">
        <v>9</v>
      </c>
      <c r="F17200" s="7">
        <v>38657</v>
      </c>
      <c r="G17200" s="8">
        <v>1</v>
      </c>
      <c r="H17200" s="8">
        <v>1</v>
      </c>
      <c r="I17200" s="8">
        <v>0</v>
      </c>
      <c r="J17200" s="8">
        <v>1</v>
      </c>
      <c r="K17200" s="9">
        <v>51</v>
      </c>
      <c r="L17200" s="6" t="s">
        <v>51</v>
      </c>
    </row>
    <row r="17201" spans="1:12">
      <c r="A17201" s="6" t="s">
        <v>17224</v>
      </c>
      <c r="B17201" s="6"/>
      <c r="C17201" s="6" t="s">
        <v>17233</v>
      </c>
      <c r="D17201" s="6"/>
      <c r="E17201" s="6" t="s">
        <v>9</v>
      </c>
      <c r="F17201" s="7">
        <v>38657</v>
      </c>
      <c r="G17201" s="8">
        <v>1</v>
      </c>
      <c r="H17201" s="8">
        <v>1</v>
      </c>
      <c r="I17201" s="8">
        <v>0</v>
      </c>
      <c r="J17201" s="8">
        <v>1</v>
      </c>
      <c r="K17201" s="9">
        <v>24</v>
      </c>
      <c r="L17201" s="6" t="s">
        <v>51</v>
      </c>
    </row>
    <row r="17202" spans="1:12">
      <c r="A17202" s="6" t="s">
        <v>17224</v>
      </c>
      <c r="B17202" s="6"/>
      <c r="C17202" s="6" t="s">
        <v>17234</v>
      </c>
      <c r="D17202" s="6"/>
      <c r="E17202" s="6" t="s">
        <v>9</v>
      </c>
      <c r="F17202" s="7">
        <v>38657</v>
      </c>
      <c r="G17202" s="8">
        <v>1</v>
      </c>
      <c r="H17202" s="8">
        <v>1</v>
      </c>
      <c r="I17202" s="8">
        <v>0</v>
      </c>
      <c r="J17202" s="8">
        <v>1</v>
      </c>
      <c r="K17202" s="9">
        <v>79</v>
      </c>
      <c r="L17202" s="6" t="s">
        <v>51</v>
      </c>
    </row>
    <row r="17203" spans="1:12">
      <c r="A17203" s="6" t="s">
        <v>17224</v>
      </c>
      <c r="B17203" s="6"/>
      <c r="C17203" s="6" t="s">
        <v>17235</v>
      </c>
      <c r="D17203" s="6"/>
      <c r="E17203" s="6" t="s">
        <v>9</v>
      </c>
      <c r="F17203" s="7">
        <v>38657</v>
      </c>
      <c r="G17203" s="8">
        <v>1</v>
      </c>
      <c r="H17203" s="8">
        <v>1</v>
      </c>
      <c r="I17203" s="8">
        <v>0</v>
      </c>
      <c r="J17203" s="8">
        <v>1</v>
      </c>
      <c r="K17203" s="9">
        <v>23</v>
      </c>
      <c r="L17203" s="6" t="s">
        <v>51</v>
      </c>
    </row>
    <row r="17204" spans="1:12">
      <c r="A17204" s="6" t="s">
        <v>17224</v>
      </c>
      <c r="B17204" s="6"/>
      <c r="C17204" s="6" t="s">
        <v>17236</v>
      </c>
      <c r="D17204" s="6"/>
      <c r="E17204" s="6" t="s">
        <v>9</v>
      </c>
      <c r="F17204" s="7">
        <v>38657</v>
      </c>
      <c r="G17204" s="8">
        <v>1</v>
      </c>
      <c r="H17204" s="8">
        <v>1</v>
      </c>
      <c r="I17204" s="8">
        <v>0</v>
      </c>
      <c r="J17204" s="8">
        <v>1</v>
      </c>
      <c r="K17204" s="9">
        <v>374</v>
      </c>
      <c r="L17204" s="6" t="s">
        <v>51</v>
      </c>
    </row>
    <row r="17205" spans="1:12">
      <c r="A17205" s="6" t="s">
        <v>17224</v>
      </c>
      <c r="B17205" s="6"/>
      <c r="C17205" s="6" t="s">
        <v>17237</v>
      </c>
      <c r="D17205" s="6"/>
      <c r="E17205" s="6" t="s">
        <v>9</v>
      </c>
      <c r="F17205" s="7">
        <v>38657</v>
      </c>
      <c r="G17205" s="8">
        <v>1</v>
      </c>
      <c r="H17205" s="8">
        <v>1</v>
      </c>
      <c r="I17205" s="8">
        <v>0</v>
      </c>
      <c r="J17205" s="8">
        <v>1</v>
      </c>
      <c r="K17205" s="9">
        <v>0.4</v>
      </c>
      <c r="L17205" s="6" t="s">
        <v>51</v>
      </c>
    </row>
    <row r="17206" spans="1:12">
      <c r="A17206" s="6" t="s">
        <v>17224</v>
      </c>
      <c r="B17206" s="6"/>
      <c r="C17206" s="6" t="s">
        <v>17238</v>
      </c>
      <c r="D17206" s="6"/>
      <c r="E17206" s="6" t="s">
        <v>9</v>
      </c>
      <c r="F17206" s="7"/>
      <c r="G17206" s="8">
        <v>1</v>
      </c>
      <c r="H17206" s="8">
        <v>1</v>
      </c>
      <c r="I17206" s="8">
        <v>0</v>
      </c>
      <c r="J17206" s="8">
        <v>1</v>
      </c>
      <c r="K17206" s="9">
        <v>6.61</v>
      </c>
      <c r="L17206" s="6" t="s">
        <v>51</v>
      </c>
    </row>
    <row r="17207" spans="1:12">
      <c r="A17207" s="6" t="s">
        <v>17224</v>
      </c>
      <c r="B17207" s="6"/>
      <c r="C17207" s="6" t="s">
        <v>17239</v>
      </c>
      <c r="D17207" s="6"/>
      <c r="E17207" s="6" t="s">
        <v>9</v>
      </c>
      <c r="F17207" s="7">
        <v>38657</v>
      </c>
      <c r="G17207" s="8">
        <v>1</v>
      </c>
      <c r="H17207" s="8">
        <v>1</v>
      </c>
      <c r="I17207" s="8">
        <v>0</v>
      </c>
      <c r="J17207" s="8">
        <v>1</v>
      </c>
      <c r="K17207" s="9">
        <v>14</v>
      </c>
      <c r="L17207" s="6" t="s">
        <v>51</v>
      </c>
    </row>
    <row r="17208" spans="1:12">
      <c r="A17208" s="6" t="s">
        <v>17224</v>
      </c>
      <c r="B17208" s="6"/>
      <c r="C17208" s="6" t="s">
        <v>17240</v>
      </c>
      <c r="D17208" s="6"/>
      <c r="E17208" s="6" t="s">
        <v>9</v>
      </c>
      <c r="F17208" s="7">
        <v>38657</v>
      </c>
      <c r="G17208" s="8">
        <v>1</v>
      </c>
      <c r="H17208" s="8">
        <v>1</v>
      </c>
      <c r="I17208" s="8">
        <v>0</v>
      </c>
      <c r="J17208" s="8">
        <v>1</v>
      </c>
      <c r="K17208" s="9">
        <v>57</v>
      </c>
      <c r="L17208" s="6" t="s">
        <v>51</v>
      </c>
    </row>
    <row r="17209" spans="1:12">
      <c r="A17209" s="6" t="s">
        <v>17224</v>
      </c>
      <c r="B17209" s="6"/>
      <c r="C17209" s="6" t="s">
        <v>17241</v>
      </c>
      <c r="D17209" s="6"/>
      <c r="E17209" s="6" t="s">
        <v>9</v>
      </c>
      <c r="F17209" s="7">
        <v>38657</v>
      </c>
      <c r="G17209" s="8">
        <v>1</v>
      </c>
      <c r="H17209" s="8">
        <v>1</v>
      </c>
      <c r="I17209" s="8">
        <v>0</v>
      </c>
      <c r="J17209" s="8">
        <v>1</v>
      </c>
      <c r="K17209" s="9">
        <v>45</v>
      </c>
      <c r="L17209" s="6" t="s">
        <v>51</v>
      </c>
    </row>
    <row r="17210" spans="1:12">
      <c r="A17210" s="6" t="s">
        <v>17224</v>
      </c>
      <c r="B17210" s="6"/>
      <c r="C17210" s="6" t="s">
        <v>17242</v>
      </c>
      <c r="D17210" s="6"/>
      <c r="E17210" s="6" t="s">
        <v>9</v>
      </c>
      <c r="F17210" s="7">
        <v>38657</v>
      </c>
      <c r="G17210" s="8">
        <v>1</v>
      </c>
      <c r="H17210" s="8">
        <v>1</v>
      </c>
      <c r="I17210" s="8">
        <v>0</v>
      </c>
      <c r="J17210" s="8">
        <v>1</v>
      </c>
      <c r="K17210" s="9">
        <v>26</v>
      </c>
      <c r="L17210" s="6" t="s">
        <v>51</v>
      </c>
    </row>
    <row r="17211" spans="1:12">
      <c r="A17211" s="6" t="s">
        <v>17224</v>
      </c>
      <c r="B17211" s="6"/>
      <c r="C17211" s="6" t="s">
        <v>17243</v>
      </c>
      <c r="D17211" s="6"/>
      <c r="E17211" s="6" t="s">
        <v>9</v>
      </c>
      <c r="F17211" s="7">
        <v>38657</v>
      </c>
      <c r="G17211" s="8">
        <v>1</v>
      </c>
      <c r="H17211" s="8">
        <v>1</v>
      </c>
      <c r="I17211" s="8">
        <v>0</v>
      </c>
      <c r="J17211" s="8">
        <v>1</v>
      </c>
      <c r="K17211" s="9">
        <v>24</v>
      </c>
      <c r="L17211" s="6" t="s">
        <v>51</v>
      </c>
    </row>
    <row r="17212" spans="1:12">
      <c r="A17212" s="6" t="s">
        <v>17224</v>
      </c>
      <c r="B17212" s="6"/>
      <c r="C17212" s="6" t="s">
        <v>17244</v>
      </c>
      <c r="D17212" s="6"/>
      <c r="E17212" s="6" t="s">
        <v>9</v>
      </c>
      <c r="F17212" s="7">
        <v>38657</v>
      </c>
      <c r="G17212" s="8">
        <v>1</v>
      </c>
      <c r="H17212" s="8">
        <v>1</v>
      </c>
      <c r="I17212" s="8">
        <v>0</v>
      </c>
      <c r="J17212" s="8">
        <v>1</v>
      </c>
      <c r="K17212" s="9">
        <v>44</v>
      </c>
      <c r="L17212" s="6" t="s">
        <v>51</v>
      </c>
    </row>
    <row r="17213" spans="1:12">
      <c r="A17213" s="6" t="s">
        <v>17224</v>
      </c>
      <c r="B17213" s="6"/>
      <c r="C17213" s="6" t="s">
        <v>17245</v>
      </c>
      <c r="D17213" s="6"/>
      <c r="E17213" s="6" t="s">
        <v>9</v>
      </c>
      <c r="F17213" s="7">
        <v>38657</v>
      </c>
      <c r="G17213" s="8">
        <v>1</v>
      </c>
      <c r="H17213" s="8">
        <v>1</v>
      </c>
      <c r="I17213" s="8">
        <v>0</v>
      </c>
      <c r="J17213" s="8">
        <v>1</v>
      </c>
      <c r="K17213" s="9">
        <v>27</v>
      </c>
      <c r="L17213" s="6" t="s">
        <v>51</v>
      </c>
    </row>
    <row r="17214" spans="1:12">
      <c r="A17214" s="6" t="s">
        <v>17224</v>
      </c>
      <c r="B17214" s="6"/>
      <c r="C17214" s="6" t="s">
        <v>17246</v>
      </c>
      <c r="D17214" s="6"/>
      <c r="E17214" s="6" t="s">
        <v>9</v>
      </c>
      <c r="F17214" s="7">
        <v>38657</v>
      </c>
      <c r="G17214" s="8">
        <v>1</v>
      </c>
      <c r="H17214" s="8">
        <v>1</v>
      </c>
      <c r="I17214" s="8">
        <v>0</v>
      </c>
      <c r="J17214" s="8">
        <v>1</v>
      </c>
      <c r="K17214" s="9">
        <v>15</v>
      </c>
      <c r="L17214" s="6" t="s">
        <v>51</v>
      </c>
    </row>
    <row r="17215" spans="1:12">
      <c r="A17215" s="6" t="s">
        <v>17224</v>
      </c>
      <c r="B17215" s="6"/>
      <c r="C17215" s="6" t="s">
        <v>17247</v>
      </c>
      <c r="D17215" s="6"/>
      <c r="E17215" s="6" t="s">
        <v>9</v>
      </c>
      <c r="F17215" s="7">
        <v>38657</v>
      </c>
      <c r="G17215" s="8">
        <v>1</v>
      </c>
      <c r="H17215" s="8">
        <v>1</v>
      </c>
      <c r="I17215" s="8">
        <v>0</v>
      </c>
      <c r="J17215" s="8">
        <v>1</v>
      </c>
      <c r="K17215" s="9">
        <v>14</v>
      </c>
      <c r="L17215" s="6" t="s">
        <v>51</v>
      </c>
    </row>
    <row r="17216" spans="1:12">
      <c r="A17216" s="6" t="s">
        <v>17224</v>
      </c>
      <c r="B17216" s="6"/>
      <c r="C17216" s="6" t="s">
        <v>17248</v>
      </c>
      <c r="D17216" s="6"/>
      <c r="E17216" s="6" t="s">
        <v>9</v>
      </c>
      <c r="F17216" s="7">
        <v>38657</v>
      </c>
      <c r="G17216" s="8">
        <v>1</v>
      </c>
      <c r="H17216" s="8">
        <v>1</v>
      </c>
      <c r="I17216" s="8">
        <v>0</v>
      </c>
      <c r="J17216" s="8">
        <v>1</v>
      </c>
      <c r="K17216" s="9">
        <v>11</v>
      </c>
      <c r="L17216" s="6" t="s">
        <v>51</v>
      </c>
    </row>
    <row r="17217" spans="1:12">
      <c r="A17217" s="6" t="s">
        <v>17224</v>
      </c>
      <c r="B17217" s="6"/>
      <c r="C17217" s="6" t="s">
        <v>17249</v>
      </c>
      <c r="D17217" s="6"/>
      <c r="E17217" s="6" t="s">
        <v>9</v>
      </c>
      <c r="F17217" s="7">
        <v>38657</v>
      </c>
      <c r="G17217" s="8">
        <v>1</v>
      </c>
      <c r="H17217" s="8">
        <v>1</v>
      </c>
      <c r="I17217" s="8">
        <v>0</v>
      </c>
      <c r="J17217" s="8">
        <v>1</v>
      </c>
      <c r="K17217" s="9">
        <v>22</v>
      </c>
      <c r="L17217" s="6" t="s">
        <v>51</v>
      </c>
    </row>
    <row r="17218" spans="1:12">
      <c r="A17218" s="6" t="s">
        <v>17224</v>
      </c>
      <c r="B17218" s="6"/>
      <c r="C17218" s="6" t="s">
        <v>17250</v>
      </c>
      <c r="D17218" s="6"/>
      <c r="E17218" s="6" t="s">
        <v>9</v>
      </c>
      <c r="F17218" s="7">
        <v>38657</v>
      </c>
      <c r="G17218" s="8">
        <v>1</v>
      </c>
      <c r="H17218" s="8">
        <v>1</v>
      </c>
      <c r="I17218" s="8">
        <v>0</v>
      </c>
      <c r="J17218" s="8">
        <v>1</v>
      </c>
      <c r="K17218" s="9">
        <v>328</v>
      </c>
      <c r="L17218" s="6" t="s">
        <v>51</v>
      </c>
    </row>
    <row r="17219" spans="1:12">
      <c r="A17219" s="6" t="s">
        <v>17224</v>
      </c>
      <c r="B17219" s="6"/>
      <c r="C17219" s="6" t="s">
        <v>17251</v>
      </c>
      <c r="D17219" s="6"/>
      <c r="E17219" s="6" t="s">
        <v>9</v>
      </c>
      <c r="F17219" s="7">
        <v>38657</v>
      </c>
      <c r="G17219" s="8">
        <v>1</v>
      </c>
      <c r="H17219" s="8">
        <v>1</v>
      </c>
      <c r="I17219" s="8">
        <v>0</v>
      </c>
      <c r="J17219" s="8">
        <v>1</v>
      </c>
      <c r="K17219" s="9">
        <v>62</v>
      </c>
      <c r="L17219" s="6" t="s">
        <v>51</v>
      </c>
    </row>
    <row r="17220" spans="1:12">
      <c r="A17220" s="6" t="s">
        <v>17224</v>
      </c>
      <c r="B17220" s="6"/>
      <c r="C17220" s="6" t="s">
        <v>17252</v>
      </c>
      <c r="D17220" s="6"/>
      <c r="E17220" s="6" t="s">
        <v>9</v>
      </c>
      <c r="F17220" s="7">
        <v>38657</v>
      </c>
      <c r="G17220" s="8">
        <v>1</v>
      </c>
      <c r="H17220" s="8">
        <v>1</v>
      </c>
      <c r="I17220" s="8">
        <v>0</v>
      </c>
      <c r="J17220" s="8">
        <v>1</v>
      </c>
      <c r="K17220" s="9">
        <v>50</v>
      </c>
      <c r="L17220" s="6" t="s">
        <v>51</v>
      </c>
    </row>
    <row r="17221" spans="1:12">
      <c r="A17221" s="6" t="s">
        <v>17224</v>
      </c>
      <c r="B17221" s="6"/>
      <c r="C17221" s="6" t="s">
        <v>17253</v>
      </c>
      <c r="D17221" s="6"/>
      <c r="E17221" s="6" t="s">
        <v>9</v>
      </c>
      <c r="F17221" s="7">
        <v>38657</v>
      </c>
      <c r="G17221" s="8">
        <v>1</v>
      </c>
      <c r="H17221" s="8">
        <v>1</v>
      </c>
      <c r="I17221" s="8">
        <v>0</v>
      </c>
      <c r="J17221" s="8">
        <v>1</v>
      </c>
      <c r="K17221" s="9">
        <v>77</v>
      </c>
      <c r="L17221" s="6" t="s">
        <v>51</v>
      </c>
    </row>
    <row r="17222" spans="1:12">
      <c r="A17222" s="6" t="s">
        <v>17224</v>
      </c>
      <c r="B17222" s="6"/>
      <c r="C17222" s="6" t="s">
        <v>17254</v>
      </c>
      <c r="D17222" s="6"/>
      <c r="E17222" s="6" t="s">
        <v>9</v>
      </c>
      <c r="F17222" s="7">
        <v>38657</v>
      </c>
      <c r="G17222" s="8">
        <v>1</v>
      </c>
      <c r="H17222" s="8">
        <v>1</v>
      </c>
      <c r="I17222" s="8">
        <v>0</v>
      </c>
      <c r="J17222" s="8">
        <v>1</v>
      </c>
      <c r="K17222" s="9">
        <v>62</v>
      </c>
      <c r="L17222" s="6" t="s">
        <v>51</v>
      </c>
    </row>
    <row r="17223" spans="1:12">
      <c r="A17223" s="6" t="s">
        <v>17224</v>
      </c>
      <c r="B17223" s="6"/>
      <c r="C17223" s="6" t="s">
        <v>17255</v>
      </c>
      <c r="D17223" s="6"/>
      <c r="E17223" s="6" t="s">
        <v>9</v>
      </c>
      <c r="F17223" s="7">
        <v>38657</v>
      </c>
      <c r="G17223" s="8">
        <v>1</v>
      </c>
      <c r="H17223" s="8">
        <v>1</v>
      </c>
      <c r="I17223" s="8">
        <v>0</v>
      </c>
      <c r="J17223" s="8">
        <v>1</v>
      </c>
      <c r="K17223" s="9">
        <v>18</v>
      </c>
      <c r="L17223" s="6" t="s">
        <v>51</v>
      </c>
    </row>
    <row r="17224" spans="1:12">
      <c r="A17224" s="6" t="s">
        <v>17224</v>
      </c>
      <c r="B17224" s="6"/>
      <c r="C17224" s="6" t="s">
        <v>17256</v>
      </c>
      <c r="D17224" s="6"/>
      <c r="E17224" s="6" t="s">
        <v>9</v>
      </c>
      <c r="F17224" s="7">
        <v>38657</v>
      </c>
      <c r="G17224" s="8">
        <v>1</v>
      </c>
      <c r="H17224" s="8">
        <v>1</v>
      </c>
      <c r="I17224" s="8">
        <v>0</v>
      </c>
      <c r="J17224" s="8">
        <v>1</v>
      </c>
      <c r="K17224" s="9">
        <v>16</v>
      </c>
      <c r="L17224" s="6" t="s">
        <v>51</v>
      </c>
    </row>
    <row r="17225" spans="1:12">
      <c r="A17225" s="6" t="s">
        <v>17224</v>
      </c>
      <c r="B17225" s="6"/>
      <c r="C17225" s="6" t="s">
        <v>17257</v>
      </c>
      <c r="D17225" s="6"/>
      <c r="E17225" s="6" t="s">
        <v>9</v>
      </c>
      <c r="F17225" s="7">
        <v>38657</v>
      </c>
      <c r="G17225" s="8">
        <v>1</v>
      </c>
      <c r="H17225" s="8">
        <v>1</v>
      </c>
      <c r="I17225" s="8">
        <v>0</v>
      </c>
      <c r="J17225" s="8">
        <v>1</v>
      </c>
      <c r="K17225" s="9">
        <v>9.57</v>
      </c>
      <c r="L17225" s="6" t="s">
        <v>51</v>
      </c>
    </row>
    <row r="17226" spans="1:12">
      <c r="A17226" s="6" t="s">
        <v>17224</v>
      </c>
      <c r="B17226" s="6"/>
      <c r="C17226" s="6" t="s">
        <v>17258</v>
      </c>
      <c r="D17226" s="6"/>
      <c r="E17226" s="6" t="s">
        <v>9</v>
      </c>
      <c r="F17226" s="7">
        <v>38657</v>
      </c>
      <c r="G17226" s="8">
        <v>1</v>
      </c>
      <c r="H17226" s="8">
        <v>1</v>
      </c>
      <c r="I17226" s="8">
        <v>0</v>
      </c>
      <c r="J17226" s="8">
        <v>1</v>
      </c>
      <c r="K17226" s="9">
        <v>115</v>
      </c>
      <c r="L17226" s="6" t="s">
        <v>51</v>
      </c>
    </row>
    <row r="17227" spans="1:12">
      <c r="A17227" s="6" t="s">
        <v>17224</v>
      </c>
      <c r="B17227" s="6"/>
      <c r="C17227" s="6" t="s">
        <v>17259</v>
      </c>
      <c r="D17227" s="6"/>
      <c r="E17227" s="6" t="s">
        <v>9</v>
      </c>
      <c r="F17227" s="7">
        <v>38657</v>
      </c>
      <c r="G17227" s="8">
        <v>1</v>
      </c>
      <c r="H17227" s="8">
        <v>1</v>
      </c>
      <c r="I17227" s="8">
        <v>0</v>
      </c>
      <c r="J17227" s="8">
        <v>1</v>
      </c>
      <c r="K17227" s="9">
        <v>31</v>
      </c>
      <c r="L17227" s="6" t="s">
        <v>51</v>
      </c>
    </row>
    <row r="17228" spans="1:12">
      <c r="A17228" s="6" t="s">
        <v>17224</v>
      </c>
      <c r="B17228" s="6"/>
      <c r="C17228" s="6" t="s">
        <v>17260</v>
      </c>
      <c r="D17228" s="6"/>
      <c r="E17228" s="6" t="s">
        <v>9</v>
      </c>
      <c r="F17228" s="7">
        <v>38657</v>
      </c>
      <c r="G17228" s="8">
        <v>1</v>
      </c>
      <c r="H17228" s="8">
        <v>1</v>
      </c>
      <c r="I17228" s="8">
        <v>0</v>
      </c>
      <c r="J17228" s="8">
        <v>1</v>
      </c>
      <c r="K17228" s="9">
        <v>79.599999999999895</v>
      </c>
      <c r="L17228" s="6" t="s">
        <v>51</v>
      </c>
    </row>
    <row r="17229" spans="1:12">
      <c r="A17229" s="6" t="s">
        <v>17224</v>
      </c>
      <c r="B17229" s="6"/>
      <c r="C17229" s="6" t="s">
        <v>17261</v>
      </c>
      <c r="D17229" s="6"/>
      <c r="E17229" s="6" t="s">
        <v>9</v>
      </c>
      <c r="F17229" s="7">
        <v>38657</v>
      </c>
      <c r="G17229" s="8">
        <v>1</v>
      </c>
      <c r="H17229" s="8">
        <v>1</v>
      </c>
      <c r="I17229" s="8">
        <v>0</v>
      </c>
      <c r="J17229" s="8">
        <v>1</v>
      </c>
      <c r="K17229" s="9">
        <v>22</v>
      </c>
      <c r="L17229" s="6" t="s">
        <v>51</v>
      </c>
    </row>
    <row r="17230" spans="1:12">
      <c r="A17230" s="6" t="s">
        <v>17224</v>
      </c>
      <c r="B17230" s="6"/>
      <c r="C17230" s="6" t="s">
        <v>17262</v>
      </c>
      <c r="D17230" s="6"/>
      <c r="E17230" s="6" t="s">
        <v>9</v>
      </c>
      <c r="F17230" s="7">
        <v>38657</v>
      </c>
      <c r="G17230" s="8">
        <v>1</v>
      </c>
      <c r="H17230" s="8">
        <v>1</v>
      </c>
      <c r="I17230" s="8">
        <v>0</v>
      </c>
      <c r="J17230" s="8">
        <v>1</v>
      </c>
      <c r="K17230" s="9">
        <v>133</v>
      </c>
      <c r="L17230" s="6" t="s">
        <v>51</v>
      </c>
    </row>
    <row r="17231" spans="1:12">
      <c r="A17231" s="6" t="s">
        <v>17224</v>
      </c>
      <c r="B17231" s="6"/>
      <c r="C17231" s="6" t="s">
        <v>17263</v>
      </c>
      <c r="D17231" s="6"/>
      <c r="E17231" s="6" t="s">
        <v>9</v>
      </c>
      <c r="F17231" s="7">
        <v>38657</v>
      </c>
      <c r="G17231" s="8">
        <v>1</v>
      </c>
      <c r="H17231" s="8">
        <v>1</v>
      </c>
      <c r="I17231" s="8">
        <v>0</v>
      </c>
      <c r="J17231" s="8">
        <v>1</v>
      </c>
      <c r="K17231" s="9">
        <v>63</v>
      </c>
      <c r="L17231" s="6" t="s">
        <v>51</v>
      </c>
    </row>
    <row r="17232" spans="1:12">
      <c r="A17232" s="6" t="s">
        <v>17224</v>
      </c>
      <c r="B17232" s="6"/>
      <c r="C17232" s="6" t="s">
        <v>17264</v>
      </c>
      <c r="D17232" s="6"/>
      <c r="E17232" s="6" t="s">
        <v>9</v>
      </c>
      <c r="F17232" s="7">
        <v>38657</v>
      </c>
      <c r="G17232" s="8">
        <v>1</v>
      </c>
      <c r="H17232" s="8">
        <v>1</v>
      </c>
      <c r="I17232" s="8">
        <v>0</v>
      </c>
      <c r="J17232" s="8">
        <v>1</v>
      </c>
      <c r="K17232" s="9">
        <v>41</v>
      </c>
      <c r="L17232" s="6" t="s">
        <v>51</v>
      </c>
    </row>
    <row r="17233" spans="1:12">
      <c r="A17233" s="6" t="s">
        <v>17224</v>
      </c>
      <c r="B17233" s="6"/>
      <c r="C17233" s="6" t="s">
        <v>17265</v>
      </c>
      <c r="D17233" s="6"/>
      <c r="E17233" s="6" t="s">
        <v>9</v>
      </c>
      <c r="F17233" s="7">
        <v>38657</v>
      </c>
      <c r="G17233" s="8">
        <v>1</v>
      </c>
      <c r="H17233" s="8">
        <v>1</v>
      </c>
      <c r="I17233" s="8">
        <v>0</v>
      </c>
      <c r="J17233" s="8">
        <v>1</v>
      </c>
      <c r="K17233" s="9">
        <v>6.95</v>
      </c>
      <c r="L17233" s="6" t="s">
        <v>51</v>
      </c>
    </row>
    <row r="17234" spans="1:12">
      <c r="A17234" s="6" t="s">
        <v>17224</v>
      </c>
      <c r="B17234" s="6"/>
      <c r="C17234" s="6" t="s">
        <v>17266</v>
      </c>
      <c r="D17234" s="6"/>
      <c r="E17234" s="6" t="s">
        <v>9</v>
      </c>
      <c r="F17234" s="7">
        <v>38657</v>
      </c>
      <c r="G17234" s="8">
        <v>1</v>
      </c>
      <c r="H17234" s="8">
        <v>1</v>
      </c>
      <c r="I17234" s="8">
        <v>0</v>
      </c>
      <c r="J17234" s="8">
        <v>1</v>
      </c>
      <c r="K17234" s="9">
        <v>19</v>
      </c>
      <c r="L17234" s="6" t="s">
        <v>51</v>
      </c>
    </row>
    <row r="17235" spans="1:12">
      <c r="A17235" s="6" t="s">
        <v>17224</v>
      </c>
      <c r="B17235" s="6"/>
      <c r="C17235" s="6" t="s">
        <v>17267</v>
      </c>
      <c r="D17235" s="6"/>
      <c r="E17235" s="6" t="s">
        <v>9</v>
      </c>
      <c r="F17235" s="7">
        <v>38657</v>
      </c>
      <c r="G17235" s="8">
        <v>1</v>
      </c>
      <c r="H17235" s="8">
        <v>1</v>
      </c>
      <c r="I17235" s="8">
        <v>0</v>
      </c>
      <c r="J17235" s="8">
        <v>1</v>
      </c>
      <c r="K17235" s="9">
        <v>45.61</v>
      </c>
      <c r="L17235" s="6" t="s">
        <v>51</v>
      </c>
    </row>
    <row r="17236" spans="1:12">
      <c r="A17236" s="6" t="s">
        <v>17224</v>
      </c>
      <c r="B17236" s="6"/>
      <c r="C17236" s="6" t="s">
        <v>17268</v>
      </c>
      <c r="D17236" s="6"/>
      <c r="E17236" s="6" t="s">
        <v>9</v>
      </c>
      <c r="F17236" s="7">
        <v>38657</v>
      </c>
      <c r="G17236" s="8">
        <v>1</v>
      </c>
      <c r="H17236" s="8">
        <v>1</v>
      </c>
      <c r="I17236" s="8">
        <v>0</v>
      </c>
      <c r="J17236" s="8">
        <v>1</v>
      </c>
      <c r="K17236" s="9">
        <v>9.25</v>
      </c>
      <c r="L17236" s="6" t="s">
        <v>51</v>
      </c>
    </row>
    <row r="17237" spans="1:12">
      <c r="A17237" s="6" t="s">
        <v>17224</v>
      </c>
      <c r="B17237" s="6"/>
      <c r="C17237" s="6" t="s">
        <v>17269</v>
      </c>
      <c r="D17237" s="6"/>
      <c r="E17237" s="6" t="s">
        <v>9</v>
      </c>
      <c r="F17237" s="7">
        <v>38657</v>
      </c>
      <c r="G17237" s="8">
        <v>1</v>
      </c>
      <c r="H17237" s="8">
        <v>1</v>
      </c>
      <c r="I17237" s="8">
        <v>0</v>
      </c>
      <c r="J17237" s="8">
        <v>1</v>
      </c>
      <c r="K17237" s="9">
        <v>45</v>
      </c>
      <c r="L17237" s="6" t="s">
        <v>51</v>
      </c>
    </row>
    <row r="17238" spans="1:12">
      <c r="A17238" s="6" t="s">
        <v>17224</v>
      </c>
      <c r="B17238" s="6"/>
      <c r="C17238" s="6" t="s">
        <v>17270</v>
      </c>
      <c r="D17238" s="6"/>
      <c r="E17238" s="6" t="s">
        <v>9</v>
      </c>
      <c r="F17238" s="7">
        <v>38657</v>
      </c>
      <c r="G17238" s="8">
        <v>1</v>
      </c>
      <c r="H17238" s="8">
        <v>1</v>
      </c>
      <c r="I17238" s="8">
        <v>0</v>
      </c>
      <c r="J17238" s="8">
        <v>1</v>
      </c>
      <c r="K17238" s="9">
        <v>35</v>
      </c>
      <c r="L17238" s="6" t="s">
        <v>51</v>
      </c>
    </row>
    <row r="17239" spans="1:12">
      <c r="A17239" s="6" t="s">
        <v>17224</v>
      </c>
      <c r="B17239" s="6"/>
      <c r="C17239" s="6" t="s">
        <v>17271</v>
      </c>
      <c r="D17239" s="6"/>
      <c r="E17239" s="6" t="s">
        <v>9</v>
      </c>
      <c r="F17239" s="7">
        <v>38657</v>
      </c>
      <c r="G17239" s="8">
        <v>1</v>
      </c>
      <c r="H17239" s="8">
        <v>1</v>
      </c>
      <c r="I17239" s="8">
        <v>0</v>
      </c>
      <c r="J17239" s="8">
        <v>1</v>
      </c>
      <c r="K17239" s="9">
        <v>160.56</v>
      </c>
      <c r="L17239" s="6" t="s">
        <v>51</v>
      </c>
    </row>
    <row r="17240" spans="1:12">
      <c r="A17240" s="6" t="s">
        <v>17224</v>
      </c>
      <c r="B17240" s="6"/>
      <c r="C17240" s="6" t="s">
        <v>17272</v>
      </c>
      <c r="D17240" s="6"/>
      <c r="E17240" s="6" t="s">
        <v>9</v>
      </c>
      <c r="F17240" s="7">
        <v>38657</v>
      </c>
      <c r="G17240" s="8">
        <v>1</v>
      </c>
      <c r="H17240" s="8">
        <v>1</v>
      </c>
      <c r="I17240" s="8">
        <v>0</v>
      </c>
      <c r="J17240" s="8">
        <v>1</v>
      </c>
      <c r="K17240" s="9">
        <v>14</v>
      </c>
      <c r="L17240" s="6" t="s">
        <v>51</v>
      </c>
    </row>
    <row r="17241" spans="1:12">
      <c r="A17241" s="6" t="s">
        <v>17224</v>
      </c>
      <c r="B17241" s="6"/>
      <c r="C17241" s="6" t="s">
        <v>17273</v>
      </c>
      <c r="D17241" s="6"/>
      <c r="E17241" s="6" t="s">
        <v>9</v>
      </c>
      <c r="F17241" s="7">
        <v>38657</v>
      </c>
      <c r="G17241" s="8">
        <v>1</v>
      </c>
      <c r="H17241" s="8">
        <v>1</v>
      </c>
      <c r="I17241" s="8">
        <v>0</v>
      </c>
      <c r="J17241" s="8">
        <v>1</v>
      </c>
      <c r="K17241" s="9">
        <v>27</v>
      </c>
      <c r="L17241" s="6" t="s">
        <v>51</v>
      </c>
    </row>
    <row r="17242" spans="1:12">
      <c r="A17242" s="6" t="s">
        <v>17224</v>
      </c>
      <c r="B17242" s="6"/>
      <c r="C17242" s="6" t="s">
        <v>17274</v>
      </c>
      <c r="D17242" s="6"/>
      <c r="E17242" s="6" t="s">
        <v>9</v>
      </c>
      <c r="F17242" s="7">
        <v>38657</v>
      </c>
      <c r="G17242" s="8">
        <v>1</v>
      </c>
      <c r="H17242" s="8">
        <v>1</v>
      </c>
      <c r="I17242" s="8">
        <v>0</v>
      </c>
      <c r="J17242" s="8">
        <v>1</v>
      </c>
      <c r="K17242" s="9">
        <v>2.4900000000000002</v>
      </c>
      <c r="L17242" s="6" t="s">
        <v>51</v>
      </c>
    </row>
    <row r="17243" spans="1:12">
      <c r="A17243" s="6" t="s">
        <v>17224</v>
      </c>
      <c r="B17243" s="6"/>
      <c r="C17243" s="6" t="s">
        <v>17275</v>
      </c>
      <c r="D17243" s="6"/>
      <c r="E17243" s="6" t="s">
        <v>9</v>
      </c>
      <c r="F17243" s="7">
        <v>38657</v>
      </c>
      <c r="G17243" s="8">
        <v>1</v>
      </c>
      <c r="H17243" s="8">
        <v>1</v>
      </c>
      <c r="I17243" s="8">
        <v>0</v>
      </c>
      <c r="J17243" s="8">
        <v>1</v>
      </c>
      <c r="K17243" s="9">
        <v>2.82</v>
      </c>
      <c r="L17243" s="6" t="s">
        <v>51</v>
      </c>
    </row>
    <row r="17244" spans="1:12">
      <c r="A17244" s="6" t="s">
        <v>17224</v>
      </c>
      <c r="B17244" s="6"/>
      <c r="C17244" s="6" t="s">
        <v>17276</v>
      </c>
      <c r="D17244" s="6"/>
      <c r="E17244" s="6" t="s">
        <v>9</v>
      </c>
      <c r="F17244" s="7">
        <v>38657</v>
      </c>
      <c r="G17244" s="8">
        <v>1</v>
      </c>
      <c r="H17244" s="8">
        <v>1</v>
      </c>
      <c r="I17244" s="8">
        <v>0</v>
      </c>
      <c r="J17244" s="8">
        <v>1</v>
      </c>
      <c r="K17244" s="9">
        <v>163</v>
      </c>
      <c r="L17244" s="6" t="s">
        <v>51</v>
      </c>
    </row>
    <row r="17245" spans="1:12">
      <c r="A17245" s="6" t="s">
        <v>17224</v>
      </c>
      <c r="B17245" s="6"/>
      <c r="C17245" s="6" t="s">
        <v>17277</v>
      </c>
      <c r="D17245" s="6"/>
      <c r="E17245" s="6" t="s">
        <v>9</v>
      </c>
      <c r="F17245" s="7">
        <v>38657</v>
      </c>
      <c r="G17245" s="8">
        <v>1</v>
      </c>
      <c r="H17245" s="8">
        <v>1</v>
      </c>
      <c r="I17245" s="8">
        <v>0</v>
      </c>
      <c r="J17245" s="8">
        <v>1</v>
      </c>
      <c r="K17245" s="9">
        <v>15</v>
      </c>
      <c r="L17245" s="6" t="s">
        <v>51</v>
      </c>
    </row>
    <row r="17246" spans="1:12">
      <c r="A17246" s="6" t="s">
        <v>17224</v>
      </c>
      <c r="B17246" s="6"/>
      <c r="C17246" s="6" t="s">
        <v>17278</v>
      </c>
      <c r="D17246" s="6"/>
      <c r="E17246" s="6" t="s">
        <v>9</v>
      </c>
      <c r="F17246" s="7">
        <v>38657</v>
      </c>
      <c r="G17246" s="8">
        <v>1</v>
      </c>
      <c r="H17246" s="8">
        <v>1</v>
      </c>
      <c r="I17246" s="8">
        <v>0</v>
      </c>
      <c r="J17246" s="8">
        <v>1</v>
      </c>
      <c r="K17246" s="9">
        <v>10</v>
      </c>
      <c r="L17246" s="6" t="s">
        <v>51</v>
      </c>
    </row>
    <row r="17247" spans="1:12">
      <c r="A17247" s="6" t="s">
        <v>17224</v>
      </c>
      <c r="B17247" s="6"/>
      <c r="C17247" s="6" t="s">
        <v>17279</v>
      </c>
      <c r="D17247" s="6"/>
      <c r="E17247" s="6" t="s">
        <v>9</v>
      </c>
      <c r="F17247" s="7">
        <v>38657</v>
      </c>
      <c r="G17247" s="8">
        <v>1</v>
      </c>
      <c r="H17247" s="8">
        <v>1</v>
      </c>
      <c r="I17247" s="8">
        <v>0</v>
      </c>
      <c r="J17247" s="8">
        <v>1</v>
      </c>
      <c r="K17247" s="9">
        <v>15</v>
      </c>
      <c r="L17247" s="6" t="s">
        <v>51</v>
      </c>
    </row>
    <row r="17248" spans="1:12">
      <c r="A17248" s="6" t="s">
        <v>17224</v>
      </c>
      <c r="B17248" s="6"/>
      <c r="C17248" s="6" t="s">
        <v>17280</v>
      </c>
      <c r="D17248" s="6"/>
      <c r="E17248" s="6" t="s">
        <v>9</v>
      </c>
      <c r="F17248" s="7">
        <v>38657</v>
      </c>
      <c r="G17248" s="8">
        <v>1</v>
      </c>
      <c r="H17248" s="8">
        <v>1</v>
      </c>
      <c r="I17248" s="8">
        <v>0</v>
      </c>
      <c r="J17248" s="8">
        <v>1</v>
      </c>
      <c r="K17248" s="9">
        <v>372</v>
      </c>
      <c r="L17248" s="6" t="s">
        <v>51</v>
      </c>
    </row>
    <row r="17249" spans="1:12">
      <c r="A17249" s="6" t="s">
        <v>17224</v>
      </c>
      <c r="B17249" s="6"/>
      <c r="C17249" s="6" t="s">
        <v>17281</v>
      </c>
      <c r="D17249" s="6"/>
      <c r="E17249" s="6" t="s">
        <v>9</v>
      </c>
      <c r="F17249" s="7">
        <v>38657</v>
      </c>
      <c r="G17249" s="8">
        <v>1</v>
      </c>
      <c r="H17249" s="8">
        <v>1</v>
      </c>
      <c r="I17249" s="8">
        <v>0</v>
      </c>
      <c r="J17249" s="8">
        <v>1</v>
      </c>
      <c r="K17249" s="9">
        <v>19</v>
      </c>
      <c r="L17249" s="6" t="s">
        <v>51</v>
      </c>
    </row>
    <row r="17250" spans="1:12">
      <c r="A17250" s="6" t="s">
        <v>17224</v>
      </c>
      <c r="B17250" s="6"/>
      <c r="C17250" s="6" t="s">
        <v>17282</v>
      </c>
      <c r="D17250" s="6"/>
      <c r="E17250" s="6" t="s">
        <v>9</v>
      </c>
      <c r="F17250" s="7">
        <v>38657</v>
      </c>
      <c r="G17250" s="8">
        <v>1</v>
      </c>
      <c r="H17250" s="8">
        <v>1</v>
      </c>
      <c r="I17250" s="8">
        <v>0</v>
      </c>
      <c r="J17250" s="8">
        <v>1</v>
      </c>
      <c r="K17250" s="9">
        <v>59.5</v>
      </c>
      <c r="L17250" s="6" t="s">
        <v>51</v>
      </c>
    </row>
    <row r="17251" spans="1:12">
      <c r="A17251" s="6" t="s">
        <v>17224</v>
      </c>
      <c r="B17251" s="6"/>
      <c r="C17251" s="6" t="s">
        <v>17283</v>
      </c>
      <c r="D17251" s="6"/>
      <c r="E17251" s="6" t="s">
        <v>9</v>
      </c>
      <c r="F17251" s="7">
        <v>38657</v>
      </c>
      <c r="G17251" s="8">
        <v>1</v>
      </c>
      <c r="H17251" s="8">
        <v>1</v>
      </c>
      <c r="I17251" s="8">
        <v>0</v>
      </c>
      <c r="J17251" s="8">
        <v>1</v>
      </c>
      <c r="K17251" s="9">
        <v>27</v>
      </c>
      <c r="L17251" s="6" t="s">
        <v>51</v>
      </c>
    </row>
    <row r="17252" spans="1:12">
      <c r="A17252" s="6" t="s">
        <v>17224</v>
      </c>
      <c r="B17252" s="6"/>
      <c r="C17252" s="6" t="s">
        <v>17284</v>
      </c>
      <c r="D17252" s="6"/>
      <c r="E17252" s="6" t="s">
        <v>9</v>
      </c>
      <c r="F17252" s="7">
        <v>38657</v>
      </c>
      <c r="G17252" s="8">
        <v>1</v>
      </c>
      <c r="H17252" s="8">
        <v>1</v>
      </c>
      <c r="I17252" s="8">
        <v>0</v>
      </c>
      <c r="J17252" s="8">
        <v>1</v>
      </c>
      <c r="K17252" s="9">
        <v>40</v>
      </c>
      <c r="L17252" s="6" t="s">
        <v>51</v>
      </c>
    </row>
    <row r="17253" spans="1:12">
      <c r="A17253" s="6" t="s">
        <v>17224</v>
      </c>
      <c r="B17253" s="6"/>
      <c r="C17253" s="6" t="s">
        <v>17285</v>
      </c>
      <c r="D17253" s="6"/>
      <c r="E17253" s="6" t="s">
        <v>9</v>
      </c>
      <c r="F17253" s="7">
        <v>38657</v>
      </c>
      <c r="G17253" s="8">
        <v>1</v>
      </c>
      <c r="H17253" s="8">
        <v>1</v>
      </c>
      <c r="I17253" s="8">
        <v>0</v>
      </c>
      <c r="J17253" s="8">
        <v>1</v>
      </c>
      <c r="K17253" s="9">
        <v>7.81</v>
      </c>
      <c r="L17253" s="6" t="s">
        <v>51</v>
      </c>
    </row>
    <row r="17254" spans="1:12">
      <c r="A17254" s="6" t="s">
        <v>17224</v>
      </c>
      <c r="B17254" s="6"/>
      <c r="C17254" s="6" t="s">
        <v>17286</v>
      </c>
      <c r="D17254" s="6"/>
      <c r="E17254" s="6" t="s">
        <v>9</v>
      </c>
      <c r="F17254" s="7">
        <v>38657</v>
      </c>
      <c r="G17254" s="8">
        <v>1</v>
      </c>
      <c r="H17254" s="8">
        <v>1</v>
      </c>
      <c r="I17254" s="8">
        <v>0</v>
      </c>
      <c r="J17254" s="8">
        <v>1</v>
      </c>
      <c r="K17254" s="9">
        <v>13</v>
      </c>
      <c r="L17254" s="6" t="s">
        <v>51</v>
      </c>
    </row>
    <row r="17255" spans="1:12">
      <c r="A17255" s="6" t="s">
        <v>17224</v>
      </c>
      <c r="B17255" s="6"/>
      <c r="C17255" s="6" t="s">
        <v>17287</v>
      </c>
      <c r="D17255" s="6"/>
      <c r="E17255" s="6" t="s">
        <v>9</v>
      </c>
      <c r="F17255" s="7">
        <v>38657</v>
      </c>
      <c r="G17255" s="8">
        <v>1</v>
      </c>
      <c r="H17255" s="8">
        <v>1</v>
      </c>
      <c r="I17255" s="8">
        <v>0</v>
      </c>
      <c r="J17255" s="8">
        <v>1</v>
      </c>
      <c r="K17255" s="9">
        <v>2.8</v>
      </c>
      <c r="L17255" s="6" t="s">
        <v>51</v>
      </c>
    </row>
    <row r="17256" spans="1:12">
      <c r="A17256" s="6" t="s">
        <v>17224</v>
      </c>
      <c r="B17256" s="6"/>
      <c r="C17256" s="6" t="s">
        <v>17288</v>
      </c>
      <c r="D17256" s="6"/>
      <c r="E17256" s="6" t="s">
        <v>9</v>
      </c>
      <c r="F17256" s="7">
        <v>38657</v>
      </c>
      <c r="G17256" s="8">
        <v>1</v>
      </c>
      <c r="H17256" s="8">
        <v>1</v>
      </c>
      <c r="I17256" s="8">
        <v>0</v>
      </c>
      <c r="J17256" s="8">
        <v>1</v>
      </c>
      <c r="K17256" s="9">
        <v>0.52</v>
      </c>
      <c r="L17256" s="6" t="s">
        <v>51</v>
      </c>
    </row>
    <row r="17257" spans="1:12">
      <c r="A17257" s="6" t="s">
        <v>17224</v>
      </c>
      <c r="B17257" s="6"/>
      <c r="C17257" s="6" t="s">
        <v>17289</v>
      </c>
      <c r="D17257" s="6"/>
      <c r="E17257" s="6" t="s">
        <v>9</v>
      </c>
      <c r="F17257" s="7">
        <v>38657</v>
      </c>
      <c r="G17257" s="8">
        <v>1</v>
      </c>
      <c r="H17257" s="8">
        <v>1</v>
      </c>
      <c r="I17257" s="8">
        <v>0</v>
      </c>
      <c r="J17257" s="8">
        <v>1</v>
      </c>
      <c r="K17257" s="9">
        <v>335</v>
      </c>
      <c r="L17257" s="6" t="s">
        <v>51</v>
      </c>
    </row>
    <row r="17258" spans="1:12">
      <c r="A17258" s="6" t="s">
        <v>17224</v>
      </c>
      <c r="B17258" s="6"/>
      <c r="C17258" s="6" t="s">
        <v>17290</v>
      </c>
      <c r="D17258" s="6"/>
      <c r="E17258" s="6" t="s">
        <v>9</v>
      </c>
      <c r="F17258" s="7">
        <v>38657</v>
      </c>
      <c r="G17258" s="8">
        <v>1</v>
      </c>
      <c r="H17258" s="8">
        <v>1</v>
      </c>
      <c r="I17258" s="8">
        <v>0</v>
      </c>
      <c r="J17258" s="8">
        <v>1</v>
      </c>
      <c r="K17258" s="9">
        <v>2.02</v>
      </c>
      <c r="L17258" s="6" t="s">
        <v>51</v>
      </c>
    </row>
    <row r="17259" spans="1:12">
      <c r="A17259" s="6" t="s">
        <v>17224</v>
      </c>
      <c r="B17259" s="6"/>
      <c r="C17259" s="6" t="s">
        <v>17291</v>
      </c>
      <c r="D17259" s="6"/>
      <c r="E17259" s="6" t="s">
        <v>9</v>
      </c>
      <c r="F17259" s="7">
        <v>38657</v>
      </c>
      <c r="G17259" s="8">
        <v>1</v>
      </c>
      <c r="H17259" s="8">
        <v>1</v>
      </c>
      <c r="I17259" s="8">
        <v>0</v>
      </c>
      <c r="J17259" s="8">
        <v>1</v>
      </c>
      <c r="K17259" s="9">
        <v>3.54</v>
      </c>
      <c r="L17259" s="6" t="s">
        <v>51</v>
      </c>
    </row>
    <row r="17260" spans="1:12">
      <c r="A17260" s="6" t="s">
        <v>17224</v>
      </c>
      <c r="B17260" s="6"/>
      <c r="C17260" s="6" t="s">
        <v>17292</v>
      </c>
      <c r="D17260" s="6"/>
      <c r="E17260" s="6" t="s">
        <v>9</v>
      </c>
      <c r="F17260" s="7">
        <v>38657</v>
      </c>
      <c r="G17260" s="8">
        <v>1</v>
      </c>
      <c r="H17260" s="8">
        <v>1</v>
      </c>
      <c r="I17260" s="8">
        <v>0</v>
      </c>
      <c r="J17260" s="8">
        <v>1</v>
      </c>
      <c r="K17260" s="9">
        <v>1.74</v>
      </c>
      <c r="L17260" s="6" t="s">
        <v>51</v>
      </c>
    </row>
    <row r="17261" spans="1:12">
      <c r="A17261" s="6" t="s">
        <v>17224</v>
      </c>
      <c r="B17261" s="6"/>
      <c r="C17261" s="6" t="s">
        <v>17293</v>
      </c>
      <c r="D17261" s="6"/>
      <c r="E17261" s="6" t="s">
        <v>9</v>
      </c>
      <c r="F17261" s="7">
        <v>38657</v>
      </c>
      <c r="G17261" s="8">
        <v>1</v>
      </c>
      <c r="H17261" s="8">
        <v>1</v>
      </c>
      <c r="I17261" s="8">
        <v>0</v>
      </c>
      <c r="J17261" s="8">
        <v>1</v>
      </c>
      <c r="K17261" s="9">
        <v>33.049999999999898</v>
      </c>
      <c r="L17261" s="6" t="s">
        <v>51</v>
      </c>
    </row>
    <row r="17262" spans="1:12">
      <c r="A17262" s="6" t="s">
        <v>17224</v>
      </c>
      <c r="B17262" s="6"/>
      <c r="C17262" s="6" t="s">
        <v>17294</v>
      </c>
      <c r="D17262" s="6"/>
      <c r="E17262" s="6" t="s">
        <v>9</v>
      </c>
      <c r="F17262" s="7">
        <v>38657</v>
      </c>
      <c r="G17262" s="8">
        <v>1</v>
      </c>
      <c r="H17262" s="8">
        <v>1</v>
      </c>
      <c r="I17262" s="8">
        <v>0</v>
      </c>
      <c r="J17262" s="8">
        <v>1</v>
      </c>
      <c r="K17262" s="9">
        <v>2.56</v>
      </c>
      <c r="L17262" s="6" t="s">
        <v>51</v>
      </c>
    </row>
    <row r="17263" spans="1:12">
      <c r="A17263" s="6" t="s">
        <v>17224</v>
      </c>
      <c r="B17263" s="6"/>
      <c r="C17263" s="6" t="s">
        <v>17295</v>
      </c>
      <c r="D17263" s="6"/>
      <c r="E17263" s="6" t="s">
        <v>9</v>
      </c>
      <c r="F17263" s="7">
        <v>38657</v>
      </c>
      <c r="G17263" s="8">
        <v>1</v>
      </c>
      <c r="H17263" s="8">
        <v>1</v>
      </c>
      <c r="I17263" s="8">
        <v>0</v>
      </c>
      <c r="J17263" s="8">
        <v>1</v>
      </c>
      <c r="K17263" s="9">
        <v>3.13</v>
      </c>
      <c r="L17263" s="6" t="s">
        <v>51</v>
      </c>
    </row>
    <row r="17264" spans="1:12">
      <c r="A17264" s="6" t="s">
        <v>17224</v>
      </c>
      <c r="B17264" s="6"/>
      <c r="C17264" s="6" t="s">
        <v>17296</v>
      </c>
      <c r="D17264" s="6"/>
      <c r="E17264" s="6" t="s">
        <v>9</v>
      </c>
      <c r="F17264" s="7">
        <v>38657</v>
      </c>
      <c r="G17264" s="8">
        <v>1</v>
      </c>
      <c r="H17264" s="8">
        <v>1</v>
      </c>
      <c r="I17264" s="8">
        <v>0</v>
      </c>
      <c r="J17264" s="8">
        <v>1</v>
      </c>
      <c r="K17264" s="9">
        <v>1.87</v>
      </c>
      <c r="L17264" s="6" t="s">
        <v>51</v>
      </c>
    </row>
    <row r="17265" spans="1:12">
      <c r="A17265" s="6" t="s">
        <v>17224</v>
      </c>
      <c r="B17265" s="6"/>
      <c r="C17265" s="6" t="s">
        <v>17297</v>
      </c>
      <c r="D17265" s="6"/>
      <c r="E17265" s="6" t="s">
        <v>9</v>
      </c>
      <c r="F17265" s="7">
        <v>38657</v>
      </c>
      <c r="G17265" s="8">
        <v>1</v>
      </c>
      <c r="H17265" s="8">
        <v>1</v>
      </c>
      <c r="I17265" s="8">
        <v>0</v>
      </c>
      <c r="J17265" s="8">
        <v>1</v>
      </c>
      <c r="K17265" s="9">
        <v>8.69</v>
      </c>
      <c r="L17265" s="6" t="s">
        <v>51</v>
      </c>
    </row>
    <row r="17266" spans="1:12">
      <c r="A17266" s="6" t="s">
        <v>17224</v>
      </c>
      <c r="B17266" s="6"/>
      <c r="C17266" s="6" t="s">
        <v>17298</v>
      </c>
      <c r="D17266" s="6"/>
      <c r="E17266" s="6" t="s">
        <v>9</v>
      </c>
      <c r="F17266" s="7">
        <v>38657</v>
      </c>
      <c r="G17266" s="8">
        <v>1</v>
      </c>
      <c r="H17266" s="8">
        <v>1</v>
      </c>
      <c r="I17266" s="8">
        <v>0</v>
      </c>
      <c r="J17266" s="8">
        <v>1</v>
      </c>
      <c r="K17266" s="9">
        <v>8.52</v>
      </c>
      <c r="L17266" s="6" t="s">
        <v>51</v>
      </c>
    </row>
    <row r="17267" spans="1:12">
      <c r="A17267" s="6" t="s">
        <v>17224</v>
      </c>
      <c r="B17267" s="6"/>
      <c r="C17267" s="6" t="s">
        <v>17299</v>
      </c>
      <c r="D17267" s="6"/>
      <c r="E17267" s="6" t="s">
        <v>9</v>
      </c>
      <c r="F17267" s="7">
        <v>38657</v>
      </c>
      <c r="G17267" s="8">
        <v>1</v>
      </c>
      <c r="H17267" s="8">
        <v>1</v>
      </c>
      <c r="I17267" s="8">
        <v>0</v>
      </c>
      <c r="J17267" s="8">
        <v>1</v>
      </c>
      <c r="K17267" s="9">
        <v>2.95</v>
      </c>
      <c r="L17267" s="6" t="s">
        <v>51</v>
      </c>
    </row>
    <row r="17268" spans="1:12">
      <c r="A17268" s="6" t="s">
        <v>17224</v>
      </c>
      <c r="B17268" s="6"/>
      <c r="C17268" s="6" t="s">
        <v>17300</v>
      </c>
      <c r="D17268" s="6"/>
      <c r="E17268" s="6" t="s">
        <v>9</v>
      </c>
      <c r="F17268" s="7">
        <v>38657</v>
      </c>
      <c r="G17268" s="8">
        <v>1</v>
      </c>
      <c r="H17268" s="8">
        <v>1</v>
      </c>
      <c r="I17268" s="8">
        <v>0</v>
      </c>
      <c r="J17268" s="8">
        <v>1</v>
      </c>
      <c r="K17268" s="9">
        <v>19</v>
      </c>
      <c r="L17268" s="6" t="s">
        <v>51</v>
      </c>
    </row>
    <row r="17269" spans="1:12">
      <c r="A17269" s="6" t="s">
        <v>17224</v>
      </c>
      <c r="B17269" s="6"/>
      <c r="C17269" s="6" t="s">
        <v>17301</v>
      </c>
      <c r="D17269" s="6"/>
      <c r="E17269" s="6" t="s">
        <v>9</v>
      </c>
      <c r="F17269" s="7">
        <v>38657</v>
      </c>
      <c r="G17269" s="8">
        <v>1</v>
      </c>
      <c r="H17269" s="8">
        <v>1</v>
      </c>
      <c r="I17269" s="8">
        <v>0</v>
      </c>
      <c r="J17269" s="8">
        <v>1</v>
      </c>
      <c r="K17269" s="9">
        <v>66.75</v>
      </c>
      <c r="L17269" s="6" t="s">
        <v>51</v>
      </c>
    </row>
    <row r="17270" spans="1:12">
      <c r="A17270" s="6" t="s">
        <v>17224</v>
      </c>
      <c r="B17270" s="6"/>
      <c r="C17270" s="6" t="s">
        <v>17302</v>
      </c>
      <c r="D17270" s="6"/>
      <c r="E17270" s="6" t="s">
        <v>9</v>
      </c>
      <c r="F17270" s="7">
        <v>38657</v>
      </c>
      <c r="G17270" s="8">
        <v>1</v>
      </c>
      <c r="H17270" s="8">
        <v>1</v>
      </c>
      <c r="I17270" s="8">
        <v>0</v>
      </c>
      <c r="J17270" s="8">
        <v>1</v>
      </c>
      <c r="K17270" s="9">
        <v>9.86</v>
      </c>
      <c r="L17270" s="6" t="s">
        <v>51</v>
      </c>
    </row>
    <row r="17271" spans="1:12">
      <c r="A17271" s="6" t="s">
        <v>17224</v>
      </c>
      <c r="B17271" s="6"/>
      <c r="C17271" s="6" t="s">
        <v>17303</v>
      </c>
      <c r="D17271" s="6"/>
      <c r="E17271" s="6" t="s">
        <v>9</v>
      </c>
      <c r="F17271" s="7">
        <v>38657</v>
      </c>
      <c r="G17271" s="8">
        <v>1</v>
      </c>
      <c r="H17271" s="8">
        <v>1</v>
      </c>
      <c r="I17271" s="8">
        <v>0</v>
      </c>
      <c r="J17271" s="8">
        <v>1</v>
      </c>
      <c r="K17271" s="9">
        <v>0.94</v>
      </c>
      <c r="L17271" s="6" t="s">
        <v>51</v>
      </c>
    </row>
    <row r="17272" spans="1:12">
      <c r="A17272" s="6" t="s">
        <v>17224</v>
      </c>
      <c r="B17272" s="6"/>
      <c r="C17272" s="6" t="s">
        <v>17304</v>
      </c>
      <c r="D17272" s="6"/>
      <c r="E17272" s="6" t="s">
        <v>9</v>
      </c>
      <c r="F17272" s="7">
        <v>38657</v>
      </c>
      <c r="G17272" s="8">
        <v>1</v>
      </c>
      <c r="H17272" s="8">
        <v>1</v>
      </c>
      <c r="I17272" s="8">
        <v>0</v>
      </c>
      <c r="J17272" s="8">
        <v>1</v>
      </c>
      <c r="K17272" s="9">
        <v>72.72</v>
      </c>
      <c r="L17272" s="6" t="s">
        <v>51</v>
      </c>
    </row>
    <row r="17273" spans="1:12">
      <c r="A17273" s="6" t="s">
        <v>17224</v>
      </c>
      <c r="B17273" s="6"/>
      <c r="C17273" s="6" t="s">
        <v>17305</v>
      </c>
      <c r="D17273" s="6"/>
      <c r="E17273" s="6" t="s">
        <v>9</v>
      </c>
      <c r="F17273" s="7">
        <v>38657</v>
      </c>
      <c r="G17273" s="8">
        <v>1</v>
      </c>
      <c r="H17273" s="8">
        <v>1</v>
      </c>
      <c r="I17273" s="8">
        <v>0</v>
      </c>
      <c r="J17273" s="8">
        <v>1</v>
      </c>
      <c r="K17273" s="9">
        <v>11.77</v>
      </c>
      <c r="L17273" s="6" t="s">
        <v>51</v>
      </c>
    </row>
    <row r="17274" spans="1:12">
      <c r="A17274" s="6" t="s">
        <v>17224</v>
      </c>
      <c r="B17274" s="6"/>
      <c r="C17274" s="6" t="s">
        <v>17306</v>
      </c>
      <c r="D17274" s="6"/>
      <c r="E17274" s="6" t="s">
        <v>9</v>
      </c>
      <c r="F17274" s="7">
        <v>38657</v>
      </c>
      <c r="G17274" s="8">
        <v>1</v>
      </c>
      <c r="H17274" s="8">
        <v>1</v>
      </c>
      <c r="I17274" s="8">
        <v>0</v>
      </c>
      <c r="J17274" s="8">
        <v>1</v>
      </c>
      <c r="K17274" s="9">
        <v>1.85</v>
      </c>
      <c r="L17274" s="6" t="s">
        <v>51</v>
      </c>
    </row>
    <row r="17275" spans="1:12">
      <c r="A17275" s="6" t="s">
        <v>17224</v>
      </c>
      <c r="B17275" s="6"/>
      <c r="C17275" s="6" t="s">
        <v>17307</v>
      </c>
      <c r="D17275" s="6"/>
      <c r="E17275" s="6" t="s">
        <v>9</v>
      </c>
      <c r="F17275" s="7">
        <v>38657</v>
      </c>
      <c r="G17275" s="8">
        <v>1</v>
      </c>
      <c r="H17275" s="8">
        <v>1</v>
      </c>
      <c r="I17275" s="8">
        <v>0</v>
      </c>
      <c r="J17275" s="8">
        <v>1</v>
      </c>
      <c r="K17275" s="9">
        <v>1.85</v>
      </c>
      <c r="L17275" s="6" t="s">
        <v>51</v>
      </c>
    </row>
    <row r="17276" spans="1:12">
      <c r="A17276" s="6" t="s">
        <v>17224</v>
      </c>
      <c r="B17276" s="6"/>
      <c r="C17276" s="6" t="s">
        <v>17308</v>
      </c>
      <c r="D17276" s="6"/>
      <c r="E17276" s="6" t="s">
        <v>9</v>
      </c>
      <c r="F17276" s="7">
        <v>38657</v>
      </c>
      <c r="G17276" s="8">
        <v>1</v>
      </c>
      <c r="H17276" s="8">
        <v>1</v>
      </c>
      <c r="I17276" s="8">
        <v>0</v>
      </c>
      <c r="J17276" s="8">
        <v>1</v>
      </c>
      <c r="K17276" s="9">
        <v>0.5</v>
      </c>
      <c r="L17276" s="6" t="s">
        <v>51</v>
      </c>
    </row>
    <row r="17277" spans="1:12">
      <c r="A17277" s="6" t="s">
        <v>17224</v>
      </c>
      <c r="B17277" s="6"/>
      <c r="C17277" s="6" t="s">
        <v>17309</v>
      </c>
      <c r="D17277" s="6"/>
      <c r="E17277" s="6" t="s">
        <v>9</v>
      </c>
      <c r="F17277" s="7">
        <v>38657</v>
      </c>
      <c r="G17277" s="8">
        <v>1</v>
      </c>
      <c r="H17277" s="8">
        <v>1</v>
      </c>
      <c r="I17277" s="8">
        <v>0</v>
      </c>
      <c r="J17277" s="8">
        <v>1</v>
      </c>
      <c r="K17277" s="9">
        <v>13</v>
      </c>
      <c r="L17277" s="6" t="s">
        <v>51</v>
      </c>
    </row>
    <row r="17278" spans="1:12">
      <c r="A17278" s="6" t="s">
        <v>17224</v>
      </c>
      <c r="B17278" s="6"/>
      <c r="C17278" s="6" t="s">
        <v>17310</v>
      </c>
      <c r="D17278" s="6"/>
      <c r="E17278" s="6" t="s">
        <v>9</v>
      </c>
      <c r="F17278" s="7">
        <v>38657</v>
      </c>
      <c r="G17278" s="8">
        <v>1</v>
      </c>
      <c r="H17278" s="8">
        <v>1</v>
      </c>
      <c r="I17278" s="8">
        <v>0</v>
      </c>
      <c r="J17278" s="8">
        <v>1</v>
      </c>
      <c r="K17278" s="9">
        <v>13</v>
      </c>
      <c r="L17278" s="6" t="s">
        <v>51</v>
      </c>
    </row>
    <row r="17279" spans="1:12">
      <c r="A17279" s="6" t="s">
        <v>17224</v>
      </c>
      <c r="B17279" s="6"/>
      <c r="C17279" s="6" t="s">
        <v>17311</v>
      </c>
      <c r="D17279" s="6"/>
      <c r="E17279" s="6" t="s">
        <v>9</v>
      </c>
      <c r="F17279" s="7">
        <v>38657</v>
      </c>
      <c r="G17279" s="8">
        <v>1</v>
      </c>
      <c r="H17279" s="8">
        <v>1</v>
      </c>
      <c r="I17279" s="8">
        <v>0</v>
      </c>
      <c r="J17279" s="8">
        <v>1</v>
      </c>
      <c r="K17279" s="9">
        <v>39.1</v>
      </c>
      <c r="L17279" s="6" t="s">
        <v>51</v>
      </c>
    </row>
    <row r="17280" spans="1:12">
      <c r="A17280" s="6" t="s">
        <v>17224</v>
      </c>
      <c r="B17280" s="6"/>
      <c r="C17280" s="6" t="s">
        <v>17312</v>
      </c>
      <c r="D17280" s="6"/>
      <c r="E17280" s="6" t="s">
        <v>9</v>
      </c>
      <c r="F17280" s="7">
        <v>38657</v>
      </c>
      <c r="G17280" s="8">
        <v>1</v>
      </c>
      <c r="H17280" s="8">
        <v>1</v>
      </c>
      <c r="I17280" s="8">
        <v>0</v>
      </c>
      <c r="J17280" s="8">
        <v>1</v>
      </c>
      <c r="K17280" s="9">
        <v>529</v>
      </c>
      <c r="L17280" s="6" t="s">
        <v>51</v>
      </c>
    </row>
    <row r="17281" spans="1:12">
      <c r="A17281" s="6" t="s">
        <v>17224</v>
      </c>
      <c r="B17281" s="6"/>
      <c r="C17281" s="6" t="s">
        <v>17313</v>
      </c>
      <c r="D17281" s="6"/>
      <c r="E17281" s="6" t="s">
        <v>9</v>
      </c>
      <c r="F17281" s="7">
        <v>38657</v>
      </c>
      <c r="G17281" s="8">
        <v>1</v>
      </c>
      <c r="H17281" s="8">
        <v>1</v>
      </c>
      <c r="I17281" s="8">
        <v>0</v>
      </c>
      <c r="J17281" s="8">
        <v>1</v>
      </c>
      <c r="K17281" s="9">
        <v>41</v>
      </c>
      <c r="L17281" s="6" t="s">
        <v>51</v>
      </c>
    </row>
    <row r="17282" spans="1:12">
      <c r="A17282" s="6" t="s">
        <v>17224</v>
      </c>
      <c r="B17282" s="6"/>
      <c r="C17282" s="6" t="s">
        <v>17314</v>
      </c>
      <c r="D17282" s="6"/>
      <c r="E17282" s="6" t="s">
        <v>9</v>
      </c>
      <c r="F17282" s="7">
        <v>38657</v>
      </c>
      <c r="G17282" s="8">
        <v>1</v>
      </c>
      <c r="H17282" s="8">
        <v>1</v>
      </c>
      <c r="I17282" s="8">
        <v>0</v>
      </c>
      <c r="J17282" s="8">
        <v>1</v>
      </c>
      <c r="K17282" s="9">
        <v>73</v>
      </c>
      <c r="L17282" s="6" t="s">
        <v>51</v>
      </c>
    </row>
    <row r="17283" spans="1:12">
      <c r="A17283" s="6" t="s">
        <v>17224</v>
      </c>
      <c r="B17283" s="6"/>
      <c r="C17283" s="6" t="s">
        <v>17315</v>
      </c>
      <c r="D17283" s="6"/>
      <c r="E17283" s="6" t="s">
        <v>9</v>
      </c>
      <c r="F17283" s="7">
        <v>38657</v>
      </c>
      <c r="G17283" s="8">
        <v>1</v>
      </c>
      <c r="H17283" s="8">
        <v>1</v>
      </c>
      <c r="I17283" s="8">
        <v>0</v>
      </c>
      <c r="J17283" s="8">
        <v>1</v>
      </c>
      <c r="K17283" s="9">
        <v>42.97</v>
      </c>
      <c r="L17283" s="6" t="s">
        <v>51</v>
      </c>
    </row>
    <row r="17284" spans="1:12">
      <c r="A17284" s="6" t="s">
        <v>17224</v>
      </c>
      <c r="B17284" s="6"/>
      <c r="C17284" s="6" t="s">
        <v>17316</v>
      </c>
      <c r="D17284" s="6"/>
      <c r="E17284" s="6" t="s">
        <v>9</v>
      </c>
      <c r="F17284" s="7">
        <v>38657</v>
      </c>
      <c r="G17284" s="8">
        <v>1</v>
      </c>
      <c r="H17284" s="8">
        <v>1</v>
      </c>
      <c r="I17284" s="8">
        <v>0</v>
      </c>
      <c r="J17284" s="8">
        <v>1</v>
      </c>
      <c r="K17284" s="9">
        <v>3.76</v>
      </c>
      <c r="L17284" s="6" t="s">
        <v>51</v>
      </c>
    </row>
    <row r="17285" spans="1:12">
      <c r="A17285" s="6" t="s">
        <v>17224</v>
      </c>
      <c r="B17285" s="6"/>
      <c r="C17285" s="6" t="s">
        <v>17317</v>
      </c>
      <c r="D17285" s="6"/>
      <c r="E17285" s="6" t="s">
        <v>9</v>
      </c>
      <c r="F17285" s="7">
        <v>38657</v>
      </c>
      <c r="G17285" s="8">
        <v>1</v>
      </c>
      <c r="H17285" s="8">
        <v>1</v>
      </c>
      <c r="I17285" s="8">
        <v>0</v>
      </c>
      <c r="J17285" s="8">
        <v>1</v>
      </c>
      <c r="K17285" s="9">
        <v>3.85</v>
      </c>
      <c r="L17285" s="6" t="s">
        <v>51</v>
      </c>
    </row>
    <row r="17286" spans="1:12">
      <c r="A17286" s="6" t="s">
        <v>17224</v>
      </c>
      <c r="B17286" s="6"/>
      <c r="C17286" s="6" t="s">
        <v>17318</v>
      </c>
      <c r="D17286" s="6"/>
      <c r="E17286" s="6" t="s">
        <v>9</v>
      </c>
      <c r="F17286" s="7">
        <v>38657</v>
      </c>
      <c r="G17286" s="8">
        <v>1</v>
      </c>
      <c r="H17286" s="8">
        <v>1</v>
      </c>
      <c r="I17286" s="8">
        <v>0</v>
      </c>
      <c r="J17286" s="8">
        <v>1</v>
      </c>
      <c r="K17286" s="9">
        <v>14</v>
      </c>
      <c r="L17286" s="6" t="s">
        <v>51</v>
      </c>
    </row>
    <row r="17287" spans="1:12">
      <c r="A17287" s="6" t="s">
        <v>17224</v>
      </c>
      <c r="B17287" s="6"/>
      <c r="C17287" s="6" t="s">
        <v>17319</v>
      </c>
      <c r="D17287" s="6"/>
      <c r="E17287" s="6" t="s">
        <v>9</v>
      </c>
      <c r="F17287" s="7">
        <v>38657</v>
      </c>
      <c r="G17287" s="8">
        <v>1</v>
      </c>
      <c r="H17287" s="8">
        <v>1</v>
      </c>
      <c r="I17287" s="8">
        <v>0</v>
      </c>
      <c r="J17287" s="8">
        <v>1</v>
      </c>
      <c r="K17287" s="9">
        <v>637</v>
      </c>
      <c r="L17287" s="6" t="s">
        <v>51</v>
      </c>
    </row>
    <row r="17288" spans="1:12">
      <c r="A17288" s="6" t="s">
        <v>17224</v>
      </c>
      <c r="B17288" s="6"/>
      <c r="C17288" s="6" t="s">
        <v>17320</v>
      </c>
      <c r="D17288" s="6"/>
      <c r="E17288" s="6" t="s">
        <v>9</v>
      </c>
      <c r="F17288" s="7">
        <v>38657</v>
      </c>
      <c r="G17288" s="8">
        <v>1</v>
      </c>
      <c r="H17288" s="8">
        <v>1</v>
      </c>
      <c r="I17288" s="8">
        <v>0</v>
      </c>
      <c r="J17288" s="8">
        <v>1</v>
      </c>
      <c r="K17288" s="9">
        <v>210</v>
      </c>
      <c r="L17288" s="6" t="s">
        <v>51</v>
      </c>
    </row>
    <row r="17289" spans="1:12">
      <c r="A17289" s="6" t="s">
        <v>17224</v>
      </c>
      <c r="B17289" s="6"/>
      <c r="C17289" s="6" t="s">
        <v>17321</v>
      </c>
      <c r="D17289" s="6"/>
      <c r="E17289" s="6" t="s">
        <v>9</v>
      </c>
      <c r="F17289" s="7">
        <v>38657</v>
      </c>
      <c r="G17289" s="8">
        <v>1</v>
      </c>
      <c r="H17289" s="8">
        <v>1</v>
      </c>
      <c r="I17289" s="8">
        <v>0</v>
      </c>
      <c r="J17289" s="8">
        <v>1</v>
      </c>
      <c r="K17289" s="9">
        <v>200</v>
      </c>
      <c r="L17289" s="6" t="s">
        <v>51</v>
      </c>
    </row>
    <row r="17290" spans="1:12">
      <c r="A17290" s="6" t="s">
        <v>17224</v>
      </c>
      <c r="B17290" s="6"/>
      <c r="C17290" s="6" t="s">
        <v>17322</v>
      </c>
      <c r="D17290" s="6"/>
      <c r="E17290" s="6" t="s">
        <v>9</v>
      </c>
      <c r="F17290" s="7">
        <v>38657</v>
      </c>
      <c r="G17290" s="8">
        <v>1</v>
      </c>
      <c r="H17290" s="8">
        <v>1</v>
      </c>
      <c r="I17290" s="8">
        <v>0</v>
      </c>
      <c r="J17290" s="8">
        <v>1</v>
      </c>
      <c r="K17290" s="9">
        <v>188</v>
      </c>
      <c r="L17290" s="6" t="s">
        <v>51</v>
      </c>
    </row>
    <row r="17291" spans="1:12">
      <c r="A17291" s="6" t="s">
        <v>17224</v>
      </c>
      <c r="B17291" s="6"/>
      <c r="C17291" s="6" t="s">
        <v>17323</v>
      </c>
      <c r="D17291" s="6"/>
      <c r="E17291" s="6" t="s">
        <v>9</v>
      </c>
      <c r="F17291" s="7">
        <v>38657</v>
      </c>
      <c r="G17291" s="8">
        <v>1</v>
      </c>
      <c r="H17291" s="8">
        <v>1</v>
      </c>
      <c r="I17291" s="8">
        <v>0</v>
      </c>
      <c r="J17291" s="8">
        <v>1</v>
      </c>
      <c r="K17291" s="9">
        <v>396</v>
      </c>
      <c r="L17291" s="6" t="s">
        <v>51</v>
      </c>
    </row>
    <row r="17292" spans="1:12">
      <c r="A17292" s="6" t="s">
        <v>17224</v>
      </c>
      <c r="B17292" s="6"/>
      <c r="C17292" s="6" t="s">
        <v>17324</v>
      </c>
      <c r="D17292" s="6"/>
      <c r="E17292" s="6" t="s">
        <v>9</v>
      </c>
      <c r="F17292" s="7">
        <v>38657</v>
      </c>
      <c r="G17292" s="8">
        <v>1</v>
      </c>
      <c r="H17292" s="8">
        <v>1</v>
      </c>
      <c r="I17292" s="8">
        <v>0</v>
      </c>
      <c r="J17292" s="8">
        <v>1</v>
      </c>
      <c r="K17292" s="9">
        <v>12</v>
      </c>
      <c r="L17292" s="6" t="s">
        <v>51</v>
      </c>
    </row>
    <row r="17293" spans="1:12">
      <c r="A17293" s="6" t="s">
        <v>17224</v>
      </c>
      <c r="B17293" s="6"/>
      <c r="C17293" s="6" t="s">
        <v>17325</v>
      </c>
      <c r="D17293" s="6"/>
      <c r="E17293" s="6" t="s">
        <v>9</v>
      </c>
      <c r="F17293" s="7">
        <v>38657</v>
      </c>
      <c r="G17293" s="8">
        <v>1</v>
      </c>
      <c r="H17293" s="8">
        <v>1</v>
      </c>
      <c r="I17293" s="8">
        <v>0</v>
      </c>
      <c r="J17293" s="8">
        <v>1</v>
      </c>
      <c r="K17293" s="9">
        <v>37</v>
      </c>
      <c r="L17293" s="6" t="s">
        <v>51</v>
      </c>
    </row>
    <row r="17294" spans="1:12">
      <c r="A17294" s="6" t="s">
        <v>17224</v>
      </c>
      <c r="B17294" s="6"/>
      <c r="C17294" s="6" t="s">
        <v>17326</v>
      </c>
      <c r="D17294" s="6"/>
      <c r="E17294" s="6" t="s">
        <v>9</v>
      </c>
      <c r="F17294" s="7">
        <v>38657</v>
      </c>
      <c r="G17294" s="8">
        <v>1</v>
      </c>
      <c r="H17294" s="8">
        <v>1</v>
      </c>
      <c r="I17294" s="8">
        <v>0</v>
      </c>
      <c r="J17294" s="8">
        <v>1</v>
      </c>
      <c r="K17294" s="9">
        <v>49.58</v>
      </c>
      <c r="L17294" s="6" t="s">
        <v>51</v>
      </c>
    </row>
    <row r="17295" spans="1:12">
      <c r="A17295" s="6" t="s">
        <v>17224</v>
      </c>
      <c r="B17295" s="6"/>
      <c r="C17295" s="6" t="s">
        <v>17327</v>
      </c>
      <c r="D17295" s="6"/>
      <c r="E17295" s="6" t="s">
        <v>9</v>
      </c>
      <c r="F17295" s="7">
        <v>38657</v>
      </c>
      <c r="G17295" s="8">
        <v>1</v>
      </c>
      <c r="H17295" s="8">
        <v>1</v>
      </c>
      <c r="I17295" s="8">
        <v>0</v>
      </c>
      <c r="J17295" s="8">
        <v>1</v>
      </c>
      <c r="K17295" s="9">
        <v>11</v>
      </c>
      <c r="L17295" s="6" t="s">
        <v>51</v>
      </c>
    </row>
    <row r="17296" spans="1:12">
      <c r="A17296" s="6" t="s">
        <v>17224</v>
      </c>
      <c r="B17296" s="6"/>
      <c r="C17296" s="6" t="s">
        <v>17328</v>
      </c>
      <c r="D17296" s="6"/>
      <c r="E17296" s="6" t="s">
        <v>9</v>
      </c>
      <c r="F17296" s="7">
        <v>38657</v>
      </c>
      <c r="G17296" s="8">
        <v>1</v>
      </c>
      <c r="H17296" s="8">
        <v>1</v>
      </c>
      <c r="I17296" s="8">
        <v>0</v>
      </c>
      <c r="J17296" s="8">
        <v>1</v>
      </c>
      <c r="K17296" s="9">
        <v>28</v>
      </c>
      <c r="L17296" s="6" t="s">
        <v>51</v>
      </c>
    </row>
    <row r="17297" spans="1:12">
      <c r="A17297" s="6" t="s">
        <v>17224</v>
      </c>
      <c r="B17297" s="6"/>
      <c r="C17297" s="6" t="s">
        <v>17329</v>
      </c>
      <c r="D17297" s="6"/>
      <c r="E17297" s="6" t="s">
        <v>9</v>
      </c>
      <c r="F17297" s="7">
        <v>38657</v>
      </c>
      <c r="G17297" s="8">
        <v>1</v>
      </c>
      <c r="H17297" s="8">
        <v>1</v>
      </c>
      <c r="I17297" s="8">
        <v>0</v>
      </c>
      <c r="J17297" s="8">
        <v>1</v>
      </c>
      <c r="K17297" s="9">
        <v>66</v>
      </c>
      <c r="L17297" s="6" t="s">
        <v>51</v>
      </c>
    </row>
    <row r="17298" spans="1:12">
      <c r="A17298" s="6" t="s">
        <v>17224</v>
      </c>
      <c r="B17298" s="6"/>
      <c r="C17298" s="6" t="s">
        <v>17330</v>
      </c>
      <c r="D17298" s="6"/>
      <c r="E17298" s="6" t="s">
        <v>9</v>
      </c>
      <c r="F17298" s="7">
        <v>38657</v>
      </c>
      <c r="G17298" s="8">
        <v>1</v>
      </c>
      <c r="H17298" s="8">
        <v>1</v>
      </c>
      <c r="I17298" s="8">
        <v>0</v>
      </c>
      <c r="J17298" s="8">
        <v>1</v>
      </c>
      <c r="K17298" s="9">
        <v>198</v>
      </c>
      <c r="L17298" s="6" t="s">
        <v>51</v>
      </c>
    </row>
    <row r="17299" spans="1:12">
      <c r="A17299" s="6" t="s">
        <v>17224</v>
      </c>
      <c r="B17299" s="6"/>
      <c r="C17299" s="6" t="s">
        <v>17331</v>
      </c>
      <c r="D17299" s="6"/>
      <c r="E17299" s="6" t="s">
        <v>9</v>
      </c>
      <c r="F17299" s="7">
        <v>38657</v>
      </c>
      <c r="G17299" s="8">
        <v>1</v>
      </c>
      <c r="H17299" s="8">
        <v>1</v>
      </c>
      <c r="I17299" s="8">
        <v>0</v>
      </c>
      <c r="J17299" s="8">
        <v>1</v>
      </c>
      <c r="K17299" s="9">
        <v>23</v>
      </c>
      <c r="L17299" s="6" t="s">
        <v>51</v>
      </c>
    </row>
    <row r="17300" spans="1:12">
      <c r="A17300" s="6" t="s">
        <v>17224</v>
      </c>
      <c r="B17300" s="6"/>
      <c r="C17300" s="6" t="s">
        <v>17332</v>
      </c>
      <c r="D17300" s="6"/>
      <c r="E17300" s="6" t="s">
        <v>9</v>
      </c>
      <c r="F17300" s="7">
        <v>38657</v>
      </c>
      <c r="G17300" s="8">
        <v>1</v>
      </c>
      <c r="H17300" s="8">
        <v>1</v>
      </c>
      <c r="I17300" s="8">
        <v>0</v>
      </c>
      <c r="J17300" s="8">
        <v>1</v>
      </c>
      <c r="K17300" s="9">
        <v>11</v>
      </c>
      <c r="L17300" s="6" t="s">
        <v>51</v>
      </c>
    </row>
    <row r="17301" spans="1:12">
      <c r="A17301" s="6" t="s">
        <v>17224</v>
      </c>
      <c r="B17301" s="6"/>
      <c r="C17301" s="6" t="s">
        <v>17333</v>
      </c>
      <c r="D17301" s="6"/>
      <c r="E17301" s="6" t="s">
        <v>9</v>
      </c>
      <c r="F17301" s="7">
        <v>38657</v>
      </c>
      <c r="G17301" s="8">
        <v>1</v>
      </c>
      <c r="H17301" s="8">
        <v>1</v>
      </c>
      <c r="I17301" s="8">
        <v>0</v>
      </c>
      <c r="J17301" s="8">
        <v>1</v>
      </c>
      <c r="K17301" s="9">
        <v>17</v>
      </c>
      <c r="L17301" s="6" t="s">
        <v>51</v>
      </c>
    </row>
    <row r="17302" spans="1:12">
      <c r="A17302" s="6" t="s">
        <v>17224</v>
      </c>
      <c r="B17302" s="6"/>
      <c r="C17302" s="6" t="s">
        <v>17334</v>
      </c>
      <c r="D17302" s="6"/>
      <c r="E17302" s="6" t="s">
        <v>9</v>
      </c>
      <c r="F17302" s="7">
        <v>38657</v>
      </c>
      <c r="G17302" s="8">
        <v>1</v>
      </c>
      <c r="H17302" s="8">
        <v>1</v>
      </c>
      <c r="I17302" s="8">
        <v>0</v>
      </c>
      <c r="J17302" s="8">
        <v>1</v>
      </c>
      <c r="K17302" s="9">
        <v>122.31</v>
      </c>
      <c r="L17302" s="6" t="s">
        <v>51</v>
      </c>
    </row>
    <row r="17303" spans="1:12">
      <c r="A17303" s="6" t="s">
        <v>17224</v>
      </c>
      <c r="B17303" s="6"/>
      <c r="C17303" s="6" t="s">
        <v>17335</v>
      </c>
      <c r="D17303" s="6"/>
      <c r="E17303" s="6" t="s">
        <v>9</v>
      </c>
      <c r="F17303" s="7">
        <v>38657</v>
      </c>
      <c r="G17303" s="8">
        <v>1</v>
      </c>
      <c r="H17303" s="8">
        <v>1</v>
      </c>
      <c r="I17303" s="8">
        <v>0</v>
      </c>
      <c r="J17303" s="8">
        <v>1</v>
      </c>
      <c r="K17303" s="9">
        <v>16.52</v>
      </c>
      <c r="L17303" s="6" t="s">
        <v>51</v>
      </c>
    </row>
    <row r="17304" spans="1:12">
      <c r="A17304" s="6" t="s">
        <v>17224</v>
      </c>
      <c r="B17304" s="6"/>
      <c r="C17304" s="6" t="s">
        <v>17336</v>
      </c>
      <c r="D17304" s="6"/>
      <c r="E17304" s="6" t="s">
        <v>9</v>
      </c>
      <c r="F17304" s="7">
        <v>38657</v>
      </c>
      <c r="G17304" s="8">
        <v>1</v>
      </c>
      <c r="H17304" s="8">
        <v>1</v>
      </c>
      <c r="I17304" s="8">
        <v>0</v>
      </c>
      <c r="J17304" s="8">
        <v>1</v>
      </c>
      <c r="K17304" s="9">
        <v>62</v>
      </c>
      <c r="L17304" s="6" t="s">
        <v>51</v>
      </c>
    </row>
    <row r="17305" spans="1:12">
      <c r="A17305" s="6" t="s">
        <v>17224</v>
      </c>
      <c r="B17305" s="6"/>
      <c r="C17305" s="6" t="s">
        <v>17337</v>
      </c>
      <c r="D17305" s="6"/>
      <c r="E17305" s="6" t="s">
        <v>9</v>
      </c>
      <c r="F17305" s="7">
        <v>38657</v>
      </c>
      <c r="G17305" s="8">
        <v>1</v>
      </c>
      <c r="H17305" s="8">
        <v>1</v>
      </c>
      <c r="I17305" s="8">
        <v>0</v>
      </c>
      <c r="J17305" s="8">
        <v>1</v>
      </c>
      <c r="K17305" s="9">
        <v>159</v>
      </c>
      <c r="L17305" s="6" t="s">
        <v>51</v>
      </c>
    </row>
    <row r="17306" spans="1:12">
      <c r="A17306" s="6" t="s">
        <v>17224</v>
      </c>
      <c r="B17306" s="6"/>
      <c r="C17306" s="6" t="s">
        <v>17338</v>
      </c>
      <c r="D17306" s="6"/>
      <c r="E17306" s="6" t="s">
        <v>9</v>
      </c>
      <c r="F17306" s="7">
        <v>38657</v>
      </c>
      <c r="G17306" s="8">
        <v>1</v>
      </c>
      <c r="H17306" s="8">
        <v>1</v>
      </c>
      <c r="I17306" s="8">
        <v>0</v>
      </c>
      <c r="J17306" s="8">
        <v>1</v>
      </c>
      <c r="K17306" s="9">
        <v>56.19</v>
      </c>
      <c r="L17306" s="6" t="s">
        <v>51</v>
      </c>
    </row>
    <row r="17307" spans="1:12">
      <c r="A17307" s="6" t="s">
        <v>17224</v>
      </c>
      <c r="B17307" s="6"/>
      <c r="C17307" s="6" t="s">
        <v>17339</v>
      </c>
      <c r="D17307" s="6"/>
      <c r="E17307" s="6" t="s">
        <v>9</v>
      </c>
      <c r="F17307" s="7">
        <v>38657</v>
      </c>
      <c r="G17307" s="8">
        <v>1</v>
      </c>
      <c r="H17307" s="8">
        <v>1</v>
      </c>
      <c r="I17307" s="8">
        <v>0</v>
      </c>
      <c r="J17307" s="8">
        <v>1</v>
      </c>
      <c r="K17307" s="9">
        <v>105</v>
      </c>
      <c r="L17307" s="6" t="s">
        <v>51</v>
      </c>
    </row>
    <row r="17308" spans="1:12">
      <c r="A17308" s="6" t="s">
        <v>17224</v>
      </c>
      <c r="B17308" s="6"/>
      <c r="C17308" s="6" t="s">
        <v>17340</v>
      </c>
      <c r="D17308" s="6"/>
      <c r="E17308" s="6" t="s">
        <v>9</v>
      </c>
      <c r="F17308" s="7">
        <v>38657</v>
      </c>
      <c r="G17308" s="8">
        <v>1</v>
      </c>
      <c r="H17308" s="8">
        <v>1</v>
      </c>
      <c r="I17308" s="8">
        <v>0</v>
      </c>
      <c r="J17308" s="8">
        <v>1</v>
      </c>
      <c r="K17308" s="9">
        <v>69</v>
      </c>
      <c r="L17308" s="6" t="s">
        <v>51</v>
      </c>
    </row>
    <row r="17309" spans="1:12">
      <c r="A17309" s="6" t="s">
        <v>17224</v>
      </c>
      <c r="B17309" s="6"/>
      <c r="C17309" s="6" t="s">
        <v>17341</v>
      </c>
      <c r="D17309" s="6"/>
      <c r="E17309" s="6" t="s">
        <v>9</v>
      </c>
      <c r="F17309" s="7">
        <v>38657</v>
      </c>
      <c r="G17309" s="8">
        <v>1</v>
      </c>
      <c r="H17309" s="8">
        <v>1</v>
      </c>
      <c r="I17309" s="8">
        <v>0</v>
      </c>
      <c r="J17309" s="8">
        <v>1</v>
      </c>
      <c r="K17309" s="9">
        <v>25</v>
      </c>
      <c r="L17309" s="6" t="s">
        <v>51</v>
      </c>
    </row>
    <row r="17310" spans="1:12">
      <c r="A17310" s="6" t="s">
        <v>17224</v>
      </c>
      <c r="B17310" s="6"/>
      <c r="C17310" s="6" t="s">
        <v>17342</v>
      </c>
      <c r="D17310" s="6"/>
      <c r="E17310" s="6" t="s">
        <v>9</v>
      </c>
      <c r="F17310" s="7">
        <v>38657</v>
      </c>
      <c r="G17310" s="8">
        <v>1</v>
      </c>
      <c r="H17310" s="8">
        <v>1</v>
      </c>
      <c r="I17310" s="8">
        <v>0</v>
      </c>
      <c r="J17310" s="8">
        <v>1</v>
      </c>
      <c r="K17310" s="9">
        <v>15</v>
      </c>
      <c r="L17310" s="6" t="s">
        <v>51</v>
      </c>
    </row>
    <row r="17311" spans="1:12">
      <c r="A17311" s="6" t="s">
        <v>17224</v>
      </c>
      <c r="B17311" s="6"/>
      <c r="C17311" s="6" t="s">
        <v>17343</v>
      </c>
      <c r="D17311" s="6"/>
      <c r="E17311" s="6" t="s">
        <v>9</v>
      </c>
      <c r="F17311" s="7">
        <v>38657</v>
      </c>
      <c r="G17311" s="8">
        <v>1</v>
      </c>
      <c r="H17311" s="8">
        <v>1</v>
      </c>
      <c r="I17311" s="8">
        <v>0</v>
      </c>
      <c r="J17311" s="8">
        <v>1</v>
      </c>
      <c r="K17311" s="9">
        <v>12</v>
      </c>
      <c r="L17311" s="6" t="s">
        <v>51</v>
      </c>
    </row>
    <row r="17312" spans="1:12">
      <c r="A17312" s="6" t="s">
        <v>17224</v>
      </c>
      <c r="B17312" s="6"/>
      <c r="C17312" s="6" t="s">
        <v>17344</v>
      </c>
      <c r="D17312" s="6"/>
      <c r="E17312" s="6" t="s">
        <v>9</v>
      </c>
      <c r="F17312" s="7">
        <v>38657</v>
      </c>
      <c r="G17312" s="8">
        <v>1</v>
      </c>
      <c r="H17312" s="8">
        <v>1</v>
      </c>
      <c r="I17312" s="8">
        <v>0</v>
      </c>
      <c r="J17312" s="8">
        <v>1</v>
      </c>
      <c r="K17312" s="9">
        <v>1.26</v>
      </c>
      <c r="L17312" s="6" t="s">
        <v>51</v>
      </c>
    </row>
    <row r="17313" spans="1:12">
      <c r="A17313" s="6" t="s">
        <v>17224</v>
      </c>
      <c r="B17313" s="6"/>
      <c r="C17313" s="6" t="s">
        <v>17345</v>
      </c>
      <c r="D17313" s="6"/>
      <c r="E17313" s="6" t="s">
        <v>9</v>
      </c>
      <c r="F17313" s="7">
        <v>38657</v>
      </c>
      <c r="G17313" s="8">
        <v>1</v>
      </c>
      <c r="H17313" s="8">
        <v>1</v>
      </c>
      <c r="I17313" s="8">
        <v>0</v>
      </c>
      <c r="J17313" s="8">
        <v>1</v>
      </c>
      <c r="K17313" s="9">
        <v>896</v>
      </c>
      <c r="L17313" s="6" t="s">
        <v>51</v>
      </c>
    </row>
    <row r="17314" spans="1:12">
      <c r="A17314" s="6" t="s">
        <v>17224</v>
      </c>
      <c r="B17314" s="6"/>
      <c r="C17314" s="6" t="s">
        <v>17346</v>
      </c>
      <c r="D17314" s="6"/>
      <c r="E17314" s="6" t="s">
        <v>9</v>
      </c>
      <c r="F17314" s="7">
        <v>38657</v>
      </c>
      <c r="G17314" s="8">
        <v>1</v>
      </c>
      <c r="H17314" s="8">
        <v>1</v>
      </c>
      <c r="I17314" s="8">
        <v>0</v>
      </c>
      <c r="J17314" s="8">
        <v>1</v>
      </c>
      <c r="K17314" s="9">
        <v>581</v>
      </c>
      <c r="L17314" s="6" t="s">
        <v>51</v>
      </c>
    </row>
    <row r="17315" spans="1:12">
      <c r="A17315" s="6" t="s">
        <v>17224</v>
      </c>
      <c r="B17315" s="6"/>
      <c r="C17315" s="6" t="s">
        <v>17347</v>
      </c>
      <c r="D17315" s="6"/>
      <c r="E17315" s="6" t="s">
        <v>9</v>
      </c>
      <c r="F17315" s="7">
        <v>38657</v>
      </c>
      <c r="G17315" s="8">
        <v>1</v>
      </c>
      <c r="H17315" s="8">
        <v>1</v>
      </c>
      <c r="I17315" s="8">
        <v>0</v>
      </c>
      <c r="J17315" s="8">
        <v>1</v>
      </c>
      <c r="K17315" s="9">
        <v>461</v>
      </c>
      <c r="L17315" s="6" t="s">
        <v>51</v>
      </c>
    </row>
    <row r="17316" spans="1:12">
      <c r="A17316" s="6" t="s">
        <v>17224</v>
      </c>
      <c r="B17316" s="6"/>
      <c r="C17316" s="6" t="s">
        <v>17348</v>
      </c>
      <c r="D17316" s="6"/>
      <c r="E17316" s="6" t="s">
        <v>9</v>
      </c>
      <c r="F17316" s="7">
        <v>38657</v>
      </c>
      <c r="G17316" s="8">
        <v>1</v>
      </c>
      <c r="H17316" s="8">
        <v>1</v>
      </c>
      <c r="I17316" s="8">
        <v>0</v>
      </c>
      <c r="J17316" s="8">
        <v>1</v>
      </c>
      <c r="K17316" s="9">
        <v>286</v>
      </c>
      <c r="L17316" s="6" t="s">
        <v>51</v>
      </c>
    </row>
    <row r="17317" spans="1:12">
      <c r="A17317" s="6" t="s">
        <v>17224</v>
      </c>
      <c r="B17317" s="6"/>
      <c r="C17317" s="6" t="s">
        <v>17349</v>
      </c>
      <c r="D17317" s="6"/>
      <c r="E17317" s="6" t="s">
        <v>9</v>
      </c>
      <c r="F17317" s="7">
        <v>38657</v>
      </c>
      <c r="G17317" s="8">
        <v>1</v>
      </c>
      <c r="H17317" s="8">
        <v>1</v>
      </c>
      <c r="I17317" s="8">
        <v>0</v>
      </c>
      <c r="J17317" s="8">
        <v>1</v>
      </c>
      <c r="K17317" s="9">
        <v>56.19</v>
      </c>
      <c r="L17317" s="6" t="s">
        <v>51</v>
      </c>
    </row>
    <row r="17318" spans="1:12">
      <c r="A17318" s="6" t="s">
        <v>17224</v>
      </c>
      <c r="B17318" s="6"/>
      <c r="C17318" s="6" t="s">
        <v>17350</v>
      </c>
      <c r="D17318" s="6"/>
      <c r="E17318" s="6" t="s">
        <v>9</v>
      </c>
      <c r="F17318" s="7">
        <v>38657</v>
      </c>
      <c r="G17318" s="8">
        <v>1</v>
      </c>
      <c r="H17318" s="8">
        <v>1</v>
      </c>
      <c r="I17318" s="8">
        <v>0</v>
      </c>
      <c r="J17318" s="8">
        <v>1</v>
      </c>
      <c r="K17318" s="9">
        <v>753</v>
      </c>
      <c r="L17318" s="6" t="s">
        <v>51</v>
      </c>
    </row>
    <row r="17319" spans="1:12">
      <c r="A17319" s="6" t="s">
        <v>17224</v>
      </c>
      <c r="B17319" s="6"/>
      <c r="C17319" s="6" t="s">
        <v>17351</v>
      </c>
      <c r="D17319" s="6"/>
      <c r="E17319" s="6" t="s">
        <v>9</v>
      </c>
      <c r="F17319" s="7">
        <v>38657</v>
      </c>
      <c r="G17319" s="8">
        <v>1</v>
      </c>
      <c r="H17319" s="8">
        <v>1</v>
      </c>
      <c r="I17319" s="8">
        <v>0</v>
      </c>
      <c r="J17319" s="8">
        <v>1</v>
      </c>
      <c r="K17319" s="9">
        <v>624</v>
      </c>
      <c r="L17319" s="6" t="s">
        <v>51</v>
      </c>
    </row>
    <row r="17320" spans="1:12">
      <c r="A17320" s="6" t="s">
        <v>17224</v>
      </c>
      <c r="B17320" s="6"/>
      <c r="C17320" s="6" t="s">
        <v>17352</v>
      </c>
      <c r="D17320" s="6"/>
      <c r="E17320" s="6" t="s">
        <v>9</v>
      </c>
      <c r="F17320" s="7">
        <v>38657</v>
      </c>
      <c r="G17320" s="8">
        <v>1</v>
      </c>
      <c r="H17320" s="8">
        <v>1</v>
      </c>
      <c r="I17320" s="8">
        <v>0</v>
      </c>
      <c r="J17320" s="8">
        <v>1</v>
      </c>
      <c r="K17320" s="9">
        <v>1058</v>
      </c>
      <c r="L17320" s="6" t="s">
        <v>51</v>
      </c>
    </row>
    <row r="17321" spans="1:12">
      <c r="A17321" s="6" t="s">
        <v>17224</v>
      </c>
      <c r="B17321" s="6"/>
      <c r="C17321" s="6" t="s">
        <v>17353</v>
      </c>
      <c r="D17321" s="6"/>
      <c r="E17321" s="6" t="s">
        <v>9</v>
      </c>
      <c r="F17321" s="7">
        <v>38657</v>
      </c>
      <c r="G17321" s="8">
        <v>1</v>
      </c>
      <c r="H17321" s="8">
        <v>1</v>
      </c>
      <c r="I17321" s="8">
        <v>0</v>
      </c>
      <c r="J17321" s="8">
        <v>1</v>
      </c>
      <c r="K17321" s="9">
        <v>737</v>
      </c>
      <c r="L17321" s="6" t="s">
        <v>51</v>
      </c>
    </row>
    <row r="17322" spans="1:12">
      <c r="A17322" s="6" t="s">
        <v>17224</v>
      </c>
      <c r="B17322" s="6"/>
      <c r="C17322" s="6" t="s">
        <v>17354</v>
      </c>
      <c r="D17322" s="6"/>
      <c r="E17322" s="6" t="s">
        <v>9</v>
      </c>
      <c r="F17322" s="7">
        <v>38657</v>
      </c>
      <c r="G17322" s="8">
        <v>1</v>
      </c>
      <c r="H17322" s="8">
        <v>1</v>
      </c>
      <c r="I17322" s="8">
        <v>0</v>
      </c>
      <c r="J17322" s="8">
        <v>1</v>
      </c>
      <c r="K17322" s="9">
        <v>225</v>
      </c>
      <c r="L17322" s="6" t="s">
        <v>51</v>
      </c>
    </row>
    <row r="17323" spans="1:12">
      <c r="A17323" s="6" t="s">
        <v>17224</v>
      </c>
      <c r="B17323" s="6"/>
      <c r="C17323" s="6" t="s">
        <v>17355</v>
      </c>
      <c r="D17323" s="6"/>
      <c r="E17323" s="6" t="s">
        <v>9</v>
      </c>
      <c r="F17323" s="7">
        <v>38657</v>
      </c>
      <c r="G17323" s="8">
        <v>1</v>
      </c>
      <c r="H17323" s="8">
        <v>1</v>
      </c>
      <c r="I17323" s="8">
        <v>0</v>
      </c>
      <c r="J17323" s="8">
        <v>1</v>
      </c>
      <c r="K17323" s="9">
        <v>215</v>
      </c>
      <c r="L17323" s="6" t="s">
        <v>51</v>
      </c>
    </row>
    <row r="17324" spans="1:12">
      <c r="A17324" s="6" t="s">
        <v>17224</v>
      </c>
      <c r="B17324" s="6"/>
      <c r="C17324" s="6" t="s">
        <v>17356</v>
      </c>
      <c r="D17324" s="6"/>
      <c r="E17324" s="6" t="s">
        <v>9</v>
      </c>
      <c r="F17324" s="7">
        <v>38657</v>
      </c>
      <c r="G17324" s="8">
        <v>1</v>
      </c>
      <c r="H17324" s="8">
        <v>1</v>
      </c>
      <c r="I17324" s="8">
        <v>0</v>
      </c>
      <c r="J17324" s="8">
        <v>1</v>
      </c>
      <c r="K17324" s="9">
        <v>816</v>
      </c>
      <c r="L17324" s="6" t="s">
        <v>51</v>
      </c>
    </row>
    <row r="17325" spans="1:12">
      <c r="A17325" s="6" t="s">
        <v>17224</v>
      </c>
      <c r="B17325" s="6"/>
      <c r="C17325" s="6" t="s">
        <v>17357</v>
      </c>
      <c r="D17325" s="6"/>
      <c r="E17325" s="6" t="s">
        <v>9</v>
      </c>
      <c r="F17325" s="7">
        <v>38657</v>
      </c>
      <c r="G17325" s="8">
        <v>1</v>
      </c>
      <c r="H17325" s="8">
        <v>1</v>
      </c>
      <c r="I17325" s="8">
        <v>0</v>
      </c>
      <c r="J17325" s="8">
        <v>1</v>
      </c>
      <c r="K17325" s="9">
        <v>845</v>
      </c>
      <c r="L17325" s="6" t="s">
        <v>51</v>
      </c>
    </row>
    <row r="17326" spans="1:12">
      <c r="A17326" s="6" t="s">
        <v>17224</v>
      </c>
      <c r="B17326" s="6"/>
      <c r="C17326" s="6" t="s">
        <v>17358</v>
      </c>
      <c r="D17326" s="6"/>
      <c r="E17326" s="6" t="s">
        <v>9</v>
      </c>
      <c r="F17326" s="7">
        <v>38657</v>
      </c>
      <c r="G17326" s="8">
        <v>1</v>
      </c>
      <c r="H17326" s="8">
        <v>1</v>
      </c>
      <c r="I17326" s="8">
        <v>0</v>
      </c>
      <c r="J17326" s="8">
        <v>1</v>
      </c>
      <c r="K17326" s="9">
        <v>951</v>
      </c>
      <c r="L17326" s="6" t="s">
        <v>51</v>
      </c>
    </row>
    <row r="17327" spans="1:12">
      <c r="A17327" s="6" t="s">
        <v>17224</v>
      </c>
      <c r="B17327" s="6"/>
      <c r="C17327" s="6" t="s">
        <v>17359</v>
      </c>
      <c r="D17327" s="6"/>
      <c r="E17327" s="6" t="s">
        <v>9</v>
      </c>
      <c r="F17327" s="7">
        <v>38657</v>
      </c>
      <c r="G17327" s="8">
        <v>1</v>
      </c>
      <c r="H17327" s="8">
        <v>1</v>
      </c>
      <c r="I17327" s="8">
        <v>0</v>
      </c>
      <c r="J17327" s="8">
        <v>1</v>
      </c>
      <c r="K17327" s="9">
        <v>850</v>
      </c>
      <c r="L17327" s="6" t="s">
        <v>51</v>
      </c>
    </row>
    <row r="17328" spans="1:12">
      <c r="A17328" s="6" t="s">
        <v>17224</v>
      </c>
      <c r="B17328" s="6"/>
      <c r="C17328" s="6" t="s">
        <v>17360</v>
      </c>
      <c r="D17328" s="6"/>
      <c r="E17328" s="6" t="s">
        <v>9</v>
      </c>
      <c r="F17328" s="7">
        <v>38657</v>
      </c>
      <c r="G17328" s="8">
        <v>1</v>
      </c>
      <c r="H17328" s="8">
        <v>1</v>
      </c>
      <c r="I17328" s="8">
        <v>0</v>
      </c>
      <c r="J17328" s="8">
        <v>1</v>
      </c>
      <c r="K17328" s="9">
        <v>132.229999999999</v>
      </c>
      <c r="L17328" s="6" t="s">
        <v>51</v>
      </c>
    </row>
    <row r="17329" spans="1:12">
      <c r="A17329" s="6" t="s">
        <v>17224</v>
      </c>
      <c r="B17329" s="6"/>
      <c r="C17329" s="6" t="s">
        <v>17361</v>
      </c>
      <c r="D17329" s="6"/>
      <c r="E17329" s="6" t="s">
        <v>9</v>
      </c>
      <c r="F17329" s="7">
        <v>38657</v>
      </c>
      <c r="G17329" s="8">
        <v>1</v>
      </c>
      <c r="H17329" s="8">
        <v>1</v>
      </c>
      <c r="I17329" s="8">
        <v>0</v>
      </c>
      <c r="J17329" s="8">
        <v>1</v>
      </c>
      <c r="K17329" s="9">
        <v>713</v>
      </c>
      <c r="L17329" s="6" t="s">
        <v>51</v>
      </c>
    </row>
    <row r="17330" spans="1:12">
      <c r="A17330" s="6" t="s">
        <v>17224</v>
      </c>
      <c r="B17330" s="6"/>
      <c r="C17330" s="6" t="s">
        <v>17362</v>
      </c>
      <c r="D17330" s="6"/>
      <c r="E17330" s="6" t="s">
        <v>9</v>
      </c>
      <c r="F17330" s="7">
        <v>38657</v>
      </c>
      <c r="G17330" s="8">
        <v>1</v>
      </c>
      <c r="H17330" s="8">
        <v>1</v>
      </c>
      <c r="I17330" s="8">
        <v>0</v>
      </c>
      <c r="J17330" s="8">
        <v>1</v>
      </c>
      <c r="K17330" s="9">
        <v>1423</v>
      </c>
      <c r="L17330" s="6" t="s">
        <v>51</v>
      </c>
    </row>
    <row r="17331" spans="1:12">
      <c r="A17331" s="6" t="s">
        <v>17224</v>
      </c>
      <c r="B17331" s="6"/>
      <c r="C17331" s="6" t="s">
        <v>17363</v>
      </c>
      <c r="D17331" s="6"/>
      <c r="E17331" s="6" t="s">
        <v>9</v>
      </c>
      <c r="F17331" s="7">
        <v>38657</v>
      </c>
      <c r="G17331" s="8">
        <v>1</v>
      </c>
      <c r="H17331" s="8">
        <v>1</v>
      </c>
      <c r="I17331" s="8">
        <v>0</v>
      </c>
      <c r="J17331" s="8">
        <v>1</v>
      </c>
      <c r="K17331" s="9">
        <v>598</v>
      </c>
      <c r="L17331" s="6" t="s">
        <v>51</v>
      </c>
    </row>
    <row r="17332" spans="1:12">
      <c r="A17332" s="6" t="s">
        <v>17224</v>
      </c>
      <c r="B17332" s="6"/>
      <c r="C17332" s="6" t="s">
        <v>17364</v>
      </c>
      <c r="D17332" s="6"/>
      <c r="E17332" s="6" t="s">
        <v>9</v>
      </c>
      <c r="F17332" s="7">
        <v>38657</v>
      </c>
      <c r="G17332" s="8">
        <v>1</v>
      </c>
      <c r="H17332" s="8">
        <v>1</v>
      </c>
      <c r="I17332" s="8">
        <v>0</v>
      </c>
      <c r="J17332" s="8">
        <v>1</v>
      </c>
      <c r="K17332" s="9">
        <v>819</v>
      </c>
      <c r="L17332" s="6" t="s">
        <v>51</v>
      </c>
    </row>
    <row r="17333" spans="1:12">
      <c r="A17333" s="6" t="s">
        <v>17224</v>
      </c>
      <c r="B17333" s="6"/>
      <c r="C17333" s="6" t="s">
        <v>17365</v>
      </c>
      <c r="D17333" s="6"/>
      <c r="E17333" s="6" t="s">
        <v>9</v>
      </c>
      <c r="F17333" s="7">
        <v>38657</v>
      </c>
      <c r="G17333" s="8">
        <v>1</v>
      </c>
      <c r="H17333" s="8">
        <v>1</v>
      </c>
      <c r="I17333" s="8">
        <v>0</v>
      </c>
      <c r="J17333" s="8">
        <v>1</v>
      </c>
      <c r="K17333" s="9">
        <v>542</v>
      </c>
      <c r="L17333" s="6" t="s">
        <v>51</v>
      </c>
    </row>
    <row r="17334" spans="1:12">
      <c r="A17334" s="6" t="s">
        <v>17224</v>
      </c>
      <c r="B17334" s="6"/>
      <c r="C17334" s="6" t="s">
        <v>17366</v>
      </c>
      <c r="D17334" s="6"/>
      <c r="E17334" s="6" t="s">
        <v>9</v>
      </c>
      <c r="F17334" s="7">
        <v>38657</v>
      </c>
      <c r="G17334" s="8">
        <v>1</v>
      </c>
      <c r="H17334" s="8">
        <v>1</v>
      </c>
      <c r="I17334" s="8">
        <v>0</v>
      </c>
      <c r="J17334" s="8">
        <v>1</v>
      </c>
      <c r="K17334" s="9">
        <v>80</v>
      </c>
      <c r="L17334" s="6" t="s">
        <v>51</v>
      </c>
    </row>
    <row r="17335" spans="1:12">
      <c r="A17335" s="6" t="s">
        <v>17224</v>
      </c>
      <c r="B17335" s="6"/>
      <c r="C17335" s="6" t="s">
        <v>17367</v>
      </c>
      <c r="D17335" s="6"/>
      <c r="E17335" s="6" t="s">
        <v>9</v>
      </c>
      <c r="F17335" s="7">
        <v>38657</v>
      </c>
      <c r="G17335" s="8">
        <v>1</v>
      </c>
      <c r="H17335" s="8">
        <v>1</v>
      </c>
      <c r="I17335" s="8">
        <v>0</v>
      </c>
      <c r="J17335" s="8">
        <v>1</v>
      </c>
      <c r="K17335" s="9">
        <v>99.17</v>
      </c>
      <c r="L17335" s="6" t="s">
        <v>51</v>
      </c>
    </row>
    <row r="17336" spans="1:12">
      <c r="A17336" s="6" t="s">
        <v>17224</v>
      </c>
      <c r="B17336" s="6"/>
      <c r="C17336" s="6" t="s">
        <v>17368</v>
      </c>
      <c r="D17336" s="6"/>
      <c r="E17336" s="6" t="s">
        <v>9</v>
      </c>
      <c r="F17336" s="7">
        <v>38657</v>
      </c>
      <c r="G17336" s="8">
        <v>1</v>
      </c>
      <c r="H17336" s="8">
        <v>1</v>
      </c>
      <c r="I17336" s="8">
        <v>0</v>
      </c>
      <c r="J17336" s="8">
        <v>1</v>
      </c>
      <c r="K17336" s="9">
        <v>83.03</v>
      </c>
      <c r="L17336" s="6" t="s">
        <v>51</v>
      </c>
    </row>
    <row r="17337" spans="1:12">
      <c r="A17337" s="6" t="s">
        <v>17224</v>
      </c>
      <c r="B17337" s="6"/>
      <c r="C17337" s="6" t="s">
        <v>17369</v>
      </c>
      <c r="D17337" s="6"/>
      <c r="E17337" s="6" t="s">
        <v>9</v>
      </c>
      <c r="F17337" s="7">
        <v>38657</v>
      </c>
      <c r="G17337" s="8">
        <v>1</v>
      </c>
      <c r="H17337" s="8">
        <v>1</v>
      </c>
      <c r="I17337" s="8">
        <v>0</v>
      </c>
      <c r="J17337" s="8">
        <v>1</v>
      </c>
      <c r="K17337" s="9">
        <v>50.91</v>
      </c>
      <c r="L17337" s="6" t="s">
        <v>51</v>
      </c>
    </row>
    <row r="17338" spans="1:12">
      <c r="A17338" s="6" t="s">
        <v>17224</v>
      </c>
      <c r="B17338" s="6"/>
      <c r="C17338" s="6" t="s">
        <v>17370</v>
      </c>
      <c r="D17338" s="6"/>
      <c r="E17338" s="6" t="s">
        <v>9</v>
      </c>
      <c r="F17338" s="7">
        <v>38657</v>
      </c>
      <c r="G17338" s="8">
        <v>1</v>
      </c>
      <c r="H17338" s="8">
        <v>1</v>
      </c>
      <c r="I17338" s="8">
        <v>0</v>
      </c>
      <c r="J17338" s="8">
        <v>1</v>
      </c>
      <c r="K17338" s="9">
        <v>346</v>
      </c>
      <c r="L17338" s="6" t="s">
        <v>51</v>
      </c>
    </row>
    <row r="17339" spans="1:12">
      <c r="A17339" s="6" t="s">
        <v>17224</v>
      </c>
      <c r="B17339" s="6"/>
      <c r="C17339" s="6" t="s">
        <v>17371</v>
      </c>
      <c r="D17339" s="6"/>
      <c r="E17339" s="6" t="s">
        <v>9</v>
      </c>
      <c r="F17339" s="7">
        <v>38657</v>
      </c>
      <c r="G17339" s="8">
        <v>1</v>
      </c>
      <c r="H17339" s="8">
        <v>1</v>
      </c>
      <c r="I17339" s="8">
        <v>0</v>
      </c>
      <c r="J17339" s="8">
        <v>1</v>
      </c>
      <c r="K17339" s="9">
        <v>145.44999999999899</v>
      </c>
      <c r="L17339" s="6" t="s">
        <v>51</v>
      </c>
    </row>
    <row r="17340" spans="1:12">
      <c r="A17340" s="6" t="s">
        <v>17224</v>
      </c>
      <c r="B17340" s="6"/>
      <c r="C17340" s="6" t="s">
        <v>17372</v>
      </c>
      <c r="D17340" s="6"/>
      <c r="E17340" s="6" t="s">
        <v>9</v>
      </c>
      <c r="F17340" s="7">
        <v>38657</v>
      </c>
      <c r="G17340" s="8">
        <v>1</v>
      </c>
      <c r="H17340" s="8">
        <v>1</v>
      </c>
      <c r="I17340" s="8">
        <v>0</v>
      </c>
      <c r="J17340" s="8">
        <v>1</v>
      </c>
      <c r="K17340" s="9">
        <v>91</v>
      </c>
      <c r="L17340" s="6" t="s">
        <v>51</v>
      </c>
    </row>
    <row r="17341" spans="1:12">
      <c r="A17341" s="6" t="s">
        <v>17224</v>
      </c>
      <c r="B17341" s="6"/>
      <c r="C17341" s="6" t="s">
        <v>17373</v>
      </c>
      <c r="D17341" s="6"/>
      <c r="E17341" s="6" t="s">
        <v>9</v>
      </c>
      <c r="F17341" s="7">
        <v>38657</v>
      </c>
      <c r="G17341" s="8">
        <v>1</v>
      </c>
      <c r="H17341" s="8">
        <v>1</v>
      </c>
      <c r="I17341" s="8">
        <v>0</v>
      </c>
      <c r="J17341" s="8">
        <v>1</v>
      </c>
      <c r="K17341" s="9">
        <v>65</v>
      </c>
      <c r="L17341" s="6" t="s">
        <v>51</v>
      </c>
    </row>
    <row r="17342" spans="1:12">
      <c r="A17342" s="6" t="s">
        <v>17224</v>
      </c>
      <c r="B17342" s="6"/>
      <c r="C17342" s="6" t="s">
        <v>17374</v>
      </c>
      <c r="D17342" s="6"/>
      <c r="E17342" s="6" t="s">
        <v>9</v>
      </c>
      <c r="F17342" s="7">
        <v>38657</v>
      </c>
      <c r="G17342" s="8">
        <v>1</v>
      </c>
      <c r="H17342" s="8">
        <v>1</v>
      </c>
      <c r="I17342" s="8">
        <v>0</v>
      </c>
      <c r="J17342" s="8">
        <v>1</v>
      </c>
      <c r="K17342" s="9">
        <v>17</v>
      </c>
      <c r="L17342" s="6" t="s">
        <v>51</v>
      </c>
    </row>
    <row r="17343" spans="1:12">
      <c r="A17343" s="6" t="s">
        <v>17224</v>
      </c>
      <c r="B17343" s="6"/>
      <c r="C17343" s="6" t="s">
        <v>17375</v>
      </c>
      <c r="D17343" s="6"/>
      <c r="E17343" s="6" t="s">
        <v>9</v>
      </c>
      <c r="F17343" s="7">
        <v>38657</v>
      </c>
      <c r="G17343" s="8">
        <v>1</v>
      </c>
      <c r="H17343" s="8">
        <v>1</v>
      </c>
      <c r="I17343" s="8">
        <v>0</v>
      </c>
      <c r="J17343" s="8">
        <v>1</v>
      </c>
      <c r="K17343" s="9">
        <v>5.75</v>
      </c>
      <c r="L17343" s="6" t="s">
        <v>51</v>
      </c>
    </row>
    <row r="17344" spans="1:12">
      <c r="A17344" s="6" t="s">
        <v>17224</v>
      </c>
      <c r="B17344" s="6"/>
      <c r="C17344" s="6" t="s">
        <v>17376</v>
      </c>
      <c r="D17344" s="6"/>
      <c r="E17344" s="6" t="s">
        <v>9</v>
      </c>
      <c r="F17344" s="7">
        <v>38657</v>
      </c>
      <c r="G17344" s="8">
        <v>1</v>
      </c>
      <c r="H17344" s="8">
        <v>1</v>
      </c>
      <c r="I17344" s="8">
        <v>0</v>
      </c>
      <c r="J17344" s="8">
        <v>1</v>
      </c>
      <c r="K17344" s="9">
        <v>120</v>
      </c>
      <c r="L17344" s="6" t="s">
        <v>51</v>
      </c>
    </row>
    <row r="17345" spans="1:12">
      <c r="A17345" s="6" t="s">
        <v>17224</v>
      </c>
      <c r="B17345" s="6"/>
      <c r="C17345" s="6" t="s">
        <v>17377</v>
      </c>
      <c r="D17345" s="6"/>
      <c r="E17345" s="6" t="s">
        <v>9</v>
      </c>
      <c r="F17345" s="7">
        <v>38657</v>
      </c>
      <c r="G17345" s="8">
        <v>1</v>
      </c>
      <c r="H17345" s="8">
        <v>1</v>
      </c>
      <c r="I17345" s="8">
        <v>0</v>
      </c>
      <c r="J17345" s="8">
        <v>1</v>
      </c>
      <c r="K17345" s="9">
        <v>502</v>
      </c>
      <c r="L17345" s="6" t="s">
        <v>51</v>
      </c>
    </row>
    <row r="17346" spans="1:12">
      <c r="A17346" s="6" t="s">
        <v>17224</v>
      </c>
      <c r="B17346" s="6"/>
      <c r="C17346" s="6" t="s">
        <v>17378</v>
      </c>
      <c r="D17346" s="6"/>
      <c r="E17346" s="6" t="s">
        <v>9</v>
      </c>
      <c r="F17346" s="7">
        <v>38657</v>
      </c>
      <c r="G17346" s="8">
        <v>1</v>
      </c>
      <c r="H17346" s="8">
        <v>1</v>
      </c>
      <c r="I17346" s="8">
        <v>0</v>
      </c>
      <c r="J17346" s="8">
        <v>1</v>
      </c>
      <c r="K17346" s="9">
        <v>69</v>
      </c>
      <c r="L17346" s="6" t="s">
        <v>51</v>
      </c>
    </row>
    <row r="17347" spans="1:12">
      <c r="A17347" s="6" t="s">
        <v>17224</v>
      </c>
      <c r="B17347" s="6"/>
      <c r="C17347" s="6" t="s">
        <v>17379</v>
      </c>
      <c r="D17347" s="6"/>
      <c r="E17347" s="6" t="s">
        <v>9</v>
      </c>
      <c r="F17347" s="7"/>
      <c r="G17347" s="8">
        <v>1</v>
      </c>
      <c r="H17347" s="8">
        <v>1</v>
      </c>
      <c r="I17347" s="8">
        <v>0</v>
      </c>
      <c r="J17347" s="8">
        <v>1</v>
      </c>
      <c r="K17347" s="9">
        <v>19</v>
      </c>
      <c r="L17347" s="6" t="s">
        <v>51</v>
      </c>
    </row>
    <row r="17348" spans="1:12">
      <c r="A17348" s="6" t="s">
        <v>17224</v>
      </c>
      <c r="B17348" s="6"/>
      <c r="C17348" s="6" t="s">
        <v>17380</v>
      </c>
      <c r="D17348" s="6"/>
      <c r="E17348" s="6" t="s">
        <v>9</v>
      </c>
      <c r="F17348" s="7">
        <v>38657</v>
      </c>
      <c r="G17348" s="8">
        <v>1</v>
      </c>
      <c r="H17348" s="8">
        <v>1</v>
      </c>
      <c r="I17348" s="8">
        <v>0</v>
      </c>
      <c r="J17348" s="8">
        <v>1</v>
      </c>
      <c r="K17348" s="9">
        <v>35</v>
      </c>
      <c r="L17348" s="6" t="s">
        <v>51</v>
      </c>
    </row>
    <row r="17349" spans="1:12">
      <c r="A17349" s="6" t="s">
        <v>17224</v>
      </c>
      <c r="B17349" s="6"/>
      <c r="C17349" s="6" t="s">
        <v>17381</v>
      </c>
      <c r="D17349" s="6"/>
      <c r="E17349" s="6" t="s">
        <v>9</v>
      </c>
      <c r="F17349" s="7">
        <v>38657</v>
      </c>
      <c r="G17349" s="8">
        <v>1</v>
      </c>
      <c r="H17349" s="8">
        <v>1</v>
      </c>
      <c r="I17349" s="8">
        <v>0</v>
      </c>
      <c r="J17349" s="8">
        <v>1</v>
      </c>
      <c r="K17349" s="9">
        <v>18.440000000000001</v>
      </c>
      <c r="L17349" s="6" t="s">
        <v>51</v>
      </c>
    </row>
    <row r="17350" spans="1:12">
      <c r="A17350" s="6" t="s">
        <v>17224</v>
      </c>
      <c r="B17350" s="6"/>
      <c r="C17350" s="6" t="s">
        <v>17382</v>
      </c>
      <c r="D17350" s="6"/>
      <c r="E17350" s="6" t="s">
        <v>9</v>
      </c>
      <c r="F17350" s="7">
        <v>38657</v>
      </c>
      <c r="G17350" s="8">
        <v>1</v>
      </c>
      <c r="H17350" s="8">
        <v>1</v>
      </c>
      <c r="I17350" s="8">
        <v>0</v>
      </c>
      <c r="J17350" s="8">
        <v>1</v>
      </c>
      <c r="K17350" s="9">
        <v>132</v>
      </c>
      <c r="L17350" s="6" t="s">
        <v>51</v>
      </c>
    </row>
    <row r="17351" spans="1:12">
      <c r="A17351" s="6" t="s">
        <v>17224</v>
      </c>
      <c r="B17351" s="6"/>
      <c r="C17351" s="6" t="s">
        <v>17383</v>
      </c>
      <c r="D17351" s="6"/>
      <c r="E17351" s="6" t="s">
        <v>9</v>
      </c>
      <c r="F17351" s="7"/>
      <c r="G17351" s="8">
        <v>1</v>
      </c>
      <c r="H17351" s="8">
        <v>1</v>
      </c>
      <c r="I17351" s="8">
        <v>0</v>
      </c>
      <c r="J17351" s="8">
        <v>1</v>
      </c>
      <c r="K17351" s="9">
        <v>33</v>
      </c>
      <c r="L17351" s="6" t="s">
        <v>51</v>
      </c>
    </row>
    <row r="17352" spans="1:12">
      <c r="A17352" s="6" t="s">
        <v>17224</v>
      </c>
      <c r="B17352" s="6"/>
      <c r="C17352" s="6" t="s">
        <v>17384</v>
      </c>
      <c r="D17352" s="6"/>
      <c r="E17352" s="6" t="s">
        <v>9</v>
      </c>
      <c r="F17352" s="7">
        <v>38657</v>
      </c>
      <c r="G17352" s="8">
        <v>1</v>
      </c>
      <c r="H17352" s="8">
        <v>1</v>
      </c>
      <c r="I17352" s="8">
        <v>0</v>
      </c>
      <c r="J17352" s="8">
        <v>1</v>
      </c>
      <c r="K17352" s="9">
        <v>21</v>
      </c>
      <c r="L17352" s="6" t="s">
        <v>51</v>
      </c>
    </row>
    <row r="17353" spans="1:12">
      <c r="A17353" s="6" t="s">
        <v>17224</v>
      </c>
      <c r="B17353" s="6"/>
      <c r="C17353" s="6" t="s">
        <v>17385</v>
      </c>
      <c r="D17353" s="6"/>
      <c r="E17353" s="6" t="s">
        <v>9</v>
      </c>
      <c r="F17353" s="7">
        <v>38657</v>
      </c>
      <c r="G17353" s="8">
        <v>1</v>
      </c>
      <c r="H17353" s="8">
        <v>1</v>
      </c>
      <c r="I17353" s="8">
        <v>0</v>
      </c>
      <c r="J17353" s="8">
        <v>1</v>
      </c>
      <c r="K17353" s="9">
        <v>17.43</v>
      </c>
      <c r="L17353" s="6" t="s">
        <v>51</v>
      </c>
    </row>
    <row r="17354" spans="1:12">
      <c r="A17354" s="6" t="s">
        <v>17224</v>
      </c>
      <c r="B17354" s="6"/>
      <c r="C17354" s="6" t="s">
        <v>17386</v>
      </c>
      <c r="D17354" s="6"/>
      <c r="E17354" s="6" t="s">
        <v>9</v>
      </c>
      <c r="F17354" s="7">
        <v>38657</v>
      </c>
      <c r="G17354" s="8">
        <v>1</v>
      </c>
      <c r="H17354" s="8">
        <v>1</v>
      </c>
      <c r="I17354" s="8">
        <v>0</v>
      </c>
      <c r="J17354" s="8">
        <v>1</v>
      </c>
      <c r="K17354" s="9">
        <v>19</v>
      </c>
      <c r="L17354" s="6" t="s">
        <v>51</v>
      </c>
    </row>
    <row r="17355" spans="1:12">
      <c r="A17355" s="6" t="s">
        <v>17224</v>
      </c>
      <c r="B17355" s="6"/>
      <c r="C17355" s="6" t="s">
        <v>17387</v>
      </c>
      <c r="D17355" s="6"/>
      <c r="E17355" s="6" t="s">
        <v>9</v>
      </c>
      <c r="F17355" s="7">
        <v>38657</v>
      </c>
      <c r="G17355" s="8">
        <v>1</v>
      </c>
      <c r="H17355" s="8">
        <v>1</v>
      </c>
      <c r="I17355" s="8">
        <v>0</v>
      </c>
      <c r="J17355" s="8">
        <v>1</v>
      </c>
      <c r="K17355" s="9">
        <v>1.33</v>
      </c>
      <c r="L17355" s="6" t="s">
        <v>51</v>
      </c>
    </row>
    <row r="17356" spans="1:12">
      <c r="A17356" s="6" t="s">
        <v>17224</v>
      </c>
      <c r="B17356" s="6"/>
      <c r="C17356" s="6" t="s">
        <v>17388</v>
      </c>
      <c r="D17356" s="6"/>
      <c r="E17356" s="6" t="s">
        <v>9</v>
      </c>
      <c r="F17356" s="7">
        <v>38657</v>
      </c>
      <c r="G17356" s="8">
        <v>1</v>
      </c>
      <c r="H17356" s="8">
        <v>1</v>
      </c>
      <c r="I17356" s="8">
        <v>0</v>
      </c>
      <c r="J17356" s="8">
        <v>1</v>
      </c>
      <c r="K17356" s="9">
        <v>33</v>
      </c>
      <c r="L17356" s="6" t="s">
        <v>51</v>
      </c>
    </row>
    <row r="17357" spans="1:12">
      <c r="A17357" s="6" t="s">
        <v>17224</v>
      </c>
      <c r="B17357" s="6"/>
      <c r="C17357" s="6" t="s">
        <v>17389</v>
      </c>
      <c r="D17357" s="6"/>
      <c r="E17357" s="6" t="s">
        <v>9</v>
      </c>
      <c r="F17357" s="7">
        <v>38657</v>
      </c>
      <c r="G17357" s="8">
        <v>1</v>
      </c>
      <c r="H17357" s="8">
        <v>1</v>
      </c>
      <c r="I17357" s="8">
        <v>0</v>
      </c>
      <c r="J17357" s="8">
        <v>1</v>
      </c>
      <c r="K17357" s="9">
        <v>19.760000000000002</v>
      </c>
      <c r="L17357" s="6" t="s">
        <v>51</v>
      </c>
    </row>
    <row r="17358" spans="1:12">
      <c r="A17358" s="6" t="s">
        <v>17224</v>
      </c>
      <c r="B17358" s="6"/>
      <c r="C17358" s="6" t="s">
        <v>17390</v>
      </c>
      <c r="D17358" s="6"/>
      <c r="E17358" s="6" t="s">
        <v>9</v>
      </c>
      <c r="F17358" s="7">
        <v>38657</v>
      </c>
      <c r="G17358" s="8">
        <v>1</v>
      </c>
      <c r="H17358" s="8">
        <v>1</v>
      </c>
      <c r="I17358" s="8">
        <v>0</v>
      </c>
      <c r="J17358" s="8">
        <v>1</v>
      </c>
      <c r="K17358" s="9">
        <v>158</v>
      </c>
      <c r="L17358" s="6" t="s">
        <v>51</v>
      </c>
    </row>
    <row r="17359" spans="1:12">
      <c r="A17359" s="6" t="s">
        <v>17224</v>
      </c>
      <c r="B17359" s="6"/>
      <c r="C17359" s="6" t="s">
        <v>17391</v>
      </c>
      <c r="D17359" s="6"/>
      <c r="E17359" s="6" t="s">
        <v>9</v>
      </c>
      <c r="F17359" s="7">
        <v>38657</v>
      </c>
      <c r="G17359" s="8">
        <v>1</v>
      </c>
      <c r="H17359" s="8">
        <v>1</v>
      </c>
      <c r="I17359" s="8">
        <v>0</v>
      </c>
      <c r="J17359" s="8">
        <v>1</v>
      </c>
      <c r="K17359" s="9">
        <v>8.11</v>
      </c>
      <c r="L17359" s="6" t="s">
        <v>51</v>
      </c>
    </row>
    <row r="17360" spans="1:12">
      <c r="A17360" s="6" t="s">
        <v>17224</v>
      </c>
      <c r="B17360" s="6"/>
      <c r="C17360" s="6" t="s">
        <v>17392</v>
      </c>
      <c r="D17360" s="6"/>
      <c r="E17360" s="6" t="s">
        <v>9</v>
      </c>
      <c r="F17360" s="7">
        <v>38657</v>
      </c>
      <c r="G17360" s="8">
        <v>1</v>
      </c>
      <c r="H17360" s="8">
        <v>1</v>
      </c>
      <c r="I17360" s="8">
        <v>0</v>
      </c>
      <c r="J17360" s="8">
        <v>1</v>
      </c>
      <c r="K17360" s="9">
        <v>3.42</v>
      </c>
      <c r="L17360" s="6" t="s">
        <v>51</v>
      </c>
    </row>
    <row r="17361" spans="1:12">
      <c r="A17361" s="6" t="s">
        <v>17224</v>
      </c>
      <c r="B17361" s="6"/>
      <c r="C17361" s="6" t="s">
        <v>17393</v>
      </c>
      <c r="D17361" s="6"/>
      <c r="E17361" s="6" t="s">
        <v>9</v>
      </c>
      <c r="F17361" s="7">
        <v>38657</v>
      </c>
      <c r="G17361" s="8">
        <v>1</v>
      </c>
      <c r="H17361" s="8">
        <v>1</v>
      </c>
      <c r="I17361" s="8">
        <v>0</v>
      </c>
      <c r="J17361" s="8">
        <v>1</v>
      </c>
      <c r="K17361" s="9">
        <v>79</v>
      </c>
      <c r="L17361" s="6" t="s">
        <v>51</v>
      </c>
    </row>
    <row r="17362" spans="1:12">
      <c r="A17362" s="6" t="s">
        <v>17224</v>
      </c>
      <c r="B17362" s="6"/>
      <c r="C17362" s="6" t="s">
        <v>17394</v>
      </c>
      <c r="D17362" s="6"/>
      <c r="E17362" s="6" t="s">
        <v>9</v>
      </c>
      <c r="F17362" s="7"/>
      <c r="G17362" s="8">
        <v>1</v>
      </c>
      <c r="H17362" s="8">
        <v>1</v>
      </c>
      <c r="I17362" s="8">
        <v>0</v>
      </c>
      <c r="J17362" s="8">
        <v>1</v>
      </c>
      <c r="K17362" s="9">
        <v>9.07</v>
      </c>
      <c r="L17362" s="6" t="s">
        <v>4151</v>
      </c>
    </row>
    <row r="17363" spans="1:12">
      <c r="A17363" s="6" t="s">
        <v>17224</v>
      </c>
      <c r="B17363" s="6"/>
      <c r="C17363" s="6" t="s">
        <v>17395</v>
      </c>
      <c r="D17363" s="6"/>
      <c r="E17363" s="6" t="s">
        <v>9</v>
      </c>
      <c r="F17363" s="7">
        <v>38657</v>
      </c>
      <c r="G17363" s="8">
        <v>1</v>
      </c>
      <c r="H17363" s="8">
        <v>1</v>
      </c>
      <c r="I17363" s="8">
        <v>0</v>
      </c>
      <c r="J17363" s="8">
        <v>1</v>
      </c>
      <c r="K17363" s="9">
        <v>14.92</v>
      </c>
      <c r="L17363" s="6" t="s">
        <v>51</v>
      </c>
    </row>
    <row r="17364" spans="1:12">
      <c r="A17364" s="6" t="s">
        <v>17224</v>
      </c>
      <c r="B17364" s="6"/>
      <c r="C17364" s="6" t="s">
        <v>17396</v>
      </c>
      <c r="D17364" s="6"/>
      <c r="E17364" s="6" t="s">
        <v>9</v>
      </c>
      <c r="F17364" s="7">
        <v>38657</v>
      </c>
      <c r="G17364" s="8">
        <v>1</v>
      </c>
      <c r="H17364" s="8">
        <v>1</v>
      </c>
      <c r="I17364" s="8">
        <v>0</v>
      </c>
      <c r="J17364" s="8">
        <v>1</v>
      </c>
      <c r="K17364" s="9">
        <v>1.31</v>
      </c>
      <c r="L17364" s="6" t="s">
        <v>51</v>
      </c>
    </row>
    <row r="17365" spans="1:12">
      <c r="A17365" s="6" t="s">
        <v>17224</v>
      </c>
      <c r="B17365" s="6"/>
      <c r="C17365" s="6" t="s">
        <v>17397</v>
      </c>
      <c r="D17365" s="6"/>
      <c r="E17365" s="6" t="s">
        <v>9</v>
      </c>
      <c r="F17365" s="7">
        <v>38657</v>
      </c>
      <c r="G17365" s="8">
        <v>1</v>
      </c>
      <c r="H17365" s="8">
        <v>1</v>
      </c>
      <c r="I17365" s="8">
        <v>0</v>
      </c>
      <c r="J17365" s="8">
        <v>1</v>
      </c>
      <c r="K17365" s="9">
        <v>12</v>
      </c>
      <c r="L17365" s="6" t="s">
        <v>51</v>
      </c>
    </row>
    <row r="17366" spans="1:12">
      <c r="A17366" s="6" t="s">
        <v>17224</v>
      </c>
      <c r="B17366" s="6"/>
      <c r="C17366" s="6" t="s">
        <v>17398</v>
      </c>
      <c r="D17366" s="6"/>
      <c r="E17366" s="6" t="s">
        <v>9</v>
      </c>
      <c r="F17366" s="7">
        <v>38657</v>
      </c>
      <c r="G17366" s="8">
        <v>1</v>
      </c>
      <c r="H17366" s="8">
        <v>1</v>
      </c>
      <c r="I17366" s="8">
        <v>0</v>
      </c>
      <c r="J17366" s="8">
        <v>1</v>
      </c>
      <c r="K17366" s="9">
        <v>2.0499999999999901</v>
      </c>
      <c r="L17366" s="6" t="s">
        <v>51</v>
      </c>
    </row>
    <row r="17367" spans="1:12">
      <c r="A17367" s="6" t="s">
        <v>17224</v>
      </c>
      <c r="B17367" s="6"/>
      <c r="C17367" s="6" t="s">
        <v>17399</v>
      </c>
      <c r="D17367" s="6"/>
      <c r="E17367" s="6" t="s">
        <v>9</v>
      </c>
      <c r="F17367" s="7">
        <v>38657</v>
      </c>
      <c r="G17367" s="8">
        <v>1</v>
      </c>
      <c r="H17367" s="8">
        <v>1</v>
      </c>
      <c r="I17367" s="8">
        <v>0</v>
      </c>
      <c r="J17367" s="8">
        <v>1</v>
      </c>
      <c r="K17367" s="9">
        <v>48</v>
      </c>
      <c r="L17367" s="6" t="s">
        <v>51</v>
      </c>
    </row>
    <row r="17368" spans="1:12">
      <c r="A17368" s="6" t="s">
        <v>17224</v>
      </c>
      <c r="B17368" s="6"/>
      <c r="C17368" s="6" t="s">
        <v>17400</v>
      </c>
      <c r="D17368" s="6"/>
      <c r="E17368" s="6" t="s">
        <v>9</v>
      </c>
      <c r="F17368" s="7">
        <v>38657</v>
      </c>
      <c r="G17368" s="8">
        <v>1</v>
      </c>
      <c r="H17368" s="8">
        <v>1</v>
      </c>
      <c r="I17368" s="8">
        <v>0</v>
      </c>
      <c r="J17368" s="8">
        <v>1</v>
      </c>
      <c r="K17368" s="9">
        <v>6.58</v>
      </c>
      <c r="L17368" s="6" t="s">
        <v>51</v>
      </c>
    </row>
    <row r="17369" spans="1:12">
      <c r="A17369" s="6" t="s">
        <v>17224</v>
      </c>
      <c r="B17369" s="6"/>
      <c r="C17369" s="6" t="s">
        <v>17401</v>
      </c>
      <c r="D17369" s="6"/>
      <c r="E17369" s="6" t="s">
        <v>9</v>
      </c>
      <c r="F17369" s="7">
        <v>38657</v>
      </c>
      <c r="G17369" s="8">
        <v>1</v>
      </c>
      <c r="H17369" s="8">
        <v>1</v>
      </c>
      <c r="I17369" s="8">
        <v>0</v>
      </c>
      <c r="J17369" s="8">
        <v>1</v>
      </c>
      <c r="K17369" s="9">
        <v>17.55</v>
      </c>
      <c r="L17369" s="6" t="s">
        <v>51</v>
      </c>
    </row>
    <row r="17370" spans="1:12">
      <c r="A17370" s="6" t="s">
        <v>17224</v>
      </c>
      <c r="B17370" s="6"/>
      <c r="C17370" s="6" t="s">
        <v>17402</v>
      </c>
      <c r="D17370" s="6"/>
      <c r="E17370" s="6" t="s">
        <v>9</v>
      </c>
      <c r="F17370" s="7">
        <v>38657</v>
      </c>
      <c r="G17370" s="8">
        <v>1</v>
      </c>
      <c r="H17370" s="8">
        <v>1</v>
      </c>
      <c r="I17370" s="8">
        <v>0</v>
      </c>
      <c r="J17370" s="8">
        <v>1</v>
      </c>
      <c r="K17370" s="9">
        <v>0.45</v>
      </c>
      <c r="L17370" s="6" t="s">
        <v>51</v>
      </c>
    </row>
    <row r="17371" spans="1:12">
      <c r="A17371" s="6" t="s">
        <v>17224</v>
      </c>
      <c r="B17371" s="6"/>
      <c r="C17371" s="6" t="s">
        <v>17403</v>
      </c>
      <c r="D17371" s="6"/>
      <c r="E17371" s="6" t="s">
        <v>9</v>
      </c>
      <c r="F17371" s="7">
        <v>38657</v>
      </c>
      <c r="G17371" s="8">
        <v>1</v>
      </c>
      <c r="H17371" s="8">
        <v>1</v>
      </c>
      <c r="I17371" s="8">
        <v>0</v>
      </c>
      <c r="J17371" s="8">
        <v>1</v>
      </c>
      <c r="K17371" s="9">
        <v>8.69</v>
      </c>
      <c r="L17371" s="6" t="s">
        <v>51</v>
      </c>
    </row>
    <row r="17372" spans="1:12">
      <c r="A17372" s="6" t="s">
        <v>17224</v>
      </c>
      <c r="B17372" s="6"/>
      <c r="C17372" s="6" t="s">
        <v>17404</v>
      </c>
      <c r="D17372" s="6"/>
      <c r="E17372" s="6" t="s">
        <v>9</v>
      </c>
      <c r="F17372" s="7">
        <v>38657</v>
      </c>
      <c r="G17372" s="8">
        <v>1</v>
      </c>
      <c r="H17372" s="8">
        <v>1</v>
      </c>
      <c r="I17372" s="8">
        <v>0</v>
      </c>
      <c r="J17372" s="8">
        <v>1</v>
      </c>
      <c r="K17372" s="9">
        <v>17.920000000000002</v>
      </c>
      <c r="L17372" s="6" t="s">
        <v>51</v>
      </c>
    </row>
    <row r="17373" spans="1:12">
      <c r="A17373" s="6" t="s">
        <v>17224</v>
      </c>
      <c r="B17373" s="6"/>
      <c r="C17373" s="6" t="s">
        <v>17405</v>
      </c>
      <c r="D17373" s="6"/>
      <c r="E17373" s="6" t="s">
        <v>9</v>
      </c>
      <c r="F17373" s="7">
        <v>38657</v>
      </c>
      <c r="G17373" s="8">
        <v>1</v>
      </c>
      <c r="H17373" s="8">
        <v>1</v>
      </c>
      <c r="I17373" s="8">
        <v>0</v>
      </c>
      <c r="J17373" s="8">
        <v>1</v>
      </c>
      <c r="K17373" s="9">
        <v>14.64</v>
      </c>
      <c r="L17373" s="6" t="s">
        <v>51</v>
      </c>
    </row>
    <row r="17374" spans="1:12">
      <c r="A17374" s="6" t="s">
        <v>17224</v>
      </c>
      <c r="B17374" s="6"/>
      <c r="C17374" s="6" t="s">
        <v>17406</v>
      </c>
      <c r="D17374" s="6"/>
      <c r="E17374" s="6" t="s">
        <v>9</v>
      </c>
      <c r="F17374" s="7">
        <v>38657</v>
      </c>
      <c r="G17374" s="8">
        <v>1</v>
      </c>
      <c r="H17374" s="8">
        <v>1</v>
      </c>
      <c r="I17374" s="8">
        <v>0</v>
      </c>
      <c r="J17374" s="8">
        <v>1</v>
      </c>
      <c r="K17374" s="9">
        <v>27.87</v>
      </c>
      <c r="L17374" s="6" t="s">
        <v>51</v>
      </c>
    </row>
    <row r="17375" spans="1:12">
      <c r="A17375" s="6" t="s">
        <v>17224</v>
      </c>
      <c r="B17375" s="6"/>
      <c r="C17375" s="6" t="s">
        <v>17407</v>
      </c>
      <c r="D17375" s="6"/>
      <c r="E17375" s="6" t="s">
        <v>9</v>
      </c>
      <c r="F17375" s="7">
        <v>38657</v>
      </c>
      <c r="G17375" s="8">
        <v>1</v>
      </c>
      <c r="H17375" s="8">
        <v>1</v>
      </c>
      <c r="I17375" s="8">
        <v>0</v>
      </c>
      <c r="J17375" s="8">
        <v>1</v>
      </c>
      <c r="K17375" s="9">
        <v>0.77</v>
      </c>
      <c r="L17375" s="6" t="s">
        <v>51</v>
      </c>
    </row>
    <row r="17376" spans="1:12">
      <c r="A17376" s="6" t="s">
        <v>17224</v>
      </c>
      <c r="B17376" s="6"/>
      <c r="C17376" s="6" t="s">
        <v>17408</v>
      </c>
      <c r="D17376" s="6"/>
      <c r="E17376" s="6" t="s">
        <v>9</v>
      </c>
      <c r="F17376" s="7">
        <v>38657</v>
      </c>
      <c r="G17376" s="8">
        <v>1</v>
      </c>
      <c r="H17376" s="8">
        <v>1</v>
      </c>
      <c r="I17376" s="8">
        <v>0</v>
      </c>
      <c r="J17376" s="8">
        <v>1</v>
      </c>
      <c r="K17376" s="9">
        <v>29.06</v>
      </c>
      <c r="L17376" s="6" t="s">
        <v>51</v>
      </c>
    </row>
    <row r="17377" spans="1:12">
      <c r="A17377" s="6" t="s">
        <v>17224</v>
      </c>
      <c r="B17377" s="6"/>
      <c r="C17377" s="6" t="s">
        <v>17409</v>
      </c>
      <c r="D17377" s="6"/>
      <c r="E17377" s="6" t="s">
        <v>9</v>
      </c>
      <c r="F17377" s="7">
        <v>38657</v>
      </c>
      <c r="G17377" s="8">
        <v>1</v>
      </c>
      <c r="H17377" s="8">
        <v>1</v>
      </c>
      <c r="I17377" s="8">
        <v>0</v>
      </c>
      <c r="J17377" s="8">
        <v>1</v>
      </c>
      <c r="K17377" s="9">
        <v>29.12</v>
      </c>
      <c r="L17377" s="6" t="s">
        <v>51</v>
      </c>
    </row>
    <row r="17378" spans="1:12">
      <c r="A17378" s="6" t="s">
        <v>17224</v>
      </c>
      <c r="B17378" s="6"/>
      <c r="C17378" s="6" t="s">
        <v>17410</v>
      </c>
      <c r="D17378" s="6"/>
      <c r="E17378" s="6" t="s">
        <v>9</v>
      </c>
      <c r="F17378" s="7">
        <v>38657</v>
      </c>
      <c r="G17378" s="8">
        <v>1</v>
      </c>
      <c r="H17378" s="8">
        <v>1</v>
      </c>
      <c r="I17378" s="8">
        <v>0</v>
      </c>
      <c r="J17378" s="8">
        <v>1</v>
      </c>
      <c r="K17378" s="9">
        <v>18.57</v>
      </c>
      <c r="L17378" s="6" t="s">
        <v>51</v>
      </c>
    </row>
    <row r="17379" spans="1:12">
      <c r="A17379" s="6" t="s">
        <v>17224</v>
      </c>
      <c r="B17379" s="6"/>
      <c r="C17379" s="6" t="s">
        <v>17411</v>
      </c>
      <c r="D17379" s="6"/>
      <c r="E17379" s="6" t="s">
        <v>9</v>
      </c>
      <c r="F17379" s="7">
        <v>38657</v>
      </c>
      <c r="G17379" s="8">
        <v>1</v>
      </c>
      <c r="H17379" s="8">
        <v>1</v>
      </c>
      <c r="I17379" s="8">
        <v>0</v>
      </c>
      <c r="J17379" s="8">
        <v>1</v>
      </c>
      <c r="K17379" s="9">
        <v>17.690000000000001</v>
      </c>
      <c r="L17379" s="6" t="s">
        <v>51</v>
      </c>
    </row>
    <row r="17380" spans="1:12">
      <c r="A17380" s="6" t="s">
        <v>17224</v>
      </c>
      <c r="B17380" s="6"/>
      <c r="C17380" s="6" t="s">
        <v>17412</v>
      </c>
      <c r="D17380" s="6"/>
      <c r="E17380" s="6" t="s">
        <v>9</v>
      </c>
      <c r="F17380" s="7">
        <v>38657</v>
      </c>
      <c r="G17380" s="8">
        <v>1</v>
      </c>
      <c r="H17380" s="8">
        <v>1</v>
      </c>
      <c r="I17380" s="8">
        <v>0</v>
      </c>
      <c r="J17380" s="8">
        <v>1</v>
      </c>
      <c r="K17380" s="9">
        <v>8.18</v>
      </c>
      <c r="L17380" s="6" t="s">
        <v>51</v>
      </c>
    </row>
    <row r="17381" spans="1:12">
      <c r="A17381" s="6" t="s">
        <v>17224</v>
      </c>
      <c r="B17381" s="6"/>
      <c r="C17381" s="6" t="s">
        <v>17413</v>
      </c>
      <c r="D17381" s="6"/>
      <c r="E17381" s="6" t="s">
        <v>9</v>
      </c>
      <c r="F17381" s="7">
        <v>38657</v>
      </c>
      <c r="G17381" s="8">
        <v>1</v>
      </c>
      <c r="H17381" s="8">
        <v>1</v>
      </c>
      <c r="I17381" s="8">
        <v>0</v>
      </c>
      <c r="J17381" s="8">
        <v>1</v>
      </c>
      <c r="K17381" s="9">
        <v>13</v>
      </c>
      <c r="L17381" s="6" t="s">
        <v>51</v>
      </c>
    </row>
    <row r="17382" spans="1:12">
      <c r="A17382" s="6" t="s">
        <v>17224</v>
      </c>
      <c r="B17382" s="6"/>
      <c r="C17382" s="6" t="s">
        <v>17414</v>
      </c>
      <c r="D17382" s="6"/>
      <c r="E17382" s="6" t="s">
        <v>9</v>
      </c>
      <c r="F17382" s="7">
        <v>38657</v>
      </c>
      <c r="G17382" s="8">
        <v>1</v>
      </c>
      <c r="H17382" s="8">
        <v>1</v>
      </c>
      <c r="I17382" s="8">
        <v>0</v>
      </c>
      <c r="J17382" s="8">
        <v>1</v>
      </c>
      <c r="K17382" s="9">
        <v>55</v>
      </c>
      <c r="L17382" s="6" t="s">
        <v>51</v>
      </c>
    </row>
    <row r="17383" spans="1:12">
      <c r="A17383" s="6" t="s">
        <v>17224</v>
      </c>
      <c r="B17383" s="6"/>
      <c r="C17383" s="6" t="s">
        <v>17415</v>
      </c>
      <c r="D17383" s="6"/>
      <c r="E17383" s="6" t="s">
        <v>9</v>
      </c>
      <c r="F17383" s="7">
        <v>38657</v>
      </c>
      <c r="G17383" s="8">
        <v>1</v>
      </c>
      <c r="H17383" s="8">
        <v>1</v>
      </c>
      <c r="I17383" s="8">
        <v>0</v>
      </c>
      <c r="J17383" s="8">
        <v>1</v>
      </c>
      <c r="K17383" s="9">
        <v>71.400000000000006</v>
      </c>
      <c r="L17383" s="6" t="s">
        <v>51</v>
      </c>
    </row>
    <row r="17384" spans="1:12">
      <c r="A17384" s="6" t="s">
        <v>17224</v>
      </c>
      <c r="B17384" s="6"/>
      <c r="C17384" s="6" t="s">
        <v>17416</v>
      </c>
      <c r="D17384" s="6"/>
      <c r="E17384" s="6" t="s">
        <v>9</v>
      </c>
      <c r="F17384" s="7">
        <v>38657</v>
      </c>
      <c r="G17384" s="8">
        <v>1</v>
      </c>
      <c r="H17384" s="8">
        <v>1</v>
      </c>
      <c r="I17384" s="8">
        <v>0</v>
      </c>
      <c r="J17384" s="8">
        <v>1</v>
      </c>
      <c r="K17384" s="9">
        <v>27.76</v>
      </c>
      <c r="L17384" s="6" t="s">
        <v>51</v>
      </c>
    </row>
    <row r="17385" spans="1:12">
      <c r="A17385" s="6" t="s">
        <v>17224</v>
      </c>
      <c r="B17385" s="6"/>
      <c r="C17385" s="6" t="s">
        <v>17417</v>
      </c>
      <c r="D17385" s="6"/>
      <c r="E17385" s="6" t="s">
        <v>9</v>
      </c>
      <c r="F17385" s="7">
        <v>38657</v>
      </c>
      <c r="G17385" s="8">
        <v>1</v>
      </c>
      <c r="H17385" s="8">
        <v>1</v>
      </c>
      <c r="I17385" s="8">
        <v>0</v>
      </c>
      <c r="J17385" s="8">
        <v>1</v>
      </c>
      <c r="K17385" s="9">
        <v>138</v>
      </c>
      <c r="L17385" s="6" t="s">
        <v>51</v>
      </c>
    </row>
    <row r="17386" spans="1:12">
      <c r="A17386" s="6" t="s">
        <v>17224</v>
      </c>
      <c r="B17386" s="6"/>
      <c r="C17386" s="6" t="s">
        <v>17418</v>
      </c>
      <c r="D17386" s="6"/>
      <c r="E17386" s="6" t="s">
        <v>9</v>
      </c>
      <c r="F17386" s="7">
        <v>38657</v>
      </c>
      <c r="G17386" s="8">
        <v>1</v>
      </c>
      <c r="H17386" s="8">
        <v>1</v>
      </c>
      <c r="I17386" s="8">
        <v>0</v>
      </c>
      <c r="J17386" s="8">
        <v>1</v>
      </c>
      <c r="K17386" s="9">
        <v>72</v>
      </c>
      <c r="L17386" s="6" t="s">
        <v>51</v>
      </c>
    </row>
    <row r="17387" spans="1:12">
      <c r="A17387" s="6" t="s">
        <v>17224</v>
      </c>
      <c r="B17387" s="6"/>
      <c r="C17387" s="6" t="s">
        <v>17419</v>
      </c>
      <c r="D17387" s="6"/>
      <c r="E17387" s="6" t="s">
        <v>9</v>
      </c>
      <c r="F17387" s="7">
        <v>38657</v>
      </c>
      <c r="G17387" s="8">
        <v>1</v>
      </c>
      <c r="H17387" s="8">
        <v>1</v>
      </c>
      <c r="I17387" s="8">
        <v>0</v>
      </c>
      <c r="J17387" s="8">
        <v>1</v>
      </c>
      <c r="K17387" s="9">
        <v>32</v>
      </c>
      <c r="L17387" s="6" t="s">
        <v>51</v>
      </c>
    </row>
    <row r="17388" spans="1:12">
      <c r="A17388" s="6" t="s">
        <v>17224</v>
      </c>
      <c r="B17388" s="6"/>
      <c r="C17388" s="6" t="s">
        <v>17420</v>
      </c>
      <c r="D17388" s="6"/>
      <c r="E17388" s="6" t="s">
        <v>9</v>
      </c>
      <c r="F17388" s="7">
        <v>38657</v>
      </c>
      <c r="G17388" s="8">
        <v>1</v>
      </c>
      <c r="H17388" s="8">
        <v>1</v>
      </c>
      <c r="I17388" s="8">
        <v>0</v>
      </c>
      <c r="J17388" s="8">
        <v>1</v>
      </c>
      <c r="K17388" s="9">
        <v>48</v>
      </c>
      <c r="L17388" s="6" t="s">
        <v>51</v>
      </c>
    </row>
    <row r="17389" spans="1:12">
      <c r="A17389" s="6" t="s">
        <v>17224</v>
      </c>
      <c r="B17389" s="6"/>
      <c r="C17389" s="6" t="s">
        <v>17421</v>
      </c>
      <c r="D17389" s="6"/>
      <c r="E17389" s="6" t="s">
        <v>9</v>
      </c>
      <c r="F17389" s="7">
        <v>38657</v>
      </c>
      <c r="G17389" s="8">
        <v>1</v>
      </c>
      <c r="H17389" s="8">
        <v>1</v>
      </c>
      <c r="I17389" s="8">
        <v>0</v>
      </c>
      <c r="J17389" s="8">
        <v>1</v>
      </c>
      <c r="K17389" s="9">
        <v>48</v>
      </c>
      <c r="L17389" s="6" t="s">
        <v>51</v>
      </c>
    </row>
    <row r="17390" spans="1:12">
      <c r="A17390" s="6" t="s">
        <v>17224</v>
      </c>
      <c r="B17390" s="6"/>
      <c r="C17390" s="6" t="s">
        <v>17422</v>
      </c>
      <c r="D17390" s="6"/>
      <c r="E17390" s="6" t="s">
        <v>9</v>
      </c>
      <c r="F17390" s="7">
        <v>38657</v>
      </c>
      <c r="G17390" s="8">
        <v>1</v>
      </c>
      <c r="H17390" s="8">
        <v>1</v>
      </c>
      <c r="I17390" s="8">
        <v>0</v>
      </c>
      <c r="J17390" s="8">
        <v>1</v>
      </c>
      <c r="K17390" s="9">
        <v>46</v>
      </c>
      <c r="L17390" s="6" t="s">
        <v>51</v>
      </c>
    </row>
    <row r="17391" spans="1:12">
      <c r="A17391" s="6" t="s">
        <v>17224</v>
      </c>
      <c r="B17391" s="6"/>
      <c r="C17391" s="6" t="s">
        <v>17423</v>
      </c>
      <c r="D17391" s="6"/>
      <c r="E17391" s="6" t="s">
        <v>9</v>
      </c>
      <c r="F17391" s="7">
        <v>38657</v>
      </c>
      <c r="G17391" s="8">
        <v>1</v>
      </c>
      <c r="H17391" s="8">
        <v>1</v>
      </c>
      <c r="I17391" s="8">
        <v>0</v>
      </c>
      <c r="J17391" s="8">
        <v>1</v>
      </c>
      <c r="K17391" s="9">
        <v>11.87</v>
      </c>
      <c r="L17391" s="6" t="s">
        <v>51</v>
      </c>
    </row>
    <row r="17392" spans="1:12">
      <c r="A17392" s="6" t="s">
        <v>17224</v>
      </c>
      <c r="B17392" s="6"/>
      <c r="C17392" s="6" t="s">
        <v>17424</v>
      </c>
      <c r="D17392" s="6"/>
      <c r="E17392" s="6" t="s">
        <v>9</v>
      </c>
      <c r="F17392" s="7">
        <v>38657</v>
      </c>
      <c r="G17392" s="8">
        <v>1</v>
      </c>
      <c r="H17392" s="8">
        <v>1</v>
      </c>
      <c r="I17392" s="8">
        <v>0</v>
      </c>
      <c r="J17392" s="8">
        <v>1</v>
      </c>
      <c r="K17392" s="9">
        <v>8.5</v>
      </c>
      <c r="L17392" s="6" t="s">
        <v>51</v>
      </c>
    </row>
    <row r="17393" spans="1:12">
      <c r="A17393" s="6" t="s">
        <v>17224</v>
      </c>
      <c r="B17393" s="6"/>
      <c r="C17393" s="6" t="s">
        <v>17425</v>
      </c>
      <c r="D17393" s="6"/>
      <c r="E17393" s="6" t="s">
        <v>9</v>
      </c>
      <c r="F17393" s="7">
        <v>38657</v>
      </c>
      <c r="G17393" s="8">
        <v>1</v>
      </c>
      <c r="H17393" s="8">
        <v>1</v>
      </c>
      <c r="I17393" s="8">
        <v>0</v>
      </c>
      <c r="J17393" s="8">
        <v>1</v>
      </c>
      <c r="K17393" s="9">
        <v>1.03</v>
      </c>
      <c r="L17393" s="6" t="s">
        <v>51</v>
      </c>
    </row>
    <row r="17394" spans="1:12">
      <c r="A17394" s="6" t="s">
        <v>17224</v>
      </c>
      <c r="B17394" s="6"/>
      <c r="C17394" s="6" t="s">
        <v>17426</v>
      </c>
      <c r="D17394" s="6"/>
      <c r="E17394" s="6" t="s">
        <v>9</v>
      </c>
      <c r="F17394" s="7">
        <v>38657</v>
      </c>
      <c r="G17394" s="8">
        <v>1</v>
      </c>
      <c r="H17394" s="8">
        <v>1</v>
      </c>
      <c r="I17394" s="8">
        <v>0</v>
      </c>
      <c r="J17394" s="8">
        <v>1</v>
      </c>
      <c r="K17394" s="9">
        <v>30</v>
      </c>
      <c r="L17394" s="6" t="s">
        <v>51</v>
      </c>
    </row>
    <row r="17395" spans="1:12">
      <c r="A17395" s="6" t="s">
        <v>17224</v>
      </c>
      <c r="B17395" s="6"/>
      <c r="C17395" s="6" t="s">
        <v>17427</v>
      </c>
      <c r="D17395" s="6"/>
      <c r="E17395" s="6" t="s">
        <v>9</v>
      </c>
      <c r="F17395" s="7">
        <v>38657</v>
      </c>
      <c r="G17395" s="8">
        <v>1</v>
      </c>
      <c r="H17395" s="8">
        <v>1</v>
      </c>
      <c r="I17395" s="8">
        <v>0</v>
      </c>
      <c r="J17395" s="8">
        <v>1</v>
      </c>
      <c r="K17395" s="9">
        <v>0.72</v>
      </c>
      <c r="L17395" s="6" t="s">
        <v>51</v>
      </c>
    </row>
    <row r="17396" spans="1:12">
      <c r="A17396" s="6" t="s">
        <v>17224</v>
      </c>
      <c r="B17396" s="6"/>
      <c r="C17396" s="6" t="s">
        <v>17428</v>
      </c>
      <c r="D17396" s="6"/>
      <c r="E17396" s="6" t="s">
        <v>9</v>
      </c>
      <c r="F17396" s="7">
        <v>38657</v>
      </c>
      <c r="G17396" s="8">
        <v>1</v>
      </c>
      <c r="H17396" s="8">
        <v>1</v>
      </c>
      <c r="I17396" s="8">
        <v>0</v>
      </c>
      <c r="J17396" s="8">
        <v>1</v>
      </c>
      <c r="K17396" s="9">
        <v>2.69</v>
      </c>
      <c r="L17396" s="6" t="s">
        <v>51</v>
      </c>
    </row>
    <row r="17397" spans="1:12">
      <c r="A17397" s="6" t="s">
        <v>17224</v>
      </c>
      <c r="B17397" s="6"/>
      <c r="C17397" s="6" t="s">
        <v>17429</v>
      </c>
      <c r="D17397" s="6"/>
      <c r="E17397" s="6" t="s">
        <v>9</v>
      </c>
      <c r="F17397" s="7">
        <v>38657</v>
      </c>
      <c r="G17397" s="8">
        <v>1</v>
      </c>
      <c r="H17397" s="8">
        <v>1</v>
      </c>
      <c r="I17397" s="8">
        <v>0</v>
      </c>
      <c r="J17397" s="8">
        <v>1</v>
      </c>
      <c r="K17397" s="9">
        <v>22</v>
      </c>
      <c r="L17397" s="6" t="s">
        <v>51</v>
      </c>
    </row>
    <row r="17398" spans="1:12">
      <c r="A17398" s="6" t="s">
        <v>17224</v>
      </c>
      <c r="B17398" s="6"/>
      <c r="C17398" s="6" t="s">
        <v>17430</v>
      </c>
      <c r="D17398" s="6"/>
      <c r="E17398" s="6" t="s">
        <v>9</v>
      </c>
      <c r="F17398" s="7">
        <v>38657</v>
      </c>
      <c r="G17398" s="8">
        <v>1</v>
      </c>
      <c r="H17398" s="8">
        <v>1</v>
      </c>
      <c r="I17398" s="8">
        <v>0</v>
      </c>
      <c r="J17398" s="8">
        <v>1</v>
      </c>
      <c r="K17398" s="9">
        <v>14.23</v>
      </c>
      <c r="L17398" s="6" t="s">
        <v>51</v>
      </c>
    </row>
    <row r="17399" spans="1:12">
      <c r="A17399" s="6" t="s">
        <v>17224</v>
      </c>
      <c r="B17399" s="6"/>
      <c r="C17399" s="6" t="s">
        <v>17431</v>
      </c>
      <c r="D17399" s="6"/>
      <c r="E17399" s="6" t="s">
        <v>9</v>
      </c>
      <c r="F17399" s="7">
        <v>39790</v>
      </c>
      <c r="G17399" s="8">
        <v>1</v>
      </c>
      <c r="H17399" s="8">
        <v>1</v>
      </c>
      <c r="I17399" s="8">
        <v>0</v>
      </c>
      <c r="J17399" s="8">
        <v>1</v>
      </c>
      <c r="K17399" s="9">
        <v>44</v>
      </c>
      <c r="L17399" s="6" t="s">
        <v>51</v>
      </c>
    </row>
    <row r="17400" spans="1:12">
      <c r="A17400" s="6" t="s">
        <v>17224</v>
      </c>
      <c r="B17400" s="6"/>
      <c r="C17400" s="6" t="s">
        <v>17432</v>
      </c>
      <c r="D17400" s="6"/>
      <c r="E17400" s="6" t="s">
        <v>9</v>
      </c>
      <c r="F17400" s="7">
        <v>41956</v>
      </c>
      <c r="G17400" s="8">
        <v>362952</v>
      </c>
      <c r="H17400" s="8">
        <v>362952</v>
      </c>
      <c r="I17400" s="8">
        <v>0</v>
      </c>
      <c r="J17400" s="8">
        <v>362952</v>
      </c>
      <c r="K17400" s="9">
        <v>71</v>
      </c>
      <c r="L17400" s="6" t="s">
        <v>4773</v>
      </c>
    </row>
    <row r="17401" spans="1:12">
      <c r="A17401" s="6" t="s">
        <v>17224</v>
      </c>
      <c r="B17401" s="6"/>
      <c r="C17401" s="6" t="s">
        <v>17433</v>
      </c>
      <c r="D17401" s="6"/>
      <c r="E17401" s="6" t="s">
        <v>9</v>
      </c>
      <c r="F17401" s="7">
        <v>38657</v>
      </c>
      <c r="G17401" s="8">
        <v>1</v>
      </c>
      <c r="H17401" s="8">
        <v>1</v>
      </c>
      <c r="I17401" s="8">
        <v>0</v>
      </c>
      <c r="J17401" s="8">
        <v>1</v>
      </c>
      <c r="K17401" s="9">
        <v>14.54</v>
      </c>
      <c r="L17401" s="6" t="s">
        <v>51</v>
      </c>
    </row>
    <row r="17402" spans="1:12">
      <c r="A17402" s="6" t="s">
        <v>17224</v>
      </c>
      <c r="B17402" s="6"/>
      <c r="C17402" s="6" t="s">
        <v>17434</v>
      </c>
      <c r="D17402" s="6"/>
      <c r="E17402" s="6" t="s">
        <v>9</v>
      </c>
      <c r="F17402" s="7">
        <v>38657</v>
      </c>
      <c r="G17402" s="8">
        <v>1</v>
      </c>
      <c r="H17402" s="8">
        <v>1</v>
      </c>
      <c r="I17402" s="8">
        <v>0</v>
      </c>
      <c r="J17402" s="8">
        <v>1</v>
      </c>
      <c r="K17402" s="9">
        <v>48</v>
      </c>
      <c r="L17402" s="6" t="s">
        <v>51</v>
      </c>
    </row>
    <row r="17403" spans="1:12">
      <c r="A17403" s="6" t="s">
        <v>17224</v>
      </c>
      <c r="B17403" s="6"/>
      <c r="C17403" s="6" t="s">
        <v>17435</v>
      </c>
      <c r="D17403" s="6"/>
      <c r="E17403" s="6" t="s">
        <v>9</v>
      </c>
      <c r="F17403" s="7">
        <v>38657</v>
      </c>
      <c r="G17403" s="8">
        <v>1</v>
      </c>
      <c r="H17403" s="8">
        <v>1</v>
      </c>
      <c r="I17403" s="8">
        <v>0</v>
      </c>
      <c r="J17403" s="8">
        <v>1</v>
      </c>
      <c r="K17403" s="9">
        <v>14</v>
      </c>
      <c r="L17403" s="6" t="s">
        <v>51</v>
      </c>
    </row>
    <row r="17404" spans="1:12">
      <c r="A17404" s="6" t="s">
        <v>17224</v>
      </c>
      <c r="B17404" s="6"/>
      <c r="C17404" s="6" t="s">
        <v>17436</v>
      </c>
      <c r="D17404" s="6"/>
      <c r="E17404" s="6" t="s">
        <v>9</v>
      </c>
      <c r="F17404" s="7">
        <v>38657</v>
      </c>
      <c r="G17404" s="8">
        <v>1</v>
      </c>
      <c r="H17404" s="8">
        <v>1</v>
      </c>
      <c r="I17404" s="8">
        <v>0</v>
      </c>
      <c r="J17404" s="8">
        <v>1</v>
      </c>
      <c r="K17404" s="9">
        <v>79</v>
      </c>
      <c r="L17404" s="6" t="s">
        <v>51</v>
      </c>
    </row>
    <row r="17405" spans="1:12">
      <c r="A17405" s="6" t="s">
        <v>17224</v>
      </c>
      <c r="B17405" s="6"/>
      <c r="C17405" s="6" t="s">
        <v>17437</v>
      </c>
      <c r="D17405" s="6"/>
      <c r="E17405" s="6" t="s">
        <v>9</v>
      </c>
      <c r="F17405" s="7">
        <v>38657</v>
      </c>
      <c r="G17405" s="8">
        <v>1</v>
      </c>
      <c r="H17405" s="8">
        <v>1</v>
      </c>
      <c r="I17405" s="8">
        <v>0</v>
      </c>
      <c r="J17405" s="8">
        <v>1</v>
      </c>
      <c r="K17405" s="9">
        <v>125</v>
      </c>
      <c r="L17405" s="6" t="s">
        <v>51</v>
      </c>
    </row>
    <row r="17406" spans="1:12">
      <c r="A17406" s="6" t="s">
        <v>17224</v>
      </c>
      <c r="B17406" s="6"/>
      <c r="C17406" s="6" t="s">
        <v>17438</v>
      </c>
      <c r="D17406" s="6"/>
      <c r="E17406" s="6" t="s">
        <v>9</v>
      </c>
      <c r="F17406" s="7">
        <v>38657</v>
      </c>
      <c r="G17406" s="8">
        <v>1</v>
      </c>
      <c r="H17406" s="8">
        <v>1</v>
      </c>
      <c r="I17406" s="8">
        <v>0</v>
      </c>
      <c r="J17406" s="8">
        <v>1</v>
      </c>
      <c r="K17406" s="9">
        <v>112</v>
      </c>
      <c r="L17406" s="6" t="s">
        <v>51</v>
      </c>
    </row>
    <row r="17407" spans="1:12">
      <c r="A17407" s="6" t="s">
        <v>17224</v>
      </c>
      <c r="B17407" s="6"/>
      <c r="C17407" s="6" t="s">
        <v>17439</v>
      </c>
      <c r="D17407" s="6"/>
      <c r="E17407" s="6" t="s">
        <v>9</v>
      </c>
      <c r="F17407" s="7">
        <v>38657</v>
      </c>
      <c r="G17407" s="8">
        <v>1</v>
      </c>
      <c r="H17407" s="8">
        <v>1</v>
      </c>
      <c r="I17407" s="8">
        <v>0</v>
      </c>
      <c r="J17407" s="8">
        <v>1</v>
      </c>
      <c r="K17407" s="9">
        <v>112</v>
      </c>
      <c r="L17407" s="6" t="s">
        <v>51</v>
      </c>
    </row>
    <row r="17408" spans="1:12">
      <c r="A17408" s="6" t="s">
        <v>17224</v>
      </c>
      <c r="B17408" s="6"/>
      <c r="C17408" s="6" t="s">
        <v>17440</v>
      </c>
      <c r="D17408" s="6"/>
      <c r="E17408" s="6" t="s">
        <v>9</v>
      </c>
      <c r="F17408" s="7">
        <v>38657</v>
      </c>
      <c r="G17408" s="8">
        <v>1</v>
      </c>
      <c r="H17408" s="8">
        <v>1</v>
      </c>
      <c r="I17408" s="8">
        <v>0</v>
      </c>
      <c r="J17408" s="8">
        <v>1</v>
      </c>
      <c r="K17408" s="9">
        <v>82</v>
      </c>
      <c r="L17408" s="6" t="s">
        <v>51</v>
      </c>
    </row>
    <row r="17409" spans="1:12">
      <c r="A17409" s="6" t="s">
        <v>17224</v>
      </c>
      <c r="B17409" s="6"/>
      <c r="C17409" s="6" t="s">
        <v>17441</v>
      </c>
      <c r="D17409" s="6"/>
      <c r="E17409" s="6" t="s">
        <v>9</v>
      </c>
      <c r="F17409" s="7">
        <v>38657</v>
      </c>
      <c r="G17409" s="8">
        <v>1</v>
      </c>
      <c r="H17409" s="8">
        <v>1</v>
      </c>
      <c r="I17409" s="8">
        <v>0</v>
      </c>
      <c r="J17409" s="8">
        <v>1</v>
      </c>
      <c r="K17409" s="9">
        <v>11</v>
      </c>
      <c r="L17409" s="6" t="s">
        <v>51</v>
      </c>
    </row>
    <row r="17410" spans="1:12">
      <c r="A17410" s="6" t="s">
        <v>17224</v>
      </c>
      <c r="B17410" s="6"/>
      <c r="C17410" s="6" t="s">
        <v>17442</v>
      </c>
      <c r="D17410" s="6"/>
      <c r="E17410" s="6" t="s">
        <v>9</v>
      </c>
      <c r="F17410" s="7"/>
      <c r="G17410" s="8">
        <v>1</v>
      </c>
      <c r="H17410" s="8">
        <v>1</v>
      </c>
      <c r="I17410" s="8">
        <v>0</v>
      </c>
      <c r="J17410" s="8">
        <v>1</v>
      </c>
      <c r="K17410" s="9">
        <v>36</v>
      </c>
      <c r="L17410" s="6" t="s">
        <v>51</v>
      </c>
    </row>
    <row r="17411" spans="1:12">
      <c r="A17411" s="6" t="s">
        <v>17224</v>
      </c>
      <c r="B17411" s="6"/>
      <c r="C17411" s="6" t="s">
        <v>17443</v>
      </c>
      <c r="D17411" s="6"/>
      <c r="E17411" s="6" t="s">
        <v>9</v>
      </c>
      <c r="F17411" s="7">
        <v>38657</v>
      </c>
      <c r="G17411" s="8">
        <v>1</v>
      </c>
      <c r="H17411" s="8">
        <v>1</v>
      </c>
      <c r="I17411" s="8">
        <v>0</v>
      </c>
      <c r="J17411" s="8">
        <v>1</v>
      </c>
      <c r="K17411" s="9">
        <v>19</v>
      </c>
      <c r="L17411" s="6" t="s">
        <v>51</v>
      </c>
    </row>
    <row r="17412" spans="1:12">
      <c r="A17412" s="6" t="s">
        <v>17224</v>
      </c>
      <c r="B17412" s="6"/>
      <c r="C17412" s="6" t="s">
        <v>17444</v>
      </c>
      <c r="D17412" s="6"/>
      <c r="E17412" s="6" t="s">
        <v>9</v>
      </c>
      <c r="F17412" s="7">
        <v>38657</v>
      </c>
      <c r="G17412" s="8">
        <v>1</v>
      </c>
      <c r="H17412" s="8">
        <v>1</v>
      </c>
      <c r="I17412" s="8">
        <v>0</v>
      </c>
      <c r="J17412" s="8">
        <v>1</v>
      </c>
      <c r="K17412" s="9">
        <v>19</v>
      </c>
      <c r="L17412" s="6" t="s">
        <v>51</v>
      </c>
    </row>
    <row r="17413" spans="1:12">
      <c r="A17413" s="6" t="s">
        <v>17224</v>
      </c>
      <c r="B17413" s="6"/>
      <c r="C17413" s="6" t="s">
        <v>17445</v>
      </c>
      <c r="D17413" s="6"/>
      <c r="E17413" s="6" t="s">
        <v>9</v>
      </c>
      <c r="F17413" s="7"/>
      <c r="G17413" s="8">
        <v>1</v>
      </c>
      <c r="H17413" s="8">
        <v>1</v>
      </c>
      <c r="I17413" s="8">
        <v>0</v>
      </c>
      <c r="J17413" s="8">
        <v>1</v>
      </c>
      <c r="K17413" s="9">
        <v>23</v>
      </c>
      <c r="L17413" s="6" t="s">
        <v>51</v>
      </c>
    </row>
    <row r="17414" spans="1:12">
      <c r="A17414" s="6" t="s">
        <v>17224</v>
      </c>
      <c r="B17414" s="6"/>
      <c r="C17414" s="6" t="s">
        <v>17446</v>
      </c>
      <c r="D17414" s="6"/>
      <c r="E17414" s="6" t="s">
        <v>9</v>
      </c>
      <c r="F17414" s="7"/>
      <c r="G17414" s="8">
        <v>1</v>
      </c>
      <c r="H17414" s="8">
        <v>1</v>
      </c>
      <c r="I17414" s="8">
        <v>0</v>
      </c>
      <c r="J17414" s="8">
        <v>1</v>
      </c>
      <c r="K17414" s="9">
        <v>59</v>
      </c>
      <c r="L17414" s="6" t="s">
        <v>51</v>
      </c>
    </row>
    <row r="17415" spans="1:12">
      <c r="A17415" s="6" t="s">
        <v>17224</v>
      </c>
      <c r="B17415" s="6"/>
      <c r="C17415" s="6" t="s">
        <v>17447</v>
      </c>
      <c r="D17415" s="6"/>
      <c r="E17415" s="6" t="s">
        <v>9</v>
      </c>
      <c r="F17415" s="7">
        <v>38657</v>
      </c>
      <c r="G17415" s="8">
        <v>1</v>
      </c>
      <c r="H17415" s="8">
        <v>1</v>
      </c>
      <c r="I17415" s="8">
        <v>0</v>
      </c>
      <c r="J17415" s="8">
        <v>1</v>
      </c>
      <c r="K17415" s="9">
        <v>2.2000000000000002</v>
      </c>
      <c r="L17415" s="6" t="s">
        <v>51</v>
      </c>
    </row>
    <row r="17416" spans="1:12">
      <c r="A17416" s="6" t="s">
        <v>17224</v>
      </c>
      <c r="B17416" s="6"/>
      <c r="C17416" s="6" t="s">
        <v>17448</v>
      </c>
      <c r="D17416" s="6"/>
      <c r="E17416" s="6" t="s">
        <v>9</v>
      </c>
      <c r="F17416" s="7">
        <v>38657</v>
      </c>
      <c r="G17416" s="8">
        <v>1</v>
      </c>
      <c r="H17416" s="8">
        <v>1</v>
      </c>
      <c r="I17416" s="8">
        <v>0</v>
      </c>
      <c r="J17416" s="8">
        <v>1</v>
      </c>
      <c r="K17416" s="9">
        <v>16</v>
      </c>
      <c r="L17416" s="6" t="s">
        <v>51</v>
      </c>
    </row>
    <row r="17417" spans="1:12">
      <c r="A17417" s="6" t="s">
        <v>17224</v>
      </c>
      <c r="B17417" s="6"/>
      <c r="C17417" s="6" t="s">
        <v>17449</v>
      </c>
      <c r="D17417" s="6"/>
      <c r="E17417" s="6" t="s">
        <v>9</v>
      </c>
      <c r="F17417" s="7">
        <v>38657</v>
      </c>
      <c r="G17417" s="8">
        <v>1</v>
      </c>
      <c r="H17417" s="8">
        <v>1</v>
      </c>
      <c r="I17417" s="8">
        <v>0</v>
      </c>
      <c r="J17417" s="8">
        <v>1</v>
      </c>
      <c r="K17417" s="9">
        <v>21.17</v>
      </c>
      <c r="L17417" s="6" t="s">
        <v>51</v>
      </c>
    </row>
    <row r="17418" spans="1:12">
      <c r="A17418" s="6" t="s">
        <v>17224</v>
      </c>
      <c r="B17418" s="6"/>
      <c r="C17418" s="6" t="s">
        <v>17450</v>
      </c>
      <c r="D17418" s="6"/>
      <c r="E17418" s="6" t="s">
        <v>9</v>
      </c>
      <c r="F17418" s="7">
        <v>38657</v>
      </c>
      <c r="G17418" s="8">
        <v>1</v>
      </c>
      <c r="H17418" s="8">
        <v>1</v>
      </c>
      <c r="I17418" s="8">
        <v>0</v>
      </c>
      <c r="J17418" s="8">
        <v>1</v>
      </c>
      <c r="K17418" s="9">
        <v>69</v>
      </c>
      <c r="L17418" s="6" t="s">
        <v>51</v>
      </c>
    </row>
    <row r="17419" spans="1:12">
      <c r="A17419" s="6" t="s">
        <v>17224</v>
      </c>
      <c r="B17419" s="6"/>
      <c r="C17419" s="6" t="s">
        <v>17451</v>
      </c>
      <c r="D17419" s="6"/>
      <c r="E17419" s="6" t="s">
        <v>9</v>
      </c>
      <c r="F17419" s="7">
        <v>38657</v>
      </c>
      <c r="G17419" s="8">
        <v>1</v>
      </c>
      <c r="H17419" s="8">
        <v>1</v>
      </c>
      <c r="I17419" s="8">
        <v>0</v>
      </c>
      <c r="J17419" s="8">
        <v>1</v>
      </c>
      <c r="K17419" s="9">
        <v>3.3</v>
      </c>
      <c r="L17419" s="6" t="s">
        <v>51</v>
      </c>
    </row>
    <row r="17420" spans="1:12">
      <c r="A17420" s="6" t="s">
        <v>17224</v>
      </c>
      <c r="B17420" s="6"/>
      <c r="C17420" s="6" t="s">
        <v>17452</v>
      </c>
      <c r="D17420" s="6"/>
      <c r="E17420" s="6" t="s">
        <v>9</v>
      </c>
      <c r="F17420" s="7">
        <v>38657</v>
      </c>
      <c r="G17420" s="8">
        <v>1</v>
      </c>
      <c r="H17420" s="8">
        <v>1</v>
      </c>
      <c r="I17420" s="8">
        <v>0</v>
      </c>
      <c r="J17420" s="8">
        <v>1</v>
      </c>
      <c r="K17420" s="9">
        <v>29</v>
      </c>
      <c r="L17420" s="6" t="s">
        <v>51</v>
      </c>
    </row>
    <row r="17421" spans="1:12">
      <c r="A17421" s="6" t="s">
        <v>17224</v>
      </c>
      <c r="B17421" s="6"/>
      <c r="C17421" s="6" t="s">
        <v>17453</v>
      </c>
      <c r="D17421" s="6"/>
      <c r="E17421" s="6" t="s">
        <v>9</v>
      </c>
      <c r="F17421" s="7">
        <v>38657</v>
      </c>
      <c r="G17421" s="8">
        <v>1</v>
      </c>
      <c r="H17421" s="8">
        <v>1</v>
      </c>
      <c r="I17421" s="8">
        <v>0</v>
      </c>
      <c r="J17421" s="8">
        <v>1</v>
      </c>
      <c r="K17421" s="9">
        <v>132</v>
      </c>
      <c r="L17421" s="6" t="s">
        <v>51</v>
      </c>
    </row>
    <row r="17422" spans="1:12">
      <c r="A17422" s="6" t="s">
        <v>17224</v>
      </c>
      <c r="B17422" s="6"/>
      <c r="C17422" s="6" t="s">
        <v>17454</v>
      </c>
      <c r="D17422" s="6"/>
      <c r="E17422" s="6" t="s">
        <v>9</v>
      </c>
      <c r="F17422" s="7">
        <v>38657</v>
      </c>
      <c r="G17422" s="8">
        <v>1</v>
      </c>
      <c r="H17422" s="8">
        <v>1</v>
      </c>
      <c r="I17422" s="8">
        <v>0</v>
      </c>
      <c r="J17422" s="8">
        <v>1</v>
      </c>
      <c r="K17422" s="9">
        <v>491</v>
      </c>
      <c r="L17422" s="6" t="s">
        <v>51</v>
      </c>
    </row>
    <row r="17423" spans="1:12">
      <c r="A17423" s="6" t="s">
        <v>17224</v>
      </c>
      <c r="B17423" s="6"/>
      <c r="C17423" s="6" t="s">
        <v>17455</v>
      </c>
      <c r="D17423" s="6"/>
      <c r="E17423" s="6" t="s">
        <v>9</v>
      </c>
      <c r="F17423" s="7">
        <v>38657</v>
      </c>
      <c r="G17423" s="8">
        <v>1</v>
      </c>
      <c r="H17423" s="8">
        <v>1</v>
      </c>
      <c r="I17423" s="8">
        <v>0</v>
      </c>
      <c r="J17423" s="8">
        <v>1</v>
      </c>
      <c r="K17423" s="9">
        <v>10</v>
      </c>
      <c r="L17423" s="6" t="s">
        <v>51</v>
      </c>
    </row>
    <row r="17424" spans="1:12">
      <c r="A17424" s="6" t="s">
        <v>17224</v>
      </c>
      <c r="B17424" s="6"/>
      <c r="C17424" s="6" t="s">
        <v>17456</v>
      </c>
      <c r="D17424" s="6"/>
      <c r="E17424" s="6" t="s">
        <v>9</v>
      </c>
      <c r="F17424" s="7">
        <v>38657</v>
      </c>
      <c r="G17424" s="8">
        <v>1</v>
      </c>
      <c r="H17424" s="8">
        <v>1</v>
      </c>
      <c r="I17424" s="8">
        <v>0</v>
      </c>
      <c r="J17424" s="8">
        <v>1</v>
      </c>
      <c r="K17424" s="9">
        <v>138</v>
      </c>
      <c r="L17424" s="6" t="s">
        <v>51</v>
      </c>
    </row>
    <row r="17425" spans="1:12">
      <c r="A17425" s="6" t="s">
        <v>17224</v>
      </c>
      <c r="B17425" s="6"/>
      <c r="C17425" s="6" t="s">
        <v>17457</v>
      </c>
      <c r="D17425" s="6"/>
      <c r="E17425" s="6" t="s">
        <v>9</v>
      </c>
      <c r="F17425" s="7">
        <v>38657</v>
      </c>
      <c r="G17425" s="8">
        <v>1</v>
      </c>
      <c r="H17425" s="8">
        <v>1</v>
      </c>
      <c r="I17425" s="8">
        <v>0</v>
      </c>
      <c r="J17425" s="8">
        <v>1</v>
      </c>
      <c r="K17425" s="9">
        <v>13</v>
      </c>
      <c r="L17425" s="6" t="s">
        <v>51</v>
      </c>
    </row>
    <row r="17426" spans="1:12">
      <c r="A17426" s="6" t="s">
        <v>17224</v>
      </c>
      <c r="B17426" s="6"/>
      <c r="C17426" s="6" t="s">
        <v>17458</v>
      </c>
      <c r="D17426" s="6"/>
      <c r="E17426" s="6" t="s">
        <v>9</v>
      </c>
      <c r="F17426" s="7">
        <v>38657</v>
      </c>
      <c r="G17426" s="8">
        <v>1</v>
      </c>
      <c r="H17426" s="8">
        <v>1</v>
      </c>
      <c r="I17426" s="8">
        <v>0</v>
      </c>
      <c r="J17426" s="8">
        <v>1</v>
      </c>
      <c r="K17426" s="9">
        <v>21</v>
      </c>
      <c r="L17426" s="6" t="s">
        <v>51</v>
      </c>
    </row>
    <row r="17427" spans="1:12">
      <c r="A17427" s="6" t="s">
        <v>17224</v>
      </c>
      <c r="B17427" s="6"/>
      <c r="C17427" s="6" t="s">
        <v>17459</v>
      </c>
      <c r="D17427" s="6"/>
      <c r="E17427" s="6" t="s">
        <v>9</v>
      </c>
      <c r="F17427" s="7">
        <v>38657</v>
      </c>
      <c r="G17427" s="8">
        <v>1</v>
      </c>
      <c r="H17427" s="8">
        <v>1</v>
      </c>
      <c r="I17427" s="8">
        <v>0</v>
      </c>
      <c r="J17427" s="8">
        <v>1</v>
      </c>
      <c r="K17427" s="9">
        <v>13</v>
      </c>
      <c r="L17427" s="6" t="s">
        <v>51</v>
      </c>
    </row>
    <row r="17428" spans="1:12">
      <c r="A17428" s="6" t="s">
        <v>17224</v>
      </c>
      <c r="B17428" s="6"/>
      <c r="C17428" s="6" t="s">
        <v>17460</v>
      </c>
      <c r="D17428" s="6"/>
      <c r="E17428" s="6" t="s">
        <v>9</v>
      </c>
      <c r="F17428" s="7">
        <v>38657</v>
      </c>
      <c r="G17428" s="8">
        <v>1</v>
      </c>
      <c r="H17428" s="8">
        <v>1</v>
      </c>
      <c r="I17428" s="8">
        <v>0</v>
      </c>
      <c r="J17428" s="8">
        <v>1</v>
      </c>
      <c r="K17428" s="9">
        <v>1.33</v>
      </c>
      <c r="L17428" s="6" t="s">
        <v>51</v>
      </c>
    </row>
    <row r="17429" spans="1:12">
      <c r="A17429" s="6" t="s">
        <v>17224</v>
      </c>
      <c r="B17429" s="6"/>
      <c r="C17429" s="6" t="s">
        <v>17461</v>
      </c>
      <c r="D17429" s="6"/>
      <c r="E17429" s="6" t="s">
        <v>9</v>
      </c>
      <c r="F17429" s="7">
        <v>38657</v>
      </c>
      <c r="G17429" s="8">
        <v>1</v>
      </c>
      <c r="H17429" s="8">
        <v>1</v>
      </c>
      <c r="I17429" s="8">
        <v>0</v>
      </c>
      <c r="J17429" s="8">
        <v>1</v>
      </c>
      <c r="K17429" s="9">
        <v>49</v>
      </c>
      <c r="L17429" s="6" t="s">
        <v>51</v>
      </c>
    </row>
    <row r="17430" spans="1:12">
      <c r="A17430" s="6" t="s">
        <v>17224</v>
      </c>
      <c r="B17430" s="6"/>
      <c r="C17430" s="6" t="s">
        <v>17462</v>
      </c>
      <c r="D17430" s="6"/>
      <c r="E17430" s="6" t="s">
        <v>9</v>
      </c>
      <c r="F17430" s="7">
        <v>38657</v>
      </c>
      <c r="G17430" s="8">
        <v>1</v>
      </c>
      <c r="H17430" s="8">
        <v>1</v>
      </c>
      <c r="I17430" s="8">
        <v>0</v>
      </c>
      <c r="J17430" s="8">
        <v>1</v>
      </c>
      <c r="K17430" s="9">
        <v>13</v>
      </c>
      <c r="L17430" s="6" t="s">
        <v>51</v>
      </c>
    </row>
    <row r="17431" spans="1:12">
      <c r="A17431" s="6" t="s">
        <v>17224</v>
      </c>
      <c r="B17431" s="6"/>
      <c r="C17431" s="6" t="s">
        <v>17463</v>
      </c>
      <c r="D17431" s="6"/>
      <c r="E17431" s="6" t="s">
        <v>9</v>
      </c>
      <c r="F17431" s="7">
        <v>38657</v>
      </c>
      <c r="G17431" s="8">
        <v>1</v>
      </c>
      <c r="H17431" s="8">
        <v>1</v>
      </c>
      <c r="I17431" s="8">
        <v>0</v>
      </c>
      <c r="J17431" s="8">
        <v>1</v>
      </c>
      <c r="K17431" s="9">
        <v>13</v>
      </c>
      <c r="L17431" s="6" t="s">
        <v>51</v>
      </c>
    </row>
    <row r="17432" spans="1:12">
      <c r="A17432" s="6" t="s">
        <v>17224</v>
      </c>
      <c r="B17432" s="6"/>
      <c r="C17432" s="6" t="s">
        <v>17464</v>
      </c>
      <c r="D17432" s="6"/>
      <c r="E17432" s="6" t="s">
        <v>9</v>
      </c>
      <c r="F17432" s="7">
        <v>38657</v>
      </c>
      <c r="G17432" s="8">
        <v>1</v>
      </c>
      <c r="H17432" s="8">
        <v>1</v>
      </c>
      <c r="I17432" s="8">
        <v>0</v>
      </c>
      <c r="J17432" s="8">
        <v>1</v>
      </c>
      <c r="K17432" s="9">
        <v>19</v>
      </c>
      <c r="L17432" s="6" t="s">
        <v>51</v>
      </c>
    </row>
    <row r="17433" spans="1:12">
      <c r="A17433" s="6" t="s">
        <v>17224</v>
      </c>
      <c r="B17433" s="6"/>
      <c r="C17433" s="6" t="s">
        <v>17465</v>
      </c>
      <c r="D17433" s="6"/>
      <c r="E17433" s="6" t="s">
        <v>9</v>
      </c>
      <c r="F17433" s="7">
        <v>38657</v>
      </c>
      <c r="G17433" s="8">
        <v>1</v>
      </c>
      <c r="H17433" s="8">
        <v>1</v>
      </c>
      <c r="I17433" s="8">
        <v>0</v>
      </c>
      <c r="J17433" s="8">
        <v>1</v>
      </c>
      <c r="K17433" s="9">
        <v>11</v>
      </c>
      <c r="L17433" s="6" t="s">
        <v>51</v>
      </c>
    </row>
    <row r="17434" spans="1:12">
      <c r="A17434" s="6" t="s">
        <v>17224</v>
      </c>
      <c r="B17434" s="6"/>
      <c r="C17434" s="6" t="s">
        <v>17466</v>
      </c>
      <c r="D17434" s="6"/>
      <c r="E17434" s="6" t="s">
        <v>9</v>
      </c>
      <c r="F17434" s="7">
        <v>38657</v>
      </c>
      <c r="G17434" s="8">
        <v>1</v>
      </c>
      <c r="H17434" s="8">
        <v>1</v>
      </c>
      <c r="I17434" s="8">
        <v>0</v>
      </c>
      <c r="J17434" s="8">
        <v>1</v>
      </c>
      <c r="K17434" s="9">
        <v>9.91</v>
      </c>
      <c r="L17434" s="6" t="s">
        <v>51</v>
      </c>
    </row>
    <row r="17435" spans="1:12">
      <c r="A17435" s="6" t="s">
        <v>17224</v>
      </c>
      <c r="B17435" s="6"/>
      <c r="C17435" s="6" t="s">
        <v>17467</v>
      </c>
      <c r="D17435" s="6"/>
      <c r="E17435" s="6" t="s">
        <v>9</v>
      </c>
      <c r="F17435" s="7">
        <v>38657</v>
      </c>
      <c r="G17435" s="8">
        <v>1</v>
      </c>
      <c r="H17435" s="8">
        <v>1</v>
      </c>
      <c r="I17435" s="8">
        <v>0</v>
      </c>
      <c r="J17435" s="8">
        <v>1</v>
      </c>
      <c r="K17435" s="9">
        <v>9.91</v>
      </c>
      <c r="L17435" s="6" t="s">
        <v>51</v>
      </c>
    </row>
    <row r="17436" spans="1:12">
      <c r="A17436" s="6" t="s">
        <v>17224</v>
      </c>
      <c r="B17436" s="6"/>
      <c r="C17436" s="6" t="s">
        <v>17468</v>
      </c>
      <c r="D17436" s="6"/>
      <c r="E17436" s="6" t="s">
        <v>9</v>
      </c>
      <c r="F17436" s="7">
        <v>38657</v>
      </c>
      <c r="G17436" s="8">
        <v>1</v>
      </c>
      <c r="H17436" s="8">
        <v>1</v>
      </c>
      <c r="I17436" s="8">
        <v>0</v>
      </c>
      <c r="J17436" s="8">
        <v>1</v>
      </c>
      <c r="K17436" s="9">
        <v>85</v>
      </c>
      <c r="L17436" s="6" t="s">
        <v>51</v>
      </c>
    </row>
    <row r="17437" spans="1:12">
      <c r="A17437" s="6" t="s">
        <v>17224</v>
      </c>
      <c r="B17437" s="6"/>
      <c r="C17437" s="6" t="s">
        <v>17469</v>
      </c>
      <c r="D17437" s="6"/>
      <c r="E17437" s="6" t="s">
        <v>9</v>
      </c>
      <c r="F17437" s="7">
        <v>38657</v>
      </c>
      <c r="G17437" s="8">
        <v>1</v>
      </c>
      <c r="H17437" s="8">
        <v>1</v>
      </c>
      <c r="I17437" s="8">
        <v>0</v>
      </c>
      <c r="J17437" s="8">
        <v>1</v>
      </c>
      <c r="K17437" s="9">
        <v>42</v>
      </c>
      <c r="L17437" s="6" t="s">
        <v>51</v>
      </c>
    </row>
    <row r="17438" spans="1:12">
      <c r="A17438" s="6" t="s">
        <v>17224</v>
      </c>
      <c r="B17438" s="6"/>
      <c r="C17438" s="6" t="s">
        <v>17470</v>
      </c>
      <c r="D17438" s="6"/>
      <c r="E17438" s="6" t="s">
        <v>9</v>
      </c>
      <c r="F17438" s="7">
        <v>38657</v>
      </c>
      <c r="G17438" s="8">
        <v>1</v>
      </c>
      <c r="H17438" s="8">
        <v>1</v>
      </c>
      <c r="I17438" s="8">
        <v>0</v>
      </c>
      <c r="J17438" s="8">
        <v>1</v>
      </c>
      <c r="K17438" s="9">
        <v>164</v>
      </c>
      <c r="L17438" s="6" t="s">
        <v>51</v>
      </c>
    </row>
    <row r="17439" spans="1:12">
      <c r="A17439" s="6" t="s">
        <v>17224</v>
      </c>
      <c r="B17439" s="6"/>
      <c r="C17439" s="6" t="s">
        <v>17471</v>
      </c>
      <c r="D17439" s="6"/>
      <c r="E17439" s="6" t="s">
        <v>9</v>
      </c>
      <c r="F17439" s="7">
        <v>38657</v>
      </c>
      <c r="G17439" s="8">
        <v>1</v>
      </c>
      <c r="H17439" s="8">
        <v>1</v>
      </c>
      <c r="I17439" s="8">
        <v>0</v>
      </c>
      <c r="J17439" s="8">
        <v>1</v>
      </c>
      <c r="K17439" s="9">
        <v>30</v>
      </c>
      <c r="L17439" s="6" t="s">
        <v>51</v>
      </c>
    </row>
    <row r="17440" spans="1:12">
      <c r="A17440" s="6" t="s">
        <v>17224</v>
      </c>
      <c r="B17440" s="6"/>
      <c r="C17440" s="6" t="s">
        <v>17472</v>
      </c>
      <c r="D17440" s="6"/>
      <c r="E17440" s="6" t="s">
        <v>9</v>
      </c>
      <c r="F17440" s="7">
        <v>38657</v>
      </c>
      <c r="G17440" s="8">
        <v>1</v>
      </c>
      <c r="H17440" s="8">
        <v>1</v>
      </c>
      <c r="I17440" s="8">
        <v>0</v>
      </c>
      <c r="J17440" s="8">
        <v>1</v>
      </c>
      <c r="K17440" s="9">
        <v>0.56000000000000005</v>
      </c>
      <c r="L17440" s="6" t="s">
        <v>51</v>
      </c>
    </row>
    <row r="17441" spans="1:12">
      <c r="A17441" s="6" t="s">
        <v>17224</v>
      </c>
      <c r="B17441" s="6"/>
      <c r="C17441" s="6" t="s">
        <v>17473</v>
      </c>
      <c r="D17441" s="6"/>
      <c r="E17441" s="6" t="s">
        <v>9</v>
      </c>
      <c r="F17441" s="7">
        <v>38657</v>
      </c>
      <c r="G17441" s="8">
        <v>1</v>
      </c>
      <c r="H17441" s="8">
        <v>1</v>
      </c>
      <c r="I17441" s="8">
        <v>0</v>
      </c>
      <c r="J17441" s="8">
        <v>1</v>
      </c>
      <c r="K17441" s="9">
        <v>80.150000000000006</v>
      </c>
      <c r="L17441" s="6" t="s">
        <v>51</v>
      </c>
    </row>
    <row r="17442" spans="1:12">
      <c r="A17442" s="6" t="s">
        <v>17224</v>
      </c>
      <c r="B17442" s="6"/>
      <c r="C17442" s="6" t="s">
        <v>17474</v>
      </c>
      <c r="D17442" s="6"/>
      <c r="E17442" s="6" t="s">
        <v>9</v>
      </c>
      <c r="F17442" s="7">
        <v>38657</v>
      </c>
      <c r="G17442" s="8">
        <v>1</v>
      </c>
      <c r="H17442" s="8">
        <v>1</v>
      </c>
      <c r="I17442" s="8">
        <v>0</v>
      </c>
      <c r="J17442" s="8">
        <v>1</v>
      </c>
      <c r="K17442" s="9">
        <v>19.829999999999899</v>
      </c>
      <c r="L17442" s="6" t="s">
        <v>51</v>
      </c>
    </row>
    <row r="17443" spans="1:12">
      <c r="A17443" s="6" t="s">
        <v>17224</v>
      </c>
      <c r="B17443" s="6"/>
      <c r="C17443" s="6" t="s">
        <v>17475</v>
      </c>
      <c r="D17443" s="6"/>
      <c r="E17443" s="6" t="s">
        <v>9</v>
      </c>
      <c r="F17443" s="7">
        <v>38657</v>
      </c>
      <c r="G17443" s="8">
        <v>1</v>
      </c>
      <c r="H17443" s="8">
        <v>1</v>
      </c>
      <c r="I17443" s="8">
        <v>0</v>
      </c>
      <c r="J17443" s="8">
        <v>1</v>
      </c>
      <c r="K17443" s="9">
        <v>39.9</v>
      </c>
      <c r="L17443" s="6" t="s">
        <v>51</v>
      </c>
    </row>
    <row r="17444" spans="1:12">
      <c r="A17444" s="6" t="s">
        <v>17224</v>
      </c>
      <c r="B17444" s="6"/>
      <c r="C17444" s="6" t="s">
        <v>17476</v>
      </c>
      <c r="D17444" s="6"/>
      <c r="E17444" s="6" t="s">
        <v>9</v>
      </c>
      <c r="F17444" s="7">
        <v>38657</v>
      </c>
      <c r="G17444" s="8">
        <v>1</v>
      </c>
      <c r="H17444" s="8">
        <v>1</v>
      </c>
      <c r="I17444" s="8">
        <v>0</v>
      </c>
      <c r="J17444" s="8">
        <v>1</v>
      </c>
      <c r="K17444" s="9">
        <v>142.66999999999899</v>
      </c>
      <c r="L17444" s="6" t="s">
        <v>51</v>
      </c>
    </row>
    <row r="17445" spans="1:12">
      <c r="A17445" s="6" t="s">
        <v>17224</v>
      </c>
      <c r="B17445" s="6"/>
      <c r="C17445" s="6" t="s">
        <v>17477</v>
      </c>
      <c r="D17445" s="6"/>
      <c r="E17445" s="6" t="s">
        <v>9</v>
      </c>
      <c r="F17445" s="7">
        <v>38657</v>
      </c>
      <c r="G17445" s="8">
        <v>1</v>
      </c>
      <c r="H17445" s="8">
        <v>1</v>
      </c>
      <c r="I17445" s="8">
        <v>0</v>
      </c>
      <c r="J17445" s="8">
        <v>1</v>
      </c>
      <c r="K17445" s="9">
        <v>3.3</v>
      </c>
      <c r="L17445" s="6" t="s">
        <v>51</v>
      </c>
    </row>
    <row r="17446" spans="1:12">
      <c r="A17446" s="6" t="s">
        <v>17224</v>
      </c>
      <c r="B17446" s="6"/>
      <c r="C17446" s="6" t="s">
        <v>17478</v>
      </c>
      <c r="D17446" s="6"/>
      <c r="E17446" s="6" t="s">
        <v>9</v>
      </c>
      <c r="F17446" s="7">
        <v>38657</v>
      </c>
      <c r="G17446" s="8">
        <v>1</v>
      </c>
      <c r="H17446" s="8">
        <v>1</v>
      </c>
      <c r="I17446" s="8">
        <v>0</v>
      </c>
      <c r="J17446" s="8">
        <v>1</v>
      </c>
      <c r="K17446" s="9">
        <v>25.43</v>
      </c>
      <c r="L17446" s="6" t="s">
        <v>51</v>
      </c>
    </row>
    <row r="17447" spans="1:12">
      <c r="A17447" s="6" t="s">
        <v>17224</v>
      </c>
      <c r="B17447" s="6"/>
      <c r="C17447" s="6" t="s">
        <v>17479</v>
      </c>
      <c r="D17447" s="6"/>
      <c r="E17447" s="6" t="s">
        <v>9</v>
      </c>
      <c r="F17447" s="7">
        <v>38657</v>
      </c>
      <c r="G17447" s="8">
        <v>1</v>
      </c>
      <c r="H17447" s="8">
        <v>1</v>
      </c>
      <c r="I17447" s="8">
        <v>0</v>
      </c>
      <c r="J17447" s="8">
        <v>1</v>
      </c>
      <c r="K17447" s="9">
        <v>43</v>
      </c>
      <c r="L17447" s="6" t="s">
        <v>51</v>
      </c>
    </row>
    <row r="17448" spans="1:12">
      <c r="A17448" s="6" t="s">
        <v>17224</v>
      </c>
      <c r="B17448" s="6"/>
      <c r="C17448" s="6" t="s">
        <v>17480</v>
      </c>
      <c r="D17448" s="6"/>
      <c r="E17448" s="6" t="s">
        <v>9</v>
      </c>
      <c r="F17448" s="7">
        <v>38657</v>
      </c>
      <c r="G17448" s="8">
        <v>1</v>
      </c>
      <c r="H17448" s="8">
        <v>1</v>
      </c>
      <c r="I17448" s="8">
        <v>0</v>
      </c>
      <c r="J17448" s="8">
        <v>1</v>
      </c>
      <c r="K17448" s="9">
        <v>687.57</v>
      </c>
      <c r="L17448" s="6" t="s">
        <v>51</v>
      </c>
    </row>
    <row r="17449" spans="1:12">
      <c r="A17449" s="6" t="s">
        <v>17224</v>
      </c>
      <c r="B17449" s="6"/>
      <c r="C17449" s="6" t="s">
        <v>17481</v>
      </c>
      <c r="D17449" s="6"/>
      <c r="E17449" s="6" t="s">
        <v>9</v>
      </c>
      <c r="F17449" s="7">
        <v>38657</v>
      </c>
      <c r="G17449" s="8">
        <v>1</v>
      </c>
      <c r="H17449" s="8">
        <v>1</v>
      </c>
      <c r="I17449" s="8">
        <v>0</v>
      </c>
      <c r="J17449" s="8">
        <v>1</v>
      </c>
      <c r="K17449" s="9">
        <v>42</v>
      </c>
      <c r="L17449" s="6" t="s">
        <v>51</v>
      </c>
    </row>
    <row r="17450" spans="1:12">
      <c r="A17450" s="6" t="s">
        <v>17224</v>
      </c>
      <c r="B17450" s="6"/>
      <c r="C17450" s="6" t="s">
        <v>17482</v>
      </c>
      <c r="D17450" s="6"/>
      <c r="E17450" s="6" t="s">
        <v>9</v>
      </c>
      <c r="F17450" s="7">
        <v>38657</v>
      </c>
      <c r="G17450" s="8">
        <v>1</v>
      </c>
      <c r="H17450" s="8">
        <v>1</v>
      </c>
      <c r="I17450" s="8">
        <v>0</v>
      </c>
      <c r="J17450" s="8">
        <v>1</v>
      </c>
      <c r="K17450" s="9">
        <v>84</v>
      </c>
      <c r="L17450" s="6" t="s">
        <v>51</v>
      </c>
    </row>
    <row r="17451" spans="1:12">
      <c r="A17451" s="6" t="s">
        <v>17224</v>
      </c>
      <c r="B17451" s="6"/>
      <c r="C17451" s="6" t="s">
        <v>17483</v>
      </c>
      <c r="D17451" s="6"/>
      <c r="E17451" s="6" t="s">
        <v>9</v>
      </c>
      <c r="F17451" s="7">
        <v>38657</v>
      </c>
      <c r="G17451" s="8">
        <v>1</v>
      </c>
      <c r="H17451" s="8">
        <v>1</v>
      </c>
      <c r="I17451" s="8">
        <v>0</v>
      </c>
      <c r="J17451" s="8">
        <v>1</v>
      </c>
      <c r="K17451" s="9">
        <v>236</v>
      </c>
      <c r="L17451" s="6" t="s">
        <v>51</v>
      </c>
    </row>
    <row r="17452" spans="1:12">
      <c r="A17452" s="6" t="s">
        <v>17224</v>
      </c>
      <c r="B17452" s="6"/>
      <c r="C17452" s="6" t="s">
        <v>17484</v>
      </c>
      <c r="D17452" s="6"/>
      <c r="E17452" s="6" t="s">
        <v>9</v>
      </c>
      <c r="F17452" s="7">
        <v>38657</v>
      </c>
      <c r="G17452" s="8">
        <v>1</v>
      </c>
      <c r="H17452" s="8">
        <v>1</v>
      </c>
      <c r="I17452" s="8">
        <v>0</v>
      </c>
      <c r="J17452" s="8">
        <v>1</v>
      </c>
      <c r="K17452" s="9">
        <v>3.18</v>
      </c>
      <c r="L17452" s="6" t="s">
        <v>51</v>
      </c>
    </row>
    <row r="17453" spans="1:12">
      <c r="A17453" s="6" t="s">
        <v>17224</v>
      </c>
      <c r="B17453" s="6"/>
      <c r="C17453" s="6" t="s">
        <v>17485</v>
      </c>
      <c r="D17453" s="6"/>
      <c r="E17453" s="6" t="s">
        <v>9</v>
      </c>
      <c r="F17453" s="7">
        <v>38657</v>
      </c>
      <c r="G17453" s="8">
        <v>1</v>
      </c>
      <c r="H17453" s="8">
        <v>1</v>
      </c>
      <c r="I17453" s="8">
        <v>0</v>
      </c>
      <c r="J17453" s="8">
        <v>1</v>
      </c>
      <c r="K17453" s="9">
        <v>233</v>
      </c>
      <c r="L17453" s="6" t="s">
        <v>51</v>
      </c>
    </row>
    <row r="17454" spans="1:12">
      <c r="A17454" s="6" t="s">
        <v>17224</v>
      </c>
      <c r="B17454" s="6"/>
      <c r="C17454" s="6" t="s">
        <v>17486</v>
      </c>
      <c r="D17454" s="6"/>
      <c r="E17454" s="6" t="s">
        <v>9</v>
      </c>
      <c r="F17454" s="7">
        <v>38657</v>
      </c>
      <c r="G17454" s="8">
        <v>1</v>
      </c>
      <c r="H17454" s="8">
        <v>1</v>
      </c>
      <c r="I17454" s="8">
        <v>0</v>
      </c>
      <c r="J17454" s="8">
        <v>1</v>
      </c>
      <c r="K17454" s="9">
        <v>60</v>
      </c>
      <c r="L17454" s="6" t="s">
        <v>51</v>
      </c>
    </row>
    <row r="17455" spans="1:12">
      <c r="A17455" s="6" t="s">
        <v>17224</v>
      </c>
      <c r="B17455" s="6"/>
      <c r="C17455" s="6" t="s">
        <v>17487</v>
      </c>
      <c r="D17455" s="6"/>
      <c r="E17455" s="6" t="s">
        <v>9</v>
      </c>
      <c r="F17455" s="7">
        <v>38657</v>
      </c>
      <c r="G17455" s="8">
        <v>1</v>
      </c>
      <c r="H17455" s="8">
        <v>1</v>
      </c>
      <c r="I17455" s="8">
        <v>0</v>
      </c>
      <c r="J17455" s="8">
        <v>1</v>
      </c>
      <c r="K17455" s="9">
        <v>22</v>
      </c>
      <c r="L17455" s="6" t="s">
        <v>51</v>
      </c>
    </row>
    <row r="17456" spans="1:12">
      <c r="A17456" s="6" t="s">
        <v>17224</v>
      </c>
      <c r="B17456" s="6"/>
      <c r="C17456" s="6" t="s">
        <v>17488</v>
      </c>
      <c r="D17456" s="6"/>
      <c r="E17456" s="6" t="s">
        <v>9</v>
      </c>
      <c r="F17456" s="7">
        <v>38657</v>
      </c>
      <c r="G17456" s="8">
        <v>1</v>
      </c>
      <c r="H17456" s="8">
        <v>1</v>
      </c>
      <c r="I17456" s="8">
        <v>0</v>
      </c>
      <c r="J17456" s="8">
        <v>1</v>
      </c>
      <c r="K17456" s="9">
        <v>20</v>
      </c>
      <c r="L17456" s="6" t="s">
        <v>51</v>
      </c>
    </row>
    <row r="17457" spans="1:12">
      <c r="A17457" s="6" t="s">
        <v>17224</v>
      </c>
      <c r="B17457" s="6"/>
      <c r="C17457" s="6" t="s">
        <v>17489</v>
      </c>
      <c r="D17457" s="6"/>
      <c r="E17457" s="6" t="s">
        <v>9</v>
      </c>
      <c r="F17457" s="7">
        <v>38657</v>
      </c>
      <c r="G17457" s="8">
        <v>1</v>
      </c>
      <c r="H17457" s="8">
        <v>1</v>
      </c>
      <c r="I17457" s="8">
        <v>0</v>
      </c>
      <c r="J17457" s="8">
        <v>1</v>
      </c>
      <c r="K17457" s="9">
        <v>40</v>
      </c>
      <c r="L17457" s="6" t="s">
        <v>51</v>
      </c>
    </row>
    <row r="17458" spans="1:12">
      <c r="A17458" s="6" t="s">
        <v>17224</v>
      </c>
      <c r="B17458" s="6"/>
      <c r="C17458" s="6" t="s">
        <v>17490</v>
      </c>
      <c r="D17458" s="6"/>
      <c r="E17458" s="6" t="s">
        <v>9</v>
      </c>
      <c r="F17458" s="7">
        <v>38657</v>
      </c>
      <c r="G17458" s="8">
        <v>1</v>
      </c>
      <c r="H17458" s="8">
        <v>1</v>
      </c>
      <c r="I17458" s="8">
        <v>0</v>
      </c>
      <c r="J17458" s="8">
        <v>1</v>
      </c>
      <c r="K17458" s="9">
        <v>44</v>
      </c>
      <c r="L17458" s="6" t="s">
        <v>51</v>
      </c>
    </row>
    <row r="17459" spans="1:12">
      <c r="A17459" s="6" t="s">
        <v>17224</v>
      </c>
      <c r="B17459" s="6"/>
      <c r="C17459" s="6" t="s">
        <v>17491</v>
      </c>
      <c r="D17459" s="6"/>
      <c r="E17459" s="6" t="s">
        <v>9</v>
      </c>
      <c r="F17459" s="7">
        <v>38657</v>
      </c>
      <c r="G17459" s="8">
        <v>1</v>
      </c>
      <c r="H17459" s="8">
        <v>1</v>
      </c>
      <c r="I17459" s="8">
        <v>0</v>
      </c>
      <c r="J17459" s="8">
        <v>1</v>
      </c>
      <c r="K17459" s="9">
        <v>10</v>
      </c>
      <c r="L17459" s="6" t="s">
        <v>51</v>
      </c>
    </row>
    <row r="17460" spans="1:12">
      <c r="A17460" s="6" t="s">
        <v>17224</v>
      </c>
      <c r="B17460" s="6"/>
      <c r="C17460" s="6" t="s">
        <v>17492</v>
      </c>
      <c r="D17460" s="6"/>
      <c r="E17460" s="6" t="s">
        <v>9</v>
      </c>
      <c r="F17460" s="7">
        <v>38657</v>
      </c>
      <c r="G17460" s="8">
        <v>1</v>
      </c>
      <c r="H17460" s="8">
        <v>1</v>
      </c>
      <c r="I17460" s="8">
        <v>0</v>
      </c>
      <c r="J17460" s="8">
        <v>1</v>
      </c>
      <c r="K17460" s="9">
        <v>6</v>
      </c>
      <c r="L17460" s="6" t="s">
        <v>51</v>
      </c>
    </row>
    <row r="17461" spans="1:12">
      <c r="A17461" s="6" t="s">
        <v>17224</v>
      </c>
      <c r="B17461" s="6"/>
      <c r="C17461" s="6" t="s">
        <v>17493</v>
      </c>
      <c r="D17461" s="6"/>
      <c r="E17461" s="6" t="s">
        <v>9</v>
      </c>
      <c r="F17461" s="7">
        <v>38657</v>
      </c>
      <c r="G17461" s="8">
        <v>1</v>
      </c>
      <c r="H17461" s="8">
        <v>1</v>
      </c>
      <c r="I17461" s="8">
        <v>0</v>
      </c>
      <c r="J17461" s="8">
        <v>1</v>
      </c>
      <c r="K17461" s="9">
        <v>13</v>
      </c>
      <c r="L17461" s="6" t="s">
        <v>51</v>
      </c>
    </row>
    <row r="17462" spans="1:12">
      <c r="A17462" s="6" t="s">
        <v>17224</v>
      </c>
      <c r="B17462" s="6"/>
      <c r="C17462" s="6" t="s">
        <v>17494</v>
      </c>
      <c r="D17462" s="6"/>
      <c r="E17462" s="6" t="s">
        <v>9</v>
      </c>
      <c r="F17462" s="7">
        <v>38657</v>
      </c>
      <c r="G17462" s="8">
        <v>1</v>
      </c>
      <c r="H17462" s="8">
        <v>1</v>
      </c>
      <c r="I17462" s="8">
        <v>0</v>
      </c>
      <c r="J17462" s="8">
        <v>1</v>
      </c>
      <c r="K17462" s="9">
        <v>14</v>
      </c>
      <c r="L17462" s="6" t="s">
        <v>51</v>
      </c>
    </row>
    <row r="17463" spans="1:12">
      <c r="A17463" s="6" t="s">
        <v>17224</v>
      </c>
      <c r="B17463" s="6"/>
      <c r="C17463" s="6" t="s">
        <v>17495</v>
      </c>
      <c r="D17463" s="6"/>
      <c r="E17463" s="6" t="s">
        <v>9</v>
      </c>
      <c r="F17463" s="7">
        <v>38657</v>
      </c>
      <c r="G17463" s="8">
        <v>1</v>
      </c>
      <c r="H17463" s="8">
        <v>1</v>
      </c>
      <c r="I17463" s="8">
        <v>0</v>
      </c>
      <c r="J17463" s="8">
        <v>1</v>
      </c>
      <c r="K17463" s="9">
        <v>394</v>
      </c>
      <c r="L17463" s="6" t="s">
        <v>51</v>
      </c>
    </row>
    <row r="17464" spans="1:12">
      <c r="A17464" s="6" t="s">
        <v>17224</v>
      </c>
      <c r="B17464" s="6"/>
      <c r="C17464" s="6" t="s">
        <v>17496</v>
      </c>
      <c r="D17464" s="6"/>
      <c r="E17464" s="6" t="s">
        <v>9</v>
      </c>
      <c r="F17464" s="7">
        <v>38657</v>
      </c>
      <c r="G17464" s="8">
        <v>1</v>
      </c>
      <c r="H17464" s="8">
        <v>1</v>
      </c>
      <c r="I17464" s="8">
        <v>0</v>
      </c>
      <c r="J17464" s="8">
        <v>1</v>
      </c>
      <c r="K17464" s="9">
        <v>108</v>
      </c>
      <c r="L17464" s="6" t="s">
        <v>51</v>
      </c>
    </row>
    <row r="17465" spans="1:12">
      <c r="A17465" s="6" t="s">
        <v>17224</v>
      </c>
      <c r="B17465" s="6"/>
      <c r="C17465" s="6" t="s">
        <v>17497</v>
      </c>
      <c r="D17465" s="6"/>
      <c r="E17465" s="6" t="s">
        <v>9</v>
      </c>
      <c r="F17465" s="7">
        <v>38657</v>
      </c>
      <c r="G17465" s="8">
        <v>1</v>
      </c>
      <c r="H17465" s="8">
        <v>1</v>
      </c>
      <c r="I17465" s="8">
        <v>0</v>
      </c>
      <c r="J17465" s="8">
        <v>1</v>
      </c>
      <c r="K17465" s="9">
        <v>41</v>
      </c>
      <c r="L17465" s="6" t="s">
        <v>51</v>
      </c>
    </row>
    <row r="17466" spans="1:12">
      <c r="A17466" s="6" t="s">
        <v>17224</v>
      </c>
      <c r="B17466" s="6"/>
      <c r="C17466" s="6" t="s">
        <v>17498</v>
      </c>
      <c r="D17466" s="6"/>
      <c r="E17466" s="6" t="s">
        <v>9</v>
      </c>
      <c r="F17466" s="7">
        <v>38657</v>
      </c>
      <c r="G17466" s="8">
        <v>1</v>
      </c>
      <c r="H17466" s="8">
        <v>1</v>
      </c>
      <c r="I17466" s="8">
        <v>0</v>
      </c>
      <c r="J17466" s="8">
        <v>1</v>
      </c>
      <c r="K17466" s="9">
        <v>38</v>
      </c>
      <c r="L17466" s="6" t="s">
        <v>51</v>
      </c>
    </row>
    <row r="17467" spans="1:12">
      <c r="A17467" s="6" t="s">
        <v>17224</v>
      </c>
      <c r="B17467" s="6"/>
      <c r="C17467" s="6" t="s">
        <v>17499</v>
      </c>
      <c r="D17467" s="6"/>
      <c r="E17467" s="6" t="s">
        <v>9</v>
      </c>
      <c r="F17467" s="7">
        <v>38657</v>
      </c>
      <c r="G17467" s="8">
        <v>1</v>
      </c>
      <c r="H17467" s="8">
        <v>1</v>
      </c>
      <c r="I17467" s="8">
        <v>0</v>
      </c>
      <c r="J17467" s="8">
        <v>1</v>
      </c>
      <c r="K17467" s="9">
        <v>100</v>
      </c>
      <c r="L17467" s="6" t="s">
        <v>51</v>
      </c>
    </row>
    <row r="17468" spans="1:12">
      <c r="A17468" s="6" t="s">
        <v>17224</v>
      </c>
      <c r="B17468" s="6"/>
      <c r="C17468" s="6" t="s">
        <v>17500</v>
      </c>
      <c r="D17468" s="6"/>
      <c r="E17468" s="6" t="s">
        <v>9</v>
      </c>
      <c r="F17468" s="7">
        <v>41740</v>
      </c>
      <c r="G17468" s="8">
        <v>220000</v>
      </c>
      <c r="H17468" s="8">
        <v>220000</v>
      </c>
      <c r="I17468" s="8">
        <v>0</v>
      </c>
      <c r="J17468" s="8">
        <v>220000</v>
      </c>
      <c r="K17468" s="9">
        <v>22</v>
      </c>
      <c r="L17468" s="6" t="s">
        <v>10</v>
      </c>
    </row>
    <row r="17469" spans="1:12">
      <c r="A17469" s="6" t="s">
        <v>17224</v>
      </c>
      <c r="B17469" s="6"/>
      <c r="C17469" s="6" t="s">
        <v>17501</v>
      </c>
      <c r="D17469" s="6"/>
      <c r="E17469" s="6" t="s">
        <v>9</v>
      </c>
      <c r="F17469" s="7">
        <v>38657</v>
      </c>
      <c r="G17469" s="8">
        <v>1</v>
      </c>
      <c r="H17469" s="8">
        <v>1</v>
      </c>
      <c r="I17469" s="8">
        <v>0</v>
      </c>
      <c r="J17469" s="8">
        <v>1</v>
      </c>
      <c r="K17469" s="9">
        <v>18</v>
      </c>
      <c r="L17469" s="6" t="s">
        <v>51</v>
      </c>
    </row>
    <row r="17470" spans="1:12">
      <c r="A17470" s="6" t="s">
        <v>17224</v>
      </c>
      <c r="B17470" s="6"/>
      <c r="C17470" s="6" t="s">
        <v>17502</v>
      </c>
      <c r="D17470" s="6"/>
      <c r="E17470" s="6" t="s">
        <v>9</v>
      </c>
      <c r="F17470" s="7">
        <v>38657</v>
      </c>
      <c r="G17470" s="8">
        <v>1</v>
      </c>
      <c r="H17470" s="8">
        <v>1</v>
      </c>
      <c r="I17470" s="8">
        <v>0</v>
      </c>
      <c r="J17470" s="8">
        <v>1</v>
      </c>
      <c r="K17470" s="9">
        <v>126</v>
      </c>
      <c r="L17470" s="6" t="s">
        <v>51</v>
      </c>
    </row>
    <row r="17471" spans="1:12">
      <c r="A17471" s="6" t="s">
        <v>17224</v>
      </c>
      <c r="B17471" s="6"/>
      <c r="C17471" s="6" t="s">
        <v>17503</v>
      </c>
      <c r="D17471" s="6"/>
      <c r="E17471" s="6" t="s">
        <v>9</v>
      </c>
      <c r="F17471" s="7">
        <v>38657</v>
      </c>
      <c r="G17471" s="8">
        <v>1</v>
      </c>
      <c r="H17471" s="8">
        <v>1</v>
      </c>
      <c r="I17471" s="8">
        <v>0</v>
      </c>
      <c r="J17471" s="8">
        <v>1</v>
      </c>
      <c r="K17471" s="9">
        <v>126</v>
      </c>
      <c r="L17471" s="6" t="s">
        <v>51</v>
      </c>
    </row>
    <row r="17472" spans="1:12">
      <c r="A17472" s="6" t="s">
        <v>17224</v>
      </c>
      <c r="B17472" s="6"/>
      <c r="C17472" s="6" t="s">
        <v>17504</v>
      </c>
      <c r="D17472" s="6"/>
      <c r="E17472" s="6" t="s">
        <v>9</v>
      </c>
      <c r="F17472" s="7">
        <v>38657</v>
      </c>
      <c r="G17472" s="8">
        <v>1</v>
      </c>
      <c r="H17472" s="8">
        <v>1</v>
      </c>
      <c r="I17472" s="8">
        <v>0</v>
      </c>
      <c r="J17472" s="8">
        <v>1</v>
      </c>
      <c r="K17472" s="9">
        <v>126</v>
      </c>
      <c r="L17472" s="6" t="s">
        <v>51</v>
      </c>
    </row>
    <row r="17473" spans="1:12">
      <c r="A17473" s="6" t="s">
        <v>17224</v>
      </c>
      <c r="B17473" s="6"/>
      <c r="C17473" s="6" t="s">
        <v>17505</v>
      </c>
      <c r="D17473" s="6"/>
      <c r="E17473" s="6" t="s">
        <v>9</v>
      </c>
      <c r="F17473" s="7">
        <v>38657</v>
      </c>
      <c r="G17473" s="8">
        <v>1</v>
      </c>
      <c r="H17473" s="8">
        <v>1</v>
      </c>
      <c r="I17473" s="8">
        <v>0</v>
      </c>
      <c r="J17473" s="8">
        <v>1</v>
      </c>
      <c r="K17473" s="9">
        <v>126</v>
      </c>
      <c r="L17473" s="6" t="s">
        <v>51</v>
      </c>
    </row>
    <row r="17474" spans="1:12">
      <c r="A17474" s="6" t="s">
        <v>17224</v>
      </c>
      <c r="B17474" s="6"/>
      <c r="C17474" s="6" t="s">
        <v>17506</v>
      </c>
      <c r="D17474" s="6"/>
      <c r="E17474" s="6" t="s">
        <v>9</v>
      </c>
      <c r="F17474" s="7">
        <v>38657</v>
      </c>
      <c r="G17474" s="8">
        <v>1</v>
      </c>
      <c r="H17474" s="8">
        <v>1</v>
      </c>
      <c r="I17474" s="8">
        <v>0</v>
      </c>
      <c r="J17474" s="8">
        <v>1</v>
      </c>
      <c r="K17474" s="9">
        <v>126</v>
      </c>
      <c r="L17474" s="6" t="s">
        <v>51</v>
      </c>
    </row>
    <row r="17475" spans="1:12">
      <c r="A17475" s="6" t="s">
        <v>17224</v>
      </c>
      <c r="B17475" s="6"/>
      <c r="C17475" s="6" t="s">
        <v>17507</v>
      </c>
      <c r="D17475" s="6"/>
      <c r="E17475" s="6" t="s">
        <v>9</v>
      </c>
      <c r="F17475" s="7">
        <v>38657</v>
      </c>
      <c r="G17475" s="8">
        <v>1</v>
      </c>
      <c r="H17475" s="8">
        <v>1</v>
      </c>
      <c r="I17475" s="8">
        <v>0</v>
      </c>
      <c r="J17475" s="8">
        <v>1</v>
      </c>
      <c r="K17475" s="9">
        <v>129</v>
      </c>
      <c r="L17475" s="6" t="s">
        <v>51</v>
      </c>
    </row>
    <row r="17476" spans="1:12">
      <c r="A17476" s="6" t="s">
        <v>17224</v>
      </c>
      <c r="B17476" s="6"/>
      <c r="C17476" s="6" t="s">
        <v>17508</v>
      </c>
      <c r="D17476" s="6"/>
      <c r="E17476" s="6" t="s">
        <v>9</v>
      </c>
      <c r="F17476" s="7">
        <v>38657</v>
      </c>
      <c r="G17476" s="8">
        <v>1</v>
      </c>
      <c r="H17476" s="8">
        <v>1</v>
      </c>
      <c r="I17476" s="8">
        <v>0</v>
      </c>
      <c r="J17476" s="8">
        <v>1</v>
      </c>
      <c r="K17476" s="9">
        <v>128</v>
      </c>
      <c r="L17476" s="6" t="s">
        <v>51</v>
      </c>
    </row>
    <row r="17477" spans="1:12">
      <c r="A17477" s="6" t="s">
        <v>17224</v>
      </c>
      <c r="B17477" s="6"/>
      <c r="C17477" s="6" t="s">
        <v>17509</v>
      </c>
      <c r="D17477" s="6"/>
      <c r="E17477" s="6" t="s">
        <v>9</v>
      </c>
      <c r="F17477" s="7">
        <v>38657</v>
      </c>
      <c r="G17477" s="8">
        <v>1</v>
      </c>
      <c r="H17477" s="8">
        <v>1</v>
      </c>
      <c r="I17477" s="8">
        <v>0</v>
      </c>
      <c r="J17477" s="8">
        <v>1</v>
      </c>
      <c r="K17477" s="9">
        <v>39</v>
      </c>
      <c r="L17477" s="6" t="s">
        <v>51</v>
      </c>
    </row>
    <row r="17478" spans="1:12">
      <c r="A17478" s="6" t="s">
        <v>17224</v>
      </c>
      <c r="B17478" s="6"/>
      <c r="C17478" s="6" t="s">
        <v>17510</v>
      </c>
      <c r="D17478" s="6"/>
      <c r="E17478" s="6" t="s">
        <v>9</v>
      </c>
      <c r="F17478" s="7">
        <v>38657</v>
      </c>
      <c r="G17478" s="8">
        <v>1</v>
      </c>
      <c r="H17478" s="8">
        <v>1</v>
      </c>
      <c r="I17478" s="8">
        <v>0</v>
      </c>
      <c r="J17478" s="8">
        <v>1</v>
      </c>
      <c r="K17478" s="9">
        <v>15</v>
      </c>
      <c r="L17478" s="6" t="s">
        <v>51</v>
      </c>
    </row>
    <row r="17479" spans="1:12">
      <c r="A17479" s="6" t="s">
        <v>17224</v>
      </c>
      <c r="B17479" s="6"/>
      <c r="C17479" s="6" t="s">
        <v>17511</v>
      </c>
      <c r="D17479" s="6"/>
      <c r="E17479" s="6" t="s">
        <v>9</v>
      </c>
      <c r="F17479" s="7">
        <v>38657</v>
      </c>
      <c r="G17479" s="8">
        <v>1</v>
      </c>
      <c r="H17479" s="8">
        <v>1</v>
      </c>
      <c r="I17479" s="8">
        <v>0</v>
      </c>
      <c r="J17479" s="8">
        <v>1</v>
      </c>
      <c r="K17479" s="9">
        <v>13</v>
      </c>
      <c r="L17479" s="6" t="s">
        <v>51</v>
      </c>
    </row>
    <row r="17480" spans="1:12">
      <c r="A17480" s="6" t="s">
        <v>17224</v>
      </c>
      <c r="B17480" s="6"/>
      <c r="C17480" s="6" t="s">
        <v>17512</v>
      </c>
      <c r="D17480" s="6"/>
      <c r="E17480" s="6" t="s">
        <v>9</v>
      </c>
      <c r="F17480" s="7">
        <v>38657</v>
      </c>
      <c r="G17480" s="8">
        <v>1</v>
      </c>
      <c r="H17480" s="8">
        <v>1</v>
      </c>
      <c r="I17480" s="8">
        <v>0</v>
      </c>
      <c r="J17480" s="8">
        <v>1</v>
      </c>
      <c r="K17480" s="9">
        <v>31</v>
      </c>
      <c r="L17480" s="6" t="s">
        <v>51</v>
      </c>
    </row>
    <row r="17481" spans="1:12">
      <c r="A17481" s="6" t="s">
        <v>17224</v>
      </c>
      <c r="B17481" s="6"/>
      <c r="C17481" s="6" t="s">
        <v>17513</v>
      </c>
      <c r="D17481" s="6"/>
      <c r="E17481" s="6" t="s">
        <v>9</v>
      </c>
      <c r="F17481" s="7">
        <v>38657</v>
      </c>
      <c r="G17481" s="8">
        <v>1</v>
      </c>
      <c r="H17481" s="8">
        <v>1</v>
      </c>
      <c r="I17481" s="8">
        <v>0</v>
      </c>
      <c r="J17481" s="8">
        <v>1</v>
      </c>
      <c r="K17481" s="9">
        <v>81</v>
      </c>
      <c r="L17481" s="6" t="s">
        <v>51</v>
      </c>
    </row>
    <row r="17482" spans="1:12">
      <c r="A17482" s="6" t="s">
        <v>17224</v>
      </c>
      <c r="B17482" s="6"/>
      <c r="C17482" s="6" t="s">
        <v>17514</v>
      </c>
      <c r="D17482" s="6"/>
      <c r="E17482" s="6" t="s">
        <v>9</v>
      </c>
      <c r="F17482" s="7">
        <v>38657</v>
      </c>
      <c r="G17482" s="8">
        <v>1</v>
      </c>
      <c r="H17482" s="8">
        <v>1</v>
      </c>
      <c r="I17482" s="8">
        <v>0</v>
      </c>
      <c r="J17482" s="8">
        <v>1</v>
      </c>
      <c r="K17482" s="9">
        <v>29</v>
      </c>
      <c r="L17482" s="6" t="s">
        <v>51</v>
      </c>
    </row>
    <row r="17483" spans="1:12">
      <c r="A17483" s="6" t="s">
        <v>17224</v>
      </c>
      <c r="B17483" s="6"/>
      <c r="C17483" s="6" t="s">
        <v>17515</v>
      </c>
      <c r="D17483" s="6"/>
      <c r="E17483" s="6" t="s">
        <v>9</v>
      </c>
      <c r="F17483" s="7">
        <v>38657</v>
      </c>
      <c r="G17483" s="8">
        <v>1</v>
      </c>
      <c r="H17483" s="8">
        <v>1</v>
      </c>
      <c r="I17483" s="8">
        <v>0</v>
      </c>
      <c r="J17483" s="8">
        <v>1</v>
      </c>
      <c r="K17483" s="9">
        <v>93</v>
      </c>
      <c r="L17483" s="6" t="s">
        <v>51</v>
      </c>
    </row>
    <row r="17484" spans="1:12">
      <c r="A17484" s="6" t="s">
        <v>17224</v>
      </c>
      <c r="B17484" s="6"/>
      <c r="C17484" s="6" t="s">
        <v>17516</v>
      </c>
      <c r="D17484" s="6"/>
      <c r="E17484" s="6" t="s">
        <v>9</v>
      </c>
      <c r="F17484" s="7">
        <v>38657</v>
      </c>
      <c r="G17484" s="8">
        <v>1</v>
      </c>
      <c r="H17484" s="8">
        <v>1</v>
      </c>
      <c r="I17484" s="8">
        <v>0</v>
      </c>
      <c r="J17484" s="8">
        <v>1</v>
      </c>
      <c r="K17484" s="9">
        <v>213</v>
      </c>
      <c r="L17484" s="6" t="s">
        <v>51</v>
      </c>
    </row>
    <row r="17485" spans="1:12">
      <c r="A17485" s="6" t="s">
        <v>17224</v>
      </c>
      <c r="B17485" s="6"/>
      <c r="C17485" s="6" t="s">
        <v>17517</v>
      </c>
      <c r="D17485" s="6"/>
      <c r="E17485" s="6" t="s">
        <v>9</v>
      </c>
      <c r="F17485" s="7">
        <v>38657</v>
      </c>
      <c r="G17485" s="8">
        <v>1</v>
      </c>
      <c r="H17485" s="8">
        <v>1</v>
      </c>
      <c r="I17485" s="8">
        <v>0</v>
      </c>
      <c r="J17485" s="8">
        <v>1</v>
      </c>
      <c r="K17485" s="9">
        <v>72</v>
      </c>
      <c r="L17485" s="6" t="s">
        <v>51</v>
      </c>
    </row>
    <row r="17486" spans="1:12">
      <c r="A17486" s="6" t="s">
        <v>17224</v>
      </c>
      <c r="B17486" s="6"/>
      <c r="C17486" s="6" t="s">
        <v>17518</v>
      </c>
      <c r="D17486" s="6"/>
      <c r="E17486" s="6" t="s">
        <v>9</v>
      </c>
      <c r="F17486" s="7">
        <v>38657</v>
      </c>
      <c r="G17486" s="8">
        <v>1</v>
      </c>
      <c r="H17486" s="8">
        <v>1</v>
      </c>
      <c r="I17486" s="8">
        <v>0</v>
      </c>
      <c r="J17486" s="8">
        <v>1</v>
      </c>
      <c r="K17486" s="9">
        <v>65</v>
      </c>
      <c r="L17486" s="6" t="s">
        <v>51</v>
      </c>
    </row>
    <row r="17487" spans="1:12">
      <c r="A17487" s="6" t="s">
        <v>17224</v>
      </c>
      <c r="B17487" s="6"/>
      <c r="C17487" s="6" t="s">
        <v>17519</v>
      </c>
      <c r="D17487" s="6"/>
      <c r="E17487" s="6" t="s">
        <v>9</v>
      </c>
      <c r="F17487" s="7">
        <v>38657</v>
      </c>
      <c r="G17487" s="8">
        <v>1</v>
      </c>
      <c r="H17487" s="8">
        <v>1</v>
      </c>
      <c r="I17487" s="8">
        <v>0</v>
      </c>
      <c r="J17487" s="8">
        <v>1</v>
      </c>
      <c r="K17487" s="9">
        <v>2.13</v>
      </c>
      <c r="L17487" s="6" t="s">
        <v>51</v>
      </c>
    </row>
    <row r="17488" spans="1:12">
      <c r="A17488" s="6" t="s">
        <v>17224</v>
      </c>
      <c r="B17488" s="6"/>
      <c r="C17488" s="6" t="s">
        <v>17520</v>
      </c>
      <c r="D17488" s="6"/>
      <c r="E17488" s="6" t="s">
        <v>9</v>
      </c>
      <c r="F17488" s="7">
        <v>38657</v>
      </c>
      <c r="G17488" s="8">
        <v>1</v>
      </c>
      <c r="H17488" s="8">
        <v>1</v>
      </c>
      <c r="I17488" s="8">
        <v>0</v>
      </c>
      <c r="J17488" s="8">
        <v>1</v>
      </c>
      <c r="K17488" s="9">
        <v>39</v>
      </c>
      <c r="L17488" s="6" t="s">
        <v>51</v>
      </c>
    </row>
    <row r="17489" spans="1:12">
      <c r="A17489" s="6" t="s">
        <v>17224</v>
      </c>
      <c r="B17489" s="6"/>
      <c r="C17489" s="6" t="s">
        <v>17521</v>
      </c>
      <c r="D17489" s="6"/>
      <c r="E17489" s="6" t="s">
        <v>9</v>
      </c>
      <c r="F17489" s="7">
        <v>38657</v>
      </c>
      <c r="G17489" s="8">
        <v>1</v>
      </c>
      <c r="H17489" s="8">
        <v>1</v>
      </c>
      <c r="I17489" s="8">
        <v>0</v>
      </c>
      <c r="J17489" s="8">
        <v>1</v>
      </c>
      <c r="K17489" s="9">
        <v>55.46</v>
      </c>
      <c r="L17489" s="6" t="s">
        <v>51</v>
      </c>
    </row>
    <row r="17490" spans="1:12">
      <c r="A17490" s="6" t="s">
        <v>17224</v>
      </c>
      <c r="B17490" s="6"/>
      <c r="C17490" s="6" t="s">
        <v>17522</v>
      </c>
      <c r="D17490" s="6"/>
      <c r="E17490" s="6" t="s">
        <v>9</v>
      </c>
      <c r="F17490" s="7">
        <v>38657</v>
      </c>
      <c r="G17490" s="8">
        <v>1</v>
      </c>
      <c r="H17490" s="8">
        <v>1</v>
      </c>
      <c r="I17490" s="8">
        <v>0</v>
      </c>
      <c r="J17490" s="8">
        <v>1</v>
      </c>
      <c r="K17490" s="9">
        <v>11.35</v>
      </c>
      <c r="L17490" s="6" t="s">
        <v>51</v>
      </c>
    </row>
    <row r="17491" spans="1:12">
      <c r="A17491" s="6" t="s">
        <v>17224</v>
      </c>
      <c r="B17491" s="6"/>
      <c r="C17491" s="6" t="s">
        <v>17523</v>
      </c>
      <c r="D17491" s="6"/>
      <c r="E17491" s="6" t="s">
        <v>9</v>
      </c>
      <c r="F17491" s="7">
        <v>38657</v>
      </c>
      <c r="G17491" s="8">
        <v>1</v>
      </c>
      <c r="H17491" s="8">
        <v>1</v>
      </c>
      <c r="I17491" s="8">
        <v>0</v>
      </c>
      <c r="J17491" s="8">
        <v>1</v>
      </c>
      <c r="K17491" s="9">
        <v>7</v>
      </c>
      <c r="L17491" s="6" t="s">
        <v>51</v>
      </c>
    </row>
    <row r="17492" spans="1:12">
      <c r="A17492" s="6" t="s">
        <v>17224</v>
      </c>
      <c r="B17492" s="6"/>
      <c r="C17492" s="6" t="s">
        <v>17524</v>
      </c>
      <c r="D17492" s="6"/>
      <c r="E17492" s="6" t="s">
        <v>9</v>
      </c>
      <c r="F17492" s="7">
        <v>38657</v>
      </c>
      <c r="G17492" s="8">
        <v>1</v>
      </c>
      <c r="H17492" s="8">
        <v>1</v>
      </c>
      <c r="I17492" s="8">
        <v>0</v>
      </c>
      <c r="J17492" s="8">
        <v>1</v>
      </c>
      <c r="K17492" s="9">
        <v>27.07</v>
      </c>
      <c r="L17492" s="6" t="s">
        <v>51</v>
      </c>
    </row>
    <row r="17493" spans="1:12">
      <c r="A17493" s="6" t="s">
        <v>17224</v>
      </c>
      <c r="B17493" s="6"/>
      <c r="C17493" s="6" t="s">
        <v>17525</v>
      </c>
      <c r="D17493" s="6"/>
      <c r="E17493" s="6" t="s">
        <v>9</v>
      </c>
      <c r="F17493" s="7">
        <v>38657</v>
      </c>
      <c r="G17493" s="8">
        <v>1</v>
      </c>
      <c r="H17493" s="8">
        <v>1</v>
      </c>
      <c r="I17493" s="8">
        <v>0</v>
      </c>
      <c r="J17493" s="8">
        <v>1</v>
      </c>
      <c r="K17493" s="9">
        <v>5.54</v>
      </c>
      <c r="L17493" s="6" t="s">
        <v>51</v>
      </c>
    </row>
    <row r="17494" spans="1:12">
      <c r="A17494" s="6" t="s">
        <v>17224</v>
      </c>
      <c r="B17494" s="6"/>
      <c r="C17494" s="6" t="s">
        <v>17526</v>
      </c>
      <c r="D17494" s="6"/>
      <c r="E17494" s="6" t="s">
        <v>9</v>
      </c>
      <c r="F17494" s="7">
        <v>38657</v>
      </c>
      <c r="G17494" s="8">
        <v>1</v>
      </c>
      <c r="H17494" s="8">
        <v>1</v>
      </c>
      <c r="I17494" s="8">
        <v>0</v>
      </c>
      <c r="J17494" s="8">
        <v>1</v>
      </c>
      <c r="K17494" s="9">
        <v>4.8</v>
      </c>
      <c r="L17494" s="6" t="s">
        <v>51</v>
      </c>
    </row>
    <row r="17495" spans="1:12">
      <c r="A17495" s="6" t="s">
        <v>17224</v>
      </c>
      <c r="B17495" s="6"/>
      <c r="C17495" s="6" t="s">
        <v>17527</v>
      </c>
      <c r="D17495" s="6"/>
      <c r="E17495" s="6" t="s">
        <v>9</v>
      </c>
      <c r="F17495" s="7">
        <v>38657</v>
      </c>
      <c r="G17495" s="8">
        <v>1</v>
      </c>
      <c r="H17495" s="8">
        <v>1</v>
      </c>
      <c r="I17495" s="8">
        <v>0</v>
      </c>
      <c r="J17495" s="8">
        <v>1</v>
      </c>
      <c r="K17495" s="9">
        <v>171</v>
      </c>
      <c r="L17495" s="6" t="s">
        <v>51</v>
      </c>
    </row>
    <row r="17496" spans="1:12">
      <c r="A17496" s="6" t="s">
        <v>17224</v>
      </c>
      <c r="B17496" s="6"/>
      <c r="C17496" s="6" t="s">
        <v>17528</v>
      </c>
      <c r="D17496" s="6"/>
      <c r="E17496" s="6" t="s">
        <v>9</v>
      </c>
      <c r="F17496" s="7">
        <v>38657</v>
      </c>
      <c r="G17496" s="8">
        <v>1</v>
      </c>
      <c r="H17496" s="8">
        <v>1</v>
      </c>
      <c r="I17496" s="8">
        <v>0</v>
      </c>
      <c r="J17496" s="8">
        <v>1</v>
      </c>
      <c r="K17496" s="9">
        <v>115</v>
      </c>
      <c r="L17496" s="6" t="s">
        <v>51</v>
      </c>
    </row>
    <row r="17497" spans="1:12">
      <c r="A17497" s="6" t="s">
        <v>17224</v>
      </c>
      <c r="B17497" s="6"/>
      <c r="C17497" s="6" t="s">
        <v>17529</v>
      </c>
      <c r="D17497" s="6"/>
      <c r="E17497" s="6" t="s">
        <v>9</v>
      </c>
      <c r="F17497" s="7">
        <v>38657</v>
      </c>
      <c r="G17497" s="8">
        <v>1</v>
      </c>
      <c r="H17497" s="8">
        <v>1</v>
      </c>
      <c r="I17497" s="8">
        <v>0</v>
      </c>
      <c r="J17497" s="8">
        <v>1</v>
      </c>
      <c r="K17497" s="9">
        <v>98</v>
      </c>
      <c r="L17497" s="6" t="s">
        <v>51</v>
      </c>
    </row>
    <row r="17498" spans="1:12">
      <c r="A17498" s="6" t="s">
        <v>17224</v>
      </c>
      <c r="B17498" s="6"/>
      <c r="C17498" s="6" t="s">
        <v>17530</v>
      </c>
      <c r="D17498" s="6"/>
      <c r="E17498" s="6" t="s">
        <v>9</v>
      </c>
      <c r="F17498" s="7">
        <v>38657</v>
      </c>
      <c r="G17498" s="8">
        <v>1</v>
      </c>
      <c r="H17498" s="8">
        <v>1</v>
      </c>
      <c r="I17498" s="8">
        <v>0</v>
      </c>
      <c r="J17498" s="8">
        <v>1</v>
      </c>
      <c r="K17498" s="9">
        <v>81</v>
      </c>
      <c r="L17498" s="6" t="s">
        <v>51</v>
      </c>
    </row>
    <row r="17499" spans="1:12">
      <c r="A17499" s="6" t="s">
        <v>17224</v>
      </c>
      <c r="B17499" s="6"/>
      <c r="C17499" s="6" t="s">
        <v>17531</v>
      </c>
      <c r="D17499" s="6"/>
      <c r="E17499" s="6" t="s">
        <v>9</v>
      </c>
      <c r="F17499" s="7">
        <v>38657</v>
      </c>
      <c r="G17499" s="8">
        <v>1</v>
      </c>
      <c r="H17499" s="8">
        <v>1</v>
      </c>
      <c r="I17499" s="8">
        <v>0</v>
      </c>
      <c r="J17499" s="8">
        <v>1</v>
      </c>
      <c r="K17499" s="9">
        <v>0.73</v>
      </c>
      <c r="L17499" s="6" t="s">
        <v>51</v>
      </c>
    </row>
    <row r="17500" spans="1:12">
      <c r="A17500" s="6" t="s">
        <v>17224</v>
      </c>
      <c r="B17500" s="6"/>
      <c r="C17500" s="6" t="s">
        <v>17532</v>
      </c>
      <c r="D17500" s="6"/>
      <c r="E17500" s="6" t="s">
        <v>9</v>
      </c>
      <c r="F17500" s="7">
        <v>38657</v>
      </c>
      <c r="G17500" s="8">
        <v>1</v>
      </c>
      <c r="H17500" s="8">
        <v>1</v>
      </c>
      <c r="I17500" s="8">
        <v>0</v>
      </c>
      <c r="J17500" s="8">
        <v>1</v>
      </c>
      <c r="K17500" s="9">
        <v>34</v>
      </c>
      <c r="L17500" s="6" t="s">
        <v>51</v>
      </c>
    </row>
    <row r="17501" spans="1:12">
      <c r="A17501" s="6" t="s">
        <v>17224</v>
      </c>
      <c r="B17501" s="6"/>
      <c r="C17501" s="6" t="s">
        <v>17533</v>
      </c>
      <c r="D17501" s="6"/>
      <c r="E17501" s="6" t="s">
        <v>9</v>
      </c>
      <c r="F17501" s="7">
        <v>38657</v>
      </c>
      <c r="G17501" s="8">
        <v>1</v>
      </c>
      <c r="H17501" s="8">
        <v>1</v>
      </c>
      <c r="I17501" s="8">
        <v>0</v>
      </c>
      <c r="J17501" s="8">
        <v>1</v>
      </c>
      <c r="K17501" s="9">
        <v>6.24</v>
      </c>
      <c r="L17501" s="6" t="s">
        <v>51</v>
      </c>
    </row>
    <row r="17502" spans="1:12">
      <c r="A17502" s="6" t="s">
        <v>17224</v>
      </c>
      <c r="B17502" s="6"/>
      <c r="C17502" s="6" t="s">
        <v>17534</v>
      </c>
      <c r="D17502" s="6"/>
      <c r="E17502" s="6" t="s">
        <v>9</v>
      </c>
      <c r="F17502" s="7">
        <v>38657</v>
      </c>
      <c r="G17502" s="8">
        <v>1</v>
      </c>
      <c r="H17502" s="8">
        <v>1</v>
      </c>
      <c r="I17502" s="8">
        <v>0</v>
      </c>
      <c r="J17502" s="8">
        <v>1</v>
      </c>
      <c r="K17502" s="9">
        <v>37</v>
      </c>
      <c r="L17502" s="6" t="s">
        <v>51</v>
      </c>
    </row>
    <row r="17503" spans="1:12">
      <c r="A17503" s="6" t="s">
        <v>17224</v>
      </c>
      <c r="B17503" s="6"/>
      <c r="C17503" s="6" t="s">
        <v>17535</v>
      </c>
      <c r="D17503" s="6"/>
      <c r="E17503" s="6" t="s">
        <v>9</v>
      </c>
      <c r="F17503" s="7">
        <v>38657</v>
      </c>
      <c r="G17503" s="8">
        <v>1</v>
      </c>
      <c r="H17503" s="8">
        <v>1</v>
      </c>
      <c r="I17503" s="8">
        <v>0</v>
      </c>
      <c r="J17503" s="8">
        <v>1</v>
      </c>
      <c r="K17503" s="9">
        <v>32</v>
      </c>
      <c r="L17503" s="6" t="s">
        <v>51</v>
      </c>
    </row>
    <row r="17504" spans="1:12">
      <c r="A17504" s="6" t="s">
        <v>17224</v>
      </c>
      <c r="B17504" s="6"/>
      <c r="C17504" s="6" t="s">
        <v>17536</v>
      </c>
      <c r="D17504" s="6"/>
      <c r="E17504" s="6" t="s">
        <v>9</v>
      </c>
      <c r="F17504" s="7">
        <v>38657</v>
      </c>
      <c r="G17504" s="8">
        <v>1</v>
      </c>
      <c r="H17504" s="8">
        <v>1</v>
      </c>
      <c r="I17504" s="8">
        <v>0</v>
      </c>
      <c r="J17504" s="8">
        <v>1</v>
      </c>
      <c r="K17504" s="9">
        <v>35</v>
      </c>
      <c r="L17504" s="6" t="s">
        <v>51</v>
      </c>
    </row>
    <row r="17505" spans="1:12">
      <c r="A17505" s="6" t="s">
        <v>17224</v>
      </c>
      <c r="B17505" s="6"/>
      <c r="C17505" s="6" t="s">
        <v>17537</v>
      </c>
      <c r="D17505" s="6"/>
      <c r="E17505" s="6" t="s">
        <v>9</v>
      </c>
      <c r="F17505" s="7">
        <v>38657</v>
      </c>
      <c r="G17505" s="8">
        <v>1</v>
      </c>
      <c r="H17505" s="8">
        <v>1</v>
      </c>
      <c r="I17505" s="8">
        <v>0</v>
      </c>
      <c r="J17505" s="8">
        <v>1</v>
      </c>
      <c r="K17505" s="9">
        <v>6.61</v>
      </c>
      <c r="L17505" s="6" t="s">
        <v>51</v>
      </c>
    </row>
    <row r="17506" spans="1:12">
      <c r="A17506" s="6" t="s">
        <v>17224</v>
      </c>
      <c r="B17506" s="6"/>
      <c r="C17506" s="6" t="s">
        <v>17538</v>
      </c>
      <c r="D17506" s="6"/>
      <c r="E17506" s="6" t="s">
        <v>9</v>
      </c>
      <c r="F17506" s="7">
        <v>38657</v>
      </c>
      <c r="G17506" s="8">
        <v>1</v>
      </c>
      <c r="H17506" s="8">
        <v>1</v>
      </c>
      <c r="I17506" s="8">
        <v>0</v>
      </c>
      <c r="J17506" s="8">
        <v>1</v>
      </c>
      <c r="K17506" s="9">
        <v>28</v>
      </c>
      <c r="L17506" s="6" t="s">
        <v>51</v>
      </c>
    </row>
    <row r="17507" spans="1:12">
      <c r="A17507" s="6" t="s">
        <v>17224</v>
      </c>
      <c r="B17507" s="6"/>
      <c r="C17507" s="6" t="s">
        <v>17539</v>
      </c>
      <c r="D17507" s="6"/>
      <c r="E17507" s="6" t="s">
        <v>9</v>
      </c>
      <c r="F17507" s="7">
        <v>38657</v>
      </c>
      <c r="G17507" s="8">
        <v>1</v>
      </c>
      <c r="H17507" s="8">
        <v>1</v>
      </c>
      <c r="I17507" s="8">
        <v>0</v>
      </c>
      <c r="J17507" s="8">
        <v>1</v>
      </c>
      <c r="K17507" s="9">
        <v>29</v>
      </c>
      <c r="L17507" s="6" t="s">
        <v>51</v>
      </c>
    </row>
    <row r="17508" spans="1:12">
      <c r="A17508" s="6" t="s">
        <v>17224</v>
      </c>
      <c r="B17508" s="6"/>
      <c r="C17508" s="6" t="s">
        <v>17540</v>
      </c>
      <c r="D17508" s="6"/>
      <c r="E17508" s="6" t="s">
        <v>9</v>
      </c>
      <c r="F17508" s="7">
        <v>38657</v>
      </c>
      <c r="G17508" s="8">
        <v>1</v>
      </c>
      <c r="H17508" s="8">
        <v>1</v>
      </c>
      <c r="I17508" s="8">
        <v>0</v>
      </c>
      <c r="J17508" s="8">
        <v>1</v>
      </c>
      <c r="K17508" s="9">
        <v>244</v>
      </c>
      <c r="L17508" s="6" t="s">
        <v>51</v>
      </c>
    </row>
    <row r="17509" spans="1:12">
      <c r="A17509" s="6" t="s">
        <v>17224</v>
      </c>
      <c r="B17509" s="6"/>
      <c r="C17509" s="6" t="s">
        <v>17541</v>
      </c>
      <c r="D17509" s="6"/>
      <c r="E17509" s="6" t="s">
        <v>9</v>
      </c>
      <c r="F17509" s="7">
        <v>38657</v>
      </c>
      <c r="G17509" s="8">
        <v>1</v>
      </c>
      <c r="H17509" s="8">
        <v>1</v>
      </c>
      <c r="I17509" s="8">
        <v>0</v>
      </c>
      <c r="J17509" s="8">
        <v>1</v>
      </c>
      <c r="K17509" s="9">
        <v>138</v>
      </c>
      <c r="L17509" s="6" t="s">
        <v>51</v>
      </c>
    </row>
    <row r="17510" spans="1:12">
      <c r="A17510" s="6" t="s">
        <v>17224</v>
      </c>
      <c r="B17510" s="6"/>
      <c r="C17510" s="6" t="s">
        <v>17542</v>
      </c>
      <c r="D17510" s="6"/>
      <c r="E17510" s="6" t="s">
        <v>9</v>
      </c>
      <c r="F17510" s="7">
        <v>39497</v>
      </c>
      <c r="G17510" s="8">
        <v>1</v>
      </c>
      <c r="H17510" s="8">
        <v>1</v>
      </c>
      <c r="I17510" s="8">
        <v>0</v>
      </c>
      <c r="J17510" s="8">
        <v>1</v>
      </c>
      <c r="K17510" s="9">
        <v>58</v>
      </c>
      <c r="L17510" s="6" t="s">
        <v>51</v>
      </c>
    </row>
    <row r="17511" spans="1:12">
      <c r="A17511" s="6" t="s">
        <v>17224</v>
      </c>
      <c r="B17511" s="6"/>
      <c r="C17511" s="6" t="s">
        <v>17543</v>
      </c>
      <c r="D17511" s="6"/>
      <c r="E17511" s="6" t="s">
        <v>9</v>
      </c>
      <c r="F17511" s="7">
        <v>38657</v>
      </c>
      <c r="G17511" s="8">
        <v>1</v>
      </c>
      <c r="H17511" s="8">
        <v>1</v>
      </c>
      <c r="I17511" s="8">
        <v>0</v>
      </c>
      <c r="J17511" s="8">
        <v>1</v>
      </c>
      <c r="K17511" s="9">
        <v>148</v>
      </c>
      <c r="L17511" s="6" t="s">
        <v>51</v>
      </c>
    </row>
    <row r="17512" spans="1:12">
      <c r="A17512" s="6" t="s">
        <v>17224</v>
      </c>
      <c r="B17512" s="6"/>
      <c r="C17512" s="6" t="s">
        <v>17544</v>
      </c>
      <c r="D17512" s="6"/>
      <c r="E17512" s="6" t="s">
        <v>9</v>
      </c>
      <c r="F17512" s="7">
        <v>38657</v>
      </c>
      <c r="G17512" s="8">
        <v>1</v>
      </c>
      <c r="H17512" s="8">
        <v>1</v>
      </c>
      <c r="I17512" s="8">
        <v>0</v>
      </c>
      <c r="J17512" s="8">
        <v>1</v>
      </c>
      <c r="K17512" s="9">
        <v>2.4300000000000002</v>
      </c>
      <c r="L17512" s="6" t="s">
        <v>51</v>
      </c>
    </row>
    <row r="17513" spans="1:12">
      <c r="A17513" s="6" t="s">
        <v>17224</v>
      </c>
      <c r="B17513" s="6"/>
      <c r="C17513" s="6" t="s">
        <v>17545</v>
      </c>
      <c r="D17513" s="6"/>
      <c r="E17513" s="6" t="s">
        <v>9</v>
      </c>
      <c r="F17513" s="7">
        <v>38657</v>
      </c>
      <c r="G17513" s="8">
        <v>1</v>
      </c>
      <c r="H17513" s="8">
        <v>1</v>
      </c>
      <c r="I17513" s="8">
        <v>0</v>
      </c>
      <c r="J17513" s="8">
        <v>1</v>
      </c>
      <c r="K17513" s="9">
        <v>47</v>
      </c>
      <c r="L17513" s="6" t="s">
        <v>51</v>
      </c>
    </row>
    <row r="17514" spans="1:12">
      <c r="A17514" s="6" t="s">
        <v>17224</v>
      </c>
      <c r="B17514" s="6"/>
      <c r="C17514" s="6" t="s">
        <v>17546</v>
      </c>
      <c r="D17514" s="6"/>
      <c r="E17514" s="6" t="s">
        <v>9</v>
      </c>
      <c r="F17514" s="7">
        <v>38657</v>
      </c>
      <c r="G17514" s="8">
        <v>1</v>
      </c>
      <c r="H17514" s="8">
        <v>1</v>
      </c>
      <c r="I17514" s="8">
        <v>0</v>
      </c>
      <c r="J17514" s="8">
        <v>1</v>
      </c>
      <c r="K17514" s="9">
        <v>50</v>
      </c>
      <c r="L17514" s="6" t="s">
        <v>51</v>
      </c>
    </row>
    <row r="17515" spans="1:12">
      <c r="A17515" s="6" t="s">
        <v>17224</v>
      </c>
      <c r="B17515" s="6"/>
      <c r="C17515" s="6" t="s">
        <v>17547</v>
      </c>
      <c r="D17515" s="6"/>
      <c r="E17515" s="6" t="s">
        <v>9</v>
      </c>
      <c r="F17515" s="7">
        <v>38657</v>
      </c>
      <c r="G17515" s="8">
        <v>1</v>
      </c>
      <c r="H17515" s="8">
        <v>1</v>
      </c>
      <c r="I17515" s="8">
        <v>0</v>
      </c>
      <c r="J17515" s="8">
        <v>1</v>
      </c>
      <c r="K17515" s="9">
        <v>49</v>
      </c>
      <c r="L17515" s="6" t="s">
        <v>51</v>
      </c>
    </row>
    <row r="17516" spans="1:12">
      <c r="A17516" s="6" t="s">
        <v>17224</v>
      </c>
      <c r="B17516" s="6"/>
      <c r="C17516" s="6" t="s">
        <v>17548</v>
      </c>
      <c r="D17516" s="6"/>
      <c r="E17516" s="6" t="s">
        <v>9</v>
      </c>
      <c r="F17516" s="7">
        <v>38657</v>
      </c>
      <c r="G17516" s="8">
        <v>1</v>
      </c>
      <c r="H17516" s="8">
        <v>1</v>
      </c>
      <c r="I17516" s="8">
        <v>0</v>
      </c>
      <c r="J17516" s="8">
        <v>1</v>
      </c>
      <c r="K17516" s="9">
        <v>48</v>
      </c>
      <c r="L17516" s="6" t="s">
        <v>51</v>
      </c>
    </row>
    <row r="17517" spans="1:12">
      <c r="A17517" s="6" t="s">
        <v>17224</v>
      </c>
      <c r="B17517" s="6"/>
      <c r="C17517" s="6" t="s">
        <v>17549</v>
      </c>
      <c r="D17517" s="6"/>
      <c r="E17517" s="6" t="s">
        <v>9</v>
      </c>
      <c r="F17517" s="7">
        <v>38657</v>
      </c>
      <c r="G17517" s="8">
        <v>1</v>
      </c>
      <c r="H17517" s="8">
        <v>1</v>
      </c>
      <c r="I17517" s="8">
        <v>0</v>
      </c>
      <c r="J17517" s="8">
        <v>1</v>
      </c>
      <c r="K17517" s="9">
        <v>45</v>
      </c>
      <c r="L17517" s="6" t="s">
        <v>51</v>
      </c>
    </row>
    <row r="17518" spans="1:12">
      <c r="A17518" s="6" t="s">
        <v>17224</v>
      </c>
      <c r="B17518" s="6"/>
      <c r="C17518" s="6" t="s">
        <v>17550</v>
      </c>
      <c r="D17518" s="6"/>
      <c r="E17518" s="6" t="s">
        <v>9</v>
      </c>
      <c r="F17518" s="7">
        <v>38657</v>
      </c>
      <c r="G17518" s="8">
        <v>1</v>
      </c>
      <c r="H17518" s="8">
        <v>1</v>
      </c>
      <c r="I17518" s="8">
        <v>0</v>
      </c>
      <c r="J17518" s="8">
        <v>1</v>
      </c>
      <c r="K17518" s="9">
        <v>17</v>
      </c>
      <c r="L17518" s="6" t="s">
        <v>51</v>
      </c>
    </row>
    <row r="17519" spans="1:12">
      <c r="A17519" s="6" t="s">
        <v>17224</v>
      </c>
      <c r="B17519" s="6"/>
      <c r="C17519" s="6" t="s">
        <v>17551</v>
      </c>
      <c r="D17519" s="6"/>
      <c r="E17519" s="6" t="s">
        <v>9</v>
      </c>
      <c r="F17519" s="7">
        <v>38657</v>
      </c>
      <c r="G17519" s="8">
        <v>1</v>
      </c>
      <c r="H17519" s="8">
        <v>1</v>
      </c>
      <c r="I17519" s="8">
        <v>0</v>
      </c>
      <c r="J17519" s="8">
        <v>1</v>
      </c>
      <c r="K17519" s="9">
        <v>121</v>
      </c>
      <c r="L17519" s="6" t="s">
        <v>51</v>
      </c>
    </row>
    <row r="17520" spans="1:12">
      <c r="A17520" s="6" t="s">
        <v>17224</v>
      </c>
      <c r="B17520" s="6"/>
      <c r="C17520" s="6" t="s">
        <v>17552</v>
      </c>
      <c r="D17520" s="6"/>
      <c r="E17520" s="6" t="s">
        <v>9</v>
      </c>
      <c r="F17520" s="7">
        <v>38657</v>
      </c>
      <c r="G17520" s="8">
        <v>1</v>
      </c>
      <c r="H17520" s="8">
        <v>1</v>
      </c>
      <c r="I17520" s="8">
        <v>0</v>
      </c>
      <c r="J17520" s="8">
        <v>1</v>
      </c>
      <c r="K17520" s="9">
        <v>109</v>
      </c>
      <c r="L17520" s="6" t="s">
        <v>51</v>
      </c>
    </row>
    <row r="17521" spans="1:12">
      <c r="A17521" s="6" t="s">
        <v>17224</v>
      </c>
      <c r="B17521" s="6"/>
      <c r="C17521" s="6" t="s">
        <v>17553</v>
      </c>
      <c r="D17521" s="6"/>
      <c r="E17521" s="6" t="s">
        <v>9</v>
      </c>
      <c r="F17521" s="7">
        <v>38657</v>
      </c>
      <c r="G17521" s="8">
        <v>1</v>
      </c>
      <c r="H17521" s="8">
        <v>1</v>
      </c>
      <c r="I17521" s="8">
        <v>0</v>
      </c>
      <c r="J17521" s="8">
        <v>1</v>
      </c>
      <c r="K17521" s="9">
        <v>0.39</v>
      </c>
      <c r="L17521" s="6" t="s">
        <v>51</v>
      </c>
    </row>
    <row r="17522" spans="1:12">
      <c r="A17522" s="6" t="s">
        <v>17224</v>
      </c>
      <c r="B17522" s="6"/>
      <c r="C17522" s="6" t="s">
        <v>17554</v>
      </c>
      <c r="D17522" s="6"/>
      <c r="E17522" s="6" t="s">
        <v>9</v>
      </c>
      <c r="F17522" s="7">
        <v>38657</v>
      </c>
      <c r="G17522" s="8">
        <v>1</v>
      </c>
      <c r="H17522" s="8">
        <v>1</v>
      </c>
      <c r="I17522" s="8">
        <v>0</v>
      </c>
      <c r="J17522" s="8">
        <v>1</v>
      </c>
      <c r="K17522" s="9">
        <v>26</v>
      </c>
      <c r="L17522" s="6" t="s">
        <v>51</v>
      </c>
    </row>
    <row r="17523" spans="1:12">
      <c r="A17523" s="6" t="s">
        <v>17224</v>
      </c>
      <c r="B17523" s="6"/>
      <c r="C17523" s="6" t="s">
        <v>17555</v>
      </c>
      <c r="D17523" s="6"/>
      <c r="E17523" s="6" t="s">
        <v>9</v>
      </c>
      <c r="F17523" s="7">
        <v>38657</v>
      </c>
      <c r="G17523" s="8">
        <v>1</v>
      </c>
      <c r="H17523" s="8">
        <v>1</v>
      </c>
      <c r="I17523" s="8">
        <v>0</v>
      </c>
      <c r="J17523" s="8">
        <v>1</v>
      </c>
      <c r="K17523" s="9">
        <v>1.04</v>
      </c>
      <c r="L17523" s="6" t="s">
        <v>51</v>
      </c>
    </row>
    <row r="17524" spans="1:12">
      <c r="A17524" s="6" t="s">
        <v>17224</v>
      </c>
      <c r="B17524" s="6"/>
      <c r="C17524" s="6" t="s">
        <v>17556</v>
      </c>
      <c r="D17524" s="6"/>
      <c r="E17524" s="6" t="s">
        <v>9</v>
      </c>
      <c r="F17524" s="7">
        <v>38657</v>
      </c>
      <c r="G17524" s="8">
        <v>1</v>
      </c>
      <c r="H17524" s="8">
        <v>1</v>
      </c>
      <c r="I17524" s="8">
        <v>0</v>
      </c>
      <c r="J17524" s="8">
        <v>1</v>
      </c>
      <c r="K17524" s="9">
        <v>81</v>
      </c>
      <c r="L17524" s="6" t="s">
        <v>51</v>
      </c>
    </row>
    <row r="17525" spans="1:12">
      <c r="A17525" s="6" t="s">
        <v>17224</v>
      </c>
      <c r="B17525" s="6"/>
      <c r="C17525" s="6" t="s">
        <v>17557</v>
      </c>
      <c r="D17525" s="6"/>
      <c r="E17525" s="6" t="s">
        <v>9</v>
      </c>
      <c r="F17525" s="7">
        <v>38657</v>
      </c>
      <c r="G17525" s="8">
        <v>1</v>
      </c>
      <c r="H17525" s="8">
        <v>1</v>
      </c>
      <c r="I17525" s="8">
        <v>0</v>
      </c>
      <c r="J17525" s="8">
        <v>1</v>
      </c>
      <c r="K17525" s="9">
        <v>41</v>
      </c>
      <c r="L17525" s="6" t="s">
        <v>51</v>
      </c>
    </row>
    <row r="17526" spans="1:12">
      <c r="A17526" s="6" t="s">
        <v>17224</v>
      </c>
      <c r="B17526" s="6"/>
      <c r="C17526" s="6" t="s">
        <v>17558</v>
      </c>
      <c r="D17526" s="6"/>
      <c r="E17526" s="6" t="s">
        <v>9</v>
      </c>
      <c r="F17526" s="7">
        <v>38657</v>
      </c>
      <c r="G17526" s="8">
        <v>1</v>
      </c>
      <c r="H17526" s="8">
        <v>1</v>
      </c>
      <c r="I17526" s="8">
        <v>0</v>
      </c>
      <c r="J17526" s="8">
        <v>1</v>
      </c>
      <c r="K17526" s="9">
        <v>38</v>
      </c>
      <c r="L17526" s="6" t="s">
        <v>51</v>
      </c>
    </row>
    <row r="17527" spans="1:12">
      <c r="A17527" s="6" t="s">
        <v>17224</v>
      </c>
      <c r="B17527" s="6"/>
      <c r="C17527" s="6" t="s">
        <v>17559</v>
      </c>
      <c r="D17527" s="6"/>
      <c r="E17527" s="6" t="s">
        <v>9</v>
      </c>
      <c r="F17527" s="7">
        <v>38657</v>
      </c>
      <c r="G17527" s="8">
        <v>1</v>
      </c>
      <c r="H17527" s="8">
        <v>1</v>
      </c>
      <c r="I17527" s="8">
        <v>0</v>
      </c>
      <c r="J17527" s="8">
        <v>1</v>
      </c>
      <c r="K17527" s="9">
        <v>32</v>
      </c>
      <c r="L17527" s="6" t="s">
        <v>51</v>
      </c>
    </row>
    <row r="17528" spans="1:12">
      <c r="A17528" s="6" t="s">
        <v>17224</v>
      </c>
      <c r="B17528" s="6"/>
      <c r="C17528" s="6" t="s">
        <v>17560</v>
      </c>
      <c r="D17528" s="6"/>
      <c r="E17528" s="6" t="s">
        <v>9</v>
      </c>
      <c r="F17528" s="7">
        <v>38657</v>
      </c>
      <c r="G17528" s="8">
        <v>1</v>
      </c>
      <c r="H17528" s="8">
        <v>1</v>
      </c>
      <c r="I17528" s="8">
        <v>0</v>
      </c>
      <c r="J17528" s="8">
        <v>1</v>
      </c>
      <c r="K17528" s="9">
        <v>59.75</v>
      </c>
      <c r="L17528" s="6" t="s">
        <v>51</v>
      </c>
    </row>
    <row r="17529" spans="1:12">
      <c r="A17529" s="6" t="s">
        <v>17224</v>
      </c>
      <c r="B17529" s="6"/>
      <c r="C17529" s="6" t="s">
        <v>17561</v>
      </c>
      <c r="D17529" s="6"/>
      <c r="E17529" s="6" t="s">
        <v>9</v>
      </c>
      <c r="F17529" s="7">
        <v>38657</v>
      </c>
      <c r="G17529" s="8">
        <v>1</v>
      </c>
      <c r="H17529" s="8">
        <v>1</v>
      </c>
      <c r="I17529" s="8">
        <v>0</v>
      </c>
      <c r="J17529" s="8">
        <v>1</v>
      </c>
      <c r="K17529" s="9">
        <v>10</v>
      </c>
      <c r="L17529" s="6" t="s">
        <v>51</v>
      </c>
    </row>
    <row r="17530" spans="1:12">
      <c r="A17530" s="6" t="s">
        <v>17224</v>
      </c>
      <c r="B17530" s="6"/>
      <c r="C17530" s="6" t="s">
        <v>17562</v>
      </c>
      <c r="D17530" s="6"/>
      <c r="E17530" s="6" t="s">
        <v>9</v>
      </c>
      <c r="F17530" s="7">
        <v>38657</v>
      </c>
      <c r="G17530" s="8">
        <v>1</v>
      </c>
      <c r="H17530" s="8">
        <v>1</v>
      </c>
      <c r="I17530" s="8">
        <v>0</v>
      </c>
      <c r="J17530" s="8">
        <v>1</v>
      </c>
      <c r="K17530" s="9">
        <v>0.82</v>
      </c>
      <c r="L17530" s="6" t="s">
        <v>51</v>
      </c>
    </row>
    <row r="17531" spans="1:12">
      <c r="A17531" s="6" t="s">
        <v>17224</v>
      </c>
      <c r="B17531" s="6"/>
      <c r="C17531" s="6" t="s">
        <v>17563</v>
      </c>
      <c r="D17531" s="6"/>
      <c r="E17531" s="6" t="s">
        <v>9</v>
      </c>
      <c r="F17531" s="7">
        <v>38657</v>
      </c>
      <c r="G17531" s="8">
        <v>1</v>
      </c>
      <c r="H17531" s="8">
        <v>1</v>
      </c>
      <c r="I17531" s="8">
        <v>0</v>
      </c>
      <c r="J17531" s="8">
        <v>1</v>
      </c>
      <c r="K17531" s="9">
        <v>381</v>
      </c>
      <c r="L17531" s="6" t="s">
        <v>51</v>
      </c>
    </row>
    <row r="17532" spans="1:12">
      <c r="A17532" s="6" t="s">
        <v>17224</v>
      </c>
      <c r="B17532" s="6"/>
      <c r="C17532" s="6" t="s">
        <v>17564</v>
      </c>
      <c r="D17532" s="6"/>
      <c r="E17532" s="6" t="s">
        <v>9</v>
      </c>
      <c r="F17532" s="7">
        <v>38657</v>
      </c>
      <c r="G17532" s="8">
        <v>1</v>
      </c>
      <c r="H17532" s="8">
        <v>1</v>
      </c>
      <c r="I17532" s="8">
        <v>0</v>
      </c>
      <c r="J17532" s="8">
        <v>1</v>
      </c>
      <c r="K17532" s="9">
        <v>183</v>
      </c>
      <c r="L17532" s="6" t="s">
        <v>51</v>
      </c>
    </row>
    <row r="17533" spans="1:12">
      <c r="A17533" s="6" t="s">
        <v>17224</v>
      </c>
      <c r="B17533" s="6"/>
      <c r="C17533" s="6" t="s">
        <v>17565</v>
      </c>
      <c r="D17533" s="6"/>
      <c r="E17533" s="6" t="s">
        <v>9</v>
      </c>
      <c r="F17533" s="7">
        <v>38657</v>
      </c>
      <c r="G17533" s="8">
        <v>1</v>
      </c>
      <c r="H17533" s="8">
        <v>1</v>
      </c>
      <c r="I17533" s="8">
        <v>0</v>
      </c>
      <c r="J17533" s="8">
        <v>1</v>
      </c>
      <c r="K17533" s="9">
        <v>161.71</v>
      </c>
      <c r="L17533" s="6" t="s">
        <v>51</v>
      </c>
    </row>
    <row r="17534" spans="1:12">
      <c r="A17534" s="6" t="s">
        <v>17224</v>
      </c>
      <c r="B17534" s="6"/>
      <c r="C17534" s="6" t="s">
        <v>17566</v>
      </c>
      <c r="D17534" s="6"/>
      <c r="E17534" s="6" t="s">
        <v>9</v>
      </c>
      <c r="F17534" s="7">
        <v>38657</v>
      </c>
      <c r="G17534" s="8">
        <v>1</v>
      </c>
      <c r="H17534" s="8">
        <v>1</v>
      </c>
      <c r="I17534" s="8">
        <v>0</v>
      </c>
      <c r="J17534" s="8">
        <v>1</v>
      </c>
      <c r="K17534" s="9">
        <v>120</v>
      </c>
      <c r="L17534" s="6" t="s">
        <v>51</v>
      </c>
    </row>
    <row r="17535" spans="1:12">
      <c r="A17535" s="6" t="s">
        <v>17224</v>
      </c>
      <c r="B17535" s="6"/>
      <c r="C17535" s="6" t="s">
        <v>17567</v>
      </c>
      <c r="D17535" s="6"/>
      <c r="E17535" s="6" t="s">
        <v>9</v>
      </c>
      <c r="F17535" s="7">
        <v>38657</v>
      </c>
      <c r="G17535" s="8">
        <v>1</v>
      </c>
      <c r="H17535" s="8">
        <v>1</v>
      </c>
      <c r="I17535" s="8">
        <v>0</v>
      </c>
      <c r="J17535" s="8">
        <v>1</v>
      </c>
      <c r="K17535" s="9">
        <v>17</v>
      </c>
      <c r="L17535" s="6" t="s">
        <v>51</v>
      </c>
    </row>
    <row r="17536" spans="1:12">
      <c r="A17536" s="6" t="s">
        <v>17224</v>
      </c>
      <c r="B17536" s="6"/>
      <c r="C17536" s="6" t="s">
        <v>17568</v>
      </c>
      <c r="D17536" s="6"/>
      <c r="E17536" s="6" t="s">
        <v>9</v>
      </c>
      <c r="F17536" s="7">
        <v>38657</v>
      </c>
      <c r="G17536" s="8">
        <v>1</v>
      </c>
      <c r="H17536" s="8">
        <v>1</v>
      </c>
      <c r="I17536" s="8">
        <v>0</v>
      </c>
      <c r="J17536" s="8">
        <v>1</v>
      </c>
      <c r="K17536" s="9">
        <v>79</v>
      </c>
      <c r="L17536" s="6" t="s">
        <v>51</v>
      </c>
    </row>
    <row r="17537" spans="1:12">
      <c r="A17537" s="6" t="s">
        <v>17224</v>
      </c>
      <c r="B17537" s="6"/>
      <c r="C17537" s="6" t="s">
        <v>17569</v>
      </c>
      <c r="D17537" s="6"/>
      <c r="E17537" s="6" t="s">
        <v>9</v>
      </c>
      <c r="F17537" s="7">
        <v>38657</v>
      </c>
      <c r="G17537" s="8">
        <v>1</v>
      </c>
      <c r="H17537" s="8">
        <v>1</v>
      </c>
      <c r="I17537" s="8">
        <v>0</v>
      </c>
      <c r="J17537" s="8">
        <v>1</v>
      </c>
      <c r="K17537" s="9">
        <v>189</v>
      </c>
      <c r="L17537" s="6" t="s">
        <v>51</v>
      </c>
    </row>
    <row r="17538" spans="1:12">
      <c r="A17538" s="6" t="s">
        <v>17224</v>
      </c>
      <c r="B17538" s="6"/>
      <c r="C17538" s="6" t="s">
        <v>17570</v>
      </c>
      <c r="D17538" s="6"/>
      <c r="E17538" s="6" t="s">
        <v>9</v>
      </c>
      <c r="F17538" s="7">
        <v>38657</v>
      </c>
      <c r="G17538" s="8">
        <v>1</v>
      </c>
      <c r="H17538" s="8">
        <v>1</v>
      </c>
      <c r="I17538" s="8">
        <v>0</v>
      </c>
      <c r="J17538" s="8">
        <v>1</v>
      </c>
      <c r="K17538" s="9">
        <v>37</v>
      </c>
      <c r="L17538" s="6" t="s">
        <v>51</v>
      </c>
    </row>
    <row r="17539" spans="1:12">
      <c r="A17539" s="6" t="s">
        <v>17224</v>
      </c>
      <c r="B17539" s="6"/>
      <c r="C17539" s="6" t="s">
        <v>17571</v>
      </c>
      <c r="D17539" s="6"/>
      <c r="E17539" s="6" t="s">
        <v>9</v>
      </c>
      <c r="F17539" s="7">
        <v>38657</v>
      </c>
      <c r="G17539" s="8">
        <v>1</v>
      </c>
      <c r="H17539" s="8">
        <v>1</v>
      </c>
      <c r="I17539" s="8">
        <v>0</v>
      </c>
      <c r="J17539" s="8">
        <v>1</v>
      </c>
      <c r="K17539" s="9">
        <v>13.22</v>
      </c>
      <c r="L17539" s="6" t="s">
        <v>51</v>
      </c>
    </row>
    <row r="17540" spans="1:12">
      <c r="A17540" s="6" t="s">
        <v>17224</v>
      </c>
      <c r="B17540" s="6"/>
      <c r="C17540" s="6" t="s">
        <v>17572</v>
      </c>
      <c r="D17540" s="6"/>
      <c r="E17540" s="6" t="s">
        <v>9</v>
      </c>
      <c r="F17540" s="7">
        <v>38657</v>
      </c>
      <c r="G17540" s="8">
        <v>1</v>
      </c>
      <c r="H17540" s="8">
        <v>1</v>
      </c>
      <c r="I17540" s="8">
        <v>0</v>
      </c>
      <c r="J17540" s="8">
        <v>1</v>
      </c>
      <c r="K17540" s="9">
        <v>15</v>
      </c>
      <c r="L17540" s="6" t="s">
        <v>51</v>
      </c>
    </row>
    <row r="17541" spans="1:12">
      <c r="A17541" s="6" t="s">
        <v>17224</v>
      </c>
      <c r="B17541" s="6"/>
      <c r="C17541" s="6" t="s">
        <v>17573</v>
      </c>
      <c r="D17541" s="6"/>
      <c r="E17541" s="6" t="s">
        <v>9</v>
      </c>
      <c r="F17541" s="7">
        <v>38657</v>
      </c>
      <c r="G17541" s="8">
        <v>1</v>
      </c>
      <c r="H17541" s="8">
        <v>1</v>
      </c>
      <c r="I17541" s="8">
        <v>0</v>
      </c>
      <c r="J17541" s="8">
        <v>1</v>
      </c>
      <c r="K17541" s="9">
        <v>85</v>
      </c>
      <c r="L17541" s="6" t="s">
        <v>51</v>
      </c>
    </row>
    <row r="17542" spans="1:12">
      <c r="A17542" s="6" t="s">
        <v>17224</v>
      </c>
      <c r="B17542" s="6"/>
      <c r="C17542" s="6" t="s">
        <v>17574</v>
      </c>
      <c r="D17542" s="6"/>
      <c r="E17542" s="6" t="s">
        <v>9</v>
      </c>
      <c r="F17542" s="7">
        <v>38657</v>
      </c>
      <c r="G17542" s="8">
        <v>1</v>
      </c>
      <c r="H17542" s="8">
        <v>1</v>
      </c>
      <c r="I17542" s="8">
        <v>0</v>
      </c>
      <c r="J17542" s="8">
        <v>1</v>
      </c>
      <c r="K17542" s="9">
        <v>174.8</v>
      </c>
      <c r="L17542" s="6" t="s">
        <v>51</v>
      </c>
    </row>
    <row r="17543" spans="1:12">
      <c r="A17543" s="6" t="s">
        <v>17224</v>
      </c>
      <c r="B17543" s="6"/>
      <c r="C17543" s="6" t="s">
        <v>17575</v>
      </c>
      <c r="D17543" s="6"/>
      <c r="E17543" s="6" t="s">
        <v>9</v>
      </c>
      <c r="F17543" s="7">
        <v>38657</v>
      </c>
      <c r="G17543" s="8">
        <v>1</v>
      </c>
      <c r="H17543" s="8">
        <v>1</v>
      </c>
      <c r="I17543" s="8">
        <v>0</v>
      </c>
      <c r="J17543" s="8">
        <v>1</v>
      </c>
      <c r="K17543" s="9">
        <v>4.5199999999999898</v>
      </c>
      <c r="L17543" s="6" t="s">
        <v>51</v>
      </c>
    </row>
    <row r="17544" spans="1:12">
      <c r="A17544" s="6" t="s">
        <v>17224</v>
      </c>
      <c r="B17544" s="6"/>
      <c r="C17544" s="6" t="s">
        <v>17576</v>
      </c>
      <c r="D17544" s="6"/>
      <c r="E17544" s="6" t="s">
        <v>9</v>
      </c>
      <c r="F17544" s="7">
        <v>38657</v>
      </c>
      <c r="G17544" s="8">
        <v>1</v>
      </c>
      <c r="H17544" s="8">
        <v>1</v>
      </c>
      <c r="I17544" s="8">
        <v>0</v>
      </c>
      <c r="J17544" s="8">
        <v>1</v>
      </c>
      <c r="K17544" s="9">
        <v>55.2</v>
      </c>
      <c r="L17544" s="6" t="s">
        <v>51</v>
      </c>
    </row>
    <row r="17545" spans="1:12">
      <c r="A17545" s="6" t="s">
        <v>17224</v>
      </c>
      <c r="B17545" s="6"/>
      <c r="C17545" s="6" t="s">
        <v>17577</v>
      </c>
      <c r="D17545" s="6"/>
      <c r="E17545" s="6" t="s">
        <v>9</v>
      </c>
      <c r="F17545" s="7">
        <v>38657</v>
      </c>
      <c r="G17545" s="8">
        <v>1</v>
      </c>
      <c r="H17545" s="8">
        <v>1</v>
      </c>
      <c r="I17545" s="8">
        <v>0</v>
      </c>
      <c r="J17545" s="8">
        <v>1</v>
      </c>
      <c r="K17545" s="9">
        <v>99</v>
      </c>
      <c r="L17545" s="6" t="s">
        <v>51</v>
      </c>
    </row>
    <row r="17546" spans="1:12">
      <c r="A17546" s="6" t="s">
        <v>17224</v>
      </c>
      <c r="B17546" s="6"/>
      <c r="C17546" s="6" t="s">
        <v>17578</v>
      </c>
      <c r="D17546" s="6"/>
      <c r="E17546" s="6" t="s">
        <v>9</v>
      </c>
      <c r="F17546" s="7">
        <v>38657</v>
      </c>
      <c r="G17546" s="8">
        <v>1</v>
      </c>
      <c r="H17546" s="8">
        <v>1</v>
      </c>
      <c r="I17546" s="8">
        <v>0</v>
      </c>
      <c r="J17546" s="8">
        <v>1</v>
      </c>
      <c r="K17546" s="9">
        <v>4.79</v>
      </c>
      <c r="L17546" s="6" t="s">
        <v>51</v>
      </c>
    </row>
    <row r="17547" spans="1:12">
      <c r="A17547" s="6" t="s">
        <v>17224</v>
      </c>
      <c r="B17547" s="6"/>
      <c r="C17547" s="6" t="s">
        <v>17579</v>
      </c>
      <c r="D17547" s="6"/>
      <c r="E17547" s="6" t="s">
        <v>9</v>
      </c>
      <c r="F17547" s="7">
        <v>38657</v>
      </c>
      <c r="G17547" s="8">
        <v>1</v>
      </c>
      <c r="H17547" s="8">
        <v>1</v>
      </c>
      <c r="I17547" s="8">
        <v>0</v>
      </c>
      <c r="J17547" s="8">
        <v>1</v>
      </c>
      <c r="K17547" s="9">
        <v>139</v>
      </c>
      <c r="L17547" s="6" t="s">
        <v>51</v>
      </c>
    </row>
    <row r="17548" spans="1:12">
      <c r="A17548" s="6" t="s">
        <v>17224</v>
      </c>
      <c r="B17548" s="6"/>
      <c r="C17548" s="6" t="s">
        <v>17580</v>
      </c>
      <c r="D17548" s="6"/>
      <c r="E17548" s="6" t="s">
        <v>9</v>
      </c>
      <c r="F17548" s="7">
        <v>38657</v>
      </c>
      <c r="G17548" s="8">
        <v>1</v>
      </c>
      <c r="H17548" s="8">
        <v>1</v>
      </c>
      <c r="I17548" s="8">
        <v>0</v>
      </c>
      <c r="J17548" s="8">
        <v>1</v>
      </c>
      <c r="K17548" s="9">
        <v>114.02</v>
      </c>
      <c r="L17548" s="6" t="s">
        <v>51</v>
      </c>
    </row>
    <row r="17549" spans="1:12">
      <c r="A17549" s="6" t="s">
        <v>17224</v>
      </c>
      <c r="B17549" s="6"/>
      <c r="C17549" s="6" t="s">
        <v>17581</v>
      </c>
      <c r="D17549" s="6"/>
      <c r="E17549" s="6" t="s">
        <v>9</v>
      </c>
      <c r="F17549" s="7">
        <v>38657</v>
      </c>
      <c r="G17549" s="8">
        <v>1</v>
      </c>
      <c r="H17549" s="8">
        <v>1</v>
      </c>
      <c r="I17549" s="8">
        <v>0</v>
      </c>
      <c r="J17549" s="8">
        <v>1</v>
      </c>
      <c r="K17549" s="9">
        <v>19</v>
      </c>
      <c r="L17549" s="6" t="s">
        <v>51</v>
      </c>
    </row>
    <row r="17550" spans="1:12">
      <c r="A17550" s="6" t="s">
        <v>17224</v>
      </c>
      <c r="B17550" s="6"/>
      <c r="C17550" s="6" t="s">
        <v>17582</v>
      </c>
      <c r="D17550" s="6"/>
      <c r="E17550" s="6" t="s">
        <v>9</v>
      </c>
      <c r="F17550" s="7">
        <v>38657</v>
      </c>
      <c r="G17550" s="8">
        <v>1</v>
      </c>
      <c r="H17550" s="8">
        <v>1</v>
      </c>
      <c r="I17550" s="8">
        <v>0</v>
      </c>
      <c r="J17550" s="8">
        <v>1</v>
      </c>
      <c r="K17550" s="9">
        <v>18.63</v>
      </c>
      <c r="L17550" s="6" t="s">
        <v>51</v>
      </c>
    </row>
    <row r="17551" spans="1:12">
      <c r="A17551" s="6" t="s">
        <v>17224</v>
      </c>
      <c r="B17551" s="6"/>
      <c r="C17551" s="6" t="s">
        <v>17583</v>
      </c>
      <c r="D17551" s="6"/>
      <c r="E17551" s="6" t="s">
        <v>9</v>
      </c>
      <c r="F17551" s="7">
        <v>38657</v>
      </c>
      <c r="G17551" s="8">
        <v>1</v>
      </c>
      <c r="H17551" s="8">
        <v>1</v>
      </c>
      <c r="I17551" s="8">
        <v>0</v>
      </c>
      <c r="J17551" s="8">
        <v>1</v>
      </c>
      <c r="K17551" s="9">
        <v>8.32</v>
      </c>
      <c r="L17551" s="6" t="s">
        <v>51</v>
      </c>
    </row>
    <row r="17552" spans="1:12">
      <c r="A17552" s="6" t="s">
        <v>17224</v>
      </c>
      <c r="B17552" s="6"/>
      <c r="C17552" s="6" t="s">
        <v>17584</v>
      </c>
      <c r="D17552" s="6"/>
      <c r="E17552" s="6" t="s">
        <v>9</v>
      </c>
      <c r="F17552" s="7">
        <v>38657</v>
      </c>
      <c r="G17552" s="8">
        <v>1</v>
      </c>
      <c r="H17552" s="8">
        <v>1</v>
      </c>
      <c r="I17552" s="8">
        <v>0</v>
      </c>
      <c r="J17552" s="8">
        <v>1</v>
      </c>
      <c r="K17552" s="9">
        <v>27</v>
      </c>
      <c r="L17552" s="6" t="s">
        <v>51</v>
      </c>
    </row>
    <row r="17553" spans="1:12">
      <c r="A17553" s="6" t="s">
        <v>17224</v>
      </c>
      <c r="B17553" s="6"/>
      <c r="C17553" s="6" t="s">
        <v>17585</v>
      </c>
      <c r="D17553" s="6"/>
      <c r="E17553" s="6" t="s">
        <v>9</v>
      </c>
      <c r="F17553" s="7">
        <v>38657</v>
      </c>
      <c r="G17553" s="8">
        <v>1</v>
      </c>
      <c r="H17553" s="8">
        <v>1</v>
      </c>
      <c r="I17553" s="8">
        <v>0</v>
      </c>
      <c r="J17553" s="8">
        <v>1</v>
      </c>
      <c r="K17553" s="9">
        <v>3.05</v>
      </c>
      <c r="L17553" s="6" t="s">
        <v>51</v>
      </c>
    </row>
    <row r="17554" spans="1:12">
      <c r="A17554" s="6" t="s">
        <v>17224</v>
      </c>
      <c r="B17554" s="6"/>
      <c r="C17554" s="6" t="s">
        <v>17586</v>
      </c>
      <c r="D17554" s="6"/>
      <c r="E17554" s="6" t="s">
        <v>9</v>
      </c>
      <c r="F17554" s="7">
        <v>38657</v>
      </c>
      <c r="G17554" s="8">
        <v>1</v>
      </c>
      <c r="H17554" s="8">
        <v>1</v>
      </c>
      <c r="I17554" s="8">
        <v>0</v>
      </c>
      <c r="J17554" s="8">
        <v>1</v>
      </c>
      <c r="K17554" s="9">
        <v>1.32</v>
      </c>
      <c r="L17554" s="6" t="s">
        <v>51</v>
      </c>
    </row>
    <row r="17555" spans="1:12">
      <c r="A17555" s="6" t="s">
        <v>17224</v>
      </c>
      <c r="B17555" s="6"/>
      <c r="C17555" s="6" t="s">
        <v>17587</v>
      </c>
      <c r="D17555" s="6"/>
      <c r="E17555" s="6" t="s">
        <v>9</v>
      </c>
      <c r="F17555" s="7">
        <v>38657</v>
      </c>
      <c r="G17555" s="8">
        <v>1</v>
      </c>
      <c r="H17555" s="8">
        <v>1</v>
      </c>
      <c r="I17555" s="8">
        <v>0</v>
      </c>
      <c r="J17555" s="8">
        <v>1</v>
      </c>
      <c r="K17555" s="9">
        <v>4.71</v>
      </c>
      <c r="L17555" s="6" t="s">
        <v>51</v>
      </c>
    </row>
    <row r="17556" spans="1:12">
      <c r="A17556" s="6" t="s">
        <v>17224</v>
      </c>
      <c r="B17556" s="6"/>
      <c r="C17556" s="6" t="s">
        <v>17588</v>
      </c>
      <c r="D17556" s="6"/>
      <c r="E17556" s="6" t="s">
        <v>9</v>
      </c>
      <c r="F17556" s="7">
        <v>38657</v>
      </c>
      <c r="G17556" s="8">
        <v>1</v>
      </c>
      <c r="H17556" s="8">
        <v>1</v>
      </c>
      <c r="I17556" s="8">
        <v>0</v>
      </c>
      <c r="J17556" s="8">
        <v>1</v>
      </c>
      <c r="K17556" s="9">
        <v>65</v>
      </c>
      <c r="L17556" s="6" t="s">
        <v>51</v>
      </c>
    </row>
    <row r="17557" spans="1:12">
      <c r="A17557" s="6" t="s">
        <v>17224</v>
      </c>
      <c r="B17557" s="6"/>
      <c r="C17557" s="6" t="s">
        <v>17589</v>
      </c>
      <c r="D17557" s="6"/>
      <c r="E17557" s="6" t="s">
        <v>9</v>
      </c>
      <c r="F17557" s="7">
        <v>38657</v>
      </c>
      <c r="G17557" s="8">
        <v>1</v>
      </c>
      <c r="H17557" s="8">
        <v>1</v>
      </c>
      <c r="I17557" s="8">
        <v>0</v>
      </c>
      <c r="J17557" s="8">
        <v>1</v>
      </c>
      <c r="K17557" s="9">
        <v>99</v>
      </c>
      <c r="L17557" s="6" t="s">
        <v>51</v>
      </c>
    </row>
    <row r="17558" spans="1:12">
      <c r="A17558" s="6" t="s">
        <v>17224</v>
      </c>
      <c r="B17558" s="6"/>
      <c r="C17558" s="6" t="s">
        <v>17590</v>
      </c>
      <c r="D17558" s="6"/>
      <c r="E17558" s="6" t="s">
        <v>9</v>
      </c>
      <c r="F17558" s="7">
        <v>38657</v>
      </c>
      <c r="G17558" s="8">
        <v>1</v>
      </c>
      <c r="H17558" s="8">
        <v>1</v>
      </c>
      <c r="I17558" s="8">
        <v>0</v>
      </c>
      <c r="J17558" s="8">
        <v>1</v>
      </c>
      <c r="K17558" s="9">
        <v>8.0399999999999903</v>
      </c>
      <c r="L17558" s="6" t="s">
        <v>51</v>
      </c>
    </row>
    <row r="17559" spans="1:12">
      <c r="A17559" s="6" t="s">
        <v>17224</v>
      </c>
      <c r="B17559" s="6"/>
      <c r="C17559" s="6" t="s">
        <v>17591</v>
      </c>
      <c r="D17559" s="6"/>
      <c r="E17559" s="6" t="s">
        <v>9</v>
      </c>
      <c r="F17559" s="7">
        <v>38657</v>
      </c>
      <c r="G17559" s="8">
        <v>1</v>
      </c>
      <c r="H17559" s="8">
        <v>1</v>
      </c>
      <c r="I17559" s="8">
        <v>0</v>
      </c>
      <c r="J17559" s="8">
        <v>1</v>
      </c>
      <c r="K17559" s="9">
        <v>39</v>
      </c>
      <c r="L17559" s="6" t="s">
        <v>51</v>
      </c>
    </row>
    <row r="17560" spans="1:12">
      <c r="A17560" s="6" t="s">
        <v>17224</v>
      </c>
      <c r="B17560" s="6"/>
      <c r="C17560" s="6" t="s">
        <v>17592</v>
      </c>
      <c r="D17560" s="6"/>
      <c r="E17560" s="6" t="s">
        <v>9</v>
      </c>
      <c r="F17560" s="7">
        <v>38657</v>
      </c>
      <c r="G17560" s="8">
        <v>1</v>
      </c>
      <c r="H17560" s="8">
        <v>1</v>
      </c>
      <c r="I17560" s="8">
        <v>0</v>
      </c>
      <c r="J17560" s="8">
        <v>1</v>
      </c>
      <c r="K17560" s="9">
        <v>10</v>
      </c>
      <c r="L17560" s="6" t="s">
        <v>51</v>
      </c>
    </row>
    <row r="17561" spans="1:12">
      <c r="A17561" s="6" t="s">
        <v>17224</v>
      </c>
      <c r="B17561" s="6"/>
      <c r="C17561" s="6" t="s">
        <v>17593</v>
      </c>
      <c r="D17561" s="6"/>
      <c r="E17561" s="6" t="s">
        <v>9</v>
      </c>
      <c r="F17561" s="7">
        <v>38657</v>
      </c>
      <c r="G17561" s="8">
        <v>1</v>
      </c>
      <c r="H17561" s="8">
        <v>1</v>
      </c>
      <c r="I17561" s="8">
        <v>0</v>
      </c>
      <c r="J17561" s="8">
        <v>1</v>
      </c>
      <c r="K17561" s="9">
        <v>43.84</v>
      </c>
      <c r="L17561" s="6" t="s">
        <v>51</v>
      </c>
    </row>
    <row r="17562" spans="1:12">
      <c r="A17562" s="6" t="s">
        <v>17224</v>
      </c>
      <c r="B17562" s="6"/>
      <c r="C17562" s="6" t="s">
        <v>17594</v>
      </c>
      <c r="D17562" s="6"/>
      <c r="E17562" s="6" t="s">
        <v>9</v>
      </c>
      <c r="F17562" s="7"/>
      <c r="G17562" s="8">
        <v>319813</v>
      </c>
      <c r="H17562" s="8">
        <v>319813</v>
      </c>
      <c r="I17562" s="8">
        <v>0</v>
      </c>
      <c r="J17562" s="8">
        <v>319813</v>
      </c>
      <c r="K17562" s="9">
        <v>16.649999999999899</v>
      </c>
      <c r="L17562" s="6" t="s">
        <v>10</v>
      </c>
    </row>
    <row r="17563" spans="1:12">
      <c r="A17563" s="6" t="s">
        <v>17224</v>
      </c>
      <c r="B17563" s="6"/>
      <c r="C17563" s="6" t="s">
        <v>17595</v>
      </c>
      <c r="D17563" s="6"/>
      <c r="E17563" s="6" t="s">
        <v>9</v>
      </c>
      <c r="F17563" s="7"/>
      <c r="G17563" s="8">
        <v>1527036</v>
      </c>
      <c r="H17563" s="8">
        <v>1527036</v>
      </c>
      <c r="I17563" s="8">
        <v>0</v>
      </c>
      <c r="J17563" s="8">
        <v>1527036</v>
      </c>
      <c r="K17563" s="9">
        <v>79.5</v>
      </c>
      <c r="L17563" s="6" t="s">
        <v>10</v>
      </c>
    </row>
    <row r="17564" spans="1:12">
      <c r="A17564" s="6" t="s">
        <v>17224</v>
      </c>
      <c r="B17564" s="6"/>
      <c r="C17564" s="6" t="s">
        <v>17596</v>
      </c>
      <c r="D17564" s="6"/>
      <c r="E17564" s="6" t="s">
        <v>9</v>
      </c>
      <c r="F17564" s="7">
        <v>38657</v>
      </c>
      <c r="G17564" s="8">
        <v>1</v>
      </c>
      <c r="H17564" s="8">
        <v>1</v>
      </c>
      <c r="I17564" s="8">
        <v>0</v>
      </c>
      <c r="J17564" s="8">
        <v>1</v>
      </c>
      <c r="K17564" s="9">
        <v>9.24</v>
      </c>
      <c r="L17564" s="6" t="s">
        <v>51</v>
      </c>
    </row>
    <row r="17565" spans="1:12">
      <c r="A17565" s="6" t="s">
        <v>17224</v>
      </c>
      <c r="B17565" s="6"/>
      <c r="C17565" s="6" t="s">
        <v>17597</v>
      </c>
      <c r="D17565" s="6"/>
      <c r="E17565" s="6" t="s">
        <v>9</v>
      </c>
      <c r="F17565" s="7">
        <v>38657</v>
      </c>
      <c r="G17565" s="8">
        <v>1</v>
      </c>
      <c r="H17565" s="8">
        <v>1</v>
      </c>
      <c r="I17565" s="8">
        <v>0</v>
      </c>
      <c r="J17565" s="8">
        <v>1</v>
      </c>
      <c r="K17565" s="9">
        <v>64</v>
      </c>
      <c r="L17565" s="6" t="s">
        <v>51</v>
      </c>
    </row>
    <row r="17566" spans="1:12">
      <c r="A17566" s="6" t="s">
        <v>17224</v>
      </c>
      <c r="B17566" s="6"/>
      <c r="C17566" s="6" t="s">
        <v>17598</v>
      </c>
      <c r="D17566" s="6"/>
      <c r="E17566" s="6" t="s">
        <v>9</v>
      </c>
      <c r="F17566" s="7">
        <v>38657</v>
      </c>
      <c r="G17566" s="8">
        <v>1</v>
      </c>
      <c r="H17566" s="8">
        <v>1</v>
      </c>
      <c r="I17566" s="8">
        <v>0</v>
      </c>
      <c r="J17566" s="8">
        <v>1</v>
      </c>
      <c r="K17566" s="9">
        <v>23</v>
      </c>
      <c r="L17566" s="6" t="s">
        <v>51</v>
      </c>
    </row>
    <row r="17567" spans="1:12">
      <c r="A17567" s="6" t="s">
        <v>17224</v>
      </c>
      <c r="B17567" s="6"/>
      <c r="C17567" s="6" t="s">
        <v>17599</v>
      </c>
      <c r="D17567" s="6"/>
      <c r="E17567" s="6" t="s">
        <v>9</v>
      </c>
      <c r="F17567" s="7"/>
      <c r="G17567" s="8">
        <v>1</v>
      </c>
      <c r="H17567" s="8">
        <v>1</v>
      </c>
      <c r="I17567" s="8">
        <v>0</v>
      </c>
      <c r="J17567" s="8">
        <v>1</v>
      </c>
      <c r="K17567" s="9">
        <v>19</v>
      </c>
      <c r="L17567" s="6" t="s">
        <v>4773</v>
      </c>
    </row>
    <row r="17568" spans="1:12">
      <c r="A17568" s="6" t="s">
        <v>17224</v>
      </c>
      <c r="B17568" s="6"/>
      <c r="C17568" s="6" t="s">
        <v>17600</v>
      </c>
      <c r="D17568" s="6"/>
      <c r="E17568" s="6" t="s">
        <v>9</v>
      </c>
      <c r="F17568" s="7"/>
      <c r="G17568" s="8">
        <v>1</v>
      </c>
      <c r="H17568" s="8">
        <v>1</v>
      </c>
      <c r="I17568" s="8">
        <v>0</v>
      </c>
      <c r="J17568" s="8">
        <v>1</v>
      </c>
      <c r="K17568" s="9">
        <v>49</v>
      </c>
      <c r="L17568" s="6" t="s">
        <v>51</v>
      </c>
    </row>
    <row r="17569" spans="1:12">
      <c r="A17569" s="6" t="s">
        <v>17224</v>
      </c>
      <c r="B17569" s="6"/>
      <c r="C17569" s="6" t="s">
        <v>17601</v>
      </c>
      <c r="D17569" s="6"/>
      <c r="E17569" s="6" t="s">
        <v>9</v>
      </c>
      <c r="F17569" s="7"/>
      <c r="G17569" s="8">
        <v>1</v>
      </c>
      <c r="H17569" s="8">
        <v>1</v>
      </c>
      <c r="I17569" s="8">
        <v>0</v>
      </c>
      <c r="J17569" s="8">
        <v>1</v>
      </c>
      <c r="K17569" s="9">
        <v>6.61</v>
      </c>
      <c r="L17569" s="6" t="s">
        <v>4773</v>
      </c>
    </row>
    <row r="17570" spans="1:12">
      <c r="A17570" s="6" t="s">
        <v>17224</v>
      </c>
      <c r="B17570" s="6"/>
      <c r="C17570" s="6" t="s">
        <v>17602</v>
      </c>
      <c r="D17570" s="6"/>
      <c r="E17570" s="6" t="s">
        <v>9</v>
      </c>
      <c r="F17570" s="7"/>
      <c r="G17570" s="8">
        <v>1</v>
      </c>
      <c r="H17570" s="8">
        <v>1</v>
      </c>
      <c r="I17570" s="8">
        <v>0</v>
      </c>
      <c r="J17570" s="8">
        <v>1</v>
      </c>
      <c r="K17570" s="9">
        <v>16</v>
      </c>
      <c r="L17570" s="6" t="s">
        <v>51</v>
      </c>
    </row>
    <row r="17571" spans="1:12">
      <c r="A17571" s="6" t="s">
        <v>17224</v>
      </c>
      <c r="B17571" s="6"/>
      <c r="C17571" s="6" t="s">
        <v>17603</v>
      </c>
      <c r="D17571" s="6"/>
      <c r="E17571" s="6" t="s">
        <v>9</v>
      </c>
      <c r="F17571" s="7"/>
      <c r="G17571" s="8">
        <v>1</v>
      </c>
      <c r="H17571" s="8">
        <v>1</v>
      </c>
      <c r="I17571" s="8">
        <v>0</v>
      </c>
      <c r="J17571" s="8">
        <v>1</v>
      </c>
      <c r="K17571" s="9">
        <v>3.3</v>
      </c>
      <c r="L17571" s="6" t="s">
        <v>1842</v>
      </c>
    </row>
    <row r="17572" spans="1:12">
      <c r="A17572" s="6" t="s">
        <v>17224</v>
      </c>
      <c r="B17572" s="6"/>
      <c r="C17572" s="6" t="s">
        <v>17604</v>
      </c>
      <c r="D17572" s="6"/>
      <c r="E17572" s="6" t="s">
        <v>9</v>
      </c>
      <c r="F17572" s="7">
        <v>38657</v>
      </c>
      <c r="G17572" s="8">
        <v>1</v>
      </c>
      <c r="H17572" s="8">
        <v>1</v>
      </c>
      <c r="I17572" s="8">
        <v>0</v>
      </c>
      <c r="J17572" s="8">
        <v>1</v>
      </c>
      <c r="K17572" s="9">
        <v>19</v>
      </c>
      <c r="L17572" s="6" t="s">
        <v>51</v>
      </c>
    </row>
    <row r="17573" spans="1:12">
      <c r="A17573" s="6" t="s">
        <v>17224</v>
      </c>
      <c r="B17573" s="6"/>
      <c r="C17573" s="6" t="s">
        <v>17605</v>
      </c>
      <c r="D17573" s="6"/>
      <c r="E17573" s="6" t="s">
        <v>9</v>
      </c>
      <c r="F17573" s="7"/>
      <c r="G17573" s="8">
        <v>1</v>
      </c>
      <c r="H17573" s="8">
        <v>1</v>
      </c>
      <c r="I17573" s="8">
        <v>0</v>
      </c>
      <c r="J17573" s="8">
        <v>1</v>
      </c>
      <c r="K17573" s="9">
        <v>6.61</v>
      </c>
      <c r="L17573" s="6" t="s">
        <v>51</v>
      </c>
    </row>
    <row r="17574" spans="1:12">
      <c r="A17574" s="6" t="s">
        <v>17224</v>
      </c>
      <c r="B17574" s="6"/>
      <c r="C17574" s="6" t="s">
        <v>17606</v>
      </c>
      <c r="D17574" s="6"/>
      <c r="E17574" s="6" t="s">
        <v>9</v>
      </c>
      <c r="F17574" s="7"/>
      <c r="G17574" s="8">
        <v>1</v>
      </c>
      <c r="H17574" s="8">
        <v>1</v>
      </c>
      <c r="I17574" s="8">
        <v>0</v>
      </c>
      <c r="J17574" s="8">
        <v>1</v>
      </c>
      <c r="K17574" s="9">
        <v>6.61</v>
      </c>
      <c r="L17574" s="6" t="s">
        <v>51</v>
      </c>
    </row>
    <row r="17575" spans="1:12">
      <c r="A17575" s="6" t="s">
        <v>17224</v>
      </c>
      <c r="B17575" s="6"/>
      <c r="C17575" s="6" t="s">
        <v>17607</v>
      </c>
      <c r="D17575" s="6"/>
      <c r="E17575" s="6" t="s">
        <v>9</v>
      </c>
      <c r="F17575" s="7"/>
      <c r="G17575" s="8">
        <v>1</v>
      </c>
      <c r="H17575" s="8">
        <v>1</v>
      </c>
      <c r="I17575" s="8">
        <v>0</v>
      </c>
      <c r="J17575" s="8">
        <v>1</v>
      </c>
      <c r="K17575" s="9">
        <v>3.3</v>
      </c>
      <c r="L17575" s="6" t="s">
        <v>10</v>
      </c>
    </row>
    <row r="17576" spans="1:12">
      <c r="A17576" s="6" t="s">
        <v>17224</v>
      </c>
      <c r="B17576" s="6"/>
      <c r="C17576" s="6" t="s">
        <v>17608</v>
      </c>
      <c r="D17576" s="6"/>
      <c r="E17576" s="6" t="s">
        <v>9</v>
      </c>
      <c r="F17576" s="7"/>
      <c r="G17576" s="8">
        <v>1</v>
      </c>
      <c r="H17576" s="8">
        <v>1</v>
      </c>
      <c r="I17576" s="8">
        <v>0</v>
      </c>
      <c r="J17576" s="8">
        <v>1</v>
      </c>
      <c r="K17576" s="9">
        <v>3.3</v>
      </c>
      <c r="L17576" s="6" t="s">
        <v>51</v>
      </c>
    </row>
    <row r="17577" spans="1:12">
      <c r="A17577" s="6" t="s">
        <v>17224</v>
      </c>
      <c r="B17577" s="6"/>
      <c r="C17577" s="6" t="s">
        <v>17609</v>
      </c>
      <c r="D17577" s="6"/>
      <c r="E17577" s="6" t="s">
        <v>9</v>
      </c>
      <c r="F17577" s="7"/>
      <c r="G17577" s="8">
        <v>1</v>
      </c>
      <c r="H17577" s="8">
        <v>1</v>
      </c>
      <c r="I17577" s="8">
        <v>0</v>
      </c>
      <c r="J17577" s="8">
        <v>1</v>
      </c>
      <c r="K17577" s="9">
        <v>6.61</v>
      </c>
      <c r="L17577" s="6" t="s">
        <v>51</v>
      </c>
    </row>
    <row r="17578" spans="1:12">
      <c r="A17578" s="6" t="s">
        <v>17224</v>
      </c>
      <c r="B17578" s="6"/>
      <c r="C17578" s="6" t="s">
        <v>17610</v>
      </c>
      <c r="D17578" s="6"/>
      <c r="E17578" s="6" t="s">
        <v>9</v>
      </c>
      <c r="F17578" s="7"/>
      <c r="G17578" s="8">
        <v>1</v>
      </c>
      <c r="H17578" s="8">
        <v>1</v>
      </c>
      <c r="I17578" s="8">
        <v>0</v>
      </c>
      <c r="J17578" s="8">
        <v>1</v>
      </c>
      <c r="K17578" s="9">
        <v>6.61</v>
      </c>
      <c r="L17578" s="6" t="s">
        <v>51</v>
      </c>
    </row>
    <row r="17579" spans="1:12">
      <c r="A17579" s="6" t="s">
        <v>17224</v>
      </c>
      <c r="B17579" s="6"/>
      <c r="C17579" s="6" t="s">
        <v>17611</v>
      </c>
      <c r="D17579" s="6"/>
      <c r="E17579" s="6" t="s">
        <v>9</v>
      </c>
      <c r="F17579" s="7"/>
      <c r="G17579" s="8">
        <v>1</v>
      </c>
      <c r="H17579" s="8">
        <v>1</v>
      </c>
      <c r="I17579" s="8">
        <v>0</v>
      </c>
      <c r="J17579" s="8">
        <v>1</v>
      </c>
      <c r="K17579" s="9">
        <v>6.61</v>
      </c>
      <c r="L17579" s="6" t="s">
        <v>51</v>
      </c>
    </row>
    <row r="17580" spans="1:12">
      <c r="A17580" s="6" t="s">
        <v>17224</v>
      </c>
      <c r="B17580" s="6"/>
      <c r="C17580" s="6" t="s">
        <v>17612</v>
      </c>
      <c r="D17580" s="6"/>
      <c r="E17580" s="6" t="s">
        <v>9</v>
      </c>
      <c r="F17580" s="7"/>
      <c r="G17580" s="8">
        <v>1</v>
      </c>
      <c r="H17580" s="8">
        <v>1</v>
      </c>
      <c r="I17580" s="8">
        <v>0</v>
      </c>
      <c r="J17580" s="8">
        <v>1</v>
      </c>
      <c r="K17580" s="9">
        <v>9.91</v>
      </c>
      <c r="L17580" s="6" t="s">
        <v>51</v>
      </c>
    </row>
    <row r="17581" spans="1:12">
      <c r="A17581" s="6" t="s">
        <v>17224</v>
      </c>
      <c r="B17581" s="6"/>
      <c r="C17581" s="6" t="s">
        <v>17613</v>
      </c>
      <c r="D17581" s="6"/>
      <c r="E17581" s="6" t="s">
        <v>9</v>
      </c>
      <c r="F17581" s="7"/>
      <c r="G17581" s="8">
        <v>1</v>
      </c>
      <c r="H17581" s="8">
        <v>1</v>
      </c>
      <c r="I17581" s="8">
        <v>0</v>
      </c>
      <c r="J17581" s="8">
        <v>1</v>
      </c>
      <c r="K17581" s="9">
        <v>19</v>
      </c>
      <c r="L17581" s="6" t="s">
        <v>51</v>
      </c>
    </row>
    <row r="17582" spans="1:12">
      <c r="A17582" s="6" t="s">
        <v>17224</v>
      </c>
      <c r="B17582" s="6"/>
      <c r="C17582" s="6" t="s">
        <v>17614</v>
      </c>
      <c r="D17582" s="6"/>
      <c r="E17582" s="6" t="s">
        <v>9</v>
      </c>
      <c r="F17582" s="7"/>
      <c r="G17582" s="8">
        <v>1</v>
      </c>
      <c r="H17582" s="8">
        <v>1</v>
      </c>
      <c r="I17582" s="8">
        <v>0</v>
      </c>
      <c r="J17582" s="8">
        <v>1</v>
      </c>
      <c r="K17582" s="9">
        <v>23</v>
      </c>
      <c r="L17582" s="6" t="s">
        <v>51</v>
      </c>
    </row>
    <row r="17583" spans="1:12">
      <c r="A17583" s="6" t="s">
        <v>17224</v>
      </c>
      <c r="B17583" s="6"/>
      <c r="C17583" s="6" t="s">
        <v>17615</v>
      </c>
      <c r="D17583" s="6"/>
      <c r="E17583" s="6" t="s">
        <v>9</v>
      </c>
      <c r="F17583" s="7">
        <v>38657</v>
      </c>
      <c r="G17583" s="8">
        <v>1</v>
      </c>
      <c r="H17583" s="8">
        <v>1</v>
      </c>
      <c r="I17583" s="8">
        <v>0</v>
      </c>
      <c r="J17583" s="8">
        <v>1</v>
      </c>
      <c r="K17583" s="9">
        <v>1.49</v>
      </c>
      <c r="L17583" s="6" t="s">
        <v>51</v>
      </c>
    </row>
    <row r="17584" spans="1:12">
      <c r="A17584" s="6" t="s">
        <v>17224</v>
      </c>
      <c r="B17584" s="6"/>
      <c r="C17584" s="6" t="s">
        <v>17616</v>
      </c>
      <c r="D17584" s="6"/>
      <c r="E17584" s="6" t="s">
        <v>9</v>
      </c>
      <c r="F17584" s="7"/>
      <c r="G17584" s="8">
        <v>1</v>
      </c>
      <c r="H17584" s="8">
        <v>1</v>
      </c>
      <c r="I17584" s="8">
        <v>0</v>
      </c>
      <c r="J17584" s="8">
        <v>1</v>
      </c>
      <c r="K17584" s="9">
        <v>2.94</v>
      </c>
      <c r="L17584" s="6" t="s">
        <v>51</v>
      </c>
    </row>
    <row r="17585" spans="1:12">
      <c r="A17585" s="6" t="s">
        <v>17224</v>
      </c>
      <c r="B17585" s="6"/>
      <c r="C17585" s="6" t="s">
        <v>17617</v>
      </c>
      <c r="D17585" s="6"/>
      <c r="E17585" s="6" t="s">
        <v>9</v>
      </c>
      <c r="F17585" s="7"/>
      <c r="G17585" s="8">
        <v>1</v>
      </c>
      <c r="H17585" s="8">
        <v>1</v>
      </c>
      <c r="I17585" s="8">
        <v>0</v>
      </c>
      <c r="J17585" s="8">
        <v>1</v>
      </c>
      <c r="K17585" s="9">
        <v>29</v>
      </c>
      <c r="L17585" s="6" t="s">
        <v>51</v>
      </c>
    </row>
    <row r="17586" spans="1:12">
      <c r="A17586" s="6" t="s">
        <v>17224</v>
      </c>
      <c r="B17586" s="6"/>
      <c r="C17586" s="6" t="s">
        <v>17618</v>
      </c>
      <c r="D17586" s="6"/>
      <c r="E17586" s="6" t="s">
        <v>9</v>
      </c>
      <c r="F17586" s="7"/>
      <c r="G17586" s="8">
        <v>1</v>
      </c>
      <c r="H17586" s="8">
        <v>1</v>
      </c>
      <c r="I17586" s="8">
        <v>0</v>
      </c>
      <c r="J17586" s="8">
        <v>1</v>
      </c>
      <c r="K17586" s="9">
        <v>13</v>
      </c>
      <c r="L17586" s="6" t="s">
        <v>51</v>
      </c>
    </row>
    <row r="17587" spans="1:12">
      <c r="A17587" s="6" t="s">
        <v>17224</v>
      </c>
      <c r="B17587" s="6"/>
      <c r="C17587" s="6" t="s">
        <v>17619</v>
      </c>
      <c r="D17587" s="6"/>
      <c r="E17587" s="6" t="s">
        <v>9</v>
      </c>
      <c r="F17587" s="7"/>
      <c r="G17587" s="8">
        <v>1</v>
      </c>
      <c r="H17587" s="8">
        <v>1</v>
      </c>
      <c r="I17587" s="8">
        <v>0</v>
      </c>
      <c r="J17587" s="8">
        <v>1</v>
      </c>
      <c r="K17587" s="9">
        <v>13</v>
      </c>
      <c r="L17587" s="6" t="s">
        <v>51</v>
      </c>
    </row>
    <row r="17588" spans="1:12">
      <c r="A17588" s="6" t="s">
        <v>17224</v>
      </c>
      <c r="B17588" s="6"/>
      <c r="C17588" s="6" t="s">
        <v>17620</v>
      </c>
      <c r="D17588" s="6"/>
      <c r="E17588" s="6" t="s">
        <v>9</v>
      </c>
      <c r="F17588" s="7"/>
      <c r="G17588" s="8">
        <v>1</v>
      </c>
      <c r="H17588" s="8">
        <v>1</v>
      </c>
      <c r="I17588" s="8">
        <v>0</v>
      </c>
      <c r="J17588" s="8">
        <v>1</v>
      </c>
      <c r="K17588" s="9">
        <v>9.91</v>
      </c>
      <c r="L17588" s="6" t="s">
        <v>51</v>
      </c>
    </row>
    <row r="17589" spans="1:12">
      <c r="A17589" s="6" t="s">
        <v>17224</v>
      </c>
      <c r="B17589" s="6"/>
      <c r="C17589" s="6" t="s">
        <v>17621</v>
      </c>
      <c r="D17589" s="6"/>
      <c r="E17589" s="6" t="s">
        <v>9</v>
      </c>
      <c r="F17589" s="7"/>
      <c r="G17589" s="8">
        <v>1</v>
      </c>
      <c r="H17589" s="8">
        <v>1</v>
      </c>
      <c r="I17589" s="8">
        <v>0</v>
      </c>
      <c r="J17589" s="8">
        <v>1</v>
      </c>
      <c r="K17589" s="9">
        <v>3.3</v>
      </c>
      <c r="L17589" s="6" t="s">
        <v>51</v>
      </c>
    </row>
    <row r="17590" spans="1:12">
      <c r="A17590" s="6" t="s">
        <v>17224</v>
      </c>
      <c r="B17590" s="6"/>
      <c r="C17590" s="6" t="s">
        <v>17622</v>
      </c>
      <c r="D17590" s="6"/>
      <c r="E17590" s="6" t="s">
        <v>9</v>
      </c>
      <c r="F17590" s="7"/>
      <c r="G17590" s="8">
        <v>1</v>
      </c>
      <c r="H17590" s="8">
        <v>1</v>
      </c>
      <c r="I17590" s="8">
        <v>0</v>
      </c>
      <c r="J17590" s="8">
        <v>1</v>
      </c>
      <c r="K17590" s="9">
        <v>52</v>
      </c>
      <c r="L17590" s="6" t="s">
        <v>51</v>
      </c>
    </row>
    <row r="17591" spans="1:12">
      <c r="A17591" s="6" t="s">
        <v>17224</v>
      </c>
      <c r="B17591" s="6"/>
      <c r="C17591" s="6" t="s">
        <v>17623</v>
      </c>
      <c r="D17591" s="6"/>
      <c r="E17591" s="6" t="s">
        <v>9</v>
      </c>
      <c r="F17591" s="7"/>
      <c r="G17591" s="8">
        <v>1</v>
      </c>
      <c r="H17591" s="8">
        <v>1</v>
      </c>
      <c r="I17591" s="8">
        <v>0</v>
      </c>
      <c r="J17591" s="8">
        <v>1</v>
      </c>
      <c r="K17591" s="9">
        <v>19</v>
      </c>
      <c r="L17591" s="6" t="s">
        <v>51</v>
      </c>
    </row>
    <row r="17592" spans="1:12">
      <c r="A17592" s="6" t="s">
        <v>17224</v>
      </c>
      <c r="B17592" s="6"/>
      <c r="C17592" s="6" t="s">
        <v>17624</v>
      </c>
      <c r="D17592" s="6"/>
      <c r="E17592" s="6" t="s">
        <v>9</v>
      </c>
      <c r="F17592" s="7"/>
      <c r="G17592" s="8">
        <v>1</v>
      </c>
      <c r="H17592" s="8">
        <v>1</v>
      </c>
      <c r="I17592" s="8">
        <v>0</v>
      </c>
      <c r="J17592" s="8">
        <v>1</v>
      </c>
      <c r="K17592" s="9">
        <v>925</v>
      </c>
      <c r="L17592" s="6" t="s">
        <v>4151</v>
      </c>
    </row>
    <row r="17593" spans="1:12">
      <c r="A17593" s="6" t="s">
        <v>17224</v>
      </c>
      <c r="B17593" s="6"/>
      <c r="C17593" s="6" t="s">
        <v>17625</v>
      </c>
      <c r="D17593" s="6"/>
      <c r="E17593" s="6" t="s">
        <v>9</v>
      </c>
      <c r="F17593" s="7"/>
      <c r="G17593" s="8">
        <v>1</v>
      </c>
      <c r="H17593" s="8">
        <v>1</v>
      </c>
      <c r="I17593" s="8">
        <v>0</v>
      </c>
      <c r="J17593" s="8">
        <v>1</v>
      </c>
      <c r="K17593" s="9">
        <v>165</v>
      </c>
      <c r="L17593" s="6" t="s">
        <v>4151</v>
      </c>
    </row>
    <row r="17594" spans="1:12">
      <c r="A17594" s="6" t="s">
        <v>17224</v>
      </c>
      <c r="B17594" s="6"/>
      <c r="C17594" s="6" t="s">
        <v>17626</v>
      </c>
      <c r="D17594" s="6"/>
      <c r="E17594" s="6" t="s">
        <v>9</v>
      </c>
      <c r="F17594" s="7">
        <v>38657</v>
      </c>
      <c r="G17594" s="8">
        <v>1</v>
      </c>
      <c r="H17594" s="8">
        <v>1</v>
      </c>
      <c r="I17594" s="8">
        <v>0</v>
      </c>
      <c r="J17594" s="8">
        <v>1</v>
      </c>
      <c r="K17594" s="9">
        <v>458</v>
      </c>
      <c r="L17594" s="6" t="s">
        <v>51</v>
      </c>
    </row>
    <row r="17595" spans="1:12">
      <c r="A17595" s="6" t="s">
        <v>17224</v>
      </c>
      <c r="B17595" s="6"/>
      <c r="C17595" s="6" t="s">
        <v>17627</v>
      </c>
      <c r="D17595" s="6"/>
      <c r="E17595" s="6" t="s">
        <v>9</v>
      </c>
      <c r="F17595" s="7"/>
      <c r="G17595" s="8">
        <v>1</v>
      </c>
      <c r="H17595" s="8">
        <v>1</v>
      </c>
      <c r="I17595" s="8">
        <v>0</v>
      </c>
      <c r="J17595" s="8">
        <v>1</v>
      </c>
      <c r="K17595" s="9">
        <v>284</v>
      </c>
      <c r="L17595" s="6" t="s">
        <v>4151</v>
      </c>
    </row>
    <row r="17596" spans="1:12">
      <c r="A17596" s="6" t="s">
        <v>17224</v>
      </c>
      <c r="B17596" s="6"/>
      <c r="C17596" s="6" t="s">
        <v>17628</v>
      </c>
      <c r="D17596" s="6"/>
      <c r="E17596" s="6" t="s">
        <v>9</v>
      </c>
      <c r="F17596" s="7"/>
      <c r="G17596" s="8">
        <v>1</v>
      </c>
      <c r="H17596" s="8">
        <v>1</v>
      </c>
      <c r="I17596" s="8">
        <v>0</v>
      </c>
      <c r="J17596" s="8">
        <v>1</v>
      </c>
      <c r="K17596" s="9">
        <v>314</v>
      </c>
      <c r="L17596" s="6" t="s">
        <v>4151</v>
      </c>
    </row>
    <row r="17597" spans="1:12">
      <c r="A17597" s="6" t="s">
        <v>17224</v>
      </c>
      <c r="B17597" s="6"/>
      <c r="C17597" s="6" t="s">
        <v>17629</v>
      </c>
      <c r="D17597" s="6"/>
      <c r="E17597" s="6" t="s">
        <v>9</v>
      </c>
      <c r="F17597" s="7"/>
      <c r="G17597" s="8">
        <v>1</v>
      </c>
      <c r="H17597" s="8">
        <v>1</v>
      </c>
      <c r="I17597" s="8">
        <v>0</v>
      </c>
      <c r="J17597" s="8">
        <v>1</v>
      </c>
      <c r="K17597" s="9">
        <v>337</v>
      </c>
      <c r="L17597" s="6" t="s">
        <v>4151</v>
      </c>
    </row>
    <row r="17598" spans="1:12">
      <c r="A17598" s="6" t="s">
        <v>17224</v>
      </c>
      <c r="B17598" s="6"/>
      <c r="C17598" s="6" t="s">
        <v>17630</v>
      </c>
      <c r="D17598" s="6"/>
      <c r="E17598" s="6" t="s">
        <v>9</v>
      </c>
      <c r="F17598" s="7"/>
      <c r="G17598" s="8">
        <v>1</v>
      </c>
      <c r="H17598" s="8">
        <v>1</v>
      </c>
      <c r="I17598" s="8">
        <v>0</v>
      </c>
      <c r="J17598" s="8">
        <v>1</v>
      </c>
      <c r="K17598" s="9">
        <v>456</v>
      </c>
      <c r="L17598" s="6" t="s">
        <v>4151</v>
      </c>
    </row>
    <row r="17599" spans="1:12">
      <c r="A17599" s="6" t="s">
        <v>17224</v>
      </c>
      <c r="B17599" s="6"/>
      <c r="C17599" s="6" t="s">
        <v>17631</v>
      </c>
      <c r="D17599" s="6"/>
      <c r="E17599" s="6" t="s">
        <v>9</v>
      </c>
      <c r="F17599" s="7"/>
      <c r="G17599" s="8">
        <v>1</v>
      </c>
      <c r="H17599" s="8">
        <v>1</v>
      </c>
      <c r="I17599" s="8">
        <v>0</v>
      </c>
      <c r="J17599" s="8">
        <v>1</v>
      </c>
      <c r="K17599" s="9">
        <v>357</v>
      </c>
      <c r="L17599" s="6" t="s">
        <v>4151</v>
      </c>
    </row>
    <row r="17600" spans="1:12">
      <c r="A17600" s="6" t="s">
        <v>17224</v>
      </c>
      <c r="B17600" s="6"/>
      <c r="C17600" s="6" t="s">
        <v>17632</v>
      </c>
      <c r="D17600" s="6"/>
      <c r="E17600" s="6" t="s">
        <v>9</v>
      </c>
      <c r="F17600" s="7"/>
      <c r="G17600" s="8">
        <v>1</v>
      </c>
      <c r="H17600" s="8">
        <v>1</v>
      </c>
      <c r="I17600" s="8">
        <v>0</v>
      </c>
      <c r="J17600" s="8">
        <v>1</v>
      </c>
      <c r="K17600" s="9">
        <v>370</v>
      </c>
      <c r="L17600" s="6" t="s">
        <v>4151</v>
      </c>
    </row>
    <row r="17601" spans="1:12">
      <c r="A17601" s="6" t="s">
        <v>17224</v>
      </c>
      <c r="B17601" s="6"/>
      <c r="C17601" s="6" t="s">
        <v>17633</v>
      </c>
      <c r="D17601" s="6"/>
      <c r="E17601" s="6" t="s">
        <v>9</v>
      </c>
      <c r="F17601" s="7">
        <v>42884</v>
      </c>
      <c r="G17601" s="8">
        <v>189133</v>
      </c>
      <c r="H17601" s="8">
        <v>189133</v>
      </c>
      <c r="I17601" s="8">
        <v>0</v>
      </c>
      <c r="J17601" s="8">
        <v>189133</v>
      </c>
      <c r="K17601" s="9">
        <v>41</v>
      </c>
      <c r="L17601" s="6" t="s">
        <v>51</v>
      </c>
    </row>
    <row r="17602" spans="1:12">
      <c r="A17602" s="6" t="s">
        <v>17224</v>
      </c>
      <c r="B17602" s="6"/>
      <c r="C17602" s="6" t="s">
        <v>17634</v>
      </c>
      <c r="D17602" s="6"/>
      <c r="E17602" s="6" t="s">
        <v>9</v>
      </c>
      <c r="F17602" s="7">
        <v>42956</v>
      </c>
      <c r="G17602" s="8">
        <v>50743</v>
      </c>
      <c r="H17602" s="8">
        <v>50743</v>
      </c>
      <c r="I17602" s="8">
        <v>0</v>
      </c>
      <c r="J17602" s="8">
        <v>50743</v>
      </c>
      <c r="K17602" s="9">
        <v>11</v>
      </c>
      <c r="L17602" s="6" t="s">
        <v>51</v>
      </c>
    </row>
    <row r="17603" spans="1:12">
      <c r="A17603" s="6" t="s">
        <v>17224</v>
      </c>
      <c r="B17603" s="6"/>
      <c r="C17603" s="6" t="s">
        <v>17635</v>
      </c>
      <c r="D17603" s="6"/>
      <c r="E17603" s="6" t="s">
        <v>9</v>
      </c>
      <c r="F17603" s="7">
        <v>42956</v>
      </c>
      <c r="G17603" s="8">
        <v>55356</v>
      </c>
      <c r="H17603" s="8">
        <v>55356</v>
      </c>
      <c r="I17603" s="8">
        <v>0</v>
      </c>
      <c r="J17603" s="8">
        <v>55356</v>
      </c>
      <c r="K17603" s="9">
        <v>12</v>
      </c>
      <c r="L17603" s="6" t="s">
        <v>51</v>
      </c>
    </row>
    <row r="17604" spans="1:12">
      <c r="A17604" s="6" t="s">
        <v>17224</v>
      </c>
      <c r="B17604" s="6"/>
      <c r="C17604" s="6" t="s">
        <v>17636</v>
      </c>
      <c r="D17604" s="6"/>
      <c r="E17604" s="6" t="s">
        <v>9</v>
      </c>
      <c r="F17604" s="7">
        <v>42956</v>
      </c>
      <c r="G17604" s="8">
        <v>73808</v>
      </c>
      <c r="H17604" s="8">
        <v>73808</v>
      </c>
      <c r="I17604" s="8">
        <v>0</v>
      </c>
      <c r="J17604" s="8">
        <v>73808</v>
      </c>
      <c r="K17604" s="9">
        <v>16</v>
      </c>
      <c r="L17604" s="6" t="s">
        <v>51</v>
      </c>
    </row>
    <row r="17605" spans="1:12">
      <c r="A17605" s="6" t="s">
        <v>17224</v>
      </c>
      <c r="B17605" s="6"/>
      <c r="C17605" s="6" t="s">
        <v>17637</v>
      </c>
      <c r="D17605" s="6"/>
      <c r="E17605" s="6" t="s">
        <v>9</v>
      </c>
      <c r="F17605" s="7">
        <v>38657</v>
      </c>
      <c r="G17605" s="8">
        <v>1</v>
      </c>
      <c r="H17605" s="8">
        <v>1</v>
      </c>
      <c r="I17605" s="8">
        <v>0</v>
      </c>
      <c r="J17605" s="8">
        <v>1</v>
      </c>
      <c r="K17605" s="9">
        <v>136</v>
      </c>
      <c r="L17605" s="6" t="s">
        <v>51</v>
      </c>
    </row>
    <row r="17606" spans="1:12">
      <c r="A17606" s="6" t="s">
        <v>17224</v>
      </c>
      <c r="B17606" s="6"/>
      <c r="C17606" s="6" t="s">
        <v>17638</v>
      </c>
      <c r="D17606" s="6"/>
      <c r="E17606" s="6" t="s">
        <v>9</v>
      </c>
      <c r="F17606" s="7">
        <v>43034</v>
      </c>
      <c r="G17606" s="8">
        <v>1</v>
      </c>
      <c r="H17606" s="8">
        <v>1</v>
      </c>
      <c r="I17606" s="8">
        <v>0</v>
      </c>
      <c r="J17606" s="8">
        <v>1</v>
      </c>
      <c r="K17606" s="9">
        <v>62</v>
      </c>
      <c r="L17606" s="6" t="s">
        <v>51</v>
      </c>
    </row>
    <row r="17607" spans="1:12">
      <c r="A17607" s="6" t="s">
        <v>17224</v>
      </c>
      <c r="B17607" s="6"/>
      <c r="C17607" s="6" t="s">
        <v>17639</v>
      </c>
      <c r="D17607" s="6"/>
      <c r="E17607" s="6" t="s">
        <v>9</v>
      </c>
      <c r="F17607" s="7">
        <v>38657</v>
      </c>
      <c r="G17607" s="8">
        <v>1</v>
      </c>
      <c r="H17607" s="8">
        <v>1</v>
      </c>
      <c r="I17607" s="8">
        <v>0</v>
      </c>
      <c r="J17607" s="8">
        <v>1</v>
      </c>
      <c r="K17607" s="9">
        <v>134</v>
      </c>
      <c r="L17607" s="6" t="s">
        <v>51</v>
      </c>
    </row>
    <row r="17608" spans="1:12">
      <c r="A17608" s="6" t="s">
        <v>17224</v>
      </c>
      <c r="B17608" s="6"/>
      <c r="C17608" s="6" t="s">
        <v>17640</v>
      </c>
      <c r="D17608" s="6"/>
      <c r="E17608" s="6" t="s">
        <v>9</v>
      </c>
      <c r="F17608" s="7">
        <v>42826</v>
      </c>
      <c r="G17608" s="8">
        <v>45714</v>
      </c>
      <c r="H17608" s="8">
        <v>45714</v>
      </c>
      <c r="I17608" s="8">
        <v>0</v>
      </c>
      <c r="J17608" s="8">
        <v>45714</v>
      </c>
      <c r="K17608" s="9">
        <v>9.91</v>
      </c>
      <c r="L17608" s="6" t="s">
        <v>51</v>
      </c>
    </row>
    <row r="17609" spans="1:12">
      <c r="A17609" s="6" t="s">
        <v>17224</v>
      </c>
      <c r="B17609" s="6"/>
      <c r="C17609" s="6" t="s">
        <v>17641</v>
      </c>
      <c r="D17609" s="6"/>
      <c r="E17609" s="6" t="s">
        <v>9</v>
      </c>
      <c r="F17609" s="7">
        <v>43073</v>
      </c>
      <c r="G17609" s="8">
        <v>1</v>
      </c>
      <c r="H17609" s="8">
        <v>1</v>
      </c>
      <c r="I17609" s="8">
        <v>0</v>
      </c>
      <c r="J17609" s="8">
        <v>1</v>
      </c>
      <c r="K17609" s="9">
        <v>83</v>
      </c>
      <c r="L17609" s="6" t="s">
        <v>51</v>
      </c>
    </row>
    <row r="17610" spans="1:12">
      <c r="A17610" s="6" t="s">
        <v>17224</v>
      </c>
      <c r="B17610" s="6"/>
      <c r="C17610" s="6" t="s">
        <v>17642</v>
      </c>
      <c r="D17610" s="6"/>
      <c r="E17610" s="6" t="s">
        <v>9</v>
      </c>
      <c r="F17610" s="7">
        <v>43073</v>
      </c>
      <c r="G17610" s="8">
        <v>1</v>
      </c>
      <c r="H17610" s="8">
        <v>1</v>
      </c>
      <c r="I17610" s="8">
        <v>0</v>
      </c>
      <c r="J17610" s="8">
        <v>1</v>
      </c>
      <c r="K17610" s="9">
        <v>1.29</v>
      </c>
      <c r="L17610" s="6" t="s">
        <v>51</v>
      </c>
    </row>
    <row r="17611" spans="1:12">
      <c r="A17611" s="6" t="s">
        <v>17224</v>
      </c>
      <c r="B17611" s="6"/>
      <c r="C17611" s="6" t="s">
        <v>17643</v>
      </c>
      <c r="D17611" s="6"/>
      <c r="E17611" s="6" t="s">
        <v>9</v>
      </c>
      <c r="F17611" s="7">
        <v>43073</v>
      </c>
      <c r="G17611" s="8">
        <v>1</v>
      </c>
      <c r="H17611" s="8">
        <v>1</v>
      </c>
      <c r="I17611" s="8">
        <v>0</v>
      </c>
      <c r="J17611" s="8">
        <v>1</v>
      </c>
      <c r="K17611" s="9">
        <v>115</v>
      </c>
      <c r="L17611" s="6" t="s">
        <v>51</v>
      </c>
    </row>
    <row r="17612" spans="1:12">
      <c r="A17612" s="6" t="s">
        <v>17224</v>
      </c>
      <c r="B17612" s="6"/>
      <c r="C17612" s="6" t="s">
        <v>17644</v>
      </c>
      <c r="D17612" s="6"/>
      <c r="E17612" s="6" t="s">
        <v>9</v>
      </c>
      <c r="F17612" s="7">
        <v>43073</v>
      </c>
      <c r="G17612" s="8">
        <v>1</v>
      </c>
      <c r="H17612" s="8">
        <v>1</v>
      </c>
      <c r="I17612" s="8">
        <v>0</v>
      </c>
      <c r="J17612" s="8">
        <v>1</v>
      </c>
      <c r="K17612" s="9">
        <v>21</v>
      </c>
      <c r="L17612" s="6" t="s">
        <v>51</v>
      </c>
    </row>
    <row r="17613" spans="1:12">
      <c r="A17613" s="6" t="s">
        <v>17224</v>
      </c>
      <c r="B17613" s="6"/>
      <c r="C17613" s="6" t="s">
        <v>17645</v>
      </c>
      <c r="D17613" s="6"/>
      <c r="E17613" s="6" t="s">
        <v>9</v>
      </c>
      <c r="F17613" s="7">
        <v>43073</v>
      </c>
      <c r="G17613" s="8">
        <v>1</v>
      </c>
      <c r="H17613" s="8">
        <v>1</v>
      </c>
      <c r="I17613" s="8">
        <v>0</v>
      </c>
      <c r="J17613" s="8">
        <v>1</v>
      </c>
      <c r="K17613" s="9">
        <v>7.1</v>
      </c>
      <c r="L17613" s="6" t="s">
        <v>51</v>
      </c>
    </row>
    <row r="17614" spans="1:12">
      <c r="A17614" s="6" t="s">
        <v>17224</v>
      </c>
      <c r="B17614" s="6"/>
      <c r="C17614" s="6" t="s">
        <v>17646</v>
      </c>
      <c r="D17614" s="6"/>
      <c r="E17614" s="6" t="s">
        <v>9</v>
      </c>
      <c r="F17614" s="7">
        <v>43073</v>
      </c>
      <c r="G17614" s="8">
        <v>1</v>
      </c>
      <c r="H17614" s="8">
        <v>1</v>
      </c>
      <c r="I17614" s="8">
        <v>0</v>
      </c>
      <c r="J17614" s="8">
        <v>1</v>
      </c>
      <c r="K17614" s="9">
        <v>14</v>
      </c>
      <c r="L17614" s="6" t="s">
        <v>51</v>
      </c>
    </row>
    <row r="17615" spans="1:12">
      <c r="A17615" s="6" t="s">
        <v>17224</v>
      </c>
      <c r="B17615" s="6"/>
      <c r="C17615" s="6" t="s">
        <v>17647</v>
      </c>
      <c r="D17615" s="6"/>
      <c r="E17615" s="6" t="s">
        <v>9</v>
      </c>
      <c r="F17615" s="7">
        <v>38657</v>
      </c>
      <c r="G17615" s="8">
        <v>1</v>
      </c>
      <c r="H17615" s="8">
        <v>1</v>
      </c>
      <c r="I17615" s="8">
        <v>0</v>
      </c>
      <c r="J17615" s="8">
        <v>1</v>
      </c>
      <c r="K17615" s="9">
        <v>170</v>
      </c>
      <c r="L17615" s="6" t="s">
        <v>51</v>
      </c>
    </row>
    <row r="17616" spans="1:12">
      <c r="A17616" s="6" t="s">
        <v>17224</v>
      </c>
      <c r="B17616" s="6"/>
      <c r="C17616" s="6" t="s">
        <v>17648</v>
      </c>
      <c r="D17616" s="6"/>
      <c r="E17616" s="6" t="s">
        <v>9</v>
      </c>
      <c r="F17616" s="7">
        <v>43073</v>
      </c>
      <c r="G17616" s="8">
        <v>1</v>
      </c>
      <c r="H17616" s="8">
        <v>1</v>
      </c>
      <c r="I17616" s="8">
        <v>0</v>
      </c>
      <c r="J17616" s="8">
        <v>1</v>
      </c>
      <c r="K17616" s="9">
        <v>4.97</v>
      </c>
      <c r="L17616" s="6" t="s">
        <v>51</v>
      </c>
    </row>
    <row r="17617" spans="1:12">
      <c r="A17617" s="6" t="s">
        <v>17224</v>
      </c>
      <c r="B17617" s="6"/>
      <c r="C17617" s="6" t="s">
        <v>17649</v>
      </c>
      <c r="D17617" s="6"/>
      <c r="E17617" s="6" t="s">
        <v>9</v>
      </c>
      <c r="F17617" s="7">
        <v>43073</v>
      </c>
      <c r="G17617" s="8">
        <v>1</v>
      </c>
      <c r="H17617" s="8">
        <v>1</v>
      </c>
      <c r="I17617" s="8">
        <v>0</v>
      </c>
      <c r="J17617" s="8">
        <v>1</v>
      </c>
      <c r="K17617" s="9">
        <v>14</v>
      </c>
      <c r="L17617" s="6" t="s">
        <v>51</v>
      </c>
    </row>
    <row r="17618" spans="1:12">
      <c r="A17618" s="6" t="s">
        <v>17224</v>
      </c>
      <c r="B17618" s="6"/>
      <c r="C17618" s="6" t="s">
        <v>17650</v>
      </c>
      <c r="D17618" s="6"/>
      <c r="E17618" s="6" t="s">
        <v>9</v>
      </c>
      <c r="F17618" s="7">
        <v>43073</v>
      </c>
      <c r="G17618" s="8">
        <v>1</v>
      </c>
      <c r="H17618" s="8">
        <v>1</v>
      </c>
      <c r="I17618" s="8">
        <v>0</v>
      </c>
      <c r="J17618" s="8">
        <v>1</v>
      </c>
      <c r="K17618" s="9">
        <v>0.11</v>
      </c>
      <c r="L17618" s="6" t="s">
        <v>51</v>
      </c>
    </row>
    <row r="17619" spans="1:12">
      <c r="A17619" s="6" t="s">
        <v>17224</v>
      </c>
      <c r="B17619" s="6"/>
      <c r="C17619" s="6" t="s">
        <v>17651</v>
      </c>
      <c r="D17619" s="6"/>
      <c r="E17619" s="6" t="s">
        <v>9</v>
      </c>
      <c r="F17619" s="7">
        <v>43073</v>
      </c>
      <c r="G17619" s="8">
        <v>1</v>
      </c>
      <c r="H17619" s="8">
        <v>1</v>
      </c>
      <c r="I17619" s="8">
        <v>0</v>
      </c>
      <c r="J17619" s="8">
        <v>1</v>
      </c>
      <c r="K17619" s="9">
        <v>6.7</v>
      </c>
      <c r="L17619" s="6" t="s">
        <v>51</v>
      </c>
    </row>
    <row r="17620" spans="1:12">
      <c r="A17620" s="6" t="s">
        <v>17224</v>
      </c>
      <c r="B17620" s="6"/>
      <c r="C17620" s="6" t="s">
        <v>17652</v>
      </c>
      <c r="D17620" s="6"/>
      <c r="E17620" s="6" t="s">
        <v>9</v>
      </c>
      <c r="F17620" s="7">
        <v>43073</v>
      </c>
      <c r="G17620" s="8">
        <v>1</v>
      </c>
      <c r="H17620" s="8">
        <v>1</v>
      </c>
      <c r="I17620" s="8">
        <v>0</v>
      </c>
      <c r="J17620" s="8">
        <v>1</v>
      </c>
      <c r="K17620" s="9">
        <v>71</v>
      </c>
      <c r="L17620" s="6" t="s">
        <v>51</v>
      </c>
    </row>
    <row r="17621" spans="1:12">
      <c r="A17621" s="6" t="s">
        <v>17224</v>
      </c>
      <c r="B17621" s="6"/>
      <c r="C17621" s="6" t="s">
        <v>17653</v>
      </c>
      <c r="D17621" s="6"/>
      <c r="E17621" s="6" t="s">
        <v>9</v>
      </c>
      <c r="F17621" s="7">
        <v>43073</v>
      </c>
      <c r="G17621" s="8">
        <v>1</v>
      </c>
      <c r="H17621" s="8">
        <v>1</v>
      </c>
      <c r="I17621" s="8">
        <v>0</v>
      </c>
      <c r="J17621" s="8">
        <v>1</v>
      </c>
      <c r="K17621" s="9">
        <v>28</v>
      </c>
      <c r="L17621" s="6" t="s">
        <v>51</v>
      </c>
    </row>
    <row r="17622" spans="1:12">
      <c r="A17622" s="6" t="s">
        <v>17224</v>
      </c>
      <c r="B17622" s="6"/>
      <c r="C17622" s="6" t="s">
        <v>17654</v>
      </c>
      <c r="D17622" s="6"/>
      <c r="E17622" s="6" t="s">
        <v>9</v>
      </c>
      <c r="F17622" s="7">
        <v>43073</v>
      </c>
      <c r="G17622" s="8">
        <v>1</v>
      </c>
      <c r="H17622" s="8">
        <v>1</v>
      </c>
      <c r="I17622" s="8">
        <v>0</v>
      </c>
      <c r="J17622" s="8">
        <v>1</v>
      </c>
      <c r="K17622" s="9">
        <v>116</v>
      </c>
      <c r="L17622" s="6" t="s">
        <v>51</v>
      </c>
    </row>
    <row r="17623" spans="1:12">
      <c r="A17623" s="6" t="s">
        <v>17224</v>
      </c>
      <c r="B17623" s="6"/>
      <c r="C17623" s="6" t="s">
        <v>17655</v>
      </c>
      <c r="D17623" s="6"/>
      <c r="E17623" s="6" t="s">
        <v>9</v>
      </c>
      <c r="F17623" s="7">
        <v>43073</v>
      </c>
      <c r="G17623" s="8">
        <v>1</v>
      </c>
      <c r="H17623" s="8">
        <v>1</v>
      </c>
      <c r="I17623" s="8">
        <v>0</v>
      </c>
      <c r="J17623" s="8">
        <v>1</v>
      </c>
      <c r="K17623" s="9">
        <v>228</v>
      </c>
      <c r="L17623" s="6" t="s">
        <v>51</v>
      </c>
    </row>
    <row r="17624" spans="1:12">
      <c r="A17624" s="6" t="s">
        <v>17224</v>
      </c>
      <c r="B17624" s="6"/>
      <c r="C17624" s="6" t="s">
        <v>17656</v>
      </c>
      <c r="D17624" s="6"/>
      <c r="E17624" s="6" t="s">
        <v>9</v>
      </c>
      <c r="F17624" s="7">
        <v>43073</v>
      </c>
      <c r="G17624" s="8">
        <v>1</v>
      </c>
      <c r="H17624" s="8">
        <v>1</v>
      </c>
      <c r="I17624" s="8">
        <v>0</v>
      </c>
      <c r="J17624" s="8">
        <v>1</v>
      </c>
      <c r="K17624" s="9">
        <v>20</v>
      </c>
      <c r="L17624" s="6" t="s">
        <v>51</v>
      </c>
    </row>
    <row r="17625" spans="1:12">
      <c r="A17625" s="6" t="s">
        <v>17224</v>
      </c>
      <c r="B17625" s="6"/>
      <c r="C17625" s="6" t="s">
        <v>17657</v>
      </c>
      <c r="D17625" s="6"/>
      <c r="E17625" s="6" t="s">
        <v>9</v>
      </c>
      <c r="F17625" s="7">
        <v>43073</v>
      </c>
      <c r="G17625" s="8">
        <v>1</v>
      </c>
      <c r="H17625" s="8">
        <v>1</v>
      </c>
      <c r="I17625" s="8">
        <v>0</v>
      </c>
      <c r="J17625" s="8">
        <v>1</v>
      </c>
      <c r="K17625" s="9">
        <v>20</v>
      </c>
      <c r="L17625" s="6" t="s">
        <v>51</v>
      </c>
    </row>
    <row r="17626" spans="1:12">
      <c r="A17626" s="6" t="s">
        <v>17224</v>
      </c>
      <c r="B17626" s="6"/>
      <c r="C17626" s="6" t="s">
        <v>17658</v>
      </c>
      <c r="D17626" s="6"/>
      <c r="E17626" s="6" t="s">
        <v>9</v>
      </c>
      <c r="F17626" s="7">
        <v>38657</v>
      </c>
      <c r="G17626" s="8">
        <v>1</v>
      </c>
      <c r="H17626" s="8">
        <v>1</v>
      </c>
      <c r="I17626" s="8">
        <v>0</v>
      </c>
      <c r="J17626" s="8">
        <v>1</v>
      </c>
      <c r="K17626" s="9">
        <v>57.86</v>
      </c>
      <c r="L17626" s="6" t="s">
        <v>51</v>
      </c>
    </row>
    <row r="17627" spans="1:12">
      <c r="A17627" s="6" t="s">
        <v>17224</v>
      </c>
      <c r="B17627" s="6"/>
      <c r="C17627" s="6" t="s">
        <v>17659</v>
      </c>
      <c r="D17627" s="6"/>
      <c r="E17627" s="6" t="s">
        <v>9</v>
      </c>
      <c r="F17627" s="7">
        <v>38657</v>
      </c>
      <c r="G17627" s="8">
        <v>1</v>
      </c>
      <c r="H17627" s="8">
        <v>1</v>
      </c>
      <c r="I17627" s="8">
        <v>0</v>
      </c>
      <c r="J17627" s="8">
        <v>1</v>
      </c>
      <c r="K17627" s="9">
        <v>22</v>
      </c>
      <c r="L17627" s="6" t="s">
        <v>51</v>
      </c>
    </row>
    <row r="17628" spans="1:12">
      <c r="A17628" s="6" t="s">
        <v>17224</v>
      </c>
      <c r="B17628" s="6"/>
      <c r="C17628" s="6" t="s">
        <v>17660</v>
      </c>
      <c r="D17628" s="6"/>
      <c r="E17628" s="6" t="s">
        <v>9</v>
      </c>
      <c r="F17628" s="7">
        <v>38657</v>
      </c>
      <c r="G17628" s="8">
        <v>1</v>
      </c>
      <c r="H17628" s="8">
        <v>1</v>
      </c>
      <c r="I17628" s="8">
        <v>0</v>
      </c>
      <c r="J17628" s="8">
        <v>1</v>
      </c>
      <c r="K17628" s="9">
        <v>1.48</v>
      </c>
      <c r="L17628" s="6" t="s">
        <v>51</v>
      </c>
    </row>
    <row r="17629" spans="1:12">
      <c r="A17629" s="6" t="s">
        <v>17224</v>
      </c>
      <c r="B17629" s="6"/>
      <c r="C17629" s="6" t="s">
        <v>17661</v>
      </c>
      <c r="D17629" s="6"/>
      <c r="E17629" s="6" t="s">
        <v>9</v>
      </c>
      <c r="F17629" s="7">
        <v>38657</v>
      </c>
      <c r="G17629" s="8">
        <v>1</v>
      </c>
      <c r="H17629" s="8">
        <v>1</v>
      </c>
      <c r="I17629" s="8">
        <v>0</v>
      </c>
      <c r="J17629" s="8">
        <v>1</v>
      </c>
      <c r="K17629" s="9">
        <v>31</v>
      </c>
      <c r="L17629" s="6" t="s">
        <v>51</v>
      </c>
    </row>
    <row r="17630" spans="1:12">
      <c r="A17630" s="6" t="s">
        <v>17224</v>
      </c>
      <c r="B17630" s="6"/>
      <c r="C17630" s="6" t="s">
        <v>17662</v>
      </c>
      <c r="D17630" s="6"/>
      <c r="E17630" s="6" t="s">
        <v>9</v>
      </c>
      <c r="F17630" s="7">
        <v>43459</v>
      </c>
      <c r="G17630" s="8">
        <v>1</v>
      </c>
      <c r="H17630" s="8">
        <v>1</v>
      </c>
      <c r="I17630" s="8">
        <v>0</v>
      </c>
      <c r="J17630" s="8">
        <v>1</v>
      </c>
      <c r="K17630" s="9">
        <v>25</v>
      </c>
      <c r="L17630" s="6" t="s">
        <v>51</v>
      </c>
    </row>
    <row r="17631" spans="1:12">
      <c r="A17631" s="6" t="s">
        <v>17224</v>
      </c>
      <c r="B17631" s="6"/>
      <c r="C17631" s="6" t="s">
        <v>17663</v>
      </c>
      <c r="D17631" s="6"/>
      <c r="E17631" s="6" t="s">
        <v>9</v>
      </c>
      <c r="F17631" s="7">
        <v>43459</v>
      </c>
      <c r="G17631" s="8">
        <v>1</v>
      </c>
      <c r="H17631" s="8">
        <v>1</v>
      </c>
      <c r="I17631" s="8">
        <v>0</v>
      </c>
      <c r="J17631" s="8">
        <v>1</v>
      </c>
      <c r="K17631" s="9">
        <v>24</v>
      </c>
      <c r="L17631" s="6" t="s">
        <v>51</v>
      </c>
    </row>
    <row r="17632" spans="1:12">
      <c r="A17632" s="6" t="s">
        <v>17224</v>
      </c>
      <c r="B17632" s="6"/>
      <c r="C17632" s="6" t="s">
        <v>17664</v>
      </c>
      <c r="D17632" s="6"/>
      <c r="E17632" s="6" t="s">
        <v>9</v>
      </c>
      <c r="F17632" s="7"/>
      <c r="G17632" s="8">
        <v>1</v>
      </c>
      <c r="H17632" s="8">
        <v>1</v>
      </c>
      <c r="I17632" s="8">
        <v>0</v>
      </c>
      <c r="J17632" s="8">
        <v>1</v>
      </c>
      <c r="K17632" s="9">
        <v>23</v>
      </c>
      <c r="L17632" s="6" t="s">
        <v>51</v>
      </c>
    </row>
    <row r="17633" spans="1:12">
      <c r="A17633" s="6" t="s">
        <v>17224</v>
      </c>
      <c r="B17633" s="6"/>
      <c r="C17633" s="6" t="s">
        <v>17665</v>
      </c>
      <c r="D17633" s="6"/>
      <c r="E17633" s="6" t="s">
        <v>9</v>
      </c>
      <c r="F17633" s="7">
        <v>38657</v>
      </c>
      <c r="G17633" s="8">
        <v>1</v>
      </c>
      <c r="H17633" s="8">
        <v>1</v>
      </c>
      <c r="I17633" s="8">
        <v>0</v>
      </c>
      <c r="J17633" s="8">
        <v>1</v>
      </c>
      <c r="K17633" s="9">
        <v>37</v>
      </c>
      <c r="L17633" s="6" t="s">
        <v>51</v>
      </c>
    </row>
    <row r="17634" spans="1:12">
      <c r="A17634" s="6" t="s">
        <v>17224</v>
      </c>
      <c r="B17634" s="6"/>
      <c r="C17634" s="6" t="s">
        <v>17666</v>
      </c>
      <c r="D17634" s="6"/>
      <c r="E17634" s="6" t="s">
        <v>9</v>
      </c>
      <c r="F17634" s="7">
        <v>41260</v>
      </c>
      <c r="G17634" s="8">
        <v>1</v>
      </c>
      <c r="H17634" s="8">
        <v>1</v>
      </c>
      <c r="I17634" s="8">
        <v>0</v>
      </c>
      <c r="J17634" s="8">
        <v>1</v>
      </c>
      <c r="K17634" s="9">
        <v>23</v>
      </c>
      <c r="L17634" s="6" t="s">
        <v>51</v>
      </c>
    </row>
    <row r="17635" spans="1:12">
      <c r="A17635" s="6" t="s">
        <v>17224</v>
      </c>
      <c r="B17635" s="6"/>
      <c r="C17635" s="6" t="s">
        <v>17667</v>
      </c>
      <c r="D17635" s="6"/>
      <c r="E17635" s="6" t="s">
        <v>9</v>
      </c>
      <c r="F17635" s="7">
        <v>38657</v>
      </c>
      <c r="G17635" s="8">
        <v>1</v>
      </c>
      <c r="H17635" s="8">
        <v>1</v>
      </c>
      <c r="I17635" s="8">
        <v>0</v>
      </c>
      <c r="J17635" s="8">
        <v>1</v>
      </c>
      <c r="K17635" s="9">
        <v>99</v>
      </c>
      <c r="L17635" s="6" t="s">
        <v>51</v>
      </c>
    </row>
    <row r="17636" spans="1:12">
      <c r="A17636" s="6" t="s">
        <v>17224</v>
      </c>
      <c r="B17636" s="6"/>
      <c r="C17636" s="6" t="s">
        <v>17668</v>
      </c>
      <c r="D17636" s="6"/>
      <c r="E17636" s="6" t="s">
        <v>9</v>
      </c>
      <c r="F17636" s="7"/>
      <c r="G17636" s="8">
        <v>1</v>
      </c>
      <c r="H17636" s="8">
        <v>1</v>
      </c>
      <c r="I17636" s="8">
        <v>0</v>
      </c>
      <c r="J17636" s="8">
        <v>1</v>
      </c>
      <c r="K17636" s="9">
        <v>2.21</v>
      </c>
      <c r="L17636" s="6" t="s">
        <v>51</v>
      </c>
    </row>
    <row r="17637" spans="1:12">
      <c r="A17637" s="6" t="s">
        <v>17224</v>
      </c>
      <c r="B17637" s="6"/>
      <c r="C17637" s="6" t="s">
        <v>17669</v>
      </c>
      <c r="D17637" s="6"/>
      <c r="E17637" s="6" t="s">
        <v>9</v>
      </c>
      <c r="F17637" s="7">
        <v>41911</v>
      </c>
      <c r="G17637" s="8">
        <v>1</v>
      </c>
      <c r="H17637" s="8">
        <v>1</v>
      </c>
      <c r="I17637" s="8">
        <v>0</v>
      </c>
      <c r="J17637" s="8">
        <v>1</v>
      </c>
      <c r="K17637" s="9">
        <v>9.91</v>
      </c>
      <c r="L17637" s="6" t="s">
        <v>51</v>
      </c>
    </row>
    <row r="17638" spans="1:12">
      <c r="A17638" s="6" t="s">
        <v>17224</v>
      </c>
      <c r="B17638" s="6"/>
      <c r="C17638" s="6" t="s">
        <v>17670</v>
      </c>
      <c r="D17638" s="6"/>
      <c r="E17638" s="6" t="s">
        <v>9</v>
      </c>
      <c r="F17638" s="7">
        <v>41911</v>
      </c>
      <c r="G17638" s="8">
        <v>1</v>
      </c>
      <c r="H17638" s="8">
        <v>1</v>
      </c>
      <c r="I17638" s="8">
        <v>0</v>
      </c>
      <c r="J17638" s="8">
        <v>1</v>
      </c>
      <c r="K17638" s="9">
        <v>3.3</v>
      </c>
      <c r="L17638" s="6" t="s">
        <v>51</v>
      </c>
    </row>
    <row r="17639" spans="1:12">
      <c r="A17639" s="6" t="s">
        <v>17224</v>
      </c>
      <c r="B17639" s="6"/>
      <c r="C17639" s="6" t="s">
        <v>17671</v>
      </c>
      <c r="D17639" s="6"/>
      <c r="E17639" s="6" t="s">
        <v>9</v>
      </c>
      <c r="F17639" s="7">
        <v>41911</v>
      </c>
      <c r="G17639" s="8">
        <v>1</v>
      </c>
      <c r="H17639" s="8">
        <v>1</v>
      </c>
      <c r="I17639" s="8">
        <v>0</v>
      </c>
      <c r="J17639" s="8">
        <v>1</v>
      </c>
      <c r="K17639" s="9">
        <v>6.61</v>
      </c>
      <c r="L17639" s="6" t="s">
        <v>51</v>
      </c>
    </row>
    <row r="17640" spans="1:12">
      <c r="A17640" s="6" t="s">
        <v>17224</v>
      </c>
      <c r="B17640" s="6"/>
      <c r="C17640" s="6" t="s">
        <v>17672</v>
      </c>
      <c r="D17640" s="6"/>
      <c r="E17640" s="6" t="s">
        <v>9</v>
      </c>
      <c r="F17640" s="7">
        <v>41911</v>
      </c>
      <c r="G17640" s="8">
        <v>1</v>
      </c>
      <c r="H17640" s="8">
        <v>1</v>
      </c>
      <c r="I17640" s="8">
        <v>0</v>
      </c>
      <c r="J17640" s="8">
        <v>1</v>
      </c>
      <c r="K17640" s="9">
        <v>19</v>
      </c>
      <c r="L17640" s="6" t="s">
        <v>51</v>
      </c>
    </row>
    <row r="17641" spans="1:12">
      <c r="A17641" s="6" t="s">
        <v>17224</v>
      </c>
      <c r="B17641" s="6"/>
      <c r="C17641" s="6" t="s">
        <v>17673</v>
      </c>
      <c r="D17641" s="6"/>
      <c r="E17641" s="6" t="s">
        <v>9</v>
      </c>
      <c r="F17641" s="7">
        <v>41911</v>
      </c>
      <c r="G17641" s="8">
        <v>1</v>
      </c>
      <c r="H17641" s="8">
        <v>1</v>
      </c>
      <c r="I17641" s="8">
        <v>0</v>
      </c>
      <c r="J17641" s="8">
        <v>1</v>
      </c>
      <c r="K17641" s="9">
        <v>6.61</v>
      </c>
      <c r="L17641" s="6" t="s">
        <v>51</v>
      </c>
    </row>
    <row r="17642" spans="1:12">
      <c r="A17642" s="6" t="s">
        <v>17224</v>
      </c>
      <c r="B17642" s="6"/>
      <c r="C17642" s="6" t="s">
        <v>17674</v>
      </c>
      <c r="D17642" s="6"/>
      <c r="E17642" s="6" t="s">
        <v>9</v>
      </c>
      <c r="F17642" s="7">
        <v>41911</v>
      </c>
      <c r="G17642" s="8">
        <v>1</v>
      </c>
      <c r="H17642" s="8">
        <v>1</v>
      </c>
      <c r="I17642" s="8">
        <v>0</v>
      </c>
      <c r="J17642" s="8">
        <v>1</v>
      </c>
      <c r="K17642" s="9">
        <v>13</v>
      </c>
      <c r="L17642" s="6" t="s">
        <v>51</v>
      </c>
    </row>
    <row r="17643" spans="1:12">
      <c r="A17643" s="6" t="s">
        <v>17224</v>
      </c>
      <c r="B17643" s="6"/>
      <c r="C17643" s="6" t="s">
        <v>17675</v>
      </c>
      <c r="D17643" s="6"/>
      <c r="E17643" s="6" t="s">
        <v>9</v>
      </c>
      <c r="F17643" s="7">
        <v>41911</v>
      </c>
      <c r="G17643" s="8">
        <v>1</v>
      </c>
      <c r="H17643" s="8">
        <v>1</v>
      </c>
      <c r="I17643" s="8">
        <v>0</v>
      </c>
      <c r="J17643" s="8">
        <v>1</v>
      </c>
      <c r="K17643" s="9">
        <v>13</v>
      </c>
      <c r="L17643" s="6" t="s">
        <v>51</v>
      </c>
    </row>
    <row r="17644" spans="1:12">
      <c r="A17644" s="6" t="s">
        <v>17224</v>
      </c>
      <c r="B17644" s="6"/>
      <c r="C17644" s="6" t="s">
        <v>17676</v>
      </c>
      <c r="D17644" s="6"/>
      <c r="E17644" s="6" t="s">
        <v>9</v>
      </c>
      <c r="F17644" s="7">
        <v>41911</v>
      </c>
      <c r="G17644" s="8">
        <v>1</v>
      </c>
      <c r="H17644" s="8">
        <v>1</v>
      </c>
      <c r="I17644" s="8">
        <v>0</v>
      </c>
      <c r="J17644" s="8">
        <v>1</v>
      </c>
      <c r="K17644" s="9">
        <v>6.61</v>
      </c>
      <c r="L17644" s="6" t="s">
        <v>51</v>
      </c>
    </row>
    <row r="17645" spans="1:12">
      <c r="A17645" s="6" t="s">
        <v>17224</v>
      </c>
      <c r="B17645" s="6"/>
      <c r="C17645" s="6" t="s">
        <v>17677</v>
      </c>
      <c r="D17645" s="6"/>
      <c r="E17645" s="6" t="s">
        <v>9</v>
      </c>
      <c r="F17645" s="7">
        <v>41730</v>
      </c>
      <c r="G17645" s="8">
        <v>1</v>
      </c>
      <c r="H17645" s="8">
        <v>1</v>
      </c>
      <c r="I17645" s="8">
        <v>0</v>
      </c>
      <c r="J17645" s="8">
        <v>1</v>
      </c>
      <c r="K17645" s="9">
        <v>44</v>
      </c>
      <c r="L17645" s="6" t="s">
        <v>51</v>
      </c>
    </row>
    <row r="17646" spans="1:12">
      <c r="A17646" s="6" t="s">
        <v>17224</v>
      </c>
      <c r="B17646" s="6"/>
      <c r="C17646" s="6" t="s">
        <v>17678</v>
      </c>
      <c r="D17646" s="6"/>
      <c r="E17646" s="6" t="s">
        <v>9</v>
      </c>
      <c r="F17646" s="7">
        <v>38657</v>
      </c>
      <c r="G17646" s="8">
        <v>1</v>
      </c>
      <c r="H17646" s="8">
        <v>1</v>
      </c>
      <c r="I17646" s="8">
        <v>0</v>
      </c>
      <c r="J17646" s="8">
        <v>1</v>
      </c>
      <c r="K17646" s="9">
        <v>3.6</v>
      </c>
      <c r="L17646" s="6" t="s">
        <v>51</v>
      </c>
    </row>
    <row r="17647" spans="1:12">
      <c r="A17647" s="6" t="s">
        <v>17224</v>
      </c>
      <c r="B17647" s="6"/>
      <c r="C17647" s="6" t="s">
        <v>17679</v>
      </c>
      <c r="D17647" s="6"/>
      <c r="E17647" s="6" t="s">
        <v>9</v>
      </c>
      <c r="F17647" s="7">
        <v>38657</v>
      </c>
      <c r="G17647" s="8">
        <v>1</v>
      </c>
      <c r="H17647" s="8">
        <v>1</v>
      </c>
      <c r="I17647" s="8">
        <v>0</v>
      </c>
      <c r="J17647" s="8">
        <v>1</v>
      </c>
      <c r="K17647" s="9">
        <v>2.63</v>
      </c>
      <c r="L17647" s="6" t="s">
        <v>51</v>
      </c>
    </row>
    <row r="17648" spans="1:12">
      <c r="A17648" s="6" t="s">
        <v>17224</v>
      </c>
      <c r="B17648" s="6"/>
      <c r="C17648" s="6" t="s">
        <v>17680</v>
      </c>
      <c r="D17648" s="6"/>
      <c r="E17648" s="6" t="s">
        <v>9</v>
      </c>
      <c r="F17648" s="7">
        <v>38657</v>
      </c>
      <c r="G17648" s="8">
        <v>1</v>
      </c>
      <c r="H17648" s="8">
        <v>1</v>
      </c>
      <c r="I17648" s="8">
        <v>0</v>
      </c>
      <c r="J17648" s="8">
        <v>1</v>
      </c>
      <c r="K17648" s="9">
        <v>4.6100000000000003</v>
      </c>
      <c r="L17648" s="6" t="s">
        <v>51</v>
      </c>
    </row>
    <row r="17649" spans="1:12">
      <c r="A17649" s="6" t="s">
        <v>17224</v>
      </c>
      <c r="B17649" s="6"/>
      <c r="C17649" s="6" t="s">
        <v>17681</v>
      </c>
      <c r="D17649" s="6"/>
      <c r="E17649" s="6" t="s">
        <v>9</v>
      </c>
      <c r="F17649" s="7">
        <v>38657</v>
      </c>
      <c r="G17649" s="8">
        <v>1</v>
      </c>
      <c r="H17649" s="8">
        <v>1</v>
      </c>
      <c r="I17649" s="8">
        <v>0</v>
      </c>
      <c r="J17649" s="8">
        <v>1</v>
      </c>
      <c r="K17649" s="9">
        <v>12</v>
      </c>
      <c r="L17649" s="6" t="s">
        <v>51</v>
      </c>
    </row>
    <row r="17650" spans="1:12">
      <c r="A17650" s="6" t="s">
        <v>17224</v>
      </c>
      <c r="B17650" s="6"/>
      <c r="C17650" s="6" t="s">
        <v>17682</v>
      </c>
      <c r="D17650" s="6"/>
      <c r="E17650" s="6" t="s">
        <v>9</v>
      </c>
      <c r="F17650" s="7"/>
      <c r="G17650" s="8">
        <v>1</v>
      </c>
      <c r="H17650" s="8">
        <v>1</v>
      </c>
      <c r="I17650" s="8">
        <v>0</v>
      </c>
      <c r="J17650" s="8">
        <v>1</v>
      </c>
      <c r="K17650" s="9">
        <v>13</v>
      </c>
      <c r="L17650" s="6" t="s">
        <v>51</v>
      </c>
    </row>
    <row r="17651" spans="1:12">
      <c r="A17651" s="6" t="s">
        <v>17224</v>
      </c>
      <c r="B17651" s="6"/>
      <c r="C17651" s="6" t="s">
        <v>17683</v>
      </c>
      <c r="D17651" s="6"/>
      <c r="E17651" s="6" t="s">
        <v>9</v>
      </c>
      <c r="F17651" s="7"/>
      <c r="G17651" s="8">
        <v>1</v>
      </c>
      <c r="H17651" s="8">
        <v>1</v>
      </c>
      <c r="I17651" s="8">
        <v>0</v>
      </c>
      <c r="J17651" s="8">
        <v>1</v>
      </c>
      <c r="K17651" s="9">
        <v>13</v>
      </c>
      <c r="L17651" s="6" t="s">
        <v>51</v>
      </c>
    </row>
    <row r="17652" spans="1:12">
      <c r="A17652" s="6" t="s">
        <v>17224</v>
      </c>
      <c r="B17652" s="6"/>
      <c r="C17652" s="6" t="s">
        <v>17684</v>
      </c>
      <c r="D17652" s="6"/>
      <c r="E17652" s="6" t="s">
        <v>9</v>
      </c>
      <c r="F17652" s="7">
        <v>40056</v>
      </c>
      <c r="G17652" s="8">
        <v>1</v>
      </c>
      <c r="H17652" s="8">
        <v>1</v>
      </c>
      <c r="I17652" s="8">
        <v>0</v>
      </c>
      <c r="J17652" s="8">
        <v>1</v>
      </c>
      <c r="K17652" s="9">
        <v>74</v>
      </c>
      <c r="L17652" s="6" t="s">
        <v>51</v>
      </c>
    </row>
    <row r="17653" spans="1:12">
      <c r="A17653" s="6" t="s">
        <v>17224</v>
      </c>
      <c r="B17653" s="6"/>
      <c r="C17653" s="6" t="s">
        <v>17685</v>
      </c>
      <c r="D17653" s="6"/>
      <c r="E17653" s="6" t="s">
        <v>9</v>
      </c>
      <c r="F17653" s="7">
        <v>41604</v>
      </c>
      <c r="G17653" s="8">
        <v>1</v>
      </c>
      <c r="H17653" s="8">
        <v>1</v>
      </c>
      <c r="I17653" s="8">
        <v>0</v>
      </c>
      <c r="J17653" s="8">
        <v>1</v>
      </c>
      <c r="K17653" s="9">
        <v>77</v>
      </c>
      <c r="L17653" s="6" t="s">
        <v>51</v>
      </c>
    </row>
    <row r="17654" spans="1:12">
      <c r="A17654" s="6" t="s">
        <v>17224</v>
      </c>
      <c r="B17654" s="6"/>
      <c r="C17654" s="6" t="s">
        <v>17686</v>
      </c>
      <c r="D17654" s="6"/>
      <c r="E17654" s="6" t="s">
        <v>9</v>
      </c>
      <c r="F17654" s="7">
        <v>38657</v>
      </c>
      <c r="G17654" s="8">
        <v>1</v>
      </c>
      <c r="H17654" s="8">
        <v>1</v>
      </c>
      <c r="I17654" s="8">
        <v>0</v>
      </c>
      <c r="J17654" s="8">
        <v>1</v>
      </c>
      <c r="K17654" s="9">
        <v>46</v>
      </c>
      <c r="L17654" s="6" t="s">
        <v>51</v>
      </c>
    </row>
    <row r="17655" spans="1:12">
      <c r="A17655" s="6" t="s">
        <v>17224</v>
      </c>
      <c r="B17655" s="6"/>
      <c r="C17655" s="6" t="s">
        <v>17687</v>
      </c>
      <c r="D17655" s="6"/>
      <c r="E17655" s="6" t="s">
        <v>9</v>
      </c>
      <c r="F17655" s="7">
        <v>38657</v>
      </c>
      <c r="G17655" s="8">
        <v>1</v>
      </c>
      <c r="H17655" s="8">
        <v>1</v>
      </c>
      <c r="I17655" s="8">
        <v>0</v>
      </c>
      <c r="J17655" s="8">
        <v>1</v>
      </c>
      <c r="K17655" s="9">
        <v>10</v>
      </c>
      <c r="L17655" s="6" t="s">
        <v>51</v>
      </c>
    </row>
    <row r="17656" spans="1:12">
      <c r="A17656" s="6" t="s">
        <v>17224</v>
      </c>
      <c r="B17656" s="6"/>
      <c r="C17656" s="6" t="s">
        <v>17688</v>
      </c>
      <c r="D17656" s="6"/>
      <c r="E17656" s="6" t="s">
        <v>9</v>
      </c>
      <c r="F17656" s="7">
        <v>38657</v>
      </c>
      <c r="G17656" s="8">
        <v>1</v>
      </c>
      <c r="H17656" s="8">
        <v>1</v>
      </c>
      <c r="I17656" s="8">
        <v>0</v>
      </c>
      <c r="J17656" s="8">
        <v>1</v>
      </c>
      <c r="K17656" s="9">
        <v>19</v>
      </c>
      <c r="L17656" s="6" t="s">
        <v>51</v>
      </c>
    </row>
    <row r="17657" spans="1:12">
      <c r="A17657" s="6" t="s">
        <v>17224</v>
      </c>
      <c r="B17657" s="6"/>
      <c r="C17657" s="6" t="s">
        <v>17689</v>
      </c>
      <c r="D17657" s="6"/>
      <c r="E17657" s="6" t="s">
        <v>9</v>
      </c>
      <c r="F17657" s="7">
        <v>38657</v>
      </c>
      <c r="G17657" s="8">
        <v>1</v>
      </c>
      <c r="H17657" s="8">
        <v>1</v>
      </c>
      <c r="I17657" s="8">
        <v>0</v>
      </c>
      <c r="J17657" s="8">
        <v>1</v>
      </c>
      <c r="K17657" s="9">
        <v>8.26</v>
      </c>
      <c r="L17657" s="6" t="s">
        <v>51</v>
      </c>
    </row>
    <row r="17658" spans="1:12">
      <c r="A17658" s="6" t="s">
        <v>17224</v>
      </c>
      <c r="B17658" s="6"/>
      <c r="C17658" s="6" t="s">
        <v>17690</v>
      </c>
      <c r="D17658" s="6"/>
      <c r="E17658" s="6" t="s">
        <v>9</v>
      </c>
      <c r="F17658" s="7">
        <v>43523</v>
      </c>
      <c r="G17658" s="8">
        <v>1</v>
      </c>
      <c r="H17658" s="8">
        <v>1</v>
      </c>
      <c r="I17658" s="8">
        <v>0</v>
      </c>
      <c r="J17658" s="8">
        <v>1</v>
      </c>
      <c r="K17658" s="9">
        <v>58</v>
      </c>
      <c r="L17658" s="6" t="s">
        <v>51</v>
      </c>
    </row>
    <row r="17659" spans="1:12">
      <c r="A17659" s="6" t="s">
        <v>17224</v>
      </c>
      <c r="B17659" s="6"/>
      <c r="C17659" s="6" t="s">
        <v>17691</v>
      </c>
      <c r="D17659" s="6"/>
      <c r="E17659" s="6" t="s">
        <v>9</v>
      </c>
      <c r="F17659" s="7">
        <v>43523</v>
      </c>
      <c r="G17659" s="8">
        <v>1</v>
      </c>
      <c r="H17659" s="8">
        <v>1</v>
      </c>
      <c r="I17659" s="8">
        <v>0</v>
      </c>
      <c r="J17659" s="8">
        <v>1</v>
      </c>
      <c r="K17659" s="9">
        <v>5.04</v>
      </c>
      <c r="L17659" s="6" t="s">
        <v>51</v>
      </c>
    </row>
    <row r="17660" spans="1:12">
      <c r="A17660" s="6" t="s">
        <v>17224</v>
      </c>
      <c r="B17660" s="6"/>
      <c r="C17660" s="6" t="s">
        <v>17692</v>
      </c>
      <c r="D17660" s="6"/>
      <c r="E17660" s="6" t="s">
        <v>9</v>
      </c>
      <c r="F17660" s="7">
        <v>43523</v>
      </c>
      <c r="G17660" s="8">
        <v>1</v>
      </c>
      <c r="H17660" s="8">
        <v>1</v>
      </c>
      <c r="I17660" s="8">
        <v>0</v>
      </c>
      <c r="J17660" s="8">
        <v>1</v>
      </c>
      <c r="K17660" s="9">
        <v>92</v>
      </c>
      <c r="L17660" s="6" t="s">
        <v>51</v>
      </c>
    </row>
    <row r="17661" spans="1:12">
      <c r="A17661" s="6" t="s">
        <v>17224</v>
      </c>
      <c r="B17661" s="6"/>
      <c r="C17661" s="6" t="s">
        <v>17693</v>
      </c>
      <c r="D17661" s="6"/>
      <c r="E17661" s="6" t="s">
        <v>9</v>
      </c>
      <c r="F17661" s="7">
        <v>43623</v>
      </c>
      <c r="G17661" s="8">
        <v>1</v>
      </c>
      <c r="H17661" s="8">
        <v>1</v>
      </c>
      <c r="I17661" s="8">
        <v>0</v>
      </c>
      <c r="J17661" s="8">
        <v>1</v>
      </c>
      <c r="K17661" s="9">
        <v>98</v>
      </c>
      <c r="L17661" s="6" t="s">
        <v>51</v>
      </c>
    </row>
    <row r="17662" spans="1:12">
      <c r="A17662" s="6" t="s">
        <v>17224</v>
      </c>
      <c r="B17662" s="6"/>
      <c r="C17662" s="6" t="s">
        <v>17694</v>
      </c>
      <c r="D17662" s="6"/>
      <c r="E17662" s="6" t="s">
        <v>9</v>
      </c>
      <c r="F17662" s="7">
        <v>43712</v>
      </c>
      <c r="G17662" s="8">
        <v>1</v>
      </c>
      <c r="H17662" s="8">
        <v>1</v>
      </c>
      <c r="I17662" s="8">
        <v>0</v>
      </c>
      <c r="J17662" s="8">
        <v>1</v>
      </c>
      <c r="K17662" s="9">
        <v>62</v>
      </c>
      <c r="L17662" s="6" t="s">
        <v>51</v>
      </c>
    </row>
    <row r="17663" spans="1:12">
      <c r="A17663" s="6" t="s">
        <v>17224</v>
      </c>
      <c r="B17663" s="6"/>
      <c r="C17663" s="6" t="s">
        <v>17695</v>
      </c>
      <c r="D17663" s="6"/>
      <c r="E17663" s="6" t="s">
        <v>9</v>
      </c>
      <c r="F17663" s="7">
        <v>43712</v>
      </c>
      <c r="G17663" s="8">
        <v>1</v>
      </c>
      <c r="H17663" s="8">
        <v>1</v>
      </c>
      <c r="I17663" s="8">
        <v>0</v>
      </c>
      <c r="J17663" s="8">
        <v>1</v>
      </c>
      <c r="K17663" s="9">
        <v>46</v>
      </c>
      <c r="L17663" s="6" t="s">
        <v>51</v>
      </c>
    </row>
    <row r="17664" spans="1:12">
      <c r="A17664" s="6" t="s">
        <v>17224</v>
      </c>
      <c r="B17664" s="6"/>
      <c r="C17664" s="6" t="s">
        <v>17696</v>
      </c>
      <c r="D17664" s="6"/>
      <c r="E17664" s="6" t="s">
        <v>9</v>
      </c>
      <c r="F17664" s="7">
        <v>38657</v>
      </c>
      <c r="G17664" s="8">
        <v>720000</v>
      </c>
      <c r="H17664" s="8">
        <v>720000</v>
      </c>
      <c r="I17664" s="8">
        <v>0</v>
      </c>
      <c r="J17664" s="8">
        <v>720000</v>
      </c>
      <c r="K17664" s="9">
        <v>20</v>
      </c>
      <c r="L17664" s="6" t="s">
        <v>51</v>
      </c>
    </row>
    <row r="17665" spans="1:12">
      <c r="A17665" s="6" t="s">
        <v>17224</v>
      </c>
      <c r="B17665" s="6"/>
      <c r="C17665" s="6" t="s">
        <v>17697</v>
      </c>
      <c r="D17665" s="6"/>
      <c r="E17665" s="6" t="s">
        <v>9</v>
      </c>
      <c r="F17665" s="7">
        <v>38657</v>
      </c>
      <c r="G17665" s="8">
        <v>1728000</v>
      </c>
      <c r="H17665" s="8">
        <v>1728000</v>
      </c>
      <c r="I17665" s="8">
        <v>0</v>
      </c>
      <c r="J17665" s="8">
        <v>1728000</v>
      </c>
      <c r="K17665" s="9">
        <v>48</v>
      </c>
      <c r="L17665" s="6" t="s">
        <v>51</v>
      </c>
    </row>
    <row r="17666" spans="1:12">
      <c r="A17666" s="6" t="s">
        <v>17224</v>
      </c>
      <c r="B17666" s="6"/>
      <c r="C17666" s="6" t="s">
        <v>17698</v>
      </c>
      <c r="D17666" s="6"/>
      <c r="E17666" s="6" t="s">
        <v>9</v>
      </c>
      <c r="F17666" s="7">
        <v>38657</v>
      </c>
      <c r="G17666" s="8">
        <v>1</v>
      </c>
      <c r="H17666" s="8">
        <v>1</v>
      </c>
      <c r="I17666" s="8">
        <v>0</v>
      </c>
      <c r="J17666" s="8">
        <v>1</v>
      </c>
      <c r="K17666" s="9">
        <v>4.6500000000000004</v>
      </c>
      <c r="L17666" s="6" t="s">
        <v>51</v>
      </c>
    </row>
    <row r="17667" spans="1:12">
      <c r="A17667" s="6" t="s">
        <v>17224</v>
      </c>
      <c r="B17667" s="6"/>
      <c r="C17667" s="6" t="s">
        <v>17699</v>
      </c>
      <c r="D17667" s="6"/>
      <c r="E17667" s="6" t="s">
        <v>9</v>
      </c>
      <c r="F17667" s="7">
        <v>38657</v>
      </c>
      <c r="G17667" s="8">
        <v>1457000</v>
      </c>
      <c r="H17667" s="8">
        <v>1457000</v>
      </c>
      <c r="I17667" s="8">
        <v>0</v>
      </c>
      <c r="J17667" s="8">
        <v>1457000</v>
      </c>
      <c r="K17667" s="9">
        <v>31</v>
      </c>
      <c r="L17667" s="6" t="s">
        <v>51</v>
      </c>
    </row>
    <row r="17668" spans="1:12">
      <c r="A17668" s="6" t="s">
        <v>17224</v>
      </c>
      <c r="B17668" s="6"/>
      <c r="C17668" s="6" t="s">
        <v>17700</v>
      </c>
      <c r="D17668" s="6"/>
      <c r="E17668" s="6" t="s">
        <v>9</v>
      </c>
      <c r="F17668" s="7">
        <v>38657</v>
      </c>
      <c r="G17668" s="8">
        <v>71568</v>
      </c>
      <c r="H17668" s="8">
        <v>71568</v>
      </c>
      <c r="I17668" s="8">
        <v>0</v>
      </c>
      <c r="J17668" s="8">
        <v>71568</v>
      </c>
      <c r="K17668" s="9">
        <v>14</v>
      </c>
      <c r="L17668" s="6" t="s">
        <v>51</v>
      </c>
    </row>
    <row r="17669" spans="1:12">
      <c r="A17669" s="6" t="s">
        <v>17224</v>
      </c>
      <c r="B17669" s="6"/>
      <c r="C17669" s="6" t="s">
        <v>17701</v>
      </c>
      <c r="D17669" s="6"/>
      <c r="E17669" s="6" t="s">
        <v>9</v>
      </c>
      <c r="F17669" s="7">
        <v>38657</v>
      </c>
      <c r="G17669" s="8">
        <v>189144</v>
      </c>
      <c r="H17669" s="8">
        <v>189144</v>
      </c>
      <c r="I17669" s="8">
        <v>0</v>
      </c>
      <c r="J17669" s="8">
        <v>189144</v>
      </c>
      <c r="K17669" s="9">
        <v>37</v>
      </c>
      <c r="L17669" s="6" t="s">
        <v>51</v>
      </c>
    </row>
    <row r="17670" spans="1:12">
      <c r="A17670" s="6" t="s">
        <v>17224</v>
      </c>
      <c r="B17670" s="6"/>
      <c r="C17670" s="6" t="s">
        <v>17702</v>
      </c>
      <c r="D17670" s="6"/>
      <c r="E17670" s="6" t="s">
        <v>9</v>
      </c>
      <c r="F17670" s="7">
        <v>38657</v>
      </c>
      <c r="G17670" s="8">
        <v>363000</v>
      </c>
      <c r="H17670" s="8">
        <v>363000</v>
      </c>
      <c r="I17670" s="8">
        <v>0</v>
      </c>
      <c r="J17670" s="8">
        <v>363000</v>
      </c>
      <c r="K17670" s="9">
        <v>10</v>
      </c>
      <c r="L17670" s="6" t="s">
        <v>51</v>
      </c>
    </row>
    <row r="17671" spans="1:12">
      <c r="A17671" s="6" t="s">
        <v>17224</v>
      </c>
      <c r="B17671" s="6"/>
      <c r="C17671" s="6" t="s">
        <v>17703</v>
      </c>
      <c r="D17671" s="6"/>
      <c r="E17671" s="6" t="s">
        <v>9</v>
      </c>
      <c r="F17671" s="7">
        <v>43574</v>
      </c>
      <c r="G17671" s="8">
        <v>1</v>
      </c>
      <c r="H17671" s="8">
        <v>1</v>
      </c>
      <c r="I17671" s="8">
        <v>0</v>
      </c>
      <c r="J17671" s="8">
        <v>1</v>
      </c>
      <c r="K17671" s="9">
        <v>85</v>
      </c>
      <c r="L17671" s="6" t="s">
        <v>51</v>
      </c>
    </row>
    <row r="17672" spans="1:12">
      <c r="A17672" s="6" t="s">
        <v>17224</v>
      </c>
      <c r="B17672" s="6"/>
      <c r="C17672" s="6" t="s">
        <v>17704</v>
      </c>
      <c r="D17672" s="6"/>
      <c r="E17672" s="6" t="s">
        <v>9</v>
      </c>
      <c r="F17672" s="7">
        <v>43574</v>
      </c>
      <c r="G17672" s="8">
        <v>1</v>
      </c>
      <c r="H17672" s="8">
        <v>1</v>
      </c>
      <c r="I17672" s="8">
        <v>0</v>
      </c>
      <c r="J17672" s="8">
        <v>1</v>
      </c>
      <c r="K17672" s="9">
        <v>161</v>
      </c>
      <c r="L17672" s="6" t="s">
        <v>51</v>
      </c>
    </row>
    <row r="17673" spans="1:12">
      <c r="A17673" s="6" t="s">
        <v>17224</v>
      </c>
      <c r="B17673" s="6"/>
      <c r="C17673" s="6" t="s">
        <v>17705</v>
      </c>
      <c r="D17673" s="6"/>
      <c r="E17673" s="6" t="s">
        <v>9</v>
      </c>
      <c r="F17673" s="7">
        <v>43789</v>
      </c>
      <c r="G17673" s="8">
        <v>1</v>
      </c>
      <c r="H17673" s="8">
        <v>1</v>
      </c>
      <c r="I17673" s="8">
        <v>0</v>
      </c>
      <c r="J17673" s="8">
        <v>1</v>
      </c>
      <c r="K17673" s="9">
        <v>6.05</v>
      </c>
      <c r="L17673" s="6" t="s">
        <v>51</v>
      </c>
    </row>
    <row r="17674" spans="1:12">
      <c r="A17674" s="6" t="s">
        <v>17224</v>
      </c>
      <c r="B17674" s="6"/>
      <c r="C17674" s="6" t="s">
        <v>17706</v>
      </c>
      <c r="D17674" s="6"/>
      <c r="E17674" s="6" t="s">
        <v>9</v>
      </c>
      <c r="F17674" s="7">
        <v>43907</v>
      </c>
      <c r="G17674" s="8">
        <v>1</v>
      </c>
      <c r="H17674" s="8">
        <v>1</v>
      </c>
      <c r="I17674" s="8">
        <v>0</v>
      </c>
      <c r="J17674" s="8">
        <v>1</v>
      </c>
      <c r="K17674" s="9">
        <v>26.94</v>
      </c>
      <c r="L17674" s="6" t="s">
        <v>51</v>
      </c>
    </row>
    <row r="17675" spans="1:12">
      <c r="A17675" s="6" t="s">
        <v>17224</v>
      </c>
      <c r="B17675" s="6"/>
      <c r="C17675" s="6" t="s">
        <v>17707</v>
      </c>
      <c r="D17675" s="6"/>
      <c r="E17675" s="6" t="s">
        <v>9</v>
      </c>
      <c r="F17675" s="7">
        <v>38657</v>
      </c>
      <c r="G17675" s="8">
        <v>1</v>
      </c>
      <c r="H17675" s="8">
        <v>1</v>
      </c>
      <c r="I17675" s="8">
        <v>0</v>
      </c>
      <c r="J17675" s="8">
        <v>1</v>
      </c>
      <c r="K17675" s="9">
        <v>7.05</v>
      </c>
      <c r="L17675" s="6" t="s">
        <v>51</v>
      </c>
    </row>
    <row r="17676" spans="1:12">
      <c r="A17676" s="6" t="s">
        <v>17224</v>
      </c>
      <c r="B17676" s="6"/>
      <c r="C17676" s="6" t="s">
        <v>17708</v>
      </c>
      <c r="D17676" s="6"/>
      <c r="E17676" s="6" t="s">
        <v>9</v>
      </c>
      <c r="F17676" s="7">
        <v>44110</v>
      </c>
      <c r="G17676" s="8">
        <v>1</v>
      </c>
      <c r="H17676" s="8">
        <v>1</v>
      </c>
      <c r="I17676" s="8">
        <v>0</v>
      </c>
      <c r="J17676" s="8">
        <v>1</v>
      </c>
      <c r="K17676" s="9">
        <v>20.74</v>
      </c>
      <c r="L17676" s="6" t="s">
        <v>10</v>
      </c>
    </row>
    <row r="17677" spans="1:12">
      <c r="A17677" s="6" t="s">
        <v>17224</v>
      </c>
      <c r="B17677" s="6"/>
      <c r="C17677" s="6" t="s">
        <v>17709</v>
      </c>
      <c r="D17677" s="6"/>
      <c r="E17677" s="6" t="s">
        <v>9</v>
      </c>
      <c r="F17677" s="7">
        <v>43886</v>
      </c>
      <c r="G17677" s="8">
        <v>1</v>
      </c>
      <c r="H17677" s="8">
        <v>1</v>
      </c>
      <c r="I17677" s="8">
        <v>0</v>
      </c>
      <c r="J17677" s="8">
        <v>1</v>
      </c>
      <c r="K17677" s="9">
        <v>819</v>
      </c>
      <c r="L17677" s="6" t="s">
        <v>51</v>
      </c>
    </row>
    <row r="17678" spans="1:12">
      <c r="A17678" s="6" t="s">
        <v>17224</v>
      </c>
      <c r="B17678" s="6"/>
      <c r="C17678" s="6" t="s">
        <v>17710</v>
      </c>
      <c r="D17678" s="6"/>
      <c r="E17678" s="6" t="s">
        <v>9</v>
      </c>
      <c r="F17678" s="7">
        <v>38657</v>
      </c>
      <c r="G17678" s="8">
        <v>1</v>
      </c>
      <c r="H17678" s="8">
        <v>1</v>
      </c>
      <c r="I17678" s="8">
        <v>0</v>
      </c>
      <c r="J17678" s="8">
        <v>1</v>
      </c>
      <c r="K17678" s="9">
        <v>12</v>
      </c>
      <c r="L17678" s="6" t="s">
        <v>51</v>
      </c>
    </row>
    <row r="17679" spans="1:12">
      <c r="A17679" s="6" t="s">
        <v>17224</v>
      </c>
      <c r="B17679" s="6"/>
      <c r="C17679" s="6" t="s">
        <v>17711</v>
      </c>
      <c r="D17679" s="6"/>
      <c r="E17679" s="6" t="s">
        <v>9</v>
      </c>
      <c r="F17679" s="7">
        <v>38657</v>
      </c>
      <c r="G17679" s="8">
        <v>1</v>
      </c>
      <c r="H17679" s="8">
        <v>1</v>
      </c>
      <c r="I17679" s="8">
        <v>0</v>
      </c>
      <c r="J17679" s="8">
        <v>1</v>
      </c>
      <c r="K17679" s="9">
        <v>9.2799999999999905</v>
      </c>
      <c r="L17679" s="6" t="s">
        <v>51</v>
      </c>
    </row>
    <row r="17680" spans="1:12">
      <c r="A17680" s="6" t="s">
        <v>17224</v>
      </c>
      <c r="B17680" s="6"/>
      <c r="C17680" s="6" t="s">
        <v>17712</v>
      </c>
      <c r="D17680" s="6"/>
      <c r="E17680" s="6" t="s">
        <v>9</v>
      </c>
      <c r="F17680" s="7">
        <v>38657</v>
      </c>
      <c r="G17680" s="8">
        <v>1</v>
      </c>
      <c r="H17680" s="8">
        <v>1</v>
      </c>
      <c r="I17680" s="8">
        <v>0</v>
      </c>
      <c r="J17680" s="8">
        <v>1</v>
      </c>
      <c r="K17680" s="9">
        <v>36</v>
      </c>
      <c r="L17680" s="6" t="s">
        <v>51</v>
      </c>
    </row>
    <row r="17681" spans="1:12">
      <c r="A17681" s="6" t="s">
        <v>17224</v>
      </c>
      <c r="B17681" s="6"/>
      <c r="C17681" s="6" t="s">
        <v>17713</v>
      </c>
      <c r="D17681" s="6"/>
      <c r="E17681" s="6" t="s">
        <v>9</v>
      </c>
      <c r="F17681" s="7">
        <v>38657</v>
      </c>
      <c r="G17681" s="8">
        <v>1</v>
      </c>
      <c r="H17681" s="8">
        <v>1</v>
      </c>
      <c r="I17681" s="8">
        <v>0</v>
      </c>
      <c r="J17681" s="8">
        <v>1</v>
      </c>
      <c r="K17681" s="9">
        <v>19</v>
      </c>
      <c r="L17681" s="6" t="s">
        <v>51</v>
      </c>
    </row>
    <row r="17682" spans="1:12">
      <c r="A17682" s="6" t="s">
        <v>17224</v>
      </c>
      <c r="B17682" s="6"/>
      <c r="C17682" s="6" t="s">
        <v>17714</v>
      </c>
      <c r="D17682" s="6"/>
      <c r="E17682" s="6" t="s">
        <v>9</v>
      </c>
      <c r="F17682" s="7">
        <v>38657</v>
      </c>
      <c r="G17682" s="8">
        <v>1</v>
      </c>
      <c r="H17682" s="8">
        <v>1</v>
      </c>
      <c r="I17682" s="8">
        <v>0</v>
      </c>
      <c r="J17682" s="8">
        <v>1</v>
      </c>
      <c r="K17682" s="9">
        <v>79</v>
      </c>
      <c r="L17682" s="6" t="s">
        <v>51</v>
      </c>
    </row>
    <row r="17683" spans="1:12">
      <c r="A17683" s="6" t="s">
        <v>17224</v>
      </c>
      <c r="B17683" s="6"/>
      <c r="C17683" s="6" t="s">
        <v>17715</v>
      </c>
      <c r="D17683" s="6"/>
      <c r="E17683" s="6" t="s">
        <v>9</v>
      </c>
      <c r="F17683" s="7">
        <v>38657</v>
      </c>
      <c r="G17683" s="8">
        <v>1</v>
      </c>
      <c r="H17683" s="8">
        <v>1</v>
      </c>
      <c r="I17683" s="8">
        <v>0</v>
      </c>
      <c r="J17683" s="8">
        <v>1</v>
      </c>
      <c r="K17683" s="9">
        <v>30</v>
      </c>
      <c r="L17683" s="6" t="s">
        <v>51</v>
      </c>
    </row>
    <row r="17684" spans="1:12">
      <c r="A17684" s="6" t="s">
        <v>17224</v>
      </c>
      <c r="B17684" s="6"/>
      <c r="C17684" s="6" t="s">
        <v>17716</v>
      </c>
      <c r="D17684" s="6"/>
      <c r="E17684" s="6" t="s">
        <v>9</v>
      </c>
      <c r="F17684" s="7">
        <v>38657</v>
      </c>
      <c r="G17684" s="8">
        <v>1</v>
      </c>
      <c r="H17684" s="8">
        <v>1</v>
      </c>
      <c r="I17684" s="8">
        <v>0</v>
      </c>
      <c r="J17684" s="8">
        <v>1</v>
      </c>
      <c r="K17684" s="9">
        <v>26.41</v>
      </c>
      <c r="L17684" s="6" t="s">
        <v>51</v>
      </c>
    </row>
    <row r="17685" spans="1:12">
      <c r="A17685" s="6" t="s">
        <v>17224</v>
      </c>
      <c r="B17685" s="6"/>
      <c r="C17685" s="6" t="s">
        <v>17717</v>
      </c>
      <c r="D17685" s="6"/>
      <c r="E17685" s="6" t="s">
        <v>9</v>
      </c>
      <c r="F17685" s="7">
        <v>38657</v>
      </c>
      <c r="G17685" s="8">
        <v>1</v>
      </c>
      <c r="H17685" s="8">
        <v>1</v>
      </c>
      <c r="I17685" s="8">
        <v>0</v>
      </c>
      <c r="J17685" s="8">
        <v>1</v>
      </c>
      <c r="K17685" s="9">
        <v>12</v>
      </c>
      <c r="L17685" s="6" t="s">
        <v>51</v>
      </c>
    </row>
    <row r="17686" spans="1:12">
      <c r="A17686" s="6" t="s">
        <v>17224</v>
      </c>
      <c r="B17686" s="6"/>
      <c r="C17686" s="6" t="s">
        <v>17718</v>
      </c>
      <c r="D17686" s="6"/>
      <c r="E17686" s="6" t="s">
        <v>9</v>
      </c>
      <c r="F17686" s="7">
        <v>38657</v>
      </c>
      <c r="G17686" s="8">
        <v>1</v>
      </c>
      <c r="H17686" s="8">
        <v>1</v>
      </c>
      <c r="I17686" s="8">
        <v>0</v>
      </c>
      <c r="J17686" s="8">
        <v>1</v>
      </c>
      <c r="K17686" s="9">
        <v>60</v>
      </c>
      <c r="L17686" s="6" t="s">
        <v>51</v>
      </c>
    </row>
    <row r="17687" spans="1:12">
      <c r="A17687" s="6" t="s">
        <v>17224</v>
      </c>
      <c r="B17687" s="6"/>
      <c r="C17687" s="6" t="s">
        <v>17719</v>
      </c>
      <c r="D17687" s="6"/>
      <c r="E17687" s="6" t="s">
        <v>9</v>
      </c>
      <c r="F17687" s="7">
        <v>38657</v>
      </c>
      <c r="G17687" s="8">
        <v>1</v>
      </c>
      <c r="H17687" s="8">
        <v>1</v>
      </c>
      <c r="I17687" s="8">
        <v>0</v>
      </c>
      <c r="J17687" s="8">
        <v>1</v>
      </c>
      <c r="K17687" s="9">
        <v>9.83</v>
      </c>
      <c r="L17687" s="6" t="s">
        <v>51</v>
      </c>
    </row>
    <row r="17688" spans="1:12">
      <c r="A17688" s="6" t="s">
        <v>17224</v>
      </c>
      <c r="B17688" s="6"/>
      <c r="C17688" s="6" t="s">
        <v>17720</v>
      </c>
      <c r="D17688" s="6"/>
      <c r="E17688" s="6" t="s">
        <v>9</v>
      </c>
      <c r="F17688" s="7">
        <v>38657</v>
      </c>
      <c r="G17688" s="8">
        <v>1</v>
      </c>
      <c r="H17688" s="8">
        <v>1</v>
      </c>
      <c r="I17688" s="8">
        <v>0</v>
      </c>
      <c r="J17688" s="8">
        <v>1</v>
      </c>
      <c r="K17688" s="9">
        <v>88</v>
      </c>
      <c r="L17688" s="6" t="s">
        <v>51</v>
      </c>
    </row>
    <row r="17689" spans="1:12">
      <c r="A17689" s="6" t="s">
        <v>17224</v>
      </c>
      <c r="B17689" s="6"/>
      <c r="C17689" s="6" t="s">
        <v>17721</v>
      </c>
      <c r="D17689" s="6"/>
      <c r="E17689" s="6" t="s">
        <v>9</v>
      </c>
      <c r="F17689" s="7">
        <v>38657</v>
      </c>
      <c r="G17689" s="8">
        <v>1</v>
      </c>
      <c r="H17689" s="8">
        <v>1</v>
      </c>
      <c r="I17689" s="8">
        <v>0</v>
      </c>
      <c r="J17689" s="8">
        <v>1</v>
      </c>
      <c r="K17689" s="9">
        <v>28</v>
      </c>
      <c r="L17689" s="6" t="s">
        <v>51</v>
      </c>
    </row>
    <row r="17690" spans="1:12">
      <c r="A17690" s="6" t="s">
        <v>17224</v>
      </c>
      <c r="B17690" s="6"/>
      <c r="C17690" s="6" t="s">
        <v>17722</v>
      </c>
      <c r="D17690" s="6"/>
      <c r="E17690" s="6" t="s">
        <v>9</v>
      </c>
      <c r="F17690" s="7">
        <v>38657</v>
      </c>
      <c r="G17690" s="8">
        <v>1</v>
      </c>
      <c r="H17690" s="8">
        <v>1</v>
      </c>
      <c r="I17690" s="8">
        <v>0</v>
      </c>
      <c r="J17690" s="8">
        <v>1</v>
      </c>
      <c r="K17690" s="9">
        <v>7.56</v>
      </c>
      <c r="L17690" s="6" t="s">
        <v>51</v>
      </c>
    </row>
    <row r="17691" spans="1:12">
      <c r="A17691" s="6" t="s">
        <v>17224</v>
      </c>
      <c r="B17691" s="6"/>
      <c r="C17691" s="6" t="s">
        <v>17723</v>
      </c>
      <c r="D17691" s="6"/>
      <c r="E17691" s="6" t="s">
        <v>9</v>
      </c>
      <c r="F17691" s="7">
        <v>38657</v>
      </c>
      <c r="G17691" s="8">
        <v>1</v>
      </c>
      <c r="H17691" s="8">
        <v>1</v>
      </c>
      <c r="I17691" s="8">
        <v>0</v>
      </c>
      <c r="J17691" s="8">
        <v>1</v>
      </c>
      <c r="K17691" s="9">
        <v>24</v>
      </c>
      <c r="L17691" s="6" t="s">
        <v>51</v>
      </c>
    </row>
    <row r="17692" spans="1:12">
      <c r="A17692" s="6" t="s">
        <v>17224</v>
      </c>
      <c r="B17692" s="6"/>
      <c r="C17692" s="6" t="s">
        <v>17724</v>
      </c>
      <c r="D17692" s="6"/>
      <c r="E17692" s="6" t="s">
        <v>9</v>
      </c>
      <c r="F17692" s="7">
        <v>38657</v>
      </c>
      <c r="G17692" s="8">
        <v>1</v>
      </c>
      <c r="H17692" s="8">
        <v>1</v>
      </c>
      <c r="I17692" s="8">
        <v>0</v>
      </c>
      <c r="J17692" s="8">
        <v>1</v>
      </c>
      <c r="K17692" s="9">
        <v>13</v>
      </c>
      <c r="L17692" s="6" t="s">
        <v>51</v>
      </c>
    </row>
    <row r="17693" spans="1:12">
      <c r="A17693" s="6" t="s">
        <v>17224</v>
      </c>
      <c r="B17693" s="6"/>
      <c r="C17693" s="6" t="s">
        <v>17725</v>
      </c>
      <c r="D17693" s="6"/>
      <c r="E17693" s="6" t="s">
        <v>9</v>
      </c>
      <c r="F17693" s="7">
        <v>38657</v>
      </c>
      <c r="G17693" s="8">
        <v>1</v>
      </c>
      <c r="H17693" s="8">
        <v>1</v>
      </c>
      <c r="I17693" s="8">
        <v>0</v>
      </c>
      <c r="J17693" s="8">
        <v>1</v>
      </c>
      <c r="K17693" s="9">
        <v>66</v>
      </c>
      <c r="L17693" s="6" t="s">
        <v>51</v>
      </c>
    </row>
    <row r="17694" spans="1:12">
      <c r="A17694" s="6" t="s">
        <v>17224</v>
      </c>
      <c r="B17694" s="6"/>
      <c r="C17694" s="6" t="s">
        <v>17726</v>
      </c>
      <c r="D17694" s="6"/>
      <c r="E17694" s="6" t="s">
        <v>9</v>
      </c>
      <c r="F17694" s="7">
        <v>38657</v>
      </c>
      <c r="G17694" s="8">
        <v>1</v>
      </c>
      <c r="H17694" s="8">
        <v>1</v>
      </c>
      <c r="I17694" s="8">
        <v>0</v>
      </c>
      <c r="J17694" s="8">
        <v>1</v>
      </c>
      <c r="K17694" s="9">
        <v>0.75</v>
      </c>
      <c r="L17694" s="6" t="s">
        <v>51</v>
      </c>
    </row>
    <row r="17695" spans="1:12">
      <c r="A17695" s="6" t="s">
        <v>17224</v>
      </c>
      <c r="B17695" s="6"/>
      <c r="C17695" s="6" t="s">
        <v>17727</v>
      </c>
      <c r="D17695" s="6"/>
      <c r="E17695" s="6" t="s">
        <v>9</v>
      </c>
      <c r="F17695" s="7">
        <v>38657</v>
      </c>
      <c r="G17695" s="8">
        <v>1</v>
      </c>
      <c r="H17695" s="8">
        <v>1</v>
      </c>
      <c r="I17695" s="8">
        <v>0</v>
      </c>
      <c r="J17695" s="8">
        <v>1</v>
      </c>
      <c r="K17695" s="9">
        <v>1.33</v>
      </c>
      <c r="L17695" s="6" t="s">
        <v>51</v>
      </c>
    </row>
    <row r="17696" spans="1:12">
      <c r="A17696" s="6" t="s">
        <v>17224</v>
      </c>
      <c r="B17696" s="6"/>
      <c r="C17696" s="6" t="s">
        <v>17728</v>
      </c>
      <c r="D17696" s="6"/>
      <c r="E17696" s="6" t="s">
        <v>9</v>
      </c>
      <c r="F17696" s="7">
        <v>38657</v>
      </c>
      <c r="G17696" s="8">
        <v>1</v>
      </c>
      <c r="H17696" s="8">
        <v>1</v>
      </c>
      <c r="I17696" s="8">
        <v>0</v>
      </c>
      <c r="J17696" s="8">
        <v>1</v>
      </c>
      <c r="K17696" s="9">
        <v>6.61</v>
      </c>
      <c r="L17696" s="6" t="s">
        <v>51</v>
      </c>
    </row>
    <row r="17697" spans="1:12">
      <c r="A17697" s="6" t="s">
        <v>17224</v>
      </c>
      <c r="B17697" s="6"/>
      <c r="C17697" s="6" t="s">
        <v>17729</v>
      </c>
      <c r="D17697" s="6"/>
      <c r="E17697" s="6" t="s">
        <v>9</v>
      </c>
      <c r="F17697" s="7">
        <v>38657</v>
      </c>
      <c r="G17697" s="8">
        <v>1</v>
      </c>
      <c r="H17697" s="8">
        <v>1</v>
      </c>
      <c r="I17697" s="8">
        <v>0</v>
      </c>
      <c r="J17697" s="8">
        <v>1</v>
      </c>
      <c r="K17697" s="9">
        <v>144.65</v>
      </c>
      <c r="L17697" s="6" t="s">
        <v>51</v>
      </c>
    </row>
    <row r="17698" spans="1:12">
      <c r="A17698" s="6" t="s">
        <v>17224</v>
      </c>
      <c r="B17698" s="6"/>
      <c r="C17698" s="6" t="s">
        <v>17730</v>
      </c>
      <c r="D17698" s="6"/>
      <c r="E17698" s="6" t="s">
        <v>9</v>
      </c>
      <c r="F17698" s="7">
        <v>38657</v>
      </c>
      <c r="G17698" s="8">
        <v>1</v>
      </c>
      <c r="H17698" s="8">
        <v>1</v>
      </c>
      <c r="I17698" s="8">
        <v>0</v>
      </c>
      <c r="J17698" s="8">
        <v>1</v>
      </c>
      <c r="K17698" s="9">
        <v>143</v>
      </c>
      <c r="L17698" s="6" t="s">
        <v>51</v>
      </c>
    </row>
    <row r="17699" spans="1:12">
      <c r="A17699" s="6" t="s">
        <v>17224</v>
      </c>
      <c r="B17699" s="6"/>
      <c r="C17699" s="6" t="s">
        <v>17731</v>
      </c>
      <c r="D17699" s="6"/>
      <c r="E17699" s="6" t="s">
        <v>9</v>
      </c>
      <c r="F17699" s="7">
        <v>38657</v>
      </c>
      <c r="G17699" s="8">
        <v>1</v>
      </c>
      <c r="H17699" s="8">
        <v>1</v>
      </c>
      <c r="I17699" s="8">
        <v>0</v>
      </c>
      <c r="J17699" s="8">
        <v>1</v>
      </c>
      <c r="K17699" s="9">
        <v>201</v>
      </c>
      <c r="L17699" s="6" t="s">
        <v>51</v>
      </c>
    </row>
    <row r="17700" spans="1:12">
      <c r="A17700" s="6" t="s">
        <v>17224</v>
      </c>
      <c r="B17700" s="6"/>
      <c r="C17700" s="6" t="s">
        <v>17732</v>
      </c>
      <c r="D17700" s="6"/>
      <c r="E17700" s="6" t="s">
        <v>9</v>
      </c>
      <c r="F17700" s="7">
        <v>38657</v>
      </c>
      <c r="G17700" s="8">
        <v>1</v>
      </c>
      <c r="H17700" s="8">
        <v>1</v>
      </c>
      <c r="I17700" s="8">
        <v>0</v>
      </c>
      <c r="J17700" s="8">
        <v>1</v>
      </c>
      <c r="K17700" s="9">
        <v>73.2</v>
      </c>
      <c r="L17700" s="6" t="s">
        <v>51</v>
      </c>
    </row>
    <row r="17701" spans="1:12">
      <c r="A17701" s="6" t="s">
        <v>17224</v>
      </c>
      <c r="B17701" s="6"/>
      <c r="C17701" s="6" t="s">
        <v>17733</v>
      </c>
      <c r="D17701" s="6"/>
      <c r="E17701" s="6" t="s">
        <v>9</v>
      </c>
      <c r="F17701" s="7">
        <v>38657</v>
      </c>
      <c r="G17701" s="8">
        <v>1</v>
      </c>
      <c r="H17701" s="8">
        <v>1</v>
      </c>
      <c r="I17701" s="8">
        <v>0</v>
      </c>
      <c r="J17701" s="8">
        <v>1</v>
      </c>
      <c r="K17701" s="9">
        <v>30.88</v>
      </c>
      <c r="L17701" s="6" t="s">
        <v>51</v>
      </c>
    </row>
    <row r="17702" spans="1:12">
      <c r="A17702" s="6" t="s">
        <v>17224</v>
      </c>
      <c r="B17702" s="6"/>
      <c r="C17702" s="6" t="s">
        <v>17734</v>
      </c>
      <c r="D17702" s="6"/>
      <c r="E17702" s="6" t="s">
        <v>9</v>
      </c>
      <c r="F17702" s="7">
        <v>38657</v>
      </c>
      <c r="G17702" s="8">
        <v>1</v>
      </c>
      <c r="H17702" s="8">
        <v>1</v>
      </c>
      <c r="I17702" s="8">
        <v>0</v>
      </c>
      <c r="J17702" s="8">
        <v>1</v>
      </c>
      <c r="K17702" s="9">
        <v>30.2</v>
      </c>
      <c r="L17702" s="6" t="s">
        <v>51</v>
      </c>
    </row>
    <row r="17703" spans="1:12">
      <c r="A17703" s="6" t="s">
        <v>17224</v>
      </c>
      <c r="B17703" s="6"/>
      <c r="C17703" s="6" t="s">
        <v>17735</v>
      </c>
      <c r="D17703" s="6"/>
      <c r="E17703" s="6" t="s">
        <v>9</v>
      </c>
      <c r="F17703" s="7">
        <v>38657</v>
      </c>
      <c r="G17703" s="8">
        <v>1</v>
      </c>
      <c r="H17703" s="8">
        <v>1</v>
      </c>
      <c r="I17703" s="8">
        <v>0</v>
      </c>
      <c r="J17703" s="8">
        <v>1</v>
      </c>
      <c r="K17703" s="9">
        <v>21</v>
      </c>
      <c r="L17703" s="6" t="s">
        <v>51</v>
      </c>
    </row>
    <row r="17704" spans="1:12">
      <c r="A17704" s="6" t="s">
        <v>17224</v>
      </c>
      <c r="B17704" s="6"/>
      <c r="C17704" s="6" t="s">
        <v>17736</v>
      </c>
      <c r="D17704" s="6"/>
      <c r="E17704" s="6" t="s">
        <v>9</v>
      </c>
      <c r="F17704" s="7">
        <v>38657</v>
      </c>
      <c r="G17704" s="8">
        <v>1</v>
      </c>
      <c r="H17704" s="8">
        <v>1</v>
      </c>
      <c r="I17704" s="8">
        <v>0</v>
      </c>
      <c r="J17704" s="8">
        <v>1</v>
      </c>
      <c r="K17704" s="9">
        <v>79</v>
      </c>
      <c r="L17704" s="6" t="s">
        <v>51</v>
      </c>
    </row>
    <row r="17705" spans="1:12">
      <c r="A17705" s="6" t="s">
        <v>17224</v>
      </c>
      <c r="B17705" s="6"/>
      <c r="C17705" s="6" t="s">
        <v>17737</v>
      </c>
      <c r="D17705" s="6"/>
      <c r="E17705" s="6" t="s">
        <v>9</v>
      </c>
      <c r="F17705" s="7">
        <v>38657</v>
      </c>
      <c r="G17705" s="8">
        <v>1</v>
      </c>
      <c r="H17705" s="8">
        <v>1</v>
      </c>
      <c r="I17705" s="8">
        <v>0</v>
      </c>
      <c r="J17705" s="8">
        <v>1</v>
      </c>
      <c r="K17705" s="9">
        <v>11</v>
      </c>
      <c r="L17705" s="6" t="s">
        <v>51</v>
      </c>
    </row>
    <row r="17706" spans="1:12">
      <c r="A17706" s="6" t="s">
        <v>17224</v>
      </c>
      <c r="B17706" s="6"/>
      <c r="C17706" s="6" t="s">
        <v>17738</v>
      </c>
      <c r="D17706" s="6"/>
      <c r="E17706" s="6" t="s">
        <v>9</v>
      </c>
      <c r="F17706" s="7">
        <v>38657</v>
      </c>
      <c r="G17706" s="8">
        <v>1</v>
      </c>
      <c r="H17706" s="8">
        <v>1</v>
      </c>
      <c r="I17706" s="8">
        <v>0</v>
      </c>
      <c r="J17706" s="8">
        <v>1</v>
      </c>
      <c r="K17706" s="9">
        <v>22</v>
      </c>
      <c r="L17706" s="6" t="s">
        <v>51</v>
      </c>
    </row>
    <row r="17707" spans="1:12">
      <c r="A17707" s="6" t="s">
        <v>17224</v>
      </c>
      <c r="B17707" s="6"/>
      <c r="C17707" s="6" t="s">
        <v>17739</v>
      </c>
      <c r="D17707" s="6"/>
      <c r="E17707" s="6" t="s">
        <v>9</v>
      </c>
      <c r="F17707" s="7">
        <v>38657</v>
      </c>
      <c r="G17707" s="8">
        <v>1</v>
      </c>
      <c r="H17707" s="8">
        <v>1</v>
      </c>
      <c r="I17707" s="8">
        <v>0</v>
      </c>
      <c r="J17707" s="8">
        <v>1</v>
      </c>
      <c r="K17707" s="9">
        <v>547.98</v>
      </c>
      <c r="L17707" s="6" t="s">
        <v>51</v>
      </c>
    </row>
    <row r="17708" spans="1:12">
      <c r="A17708" s="6" t="s">
        <v>17224</v>
      </c>
      <c r="B17708" s="6"/>
      <c r="C17708" s="6" t="s">
        <v>17740</v>
      </c>
      <c r="D17708" s="6"/>
      <c r="E17708" s="6" t="s">
        <v>9</v>
      </c>
      <c r="F17708" s="7">
        <v>38657</v>
      </c>
      <c r="G17708" s="8">
        <v>1</v>
      </c>
      <c r="H17708" s="8">
        <v>1</v>
      </c>
      <c r="I17708" s="8">
        <v>0</v>
      </c>
      <c r="J17708" s="8">
        <v>1</v>
      </c>
      <c r="K17708" s="9">
        <v>109</v>
      </c>
      <c r="L17708" s="6" t="s">
        <v>51</v>
      </c>
    </row>
    <row r="17709" spans="1:12">
      <c r="A17709" s="6" t="s">
        <v>17224</v>
      </c>
      <c r="B17709" s="6"/>
      <c r="C17709" s="6" t="s">
        <v>17741</v>
      </c>
      <c r="D17709" s="6"/>
      <c r="E17709" s="6" t="s">
        <v>9</v>
      </c>
      <c r="F17709" s="7">
        <v>38657</v>
      </c>
      <c r="G17709" s="8">
        <v>1</v>
      </c>
      <c r="H17709" s="8">
        <v>1</v>
      </c>
      <c r="I17709" s="8">
        <v>0</v>
      </c>
      <c r="J17709" s="8">
        <v>1</v>
      </c>
      <c r="K17709" s="9">
        <v>56.07</v>
      </c>
      <c r="L17709" s="6" t="s">
        <v>51</v>
      </c>
    </row>
    <row r="17710" spans="1:12">
      <c r="A17710" s="6" t="s">
        <v>17224</v>
      </c>
      <c r="B17710" s="6"/>
      <c r="C17710" s="6" t="s">
        <v>17742</v>
      </c>
      <c r="D17710" s="6"/>
      <c r="E17710" s="6" t="s">
        <v>9</v>
      </c>
      <c r="F17710" s="7">
        <v>38657</v>
      </c>
      <c r="G17710" s="8">
        <v>1</v>
      </c>
      <c r="H17710" s="8">
        <v>1</v>
      </c>
      <c r="I17710" s="8">
        <v>0</v>
      </c>
      <c r="J17710" s="8">
        <v>1</v>
      </c>
      <c r="K17710" s="9">
        <v>508</v>
      </c>
      <c r="L17710" s="6" t="s">
        <v>51</v>
      </c>
    </row>
    <row r="17711" spans="1:12">
      <c r="A17711" s="6" t="s">
        <v>17224</v>
      </c>
      <c r="B17711" s="6"/>
      <c r="C17711" s="6" t="s">
        <v>17743</v>
      </c>
      <c r="D17711" s="6"/>
      <c r="E17711" s="6" t="s">
        <v>9</v>
      </c>
      <c r="F17711" s="7">
        <v>38657</v>
      </c>
      <c r="G17711" s="8">
        <v>1</v>
      </c>
      <c r="H17711" s="8">
        <v>1</v>
      </c>
      <c r="I17711" s="8">
        <v>0</v>
      </c>
      <c r="J17711" s="8">
        <v>1</v>
      </c>
      <c r="K17711" s="9">
        <v>687</v>
      </c>
      <c r="L17711" s="6" t="s">
        <v>51</v>
      </c>
    </row>
    <row r="17712" spans="1:12">
      <c r="A17712" s="6" t="s">
        <v>17224</v>
      </c>
      <c r="B17712" s="6"/>
      <c r="C17712" s="6" t="s">
        <v>17744</v>
      </c>
      <c r="D17712" s="6"/>
      <c r="E17712" s="6" t="s">
        <v>9</v>
      </c>
      <c r="F17712" s="7">
        <v>38657</v>
      </c>
      <c r="G17712" s="8">
        <v>1</v>
      </c>
      <c r="H17712" s="8">
        <v>1</v>
      </c>
      <c r="I17712" s="8">
        <v>0</v>
      </c>
      <c r="J17712" s="8">
        <v>1</v>
      </c>
      <c r="K17712" s="9">
        <v>214</v>
      </c>
      <c r="L17712" s="6" t="s">
        <v>51</v>
      </c>
    </row>
    <row r="17713" spans="1:12">
      <c r="A17713" s="6" t="s">
        <v>17224</v>
      </c>
      <c r="B17713" s="6"/>
      <c r="C17713" s="6" t="s">
        <v>17745</v>
      </c>
      <c r="D17713" s="6"/>
      <c r="E17713" s="6" t="s">
        <v>9</v>
      </c>
      <c r="F17713" s="7">
        <v>38657</v>
      </c>
      <c r="G17713" s="8">
        <v>1</v>
      </c>
      <c r="H17713" s="8">
        <v>1</v>
      </c>
      <c r="I17713" s="8">
        <v>0</v>
      </c>
      <c r="J17713" s="8">
        <v>1</v>
      </c>
      <c r="K17713" s="9">
        <v>446</v>
      </c>
      <c r="L17713" s="6" t="s">
        <v>51</v>
      </c>
    </row>
    <row r="17714" spans="1:12">
      <c r="A17714" s="6" t="s">
        <v>17224</v>
      </c>
      <c r="B17714" s="6"/>
      <c r="C17714" s="6" t="s">
        <v>17746</v>
      </c>
      <c r="D17714" s="6"/>
      <c r="E17714" s="6" t="s">
        <v>9</v>
      </c>
      <c r="F17714" s="7">
        <v>38657</v>
      </c>
      <c r="G17714" s="8">
        <v>1</v>
      </c>
      <c r="H17714" s="8">
        <v>1</v>
      </c>
      <c r="I17714" s="8">
        <v>0</v>
      </c>
      <c r="J17714" s="8">
        <v>1</v>
      </c>
      <c r="K17714" s="9">
        <v>442</v>
      </c>
      <c r="L17714" s="6" t="s">
        <v>51</v>
      </c>
    </row>
    <row r="17715" spans="1:12">
      <c r="A17715" s="6" t="s">
        <v>17224</v>
      </c>
      <c r="B17715" s="6"/>
      <c r="C17715" s="6" t="s">
        <v>17747</v>
      </c>
      <c r="D17715" s="6"/>
      <c r="E17715" s="6" t="s">
        <v>9</v>
      </c>
      <c r="F17715" s="7">
        <v>38657</v>
      </c>
      <c r="G17715" s="8">
        <v>1</v>
      </c>
      <c r="H17715" s="8">
        <v>1</v>
      </c>
      <c r="I17715" s="8">
        <v>0</v>
      </c>
      <c r="J17715" s="8">
        <v>1</v>
      </c>
      <c r="K17715" s="9">
        <v>72</v>
      </c>
      <c r="L17715" s="6" t="s">
        <v>51</v>
      </c>
    </row>
    <row r="17716" spans="1:12">
      <c r="A17716" s="6" t="s">
        <v>17224</v>
      </c>
      <c r="B17716" s="6"/>
      <c r="C17716" s="6" t="s">
        <v>17748</v>
      </c>
      <c r="D17716" s="6"/>
      <c r="E17716" s="6" t="s">
        <v>9</v>
      </c>
      <c r="F17716" s="7">
        <v>38657</v>
      </c>
      <c r="G17716" s="8">
        <v>1</v>
      </c>
      <c r="H17716" s="8">
        <v>1</v>
      </c>
      <c r="I17716" s="8">
        <v>0</v>
      </c>
      <c r="J17716" s="8">
        <v>1</v>
      </c>
      <c r="K17716" s="9">
        <v>27</v>
      </c>
      <c r="L17716" s="6" t="s">
        <v>51</v>
      </c>
    </row>
    <row r="17717" spans="1:12">
      <c r="A17717" s="6" t="s">
        <v>17224</v>
      </c>
      <c r="B17717" s="6"/>
      <c r="C17717" s="6" t="s">
        <v>17749</v>
      </c>
      <c r="D17717" s="6"/>
      <c r="E17717" s="6" t="s">
        <v>9</v>
      </c>
      <c r="F17717" s="7">
        <v>38657</v>
      </c>
      <c r="G17717" s="8">
        <v>1</v>
      </c>
      <c r="H17717" s="8">
        <v>1</v>
      </c>
      <c r="I17717" s="8">
        <v>0</v>
      </c>
      <c r="J17717" s="8">
        <v>1</v>
      </c>
      <c r="K17717" s="9">
        <v>26</v>
      </c>
      <c r="L17717" s="6" t="s">
        <v>51</v>
      </c>
    </row>
    <row r="17718" spans="1:12">
      <c r="A17718" s="6" t="s">
        <v>17224</v>
      </c>
      <c r="B17718" s="6"/>
      <c r="C17718" s="6" t="s">
        <v>17750</v>
      </c>
      <c r="D17718" s="6"/>
      <c r="E17718" s="6" t="s">
        <v>9</v>
      </c>
      <c r="F17718" s="7">
        <v>38657</v>
      </c>
      <c r="G17718" s="8">
        <v>1</v>
      </c>
      <c r="H17718" s="8">
        <v>1</v>
      </c>
      <c r="I17718" s="8">
        <v>0</v>
      </c>
      <c r="J17718" s="8">
        <v>1</v>
      </c>
      <c r="K17718" s="9">
        <v>36</v>
      </c>
      <c r="L17718" s="6" t="s">
        <v>51</v>
      </c>
    </row>
    <row r="17719" spans="1:12">
      <c r="A17719" s="6" t="s">
        <v>17224</v>
      </c>
      <c r="B17719" s="6"/>
      <c r="C17719" s="6" t="s">
        <v>17751</v>
      </c>
      <c r="D17719" s="6"/>
      <c r="E17719" s="6" t="s">
        <v>9</v>
      </c>
      <c r="F17719" s="7">
        <v>38657</v>
      </c>
      <c r="G17719" s="8">
        <v>1</v>
      </c>
      <c r="H17719" s="8">
        <v>1</v>
      </c>
      <c r="I17719" s="8">
        <v>0</v>
      </c>
      <c r="J17719" s="8">
        <v>1</v>
      </c>
      <c r="K17719" s="9">
        <v>52</v>
      </c>
      <c r="L17719" s="6" t="s">
        <v>51</v>
      </c>
    </row>
    <row r="17720" spans="1:12">
      <c r="A17720" s="6" t="s">
        <v>17224</v>
      </c>
      <c r="B17720" s="6"/>
      <c r="C17720" s="6" t="s">
        <v>17752</v>
      </c>
      <c r="D17720" s="6"/>
      <c r="E17720" s="6" t="s">
        <v>9</v>
      </c>
      <c r="F17720" s="7">
        <v>38657</v>
      </c>
      <c r="G17720" s="8">
        <v>1</v>
      </c>
      <c r="H17720" s="8">
        <v>1</v>
      </c>
      <c r="I17720" s="8">
        <v>0</v>
      </c>
      <c r="J17720" s="8">
        <v>1</v>
      </c>
      <c r="K17720" s="9">
        <v>9.91</v>
      </c>
      <c r="L17720" s="6" t="s">
        <v>51</v>
      </c>
    </row>
    <row r="17721" spans="1:12">
      <c r="A17721" s="6" t="s">
        <v>17224</v>
      </c>
      <c r="B17721" s="6"/>
      <c r="C17721" s="6" t="s">
        <v>17753</v>
      </c>
      <c r="D17721" s="6"/>
      <c r="E17721" s="6" t="s">
        <v>9</v>
      </c>
      <c r="F17721" s="7">
        <v>38657</v>
      </c>
      <c r="G17721" s="8">
        <v>1</v>
      </c>
      <c r="H17721" s="8">
        <v>1</v>
      </c>
      <c r="I17721" s="8">
        <v>0</v>
      </c>
      <c r="J17721" s="8">
        <v>1</v>
      </c>
      <c r="K17721" s="9">
        <v>630</v>
      </c>
      <c r="L17721" s="6" t="s">
        <v>51</v>
      </c>
    </row>
    <row r="17722" spans="1:12">
      <c r="A17722" s="6" t="s">
        <v>17224</v>
      </c>
      <c r="B17722" s="6"/>
      <c r="C17722" s="6" t="s">
        <v>17754</v>
      </c>
      <c r="D17722" s="6"/>
      <c r="E17722" s="6" t="s">
        <v>9</v>
      </c>
      <c r="F17722" s="7">
        <v>38657</v>
      </c>
      <c r="G17722" s="8">
        <v>1</v>
      </c>
      <c r="H17722" s="8">
        <v>1</v>
      </c>
      <c r="I17722" s="8">
        <v>0</v>
      </c>
      <c r="J17722" s="8">
        <v>1</v>
      </c>
      <c r="K17722" s="9">
        <v>76</v>
      </c>
      <c r="L17722" s="6" t="s">
        <v>51</v>
      </c>
    </row>
    <row r="17723" spans="1:12">
      <c r="A17723" s="6" t="s">
        <v>17224</v>
      </c>
      <c r="B17723" s="6"/>
      <c r="C17723" s="6" t="s">
        <v>17755</v>
      </c>
      <c r="D17723" s="6"/>
      <c r="E17723" s="6" t="s">
        <v>9</v>
      </c>
      <c r="F17723" s="7">
        <v>38657</v>
      </c>
      <c r="G17723" s="8">
        <v>1</v>
      </c>
      <c r="H17723" s="8">
        <v>1</v>
      </c>
      <c r="I17723" s="8">
        <v>0</v>
      </c>
      <c r="J17723" s="8">
        <v>1</v>
      </c>
      <c r="K17723" s="9">
        <v>404</v>
      </c>
      <c r="L17723" s="6" t="s">
        <v>51</v>
      </c>
    </row>
    <row r="17724" spans="1:12">
      <c r="A17724" s="6" t="s">
        <v>17224</v>
      </c>
      <c r="B17724" s="6"/>
      <c r="C17724" s="6" t="s">
        <v>17756</v>
      </c>
      <c r="D17724" s="6"/>
      <c r="E17724" s="6" t="s">
        <v>9</v>
      </c>
      <c r="F17724" s="7">
        <v>38657</v>
      </c>
      <c r="G17724" s="8">
        <v>1</v>
      </c>
      <c r="H17724" s="8">
        <v>1</v>
      </c>
      <c r="I17724" s="8">
        <v>0</v>
      </c>
      <c r="J17724" s="8">
        <v>1</v>
      </c>
      <c r="K17724" s="9">
        <v>244</v>
      </c>
      <c r="L17724" s="6" t="s">
        <v>51</v>
      </c>
    </row>
    <row r="17725" spans="1:12">
      <c r="A17725" s="6" t="s">
        <v>17224</v>
      </c>
      <c r="B17725" s="6"/>
      <c r="C17725" s="6" t="s">
        <v>17757</v>
      </c>
      <c r="D17725" s="6"/>
      <c r="E17725" s="6" t="s">
        <v>9</v>
      </c>
      <c r="F17725" s="7">
        <v>38657</v>
      </c>
      <c r="G17725" s="8">
        <v>1</v>
      </c>
      <c r="H17725" s="8">
        <v>1</v>
      </c>
      <c r="I17725" s="8">
        <v>0</v>
      </c>
      <c r="J17725" s="8">
        <v>1</v>
      </c>
      <c r="K17725" s="9">
        <v>367</v>
      </c>
      <c r="L17725" s="6" t="s">
        <v>51</v>
      </c>
    </row>
    <row r="17726" spans="1:12">
      <c r="A17726" s="6" t="s">
        <v>17224</v>
      </c>
      <c r="B17726" s="6"/>
      <c r="C17726" s="6" t="s">
        <v>17758</v>
      </c>
      <c r="D17726" s="6"/>
      <c r="E17726" s="6" t="s">
        <v>9</v>
      </c>
      <c r="F17726" s="7">
        <v>38657</v>
      </c>
      <c r="G17726" s="8">
        <v>1</v>
      </c>
      <c r="H17726" s="8">
        <v>1</v>
      </c>
      <c r="I17726" s="8">
        <v>0</v>
      </c>
      <c r="J17726" s="8">
        <v>1</v>
      </c>
      <c r="K17726" s="9">
        <v>72</v>
      </c>
      <c r="L17726" s="6" t="s">
        <v>51</v>
      </c>
    </row>
    <row r="17727" spans="1:12">
      <c r="A17727" s="6" t="s">
        <v>17224</v>
      </c>
      <c r="B17727" s="6"/>
      <c r="C17727" s="6" t="s">
        <v>17759</v>
      </c>
      <c r="D17727" s="6"/>
      <c r="E17727" s="6" t="s">
        <v>9</v>
      </c>
      <c r="F17727" s="7">
        <v>38657</v>
      </c>
      <c r="G17727" s="8">
        <v>1</v>
      </c>
      <c r="H17727" s="8">
        <v>1</v>
      </c>
      <c r="I17727" s="8">
        <v>0</v>
      </c>
      <c r="J17727" s="8">
        <v>1</v>
      </c>
      <c r="K17727" s="9">
        <v>290</v>
      </c>
      <c r="L17727" s="6" t="s">
        <v>51</v>
      </c>
    </row>
    <row r="17728" spans="1:12">
      <c r="A17728" s="6" t="s">
        <v>17224</v>
      </c>
      <c r="B17728" s="6"/>
      <c r="C17728" s="6" t="s">
        <v>17760</v>
      </c>
      <c r="D17728" s="6"/>
      <c r="E17728" s="6" t="s">
        <v>9</v>
      </c>
      <c r="F17728" s="7">
        <v>38657</v>
      </c>
      <c r="G17728" s="8">
        <v>1</v>
      </c>
      <c r="H17728" s="8">
        <v>1</v>
      </c>
      <c r="I17728" s="8">
        <v>0</v>
      </c>
      <c r="J17728" s="8">
        <v>1</v>
      </c>
      <c r="K17728" s="9">
        <v>399</v>
      </c>
      <c r="L17728" s="6" t="s">
        <v>51</v>
      </c>
    </row>
    <row r="17729" spans="1:12">
      <c r="A17729" s="6" t="s">
        <v>17224</v>
      </c>
      <c r="B17729" s="6"/>
      <c r="C17729" s="6" t="s">
        <v>17761</v>
      </c>
      <c r="D17729" s="6"/>
      <c r="E17729" s="6" t="s">
        <v>9</v>
      </c>
      <c r="F17729" s="7">
        <v>38657</v>
      </c>
      <c r="G17729" s="8">
        <v>1</v>
      </c>
      <c r="H17729" s="8">
        <v>1</v>
      </c>
      <c r="I17729" s="8">
        <v>0</v>
      </c>
      <c r="J17729" s="8">
        <v>1</v>
      </c>
      <c r="K17729" s="9">
        <v>123</v>
      </c>
      <c r="L17729" s="6" t="s">
        <v>51</v>
      </c>
    </row>
    <row r="17730" spans="1:12">
      <c r="A17730" s="6" t="s">
        <v>17224</v>
      </c>
      <c r="B17730" s="6"/>
      <c r="C17730" s="6" t="s">
        <v>17762</v>
      </c>
      <c r="D17730" s="6"/>
      <c r="E17730" s="6" t="s">
        <v>9</v>
      </c>
      <c r="F17730" s="7">
        <v>38657</v>
      </c>
      <c r="G17730" s="8">
        <v>1</v>
      </c>
      <c r="H17730" s="8">
        <v>1</v>
      </c>
      <c r="I17730" s="8">
        <v>0</v>
      </c>
      <c r="J17730" s="8">
        <v>1</v>
      </c>
      <c r="K17730" s="9">
        <v>390</v>
      </c>
      <c r="L17730" s="6" t="s">
        <v>51</v>
      </c>
    </row>
    <row r="17731" spans="1:12">
      <c r="A17731" s="6" t="s">
        <v>17224</v>
      </c>
      <c r="B17731" s="6"/>
      <c r="C17731" s="6" t="s">
        <v>17763</v>
      </c>
      <c r="D17731" s="6"/>
      <c r="E17731" s="6" t="s">
        <v>9</v>
      </c>
      <c r="F17731" s="7">
        <v>38657</v>
      </c>
      <c r="G17731" s="8">
        <v>1</v>
      </c>
      <c r="H17731" s="8">
        <v>1</v>
      </c>
      <c r="I17731" s="8">
        <v>0</v>
      </c>
      <c r="J17731" s="8">
        <v>1</v>
      </c>
      <c r="K17731" s="9">
        <v>66</v>
      </c>
      <c r="L17731" s="6" t="s">
        <v>51</v>
      </c>
    </row>
    <row r="17732" spans="1:12">
      <c r="A17732" s="6" t="s">
        <v>17224</v>
      </c>
      <c r="B17732" s="6"/>
      <c r="C17732" s="6" t="s">
        <v>17764</v>
      </c>
      <c r="D17732" s="6"/>
      <c r="E17732" s="6" t="s">
        <v>9</v>
      </c>
      <c r="F17732" s="7">
        <v>38657</v>
      </c>
      <c r="G17732" s="8">
        <v>1</v>
      </c>
      <c r="H17732" s="8">
        <v>1</v>
      </c>
      <c r="I17732" s="8">
        <v>0</v>
      </c>
      <c r="J17732" s="8">
        <v>1</v>
      </c>
      <c r="K17732" s="9">
        <v>22</v>
      </c>
      <c r="L17732" s="6" t="s">
        <v>51</v>
      </c>
    </row>
    <row r="17733" spans="1:12">
      <c r="A17733" s="6" t="s">
        <v>17224</v>
      </c>
      <c r="B17733" s="6"/>
      <c r="C17733" s="6" t="s">
        <v>17765</v>
      </c>
      <c r="D17733" s="6"/>
      <c r="E17733" s="6" t="s">
        <v>9</v>
      </c>
      <c r="F17733" s="7">
        <v>38657</v>
      </c>
      <c r="G17733" s="8">
        <v>1</v>
      </c>
      <c r="H17733" s="8">
        <v>1</v>
      </c>
      <c r="I17733" s="8">
        <v>0</v>
      </c>
      <c r="J17733" s="8">
        <v>1</v>
      </c>
      <c r="K17733" s="9">
        <v>40</v>
      </c>
      <c r="L17733" s="6" t="s">
        <v>51</v>
      </c>
    </row>
    <row r="17734" spans="1:12">
      <c r="A17734" s="6" t="s">
        <v>17224</v>
      </c>
      <c r="B17734" s="6"/>
      <c r="C17734" s="6" t="s">
        <v>17766</v>
      </c>
      <c r="D17734" s="6"/>
      <c r="E17734" s="6" t="s">
        <v>9</v>
      </c>
      <c r="F17734" s="7">
        <v>38657</v>
      </c>
      <c r="G17734" s="8">
        <v>1</v>
      </c>
      <c r="H17734" s="8">
        <v>1</v>
      </c>
      <c r="I17734" s="8">
        <v>0</v>
      </c>
      <c r="J17734" s="8">
        <v>1</v>
      </c>
      <c r="K17734" s="9">
        <v>113</v>
      </c>
      <c r="L17734" s="6" t="s">
        <v>51</v>
      </c>
    </row>
    <row r="17735" spans="1:12">
      <c r="A17735" s="6" t="s">
        <v>17224</v>
      </c>
      <c r="B17735" s="6"/>
      <c r="C17735" s="6" t="s">
        <v>17767</v>
      </c>
      <c r="D17735" s="6"/>
      <c r="E17735" s="6" t="s">
        <v>9</v>
      </c>
      <c r="F17735" s="7">
        <v>38657</v>
      </c>
      <c r="G17735" s="8">
        <v>1</v>
      </c>
      <c r="H17735" s="8">
        <v>1</v>
      </c>
      <c r="I17735" s="8">
        <v>0</v>
      </c>
      <c r="J17735" s="8">
        <v>1</v>
      </c>
      <c r="K17735" s="9">
        <v>128</v>
      </c>
      <c r="L17735" s="6" t="s">
        <v>51</v>
      </c>
    </row>
    <row r="17736" spans="1:12">
      <c r="A17736" s="6" t="s">
        <v>17224</v>
      </c>
      <c r="B17736" s="6"/>
      <c r="C17736" s="6" t="s">
        <v>17768</v>
      </c>
      <c r="D17736" s="6"/>
      <c r="E17736" s="6" t="s">
        <v>9</v>
      </c>
      <c r="F17736" s="7">
        <v>38657</v>
      </c>
      <c r="G17736" s="8">
        <v>1</v>
      </c>
      <c r="H17736" s="8">
        <v>1</v>
      </c>
      <c r="I17736" s="8">
        <v>0</v>
      </c>
      <c r="J17736" s="8">
        <v>1</v>
      </c>
      <c r="K17736" s="9">
        <v>42</v>
      </c>
      <c r="L17736" s="6" t="s">
        <v>51</v>
      </c>
    </row>
    <row r="17737" spans="1:12">
      <c r="A17737" s="6" t="s">
        <v>17224</v>
      </c>
      <c r="B17737" s="6"/>
      <c r="C17737" s="6" t="s">
        <v>17769</v>
      </c>
      <c r="D17737" s="6"/>
      <c r="E17737" s="6" t="s">
        <v>9</v>
      </c>
      <c r="F17737" s="7"/>
      <c r="G17737" s="8">
        <v>2025675</v>
      </c>
      <c r="H17737" s="8">
        <v>2025675</v>
      </c>
      <c r="I17737" s="8">
        <v>0</v>
      </c>
      <c r="J17737" s="8">
        <v>2025675</v>
      </c>
      <c r="K17737" s="9">
        <v>105.46</v>
      </c>
      <c r="L17737" s="6" t="s">
        <v>10</v>
      </c>
    </row>
    <row r="17738" spans="1:12">
      <c r="A17738" s="6" t="s">
        <v>17224</v>
      </c>
      <c r="B17738" s="6"/>
      <c r="C17738" s="6" t="s">
        <v>17770</v>
      </c>
      <c r="D17738" s="6"/>
      <c r="E17738" s="6" t="s">
        <v>9</v>
      </c>
      <c r="F17738" s="7">
        <v>38657</v>
      </c>
      <c r="G17738" s="8">
        <v>1</v>
      </c>
      <c r="H17738" s="8">
        <v>1</v>
      </c>
      <c r="I17738" s="8">
        <v>0</v>
      </c>
      <c r="J17738" s="8">
        <v>1</v>
      </c>
      <c r="K17738" s="9">
        <v>15.92</v>
      </c>
      <c r="L17738" s="6" t="s">
        <v>51</v>
      </c>
    </row>
    <row r="17739" spans="1:12">
      <c r="A17739" s="6" t="s">
        <v>17224</v>
      </c>
      <c r="B17739" s="6"/>
      <c r="C17739" s="6" t="s">
        <v>17771</v>
      </c>
      <c r="D17739" s="6"/>
      <c r="E17739" s="6" t="s">
        <v>9</v>
      </c>
      <c r="F17739" s="7">
        <v>38657</v>
      </c>
      <c r="G17739" s="8">
        <v>1</v>
      </c>
      <c r="H17739" s="8">
        <v>1</v>
      </c>
      <c r="I17739" s="8">
        <v>0</v>
      </c>
      <c r="J17739" s="8">
        <v>1</v>
      </c>
      <c r="K17739" s="9">
        <v>81</v>
      </c>
      <c r="L17739" s="6" t="s">
        <v>51</v>
      </c>
    </row>
    <row r="17740" spans="1:12">
      <c r="A17740" s="6" t="s">
        <v>17224</v>
      </c>
      <c r="B17740" s="6"/>
      <c r="C17740" s="6" t="s">
        <v>17772</v>
      </c>
      <c r="D17740" s="6"/>
      <c r="E17740" s="6" t="s">
        <v>9</v>
      </c>
      <c r="F17740" s="7">
        <v>38657</v>
      </c>
      <c r="G17740" s="8">
        <v>1</v>
      </c>
      <c r="H17740" s="8">
        <v>1</v>
      </c>
      <c r="I17740" s="8">
        <v>0</v>
      </c>
      <c r="J17740" s="8">
        <v>1</v>
      </c>
      <c r="K17740" s="9">
        <v>631</v>
      </c>
      <c r="L17740" s="6" t="s">
        <v>51</v>
      </c>
    </row>
    <row r="17741" spans="1:12">
      <c r="A17741" s="6" t="s">
        <v>17224</v>
      </c>
      <c r="B17741" s="6"/>
      <c r="C17741" s="6" t="s">
        <v>17773</v>
      </c>
      <c r="D17741" s="6"/>
      <c r="E17741" s="6" t="s">
        <v>9</v>
      </c>
      <c r="F17741" s="7">
        <v>38657</v>
      </c>
      <c r="G17741" s="8">
        <v>1</v>
      </c>
      <c r="H17741" s="8">
        <v>1</v>
      </c>
      <c r="I17741" s="8">
        <v>0</v>
      </c>
      <c r="J17741" s="8">
        <v>1</v>
      </c>
      <c r="K17741" s="9">
        <v>422</v>
      </c>
      <c r="L17741" s="6" t="s">
        <v>51</v>
      </c>
    </row>
    <row r="17742" spans="1:12">
      <c r="A17742" s="6" t="s">
        <v>17224</v>
      </c>
      <c r="B17742" s="6"/>
      <c r="C17742" s="6" t="s">
        <v>17774</v>
      </c>
      <c r="D17742" s="6"/>
      <c r="E17742" s="6" t="s">
        <v>9</v>
      </c>
      <c r="F17742" s="7">
        <v>38657</v>
      </c>
      <c r="G17742" s="8">
        <v>1</v>
      </c>
      <c r="H17742" s="8">
        <v>1</v>
      </c>
      <c r="I17742" s="8">
        <v>0</v>
      </c>
      <c r="J17742" s="8">
        <v>1</v>
      </c>
      <c r="K17742" s="9">
        <v>9.67</v>
      </c>
      <c r="L17742" s="6" t="s">
        <v>51</v>
      </c>
    </row>
    <row r="17743" spans="1:12">
      <c r="A17743" s="6" t="s">
        <v>17224</v>
      </c>
      <c r="B17743" s="6"/>
      <c r="C17743" s="6" t="s">
        <v>17775</v>
      </c>
      <c r="D17743" s="6"/>
      <c r="E17743" s="6" t="s">
        <v>9</v>
      </c>
      <c r="F17743" s="7">
        <v>38657</v>
      </c>
      <c r="G17743" s="8">
        <v>1</v>
      </c>
      <c r="H17743" s="8">
        <v>1</v>
      </c>
      <c r="I17743" s="8">
        <v>0</v>
      </c>
      <c r="J17743" s="8">
        <v>1</v>
      </c>
      <c r="K17743" s="9">
        <v>72</v>
      </c>
      <c r="L17743" s="6" t="s">
        <v>51</v>
      </c>
    </row>
    <row r="17744" spans="1:12">
      <c r="A17744" s="6" t="s">
        <v>17224</v>
      </c>
      <c r="B17744" s="6"/>
      <c r="C17744" s="6" t="s">
        <v>17776</v>
      </c>
      <c r="D17744" s="6"/>
      <c r="E17744" s="6" t="s">
        <v>9</v>
      </c>
      <c r="F17744" s="7">
        <v>38657</v>
      </c>
      <c r="G17744" s="8">
        <v>1</v>
      </c>
      <c r="H17744" s="8">
        <v>1</v>
      </c>
      <c r="I17744" s="8">
        <v>0</v>
      </c>
      <c r="J17744" s="8">
        <v>1</v>
      </c>
      <c r="K17744" s="9">
        <v>75</v>
      </c>
      <c r="L17744" s="6" t="s">
        <v>51</v>
      </c>
    </row>
    <row r="17745" spans="1:12">
      <c r="A17745" s="6" t="s">
        <v>17224</v>
      </c>
      <c r="B17745" s="6"/>
      <c r="C17745" s="6" t="s">
        <v>17777</v>
      </c>
      <c r="D17745" s="6"/>
      <c r="E17745" s="6" t="s">
        <v>9</v>
      </c>
      <c r="F17745" s="7">
        <v>38657</v>
      </c>
      <c r="G17745" s="8">
        <v>1</v>
      </c>
      <c r="H17745" s="8">
        <v>1</v>
      </c>
      <c r="I17745" s="8">
        <v>0</v>
      </c>
      <c r="J17745" s="8">
        <v>1</v>
      </c>
      <c r="K17745" s="9">
        <v>303</v>
      </c>
      <c r="L17745" s="6" t="s">
        <v>51</v>
      </c>
    </row>
    <row r="17746" spans="1:12">
      <c r="A17746" s="6" t="s">
        <v>17224</v>
      </c>
      <c r="B17746" s="6"/>
      <c r="C17746" s="6" t="s">
        <v>17778</v>
      </c>
      <c r="D17746" s="6"/>
      <c r="E17746" s="6" t="s">
        <v>9</v>
      </c>
      <c r="F17746" s="7">
        <v>38657</v>
      </c>
      <c r="G17746" s="8">
        <v>1</v>
      </c>
      <c r="H17746" s="8">
        <v>1</v>
      </c>
      <c r="I17746" s="8">
        <v>0</v>
      </c>
      <c r="J17746" s="8">
        <v>1</v>
      </c>
      <c r="K17746" s="9">
        <v>208</v>
      </c>
      <c r="L17746" s="6" t="s">
        <v>51</v>
      </c>
    </row>
    <row r="17747" spans="1:12">
      <c r="A17747" s="6" t="s">
        <v>17224</v>
      </c>
      <c r="B17747" s="6"/>
      <c r="C17747" s="6" t="s">
        <v>17779</v>
      </c>
      <c r="D17747" s="6"/>
      <c r="E17747" s="6" t="s">
        <v>9</v>
      </c>
      <c r="F17747" s="7">
        <v>38657</v>
      </c>
      <c r="G17747" s="8">
        <v>1</v>
      </c>
      <c r="H17747" s="8">
        <v>1</v>
      </c>
      <c r="I17747" s="8">
        <v>0</v>
      </c>
      <c r="J17747" s="8">
        <v>1</v>
      </c>
      <c r="K17747" s="9">
        <v>23</v>
      </c>
      <c r="L17747" s="6" t="s">
        <v>51</v>
      </c>
    </row>
    <row r="17748" spans="1:12">
      <c r="A17748" s="6" t="s">
        <v>17224</v>
      </c>
      <c r="B17748" s="6"/>
      <c r="C17748" s="6" t="s">
        <v>17780</v>
      </c>
      <c r="D17748" s="6"/>
      <c r="E17748" s="6" t="s">
        <v>9</v>
      </c>
      <c r="F17748" s="7">
        <v>38657</v>
      </c>
      <c r="G17748" s="8">
        <v>1</v>
      </c>
      <c r="H17748" s="8">
        <v>1</v>
      </c>
      <c r="I17748" s="8">
        <v>0</v>
      </c>
      <c r="J17748" s="8">
        <v>1</v>
      </c>
      <c r="K17748" s="9">
        <v>90</v>
      </c>
      <c r="L17748" s="6" t="s">
        <v>51</v>
      </c>
    </row>
    <row r="17749" spans="1:12">
      <c r="A17749" s="6" t="s">
        <v>17224</v>
      </c>
      <c r="B17749" s="6"/>
      <c r="C17749" s="6" t="s">
        <v>17781</v>
      </c>
      <c r="D17749" s="6"/>
      <c r="E17749" s="6" t="s">
        <v>9</v>
      </c>
      <c r="F17749" s="7">
        <v>38657</v>
      </c>
      <c r="G17749" s="8">
        <v>1</v>
      </c>
      <c r="H17749" s="8">
        <v>1</v>
      </c>
      <c r="I17749" s="8">
        <v>0</v>
      </c>
      <c r="J17749" s="8">
        <v>1</v>
      </c>
      <c r="K17749" s="9">
        <v>29</v>
      </c>
      <c r="L17749" s="6" t="s">
        <v>51</v>
      </c>
    </row>
    <row r="17750" spans="1:12">
      <c r="A17750" s="6" t="s">
        <v>17224</v>
      </c>
      <c r="B17750" s="6"/>
      <c r="C17750" s="6" t="s">
        <v>17782</v>
      </c>
      <c r="D17750" s="6"/>
      <c r="E17750" s="6" t="s">
        <v>9</v>
      </c>
      <c r="F17750" s="7">
        <v>38657</v>
      </c>
      <c r="G17750" s="8">
        <v>1</v>
      </c>
      <c r="H17750" s="8">
        <v>1</v>
      </c>
      <c r="I17750" s="8">
        <v>0</v>
      </c>
      <c r="J17750" s="8">
        <v>1</v>
      </c>
      <c r="K17750" s="9">
        <v>74</v>
      </c>
      <c r="L17750" s="6" t="s">
        <v>51</v>
      </c>
    </row>
    <row r="17751" spans="1:12">
      <c r="A17751" s="6" t="s">
        <v>17224</v>
      </c>
      <c r="B17751" s="6"/>
      <c r="C17751" s="6" t="s">
        <v>17783</v>
      </c>
      <c r="D17751" s="6"/>
      <c r="E17751" s="6" t="s">
        <v>9</v>
      </c>
      <c r="F17751" s="7">
        <v>38657</v>
      </c>
      <c r="G17751" s="8">
        <v>1</v>
      </c>
      <c r="H17751" s="8">
        <v>1</v>
      </c>
      <c r="I17751" s="8">
        <v>0</v>
      </c>
      <c r="J17751" s="8">
        <v>1</v>
      </c>
      <c r="K17751" s="9">
        <v>42</v>
      </c>
      <c r="L17751" s="6" t="s">
        <v>51</v>
      </c>
    </row>
    <row r="17752" spans="1:12">
      <c r="A17752" s="6" t="s">
        <v>17224</v>
      </c>
      <c r="B17752" s="6"/>
      <c r="C17752" s="6" t="s">
        <v>17784</v>
      </c>
      <c r="D17752" s="6"/>
      <c r="E17752" s="6" t="s">
        <v>9</v>
      </c>
      <c r="F17752" s="7">
        <v>38657</v>
      </c>
      <c r="G17752" s="8">
        <v>1</v>
      </c>
      <c r="H17752" s="8">
        <v>1</v>
      </c>
      <c r="I17752" s="8">
        <v>0</v>
      </c>
      <c r="J17752" s="8">
        <v>1</v>
      </c>
      <c r="K17752" s="9">
        <v>322</v>
      </c>
      <c r="L17752" s="6" t="s">
        <v>51</v>
      </c>
    </row>
    <row r="17753" spans="1:12">
      <c r="A17753" s="6" t="s">
        <v>17224</v>
      </c>
      <c r="B17753" s="6"/>
      <c r="C17753" s="6" t="s">
        <v>17785</v>
      </c>
      <c r="D17753" s="6"/>
      <c r="E17753" s="6" t="s">
        <v>9</v>
      </c>
      <c r="F17753" s="7">
        <v>38657</v>
      </c>
      <c r="G17753" s="8">
        <v>1</v>
      </c>
      <c r="H17753" s="8">
        <v>1</v>
      </c>
      <c r="I17753" s="8">
        <v>0</v>
      </c>
      <c r="J17753" s="8">
        <v>1</v>
      </c>
      <c r="K17753" s="9">
        <v>51</v>
      </c>
      <c r="L17753" s="6" t="s">
        <v>51</v>
      </c>
    </row>
    <row r="17754" spans="1:12">
      <c r="A17754" s="6" t="s">
        <v>17224</v>
      </c>
      <c r="B17754" s="6"/>
      <c r="C17754" s="6" t="s">
        <v>17786</v>
      </c>
      <c r="D17754" s="6"/>
      <c r="E17754" s="6" t="s">
        <v>9</v>
      </c>
      <c r="F17754" s="7">
        <v>38657</v>
      </c>
      <c r="G17754" s="8">
        <v>1</v>
      </c>
      <c r="H17754" s="8">
        <v>1</v>
      </c>
      <c r="I17754" s="8">
        <v>0</v>
      </c>
      <c r="J17754" s="8">
        <v>1</v>
      </c>
      <c r="K17754" s="9">
        <v>62</v>
      </c>
      <c r="L17754" s="6" t="s">
        <v>51</v>
      </c>
    </row>
    <row r="17755" spans="1:12">
      <c r="A17755" s="6" t="s">
        <v>17224</v>
      </c>
      <c r="B17755" s="6"/>
      <c r="C17755" s="6" t="s">
        <v>17787</v>
      </c>
      <c r="D17755" s="6"/>
      <c r="E17755" s="6" t="s">
        <v>9</v>
      </c>
      <c r="F17755" s="7">
        <v>38657</v>
      </c>
      <c r="G17755" s="8">
        <v>1</v>
      </c>
      <c r="H17755" s="8">
        <v>1</v>
      </c>
      <c r="I17755" s="8">
        <v>0</v>
      </c>
      <c r="J17755" s="8">
        <v>1</v>
      </c>
      <c r="K17755" s="9">
        <v>115</v>
      </c>
      <c r="L17755" s="6" t="s">
        <v>51</v>
      </c>
    </row>
    <row r="17756" spans="1:12">
      <c r="A17756" s="6" t="s">
        <v>17224</v>
      </c>
      <c r="B17756" s="6"/>
      <c r="C17756" s="6" t="s">
        <v>17788</v>
      </c>
      <c r="D17756" s="6"/>
      <c r="E17756" s="6" t="s">
        <v>9</v>
      </c>
      <c r="F17756" s="7">
        <v>38657</v>
      </c>
      <c r="G17756" s="8">
        <v>1</v>
      </c>
      <c r="H17756" s="8">
        <v>1</v>
      </c>
      <c r="I17756" s="8">
        <v>0</v>
      </c>
      <c r="J17756" s="8">
        <v>1</v>
      </c>
      <c r="K17756" s="9">
        <v>82</v>
      </c>
      <c r="L17756" s="6" t="s">
        <v>51</v>
      </c>
    </row>
    <row r="17757" spans="1:12">
      <c r="A17757" s="6" t="s">
        <v>17224</v>
      </c>
      <c r="B17757" s="6"/>
      <c r="C17757" s="6" t="s">
        <v>17789</v>
      </c>
      <c r="D17757" s="6"/>
      <c r="E17757" s="6" t="s">
        <v>9</v>
      </c>
      <c r="F17757" s="7">
        <v>38657</v>
      </c>
      <c r="G17757" s="8">
        <v>1</v>
      </c>
      <c r="H17757" s="8">
        <v>1</v>
      </c>
      <c r="I17757" s="8">
        <v>0</v>
      </c>
      <c r="J17757" s="8">
        <v>1</v>
      </c>
      <c r="K17757" s="9">
        <v>26</v>
      </c>
      <c r="L17757" s="6" t="s">
        <v>51</v>
      </c>
    </row>
    <row r="17758" spans="1:12">
      <c r="A17758" s="6" t="s">
        <v>17224</v>
      </c>
      <c r="B17758" s="6"/>
      <c r="C17758" s="6" t="s">
        <v>17790</v>
      </c>
      <c r="D17758" s="6"/>
      <c r="E17758" s="6" t="s">
        <v>9</v>
      </c>
      <c r="F17758" s="7">
        <v>38657</v>
      </c>
      <c r="G17758" s="8">
        <v>1</v>
      </c>
      <c r="H17758" s="8">
        <v>1</v>
      </c>
      <c r="I17758" s="8">
        <v>0</v>
      </c>
      <c r="J17758" s="8">
        <v>1</v>
      </c>
      <c r="K17758" s="9">
        <v>283</v>
      </c>
      <c r="L17758" s="6" t="s">
        <v>51</v>
      </c>
    </row>
    <row r="17759" spans="1:12">
      <c r="A17759" s="6" t="s">
        <v>17224</v>
      </c>
      <c r="B17759" s="6"/>
      <c r="C17759" s="6" t="s">
        <v>17791</v>
      </c>
      <c r="D17759" s="6"/>
      <c r="E17759" s="6" t="s">
        <v>9</v>
      </c>
      <c r="F17759" s="7">
        <v>38657</v>
      </c>
      <c r="G17759" s="8">
        <v>1</v>
      </c>
      <c r="H17759" s="8">
        <v>1</v>
      </c>
      <c r="I17759" s="8">
        <v>0</v>
      </c>
      <c r="J17759" s="8">
        <v>1</v>
      </c>
      <c r="K17759" s="9">
        <v>175</v>
      </c>
      <c r="L17759" s="6" t="s">
        <v>51</v>
      </c>
    </row>
    <row r="17760" spans="1:12">
      <c r="A17760" s="6" t="s">
        <v>17224</v>
      </c>
      <c r="B17760" s="6"/>
      <c r="C17760" s="6" t="s">
        <v>17792</v>
      </c>
      <c r="D17760" s="6"/>
      <c r="E17760" s="6" t="s">
        <v>9</v>
      </c>
      <c r="F17760" s="7">
        <v>38657</v>
      </c>
      <c r="G17760" s="8">
        <v>1</v>
      </c>
      <c r="H17760" s="8">
        <v>1</v>
      </c>
      <c r="I17760" s="8">
        <v>0</v>
      </c>
      <c r="J17760" s="8">
        <v>1</v>
      </c>
      <c r="K17760" s="9">
        <v>40</v>
      </c>
      <c r="L17760" s="6" t="s">
        <v>51</v>
      </c>
    </row>
    <row r="17761" spans="1:12">
      <c r="A17761" s="6" t="s">
        <v>17224</v>
      </c>
      <c r="B17761" s="6"/>
      <c r="C17761" s="6" t="s">
        <v>17793</v>
      </c>
      <c r="D17761" s="6"/>
      <c r="E17761" s="6" t="s">
        <v>9</v>
      </c>
      <c r="F17761" s="7">
        <v>38657</v>
      </c>
      <c r="G17761" s="8">
        <v>1</v>
      </c>
      <c r="H17761" s="8">
        <v>1</v>
      </c>
      <c r="I17761" s="8">
        <v>0</v>
      </c>
      <c r="J17761" s="8">
        <v>1</v>
      </c>
      <c r="K17761" s="9">
        <v>20</v>
      </c>
      <c r="L17761" s="6" t="s">
        <v>51</v>
      </c>
    </row>
    <row r="17762" spans="1:12">
      <c r="A17762" s="6" t="s">
        <v>17224</v>
      </c>
      <c r="B17762" s="6"/>
      <c r="C17762" s="6" t="s">
        <v>17794</v>
      </c>
      <c r="D17762" s="6"/>
      <c r="E17762" s="6" t="s">
        <v>9</v>
      </c>
      <c r="F17762" s="7">
        <v>38657</v>
      </c>
      <c r="G17762" s="8">
        <v>1</v>
      </c>
      <c r="H17762" s="8">
        <v>1</v>
      </c>
      <c r="I17762" s="8">
        <v>0</v>
      </c>
      <c r="J17762" s="8">
        <v>1</v>
      </c>
      <c r="K17762" s="9">
        <v>172</v>
      </c>
      <c r="L17762" s="6" t="s">
        <v>51</v>
      </c>
    </row>
    <row r="17763" spans="1:12">
      <c r="A17763" s="6" t="s">
        <v>17224</v>
      </c>
      <c r="B17763" s="6"/>
      <c r="C17763" s="6" t="s">
        <v>17795</v>
      </c>
      <c r="D17763" s="6"/>
      <c r="E17763" s="6" t="s">
        <v>9</v>
      </c>
      <c r="F17763" s="7">
        <v>38657</v>
      </c>
      <c r="G17763" s="8">
        <v>1</v>
      </c>
      <c r="H17763" s="8">
        <v>1</v>
      </c>
      <c r="I17763" s="8">
        <v>0</v>
      </c>
      <c r="J17763" s="8">
        <v>1</v>
      </c>
      <c r="K17763" s="9">
        <v>332</v>
      </c>
      <c r="L17763" s="6" t="s">
        <v>51</v>
      </c>
    </row>
    <row r="17764" spans="1:12">
      <c r="A17764" s="6" t="s">
        <v>17224</v>
      </c>
      <c r="B17764" s="6"/>
      <c r="C17764" s="6" t="s">
        <v>17796</v>
      </c>
      <c r="D17764" s="6"/>
      <c r="E17764" s="6" t="s">
        <v>9</v>
      </c>
      <c r="F17764" s="7">
        <v>38657</v>
      </c>
      <c r="G17764" s="8">
        <v>1</v>
      </c>
      <c r="H17764" s="8">
        <v>1</v>
      </c>
      <c r="I17764" s="8">
        <v>0</v>
      </c>
      <c r="J17764" s="8">
        <v>1</v>
      </c>
      <c r="K17764" s="9">
        <v>374</v>
      </c>
      <c r="L17764" s="6" t="s">
        <v>51</v>
      </c>
    </row>
    <row r="17765" spans="1:12">
      <c r="A17765" s="6" t="s">
        <v>17224</v>
      </c>
      <c r="B17765" s="6"/>
      <c r="C17765" s="6" t="s">
        <v>17797</v>
      </c>
      <c r="D17765" s="6"/>
      <c r="E17765" s="6" t="s">
        <v>9</v>
      </c>
      <c r="F17765" s="7">
        <v>39531</v>
      </c>
      <c r="G17765" s="8">
        <v>1</v>
      </c>
      <c r="H17765" s="8">
        <v>1</v>
      </c>
      <c r="I17765" s="8">
        <v>0</v>
      </c>
      <c r="J17765" s="8">
        <v>1</v>
      </c>
      <c r="K17765" s="9">
        <v>148</v>
      </c>
      <c r="L17765" s="6" t="s">
        <v>51</v>
      </c>
    </row>
    <row r="17766" spans="1:12">
      <c r="A17766" s="6" t="s">
        <v>17224</v>
      </c>
      <c r="B17766" s="6"/>
      <c r="C17766" s="6" t="s">
        <v>17798</v>
      </c>
      <c r="D17766" s="6"/>
      <c r="E17766" s="6" t="s">
        <v>9</v>
      </c>
      <c r="F17766" s="7">
        <v>39531</v>
      </c>
      <c r="G17766" s="8">
        <v>1</v>
      </c>
      <c r="H17766" s="8">
        <v>1</v>
      </c>
      <c r="I17766" s="8">
        <v>0</v>
      </c>
      <c r="J17766" s="8">
        <v>1</v>
      </c>
      <c r="K17766" s="9">
        <v>204</v>
      </c>
      <c r="L17766" s="6" t="s">
        <v>51</v>
      </c>
    </row>
    <row r="17767" spans="1:12">
      <c r="A17767" s="6" t="s">
        <v>17224</v>
      </c>
      <c r="B17767" s="6"/>
      <c r="C17767" s="6" t="s">
        <v>17799</v>
      </c>
      <c r="D17767" s="6"/>
      <c r="E17767" s="6" t="s">
        <v>9</v>
      </c>
      <c r="F17767" s="7"/>
      <c r="G17767" s="8">
        <v>8639</v>
      </c>
      <c r="H17767" s="8">
        <v>8639</v>
      </c>
      <c r="I17767" s="8">
        <v>0</v>
      </c>
      <c r="J17767" s="8">
        <v>8639</v>
      </c>
      <c r="K17767" s="9">
        <v>1.69</v>
      </c>
      <c r="L17767" s="6" t="s">
        <v>23</v>
      </c>
    </row>
    <row r="17768" spans="1:12">
      <c r="A17768" s="6" t="s">
        <v>17224</v>
      </c>
      <c r="B17768" s="6"/>
      <c r="C17768" s="6" t="s">
        <v>17800</v>
      </c>
      <c r="D17768" s="6"/>
      <c r="E17768" s="6" t="s">
        <v>9</v>
      </c>
      <c r="F17768" s="7"/>
      <c r="G17768" s="8">
        <v>236225</v>
      </c>
      <c r="H17768" s="8">
        <v>236225</v>
      </c>
      <c r="I17768" s="8">
        <v>0</v>
      </c>
      <c r="J17768" s="8">
        <v>236225</v>
      </c>
      <c r="K17768" s="9">
        <v>46.21</v>
      </c>
      <c r="L17768" s="6" t="s">
        <v>23</v>
      </c>
    </row>
    <row r="17769" spans="1:12">
      <c r="A17769" s="6" t="s">
        <v>17224</v>
      </c>
      <c r="B17769" s="6"/>
      <c r="C17769" s="6" t="s">
        <v>17801</v>
      </c>
      <c r="D17769" s="6"/>
      <c r="E17769" s="6" t="s">
        <v>9</v>
      </c>
      <c r="F17769" s="7">
        <v>39531</v>
      </c>
      <c r="G17769" s="8">
        <v>1</v>
      </c>
      <c r="H17769" s="8">
        <v>1</v>
      </c>
      <c r="I17769" s="8">
        <v>0</v>
      </c>
      <c r="J17769" s="8">
        <v>1</v>
      </c>
      <c r="K17769" s="9">
        <v>11</v>
      </c>
      <c r="L17769" s="6" t="s">
        <v>51</v>
      </c>
    </row>
    <row r="17770" spans="1:12">
      <c r="A17770" s="6" t="s">
        <v>17224</v>
      </c>
      <c r="B17770" s="6"/>
      <c r="C17770" s="6" t="s">
        <v>17802</v>
      </c>
      <c r="D17770" s="6"/>
      <c r="E17770" s="6" t="s">
        <v>9</v>
      </c>
      <c r="F17770" s="7">
        <v>38657</v>
      </c>
      <c r="G17770" s="8">
        <v>1</v>
      </c>
      <c r="H17770" s="8">
        <v>1</v>
      </c>
      <c r="I17770" s="8">
        <v>0</v>
      </c>
      <c r="J17770" s="8">
        <v>1</v>
      </c>
      <c r="K17770" s="9">
        <v>534</v>
      </c>
      <c r="L17770" s="6" t="s">
        <v>51</v>
      </c>
    </row>
    <row r="17771" spans="1:12">
      <c r="A17771" s="6" t="s">
        <v>17224</v>
      </c>
      <c r="B17771" s="6"/>
      <c r="C17771" s="6" t="s">
        <v>17803</v>
      </c>
      <c r="D17771" s="6"/>
      <c r="E17771" s="6" t="s">
        <v>9</v>
      </c>
      <c r="F17771" s="7">
        <v>38657</v>
      </c>
      <c r="G17771" s="8">
        <v>1</v>
      </c>
      <c r="H17771" s="8">
        <v>1</v>
      </c>
      <c r="I17771" s="8">
        <v>0</v>
      </c>
      <c r="J17771" s="8">
        <v>1</v>
      </c>
      <c r="K17771" s="9">
        <v>84.29</v>
      </c>
      <c r="L17771" s="6" t="s">
        <v>51</v>
      </c>
    </row>
    <row r="17772" spans="1:12">
      <c r="A17772" s="6" t="s">
        <v>17224</v>
      </c>
      <c r="B17772" s="6"/>
      <c r="C17772" s="6" t="s">
        <v>17804</v>
      </c>
      <c r="D17772" s="6"/>
      <c r="E17772" s="6" t="s">
        <v>9</v>
      </c>
      <c r="F17772" s="7">
        <v>38657</v>
      </c>
      <c r="G17772" s="8">
        <v>1</v>
      </c>
      <c r="H17772" s="8">
        <v>1</v>
      </c>
      <c r="I17772" s="8">
        <v>0</v>
      </c>
      <c r="J17772" s="8">
        <v>1</v>
      </c>
      <c r="K17772" s="9">
        <v>128</v>
      </c>
      <c r="L17772" s="6" t="s">
        <v>51</v>
      </c>
    </row>
    <row r="17773" spans="1:12">
      <c r="A17773" s="6" t="s">
        <v>17224</v>
      </c>
      <c r="B17773" s="6"/>
      <c r="C17773" s="6" t="s">
        <v>17805</v>
      </c>
      <c r="D17773" s="6"/>
      <c r="E17773" s="6" t="s">
        <v>9</v>
      </c>
      <c r="F17773" s="7">
        <v>38657</v>
      </c>
      <c r="G17773" s="8">
        <v>1</v>
      </c>
      <c r="H17773" s="8">
        <v>1</v>
      </c>
      <c r="I17773" s="8">
        <v>0</v>
      </c>
      <c r="J17773" s="8">
        <v>1</v>
      </c>
      <c r="K17773" s="9">
        <v>0.82</v>
      </c>
      <c r="L17773" s="6" t="s">
        <v>51</v>
      </c>
    </row>
    <row r="17774" spans="1:12">
      <c r="A17774" s="6" t="s">
        <v>17224</v>
      </c>
      <c r="B17774" s="6"/>
      <c r="C17774" s="6" t="s">
        <v>17806</v>
      </c>
      <c r="D17774" s="6"/>
      <c r="E17774" s="6" t="s">
        <v>9</v>
      </c>
      <c r="F17774" s="7">
        <v>38657</v>
      </c>
      <c r="G17774" s="8">
        <v>1</v>
      </c>
      <c r="H17774" s="8">
        <v>1</v>
      </c>
      <c r="I17774" s="8">
        <v>0</v>
      </c>
      <c r="J17774" s="8">
        <v>1</v>
      </c>
      <c r="K17774" s="9">
        <v>4.8499999999999899</v>
      </c>
      <c r="L17774" s="6" t="s">
        <v>51</v>
      </c>
    </row>
    <row r="17775" spans="1:12">
      <c r="A17775" s="6" t="s">
        <v>17224</v>
      </c>
      <c r="B17775" s="6"/>
      <c r="C17775" s="6" t="s">
        <v>17807</v>
      </c>
      <c r="D17775" s="6"/>
      <c r="E17775" s="6" t="s">
        <v>9</v>
      </c>
      <c r="F17775" s="7">
        <v>38657</v>
      </c>
      <c r="G17775" s="8">
        <v>1</v>
      </c>
      <c r="H17775" s="8">
        <v>1</v>
      </c>
      <c r="I17775" s="8">
        <v>0</v>
      </c>
      <c r="J17775" s="8">
        <v>1</v>
      </c>
      <c r="K17775" s="9">
        <v>6.11</v>
      </c>
      <c r="L17775" s="6" t="s">
        <v>51</v>
      </c>
    </row>
    <row r="17776" spans="1:12">
      <c r="A17776" s="6" t="s">
        <v>17224</v>
      </c>
      <c r="B17776" s="6"/>
      <c r="C17776" s="6" t="s">
        <v>17808</v>
      </c>
      <c r="D17776" s="6"/>
      <c r="E17776" s="6" t="s">
        <v>9</v>
      </c>
      <c r="F17776" s="7">
        <v>38657</v>
      </c>
      <c r="G17776" s="8">
        <v>1</v>
      </c>
      <c r="H17776" s="8">
        <v>1</v>
      </c>
      <c r="I17776" s="8">
        <v>0</v>
      </c>
      <c r="J17776" s="8">
        <v>1</v>
      </c>
      <c r="K17776" s="9">
        <v>977</v>
      </c>
      <c r="L17776" s="6" t="s">
        <v>51</v>
      </c>
    </row>
    <row r="17777" spans="1:12">
      <c r="A17777" s="6" t="s">
        <v>17224</v>
      </c>
      <c r="B17777" s="6"/>
      <c r="C17777" s="6" t="s">
        <v>17809</v>
      </c>
      <c r="D17777" s="6"/>
      <c r="E17777" s="6" t="s">
        <v>9</v>
      </c>
      <c r="F17777" s="7">
        <v>38657</v>
      </c>
      <c r="G17777" s="8">
        <v>1</v>
      </c>
      <c r="H17777" s="8">
        <v>1</v>
      </c>
      <c r="I17777" s="8">
        <v>0</v>
      </c>
      <c r="J17777" s="8">
        <v>1</v>
      </c>
      <c r="K17777" s="9">
        <v>286</v>
      </c>
      <c r="L17777" s="6" t="s">
        <v>51</v>
      </c>
    </row>
    <row r="17778" spans="1:12">
      <c r="A17778" s="6" t="s">
        <v>17224</v>
      </c>
      <c r="B17778" s="6"/>
      <c r="C17778" s="6" t="s">
        <v>17810</v>
      </c>
      <c r="D17778" s="6"/>
      <c r="E17778" s="6" t="s">
        <v>9</v>
      </c>
      <c r="F17778" s="7">
        <v>38657</v>
      </c>
      <c r="G17778" s="8">
        <v>1</v>
      </c>
      <c r="H17778" s="8">
        <v>1</v>
      </c>
      <c r="I17778" s="8">
        <v>0</v>
      </c>
      <c r="J17778" s="8">
        <v>1</v>
      </c>
      <c r="K17778" s="9">
        <v>22</v>
      </c>
      <c r="L17778" s="6" t="s">
        <v>51</v>
      </c>
    </row>
    <row r="17779" spans="1:12">
      <c r="A17779" s="6" t="s">
        <v>17224</v>
      </c>
      <c r="B17779" s="6"/>
      <c r="C17779" s="6" t="s">
        <v>17811</v>
      </c>
      <c r="D17779" s="6"/>
      <c r="E17779" s="6" t="s">
        <v>9</v>
      </c>
      <c r="F17779" s="7">
        <v>38657</v>
      </c>
      <c r="G17779" s="8">
        <v>1</v>
      </c>
      <c r="H17779" s="8">
        <v>1</v>
      </c>
      <c r="I17779" s="8">
        <v>0</v>
      </c>
      <c r="J17779" s="8">
        <v>1</v>
      </c>
      <c r="K17779" s="9">
        <v>220</v>
      </c>
      <c r="L17779" s="6" t="s">
        <v>51</v>
      </c>
    </row>
    <row r="17780" spans="1:12">
      <c r="A17780" s="6" t="s">
        <v>17224</v>
      </c>
      <c r="B17780" s="6"/>
      <c r="C17780" s="6" t="s">
        <v>17812</v>
      </c>
      <c r="D17780" s="6"/>
      <c r="E17780" s="6" t="s">
        <v>9</v>
      </c>
      <c r="F17780" s="7">
        <v>38657</v>
      </c>
      <c r="G17780" s="8">
        <v>1</v>
      </c>
      <c r="H17780" s="8">
        <v>1</v>
      </c>
      <c r="I17780" s="8">
        <v>0</v>
      </c>
      <c r="J17780" s="8">
        <v>1</v>
      </c>
      <c r="K17780" s="9">
        <v>69</v>
      </c>
      <c r="L17780" s="6" t="s">
        <v>51</v>
      </c>
    </row>
    <row r="17781" spans="1:12">
      <c r="A17781" s="6" t="s">
        <v>17224</v>
      </c>
      <c r="B17781" s="6"/>
      <c r="C17781" s="6" t="s">
        <v>17813</v>
      </c>
      <c r="D17781" s="6"/>
      <c r="E17781" s="6" t="s">
        <v>9</v>
      </c>
      <c r="F17781" s="7">
        <v>38657</v>
      </c>
      <c r="G17781" s="8">
        <v>1</v>
      </c>
      <c r="H17781" s="8">
        <v>1</v>
      </c>
      <c r="I17781" s="8">
        <v>0</v>
      </c>
      <c r="J17781" s="8">
        <v>1</v>
      </c>
      <c r="K17781" s="9">
        <v>62</v>
      </c>
      <c r="L17781" s="6" t="s">
        <v>51</v>
      </c>
    </row>
    <row r="17782" spans="1:12">
      <c r="A17782" s="6" t="s">
        <v>17224</v>
      </c>
      <c r="B17782" s="6"/>
      <c r="C17782" s="6" t="s">
        <v>17814</v>
      </c>
      <c r="D17782" s="6"/>
      <c r="E17782" s="6" t="s">
        <v>9</v>
      </c>
      <c r="F17782" s="7">
        <v>38657</v>
      </c>
      <c r="G17782" s="8">
        <v>1</v>
      </c>
      <c r="H17782" s="8">
        <v>1</v>
      </c>
      <c r="I17782" s="8">
        <v>0</v>
      </c>
      <c r="J17782" s="8">
        <v>1</v>
      </c>
      <c r="K17782" s="9">
        <v>165</v>
      </c>
      <c r="L17782" s="6" t="s">
        <v>51</v>
      </c>
    </row>
    <row r="17783" spans="1:12">
      <c r="A17783" s="6" t="s">
        <v>17224</v>
      </c>
      <c r="B17783" s="6"/>
      <c r="C17783" s="6" t="s">
        <v>17815</v>
      </c>
      <c r="D17783" s="6"/>
      <c r="E17783" s="6" t="s">
        <v>9</v>
      </c>
      <c r="F17783" s="7">
        <v>38657</v>
      </c>
      <c r="G17783" s="8">
        <v>1</v>
      </c>
      <c r="H17783" s="8">
        <v>1</v>
      </c>
      <c r="I17783" s="8">
        <v>0</v>
      </c>
      <c r="J17783" s="8">
        <v>1</v>
      </c>
      <c r="K17783" s="9">
        <v>63</v>
      </c>
      <c r="L17783" s="6" t="s">
        <v>51</v>
      </c>
    </row>
    <row r="17784" spans="1:12">
      <c r="A17784" s="6" t="s">
        <v>17224</v>
      </c>
      <c r="B17784" s="6"/>
      <c r="C17784" s="6" t="s">
        <v>17816</v>
      </c>
      <c r="D17784" s="6"/>
      <c r="E17784" s="6" t="s">
        <v>9</v>
      </c>
      <c r="F17784" s="7">
        <v>38657</v>
      </c>
      <c r="G17784" s="8">
        <v>1</v>
      </c>
      <c r="H17784" s="8">
        <v>1</v>
      </c>
      <c r="I17784" s="8">
        <v>0</v>
      </c>
      <c r="J17784" s="8">
        <v>1</v>
      </c>
      <c r="K17784" s="9">
        <v>62</v>
      </c>
      <c r="L17784" s="6" t="s">
        <v>51</v>
      </c>
    </row>
    <row r="17785" spans="1:12">
      <c r="A17785" s="6" t="s">
        <v>17224</v>
      </c>
      <c r="B17785" s="6"/>
      <c r="C17785" s="6" t="s">
        <v>17817</v>
      </c>
      <c r="D17785" s="6"/>
      <c r="E17785" s="6" t="s">
        <v>9</v>
      </c>
      <c r="F17785" s="7">
        <v>38657</v>
      </c>
      <c r="G17785" s="8">
        <v>1</v>
      </c>
      <c r="H17785" s="8">
        <v>1</v>
      </c>
      <c r="I17785" s="8">
        <v>0</v>
      </c>
      <c r="J17785" s="8">
        <v>1</v>
      </c>
      <c r="K17785" s="9">
        <v>118</v>
      </c>
      <c r="L17785" s="6" t="s">
        <v>51</v>
      </c>
    </row>
    <row r="17786" spans="1:12">
      <c r="A17786" s="6" t="s">
        <v>17224</v>
      </c>
      <c r="B17786" s="6"/>
      <c r="C17786" s="6" t="s">
        <v>17818</v>
      </c>
      <c r="D17786" s="6"/>
      <c r="E17786" s="6" t="s">
        <v>9</v>
      </c>
      <c r="F17786" s="7">
        <v>38657</v>
      </c>
      <c r="G17786" s="8">
        <v>1</v>
      </c>
      <c r="H17786" s="8">
        <v>1</v>
      </c>
      <c r="I17786" s="8">
        <v>0</v>
      </c>
      <c r="J17786" s="8">
        <v>1</v>
      </c>
      <c r="K17786" s="9">
        <v>63</v>
      </c>
      <c r="L17786" s="6" t="s">
        <v>51</v>
      </c>
    </row>
    <row r="17787" spans="1:12">
      <c r="A17787" s="6" t="s">
        <v>17224</v>
      </c>
      <c r="B17787" s="6"/>
      <c r="C17787" s="6" t="s">
        <v>17819</v>
      </c>
      <c r="D17787" s="6"/>
      <c r="E17787" s="6" t="s">
        <v>9</v>
      </c>
      <c r="F17787" s="7">
        <v>38657</v>
      </c>
      <c r="G17787" s="8">
        <v>1</v>
      </c>
      <c r="H17787" s="8">
        <v>1</v>
      </c>
      <c r="I17787" s="8">
        <v>0</v>
      </c>
      <c r="J17787" s="8">
        <v>1</v>
      </c>
      <c r="K17787" s="9">
        <v>178</v>
      </c>
      <c r="L17787" s="6" t="s">
        <v>51</v>
      </c>
    </row>
    <row r="17788" spans="1:12">
      <c r="A17788" s="6" t="s">
        <v>17224</v>
      </c>
      <c r="B17788" s="6"/>
      <c r="C17788" s="6" t="s">
        <v>17820</v>
      </c>
      <c r="D17788" s="6"/>
      <c r="E17788" s="6" t="s">
        <v>9</v>
      </c>
      <c r="F17788" s="7">
        <v>38657</v>
      </c>
      <c r="G17788" s="8">
        <v>1</v>
      </c>
      <c r="H17788" s="8">
        <v>1</v>
      </c>
      <c r="I17788" s="8">
        <v>0</v>
      </c>
      <c r="J17788" s="8">
        <v>1</v>
      </c>
      <c r="K17788" s="9">
        <v>259</v>
      </c>
      <c r="L17788" s="6" t="s">
        <v>51</v>
      </c>
    </row>
    <row r="17789" spans="1:12">
      <c r="A17789" s="6" t="s">
        <v>17224</v>
      </c>
      <c r="B17789" s="6"/>
      <c r="C17789" s="6" t="s">
        <v>17821</v>
      </c>
      <c r="D17789" s="6"/>
      <c r="E17789" s="6" t="s">
        <v>9</v>
      </c>
      <c r="F17789" s="7">
        <v>38657</v>
      </c>
      <c r="G17789" s="8">
        <v>1</v>
      </c>
      <c r="H17789" s="8">
        <v>1</v>
      </c>
      <c r="I17789" s="8">
        <v>0</v>
      </c>
      <c r="J17789" s="8">
        <v>1</v>
      </c>
      <c r="K17789" s="9">
        <v>177</v>
      </c>
      <c r="L17789" s="6" t="s">
        <v>51</v>
      </c>
    </row>
    <row r="17790" spans="1:12">
      <c r="A17790" s="6" t="s">
        <v>17224</v>
      </c>
      <c r="B17790" s="6"/>
      <c r="C17790" s="6" t="s">
        <v>17822</v>
      </c>
      <c r="D17790" s="6"/>
      <c r="E17790" s="6" t="s">
        <v>9</v>
      </c>
      <c r="F17790" s="7">
        <v>38657</v>
      </c>
      <c r="G17790" s="8">
        <v>1</v>
      </c>
      <c r="H17790" s="8">
        <v>1</v>
      </c>
      <c r="I17790" s="8">
        <v>0</v>
      </c>
      <c r="J17790" s="8">
        <v>1</v>
      </c>
      <c r="K17790" s="9">
        <v>78</v>
      </c>
      <c r="L17790" s="6" t="s">
        <v>51</v>
      </c>
    </row>
    <row r="17791" spans="1:12">
      <c r="A17791" s="6" t="s">
        <v>17224</v>
      </c>
      <c r="B17791" s="6"/>
      <c r="C17791" s="6" t="s">
        <v>17823</v>
      </c>
      <c r="D17791" s="6"/>
      <c r="E17791" s="6" t="s">
        <v>9</v>
      </c>
      <c r="F17791" s="7">
        <v>38657</v>
      </c>
      <c r="G17791" s="8">
        <v>1</v>
      </c>
      <c r="H17791" s="8">
        <v>1</v>
      </c>
      <c r="I17791" s="8">
        <v>0</v>
      </c>
      <c r="J17791" s="8">
        <v>1</v>
      </c>
      <c r="K17791" s="9">
        <v>46</v>
      </c>
      <c r="L17791" s="6" t="s">
        <v>51</v>
      </c>
    </row>
    <row r="17792" spans="1:12">
      <c r="A17792" s="6" t="s">
        <v>17224</v>
      </c>
      <c r="B17792" s="6"/>
      <c r="C17792" s="6" t="s">
        <v>17824</v>
      </c>
      <c r="D17792" s="6"/>
      <c r="E17792" s="6" t="s">
        <v>9</v>
      </c>
      <c r="F17792" s="7">
        <v>38657</v>
      </c>
      <c r="G17792" s="8">
        <v>1</v>
      </c>
      <c r="H17792" s="8">
        <v>1</v>
      </c>
      <c r="I17792" s="8">
        <v>0</v>
      </c>
      <c r="J17792" s="8">
        <v>1</v>
      </c>
      <c r="K17792" s="9">
        <v>464</v>
      </c>
      <c r="L17792" s="6" t="s">
        <v>51</v>
      </c>
    </row>
    <row r="17793" spans="1:12">
      <c r="A17793" s="6" t="s">
        <v>17224</v>
      </c>
      <c r="B17793" s="6"/>
      <c r="C17793" s="6" t="s">
        <v>17825</v>
      </c>
      <c r="D17793" s="6"/>
      <c r="E17793" s="6" t="s">
        <v>9</v>
      </c>
      <c r="F17793" s="7">
        <v>38657</v>
      </c>
      <c r="G17793" s="8">
        <v>1</v>
      </c>
      <c r="H17793" s="8">
        <v>1</v>
      </c>
      <c r="I17793" s="8">
        <v>0</v>
      </c>
      <c r="J17793" s="8">
        <v>1</v>
      </c>
      <c r="K17793" s="9">
        <v>188</v>
      </c>
      <c r="L17793" s="6" t="s">
        <v>51</v>
      </c>
    </row>
    <row r="17794" spans="1:12">
      <c r="A17794" s="6" t="s">
        <v>17224</v>
      </c>
      <c r="B17794" s="6"/>
      <c r="C17794" s="6" t="s">
        <v>17826</v>
      </c>
      <c r="D17794" s="6"/>
      <c r="E17794" s="6" t="s">
        <v>9</v>
      </c>
      <c r="F17794" s="7">
        <v>38657</v>
      </c>
      <c r="G17794" s="8">
        <v>1</v>
      </c>
      <c r="H17794" s="8">
        <v>1</v>
      </c>
      <c r="I17794" s="8">
        <v>0</v>
      </c>
      <c r="J17794" s="8">
        <v>1</v>
      </c>
      <c r="K17794" s="9">
        <v>63</v>
      </c>
      <c r="L17794" s="6" t="s">
        <v>51</v>
      </c>
    </row>
    <row r="17795" spans="1:12">
      <c r="A17795" s="6" t="s">
        <v>17224</v>
      </c>
      <c r="B17795" s="6"/>
      <c r="C17795" s="6" t="s">
        <v>17827</v>
      </c>
      <c r="D17795" s="6"/>
      <c r="E17795" s="6" t="s">
        <v>9</v>
      </c>
      <c r="F17795" s="7">
        <v>38657</v>
      </c>
      <c r="G17795" s="8">
        <v>1</v>
      </c>
      <c r="H17795" s="8">
        <v>1</v>
      </c>
      <c r="I17795" s="8">
        <v>0</v>
      </c>
      <c r="J17795" s="8">
        <v>1</v>
      </c>
      <c r="K17795" s="9">
        <v>31</v>
      </c>
      <c r="L17795" s="6" t="s">
        <v>51</v>
      </c>
    </row>
    <row r="17796" spans="1:12">
      <c r="A17796" s="6" t="s">
        <v>17224</v>
      </c>
      <c r="B17796" s="6"/>
      <c r="C17796" s="6" t="s">
        <v>17828</v>
      </c>
      <c r="D17796" s="6"/>
      <c r="E17796" s="6" t="s">
        <v>9</v>
      </c>
      <c r="F17796" s="7">
        <v>38657</v>
      </c>
      <c r="G17796" s="8">
        <v>1</v>
      </c>
      <c r="H17796" s="8">
        <v>1</v>
      </c>
      <c r="I17796" s="8">
        <v>0</v>
      </c>
      <c r="J17796" s="8">
        <v>1</v>
      </c>
      <c r="K17796" s="9">
        <v>19</v>
      </c>
      <c r="L17796" s="6" t="s">
        <v>51</v>
      </c>
    </row>
    <row r="17797" spans="1:12">
      <c r="A17797" s="6" t="s">
        <v>17224</v>
      </c>
      <c r="B17797" s="6"/>
      <c r="C17797" s="6" t="s">
        <v>17829</v>
      </c>
      <c r="D17797" s="6"/>
      <c r="E17797" s="6" t="s">
        <v>9</v>
      </c>
      <c r="F17797" s="7">
        <v>38657</v>
      </c>
      <c r="G17797" s="8">
        <v>1</v>
      </c>
      <c r="H17797" s="8">
        <v>1</v>
      </c>
      <c r="I17797" s="8">
        <v>0</v>
      </c>
      <c r="J17797" s="8">
        <v>1</v>
      </c>
      <c r="K17797" s="9">
        <v>48</v>
      </c>
      <c r="L17797" s="6" t="s">
        <v>51</v>
      </c>
    </row>
    <row r="17798" spans="1:12">
      <c r="A17798" s="6" t="s">
        <v>17224</v>
      </c>
      <c r="B17798" s="6"/>
      <c r="C17798" s="6" t="s">
        <v>17830</v>
      </c>
      <c r="D17798" s="6"/>
      <c r="E17798" s="6" t="s">
        <v>9</v>
      </c>
      <c r="F17798" s="7">
        <v>38657</v>
      </c>
      <c r="G17798" s="8">
        <v>1</v>
      </c>
      <c r="H17798" s="8">
        <v>1</v>
      </c>
      <c r="I17798" s="8">
        <v>0</v>
      </c>
      <c r="J17798" s="8">
        <v>1</v>
      </c>
      <c r="K17798" s="9">
        <v>3.79</v>
      </c>
      <c r="L17798" s="6" t="s">
        <v>51</v>
      </c>
    </row>
    <row r="17799" spans="1:12">
      <c r="A17799" s="6" t="s">
        <v>17224</v>
      </c>
      <c r="B17799" s="6"/>
      <c r="C17799" s="6" t="s">
        <v>17831</v>
      </c>
      <c r="D17799" s="6"/>
      <c r="E17799" s="6" t="s">
        <v>9</v>
      </c>
      <c r="F17799" s="7">
        <v>38657</v>
      </c>
      <c r="G17799" s="8">
        <v>1</v>
      </c>
      <c r="H17799" s="8">
        <v>1</v>
      </c>
      <c r="I17799" s="8">
        <v>0</v>
      </c>
      <c r="J17799" s="8">
        <v>1</v>
      </c>
      <c r="K17799" s="9">
        <v>35.630000000000003</v>
      </c>
      <c r="L17799" s="6" t="s">
        <v>51</v>
      </c>
    </row>
    <row r="17800" spans="1:12">
      <c r="A17800" s="6" t="s">
        <v>17224</v>
      </c>
      <c r="B17800" s="6"/>
      <c r="C17800" s="6" t="s">
        <v>17832</v>
      </c>
      <c r="D17800" s="6"/>
      <c r="E17800" s="6" t="s">
        <v>9</v>
      </c>
      <c r="F17800" s="7">
        <v>38657</v>
      </c>
      <c r="G17800" s="8">
        <v>1</v>
      </c>
      <c r="H17800" s="8">
        <v>1</v>
      </c>
      <c r="I17800" s="8">
        <v>0</v>
      </c>
      <c r="J17800" s="8">
        <v>1</v>
      </c>
      <c r="K17800" s="9">
        <v>23</v>
      </c>
      <c r="L17800" s="6" t="s">
        <v>51</v>
      </c>
    </row>
    <row r="17801" spans="1:12">
      <c r="A17801" s="6" t="s">
        <v>17224</v>
      </c>
      <c r="B17801" s="6"/>
      <c r="C17801" s="6" t="s">
        <v>17833</v>
      </c>
      <c r="D17801" s="6"/>
      <c r="E17801" s="6" t="s">
        <v>9</v>
      </c>
      <c r="F17801" s="7">
        <v>38657</v>
      </c>
      <c r="G17801" s="8">
        <v>1</v>
      </c>
      <c r="H17801" s="8">
        <v>1</v>
      </c>
      <c r="I17801" s="8">
        <v>0</v>
      </c>
      <c r="J17801" s="8">
        <v>1</v>
      </c>
      <c r="K17801" s="9">
        <v>393</v>
      </c>
      <c r="L17801" s="6" t="s">
        <v>51</v>
      </c>
    </row>
    <row r="17802" spans="1:12">
      <c r="A17802" s="6" t="s">
        <v>17224</v>
      </c>
      <c r="B17802" s="6"/>
      <c r="C17802" s="6" t="s">
        <v>17834</v>
      </c>
      <c r="D17802" s="6"/>
      <c r="E17802" s="6" t="s">
        <v>9</v>
      </c>
      <c r="F17802" s="7">
        <v>38657</v>
      </c>
      <c r="G17802" s="8">
        <v>1</v>
      </c>
      <c r="H17802" s="8">
        <v>1</v>
      </c>
      <c r="I17802" s="8">
        <v>0</v>
      </c>
      <c r="J17802" s="8">
        <v>1</v>
      </c>
      <c r="K17802" s="9">
        <v>203</v>
      </c>
      <c r="L17802" s="6" t="s">
        <v>51</v>
      </c>
    </row>
    <row r="17803" spans="1:12">
      <c r="A17803" s="6" t="s">
        <v>17224</v>
      </c>
      <c r="B17803" s="6"/>
      <c r="C17803" s="6" t="s">
        <v>17835</v>
      </c>
      <c r="D17803" s="6"/>
      <c r="E17803" s="6" t="s">
        <v>9</v>
      </c>
      <c r="F17803" s="7">
        <v>38657</v>
      </c>
      <c r="G17803" s="8">
        <v>1</v>
      </c>
      <c r="H17803" s="8">
        <v>1</v>
      </c>
      <c r="I17803" s="8">
        <v>0</v>
      </c>
      <c r="J17803" s="8">
        <v>1</v>
      </c>
      <c r="K17803" s="9">
        <v>86</v>
      </c>
      <c r="L17803" s="6" t="s">
        <v>51</v>
      </c>
    </row>
    <row r="17804" spans="1:12">
      <c r="A17804" s="6" t="s">
        <v>17224</v>
      </c>
      <c r="B17804" s="6"/>
      <c r="C17804" s="6" t="s">
        <v>17836</v>
      </c>
      <c r="D17804" s="6"/>
      <c r="E17804" s="6" t="s">
        <v>9</v>
      </c>
      <c r="F17804" s="7">
        <v>38657</v>
      </c>
      <c r="G17804" s="8">
        <v>1</v>
      </c>
      <c r="H17804" s="8">
        <v>1</v>
      </c>
      <c r="I17804" s="8">
        <v>0</v>
      </c>
      <c r="J17804" s="8">
        <v>1</v>
      </c>
      <c r="K17804" s="9">
        <v>224.79</v>
      </c>
      <c r="L17804" s="6" t="s">
        <v>51</v>
      </c>
    </row>
    <row r="17805" spans="1:12">
      <c r="A17805" s="6" t="s">
        <v>17224</v>
      </c>
      <c r="B17805" s="6"/>
      <c r="C17805" s="6" t="s">
        <v>17837</v>
      </c>
      <c r="D17805" s="6"/>
      <c r="E17805" s="6" t="s">
        <v>9</v>
      </c>
      <c r="F17805" s="7">
        <v>38657</v>
      </c>
      <c r="G17805" s="8">
        <v>1</v>
      </c>
      <c r="H17805" s="8">
        <v>1</v>
      </c>
      <c r="I17805" s="8">
        <v>0</v>
      </c>
      <c r="J17805" s="8">
        <v>1</v>
      </c>
      <c r="K17805" s="9">
        <v>39</v>
      </c>
      <c r="L17805" s="6" t="s">
        <v>51</v>
      </c>
    </row>
    <row r="17806" spans="1:12">
      <c r="A17806" s="6" t="s">
        <v>17224</v>
      </c>
      <c r="B17806" s="6"/>
      <c r="C17806" s="6" t="s">
        <v>17838</v>
      </c>
      <c r="D17806" s="6"/>
      <c r="E17806" s="6" t="s">
        <v>9</v>
      </c>
      <c r="F17806" s="7">
        <v>38657</v>
      </c>
      <c r="G17806" s="8">
        <v>1</v>
      </c>
      <c r="H17806" s="8">
        <v>1</v>
      </c>
      <c r="I17806" s="8">
        <v>0</v>
      </c>
      <c r="J17806" s="8">
        <v>1</v>
      </c>
      <c r="K17806" s="9">
        <v>351</v>
      </c>
      <c r="L17806" s="6" t="s">
        <v>51</v>
      </c>
    </row>
    <row r="17807" spans="1:12">
      <c r="A17807" s="6" t="s">
        <v>17224</v>
      </c>
      <c r="B17807" s="6"/>
      <c r="C17807" s="6" t="s">
        <v>17839</v>
      </c>
      <c r="D17807" s="6"/>
      <c r="E17807" s="6" t="s">
        <v>9</v>
      </c>
      <c r="F17807" s="7">
        <v>38657</v>
      </c>
      <c r="G17807" s="8">
        <v>1</v>
      </c>
      <c r="H17807" s="8">
        <v>1</v>
      </c>
      <c r="I17807" s="8">
        <v>0</v>
      </c>
      <c r="J17807" s="8">
        <v>1</v>
      </c>
      <c r="K17807" s="9">
        <v>27</v>
      </c>
      <c r="L17807" s="6" t="s">
        <v>51</v>
      </c>
    </row>
    <row r="17808" spans="1:12">
      <c r="A17808" s="6" t="s">
        <v>17224</v>
      </c>
      <c r="B17808" s="6"/>
      <c r="C17808" s="6" t="s">
        <v>17840</v>
      </c>
      <c r="D17808" s="6"/>
      <c r="E17808" s="6" t="s">
        <v>9</v>
      </c>
      <c r="F17808" s="7">
        <v>38657</v>
      </c>
      <c r="G17808" s="8">
        <v>1</v>
      </c>
      <c r="H17808" s="8">
        <v>1</v>
      </c>
      <c r="I17808" s="8">
        <v>0</v>
      </c>
      <c r="J17808" s="8">
        <v>1</v>
      </c>
      <c r="K17808" s="9">
        <v>1.02</v>
      </c>
      <c r="L17808" s="6" t="s">
        <v>51</v>
      </c>
    </row>
    <row r="17809" spans="1:12">
      <c r="A17809" s="6" t="s">
        <v>17224</v>
      </c>
      <c r="B17809" s="6"/>
      <c r="C17809" s="6" t="s">
        <v>17841</v>
      </c>
      <c r="D17809" s="6"/>
      <c r="E17809" s="6" t="s">
        <v>9</v>
      </c>
      <c r="F17809" s="7">
        <v>38657</v>
      </c>
      <c r="G17809" s="8">
        <v>1</v>
      </c>
      <c r="H17809" s="8">
        <v>1</v>
      </c>
      <c r="I17809" s="8">
        <v>0</v>
      </c>
      <c r="J17809" s="8">
        <v>1</v>
      </c>
      <c r="K17809" s="9">
        <v>3.69</v>
      </c>
      <c r="L17809" s="6" t="s">
        <v>51</v>
      </c>
    </row>
    <row r="17810" spans="1:12">
      <c r="A17810" s="6" t="s">
        <v>17224</v>
      </c>
      <c r="B17810" s="6"/>
      <c r="C17810" s="6" t="s">
        <v>17842</v>
      </c>
      <c r="D17810" s="6"/>
      <c r="E17810" s="6" t="s">
        <v>9</v>
      </c>
      <c r="F17810" s="7">
        <v>38657</v>
      </c>
      <c r="G17810" s="8">
        <v>1</v>
      </c>
      <c r="H17810" s="8">
        <v>1</v>
      </c>
      <c r="I17810" s="8">
        <v>0</v>
      </c>
      <c r="J17810" s="8">
        <v>1</v>
      </c>
      <c r="K17810" s="9">
        <v>43.78</v>
      </c>
      <c r="L17810" s="6" t="s">
        <v>51</v>
      </c>
    </row>
    <row r="17811" spans="1:12">
      <c r="A17811" s="6" t="s">
        <v>17224</v>
      </c>
      <c r="B17811" s="6"/>
      <c r="C17811" s="6" t="s">
        <v>17843</v>
      </c>
      <c r="D17811" s="6"/>
      <c r="E17811" s="6" t="s">
        <v>9</v>
      </c>
      <c r="F17811" s="7">
        <v>38657</v>
      </c>
      <c r="G17811" s="8">
        <v>1</v>
      </c>
      <c r="H17811" s="8">
        <v>1</v>
      </c>
      <c r="I17811" s="8">
        <v>0</v>
      </c>
      <c r="J17811" s="8">
        <v>1</v>
      </c>
      <c r="K17811" s="9">
        <v>182</v>
      </c>
      <c r="L17811" s="6" t="s">
        <v>51</v>
      </c>
    </row>
    <row r="17812" spans="1:12">
      <c r="A17812" s="6" t="s">
        <v>17224</v>
      </c>
      <c r="B17812" s="6"/>
      <c r="C17812" s="6" t="s">
        <v>17844</v>
      </c>
      <c r="D17812" s="6"/>
      <c r="E17812" s="6" t="s">
        <v>9</v>
      </c>
      <c r="F17812" s="7">
        <v>38657</v>
      </c>
      <c r="G17812" s="8">
        <v>1</v>
      </c>
      <c r="H17812" s="8">
        <v>1</v>
      </c>
      <c r="I17812" s="8">
        <v>0</v>
      </c>
      <c r="J17812" s="8">
        <v>1</v>
      </c>
      <c r="K17812" s="9">
        <v>268</v>
      </c>
      <c r="L17812" s="6" t="s">
        <v>51</v>
      </c>
    </row>
    <row r="17813" spans="1:12">
      <c r="A17813" s="6" t="s">
        <v>17224</v>
      </c>
      <c r="B17813" s="6"/>
      <c r="C17813" s="6" t="s">
        <v>17845</v>
      </c>
      <c r="D17813" s="6"/>
      <c r="E17813" s="6" t="s">
        <v>9</v>
      </c>
      <c r="F17813" s="7">
        <v>38657</v>
      </c>
      <c r="G17813" s="8">
        <v>1</v>
      </c>
      <c r="H17813" s="8">
        <v>1</v>
      </c>
      <c r="I17813" s="8">
        <v>0</v>
      </c>
      <c r="J17813" s="8">
        <v>1</v>
      </c>
      <c r="K17813" s="9">
        <v>27</v>
      </c>
      <c r="L17813" s="6" t="s">
        <v>51</v>
      </c>
    </row>
    <row r="17814" spans="1:12">
      <c r="A17814" s="6" t="s">
        <v>17224</v>
      </c>
      <c r="B17814" s="6"/>
      <c r="C17814" s="6" t="s">
        <v>17846</v>
      </c>
      <c r="D17814" s="6"/>
      <c r="E17814" s="6" t="s">
        <v>9</v>
      </c>
      <c r="F17814" s="7">
        <v>38657</v>
      </c>
      <c r="G17814" s="8">
        <v>1</v>
      </c>
      <c r="H17814" s="8">
        <v>1</v>
      </c>
      <c r="I17814" s="8">
        <v>0</v>
      </c>
      <c r="J17814" s="8">
        <v>1</v>
      </c>
      <c r="K17814" s="9">
        <v>3.75</v>
      </c>
      <c r="L17814" s="6" t="s">
        <v>51</v>
      </c>
    </row>
    <row r="17815" spans="1:12">
      <c r="A17815" s="6" t="s">
        <v>17224</v>
      </c>
      <c r="B17815" s="6"/>
      <c r="C17815" s="6" t="s">
        <v>17847</v>
      </c>
      <c r="D17815" s="6"/>
      <c r="E17815" s="6" t="s">
        <v>9</v>
      </c>
      <c r="F17815" s="7">
        <v>38657</v>
      </c>
      <c r="G17815" s="8">
        <v>1</v>
      </c>
      <c r="H17815" s="8">
        <v>1</v>
      </c>
      <c r="I17815" s="8">
        <v>0</v>
      </c>
      <c r="J17815" s="8">
        <v>1</v>
      </c>
      <c r="K17815" s="9">
        <v>26.21</v>
      </c>
      <c r="L17815" s="6" t="s">
        <v>51</v>
      </c>
    </row>
    <row r="17816" spans="1:12">
      <c r="A17816" s="6" t="s">
        <v>17224</v>
      </c>
      <c r="B17816" s="6"/>
      <c r="C17816" s="6" t="s">
        <v>17848</v>
      </c>
      <c r="D17816" s="6"/>
      <c r="E17816" s="6" t="s">
        <v>9</v>
      </c>
      <c r="F17816" s="7">
        <v>38657</v>
      </c>
      <c r="G17816" s="8">
        <v>1</v>
      </c>
      <c r="H17816" s="8">
        <v>1</v>
      </c>
      <c r="I17816" s="8">
        <v>0</v>
      </c>
      <c r="J17816" s="8">
        <v>1</v>
      </c>
      <c r="K17816" s="9">
        <v>43</v>
      </c>
      <c r="L17816" s="6" t="s">
        <v>51</v>
      </c>
    </row>
    <row r="17817" spans="1:12">
      <c r="A17817" s="6" t="s">
        <v>17224</v>
      </c>
      <c r="B17817" s="6"/>
      <c r="C17817" s="6" t="s">
        <v>17849</v>
      </c>
      <c r="D17817" s="6"/>
      <c r="E17817" s="6" t="s">
        <v>9</v>
      </c>
      <c r="F17817" s="7">
        <v>38657</v>
      </c>
      <c r="G17817" s="8">
        <v>1</v>
      </c>
      <c r="H17817" s="8">
        <v>1</v>
      </c>
      <c r="I17817" s="8">
        <v>0</v>
      </c>
      <c r="J17817" s="8">
        <v>1</v>
      </c>
      <c r="K17817" s="9">
        <v>95</v>
      </c>
      <c r="L17817" s="6" t="s">
        <v>51</v>
      </c>
    </row>
    <row r="17818" spans="1:12">
      <c r="A17818" s="6" t="s">
        <v>17224</v>
      </c>
      <c r="B17818" s="6"/>
      <c r="C17818" s="6" t="s">
        <v>17850</v>
      </c>
      <c r="D17818" s="6"/>
      <c r="E17818" s="6" t="s">
        <v>9</v>
      </c>
      <c r="F17818" s="7">
        <v>38657</v>
      </c>
      <c r="G17818" s="8">
        <v>1</v>
      </c>
      <c r="H17818" s="8">
        <v>1</v>
      </c>
      <c r="I17818" s="8">
        <v>0</v>
      </c>
      <c r="J17818" s="8">
        <v>1</v>
      </c>
      <c r="K17818" s="9">
        <v>63</v>
      </c>
      <c r="L17818" s="6" t="s">
        <v>51</v>
      </c>
    </row>
    <row r="17819" spans="1:12">
      <c r="A17819" s="6" t="s">
        <v>17224</v>
      </c>
      <c r="B17819" s="6"/>
      <c r="C17819" s="6" t="s">
        <v>17851</v>
      </c>
      <c r="D17819" s="6"/>
      <c r="E17819" s="6" t="s">
        <v>9</v>
      </c>
      <c r="F17819" s="7">
        <v>38657</v>
      </c>
      <c r="G17819" s="8">
        <v>1</v>
      </c>
      <c r="H17819" s="8">
        <v>1</v>
      </c>
      <c r="I17819" s="8">
        <v>0</v>
      </c>
      <c r="J17819" s="8">
        <v>1</v>
      </c>
      <c r="K17819" s="9">
        <v>20</v>
      </c>
      <c r="L17819" s="6" t="s">
        <v>51</v>
      </c>
    </row>
    <row r="17820" spans="1:12">
      <c r="A17820" s="6" t="s">
        <v>17224</v>
      </c>
      <c r="B17820" s="6"/>
      <c r="C17820" s="6" t="s">
        <v>17852</v>
      </c>
      <c r="D17820" s="6"/>
      <c r="E17820" s="6" t="s">
        <v>9</v>
      </c>
      <c r="F17820" s="7">
        <v>38657</v>
      </c>
      <c r="G17820" s="8">
        <v>1</v>
      </c>
      <c r="H17820" s="8">
        <v>1</v>
      </c>
      <c r="I17820" s="8">
        <v>0</v>
      </c>
      <c r="J17820" s="8">
        <v>1</v>
      </c>
      <c r="K17820" s="9">
        <v>97</v>
      </c>
      <c r="L17820" s="6" t="s">
        <v>51</v>
      </c>
    </row>
    <row r="17821" spans="1:12">
      <c r="A17821" s="6" t="s">
        <v>17224</v>
      </c>
      <c r="B17821" s="6"/>
      <c r="C17821" s="6" t="s">
        <v>17853</v>
      </c>
      <c r="D17821" s="6"/>
      <c r="E17821" s="6" t="s">
        <v>9</v>
      </c>
      <c r="F17821" s="7">
        <v>38657</v>
      </c>
      <c r="G17821" s="8">
        <v>1</v>
      </c>
      <c r="H17821" s="8">
        <v>1</v>
      </c>
      <c r="I17821" s="8">
        <v>0</v>
      </c>
      <c r="J17821" s="8">
        <v>1</v>
      </c>
      <c r="K17821" s="9">
        <v>601</v>
      </c>
      <c r="L17821" s="6" t="s">
        <v>51</v>
      </c>
    </row>
    <row r="17822" spans="1:12">
      <c r="A17822" s="6" t="s">
        <v>17224</v>
      </c>
      <c r="B17822" s="6"/>
      <c r="C17822" s="6" t="s">
        <v>17854</v>
      </c>
      <c r="D17822" s="6"/>
      <c r="E17822" s="6" t="s">
        <v>9</v>
      </c>
      <c r="F17822" s="7">
        <v>38657</v>
      </c>
      <c r="G17822" s="8">
        <v>1</v>
      </c>
      <c r="H17822" s="8">
        <v>1</v>
      </c>
      <c r="I17822" s="8">
        <v>0</v>
      </c>
      <c r="J17822" s="8">
        <v>1</v>
      </c>
      <c r="K17822" s="9">
        <v>219</v>
      </c>
      <c r="L17822" s="6" t="s">
        <v>51</v>
      </c>
    </row>
    <row r="17823" spans="1:12">
      <c r="A17823" s="6" t="s">
        <v>17224</v>
      </c>
      <c r="B17823" s="6"/>
      <c r="C17823" s="6" t="s">
        <v>17855</v>
      </c>
      <c r="D17823" s="6"/>
      <c r="E17823" s="6" t="s">
        <v>9</v>
      </c>
      <c r="F17823" s="7">
        <v>38657</v>
      </c>
      <c r="G17823" s="8">
        <v>1</v>
      </c>
      <c r="H17823" s="8">
        <v>1</v>
      </c>
      <c r="I17823" s="8">
        <v>0</v>
      </c>
      <c r="J17823" s="8">
        <v>1</v>
      </c>
      <c r="K17823" s="9">
        <v>199</v>
      </c>
      <c r="L17823" s="6" t="s">
        <v>51</v>
      </c>
    </row>
    <row r="17824" spans="1:12">
      <c r="A17824" s="6" t="s">
        <v>17224</v>
      </c>
      <c r="B17824" s="6"/>
      <c r="C17824" s="6" t="s">
        <v>17856</v>
      </c>
      <c r="D17824" s="6"/>
      <c r="E17824" s="6" t="s">
        <v>9</v>
      </c>
      <c r="F17824" s="7">
        <v>38657</v>
      </c>
      <c r="G17824" s="8">
        <v>1</v>
      </c>
      <c r="H17824" s="8">
        <v>1</v>
      </c>
      <c r="I17824" s="8">
        <v>0</v>
      </c>
      <c r="J17824" s="8">
        <v>1</v>
      </c>
      <c r="K17824" s="9">
        <v>275</v>
      </c>
      <c r="L17824" s="6" t="s">
        <v>51</v>
      </c>
    </row>
    <row r="17825" spans="1:12">
      <c r="A17825" s="6" t="s">
        <v>17224</v>
      </c>
      <c r="B17825" s="6"/>
      <c r="C17825" s="6" t="s">
        <v>17857</v>
      </c>
      <c r="D17825" s="6"/>
      <c r="E17825" s="6" t="s">
        <v>9</v>
      </c>
      <c r="F17825" s="7">
        <v>38657</v>
      </c>
      <c r="G17825" s="8">
        <v>1</v>
      </c>
      <c r="H17825" s="8">
        <v>1</v>
      </c>
      <c r="I17825" s="8">
        <v>0</v>
      </c>
      <c r="J17825" s="8">
        <v>1</v>
      </c>
      <c r="K17825" s="9">
        <v>45</v>
      </c>
      <c r="L17825" s="6" t="s">
        <v>51</v>
      </c>
    </row>
    <row r="17826" spans="1:12">
      <c r="A17826" s="6" t="s">
        <v>17224</v>
      </c>
      <c r="B17826" s="6"/>
      <c r="C17826" s="6" t="s">
        <v>17858</v>
      </c>
      <c r="D17826" s="6"/>
      <c r="E17826" s="6" t="s">
        <v>9</v>
      </c>
      <c r="F17826" s="7">
        <v>38657</v>
      </c>
      <c r="G17826" s="8">
        <v>1</v>
      </c>
      <c r="H17826" s="8">
        <v>1</v>
      </c>
      <c r="I17826" s="8">
        <v>0</v>
      </c>
      <c r="J17826" s="8">
        <v>1</v>
      </c>
      <c r="K17826" s="9">
        <v>24.39</v>
      </c>
      <c r="L17826" s="6" t="s">
        <v>51</v>
      </c>
    </row>
    <row r="17827" spans="1:12">
      <c r="A17827" s="6" t="s">
        <v>17224</v>
      </c>
      <c r="B17827" s="6"/>
      <c r="C17827" s="6" t="s">
        <v>17859</v>
      </c>
      <c r="D17827" s="6"/>
      <c r="E17827" s="6" t="s">
        <v>9</v>
      </c>
      <c r="F17827" s="7">
        <v>38657</v>
      </c>
      <c r="G17827" s="8">
        <v>1</v>
      </c>
      <c r="H17827" s="8">
        <v>1</v>
      </c>
      <c r="I17827" s="8">
        <v>0</v>
      </c>
      <c r="J17827" s="8">
        <v>1</v>
      </c>
      <c r="K17827" s="9">
        <v>43</v>
      </c>
      <c r="L17827" s="6" t="s">
        <v>51</v>
      </c>
    </row>
    <row r="17828" spans="1:12">
      <c r="A17828" s="6" t="s">
        <v>17224</v>
      </c>
      <c r="B17828" s="6"/>
      <c r="C17828" s="6" t="s">
        <v>17860</v>
      </c>
      <c r="D17828" s="6"/>
      <c r="E17828" s="6" t="s">
        <v>9</v>
      </c>
      <c r="F17828" s="7">
        <v>38657</v>
      </c>
      <c r="G17828" s="8">
        <v>1</v>
      </c>
      <c r="H17828" s="8">
        <v>1</v>
      </c>
      <c r="I17828" s="8">
        <v>0</v>
      </c>
      <c r="J17828" s="8">
        <v>1</v>
      </c>
      <c r="K17828" s="9">
        <v>365</v>
      </c>
      <c r="L17828" s="6" t="s">
        <v>51</v>
      </c>
    </row>
    <row r="17829" spans="1:12">
      <c r="A17829" s="6" t="s">
        <v>17224</v>
      </c>
      <c r="B17829" s="6"/>
      <c r="C17829" s="6" t="s">
        <v>17861</v>
      </c>
      <c r="D17829" s="6"/>
      <c r="E17829" s="6" t="s">
        <v>9</v>
      </c>
      <c r="F17829" s="7">
        <v>39546</v>
      </c>
      <c r="G17829" s="8">
        <v>1</v>
      </c>
      <c r="H17829" s="8">
        <v>1</v>
      </c>
      <c r="I17829" s="8">
        <v>0</v>
      </c>
      <c r="J17829" s="8">
        <v>1</v>
      </c>
      <c r="K17829" s="9">
        <v>344</v>
      </c>
      <c r="L17829" s="6" t="s">
        <v>51</v>
      </c>
    </row>
    <row r="17830" spans="1:12">
      <c r="A17830" s="6" t="s">
        <v>17224</v>
      </c>
      <c r="B17830" s="6"/>
      <c r="C17830" s="6" t="s">
        <v>17862</v>
      </c>
      <c r="D17830" s="6"/>
      <c r="E17830" s="6" t="s">
        <v>9</v>
      </c>
      <c r="F17830" s="7">
        <v>38657</v>
      </c>
      <c r="G17830" s="8">
        <v>1</v>
      </c>
      <c r="H17830" s="8">
        <v>1</v>
      </c>
      <c r="I17830" s="8">
        <v>0</v>
      </c>
      <c r="J17830" s="8">
        <v>1</v>
      </c>
      <c r="K17830" s="9">
        <v>76</v>
      </c>
      <c r="L17830" s="6" t="s">
        <v>51</v>
      </c>
    </row>
    <row r="17831" spans="1:12">
      <c r="A17831" s="6" t="s">
        <v>17224</v>
      </c>
      <c r="B17831" s="6"/>
      <c r="C17831" s="6" t="s">
        <v>17863</v>
      </c>
      <c r="D17831" s="6"/>
      <c r="E17831" s="6" t="s">
        <v>9</v>
      </c>
      <c r="F17831" s="7">
        <v>38657</v>
      </c>
      <c r="G17831" s="8">
        <v>1</v>
      </c>
      <c r="H17831" s="8">
        <v>1</v>
      </c>
      <c r="I17831" s="8">
        <v>0</v>
      </c>
      <c r="J17831" s="8">
        <v>1</v>
      </c>
      <c r="K17831" s="9">
        <v>0.61</v>
      </c>
      <c r="L17831" s="6" t="s">
        <v>51</v>
      </c>
    </row>
    <row r="17832" spans="1:12">
      <c r="A17832" s="6" t="s">
        <v>17224</v>
      </c>
      <c r="B17832" s="6"/>
      <c r="C17832" s="6" t="s">
        <v>17864</v>
      </c>
      <c r="D17832" s="6"/>
      <c r="E17832" s="6" t="s">
        <v>9</v>
      </c>
      <c r="F17832" s="7">
        <v>38657</v>
      </c>
      <c r="G17832" s="8">
        <v>1</v>
      </c>
      <c r="H17832" s="8">
        <v>1</v>
      </c>
      <c r="I17832" s="8">
        <v>0</v>
      </c>
      <c r="J17832" s="8">
        <v>1</v>
      </c>
      <c r="K17832" s="9">
        <v>99</v>
      </c>
      <c r="L17832" s="6" t="s">
        <v>51</v>
      </c>
    </row>
    <row r="17833" spans="1:12">
      <c r="A17833" s="6" t="s">
        <v>17224</v>
      </c>
      <c r="B17833" s="6"/>
      <c r="C17833" s="6" t="s">
        <v>17865</v>
      </c>
      <c r="D17833" s="6"/>
      <c r="E17833" s="6" t="s">
        <v>9</v>
      </c>
      <c r="F17833" s="7">
        <v>38657</v>
      </c>
      <c r="G17833" s="8">
        <v>1</v>
      </c>
      <c r="H17833" s="8">
        <v>1</v>
      </c>
      <c r="I17833" s="8">
        <v>0</v>
      </c>
      <c r="J17833" s="8">
        <v>1</v>
      </c>
      <c r="K17833" s="9">
        <v>38</v>
      </c>
      <c r="L17833" s="6" t="s">
        <v>51</v>
      </c>
    </row>
    <row r="17834" spans="1:12">
      <c r="A17834" s="6" t="s">
        <v>17224</v>
      </c>
      <c r="B17834" s="6"/>
      <c r="C17834" s="6" t="s">
        <v>17866</v>
      </c>
      <c r="D17834" s="6"/>
      <c r="E17834" s="6" t="s">
        <v>9</v>
      </c>
      <c r="F17834" s="7">
        <v>38657</v>
      </c>
      <c r="G17834" s="8">
        <v>1</v>
      </c>
      <c r="H17834" s="8">
        <v>1</v>
      </c>
      <c r="I17834" s="8">
        <v>0</v>
      </c>
      <c r="J17834" s="8">
        <v>1</v>
      </c>
      <c r="K17834" s="9">
        <v>72</v>
      </c>
      <c r="L17834" s="6" t="s">
        <v>51</v>
      </c>
    </row>
    <row r="17835" spans="1:12">
      <c r="A17835" s="6" t="s">
        <v>17224</v>
      </c>
      <c r="B17835" s="6"/>
      <c r="C17835" s="6" t="s">
        <v>17867</v>
      </c>
      <c r="D17835" s="6"/>
      <c r="E17835" s="6" t="s">
        <v>9</v>
      </c>
      <c r="F17835" s="7">
        <v>38657</v>
      </c>
      <c r="G17835" s="8">
        <v>1</v>
      </c>
      <c r="H17835" s="8">
        <v>1</v>
      </c>
      <c r="I17835" s="8">
        <v>0</v>
      </c>
      <c r="J17835" s="8">
        <v>1</v>
      </c>
      <c r="K17835" s="9">
        <v>23</v>
      </c>
      <c r="L17835" s="6" t="s">
        <v>51</v>
      </c>
    </row>
    <row r="17836" spans="1:12">
      <c r="A17836" s="6" t="s">
        <v>17224</v>
      </c>
      <c r="B17836" s="6"/>
      <c r="C17836" s="6" t="s">
        <v>17868</v>
      </c>
      <c r="D17836" s="6"/>
      <c r="E17836" s="6" t="s">
        <v>9</v>
      </c>
      <c r="F17836" s="7">
        <v>38657</v>
      </c>
      <c r="G17836" s="8">
        <v>1</v>
      </c>
      <c r="H17836" s="8">
        <v>1</v>
      </c>
      <c r="I17836" s="8">
        <v>0</v>
      </c>
      <c r="J17836" s="8">
        <v>1</v>
      </c>
      <c r="K17836" s="9">
        <v>50</v>
      </c>
      <c r="L17836" s="6" t="s">
        <v>51</v>
      </c>
    </row>
    <row r="17837" spans="1:12">
      <c r="A17837" s="6" t="s">
        <v>17224</v>
      </c>
      <c r="B17837" s="6"/>
      <c r="C17837" s="6" t="s">
        <v>17869</v>
      </c>
      <c r="D17837" s="6"/>
      <c r="E17837" s="6" t="s">
        <v>9</v>
      </c>
      <c r="F17837" s="7">
        <v>38657</v>
      </c>
      <c r="G17837" s="8">
        <v>1</v>
      </c>
      <c r="H17837" s="8">
        <v>1</v>
      </c>
      <c r="I17837" s="8">
        <v>0</v>
      </c>
      <c r="J17837" s="8">
        <v>1</v>
      </c>
      <c r="K17837" s="9">
        <v>7.93</v>
      </c>
      <c r="L17837" s="6" t="s">
        <v>51</v>
      </c>
    </row>
    <row r="17838" spans="1:12">
      <c r="A17838" s="6" t="s">
        <v>17224</v>
      </c>
      <c r="B17838" s="6"/>
      <c r="C17838" s="6" t="s">
        <v>17870</v>
      </c>
      <c r="D17838" s="6"/>
      <c r="E17838" s="6" t="s">
        <v>9</v>
      </c>
      <c r="F17838" s="7">
        <v>38657</v>
      </c>
      <c r="G17838" s="8">
        <v>1</v>
      </c>
      <c r="H17838" s="8">
        <v>1</v>
      </c>
      <c r="I17838" s="8">
        <v>0</v>
      </c>
      <c r="J17838" s="8">
        <v>1</v>
      </c>
      <c r="K17838" s="9">
        <v>58</v>
      </c>
      <c r="L17838" s="6" t="s">
        <v>51</v>
      </c>
    </row>
    <row r="17839" spans="1:12">
      <c r="A17839" s="6" t="s">
        <v>17224</v>
      </c>
      <c r="B17839" s="6"/>
      <c r="C17839" s="6" t="s">
        <v>17871</v>
      </c>
      <c r="D17839" s="6"/>
      <c r="E17839" s="6" t="s">
        <v>9</v>
      </c>
      <c r="F17839" s="7">
        <v>38657</v>
      </c>
      <c r="G17839" s="8">
        <v>1</v>
      </c>
      <c r="H17839" s="8">
        <v>1</v>
      </c>
      <c r="I17839" s="8">
        <v>0</v>
      </c>
      <c r="J17839" s="8">
        <v>1</v>
      </c>
      <c r="K17839" s="9">
        <v>81.95</v>
      </c>
      <c r="L17839" s="6" t="s">
        <v>51</v>
      </c>
    </row>
    <row r="17840" spans="1:12">
      <c r="A17840" s="6" t="s">
        <v>17224</v>
      </c>
      <c r="B17840" s="6"/>
      <c r="C17840" s="6" t="s">
        <v>17872</v>
      </c>
      <c r="D17840" s="6"/>
      <c r="E17840" s="6" t="s">
        <v>9</v>
      </c>
      <c r="F17840" s="7">
        <v>38657</v>
      </c>
      <c r="G17840" s="8">
        <v>1</v>
      </c>
      <c r="H17840" s="8">
        <v>1</v>
      </c>
      <c r="I17840" s="8">
        <v>0</v>
      </c>
      <c r="J17840" s="8">
        <v>1</v>
      </c>
      <c r="K17840" s="9">
        <v>37.119999999999898</v>
      </c>
      <c r="L17840" s="6" t="s">
        <v>51</v>
      </c>
    </row>
    <row r="17841" spans="1:12">
      <c r="A17841" s="6" t="s">
        <v>17224</v>
      </c>
      <c r="B17841" s="6"/>
      <c r="C17841" s="6" t="s">
        <v>17873</v>
      </c>
      <c r="D17841" s="6"/>
      <c r="E17841" s="6" t="s">
        <v>9</v>
      </c>
      <c r="F17841" s="7">
        <v>38657</v>
      </c>
      <c r="G17841" s="8">
        <v>1</v>
      </c>
      <c r="H17841" s="8">
        <v>1</v>
      </c>
      <c r="I17841" s="8">
        <v>0</v>
      </c>
      <c r="J17841" s="8">
        <v>1</v>
      </c>
      <c r="K17841" s="9">
        <v>37.92</v>
      </c>
      <c r="L17841" s="6" t="s">
        <v>51</v>
      </c>
    </row>
    <row r="17842" spans="1:12">
      <c r="A17842" s="6" t="s">
        <v>17224</v>
      </c>
      <c r="B17842" s="6"/>
      <c r="C17842" s="6" t="s">
        <v>17874</v>
      </c>
      <c r="D17842" s="6"/>
      <c r="E17842" s="6" t="s">
        <v>9</v>
      </c>
      <c r="F17842" s="7">
        <v>38657</v>
      </c>
      <c r="G17842" s="8">
        <v>1</v>
      </c>
      <c r="H17842" s="8">
        <v>1</v>
      </c>
      <c r="I17842" s="8">
        <v>0</v>
      </c>
      <c r="J17842" s="8">
        <v>1</v>
      </c>
      <c r="K17842" s="9">
        <v>6.7</v>
      </c>
      <c r="L17842" s="6" t="s">
        <v>51</v>
      </c>
    </row>
    <row r="17843" spans="1:12">
      <c r="A17843" s="6" t="s">
        <v>17224</v>
      </c>
      <c r="B17843" s="6"/>
      <c r="C17843" s="6" t="s">
        <v>17875</v>
      </c>
      <c r="D17843" s="6"/>
      <c r="E17843" s="6" t="s">
        <v>9</v>
      </c>
      <c r="F17843" s="7">
        <v>38657</v>
      </c>
      <c r="G17843" s="8">
        <v>1</v>
      </c>
      <c r="H17843" s="8">
        <v>1</v>
      </c>
      <c r="I17843" s="8">
        <v>0</v>
      </c>
      <c r="J17843" s="8">
        <v>1</v>
      </c>
      <c r="K17843" s="9">
        <v>4.04</v>
      </c>
      <c r="L17843" s="6" t="s">
        <v>51</v>
      </c>
    </row>
    <row r="17844" spans="1:12">
      <c r="A17844" s="6" t="s">
        <v>17224</v>
      </c>
      <c r="B17844" s="6"/>
      <c r="C17844" s="6" t="s">
        <v>17876</v>
      </c>
      <c r="D17844" s="6"/>
      <c r="E17844" s="6" t="s">
        <v>9</v>
      </c>
      <c r="F17844" s="7">
        <v>38657</v>
      </c>
      <c r="G17844" s="8">
        <v>1</v>
      </c>
      <c r="H17844" s="8">
        <v>1</v>
      </c>
      <c r="I17844" s="8">
        <v>0</v>
      </c>
      <c r="J17844" s="8">
        <v>1</v>
      </c>
      <c r="K17844" s="9">
        <v>20</v>
      </c>
      <c r="L17844" s="6" t="s">
        <v>51</v>
      </c>
    </row>
    <row r="17845" spans="1:12">
      <c r="A17845" s="6" t="s">
        <v>17224</v>
      </c>
      <c r="B17845" s="6"/>
      <c r="C17845" s="6" t="s">
        <v>17877</v>
      </c>
      <c r="D17845" s="6"/>
      <c r="E17845" s="6" t="s">
        <v>9</v>
      </c>
      <c r="F17845" s="7">
        <v>38657</v>
      </c>
      <c r="G17845" s="8">
        <v>1</v>
      </c>
      <c r="H17845" s="8">
        <v>1</v>
      </c>
      <c r="I17845" s="8">
        <v>0</v>
      </c>
      <c r="J17845" s="8">
        <v>1</v>
      </c>
      <c r="K17845" s="9">
        <v>9.7899999999999903</v>
      </c>
      <c r="L17845" s="6" t="s">
        <v>51</v>
      </c>
    </row>
    <row r="17846" spans="1:12">
      <c r="A17846" s="6" t="s">
        <v>17224</v>
      </c>
      <c r="B17846" s="6"/>
      <c r="C17846" s="6" t="s">
        <v>17878</v>
      </c>
      <c r="D17846" s="6"/>
      <c r="E17846" s="6" t="s">
        <v>9</v>
      </c>
      <c r="F17846" s="7">
        <v>38657</v>
      </c>
      <c r="G17846" s="8">
        <v>1</v>
      </c>
      <c r="H17846" s="8">
        <v>1</v>
      </c>
      <c r="I17846" s="8">
        <v>0</v>
      </c>
      <c r="J17846" s="8">
        <v>1</v>
      </c>
      <c r="K17846" s="9">
        <v>10</v>
      </c>
      <c r="L17846" s="6" t="s">
        <v>51</v>
      </c>
    </row>
    <row r="17847" spans="1:12">
      <c r="A17847" s="6" t="s">
        <v>17224</v>
      </c>
      <c r="B17847" s="6"/>
      <c r="C17847" s="6" t="s">
        <v>17879</v>
      </c>
      <c r="D17847" s="6"/>
      <c r="E17847" s="6" t="s">
        <v>9</v>
      </c>
      <c r="F17847" s="7">
        <v>38657</v>
      </c>
      <c r="G17847" s="8">
        <v>1</v>
      </c>
      <c r="H17847" s="8">
        <v>1</v>
      </c>
      <c r="I17847" s="8">
        <v>0</v>
      </c>
      <c r="J17847" s="8">
        <v>1</v>
      </c>
      <c r="K17847" s="9">
        <v>549</v>
      </c>
      <c r="L17847" s="6" t="s">
        <v>51</v>
      </c>
    </row>
    <row r="17848" spans="1:12">
      <c r="A17848" s="6" t="s">
        <v>17224</v>
      </c>
      <c r="B17848" s="6"/>
      <c r="C17848" s="6" t="s">
        <v>17880</v>
      </c>
      <c r="D17848" s="6"/>
      <c r="E17848" s="6" t="s">
        <v>9</v>
      </c>
      <c r="F17848" s="7">
        <v>38657</v>
      </c>
      <c r="G17848" s="8">
        <v>1</v>
      </c>
      <c r="H17848" s="8">
        <v>1</v>
      </c>
      <c r="I17848" s="8">
        <v>0</v>
      </c>
      <c r="J17848" s="8">
        <v>1</v>
      </c>
      <c r="K17848" s="9">
        <v>16</v>
      </c>
      <c r="L17848" s="6" t="s">
        <v>51</v>
      </c>
    </row>
    <row r="17849" spans="1:12">
      <c r="A17849" s="6" t="s">
        <v>17224</v>
      </c>
      <c r="B17849" s="6"/>
      <c r="C17849" s="6" t="s">
        <v>17881</v>
      </c>
      <c r="D17849" s="6"/>
      <c r="E17849" s="6" t="s">
        <v>9</v>
      </c>
      <c r="F17849" s="7">
        <v>38657</v>
      </c>
      <c r="G17849" s="8">
        <v>1</v>
      </c>
      <c r="H17849" s="8">
        <v>1</v>
      </c>
      <c r="I17849" s="8">
        <v>0</v>
      </c>
      <c r="J17849" s="8">
        <v>1</v>
      </c>
      <c r="K17849" s="9">
        <v>9.81</v>
      </c>
      <c r="L17849" s="6" t="s">
        <v>51</v>
      </c>
    </row>
    <row r="17850" spans="1:12">
      <c r="A17850" s="6" t="s">
        <v>17224</v>
      </c>
      <c r="B17850" s="6"/>
      <c r="C17850" s="6" t="s">
        <v>17882</v>
      </c>
      <c r="D17850" s="6"/>
      <c r="E17850" s="6" t="s">
        <v>9</v>
      </c>
      <c r="F17850" s="7">
        <v>38657</v>
      </c>
      <c r="G17850" s="8">
        <v>1</v>
      </c>
      <c r="H17850" s="8">
        <v>1</v>
      </c>
      <c r="I17850" s="8">
        <v>0</v>
      </c>
      <c r="J17850" s="8">
        <v>1</v>
      </c>
      <c r="K17850" s="9">
        <v>195</v>
      </c>
      <c r="L17850" s="6" t="s">
        <v>51</v>
      </c>
    </row>
    <row r="17851" spans="1:12">
      <c r="A17851" s="6" t="s">
        <v>17224</v>
      </c>
      <c r="B17851" s="6"/>
      <c r="C17851" s="6" t="s">
        <v>17883</v>
      </c>
      <c r="D17851" s="6"/>
      <c r="E17851" s="6" t="s">
        <v>9</v>
      </c>
      <c r="F17851" s="7">
        <v>38657</v>
      </c>
      <c r="G17851" s="8">
        <v>1</v>
      </c>
      <c r="H17851" s="8">
        <v>1</v>
      </c>
      <c r="I17851" s="8">
        <v>0</v>
      </c>
      <c r="J17851" s="8">
        <v>1</v>
      </c>
      <c r="K17851" s="9">
        <v>300</v>
      </c>
      <c r="L17851" s="6" t="s">
        <v>51</v>
      </c>
    </row>
    <row r="17852" spans="1:12">
      <c r="A17852" s="6" t="s">
        <v>17224</v>
      </c>
      <c r="B17852" s="6"/>
      <c r="C17852" s="6" t="s">
        <v>17884</v>
      </c>
      <c r="D17852" s="6"/>
      <c r="E17852" s="6" t="s">
        <v>9</v>
      </c>
      <c r="F17852" s="7"/>
      <c r="G17852" s="8">
        <v>1</v>
      </c>
      <c r="H17852" s="8">
        <v>1</v>
      </c>
      <c r="I17852" s="8">
        <v>0</v>
      </c>
      <c r="J17852" s="8">
        <v>1</v>
      </c>
      <c r="K17852" s="9">
        <v>209</v>
      </c>
      <c r="L17852" s="6" t="s">
        <v>51</v>
      </c>
    </row>
    <row r="17853" spans="1:12">
      <c r="A17853" s="6" t="s">
        <v>17224</v>
      </c>
      <c r="B17853" s="6"/>
      <c r="C17853" s="6" t="s">
        <v>17885</v>
      </c>
      <c r="D17853" s="6"/>
      <c r="E17853" s="6" t="s">
        <v>9</v>
      </c>
      <c r="F17853" s="7"/>
      <c r="G17853" s="8">
        <v>1</v>
      </c>
      <c r="H17853" s="8">
        <v>1</v>
      </c>
      <c r="I17853" s="8">
        <v>0</v>
      </c>
      <c r="J17853" s="8">
        <v>1</v>
      </c>
      <c r="K17853" s="9">
        <v>89</v>
      </c>
      <c r="L17853" s="6" t="s">
        <v>51</v>
      </c>
    </row>
    <row r="17854" spans="1:12">
      <c r="A17854" s="6" t="s">
        <v>17224</v>
      </c>
      <c r="B17854" s="6"/>
      <c r="C17854" s="6" t="s">
        <v>17886</v>
      </c>
      <c r="D17854" s="6"/>
      <c r="E17854" s="6" t="s">
        <v>9</v>
      </c>
      <c r="F17854" s="7">
        <v>38657</v>
      </c>
      <c r="G17854" s="8">
        <v>1</v>
      </c>
      <c r="H17854" s="8">
        <v>1</v>
      </c>
      <c r="I17854" s="8">
        <v>0</v>
      </c>
      <c r="J17854" s="8">
        <v>1</v>
      </c>
      <c r="K17854" s="9">
        <v>7.92</v>
      </c>
      <c r="L17854" s="6" t="s">
        <v>51</v>
      </c>
    </row>
    <row r="17855" spans="1:12">
      <c r="A17855" s="6" t="s">
        <v>17224</v>
      </c>
      <c r="B17855" s="6"/>
      <c r="C17855" s="6" t="s">
        <v>17887</v>
      </c>
      <c r="D17855" s="6"/>
      <c r="E17855" s="6" t="s">
        <v>9</v>
      </c>
      <c r="F17855" s="7">
        <v>38657</v>
      </c>
      <c r="G17855" s="8">
        <v>1</v>
      </c>
      <c r="H17855" s="8">
        <v>1</v>
      </c>
      <c r="I17855" s="8">
        <v>0</v>
      </c>
      <c r="J17855" s="8">
        <v>1</v>
      </c>
      <c r="K17855" s="9">
        <v>5.4</v>
      </c>
      <c r="L17855" s="6" t="s">
        <v>51</v>
      </c>
    </row>
    <row r="17856" spans="1:12">
      <c r="A17856" s="6" t="s">
        <v>17224</v>
      </c>
      <c r="B17856" s="6"/>
      <c r="C17856" s="6" t="s">
        <v>17888</v>
      </c>
      <c r="D17856" s="6"/>
      <c r="E17856" s="6" t="s">
        <v>9</v>
      </c>
      <c r="F17856" s="7">
        <v>38657</v>
      </c>
      <c r="G17856" s="8">
        <v>1</v>
      </c>
      <c r="H17856" s="8">
        <v>1</v>
      </c>
      <c r="I17856" s="8">
        <v>0</v>
      </c>
      <c r="J17856" s="8">
        <v>1</v>
      </c>
      <c r="K17856" s="9">
        <v>3.51</v>
      </c>
      <c r="L17856" s="6" t="s">
        <v>51</v>
      </c>
    </row>
    <row r="17857" spans="1:12">
      <c r="A17857" s="6" t="s">
        <v>17224</v>
      </c>
      <c r="B17857" s="6"/>
      <c r="C17857" s="6" t="s">
        <v>17889</v>
      </c>
      <c r="D17857" s="6"/>
      <c r="E17857" s="6" t="s">
        <v>9</v>
      </c>
      <c r="F17857" s="7">
        <v>38657</v>
      </c>
      <c r="G17857" s="8">
        <v>1</v>
      </c>
      <c r="H17857" s="8">
        <v>1</v>
      </c>
      <c r="I17857" s="8">
        <v>0</v>
      </c>
      <c r="J17857" s="8">
        <v>1</v>
      </c>
      <c r="K17857" s="9">
        <v>104</v>
      </c>
      <c r="L17857" s="6" t="s">
        <v>51</v>
      </c>
    </row>
    <row r="17858" spans="1:12">
      <c r="A17858" s="6" t="s">
        <v>17224</v>
      </c>
      <c r="B17858" s="6"/>
      <c r="C17858" s="6" t="s">
        <v>17890</v>
      </c>
      <c r="D17858" s="6"/>
      <c r="E17858" s="6" t="s">
        <v>9</v>
      </c>
      <c r="F17858" s="7"/>
      <c r="G17858" s="8">
        <v>3135</v>
      </c>
      <c r="H17858" s="8">
        <v>3135</v>
      </c>
      <c r="I17858" s="8">
        <v>0</v>
      </c>
      <c r="J17858" s="8">
        <v>3135</v>
      </c>
      <c r="K17858" s="9">
        <v>55</v>
      </c>
      <c r="L17858" s="6" t="s">
        <v>4773</v>
      </c>
    </row>
    <row r="17859" spans="1:12">
      <c r="A17859" s="6" t="s">
        <v>17224</v>
      </c>
      <c r="B17859" s="6"/>
      <c r="C17859" s="6" t="s">
        <v>17891</v>
      </c>
      <c r="D17859" s="6"/>
      <c r="E17859" s="6" t="s">
        <v>9</v>
      </c>
      <c r="F17859" s="7"/>
      <c r="G17859" s="8">
        <v>314</v>
      </c>
      <c r="H17859" s="8">
        <v>314</v>
      </c>
      <c r="I17859" s="8">
        <v>0</v>
      </c>
      <c r="J17859" s="8">
        <v>314</v>
      </c>
      <c r="K17859" s="9">
        <v>5.52</v>
      </c>
      <c r="L17859" s="6" t="s">
        <v>4773</v>
      </c>
    </row>
    <row r="17860" spans="1:12">
      <c r="A17860" s="6" t="s">
        <v>17224</v>
      </c>
      <c r="B17860" s="6"/>
      <c r="C17860" s="6" t="s">
        <v>17892</v>
      </c>
      <c r="D17860" s="6"/>
      <c r="E17860" s="6" t="s">
        <v>9</v>
      </c>
      <c r="F17860" s="7">
        <v>38657</v>
      </c>
      <c r="G17860" s="8">
        <v>1</v>
      </c>
      <c r="H17860" s="8">
        <v>1</v>
      </c>
      <c r="I17860" s="8">
        <v>0</v>
      </c>
      <c r="J17860" s="8">
        <v>1</v>
      </c>
      <c r="K17860" s="9">
        <v>7.14</v>
      </c>
      <c r="L17860" s="6" t="s">
        <v>51</v>
      </c>
    </row>
    <row r="17861" spans="1:12">
      <c r="A17861" s="6" t="s">
        <v>17224</v>
      </c>
      <c r="B17861" s="6"/>
      <c r="C17861" s="6" t="s">
        <v>17893</v>
      </c>
      <c r="D17861" s="6"/>
      <c r="E17861" s="6" t="s">
        <v>9</v>
      </c>
      <c r="F17861" s="7"/>
      <c r="G17861" s="8">
        <v>437</v>
      </c>
      <c r="H17861" s="8">
        <v>437</v>
      </c>
      <c r="I17861" s="8">
        <v>0</v>
      </c>
      <c r="J17861" s="8">
        <v>437</v>
      </c>
      <c r="K17861" s="9">
        <v>7.68</v>
      </c>
      <c r="L17861" s="6" t="s">
        <v>4773</v>
      </c>
    </row>
    <row r="17862" spans="1:12">
      <c r="A17862" s="6" t="s">
        <v>17224</v>
      </c>
      <c r="B17862" s="6"/>
      <c r="C17862" s="6" t="s">
        <v>17894</v>
      </c>
      <c r="D17862" s="6"/>
      <c r="E17862" s="6" t="s">
        <v>9</v>
      </c>
      <c r="F17862" s="7">
        <v>38657</v>
      </c>
      <c r="G17862" s="8">
        <v>1</v>
      </c>
      <c r="H17862" s="8">
        <v>1</v>
      </c>
      <c r="I17862" s="8">
        <v>0</v>
      </c>
      <c r="J17862" s="8">
        <v>1</v>
      </c>
      <c r="K17862" s="9">
        <v>8.4</v>
      </c>
      <c r="L17862" s="6" t="s">
        <v>51</v>
      </c>
    </row>
    <row r="17863" spans="1:12">
      <c r="A17863" s="6" t="s">
        <v>17224</v>
      </c>
      <c r="B17863" s="6"/>
      <c r="C17863" s="6" t="s">
        <v>17895</v>
      </c>
      <c r="D17863" s="6"/>
      <c r="E17863" s="6" t="s">
        <v>9</v>
      </c>
      <c r="F17863" s="7">
        <v>38657</v>
      </c>
      <c r="G17863" s="8">
        <v>1</v>
      </c>
      <c r="H17863" s="8">
        <v>1</v>
      </c>
      <c r="I17863" s="8">
        <v>0</v>
      </c>
      <c r="J17863" s="8">
        <v>1</v>
      </c>
      <c r="K17863" s="9">
        <v>5.76</v>
      </c>
      <c r="L17863" s="6" t="s">
        <v>51</v>
      </c>
    </row>
    <row r="17864" spans="1:12">
      <c r="A17864" s="6" t="s">
        <v>17224</v>
      </c>
      <c r="B17864" s="6"/>
      <c r="C17864" s="6" t="s">
        <v>17896</v>
      </c>
      <c r="D17864" s="6"/>
      <c r="E17864" s="6" t="s">
        <v>9</v>
      </c>
      <c r="F17864" s="7">
        <v>38657</v>
      </c>
      <c r="G17864" s="8">
        <v>1</v>
      </c>
      <c r="H17864" s="8">
        <v>1</v>
      </c>
      <c r="I17864" s="8">
        <v>0</v>
      </c>
      <c r="J17864" s="8">
        <v>1</v>
      </c>
      <c r="K17864" s="9">
        <v>28</v>
      </c>
      <c r="L17864" s="6" t="s">
        <v>51</v>
      </c>
    </row>
    <row r="17865" spans="1:12">
      <c r="A17865" s="6" t="s">
        <v>17224</v>
      </c>
      <c r="B17865" s="6"/>
      <c r="C17865" s="6" t="s">
        <v>17897</v>
      </c>
      <c r="D17865" s="6"/>
      <c r="E17865" s="6" t="s">
        <v>9</v>
      </c>
      <c r="F17865" s="7">
        <v>38657</v>
      </c>
      <c r="G17865" s="8">
        <v>1</v>
      </c>
      <c r="H17865" s="8">
        <v>1</v>
      </c>
      <c r="I17865" s="8">
        <v>0</v>
      </c>
      <c r="J17865" s="8">
        <v>1</v>
      </c>
      <c r="K17865" s="9">
        <v>65</v>
      </c>
      <c r="L17865" s="6" t="s">
        <v>51</v>
      </c>
    </row>
    <row r="17866" spans="1:12">
      <c r="A17866" s="6" t="s">
        <v>17224</v>
      </c>
      <c r="B17866" s="6"/>
      <c r="C17866" s="6" t="s">
        <v>17898</v>
      </c>
      <c r="D17866" s="6"/>
      <c r="E17866" s="6" t="s">
        <v>9</v>
      </c>
      <c r="F17866" s="7">
        <v>38657</v>
      </c>
      <c r="G17866" s="8">
        <v>1</v>
      </c>
      <c r="H17866" s="8">
        <v>1</v>
      </c>
      <c r="I17866" s="8">
        <v>0</v>
      </c>
      <c r="J17866" s="8">
        <v>1</v>
      </c>
      <c r="K17866" s="9">
        <v>12.06</v>
      </c>
      <c r="L17866" s="6" t="s">
        <v>51</v>
      </c>
    </row>
    <row r="17867" spans="1:12">
      <c r="A17867" s="6" t="s">
        <v>17224</v>
      </c>
      <c r="B17867" s="6"/>
      <c r="C17867" s="6" t="s">
        <v>17899</v>
      </c>
      <c r="D17867" s="6"/>
      <c r="E17867" s="6" t="s">
        <v>9</v>
      </c>
      <c r="F17867" s="7">
        <v>38657</v>
      </c>
      <c r="G17867" s="8">
        <v>1</v>
      </c>
      <c r="H17867" s="8">
        <v>1</v>
      </c>
      <c r="I17867" s="8">
        <v>0</v>
      </c>
      <c r="J17867" s="8">
        <v>1</v>
      </c>
      <c r="K17867" s="9">
        <v>8.86</v>
      </c>
      <c r="L17867" s="6" t="s">
        <v>51</v>
      </c>
    </row>
    <row r="17868" spans="1:12">
      <c r="A17868" s="6" t="s">
        <v>17224</v>
      </c>
      <c r="B17868" s="6"/>
      <c r="C17868" s="6" t="s">
        <v>17900</v>
      </c>
      <c r="D17868" s="6"/>
      <c r="E17868" s="6" t="s">
        <v>9</v>
      </c>
      <c r="F17868" s="7">
        <v>38657</v>
      </c>
      <c r="G17868" s="8">
        <v>1</v>
      </c>
      <c r="H17868" s="8">
        <v>1</v>
      </c>
      <c r="I17868" s="8">
        <v>0</v>
      </c>
      <c r="J17868" s="8">
        <v>1</v>
      </c>
      <c r="K17868" s="9">
        <v>1.88</v>
      </c>
      <c r="L17868" s="6" t="s">
        <v>51</v>
      </c>
    </row>
    <row r="17869" spans="1:12">
      <c r="A17869" s="6" t="s">
        <v>17224</v>
      </c>
      <c r="B17869" s="6"/>
      <c r="C17869" s="6" t="s">
        <v>17901</v>
      </c>
      <c r="D17869" s="6"/>
      <c r="E17869" s="6" t="s">
        <v>9</v>
      </c>
      <c r="F17869" s="7">
        <v>38657</v>
      </c>
      <c r="G17869" s="8">
        <v>1</v>
      </c>
      <c r="H17869" s="8">
        <v>1</v>
      </c>
      <c r="I17869" s="8">
        <v>0</v>
      </c>
      <c r="J17869" s="8">
        <v>1</v>
      </c>
      <c r="K17869" s="9">
        <v>71.08</v>
      </c>
      <c r="L17869" s="6" t="s">
        <v>51</v>
      </c>
    </row>
    <row r="17870" spans="1:12">
      <c r="A17870" s="6" t="s">
        <v>17224</v>
      </c>
      <c r="B17870" s="6"/>
      <c r="C17870" s="6" t="s">
        <v>17902</v>
      </c>
      <c r="D17870" s="6"/>
      <c r="E17870" s="6" t="s">
        <v>9</v>
      </c>
      <c r="F17870" s="7">
        <v>39714</v>
      </c>
      <c r="G17870" s="8">
        <v>1</v>
      </c>
      <c r="H17870" s="8">
        <v>1</v>
      </c>
      <c r="I17870" s="8">
        <v>0</v>
      </c>
      <c r="J17870" s="8">
        <v>1</v>
      </c>
      <c r="K17870" s="9">
        <v>161</v>
      </c>
      <c r="L17870" s="6" t="s">
        <v>51</v>
      </c>
    </row>
    <row r="17871" spans="1:12">
      <c r="A17871" s="6" t="s">
        <v>17224</v>
      </c>
      <c r="B17871" s="6"/>
      <c r="C17871" s="6" t="s">
        <v>17903</v>
      </c>
      <c r="D17871" s="6"/>
      <c r="E17871" s="6" t="s">
        <v>9</v>
      </c>
      <c r="F17871" s="7">
        <v>38657</v>
      </c>
      <c r="G17871" s="8">
        <v>1</v>
      </c>
      <c r="H17871" s="8">
        <v>1</v>
      </c>
      <c r="I17871" s="8">
        <v>0</v>
      </c>
      <c r="J17871" s="8">
        <v>1</v>
      </c>
      <c r="K17871" s="9">
        <v>1.98</v>
      </c>
      <c r="L17871" s="6" t="s">
        <v>51</v>
      </c>
    </row>
    <row r="17872" spans="1:12">
      <c r="A17872" s="6" t="s">
        <v>17224</v>
      </c>
      <c r="B17872" s="6"/>
      <c r="C17872" s="6" t="s">
        <v>17904</v>
      </c>
      <c r="D17872" s="6"/>
      <c r="E17872" s="6" t="s">
        <v>9</v>
      </c>
      <c r="F17872" s="7">
        <v>39714</v>
      </c>
      <c r="G17872" s="8">
        <v>1</v>
      </c>
      <c r="H17872" s="8">
        <v>1</v>
      </c>
      <c r="I17872" s="8">
        <v>0</v>
      </c>
      <c r="J17872" s="8">
        <v>1</v>
      </c>
      <c r="K17872" s="9">
        <v>191</v>
      </c>
      <c r="L17872" s="6" t="s">
        <v>51</v>
      </c>
    </row>
    <row r="17873" spans="1:12">
      <c r="A17873" s="6" t="s">
        <v>17224</v>
      </c>
      <c r="B17873" s="6"/>
      <c r="C17873" s="6" t="s">
        <v>17905</v>
      </c>
      <c r="D17873" s="6"/>
      <c r="E17873" s="6" t="s">
        <v>9</v>
      </c>
      <c r="F17873" s="7">
        <v>38657</v>
      </c>
      <c r="G17873" s="8">
        <v>1</v>
      </c>
      <c r="H17873" s="8">
        <v>1</v>
      </c>
      <c r="I17873" s="8">
        <v>0</v>
      </c>
      <c r="J17873" s="8">
        <v>1</v>
      </c>
      <c r="K17873" s="9">
        <v>1.96</v>
      </c>
      <c r="L17873" s="6" t="s">
        <v>51</v>
      </c>
    </row>
    <row r="17874" spans="1:12">
      <c r="A17874" s="6" t="s">
        <v>17224</v>
      </c>
      <c r="B17874" s="6"/>
      <c r="C17874" s="6" t="s">
        <v>17906</v>
      </c>
      <c r="D17874" s="6"/>
      <c r="E17874" s="6" t="s">
        <v>9</v>
      </c>
      <c r="F17874" s="7">
        <v>38657</v>
      </c>
      <c r="G17874" s="8">
        <v>1</v>
      </c>
      <c r="H17874" s="8">
        <v>1</v>
      </c>
      <c r="I17874" s="8">
        <v>0</v>
      </c>
      <c r="J17874" s="8">
        <v>1</v>
      </c>
      <c r="K17874" s="9">
        <v>91.89</v>
      </c>
      <c r="L17874" s="6" t="s">
        <v>51</v>
      </c>
    </row>
    <row r="17875" spans="1:12">
      <c r="A17875" s="6" t="s">
        <v>17224</v>
      </c>
      <c r="B17875" s="6"/>
      <c r="C17875" s="6" t="s">
        <v>17907</v>
      </c>
      <c r="D17875" s="6"/>
      <c r="E17875" s="6" t="s">
        <v>9</v>
      </c>
      <c r="F17875" s="7">
        <v>38657</v>
      </c>
      <c r="G17875" s="8">
        <v>1</v>
      </c>
      <c r="H17875" s="8">
        <v>1</v>
      </c>
      <c r="I17875" s="8">
        <v>0</v>
      </c>
      <c r="J17875" s="8">
        <v>1</v>
      </c>
      <c r="K17875" s="9">
        <v>50.22</v>
      </c>
      <c r="L17875" s="6" t="s">
        <v>51</v>
      </c>
    </row>
    <row r="17876" spans="1:12">
      <c r="A17876" s="6" t="s">
        <v>17224</v>
      </c>
      <c r="B17876" s="6"/>
      <c r="C17876" s="6" t="s">
        <v>17908</v>
      </c>
      <c r="D17876" s="6"/>
      <c r="E17876" s="6" t="s">
        <v>9</v>
      </c>
      <c r="F17876" s="7">
        <v>38657</v>
      </c>
      <c r="G17876" s="8">
        <v>1</v>
      </c>
      <c r="H17876" s="8">
        <v>1</v>
      </c>
      <c r="I17876" s="8">
        <v>0</v>
      </c>
      <c r="J17876" s="8">
        <v>1</v>
      </c>
      <c r="K17876" s="9">
        <v>111</v>
      </c>
      <c r="L17876" s="6" t="s">
        <v>51</v>
      </c>
    </row>
    <row r="17877" spans="1:12">
      <c r="A17877" s="6" t="s">
        <v>17224</v>
      </c>
      <c r="B17877" s="6"/>
      <c r="C17877" s="6" t="s">
        <v>17909</v>
      </c>
      <c r="D17877" s="6"/>
      <c r="E17877" s="6" t="s">
        <v>9</v>
      </c>
      <c r="F17877" s="7">
        <v>38657</v>
      </c>
      <c r="G17877" s="8">
        <v>1</v>
      </c>
      <c r="H17877" s="8">
        <v>1</v>
      </c>
      <c r="I17877" s="8">
        <v>0</v>
      </c>
      <c r="J17877" s="8">
        <v>1</v>
      </c>
      <c r="K17877" s="9">
        <v>409</v>
      </c>
      <c r="L17877" s="6" t="s">
        <v>51</v>
      </c>
    </row>
    <row r="17878" spans="1:12">
      <c r="A17878" s="6" t="s">
        <v>17224</v>
      </c>
      <c r="B17878" s="6"/>
      <c r="C17878" s="6" t="s">
        <v>17910</v>
      </c>
      <c r="D17878" s="6"/>
      <c r="E17878" s="6" t="s">
        <v>9</v>
      </c>
      <c r="F17878" s="7">
        <v>38657</v>
      </c>
      <c r="G17878" s="8">
        <v>1</v>
      </c>
      <c r="H17878" s="8">
        <v>1</v>
      </c>
      <c r="I17878" s="8">
        <v>0</v>
      </c>
      <c r="J17878" s="8">
        <v>1</v>
      </c>
      <c r="K17878" s="9">
        <v>97</v>
      </c>
      <c r="L17878" s="6" t="s">
        <v>51</v>
      </c>
    </row>
    <row r="17879" spans="1:12">
      <c r="A17879" s="6" t="s">
        <v>17224</v>
      </c>
      <c r="B17879" s="6"/>
      <c r="C17879" s="6" t="s">
        <v>17911</v>
      </c>
      <c r="D17879" s="6"/>
      <c r="E17879" s="6" t="s">
        <v>9</v>
      </c>
      <c r="F17879" s="7">
        <v>38657</v>
      </c>
      <c r="G17879" s="8">
        <v>1</v>
      </c>
      <c r="H17879" s="8">
        <v>1</v>
      </c>
      <c r="I17879" s="8">
        <v>0</v>
      </c>
      <c r="J17879" s="8">
        <v>1</v>
      </c>
      <c r="K17879" s="9">
        <v>38</v>
      </c>
      <c r="L17879" s="6" t="s">
        <v>51</v>
      </c>
    </row>
    <row r="17880" spans="1:12">
      <c r="A17880" s="6" t="s">
        <v>17224</v>
      </c>
      <c r="B17880" s="6"/>
      <c r="C17880" s="6" t="s">
        <v>17912</v>
      </c>
      <c r="D17880" s="6"/>
      <c r="E17880" s="6" t="s">
        <v>9</v>
      </c>
      <c r="F17880" s="7">
        <v>38657</v>
      </c>
      <c r="G17880" s="8">
        <v>1</v>
      </c>
      <c r="H17880" s="8">
        <v>1</v>
      </c>
      <c r="I17880" s="8">
        <v>0</v>
      </c>
      <c r="J17880" s="8">
        <v>1</v>
      </c>
      <c r="K17880" s="9">
        <v>6.14</v>
      </c>
      <c r="L17880" s="6" t="s">
        <v>51</v>
      </c>
    </row>
    <row r="17881" spans="1:12">
      <c r="A17881" s="6" t="s">
        <v>17224</v>
      </c>
      <c r="B17881" s="6"/>
      <c r="C17881" s="6" t="s">
        <v>17913</v>
      </c>
      <c r="D17881" s="6"/>
      <c r="E17881" s="6" t="s">
        <v>9</v>
      </c>
      <c r="F17881" s="7">
        <v>38657</v>
      </c>
      <c r="G17881" s="8">
        <v>1</v>
      </c>
      <c r="H17881" s="8">
        <v>1</v>
      </c>
      <c r="I17881" s="8">
        <v>0</v>
      </c>
      <c r="J17881" s="8">
        <v>1</v>
      </c>
      <c r="K17881" s="9">
        <v>20.82</v>
      </c>
      <c r="L17881" s="6" t="s">
        <v>51</v>
      </c>
    </row>
    <row r="17882" spans="1:12">
      <c r="A17882" s="6" t="s">
        <v>17224</v>
      </c>
      <c r="B17882" s="6"/>
      <c r="C17882" s="6" t="s">
        <v>17914</v>
      </c>
      <c r="D17882" s="6"/>
      <c r="E17882" s="6" t="s">
        <v>9</v>
      </c>
      <c r="F17882" s="7">
        <v>38657</v>
      </c>
      <c r="G17882" s="8">
        <v>1</v>
      </c>
      <c r="H17882" s="8">
        <v>1</v>
      </c>
      <c r="I17882" s="8">
        <v>0</v>
      </c>
      <c r="J17882" s="8">
        <v>1</v>
      </c>
      <c r="K17882" s="9">
        <v>35.53</v>
      </c>
      <c r="L17882" s="6" t="s">
        <v>51</v>
      </c>
    </row>
    <row r="17883" spans="1:12">
      <c r="A17883" s="6" t="s">
        <v>17224</v>
      </c>
      <c r="B17883" s="6"/>
      <c r="C17883" s="6" t="s">
        <v>17915</v>
      </c>
      <c r="D17883" s="6"/>
      <c r="E17883" s="6" t="s">
        <v>9</v>
      </c>
      <c r="F17883" s="7">
        <v>38657</v>
      </c>
      <c r="G17883" s="8">
        <v>1</v>
      </c>
      <c r="H17883" s="8">
        <v>1</v>
      </c>
      <c r="I17883" s="8">
        <v>0</v>
      </c>
      <c r="J17883" s="8">
        <v>1</v>
      </c>
      <c r="K17883" s="9">
        <v>20.82</v>
      </c>
      <c r="L17883" s="6" t="s">
        <v>51</v>
      </c>
    </row>
    <row r="17884" spans="1:12">
      <c r="A17884" s="6" t="s">
        <v>17224</v>
      </c>
      <c r="B17884" s="6"/>
      <c r="C17884" s="6" t="s">
        <v>17916</v>
      </c>
      <c r="D17884" s="6"/>
      <c r="E17884" s="6" t="s">
        <v>9</v>
      </c>
      <c r="F17884" s="7">
        <v>38657</v>
      </c>
      <c r="G17884" s="8">
        <v>1</v>
      </c>
      <c r="H17884" s="8">
        <v>1</v>
      </c>
      <c r="I17884" s="8">
        <v>0</v>
      </c>
      <c r="J17884" s="8">
        <v>1</v>
      </c>
      <c r="K17884" s="9">
        <v>49</v>
      </c>
      <c r="L17884" s="6" t="s">
        <v>51</v>
      </c>
    </row>
    <row r="17885" spans="1:12">
      <c r="A17885" s="6" t="s">
        <v>17224</v>
      </c>
      <c r="B17885" s="6"/>
      <c r="C17885" s="6" t="s">
        <v>17917</v>
      </c>
      <c r="D17885" s="6"/>
      <c r="E17885" s="6" t="s">
        <v>9</v>
      </c>
      <c r="F17885" s="7">
        <v>38657</v>
      </c>
      <c r="G17885" s="8">
        <v>1</v>
      </c>
      <c r="H17885" s="8">
        <v>1</v>
      </c>
      <c r="I17885" s="8">
        <v>0</v>
      </c>
      <c r="J17885" s="8">
        <v>1</v>
      </c>
      <c r="K17885" s="9">
        <v>42</v>
      </c>
      <c r="L17885" s="6" t="s">
        <v>51</v>
      </c>
    </row>
    <row r="17886" spans="1:12">
      <c r="A17886" s="6" t="s">
        <v>17224</v>
      </c>
      <c r="B17886" s="6"/>
      <c r="C17886" s="6" t="s">
        <v>17918</v>
      </c>
      <c r="D17886" s="6"/>
      <c r="E17886" s="6" t="s">
        <v>9</v>
      </c>
      <c r="F17886" s="7">
        <v>38657</v>
      </c>
      <c r="G17886" s="8">
        <v>1</v>
      </c>
      <c r="H17886" s="8">
        <v>1</v>
      </c>
      <c r="I17886" s="8">
        <v>0</v>
      </c>
      <c r="J17886" s="8">
        <v>1</v>
      </c>
      <c r="K17886" s="9">
        <v>2.29</v>
      </c>
      <c r="L17886" s="6" t="s">
        <v>51</v>
      </c>
    </row>
    <row r="17887" spans="1:12">
      <c r="A17887" s="6" t="s">
        <v>17224</v>
      </c>
      <c r="B17887" s="6"/>
      <c r="C17887" s="6" t="s">
        <v>17919</v>
      </c>
      <c r="D17887" s="6"/>
      <c r="E17887" s="6" t="s">
        <v>9</v>
      </c>
      <c r="F17887" s="7">
        <v>38657</v>
      </c>
      <c r="G17887" s="8">
        <v>1</v>
      </c>
      <c r="H17887" s="8">
        <v>1</v>
      </c>
      <c r="I17887" s="8">
        <v>0</v>
      </c>
      <c r="J17887" s="8">
        <v>1</v>
      </c>
      <c r="K17887" s="9">
        <v>3.63</v>
      </c>
      <c r="L17887" s="6" t="s">
        <v>51</v>
      </c>
    </row>
    <row r="17888" spans="1:12">
      <c r="A17888" s="6" t="s">
        <v>17224</v>
      </c>
      <c r="B17888" s="6"/>
      <c r="C17888" s="6" t="s">
        <v>17920</v>
      </c>
      <c r="D17888" s="6"/>
      <c r="E17888" s="6" t="s">
        <v>9</v>
      </c>
      <c r="F17888" s="7">
        <v>38657</v>
      </c>
      <c r="G17888" s="8">
        <v>1</v>
      </c>
      <c r="H17888" s="8">
        <v>1</v>
      </c>
      <c r="I17888" s="8">
        <v>0</v>
      </c>
      <c r="J17888" s="8">
        <v>1</v>
      </c>
      <c r="K17888" s="9">
        <v>22</v>
      </c>
      <c r="L17888" s="6" t="s">
        <v>51</v>
      </c>
    </row>
    <row r="17889" spans="1:12">
      <c r="A17889" s="6" t="s">
        <v>17224</v>
      </c>
      <c r="B17889" s="6"/>
      <c r="C17889" s="6" t="s">
        <v>17921</v>
      </c>
      <c r="D17889" s="6"/>
      <c r="E17889" s="6" t="s">
        <v>9</v>
      </c>
      <c r="F17889" s="7">
        <v>38657</v>
      </c>
      <c r="G17889" s="8">
        <v>1</v>
      </c>
      <c r="H17889" s="8">
        <v>1</v>
      </c>
      <c r="I17889" s="8">
        <v>0</v>
      </c>
      <c r="J17889" s="8">
        <v>1</v>
      </c>
      <c r="K17889" s="9">
        <v>39</v>
      </c>
      <c r="L17889" s="6" t="s">
        <v>51</v>
      </c>
    </row>
    <row r="17890" spans="1:12">
      <c r="A17890" s="6" t="s">
        <v>17224</v>
      </c>
      <c r="B17890" s="6"/>
      <c r="C17890" s="6" t="s">
        <v>17922</v>
      </c>
      <c r="D17890" s="6"/>
      <c r="E17890" s="6" t="s">
        <v>9</v>
      </c>
      <c r="F17890" s="7">
        <v>38657</v>
      </c>
      <c r="G17890" s="8">
        <v>1</v>
      </c>
      <c r="H17890" s="8">
        <v>1</v>
      </c>
      <c r="I17890" s="8">
        <v>0</v>
      </c>
      <c r="J17890" s="8">
        <v>1</v>
      </c>
      <c r="K17890" s="9">
        <v>6.61</v>
      </c>
      <c r="L17890" s="6" t="s">
        <v>51</v>
      </c>
    </row>
    <row r="17891" spans="1:12">
      <c r="A17891" s="6" t="s">
        <v>17224</v>
      </c>
      <c r="B17891" s="6"/>
      <c r="C17891" s="6" t="s">
        <v>17923</v>
      </c>
      <c r="D17891" s="6"/>
      <c r="E17891" s="6" t="s">
        <v>9</v>
      </c>
      <c r="F17891" s="7">
        <v>38657</v>
      </c>
      <c r="G17891" s="8">
        <v>1</v>
      </c>
      <c r="H17891" s="8">
        <v>1</v>
      </c>
      <c r="I17891" s="8">
        <v>0</v>
      </c>
      <c r="J17891" s="8">
        <v>1</v>
      </c>
      <c r="K17891" s="9">
        <v>130.96</v>
      </c>
      <c r="L17891" s="6" t="s">
        <v>51</v>
      </c>
    </row>
    <row r="17892" spans="1:12">
      <c r="A17892" s="6" t="s">
        <v>17224</v>
      </c>
      <c r="B17892" s="6"/>
      <c r="C17892" s="6" t="s">
        <v>17924</v>
      </c>
      <c r="D17892" s="6"/>
      <c r="E17892" s="6" t="s">
        <v>9</v>
      </c>
      <c r="F17892" s="7">
        <v>38657</v>
      </c>
      <c r="G17892" s="8">
        <v>1</v>
      </c>
      <c r="H17892" s="8">
        <v>1</v>
      </c>
      <c r="I17892" s="8">
        <v>0</v>
      </c>
      <c r="J17892" s="8">
        <v>1</v>
      </c>
      <c r="K17892" s="9">
        <v>5.84</v>
      </c>
      <c r="L17892" s="6" t="s">
        <v>51</v>
      </c>
    </row>
    <row r="17893" spans="1:12">
      <c r="A17893" s="6" t="s">
        <v>17224</v>
      </c>
      <c r="B17893" s="6"/>
      <c r="C17893" s="6" t="s">
        <v>17925</v>
      </c>
      <c r="D17893" s="6"/>
      <c r="E17893" s="6" t="s">
        <v>9</v>
      </c>
      <c r="F17893" s="7">
        <v>38657</v>
      </c>
      <c r="G17893" s="8">
        <v>1</v>
      </c>
      <c r="H17893" s="8">
        <v>1</v>
      </c>
      <c r="I17893" s="8">
        <v>0</v>
      </c>
      <c r="J17893" s="8">
        <v>1</v>
      </c>
      <c r="K17893" s="9">
        <v>7.14</v>
      </c>
      <c r="L17893" s="6" t="s">
        <v>51</v>
      </c>
    </row>
    <row r="17894" spans="1:12">
      <c r="A17894" s="6" t="s">
        <v>17224</v>
      </c>
      <c r="B17894" s="6"/>
      <c r="C17894" s="6" t="s">
        <v>17926</v>
      </c>
      <c r="D17894" s="6"/>
      <c r="E17894" s="6" t="s">
        <v>9</v>
      </c>
      <c r="F17894" s="7">
        <v>38657</v>
      </c>
      <c r="G17894" s="8">
        <v>1</v>
      </c>
      <c r="H17894" s="8">
        <v>1</v>
      </c>
      <c r="I17894" s="8">
        <v>0</v>
      </c>
      <c r="J17894" s="8">
        <v>1</v>
      </c>
      <c r="K17894" s="9">
        <v>26</v>
      </c>
      <c r="L17894" s="6" t="s">
        <v>51</v>
      </c>
    </row>
    <row r="17895" spans="1:12">
      <c r="A17895" s="6" t="s">
        <v>17224</v>
      </c>
      <c r="B17895" s="6"/>
      <c r="C17895" s="6" t="s">
        <v>17927</v>
      </c>
      <c r="D17895" s="6"/>
      <c r="E17895" s="6" t="s">
        <v>9</v>
      </c>
      <c r="F17895" s="7">
        <v>38657</v>
      </c>
      <c r="G17895" s="8">
        <v>1</v>
      </c>
      <c r="H17895" s="8">
        <v>1</v>
      </c>
      <c r="I17895" s="8">
        <v>0</v>
      </c>
      <c r="J17895" s="8">
        <v>1</v>
      </c>
      <c r="K17895" s="9">
        <v>121</v>
      </c>
      <c r="L17895" s="6" t="s">
        <v>51</v>
      </c>
    </row>
    <row r="17896" spans="1:12">
      <c r="A17896" s="6" t="s">
        <v>17224</v>
      </c>
      <c r="B17896" s="6"/>
      <c r="C17896" s="6" t="s">
        <v>17928</v>
      </c>
      <c r="D17896" s="6"/>
      <c r="E17896" s="6" t="s">
        <v>9</v>
      </c>
      <c r="F17896" s="7">
        <v>38657</v>
      </c>
      <c r="G17896" s="8">
        <v>1</v>
      </c>
      <c r="H17896" s="8">
        <v>1</v>
      </c>
      <c r="I17896" s="8">
        <v>0</v>
      </c>
      <c r="J17896" s="8">
        <v>1</v>
      </c>
      <c r="K17896" s="9">
        <v>11.55</v>
      </c>
      <c r="L17896" s="6" t="s">
        <v>51</v>
      </c>
    </row>
    <row r="17897" spans="1:12">
      <c r="A17897" s="6" t="s">
        <v>17224</v>
      </c>
      <c r="B17897" s="6"/>
      <c r="C17897" s="6" t="s">
        <v>17929</v>
      </c>
      <c r="D17897" s="6"/>
      <c r="E17897" s="6" t="s">
        <v>9</v>
      </c>
      <c r="F17897" s="7">
        <v>38657</v>
      </c>
      <c r="G17897" s="8">
        <v>1</v>
      </c>
      <c r="H17897" s="8">
        <v>1</v>
      </c>
      <c r="I17897" s="8">
        <v>0</v>
      </c>
      <c r="J17897" s="8">
        <v>1</v>
      </c>
      <c r="K17897" s="9">
        <v>49.79</v>
      </c>
      <c r="L17897" s="6" t="s">
        <v>51</v>
      </c>
    </row>
    <row r="17898" spans="1:12">
      <c r="A17898" s="6" t="s">
        <v>17224</v>
      </c>
      <c r="B17898" s="6"/>
      <c r="C17898" s="6" t="s">
        <v>17930</v>
      </c>
      <c r="D17898" s="6"/>
      <c r="E17898" s="6" t="s">
        <v>9</v>
      </c>
      <c r="F17898" s="7">
        <v>38657</v>
      </c>
      <c r="G17898" s="8">
        <v>1</v>
      </c>
      <c r="H17898" s="8">
        <v>1</v>
      </c>
      <c r="I17898" s="8">
        <v>0</v>
      </c>
      <c r="J17898" s="8">
        <v>1</v>
      </c>
      <c r="K17898" s="9">
        <v>29.75</v>
      </c>
      <c r="L17898" s="6" t="s">
        <v>51</v>
      </c>
    </row>
    <row r="17899" spans="1:12">
      <c r="A17899" s="6" t="s">
        <v>17224</v>
      </c>
      <c r="B17899" s="6"/>
      <c r="C17899" s="6" t="s">
        <v>17931</v>
      </c>
      <c r="D17899" s="6"/>
      <c r="E17899" s="6" t="s">
        <v>9</v>
      </c>
      <c r="F17899" s="7">
        <v>39438</v>
      </c>
      <c r="G17899" s="8">
        <v>1</v>
      </c>
      <c r="H17899" s="8">
        <v>1</v>
      </c>
      <c r="I17899" s="8">
        <v>0</v>
      </c>
      <c r="J17899" s="8">
        <v>1</v>
      </c>
      <c r="K17899" s="9">
        <v>18</v>
      </c>
      <c r="L17899" s="6" t="s">
        <v>51</v>
      </c>
    </row>
    <row r="17900" spans="1:12">
      <c r="A17900" s="6" t="s">
        <v>17224</v>
      </c>
      <c r="B17900" s="6"/>
      <c r="C17900" s="6" t="s">
        <v>17932</v>
      </c>
      <c r="D17900" s="6"/>
      <c r="E17900" s="6" t="s">
        <v>9</v>
      </c>
      <c r="F17900" s="7">
        <v>38657</v>
      </c>
      <c r="G17900" s="8">
        <v>1</v>
      </c>
      <c r="H17900" s="8">
        <v>1</v>
      </c>
      <c r="I17900" s="8">
        <v>0</v>
      </c>
      <c r="J17900" s="8">
        <v>1</v>
      </c>
      <c r="K17900" s="9">
        <v>73</v>
      </c>
      <c r="L17900" s="6" t="s">
        <v>51</v>
      </c>
    </row>
    <row r="17901" spans="1:12">
      <c r="A17901" s="6" t="s">
        <v>17224</v>
      </c>
      <c r="B17901" s="6"/>
      <c r="C17901" s="6" t="s">
        <v>17933</v>
      </c>
      <c r="D17901" s="6"/>
      <c r="E17901" s="6" t="s">
        <v>9</v>
      </c>
      <c r="F17901" s="7">
        <v>38657</v>
      </c>
      <c r="G17901" s="8">
        <v>1</v>
      </c>
      <c r="H17901" s="8">
        <v>1</v>
      </c>
      <c r="I17901" s="8">
        <v>0</v>
      </c>
      <c r="J17901" s="8">
        <v>1</v>
      </c>
      <c r="K17901" s="9">
        <v>36</v>
      </c>
      <c r="L17901" s="6" t="s">
        <v>51</v>
      </c>
    </row>
    <row r="17902" spans="1:12">
      <c r="A17902" s="6" t="s">
        <v>17224</v>
      </c>
      <c r="B17902" s="6"/>
      <c r="C17902" s="6" t="s">
        <v>17934</v>
      </c>
      <c r="D17902" s="6"/>
      <c r="E17902" s="6" t="s">
        <v>9</v>
      </c>
      <c r="F17902" s="7">
        <v>38657</v>
      </c>
      <c r="G17902" s="8">
        <v>1</v>
      </c>
      <c r="H17902" s="8">
        <v>1</v>
      </c>
      <c r="I17902" s="8">
        <v>0</v>
      </c>
      <c r="J17902" s="8">
        <v>1</v>
      </c>
      <c r="K17902" s="9">
        <v>29</v>
      </c>
      <c r="L17902" s="6" t="s">
        <v>51</v>
      </c>
    </row>
    <row r="17903" spans="1:12">
      <c r="A17903" s="6" t="s">
        <v>17224</v>
      </c>
      <c r="B17903" s="6"/>
      <c r="C17903" s="6" t="s">
        <v>17935</v>
      </c>
      <c r="D17903" s="6"/>
      <c r="E17903" s="6" t="s">
        <v>9</v>
      </c>
      <c r="F17903" s="7">
        <v>38657</v>
      </c>
      <c r="G17903" s="8">
        <v>1</v>
      </c>
      <c r="H17903" s="8">
        <v>1</v>
      </c>
      <c r="I17903" s="8">
        <v>0</v>
      </c>
      <c r="J17903" s="8">
        <v>1</v>
      </c>
      <c r="K17903" s="9">
        <v>3.3</v>
      </c>
      <c r="L17903" s="6" t="s">
        <v>51</v>
      </c>
    </row>
    <row r="17904" spans="1:12">
      <c r="A17904" s="6" t="s">
        <v>17224</v>
      </c>
      <c r="B17904" s="6"/>
      <c r="C17904" s="6" t="s">
        <v>17936</v>
      </c>
      <c r="D17904" s="6"/>
      <c r="E17904" s="6" t="s">
        <v>9</v>
      </c>
      <c r="F17904" s="7">
        <v>38657</v>
      </c>
      <c r="G17904" s="8">
        <v>1</v>
      </c>
      <c r="H17904" s="8">
        <v>1</v>
      </c>
      <c r="I17904" s="8">
        <v>0</v>
      </c>
      <c r="J17904" s="8">
        <v>1</v>
      </c>
      <c r="K17904" s="9">
        <v>5.28</v>
      </c>
      <c r="L17904" s="6" t="s">
        <v>51</v>
      </c>
    </row>
    <row r="17905" spans="1:12">
      <c r="A17905" s="6" t="s">
        <v>17224</v>
      </c>
      <c r="B17905" s="6"/>
      <c r="C17905" s="6" t="s">
        <v>17937</v>
      </c>
      <c r="D17905" s="6"/>
      <c r="E17905" s="6" t="s">
        <v>9</v>
      </c>
      <c r="F17905" s="7">
        <v>38657</v>
      </c>
      <c r="G17905" s="8">
        <v>1</v>
      </c>
      <c r="H17905" s="8">
        <v>1</v>
      </c>
      <c r="I17905" s="8">
        <v>0</v>
      </c>
      <c r="J17905" s="8">
        <v>1</v>
      </c>
      <c r="K17905" s="9">
        <v>204</v>
      </c>
      <c r="L17905" s="6" t="s">
        <v>51</v>
      </c>
    </row>
    <row r="17906" spans="1:12">
      <c r="A17906" s="6" t="s">
        <v>17224</v>
      </c>
      <c r="B17906" s="6"/>
      <c r="C17906" s="6" t="s">
        <v>17938</v>
      </c>
      <c r="D17906" s="6"/>
      <c r="E17906" s="6" t="s">
        <v>9</v>
      </c>
      <c r="F17906" s="7">
        <v>38657</v>
      </c>
      <c r="G17906" s="8">
        <v>1</v>
      </c>
      <c r="H17906" s="8">
        <v>1</v>
      </c>
      <c r="I17906" s="8">
        <v>0</v>
      </c>
      <c r="J17906" s="8">
        <v>1</v>
      </c>
      <c r="K17906" s="9">
        <v>128.33000000000001</v>
      </c>
      <c r="L17906" s="6" t="s">
        <v>51</v>
      </c>
    </row>
    <row r="17907" spans="1:12">
      <c r="A17907" s="6" t="s">
        <v>17224</v>
      </c>
      <c r="B17907" s="6"/>
      <c r="C17907" s="6" t="s">
        <v>17939</v>
      </c>
      <c r="D17907" s="6"/>
      <c r="E17907" s="6" t="s">
        <v>9</v>
      </c>
      <c r="F17907" s="7">
        <v>38657</v>
      </c>
      <c r="G17907" s="8">
        <v>1</v>
      </c>
      <c r="H17907" s="8">
        <v>1</v>
      </c>
      <c r="I17907" s="8">
        <v>0</v>
      </c>
      <c r="J17907" s="8">
        <v>1</v>
      </c>
      <c r="K17907" s="9">
        <v>146</v>
      </c>
      <c r="L17907" s="6" t="s">
        <v>51</v>
      </c>
    </row>
    <row r="17908" spans="1:12">
      <c r="A17908" s="6" t="s">
        <v>17224</v>
      </c>
      <c r="B17908" s="6"/>
      <c r="C17908" s="6" t="s">
        <v>17940</v>
      </c>
      <c r="D17908" s="6"/>
      <c r="E17908" s="6" t="s">
        <v>9</v>
      </c>
      <c r="F17908" s="7">
        <v>38657</v>
      </c>
      <c r="G17908" s="8">
        <v>1</v>
      </c>
      <c r="H17908" s="8">
        <v>1</v>
      </c>
      <c r="I17908" s="8">
        <v>0</v>
      </c>
      <c r="J17908" s="8">
        <v>1</v>
      </c>
      <c r="K17908" s="9">
        <v>29</v>
      </c>
      <c r="L17908" s="6" t="s">
        <v>51</v>
      </c>
    </row>
    <row r="17909" spans="1:12">
      <c r="A17909" s="6" t="s">
        <v>17224</v>
      </c>
      <c r="B17909" s="6"/>
      <c r="C17909" s="6" t="s">
        <v>17941</v>
      </c>
      <c r="D17909" s="6"/>
      <c r="E17909" s="6" t="s">
        <v>9</v>
      </c>
      <c r="F17909" s="7"/>
      <c r="G17909" s="8">
        <v>1</v>
      </c>
      <c r="H17909" s="8">
        <v>1</v>
      </c>
      <c r="I17909" s="8">
        <v>0</v>
      </c>
      <c r="J17909" s="8">
        <v>1</v>
      </c>
      <c r="K17909" s="9">
        <v>52</v>
      </c>
      <c r="L17909" s="6" t="s">
        <v>4151</v>
      </c>
    </row>
    <row r="17910" spans="1:12">
      <c r="A17910" s="6" t="s">
        <v>17224</v>
      </c>
      <c r="B17910" s="6"/>
      <c r="C17910" s="6" t="s">
        <v>17942</v>
      </c>
      <c r="D17910" s="6"/>
      <c r="E17910" s="6" t="s">
        <v>9</v>
      </c>
      <c r="F17910" s="7">
        <v>38657</v>
      </c>
      <c r="G17910" s="8">
        <v>1</v>
      </c>
      <c r="H17910" s="8">
        <v>1</v>
      </c>
      <c r="I17910" s="8">
        <v>0</v>
      </c>
      <c r="J17910" s="8">
        <v>1</v>
      </c>
      <c r="K17910" s="9">
        <v>307</v>
      </c>
      <c r="L17910" s="6" t="s">
        <v>51</v>
      </c>
    </row>
    <row r="17911" spans="1:12">
      <c r="A17911" s="6" t="s">
        <v>17224</v>
      </c>
      <c r="B17911" s="6"/>
      <c r="C17911" s="6" t="s">
        <v>17943</v>
      </c>
      <c r="D17911" s="6"/>
      <c r="E17911" s="6" t="s">
        <v>9</v>
      </c>
      <c r="F17911" s="7">
        <v>38657</v>
      </c>
      <c r="G17911" s="8">
        <v>1</v>
      </c>
      <c r="H17911" s="8">
        <v>1</v>
      </c>
      <c r="I17911" s="8">
        <v>0</v>
      </c>
      <c r="J17911" s="8">
        <v>1</v>
      </c>
      <c r="K17911" s="9">
        <v>20</v>
      </c>
      <c r="L17911" s="6" t="s">
        <v>51</v>
      </c>
    </row>
    <row r="17912" spans="1:12">
      <c r="A17912" s="6" t="s">
        <v>17224</v>
      </c>
      <c r="B17912" s="6"/>
      <c r="C17912" s="6" t="s">
        <v>17944</v>
      </c>
      <c r="D17912" s="6"/>
      <c r="E17912" s="6" t="s">
        <v>9</v>
      </c>
      <c r="F17912" s="7">
        <v>38657</v>
      </c>
      <c r="G17912" s="8">
        <v>1</v>
      </c>
      <c r="H17912" s="8">
        <v>1</v>
      </c>
      <c r="I17912" s="8">
        <v>0</v>
      </c>
      <c r="J17912" s="8">
        <v>1</v>
      </c>
      <c r="K17912" s="9">
        <v>218</v>
      </c>
      <c r="L17912" s="6" t="s">
        <v>51</v>
      </c>
    </row>
    <row r="17913" spans="1:12">
      <c r="A17913" s="6" t="s">
        <v>17224</v>
      </c>
      <c r="B17913" s="6"/>
      <c r="C17913" s="6" t="s">
        <v>17945</v>
      </c>
      <c r="D17913" s="6"/>
      <c r="E17913" s="6" t="s">
        <v>9</v>
      </c>
      <c r="F17913" s="7">
        <v>38657</v>
      </c>
      <c r="G17913" s="8">
        <v>1</v>
      </c>
      <c r="H17913" s="8">
        <v>1</v>
      </c>
      <c r="I17913" s="8">
        <v>0</v>
      </c>
      <c r="J17913" s="8">
        <v>1</v>
      </c>
      <c r="K17913" s="9">
        <v>773</v>
      </c>
      <c r="L17913" s="6" t="s">
        <v>51</v>
      </c>
    </row>
    <row r="17914" spans="1:12">
      <c r="A17914" s="6" t="s">
        <v>17224</v>
      </c>
      <c r="B17914" s="6"/>
      <c r="C17914" s="6" t="s">
        <v>17946</v>
      </c>
      <c r="D17914" s="6"/>
      <c r="E17914" s="6" t="s">
        <v>9</v>
      </c>
      <c r="F17914" s="7">
        <v>38657</v>
      </c>
      <c r="G17914" s="8">
        <v>1</v>
      </c>
      <c r="H17914" s="8">
        <v>1</v>
      </c>
      <c r="I17914" s="8">
        <v>0</v>
      </c>
      <c r="J17914" s="8">
        <v>1</v>
      </c>
      <c r="K17914" s="9">
        <v>276</v>
      </c>
      <c r="L17914" s="6" t="s">
        <v>51</v>
      </c>
    </row>
    <row r="17915" spans="1:12">
      <c r="A17915" s="6" t="s">
        <v>17224</v>
      </c>
      <c r="B17915" s="6"/>
      <c r="C17915" s="6" t="s">
        <v>17947</v>
      </c>
      <c r="D17915" s="6"/>
      <c r="E17915" s="6" t="s">
        <v>9</v>
      </c>
      <c r="F17915" s="7">
        <v>38657</v>
      </c>
      <c r="G17915" s="8">
        <v>1</v>
      </c>
      <c r="H17915" s="8">
        <v>1</v>
      </c>
      <c r="I17915" s="8">
        <v>0</v>
      </c>
      <c r="J17915" s="8">
        <v>1</v>
      </c>
      <c r="K17915" s="9">
        <v>70.34</v>
      </c>
      <c r="L17915" s="6" t="s">
        <v>51</v>
      </c>
    </row>
    <row r="17916" spans="1:12">
      <c r="A17916" s="6" t="s">
        <v>17224</v>
      </c>
      <c r="B17916" s="6"/>
      <c r="C17916" s="6" t="s">
        <v>17948</v>
      </c>
      <c r="D17916" s="6"/>
      <c r="E17916" s="6" t="s">
        <v>9</v>
      </c>
      <c r="F17916" s="7"/>
      <c r="G17916" s="8">
        <v>1</v>
      </c>
      <c r="H17916" s="8">
        <v>1</v>
      </c>
      <c r="I17916" s="8">
        <v>0</v>
      </c>
      <c r="J17916" s="8">
        <v>1</v>
      </c>
      <c r="K17916" s="9">
        <v>582</v>
      </c>
      <c r="L17916" s="6" t="s">
        <v>51</v>
      </c>
    </row>
    <row r="17917" spans="1:12">
      <c r="A17917" s="6" t="s">
        <v>17224</v>
      </c>
      <c r="B17917" s="6"/>
      <c r="C17917" s="6" t="s">
        <v>17949</v>
      </c>
      <c r="D17917" s="6"/>
      <c r="E17917" s="6" t="s">
        <v>9</v>
      </c>
      <c r="F17917" s="7"/>
      <c r="G17917" s="8">
        <v>1</v>
      </c>
      <c r="H17917" s="8">
        <v>1</v>
      </c>
      <c r="I17917" s="8">
        <v>0</v>
      </c>
      <c r="J17917" s="8">
        <v>1</v>
      </c>
      <c r="K17917" s="9">
        <v>358</v>
      </c>
      <c r="L17917" s="6" t="s">
        <v>51</v>
      </c>
    </row>
    <row r="17918" spans="1:12">
      <c r="A17918" s="6" t="s">
        <v>17224</v>
      </c>
      <c r="B17918" s="6"/>
      <c r="C17918" s="6" t="s">
        <v>17950</v>
      </c>
      <c r="D17918" s="6"/>
      <c r="E17918" s="6" t="s">
        <v>9</v>
      </c>
      <c r="F17918" s="7"/>
      <c r="G17918" s="8">
        <v>1</v>
      </c>
      <c r="H17918" s="8">
        <v>1</v>
      </c>
      <c r="I17918" s="8">
        <v>0</v>
      </c>
      <c r="J17918" s="8">
        <v>1</v>
      </c>
      <c r="K17918" s="9">
        <v>20</v>
      </c>
      <c r="L17918" s="6" t="s">
        <v>51</v>
      </c>
    </row>
    <row r="17919" spans="1:12">
      <c r="A17919" s="6" t="s">
        <v>17224</v>
      </c>
      <c r="B17919" s="6"/>
      <c r="C17919" s="6" t="s">
        <v>17951</v>
      </c>
      <c r="D17919" s="6"/>
      <c r="E17919" s="6" t="s">
        <v>9</v>
      </c>
      <c r="F17919" s="7"/>
      <c r="G17919" s="8">
        <v>1</v>
      </c>
      <c r="H17919" s="8">
        <v>1</v>
      </c>
      <c r="I17919" s="8">
        <v>0</v>
      </c>
      <c r="J17919" s="8">
        <v>1</v>
      </c>
      <c r="K17919" s="9">
        <v>164</v>
      </c>
      <c r="L17919" s="6" t="s">
        <v>51</v>
      </c>
    </row>
    <row r="17920" spans="1:12">
      <c r="A17920" s="6" t="s">
        <v>17224</v>
      </c>
      <c r="B17920" s="6"/>
      <c r="C17920" s="6" t="s">
        <v>17952</v>
      </c>
      <c r="D17920" s="6"/>
      <c r="E17920" s="6" t="s">
        <v>9</v>
      </c>
      <c r="F17920" s="7">
        <v>38657</v>
      </c>
      <c r="G17920" s="8">
        <v>1</v>
      </c>
      <c r="H17920" s="8">
        <v>1</v>
      </c>
      <c r="I17920" s="8">
        <v>0</v>
      </c>
      <c r="J17920" s="8">
        <v>1</v>
      </c>
      <c r="K17920" s="9">
        <v>106</v>
      </c>
      <c r="L17920" s="6" t="s">
        <v>51</v>
      </c>
    </row>
    <row r="17921" spans="1:12">
      <c r="A17921" s="6" t="s">
        <v>17224</v>
      </c>
      <c r="B17921" s="6"/>
      <c r="C17921" s="6" t="s">
        <v>17953</v>
      </c>
      <c r="D17921" s="6"/>
      <c r="E17921" s="6" t="s">
        <v>9</v>
      </c>
      <c r="F17921" s="7">
        <v>38657</v>
      </c>
      <c r="G17921" s="8">
        <v>1</v>
      </c>
      <c r="H17921" s="8">
        <v>1</v>
      </c>
      <c r="I17921" s="8">
        <v>0</v>
      </c>
      <c r="J17921" s="8">
        <v>1</v>
      </c>
      <c r="K17921" s="9">
        <v>123</v>
      </c>
      <c r="L17921" s="6" t="s">
        <v>51</v>
      </c>
    </row>
    <row r="17922" spans="1:12">
      <c r="A17922" s="6" t="s">
        <v>17224</v>
      </c>
      <c r="B17922" s="6"/>
      <c r="C17922" s="6" t="s">
        <v>17954</v>
      </c>
      <c r="D17922" s="6"/>
      <c r="E17922" s="6" t="s">
        <v>9</v>
      </c>
      <c r="F17922" s="7">
        <v>38657</v>
      </c>
      <c r="G17922" s="8">
        <v>1</v>
      </c>
      <c r="H17922" s="8">
        <v>1</v>
      </c>
      <c r="I17922" s="8">
        <v>0</v>
      </c>
      <c r="J17922" s="8">
        <v>1</v>
      </c>
      <c r="K17922" s="9">
        <v>100</v>
      </c>
      <c r="L17922" s="6" t="s">
        <v>51</v>
      </c>
    </row>
    <row r="17923" spans="1:12">
      <c r="A17923" s="6" t="s">
        <v>17224</v>
      </c>
      <c r="B17923" s="6"/>
      <c r="C17923" s="6" t="s">
        <v>17955</v>
      </c>
      <c r="D17923" s="6"/>
      <c r="E17923" s="6" t="s">
        <v>9</v>
      </c>
      <c r="F17923" s="7">
        <v>38657</v>
      </c>
      <c r="G17923" s="8">
        <v>1</v>
      </c>
      <c r="H17923" s="8">
        <v>1</v>
      </c>
      <c r="I17923" s="8">
        <v>0</v>
      </c>
      <c r="J17923" s="8">
        <v>1</v>
      </c>
      <c r="K17923" s="9">
        <v>80</v>
      </c>
      <c r="L17923" s="6" t="s">
        <v>51</v>
      </c>
    </row>
    <row r="17924" spans="1:12">
      <c r="A17924" s="6" t="s">
        <v>17224</v>
      </c>
      <c r="B17924" s="6"/>
      <c r="C17924" s="6" t="s">
        <v>17956</v>
      </c>
      <c r="D17924" s="6"/>
      <c r="E17924" s="6" t="s">
        <v>9</v>
      </c>
      <c r="F17924" s="7">
        <v>38657</v>
      </c>
      <c r="G17924" s="8">
        <v>1</v>
      </c>
      <c r="H17924" s="8">
        <v>1</v>
      </c>
      <c r="I17924" s="8">
        <v>0</v>
      </c>
      <c r="J17924" s="8">
        <v>1</v>
      </c>
      <c r="K17924" s="9">
        <v>1.74</v>
      </c>
      <c r="L17924" s="6" t="s">
        <v>51</v>
      </c>
    </row>
    <row r="17925" spans="1:12">
      <c r="A17925" s="6" t="s">
        <v>17224</v>
      </c>
      <c r="B17925" s="6"/>
      <c r="C17925" s="6" t="s">
        <v>17957</v>
      </c>
      <c r="D17925" s="6"/>
      <c r="E17925" s="6" t="s">
        <v>9</v>
      </c>
      <c r="F17925" s="7">
        <v>38657</v>
      </c>
      <c r="G17925" s="8">
        <v>1</v>
      </c>
      <c r="H17925" s="8">
        <v>1</v>
      </c>
      <c r="I17925" s="8">
        <v>0</v>
      </c>
      <c r="J17925" s="8">
        <v>1</v>
      </c>
      <c r="K17925" s="9">
        <v>43</v>
      </c>
      <c r="L17925" s="6" t="s">
        <v>51</v>
      </c>
    </row>
    <row r="17926" spans="1:12">
      <c r="A17926" s="6" t="s">
        <v>17224</v>
      </c>
      <c r="B17926" s="6"/>
      <c r="C17926" s="6" t="s">
        <v>17958</v>
      </c>
      <c r="D17926" s="6"/>
      <c r="E17926" s="6" t="s">
        <v>9</v>
      </c>
      <c r="F17926" s="7">
        <v>38657</v>
      </c>
      <c r="G17926" s="8">
        <v>1</v>
      </c>
      <c r="H17926" s="8">
        <v>1</v>
      </c>
      <c r="I17926" s="8">
        <v>0</v>
      </c>
      <c r="J17926" s="8">
        <v>1</v>
      </c>
      <c r="K17926" s="9">
        <v>6.31</v>
      </c>
      <c r="L17926" s="6" t="s">
        <v>51</v>
      </c>
    </row>
    <row r="17927" spans="1:12">
      <c r="A17927" s="6" t="s">
        <v>17224</v>
      </c>
      <c r="B17927" s="6"/>
      <c r="C17927" s="6" t="s">
        <v>17959</v>
      </c>
      <c r="D17927" s="6"/>
      <c r="E17927" s="6" t="s">
        <v>9</v>
      </c>
      <c r="F17927" s="7">
        <v>38657</v>
      </c>
      <c r="G17927" s="8">
        <v>1</v>
      </c>
      <c r="H17927" s="8">
        <v>1</v>
      </c>
      <c r="I17927" s="8">
        <v>0</v>
      </c>
      <c r="J17927" s="8">
        <v>1</v>
      </c>
      <c r="K17927" s="9">
        <v>83</v>
      </c>
      <c r="L17927" s="6" t="s">
        <v>51</v>
      </c>
    </row>
    <row r="17928" spans="1:12">
      <c r="A17928" s="6" t="s">
        <v>17224</v>
      </c>
      <c r="B17928" s="6"/>
      <c r="C17928" s="6" t="s">
        <v>17960</v>
      </c>
      <c r="D17928" s="6"/>
      <c r="E17928" s="6" t="s">
        <v>9</v>
      </c>
      <c r="F17928" s="7">
        <v>38657</v>
      </c>
      <c r="G17928" s="8">
        <v>1</v>
      </c>
      <c r="H17928" s="8">
        <v>1</v>
      </c>
      <c r="I17928" s="8">
        <v>0</v>
      </c>
      <c r="J17928" s="8">
        <v>1</v>
      </c>
      <c r="K17928" s="9">
        <v>19</v>
      </c>
      <c r="L17928" s="6" t="s">
        <v>51</v>
      </c>
    </row>
    <row r="17929" spans="1:12">
      <c r="A17929" s="6" t="s">
        <v>17224</v>
      </c>
      <c r="B17929" s="6"/>
      <c r="C17929" s="6" t="s">
        <v>17961</v>
      </c>
      <c r="D17929" s="6"/>
      <c r="E17929" s="6" t="s">
        <v>9</v>
      </c>
      <c r="F17929" s="7">
        <v>38657</v>
      </c>
      <c r="G17929" s="8">
        <v>1</v>
      </c>
      <c r="H17929" s="8">
        <v>1</v>
      </c>
      <c r="I17929" s="8">
        <v>0</v>
      </c>
      <c r="J17929" s="8">
        <v>1</v>
      </c>
      <c r="K17929" s="9">
        <v>17</v>
      </c>
      <c r="L17929" s="6" t="s">
        <v>51</v>
      </c>
    </row>
    <row r="17930" spans="1:12">
      <c r="A17930" s="6" t="s">
        <v>17224</v>
      </c>
      <c r="B17930" s="6"/>
      <c r="C17930" s="6" t="s">
        <v>17962</v>
      </c>
      <c r="D17930" s="6"/>
      <c r="E17930" s="6" t="s">
        <v>9</v>
      </c>
      <c r="F17930" s="7">
        <v>38657</v>
      </c>
      <c r="G17930" s="8">
        <v>1</v>
      </c>
      <c r="H17930" s="8">
        <v>1</v>
      </c>
      <c r="I17930" s="8">
        <v>0</v>
      </c>
      <c r="J17930" s="8">
        <v>1</v>
      </c>
      <c r="K17930" s="9">
        <v>95</v>
      </c>
      <c r="L17930" s="6" t="s">
        <v>51</v>
      </c>
    </row>
    <row r="17931" spans="1:12">
      <c r="A17931" s="6" t="s">
        <v>17224</v>
      </c>
      <c r="B17931" s="6"/>
      <c r="C17931" s="6" t="s">
        <v>17963</v>
      </c>
      <c r="D17931" s="6"/>
      <c r="E17931" s="6" t="s">
        <v>9</v>
      </c>
      <c r="F17931" s="7">
        <v>38657</v>
      </c>
      <c r="G17931" s="8">
        <v>1</v>
      </c>
      <c r="H17931" s="8">
        <v>1</v>
      </c>
      <c r="I17931" s="8">
        <v>0</v>
      </c>
      <c r="J17931" s="8">
        <v>1</v>
      </c>
      <c r="K17931" s="9">
        <v>90</v>
      </c>
      <c r="L17931" s="6" t="s">
        <v>51</v>
      </c>
    </row>
    <row r="17932" spans="1:12">
      <c r="A17932" s="6" t="s">
        <v>17224</v>
      </c>
      <c r="B17932" s="6"/>
      <c r="C17932" s="6" t="s">
        <v>17964</v>
      </c>
      <c r="D17932" s="6"/>
      <c r="E17932" s="6" t="s">
        <v>9</v>
      </c>
      <c r="F17932" s="7">
        <v>38657</v>
      </c>
      <c r="G17932" s="8">
        <v>1</v>
      </c>
      <c r="H17932" s="8">
        <v>1</v>
      </c>
      <c r="I17932" s="8">
        <v>0</v>
      </c>
      <c r="J17932" s="8">
        <v>1</v>
      </c>
      <c r="K17932" s="9">
        <v>4.46</v>
      </c>
      <c r="L17932" s="6" t="s">
        <v>51</v>
      </c>
    </row>
    <row r="17933" spans="1:12">
      <c r="A17933" s="6" t="s">
        <v>17224</v>
      </c>
      <c r="B17933" s="6"/>
      <c r="C17933" s="6" t="s">
        <v>17965</v>
      </c>
      <c r="D17933" s="6"/>
      <c r="E17933" s="6" t="s">
        <v>9</v>
      </c>
      <c r="F17933" s="7">
        <v>38657</v>
      </c>
      <c r="G17933" s="8">
        <v>1</v>
      </c>
      <c r="H17933" s="8">
        <v>1</v>
      </c>
      <c r="I17933" s="8">
        <v>0</v>
      </c>
      <c r="J17933" s="8">
        <v>1</v>
      </c>
      <c r="K17933" s="9">
        <v>0.21</v>
      </c>
      <c r="L17933" s="6" t="s">
        <v>51</v>
      </c>
    </row>
    <row r="17934" spans="1:12">
      <c r="A17934" s="6" t="s">
        <v>17224</v>
      </c>
      <c r="B17934" s="6"/>
      <c r="C17934" s="6" t="s">
        <v>17966</v>
      </c>
      <c r="D17934" s="6"/>
      <c r="E17934" s="6" t="s">
        <v>9</v>
      </c>
      <c r="F17934" s="7">
        <v>38657</v>
      </c>
      <c r="G17934" s="8">
        <v>1</v>
      </c>
      <c r="H17934" s="8">
        <v>1</v>
      </c>
      <c r="I17934" s="8">
        <v>0</v>
      </c>
      <c r="J17934" s="8">
        <v>1</v>
      </c>
      <c r="K17934" s="9">
        <v>2.78</v>
      </c>
      <c r="L17934" s="6" t="s">
        <v>51</v>
      </c>
    </row>
    <row r="17935" spans="1:12">
      <c r="A17935" s="6" t="s">
        <v>17224</v>
      </c>
      <c r="B17935" s="6"/>
      <c r="C17935" s="6" t="s">
        <v>17967</v>
      </c>
      <c r="D17935" s="6"/>
      <c r="E17935" s="6" t="s">
        <v>9</v>
      </c>
      <c r="F17935" s="7">
        <v>38657</v>
      </c>
      <c r="G17935" s="8">
        <v>1</v>
      </c>
      <c r="H17935" s="8">
        <v>1</v>
      </c>
      <c r="I17935" s="8">
        <v>0</v>
      </c>
      <c r="J17935" s="8">
        <v>1</v>
      </c>
      <c r="K17935" s="9">
        <v>18.18</v>
      </c>
      <c r="L17935" s="6" t="s">
        <v>51</v>
      </c>
    </row>
    <row r="17936" spans="1:12">
      <c r="A17936" s="6" t="s">
        <v>17224</v>
      </c>
      <c r="B17936" s="6"/>
      <c r="C17936" s="6" t="s">
        <v>17968</v>
      </c>
      <c r="D17936" s="6"/>
      <c r="E17936" s="6" t="s">
        <v>9</v>
      </c>
      <c r="F17936" s="7">
        <v>38657</v>
      </c>
      <c r="G17936" s="8">
        <v>1</v>
      </c>
      <c r="H17936" s="8">
        <v>1</v>
      </c>
      <c r="I17936" s="8">
        <v>0</v>
      </c>
      <c r="J17936" s="8">
        <v>1</v>
      </c>
      <c r="K17936" s="9">
        <v>2.1</v>
      </c>
      <c r="L17936" s="6" t="s">
        <v>51</v>
      </c>
    </row>
    <row r="17937" spans="1:12">
      <c r="A17937" s="6" t="s">
        <v>17224</v>
      </c>
      <c r="B17937" s="6"/>
      <c r="C17937" s="6" t="s">
        <v>17969</v>
      </c>
      <c r="D17937" s="6"/>
      <c r="E17937" s="6" t="s">
        <v>9</v>
      </c>
      <c r="F17937" s="7">
        <v>38657</v>
      </c>
      <c r="G17937" s="8">
        <v>1</v>
      </c>
      <c r="H17937" s="8">
        <v>1</v>
      </c>
      <c r="I17937" s="8">
        <v>0</v>
      </c>
      <c r="J17937" s="8">
        <v>1</v>
      </c>
      <c r="K17937" s="9">
        <v>1.3</v>
      </c>
      <c r="L17937" s="6" t="s">
        <v>51</v>
      </c>
    </row>
    <row r="17938" spans="1:12">
      <c r="A17938" s="6" t="s">
        <v>17224</v>
      </c>
      <c r="B17938" s="6"/>
      <c r="C17938" s="6" t="s">
        <v>17970</v>
      </c>
      <c r="D17938" s="6"/>
      <c r="E17938" s="6" t="s">
        <v>9</v>
      </c>
      <c r="F17938" s="7">
        <v>41933</v>
      </c>
      <c r="G17938" s="8">
        <v>1</v>
      </c>
      <c r="H17938" s="8">
        <v>1</v>
      </c>
      <c r="I17938" s="8">
        <v>0</v>
      </c>
      <c r="J17938" s="8">
        <v>1</v>
      </c>
      <c r="K17938" s="9">
        <v>61</v>
      </c>
      <c r="L17938" s="6" t="s">
        <v>51</v>
      </c>
    </row>
    <row r="17939" spans="1:12">
      <c r="A17939" s="6" t="s">
        <v>17224</v>
      </c>
      <c r="B17939" s="6"/>
      <c r="C17939" s="6" t="s">
        <v>17971</v>
      </c>
      <c r="D17939" s="6"/>
      <c r="E17939" s="6" t="s">
        <v>9</v>
      </c>
      <c r="F17939" s="7">
        <v>38657</v>
      </c>
      <c r="G17939" s="8">
        <v>1</v>
      </c>
      <c r="H17939" s="8">
        <v>1</v>
      </c>
      <c r="I17939" s="8">
        <v>0</v>
      </c>
      <c r="J17939" s="8">
        <v>1</v>
      </c>
      <c r="K17939" s="9">
        <v>73</v>
      </c>
      <c r="L17939" s="6" t="s">
        <v>51</v>
      </c>
    </row>
    <row r="17940" spans="1:12">
      <c r="A17940" s="6" t="s">
        <v>17224</v>
      </c>
      <c r="B17940" s="6"/>
      <c r="C17940" s="6" t="s">
        <v>17972</v>
      </c>
      <c r="D17940" s="6"/>
      <c r="E17940" s="6" t="s">
        <v>9</v>
      </c>
      <c r="F17940" s="7">
        <v>38657</v>
      </c>
      <c r="G17940" s="8">
        <v>1</v>
      </c>
      <c r="H17940" s="8">
        <v>1</v>
      </c>
      <c r="I17940" s="8">
        <v>0</v>
      </c>
      <c r="J17940" s="8">
        <v>1</v>
      </c>
      <c r="K17940" s="9">
        <v>88</v>
      </c>
      <c r="L17940" s="6" t="s">
        <v>51</v>
      </c>
    </row>
    <row r="17941" spans="1:12">
      <c r="A17941" s="6" t="s">
        <v>17224</v>
      </c>
      <c r="B17941" s="6"/>
      <c r="C17941" s="6" t="s">
        <v>17973</v>
      </c>
      <c r="D17941" s="6"/>
      <c r="E17941" s="6" t="s">
        <v>9</v>
      </c>
      <c r="F17941" s="7">
        <v>38657</v>
      </c>
      <c r="G17941" s="8">
        <v>1</v>
      </c>
      <c r="H17941" s="8">
        <v>1</v>
      </c>
      <c r="I17941" s="8">
        <v>0</v>
      </c>
      <c r="J17941" s="8">
        <v>1</v>
      </c>
      <c r="K17941" s="9">
        <v>31</v>
      </c>
      <c r="L17941" s="6" t="s">
        <v>51</v>
      </c>
    </row>
    <row r="17942" spans="1:12">
      <c r="A17942" s="6" t="s">
        <v>17224</v>
      </c>
      <c r="B17942" s="6"/>
      <c r="C17942" s="6" t="s">
        <v>17974</v>
      </c>
      <c r="D17942" s="6"/>
      <c r="E17942" s="6" t="s">
        <v>9</v>
      </c>
      <c r="F17942" s="7">
        <v>38657</v>
      </c>
      <c r="G17942" s="8">
        <v>1</v>
      </c>
      <c r="H17942" s="8">
        <v>1</v>
      </c>
      <c r="I17942" s="8">
        <v>0</v>
      </c>
      <c r="J17942" s="8">
        <v>1</v>
      </c>
      <c r="K17942" s="9">
        <v>57</v>
      </c>
      <c r="L17942" s="6" t="s">
        <v>51</v>
      </c>
    </row>
    <row r="17943" spans="1:12">
      <c r="A17943" s="6" t="s">
        <v>17224</v>
      </c>
      <c r="B17943" s="6"/>
      <c r="C17943" s="6" t="s">
        <v>17975</v>
      </c>
      <c r="D17943" s="6"/>
      <c r="E17943" s="6" t="s">
        <v>9</v>
      </c>
      <c r="F17943" s="7">
        <v>38657</v>
      </c>
      <c r="G17943" s="8">
        <v>1</v>
      </c>
      <c r="H17943" s="8">
        <v>1</v>
      </c>
      <c r="I17943" s="8">
        <v>0</v>
      </c>
      <c r="J17943" s="8">
        <v>1</v>
      </c>
      <c r="K17943" s="9">
        <v>28.87</v>
      </c>
      <c r="L17943" s="6" t="s">
        <v>51</v>
      </c>
    </row>
    <row r="17944" spans="1:12">
      <c r="A17944" s="6" t="s">
        <v>17224</v>
      </c>
      <c r="B17944" s="6"/>
      <c r="C17944" s="6" t="s">
        <v>17976</v>
      </c>
      <c r="D17944" s="6"/>
      <c r="E17944" s="6" t="s">
        <v>9</v>
      </c>
      <c r="F17944" s="7">
        <v>38657</v>
      </c>
      <c r="G17944" s="8">
        <v>1</v>
      </c>
      <c r="H17944" s="8">
        <v>1</v>
      </c>
      <c r="I17944" s="8">
        <v>0</v>
      </c>
      <c r="J17944" s="8">
        <v>1</v>
      </c>
      <c r="K17944" s="9">
        <v>4.8099999999999898</v>
      </c>
      <c r="L17944" s="6" t="s">
        <v>51</v>
      </c>
    </row>
    <row r="17945" spans="1:12">
      <c r="A17945" s="6" t="s">
        <v>17224</v>
      </c>
      <c r="B17945" s="6"/>
      <c r="C17945" s="6" t="s">
        <v>17977</v>
      </c>
      <c r="D17945" s="6"/>
      <c r="E17945" s="6" t="s">
        <v>9</v>
      </c>
      <c r="F17945" s="7">
        <v>38657</v>
      </c>
      <c r="G17945" s="8">
        <v>1</v>
      </c>
      <c r="H17945" s="8">
        <v>1</v>
      </c>
      <c r="I17945" s="8">
        <v>0</v>
      </c>
      <c r="J17945" s="8">
        <v>1</v>
      </c>
      <c r="K17945" s="9">
        <v>25</v>
      </c>
      <c r="L17945" s="6" t="s">
        <v>51</v>
      </c>
    </row>
    <row r="17946" spans="1:12">
      <c r="A17946" s="6" t="s">
        <v>17224</v>
      </c>
      <c r="B17946" s="6"/>
      <c r="C17946" s="6" t="s">
        <v>17978</v>
      </c>
      <c r="D17946" s="6"/>
      <c r="E17946" s="6" t="s">
        <v>9</v>
      </c>
      <c r="F17946" s="7">
        <v>38657</v>
      </c>
      <c r="G17946" s="8">
        <v>1</v>
      </c>
      <c r="H17946" s="8">
        <v>1</v>
      </c>
      <c r="I17946" s="8">
        <v>0</v>
      </c>
      <c r="J17946" s="8">
        <v>1</v>
      </c>
      <c r="K17946" s="9">
        <v>20.059999999999899</v>
      </c>
      <c r="L17946" s="6" t="s">
        <v>51</v>
      </c>
    </row>
    <row r="17947" spans="1:12">
      <c r="A17947" s="6" t="s">
        <v>17224</v>
      </c>
      <c r="B17947" s="6"/>
      <c r="C17947" s="6" t="s">
        <v>17979</v>
      </c>
      <c r="D17947" s="6"/>
      <c r="E17947" s="6" t="s">
        <v>9</v>
      </c>
      <c r="F17947" s="7">
        <v>38657</v>
      </c>
      <c r="G17947" s="8">
        <v>1</v>
      </c>
      <c r="H17947" s="8">
        <v>1</v>
      </c>
      <c r="I17947" s="8">
        <v>0</v>
      </c>
      <c r="J17947" s="8">
        <v>1</v>
      </c>
      <c r="K17947" s="9">
        <v>3.89</v>
      </c>
      <c r="L17947" s="6" t="s">
        <v>51</v>
      </c>
    </row>
    <row r="17948" spans="1:12">
      <c r="A17948" s="6" t="s">
        <v>17224</v>
      </c>
      <c r="B17948" s="6"/>
      <c r="C17948" s="6" t="s">
        <v>17980</v>
      </c>
      <c r="D17948" s="6"/>
      <c r="E17948" s="6" t="s">
        <v>9</v>
      </c>
      <c r="F17948" s="7">
        <v>38657</v>
      </c>
      <c r="G17948" s="8">
        <v>1</v>
      </c>
      <c r="H17948" s="8">
        <v>1</v>
      </c>
      <c r="I17948" s="8">
        <v>0</v>
      </c>
      <c r="J17948" s="8">
        <v>1</v>
      </c>
      <c r="K17948" s="9">
        <v>66</v>
      </c>
      <c r="L17948" s="6" t="s">
        <v>51</v>
      </c>
    </row>
    <row r="17949" spans="1:12">
      <c r="A17949" s="6" t="s">
        <v>17224</v>
      </c>
      <c r="B17949" s="6"/>
      <c r="C17949" s="6" t="s">
        <v>17981</v>
      </c>
      <c r="D17949" s="6"/>
      <c r="E17949" s="6" t="s">
        <v>9</v>
      </c>
      <c r="F17949" s="7">
        <v>38657</v>
      </c>
      <c r="G17949" s="8">
        <v>1</v>
      </c>
      <c r="H17949" s="8">
        <v>1</v>
      </c>
      <c r="I17949" s="8">
        <v>0</v>
      </c>
      <c r="J17949" s="8">
        <v>1</v>
      </c>
      <c r="K17949" s="9">
        <v>0.6</v>
      </c>
      <c r="L17949" s="6" t="s">
        <v>51</v>
      </c>
    </row>
    <row r="17950" spans="1:12">
      <c r="A17950" s="6" t="s">
        <v>17224</v>
      </c>
      <c r="B17950" s="6"/>
      <c r="C17950" s="6" t="s">
        <v>17982</v>
      </c>
      <c r="D17950" s="6"/>
      <c r="E17950" s="6" t="s">
        <v>9</v>
      </c>
      <c r="F17950" s="7">
        <v>38657</v>
      </c>
      <c r="G17950" s="8">
        <v>1</v>
      </c>
      <c r="H17950" s="8">
        <v>1</v>
      </c>
      <c r="I17950" s="8">
        <v>0</v>
      </c>
      <c r="J17950" s="8">
        <v>1</v>
      </c>
      <c r="K17950" s="9">
        <v>2</v>
      </c>
      <c r="L17950" s="6" t="s">
        <v>51</v>
      </c>
    </row>
    <row r="17951" spans="1:12">
      <c r="A17951" s="6" t="s">
        <v>17224</v>
      </c>
      <c r="B17951" s="6"/>
      <c r="C17951" s="6" t="s">
        <v>17983</v>
      </c>
      <c r="D17951" s="6"/>
      <c r="E17951" s="6" t="s">
        <v>9</v>
      </c>
      <c r="F17951" s="7">
        <v>38657</v>
      </c>
      <c r="G17951" s="8">
        <v>1</v>
      </c>
      <c r="H17951" s="8">
        <v>1</v>
      </c>
      <c r="I17951" s="8">
        <v>0</v>
      </c>
      <c r="J17951" s="8">
        <v>1</v>
      </c>
      <c r="K17951" s="9">
        <v>258</v>
      </c>
      <c r="L17951" s="6" t="s">
        <v>51</v>
      </c>
    </row>
    <row r="17952" spans="1:12">
      <c r="A17952" s="6" t="s">
        <v>17224</v>
      </c>
      <c r="B17952" s="6"/>
      <c r="C17952" s="6" t="s">
        <v>17984</v>
      </c>
      <c r="D17952" s="6"/>
      <c r="E17952" s="6" t="s">
        <v>9</v>
      </c>
      <c r="F17952" s="7">
        <v>38657</v>
      </c>
      <c r="G17952" s="8">
        <v>1</v>
      </c>
      <c r="H17952" s="8">
        <v>1</v>
      </c>
      <c r="I17952" s="8">
        <v>0</v>
      </c>
      <c r="J17952" s="8">
        <v>1</v>
      </c>
      <c r="K17952" s="9">
        <v>0.11</v>
      </c>
      <c r="L17952" s="6" t="s">
        <v>51</v>
      </c>
    </row>
    <row r="17953" spans="1:12">
      <c r="A17953" s="6" t="s">
        <v>17224</v>
      </c>
      <c r="B17953" s="6"/>
      <c r="C17953" s="6" t="s">
        <v>17985</v>
      </c>
      <c r="D17953" s="6"/>
      <c r="E17953" s="6" t="s">
        <v>9</v>
      </c>
      <c r="F17953" s="7">
        <v>38657</v>
      </c>
      <c r="G17953" s="8">
        <v>1</v>
      </c>
      <c r="H17953" s="8">
        <v>1</v>
      </c>
      <c r="I17953" s="8">
        <v>0</v>
      </c>
      <c r="J17953" s="8">
        <v>1</v>
      </c>
      <c r="K17953" s="9">
        <v>0.16</v>
      </c>
      <c r="L17953" s="6" t="s">
        <v>51</v>
      </c>
    </row>
    <row r="17954" spans="1:12">
      <c r="A17954" s="6" t="s">
        <v>17224</v>
      </c>
      <c r="B17954" s="6"/>
      <c r="C17954" s="6" t="s">
        <v>17986</v>
      </c>
      <c r="D17954" s="6"/>
      <c r="E17954" s="6" t="s">
        <v>9</v>
      </c>
      <c r="F17954" s="7">
        <v>38657</v>
      </c>
      <c r="G17954" s="8">
        <v>1</v>
      </c>
      <c r="H17954" s="8">
        <v>1</v>
      </c>
      <c r="I17954" s="8">
        <v>0</v>
      </c>
      <c r="J17954" s="8">
        <v>1</v>
      </c>
      <c r="K17954" s="9">
        <v>126</v>
      </c>
      <c r="L17954" s="6" t="s">
        <v>51</v>
      </c>
    </row>
    <row r="17955" spans="1:12">
      <c r="A17955" s="6" t="s">
        <v>17224</v>
      </c>
      <c r="B17955" s="6"/>
      <c r="C17955" s="6" t="s">
        <v>17987</v>
      </c>
      <c r="D17955" s="6"/>
      <c r="E17955" s="6" t="s">
        <v>9</v>
      </c>
      <c r="F17955" s="7">
        <v>38657</v>
      </c>
      <c r="G17955" s="8">
        <v>1</v>
      </c>
      <c r="H17955" s="8">
        <v>1</v>
      </c>
      <c r="I17955" s="8">
        <v>0</v>
      </c>
      <c r="J17955" s="8">
        <v>1</v>
      </c>
      <c r="K17955" s="9">
        <v>24</v>
      </c>
      <c r="L17955" s="6" t="s">
        <v>51</v>
      </c>
    </row>
    <row r="17956" spans="1:12">
      <c r="A17956" s="6" t="s">
        <v>17224</v>
      </c>
      <c r="B17956" s="6"/>
      <c r="C17956" s="6" t="s">
        <v>17988</v>
      </c>
      <c r="D17956" s="6"/>
      <c r="E17956" s="6" t="s">
        <v>9</v>
      </c>
      <c r="F17956" s="7">
        <v>38657</v>
      </c>
      <c r="G17956" s="8">
        <v>1</v>
      </c>
      <c r="H17956" s="8">
        <v>1</v>
      </c>
      <c r="I17956" s="8">
        <v>0</v>
      </c>
      <c r="J17956" s="8">
        <v>1</v>
      </c>
      <c r="K17956" s="9">
        <v>100</v>
      </c>
      <c r="L17956" s="6" t="s">
        <v>51</v>
      </c>
    </row>
    <row r="17957" spans="1:12">
      <c r="A17957" s="6" t="s">
        <v>17224</v>
      </c>
      <c r="B17957" s="6"/>
      <c r="C17957" s="6" t="s">
        <v>17989</v>
      </c>
      <c r="D17957" s="6"/>
      <c r="E17957" s="6" t="s">
        <v>9</v>
      </c>
      <c r="F17957" s="7">
        <v>38657</v>
      </c>
      <c r="G17957" s="8">
        <v>1</v>
      </c>
      <c r="H17957" s="8">
        <v>1</v>
      </c>
      <c r="I17957" s="8">
        <v>0</v>
      </c>
      <c r="J17957" s="8">
        <v>1</v>
      </c>
      <c r="K17957" s="9">
        <v>29</v>
      </c>
      <c r="L17957" s="6" t="s">
        <v>51</v>
      </c>
    </row>
    <row r="17958" spans="1:12">
      <c r="A17958" s="6" t="s">
        <v>17224</v>
      </c>
      <c r="B17958" s="6"/>
      <c r="C17958" s="6" t="s">
        <v>17990</v>
      </c>
      <c r="D17958" s="6"/>
      <c r="E17958" s="6" t="s">
        <v>9</v>
      </c>
      <c r="F17958" s="7">
        <v>38657</v>
      </c>
      <c r="G17958" s="8">
        <v>1</v>
      </c>
      <c r="H17958" s="8">
        <v>1</v>
      </c>
      <c r="I17958" s="8">
        <v>0</v>
      </c>
      <c r="J17958" s="8">
        <v>1</v>
      </c>
      <c r="K17958" s="9">
        <v>13.28</v>
      </c>
      <c r="L17958" s="6" t="s">
        <v>51</v>
      </c>
    </row>
    <row r="17959" spans="1:12">
      <c r="A17959" s="6" t="s">
        <v>17224</v>
      </c>
      <c r="B17959" s="6"/>
      <c r="C17959" s="6" t="s">
        <v>17991</v>
      </c>
      <c r="D17959" s="6"/>
      <c r="E17959" s="6" t="s">
        <v>9</v>
      </c>
      <c r="F17959" s="7">
        <v>38657</v>
      </c>
      <c r="G17959" s="8">
        <v>1</v>
      </c>
      <c r="H17959" s="8">
        <v>1</v>
      </c>
      <c r="I17959" s="8">
        <v>0</v>
      </c>
      <c r="J17959" s="8">
        <v>1</v>
      </c>
      <c r="K17959" s="9">
        <v>0.09</v>
      </c>
      <c r="L17959" s="6" t="s">
        <v>51</v>
      </c>
    </row>
    <row r="17960" spans="1:12">
      <c r="A17960" s="6" t="s">
        <v>17224</v>
      </c>
      <c r="B17960" s="6"/>
      <c r="C17960" s="6" t="s">
        <v>17992</v>
      </c>
      <c r="D17960" s="6"/>
      <c r="E17960" s="6" t="s">
        <v>9</v>
      </c>
      <c r="F17960" s="7">
        <v>38657</v>
      </c>
      <c r="G17960" s="8">
        <v>1</v>
      </c>
      <c r="H17960" s="8">
        <v>1</v>
      </c>
      <c r="I17960" s="8">
        <v>0</v>
      </c>
      <c r="J17960" s="8">
        <v>1</v>
      </c>
      <c r="K17960" s="9">
        <v>40</v>
      </c>
      <c r="L17960" s="6" t="s">
        <v>51</v>
      </c>
    </row>
    <row r="17961" spans="1:12">
      <c r="A17961" s="6" t="s">
        <v>17224</v>
      </c>
      <c r="B17961" s="6"/>
      <c r="C17961" s="6" t="s">
        <v>17993</v>
      </c>
      <c r="D17961" s="6"/>
      <c r="E17961" s="6" t="s">
        <v>9</v>
      </c>
      <c r="F17961" s="7">
        <v>38657</v>
      </c>
      <c r="G17961" s="8">
        <v>1</v>
      </c>
      <c r="H17961" s="8">
        <v>1</v>
      </c>
      <c r="I17961" s="8">
        <v>0</v>
      </c>
      <c r="J17961" s="8">
        <v>1</v>
      </c>
      <c r="K17961" s="9">
        <v>208</v>
      </c>
      <c r="L17961" s="6" t="s">
        <v>51</v>
      </c>
    </row>
    <row r="17962" spans="1:12">
      <c r="A17962" s="6" t="s">
        <v>17224</v>
      </c>
      <c r="B17962" s="6"/>
      <c r="C17962" s="6" t="s">
        <v>17994</v>
      </c>
      <c r="D17962" s="6"/>
      <c r="E17962" s="6" t="s">
        <v>9</v>
      </c>
      <c r="F17962" s="7">
        <v>38657</v>
      </c>
      <c r="G17962" s="8">
        <v>1</v>
      </c>
      <c r="H17962" s="8">
        <v>1</v>
      </c>
      <c r="I17962" s="8">
        <v>0</v>
      </c>
      <c r="J17962" s="8">
        <v>1</v>
      </c>
      <c r="K17962" s="9">
        <v>132</v>
      </c>
      <c r="L17962" s="6" t="s">
        <v>51</v>
      </c>
    </row>
    <row r="17963" spans="1:12">
      <c r="A17963" s="6" t="s">
        <v>17224</v>
      </c>
      <c r="B17963" s="6"/>
      <c r="C17963" s="6" t="s">
        <v>17995</v>
      </c>
      <c r="D17963" s="6"/>
      <c r="E17963" s="6" t="s">
        <v>9</v>
      </c>
      <c r="F17963" s="7">
        <v>38657</v>
      </c>
      <c r="G17963" s="8">
        <v>1</v>
      </c>
      <c r="H17963" s="8">
        <v>1</v>
      </c>
      <c r="I17963" s="8">
        <v>0</v>
      </c>
      <c r="J17963" s="8">
        <v>1</v>
      </c>
      <c r="K17963" s="9">
        <v>77</v>
      </c>
      <c r="L17963" s="6" t="s">
        <v>51</v>
      </c>
    </row>
    <row r="17964" spans="1:12">
      <c r="A17964" s="6" t="s">
        <v>17224</v>
      </c>
      <c r="B17964" s="6"/>
      <c r="C17964" s="6" t="s">
        <v>17996</v>
      </c>
      <c r="D17964" s="6"/>
      <c r="E17964" s="6" t="s">
        <v>9</v>
      </c>
      <c r="F17964" s="7">
        <v>38657</v>
      </c>
      <c r="G17964" s="8">
        <v>1</v>
      </c>
      <c r="H17964" s="8">
        <v>1</v>
      </c>
      <c r="I17964" s="8">
        <v>0</v>
      </c>
      <c r="J17964" s="8">
        <v>1</v>
      </c>
      <c r="K17964" s="9">
        <v>37</v>
      </c>
      <c r="L17964" s="6" t="s">
        <v>51</v>
      </c>
    </row>
    <row r="17965" spans="1:12">
      <c r="A17965" s="6" t="s">
        <v>17224</v>
      </c>
      <c r="B17965" s="6"/>
      <c r="C17965" s="6" t="s">
        <v>17997</v>
      </c>
      <c r="D17965" s="6"/>
      <c r="E17965" s="6" t="s">
        <v>9</v>
      </c>
      <c r="F17965" s="7">
        <v>38657</v>
      </c>
      <c r="G17965" s="8">
        <v>1</v>
      </c>
      <c r="H17965" s="8">
        <v>1</v>
      </c>
      <c r="I17965" s="8">
        <v>0</v>
      </c>
      <c r="J17965" s="8">
        <v>1</v>
      </c>
      <c r="K17965" s="9">
        <v>7.97</v>
      </c>
      <c r="L17965" s="6" t="s">
        <v>51</v>
      </c>
    </row>
    <row r="17966" spans="1:12">
      <c r="A17966" s="6" t="s">
        <v>17224</v>
      </c>
      <c r="B17966" s="6"/>
      <c r="C17966" s="6" t="s">
        <v>17998</v>
      </c>
      <c r="D17966" s="6"/>
      <c r="E17966" s="6" t="s">
        <v>9</v>
      </c>
      <c r="F17966" s="7">
        <v>38657</v>
      </c>
      <c r="G17966" s="8">
        <v>1</v>
      </c>
      <c r="H17966" s="8">
        <v>1</v>
      </c>
      <c r="I17966" s="8">
        <v>0</v>
      </c>
      <c r="J17966" s="8">
        <v>1</v>
      </c>
      <c r="K17966" s="9">
        <v>0.75</v>
      </c>
      <c r="L17966" s="6" t="s">
        <v>51</v>
      </c>
    </row>
    <row r="17967" spans="1:12">
      <c r="A17967" s="6" t="s">
        <v>17224</v>
      </c>
      <c r="B17967" s="6"/>
      <c r="C17967" s="6" t="s">
        <v>17999</v>
      </c>
      <c r="D17967" s="6"/>
      <c r="E17967" s="6" t="s">
        <v>9</v>
      </c>
      <c r="F17967" s="7">
        <v>38657</v>
      </c>
      <c r="G17967" s="8">
        <v>1</v>
      </c>
      <c r="H17967" s="8">
        <v>1</v>
      </c>
      <c r="I17967" s="8">
        <v>0</v>
      </c>
      <c r="J17967" s="8">
        <v>1</v>
      </c>
      <c r="K17967" s="9">
        <v>24</v>
      </c>
      <c r="L17967" s="6" t="s">
        <v>51</v>
      </c>
    </row>
    <row r="17968" spans="1:12">
      <c r="A17968" s="6" t="s">
        <v>17224</v>
      </c>
      <c r="B17968" s="6"/>
      <c r="C17968" s="6" t="s">
        <v>18000</v>
      </c>
      <c r="D17968" s="6"/>
      <c r="E17968" s="6" t="s">
        <v>9</v>
      </c>
      <c r="F17968" s="7">
        <v>38657</v>
      </c>
      <c r="G17968" s="8">
        <v>1</v>
      </c>
      <c r="H17968" s="8">
        <v>1</v>
      </c>
      <c r="I17968" s="8">
        <v>0</v>
      </c>
      <c r="J17968" s="8">
        <v>1</v>
      </c>
      <c r="K17968" s="9">
        <v>48</v>
      </c>
      <c r="L17968" s="6" t="s">
        <v>51</v>
      </c>
    </row>
    <row r="17969" spans="1:12">
      <c r="A17969" s="6" t="s">
        <v>17224</v>
      </c>
      <c r="B17969" s="6"/>
      <c r="C17969" s="6" t="s">
        <v>18001</v>
      </c>
      <c r="D17969" s="6"/>
      <c r="E17969" s="6" t="s">
        <v>9</v>
      </c>
      <c r="F17969" s="7">
        <v>38657</v>
      </c>
      <c r="G17969" s="8">
        <v>1</v>
      </c>
      <c r="H17969" s="8">
        <v>1</v>
      </c>
      <c r="I17969" s="8">
        <v>0</v>
      </c>
      <c r="J17969" s="8">
        <v>1</v>
      </c>
      <c r="K17969" s="9">
        <v>39</v>
      </c>
      <c r="L17969" s="6" t="s">
        <v>51</v>
      </c>
    </row>
    <row r="17970" spans="1:12">
      <c r="A17970" s="6" t="s">
        <v>17224</v>
      </c>
      <c r="B17970" s="6"/>
      <c r="C17970" s="6" t="s">
        <v>18002</v>
      </c>
      <c r="D17970" s="6"/>
      <c r="E17970" s="6" t="s">
        <v>9</v>
      </c>
      <c r="F17970" s="7">
        <v>38657</v>
      </c>
      <c r="G17970" s="8">
        <v>1</v>
      </c>
      <c r="H17970" s="8">
        <v>1</v>
      </c>
      <c r="I17970" s="8">
        <v>0</v>
      </c>
      <c r="J17970" s="8">
        <v>1</v>
      </c>
      <c r="K17970" s="9">
        <v>0.06</v>
      </c>
      <c r="L17970" s="6" t="s">
        <v>51</v>
      </c>
    </row>
    <row r="17971" spans="1:12">
      <c r="A17971" s="6" t="s">
        <v>17224</v>
      </c>
      <c r="B17971" s="6"/>
      <c r="C17971" s="6" t="s">
        <v>18003</v>
      </c>
      <c r="D17971" s="6"/>
      <c r="E17971" s="6" t="s">
        <v>9</v>
      </c>
      <c r="F17971" s="7">
        <v>38657</v>
      </c>
      <c r="G17971" s="8">
        <v>1</v>
      </c>
      <c r="H17971" s="8">
        <v>1</v>
      </c>
      <c r="I17971" s="8">
        <v>0</v>
      </c>
      <c r="J17971" s="8">
        <v>1</v>
      </c>
      <c r="K17971" s="9">
        <v>66</v>
      </c>
      <c r="L17971" s="6" t="s">
        <v>51</v>
      </c>
    </row>
    <row r="17972" spans="1:12">
      <c r="A17972" s="6" t="s">
        <v>17224</v>
      </c>
      <c r="B17972" s="6"/>
      <c r="C17972" s="6" t="s">
        <v>18004</v>
      </c>
      <c r="D17972" s="6"/>
      <c r="E17972" s="6" t="s">
        <v>9</v>
      </c>
      <c r="F17972" s="7">
        <v>38657</v>
      </c>
      <c r="G17972" s="8">
        <v>1</v>
      </c>
      <c r="H17972" s="8">
        <v>1</v>
      </c>
      <c r="I17972" s="8">
        <v>0</v>
      </c>
      <c r="J17972" s="8">
        <v>1</v>
      </c>
      <c r="K17972" s="9">
        <v>1.69</v>
      </c>
      <c r="L17972" s="6" t="s">
        <v>51</v>
      </c>
    </row>
    <row r="17973" spans="1:12">
      <c r="A17973" s="6" t="s">
        <v>17224</v>
      </c>
      <c r="B17973" s="6"/>
      <c r="C17973" s="6" t="s">
        <v>18005</v>
      </c>
      <c r="D17973" s="6"/>
      <c r="E17973" s="6" t="s">
        <v>9</v>
      </c>
      <c r="F17973" s="7">
        <v>38657</v>
      </c>
      <c r="G17973" s="8">
        <v>1</v>
      </c>
      <c r="H17973" s="8">
        <v>1</v>
      </c>
      <c r="I17973" s="8">
        <v>0</v>
      </c>
      <c r="J17973" s="8">
        <v>1</v>
      </c>
      <c r="K17973" s="9">
        <v>85</v>
      </c>
      <c r="L17973" s="6" t="s">
        <v>51</v>
      </c>
    </row>
    <row r="17974" spans="1:12">
      <c r="A17974" s="6" t="s">
        <v>17224</v>
      </c>
      <c r="B17974" s="6"/>
      <c r="C17974" s="6" t="s">
        <v>18006</v>
      </c>
      <c r="D17974" s="6"/>
      <c r="E17974" s="6" t="s">
        <v>9</v>
      </c>
      <c r="F17974" s="7">
        <v>38657</v>
      </c>
      <c r="G17974" s="8">
        <v>1</v>
      </c>
      <c r="H17974" s="8">
        <v>1</v>
      </c>
      <c r="I17974" s="8">
        <v>0</v>
      </c>
      <c r="J17974" s="8">
        <v>1</v>
      </c>
      <c r="K17974" s="9">
        <v>47</v>
      </c>
      <c r="L17974" s="6" t="s">
        <v>51</v>
      </c>
    </row>
    <row r="17975" spans="1:12">
      <c r="A17975" s="6" t="s">
        <v>17224</v>
      </c>
      <c r="B17975" s="6"/>
      <c r="C17975" s="6" t="s">
        <v>18007</v>
      </c>
      <c r="D17975" s="6"/>
      <c r="E17975" s="6" t="s">
        <v>9</v>
      </c>
      <c r="F17975" s="7">
        <v>38657</v>
      </c>
      <c r="G17975" s="8">
        <v>1</v>
      </c>
      <c r="H17975" s="8">
        <v>1</v>
      </c>
      <c r="I17975" s="8">
        <v>0</v>
      </c>
      <c r="J17975" s="8">
        <v>1</v>
      </c>
      <c r="K17975" s="9">
        <v>4.8</v>
      </c>
      <c r="L17975" s="6" t="s">
        <v>51</v>
      </c>
    </row>
    <row r="17976" spans="1:12">
      <c r="A17976" s="6" t="s">
        <v>17224</v>
      </c>
      <c r="B17976" s="6"/>
      <c r="C17976" s="6" t="s">
        <v>18008</v>
      </c>
      <c r="D17976" s="6"/>
      <c r="E17976" s="6" t="s">
        <v>9</v>
      </c>
      <c r="F17976" s="7">
        <v>38657</v>
      </c>
      <c r="G17976" s="8">
        <v>1</v>
      </c>
      <c r="H17976" s="8">
        <v>1</v>
      </c>
      <c r="I17976" s="8">
        <v>0</v>
      </c>
      <c r="J17976" s="8">
        <v>1</v>
      </c>
      <c r="K17976" s="9">
        <v>37</v>
      </c>
      <c r="L17976" s="6" t="s">
        <v>51</v>
      </c>
    </row>
    <row r="17977" spans="1:12">
      <c r="A17977" s="6" t="s">
        <v>17224</v>
      </c>
      <c r="B17977" s="6"/>
      <c r="C17977" s="6" t="s">
        <v>18009</v>
      </c>
      <c r="D17977" s="6"/>
      <c r="E17977" s="6" t="s">
        <v>9</v>
      </c>
      <c r="F17977" s="7">
        <v>38657</v>
      </c>
      <c r="G17977" s="8">
        <v>1</v>
      </c>
      <c r="H17977" s="8">
        <v>1</v>
      </c>
      <c r="I17977" s="8">
        <v>0</v>
      </c>
      <c r="J17977" s="8">
        <v>1</v>
      </c>
      <c r="K17977" s="9">
        <v>10</v>
      </c>
      <c r="L17977" s="6" t="s">
        <v>51</v>
      </c>
    </row>
    <row r="17978" spans="1:12">
      <c r="A17978" s="6" t="s">
        <v>17224</v>
      </c>
      <c r="B17978" s="6"/>
      <c r="C17978" s="6" t="s">
        <v>18010</v>
      </c>
      <c r="D17978" s="6"/>
      <c r="E17978" s="6" t="s">
        <v>9</v>
      </c>
      <c r="F17978" s="7">
        <v>38657</v>
      </c>
      <c r="G17978" s="8">
        <v>1</v>
      </c>
      <c r="H17978" s="8">
        <v>1</v>
      </c>
      <c r="I17978" s="8">
        <v>0</v>
      </c>
      <c r="J17978" s="8">
        <v>1</v>
      </c>
      <c r="K17978" s="9">
        <v>0.18</v>
      </c>
      <c r="L17978" s="6" t="s">
        <v>51</v>
      </c>
    </row>
    <row r="17979" spans="1:12">
      <c r="A17979" s="6" t="s">
        <v>17224</v>
      </c>
      <c r="B17979" s="6"/>
      <c r="C17979" s="6" t="s">
        <v>18011</v>
      </c>
      <c r="D17979" s="6"/>
      <c r="E17979" s="6" t="s">
        <v>9</v>
      </c>
      <c r="F17979" s="7">
        <v>38657</v>
      </c>
      <c r="G17979" s="8">
        <v>1</v>
      </c>
      <c r="H17979" s="8">
        <v>1</v>
      </c>
      <c r="I17979" s="8">
        <v>0</v>
      </c>
      <c r="J17979" s="8">
        <v>1</v>
      </c>
      <c r="K17979" s="9">
        <v>4.28</v>
      </c>
      <c r="L17979" s="6" t="s">
        <v>51</v>
      </c>
    </row>
    <row r="17980" spans="1:12">
      <c r="A17980" s="6" t="s">
        <v>17224</v>
      </c>
      <c r="B17980" s="6"/>
      <c r="C17980" s="6" t="s">
        <v>18012</v>
      </c>
      <c r="D17980" s="6"/>
      <c r="E17980" s="6" t="s">
        <v>9</v>
      </c>
      <c r="F17980" s="7">
        <v>38657</v>
      </c>
      <c r="G17980" s="8">
        <v>1</v>
      </c>
      <c r="H17980" s="8">
        <v>1</v>
      </c>
      <c r="I17980" s="8">
        <v>0</v>
      </c>
      <c r="J17980" s="8">
        <v>1</v>
      </c>
      <c r="K17980" s="9">
        <v>154.24</v>
      </c>
      <c r="L17980" s="6" t="s">
        <v>51</v>
      </c>
    </row>
    <row r="17981" spans="1:12">
      <c r="A17981" s="6" t="s">
        <v>17224</v>
      </c>
      <c r="B17981" s="6"/>
      <c r="C17981" s="6" t="s">
        <v>18013</v>
      </c>
      <c r="D17981" s="6"/>
      <c r="E17981" s="6" t="s">
        <v>9</v>
      </c>
      <c r="F17981" s="7">
        <v>38657</v>
      </c>
      <c r="G17981" s="8">
        <v>1</v>
      </c>
      <c r="H17981" s="8">
        <v>1</v>
      </c>
      <c r="I17981" s="8">
        <v>0</v>
      </c>
      <c r="J17981" s="8">
        <v>1</v>
      </c>
      <c r="K17981" s="9">
        <v>113</v>
      </c>
      <c r="L17981" s="6" t="s">
        <v>51</v>
      </c>
    </row>
    <row r="17982" spans="1:12">
      <c r="A17982" s="6" t="s">
        <v>17224</v>
      </c>
      <c r="B17982" s="6"/>
      <c r="C17982" s="6" t="s">
        <v>18014</v>
      </c>
      <c r="D17982" s="6"/>
      <c r="E17982" s="6" t="s">
        <v>9</v>
      </c>
      <c r="F17982" s="7">
        <v>38657</v>
      </c>
      <c r="G17982" s="8">
        <v>1</v>
      </c>
      <c r="H17982" s="8">
        <v>1</v>
      </c>
      <c r="I17982" s="8">
        <v>0</v>
      </c>
      <c r="J17982" s="8">
        <v>1</v>
      </c>
      <c r="K17982" s="9">
        <v>30</v>
      </c>
      <c r="L17982" s="6" t="s">
        <v>51</v>
      </c>
    </row>
    <row r="17983" spans="1:12">
      <c r="A17983" s="6" t="s">
        <v>17224</v>
      </c>
      <c r="B17983" s="6"/>
      <c r="C17983" s="6" t="s">
        <v>18015</v>
      </c>
      <c r="D17983" s="6"/>
      <c r="E17983" s="6" t="s">
        <v>9</v>
      </c>
      <c r="F17983" s="7">
        <v>38657</v>
      </c>
      <c r="G17983" s="8">
        <v>1</v>
      </c>
      <c r="H17983" s="8">
        <v>1</v>
      </c>
      <c r="I17983" s="8">
        <v>0</v>
      </c>
      <c r="J17983" s="8">
        <v>1</v>
      </c>
      <c r="K17983" s="9">
        <v>7.2</v>
      </c>
      <c r="L17983" s="6" t="s">
        <v>51</v>
      </c>
    </row>
    <row r="17984" spans="1:12">
      <c r="A17984" s="6" t="s">
        <v>17224</v>
      </c>
      <c r="B17984" s="6"/>
      <c r="C17984" s="6" t="s">
        <v>18016</v>
      </c>
      <c r="D17984" s="6"/>
      <c r="E17984" s="6" t="s">
        <v>9</v>
      </c>
      <c r="F17984" s="7">
        <v>38657</v>
      </c>
      <c r="G17984" s="8">
        <v>1</v>
      </c>
      <c r="H17984" s="8">
        <v>1</v>
      </c>
      <c r="I17984" s="8">
        <v>0</v>
      </c>
      <c r="J17984" s="8">
        <v>1</v>
      </c>
      <c r="K17984" s="9">
        <v>30</v>
      </c>
      <c r="L17984" s="6" t="s">
        <v>51</v>
      </c>
    </row>
    <row r="17985" spans="1:12">
      <c r="A17985" s="6" t="s">
        <v>17224</v>
      </c>
      <c r="B17985" s="6"/>
      <c r="C17985" s="6" t="s">
        <v>18017</v>
      </c>
      <c r="D17985" s="6"/>
      <c r="E17985" s="6" t="s">
        <v>9</v>
      </c>
      <c r="F17985" s="7">
        <v>38657</v>
      </c>
      <c r="G17985" s="8">
        <v>1</v>
      </c>
      <c r="H17985" s="8">
        <v>1</v>
      </c>
      <c r="I17985" s="8">
        <v>0</v>
      </c>
      <c r="J17985" s="8">
        <v>1</v>
      </c>
      <c r="K17985" s="9">
        <v>28</v>
      </c>
      <c r="L17985" s="6" t="s">
        <v>51</v>
      </c>
    </row>
    <row r="17986" spans="1:12">
      <c r="A17986" s="6" t="s">
        <v>17224</v>
      </c>
      <c r="B17986" s="6"/>
      <c r="C17986" s="6" t="s">
        <v>18018</v>
      </c>
      <c r="D17986" s="6"/>
      <c r="E17986" s="6" t="s">
        <v>9</v>
      </c>
      <c r="F17986" s="7">
        <v>38657</v>
      </c>
      <c r="G17986" s="8">
        <v>1</v>
      </c>
      <c r="H17986" s="8">
        <v>1</v>
      </c>
      <c r="I17986" s="8">
        <v>0</v>
      </c>
      <c r="J17986" s="8">
        <v>1</v>
      </c>
      <c r="K17986" s="9">
        <v>17</v>
      </c>
      <c r="L17986" s="6" t="s">
        <v>51</v>
      </c>
    </row>
    <row r="17987" spans="1:12">
      <c r="A17987" s="6" t="s">
        <v>17224</v>
      </c>
      <c r="B17987" s="6"/>
      <c r="C17987" s="6" t="s">
        <v>18019</v>
      </c>
      <c r="D17987" s="6"/>
      <c r="E17987" s="6" t="s">
        <v>9</v>
      </c>
      <c r="F17987" s="7">
        <v>38657</v>
      </c>
      <c r="G17987" s="8">
        <v>1</v>
      </c>
      <c r="H17987" s="8">
        <v>1</v>
      </c>
      <c r="I17987" s="8">
        <v>0</v>
      </c>
      <c r="J17987" s="8">
        <v>1</v>
      </c>
      <c r="K17987" s="9">
        <v>31</v>
      </c>
      <c r="L17987" s="6" t="s">
        <v>51</v>
      </c>
    </row>
    <row r="17988" spans="1:12">
      <c r="A17988" s="6" t="s">
        <v>17224</v>
      </c>
      <c r="B17988" s="6"/>
      <c r="C17988" s="6" t="s">
        <v>18020</v>
      </c>
      <c r="D17988" s="6"/>
      <c r="E17988" s="6" t="s">
        <v>9</v>
      </c>
      <c r="F17988" s="7">
        <v>38657</v>
      </c>
      <c r="G17988" s="8">
        <v>1</v>
      </c>
      <c r="H17988" s="8">
        <v>1</v>
      </c>
      <c r="I17988" s="8">
        <v>0</v>
      </c>
      <c r="J17988" s="8">
        <v>1</v>
      </c>
      <c r="K17988" s="9">
        <v>36</v>
      </c>
      <c r="L17988" s="6" t="s">
        <v>51</v>
      </c>
    </row>
    <row r="17989" spans="1:12">
      <c r="A17989" s="6" t="s">
        <v>17224</v>
      </c>
      <c r="B17989" s="6"/>
      <c r="C17989" s="6" t="s">
        <v>18021</v>
      </c>
      <c r="D17989" s="6"/>
      <c r="E17989" s="6" t="s">
        <v>9</v>
      </c>
      <c r="F17989" s="7">
        <v>38657</v>
      </c>
      <c r="G17989" s="8">
        <v>1</v>
      </c>
      <c r="H17989" s="8">
        <v>1</v>
      </c>
      <c r="I17989" s="8">
        <v>0</v>
      </c>
      <c r="J17989" s="8">
        <v>1</v>
      </c>
      <c r="K17989" s="9">
        <v>2.79</v>
      </c>
      <c r="L17989" s="6" t="s">
        <v>51</v>
      </c>
    </row>
    <row r="17990" spans="1:12">
      <c r="A17990" s="6" t="s">
        <v>17224</v>
      </c>
      <c r="B17990" s="6"/>
      <c r="C17990" s="6" t="s">
        <v>18022</v>
      </c>
      <c r="D17990" s="6"/>
      <c r="E17990" s="6" t="s">
        <v>9</v>
      </c>
      <c r="F17990" s="7">
        <v>38657</v>
      </c>
      <c r="G17990" s="8">
        <v>1</v>
      </c>
      <c r="H17990" s="8">
        <v>1</v>
      </c>
      <c r="I17990" s="8">
        <v>0</v>
      </c>
      <c r="J17990" s="8">
        <v>1</v>
      </c>
      <c r="K17990" s="9">
        <v>57</v>
      </c>
      <c r="L17990" s="6" t="s">
        <v>51</v>
      </c>
    </row>
    <row r="17991" spans="1:12">
      <c r="A17991" s="6" t="s">
        <v>17224</v>
      </c>
      <c r="B17991" s="6"/>
      <c r="C17991" s="6" t="s">
        <v>18023</v>
      </c>
      <c r="D17991" s="6"/>
      <c r="E17991" s="6" t="s">
        <v>9</v>
      </c>
      <c r="F17991" s="7">
        <v>38657</v>
      </c>
      <c r="G17991" s="8">
        <v>1</v>
      </c>
      <c r="H17991" s="8">
        <v>1</v>
      </c>
      <c r="I17991" s="8">
        <v>0</v>
      </c>
      <c r="J17991" s="8">
        <v>1</v>
      </c>
      <c r="K17991" s="9">
        <v>153</v>
      </c>
      <c r="L17991" s="6" t="s">
        <v>51</v>
      </c>
    </row>
    <row r="17992" spans="1:12">
      <c r="A17992" s="6" t="s">
        <v>17224</v>
      </c>
      <c r="B17992" s="6"/>
      <c r="C17992" s="6" t="s">
        <v>18024</v>
      </c>
      <c r="D17992" s="6"/>
      <c r="E17992" s="6" t="s">
        <v>9</v>
      </c>
      <c r="F17992" s="7">
        <v>38657</v>
      </c>
      <c r="G17992" s="8">
        <v>1</v>
      </c>
      <c r="H17992" s="8">
        <v>1</v>
      </c>
      <c r="I17992" s="8">
        <v>0</v>
      </c>
      <c r="J17992" s="8">
        <v>1</v>
      </c>
      <c r="K17992" s="9">
        <v>30</v>
      </c>
      <c r="L17992" s="6" t="s">
        <v>51</v>
      </c>
    </row>
    <row r="17993" spans="1:12">
      <c r="A17993" s="6" t="s">
        <v>17224</v>
      </c>
      <c r="B17993" s="6"/>
      <c r="C17993" s="6" t="s">
        <v>18025</v>
      </c>
      <c r="D17993" s="6"/>
      <c r="E17993" s="6" t="s">
        <v>9</v>
      </c>
      <c r="F17993" s="7">
        <v>41900</v>
      </c>
      <c r="G17993" s="8">
        <v>1</v>
      </c>
      <c r="H17993" s="8">
        <v>1</v>
      </c>
      <c r="I17993" s="8">
        <v>0</v>
      </c>
      <c r="J17993" s="8">
        <v>1</v>
      </c>
      <c r="K17993" s="9">
        <v>26</v>
      </c>
      <c r="L17993" s="6" t="s">
        <v>51</v>
      </c>
    </row>
    <row r="17994" spans="1:12">
      <c r="A17994" s="6" t="s">
        <v>17224</v>
      </c>
      <c r="B17994" s="6"/>
      <c r="C17994" s="6" t="s">
        <v>18026</v>
      </c>
      <c r="D17994" s="6"/>
      <c r="E17994" s="6" t="s">
        <v>9</v>
      </c>
      <c r="F17994" s="7">
        <v>41900</v>
      </c>
      <c r="G17994" s="8">
        <v>312000</v>
      </c>
      <c r="H17994" s="8">
        <v>312000</v>
      </c>
      <c r="I17994" s="8">
        <v>0</v>
      </c>
      <c r="J17994" s="8">
        <v>312000</v>
      </c>
      <c r="K17994" s="9">
        <v>26</v>
      </c>
      <c r="L17994" s="6" t="s">
        <v>10</v>
      </c>
    </row>
    <row r="17995" spans="1:12">
      <c r="A17995" s="6" t="s">
        <v>17224</v>
      </c>
      <c r="B17995" s="6"/>
      <c r="C17995" s="6" t="s">
        <v>18027</v>
      </c>
      <c r="D17995" s="6"/>
      <c r="E17995" s="6" t="s">
        <v>9</v>
      </c>
      <c r="F17995" s="7">
        <v>38657</v>
      </c>
      <c r="G17995" s="8">
        <v>1</v>
      </c>
      <c r="H17995" s="8">
        <v>1</v>
      </c>
      <c r="I17995" s="8">
        <v>0</v>
      </c>
      <c r="J17995" s="8">
        <v>1</v>
      </c>
      <c r="K17995" s="9">
        <v>1.56</v>
      </c>
      <c r="L17995" s="6" t="s">
        <v>51</v>
      </c>
    </row>
    <row r="17996" spans="1:12">
      <c r="A17996" s="6" t="s">
        <v>17224</v>
      </c>
      <c r="B17996" s="6"/>
      <c r="C17996" s="6" t="s">
        <v>18028</v>
      </c>
      <c r="D17996" s="6"/>
      <c r="E17996" s="6" t="s">
        <v>9</v>
      </c>
      <c r="F17996" s="7">
        <v>38657</v>
      </c>
      <c r="G17996" s="8">
        <v>1</v>
      </c>
      <c r="H17996" s="8">
        <v>1</v>
      </c>
      <c r="I17996" s="8">
        <v>0</v>
      </c>
      <c r="J17996" s="8">
        <v>1</v>
      </c>
      <c r="K17996" s="9">
        <v>0.31</v>
      </c>
      <c r="L17996" s="6" t="s">
        <v>51</v>
      </c>
    </row>
    <row r="17997" spans="1:12">
      <c r="A17997" s="6" t="s">
        <v>17224</v>
      </c>
      <c r="B17997" s="6"/>
      <c r="C17997" s="6" t="s">
        <v>18029</v>
      </c>
      <c r="D17997" s="6"/>
      <c r="E17997" s="6" t="s">
        <v>9</v>
      </c>
      <c r="F17997" s="7">
        <v>38657</v>
      </c>
      <c r="G17997" s="8">
        <v>1</v>
      </c>
      <c r="H17997" s="8">
        <v>1</v>
      </c>
      <c r="I17997" s="8">
        <v>0</v>
      </c>
      <c r="J17997" s="8">
        <v>1</v>
      </c>
      <c r="K17997" s="9">
        <v>2.63</v>
      </c>
      <c r="L17997" s="6" t="s">
        <v>51</v>
      </c>
    </row>
    <row r="17998" spans="1:12">
      <c r="A17998" s="6" t="s">
        <v>17224</v>
      </c>
      <c r="B17998" s="6"/>
      <c r="C17998" s="6" t="s">
        <v>18030</v>
      </c>
      <c r="D17998" s="6"/>
      <c r="E17998" s="6" t="s">
        <v>9</v>
      </c>
      <c r="F17998" s="7">
        <v>38657</v>
      </c>
      <c r="G17998" s="8">
        <v>1</v>
      </c>
      <c r="H17998" s="8">
        <v>1</v>
      </c>
      <c r="I17998" s="8">
        <v>0</v>
      </c>
      <c r="J17998" s="8">
        <v>1</v>
      </c>
      <c r="K17998" s="9">
        <v>127.9</v>
      </c>
      <c r="L17998" s="6" t="s">
        <v>51</v>
      </c>
    </row>
    <row r="17999" spans="1:12">
      <c r="A17999" s="6" t="s">
        <v>17224</v>
      </c>
      <c r="B17999" s="6"/>
      <c r="C17999" s="6" t="s">
        <v>18031</v>
      </c>
      <c r="D17999" s="6"/>
      <c r="E17999" s="6" t="s">
        <v>9</v>
      </c>
      <c r="F17999" s="7">
        <v>38657</v>
      </c>
      <c r="G17999" s="8">
        <v>1</v>
      </c>
      <c r="H17999" s="8">
        <v>1</v>
      </c>
      <c r="I17999" s="8">
        <v>0</v>
      </c>
      <c r="J17999" s="8">
        <v>1</v>
      </c>
      <c r="K17999" s="9">
        <v>2.27</v>
      </c>
      <c r="L17999" s="6" t="s">
        <v>51</v>
      </c>
    </row>
    <row r="18000" spans="1:12">
      <c r="A18000" s="6" t="s">
        <v>17224</v>
      </c>
      <c r="B18000" s="6"/>
      <c r="C18000" s="6" t="s">
        <v>18032</v>
      </c>
      <c r="D18000" s="6"/>
      <c r="E18000" s="6" t="s">
        <v>9</v>
      </c>
      <c r="F18000" s="7">
        <v>38657</v>
      </c>
      <c r="G18000" s="8">
        <v>1</v>
      </c>
      <c r="H18000" s="8">
        <v>1</v>
      </c>
      <c r="I18000" s="8">
        <v>0</v>
      </c>
      <c r="J18000" s="8">
        <v>1</v>
      </c>
      <c r="K18000" s="9">
        <v>41.73</v>
      </c>
      <c r="L18000" s="6" t="s">
        <v>51</v>
      </c>
    </row>
    <row r="18001" spans="1:12">
      <c r="A18001" s="6" t="s">
        <v>17224</v>
      </c>
      <c r="B18001" s="6"/>
      <c r="C18001" s="6" t="s">
        <v>18033</v>
      </c>
      <c r="D18001" s="6"/>
      <c r="E18001" s="6" t="s">
        <v>9</v>
      </c>
      <c r="F18001" s="7">
        <v>38657</v>
      </c>
      <c r="G18001" s="8">
        <v>1</v>
      </c>
      <c r="H18001" s="8">
        <v>1</v>
      </c>
      <c r="I18001" s="8">
        <v>0</v>
      </c>
      <c r="J18001" s="8">
        <v>1</v>
      </c>
      <c r="K18001" s="9">
        <v>25.4</v>
      </c>
      <c r="L18001" s="6" t="s">
        <v>51</v>
      </c>
    </row>
    <row r="18002" spans="1:12">
      <c r="A18002" s="6" t="s">
        <v>17224</v>
      </c>
      <c r="B18002" s="6"/>
      <c r="C18002" s="6" t="s">
        <v>18034</v>
      </c>
      <c r="D18002" s="6"/>
      <c r="E18002" s="6" t="s">
        <v>9</v>
      </c>
      <c r="F18002" s="7">
        <v>38657</v>
      </c>
      <c r="G18002" s="8">
        <v>1</v>
      </c>
      <c r="H18002" s="8">
        <v>1</v>
      </c>
      <c r="I18002" s="8">
        <v>0</v>
      </c>
      <c r="J18002" s="8">
        <v>1</v>
      </c>
      <c r="K18002" s="9">
        <v>94</v>
      </c>
      <c r="L18002" s="6" t="s">
        <v>51</v>
      </c>
    </row>
    <row r="18003" spans="1:12">
      <c r="A18003" s="6" t="s">
        <v>17224</v>
      </c>
      <c r="B18003" s="6"/>
      <c r="C18003" s="6" t="s">
        <v>18035</v>
      </c>
      <c r="D18003" s="6"/>
      <c r="E18003" s="6" t="s">
        <v>9</v>
      </c>
      <c r="F18003" s="7">
        <v>38657</v>
      </c>
      <c r="G18003" s="8">
        <v>1</v>
      </c>
      <c r="H18003" s="8">
        <v>1</v>
      </c>
      <c r="I18003" s="8">
        <v>0</v>
      </c>
      <c r="J18003" s="8">
        <v>1</v>
      </c>
      <c r="K18003" s="9">
        <v>349</v>
      </c>
      <c r="L18003" s="6" t="s">
        <v>51</v>
      </c>
    </row>
    <row r="18004" spans="1:12">
      <c r="A18004" s="6" t="s">
        <v>17224</v>
      </c>
      <c r="B18004" s="6"/>
      <c r="C18004" s="6" t="s">
        <v>18036</v>
      </c>
      <c r="D18004" s="6"/>
      <c r="E18004" s="6" t="s">
        <v>9</v>
      </c>
      <c r="F18004" s="7">
        <v>38657</v>
      </c>
      <c r="G18004" s="8">
        <v>1</v>
      </c>
      <c r="H18004" s="8">
        <v>1</v>
      </c>
      <c r="I18004" s="8">
        <v>0</v>
      </c>
      <c r="J18004" s="8">
        <v>1</v>
      </c>
      <c r="K18004" s="9">
        <v>83</v>
      </c>
      <c r="L18004" s="6" t="s">
        <v>51</v>
      </c>
    </row>
    <row r="18005" spans="1:12">
      <c r="A18005" s="6" t="s">
        <v>17224</v>
      </c>
      <c r="B18005" s="6"/>
      <c r="C18005" s="6" t="s">
        <v>18037</v>
      </c>
      <c r="D18005" s="6"/>
      <c r="E18005" s="6" t="s">
        <v>9</v>
      </c>
      <c r="F18005" s="7">
        <v>38657</v>
      </c>
      <c r="G18005" s="8">
        <v>1</v>
      </c>
      <c r="H18005" s="8">
        <v>1</v>
      </c>
      <c r="I18005" s="8">
        <v>0</v>
      </c>
      <c r="J18005" s="8">
        <v>1</v>
      </c>
      <c r="K18005" s="9">
        <v>8.1199999999999903</v>
      </c>
      <c r="L18005" s="6" t="s">
        <v>51</v>
      </c>
    </row>
    <row r="18006" spans="1:12">
      <c r="A18006" s="6" t="s">
        <v>17224</v>
      </c>
      <c r="B18006" s="6"/>
      <c r="C18006" s="6" t="s">
        <v>18038</v>
      </c>
      <c r="D18006" s="6"/>
      <c r="E18006" s="6" t="s">
        <v>9</v>
      </c>
      <c r="F18006" s="7">
        <v>38657</v>
      </c>
      <c r="G18006" s="8">
        <v>1</v>
      </c>
      <c r="H18006" s="8">
        <v>1</v>
      </c>
      <c r="I18006" s="8">
        <v>0</v>
      </c>
      <c r="J18006" s="8">
        <v>1</v>
      </c>
      <c r="K18006" s="9">
        <v>1.9</v>
      </c>
      <c r="L18006" s="6" t="s">
        <v>51</v>
      </c>
    </row>
    <row r="18007" spans="1:12">
      <c r="A18007" s="6" t="s">
        <v>17224</v>
      </c>
      <c r="B18007" s="6"/>
      <c r="C18007" s="6" t="s">
        <v>18039</v>
      </c>
      <c r="D18007" s="6"/>
      <c r="E18007" s="6" t="s">
        <v>9</v>
      </c>
      <c r="F18007" s="7">
        <v>38657</v>
      </c>
      <c r="G18007" s="8">
        <v>1</v>
      </c>
      <c r="H18007" s="8">
        <v>1</v>
      </c>
      <c r="I18007" s="8">
        <v>0</v>
      </c>
      <c r="J18007" s="8">
        <v>1</v>
      </c>
      <c r="K18007" s="9">
        <v>188</v>
      </c>
      <c r="L18007" s="6" t="s">
        <v>51</v>
      </c>
    </row>
    <row r="18008" spans="1:12">
      <c r="A18008" s="6" t="s">
        <v>17224</v>
      </c>
      <c r="B18008" s="6"/>
      <c r="C18008" s="6" t="s">
        <v>18040</v>
      </c>
      <c r="D18008" s="6"/>
      <c r="E18008" s="6" t="s">
        <v>9</v>
      </c>
      <c r="F18008" s="7">
        <v>38657</v>
      </c>
      <c r="G18008" s="8">
        <v>1</v>
      </c>
      <c r="H18008" s="8">
        <v>1</v>
      </c>
      <c r="I18008" s="8">
        <v>0</v>
      </c>
      <c r="J18008" s="8">
        <v>1</v>
      </c>
      <c r="K18008" s="9">
        <v>11</v>
      </c>
      <c r="L18008" s="6" t="s">
        <v>51</v>
      </c>
    </row>
    <row r="18009" spans="1:12">
      <c r="A18009" s="6" t="s">
        <v>17224</v>
      </c>
      <c r="B18009" s="6"/>
      <c r="C18009" s="6" t="s">
        <v>18041</v>
      </c>
      <c r="D18009" s="6"/>
      <c r="E18009" s="6" t="s">
        <v>9</v>
      </c>
      <c r="F18009" s="7">
        <v>38657</v>
      </c>
      <c r="G18009" s="8">
        <v>1</v>
      </c>
      <c r="H18009" s="8">
        <v>1</v>
      </c>
      <c r="I18009" s="8">
        <v>0</v>
      </c>
      <c r="J18009" s="8">
        <v>1</v>
      </c>
      <c r="K18009" s="9">
        <v>2.61</v>
      </c>
      <c r="L18009" s="6" t="s">
        <v>51</v>
      </c>
    </row>
    <row r="18010" spans="1:12">
      <c r="A18010" s="6" t="s">
        <v>17224</v>
      </c>
      <c r="B18010" s="6"/>
      <c r="C18010" s="6" t="s">
        <v>18042</v>
      </c>
      <c r="D18010" s="6"/>
      <c r="E18010" s="6" t="s">
        <v>9</v>
      </c>
      <c r="F18010" s="7">
        <v>38657</v>
      </c>
      <c r="G18010" s="8">
        <v>1</v>
      </c>
      <c r="H18010" s="8">
        <v>1</v>
      </c>
      <c r="I18010" s="8">
        <v>0</v>
      </c>
      <c r="J18010" s="8">
        <v>1</v>
      </c>
      <c r="K18010" s="9">
        <v>161</v>
      </c>
      <c r="L18010" s="6" t="s">
        <v>51</v>
      </c>
    </row>
    <row r="18011" spans="1:12">
      <c r="A18011" s="6" t="s">
        <v>17224</v>
      </c>
      <c r="B18011" s="6"/>
      <c r="C18011" s="6" t="s">
        <v>18043</v>
      </c>
      <c r="D18011" s="6"/>
      <c r="E18011" s="6" t="s">
        <v>9</v>
      </c>
      <c r="F18011" s="7">
        <v>38657</v>
      </c>
      <c r="G18011" s="8">
        <v>1</v>
      </c>
      <c r="H18011" s="8">
        <v>1</v>
      </c>
      <c r="I18011" s="8">
        <v>0</v>
      </c>
      <c r="J18011" s="8">
        <v>1</v>
      </c>
      <c r="K18011" s="9">
        <v>8.9600000000000009</v>
      </c>
      <c r="L18011" s="6" t="s">
        <v>51</v>
      </c>
    </row>
    <row r="18012" spans="1:12">
      <c r="A18012" s="6" t="s">
        <v>17224</v>
      </c>
      <c r="B18012" s="6"/>
      <c r="C18012" s="6" t="s">
        <v>18044</v>
      </c>
      <c r="D18012" s="6"/>
      <c r="E18012" s="6" t="s">
        <v>9</v>
      </c>
      <c r="F18012" s="7">
        <v>38657</v>
      </c>
      <c r="G18012" s="8">
        <v>1</v>
      </c>
      <c r="H18012" s="8">
        <v>1</v>
      </c>
      <c r="I18012" s="8">
        <v>0</v>
      </c>
      <c r="J18012" s="8">
        <v>1</v>
      </c>
      <c r="K18012" s="9">
        <v>2.00999999999999</v>
      </c>
      <c r="L18012" s="6" t="s">
        <v>51</v>
      </c>
    </row>
    <row r="18013" spans="1:12">
      <c r="A18013" s="6" t="s">
        <v>17224</v>
      </c>
      <c r="B18013" s="6"/>
      <c r="C18013" s="6" t="s">
        <v>18045</v>
      </c>
      <c r="D18013" s="6"/>
      <c r="E18013" s="6" t="s">
        <v>9</v>
      </c>
      <c r="F18013" s="7">
        <v>38657</v>
      </c>
      <c r="G18013" s="8">
        <v>1</v>
      </c>
      <c r="H18013" s="8">
        <v>1</v>
      </c>
      <c r="I18013" s="8">
        <v>0</v>
      </c>
      <c r="J18013" s="8">
        <v>1</v>
      </c>
      <c r="K18013" s="9">
        <v>3.3</v>
      </c>
      <c r="L18013" s="6" t="s">
        <v>51</v>
      </c>
    </row>
    <row r="18014" spans="1:12">
      <c r="A18014" s="6" t="s">
        <v>17224</v>
      </c>
      <c r="B18014" s="6"/>
      <c r="C18014" s="6" t="s">
        <v>18046</v>
      </c>
      <c r="D18014" s="6"/>
      <c r="E18014" s="6" t="s">
        <v>9</v>
      </c>
      <c r="F18014" s="7">
        <v>38657</v>
      </c>
      <c r="G18014" s="8">
        <v>1</v>
      </c>
      <c r="H18014" s="8">
        <v>1</v>
      </c>
      <c r="I18014" s="8">
        <v>0</v>
      </c>
      <c r="J18014" s="8">
        <v>1</v>
      </c>
      <c r="K18014" s="9">
        <v>107</v>
      </c>
      <c r="L18014" s="6" t="s">
        <v>51</v>
      </c>
    </row>
    <row r="18015" spans="1:12">
      <c r="A18015" s="6" t="s">
        <v>17224</v>
      </c>
      <c r="B18015" s="6"/>
      <c r="C18015" s="6" t="s">
        <v>18047</v>
      </c>
      <c r="D18015" s="6"/>
      <c r="E18015" s="6" t="s">
        <v>9</v>
      </c>
      <c r="F18015" s="7">
        <v>38657</v>
      </c>
      <c r="G18015" s="8">
        <v>1</v>
      </c>
      <c r="H18015" s="8">
        <v>1</v>
      </c>
      <c r="I18015" s="8">
        <v>0</v>
      </c>
      <c r="J18015" s="8">
        <v>1</v>
      </c>
      <c r="K18015" s="9">
        <v>22</v>
      </c>
      <c r="L18015" s="6" t="s">
        <v>51</v>
      </c>
    </row>
    <row r="18016" spans="1:12">
      <c r="A18016" s="6" t="s">
        <v>17224</v>
      </c>
      <c r="B18016" s="6"/>
      <c r="C18016" s="6" t="s">
        <v>18048</v>
      </c>
      <c r="D18016" s="6"/>
      <c r="E18016" s="6" t="s">
        <v>9</v>
      </c>
      <c r="F18016" s="7">
        <v>38657</v>
      </c>
      <c r="G18016" s="8">
        <v>1</v>
      </c>
      <c r="H18016" s="8">
        <v>1</v>
      </c>
      <c r="I18016" s="8">
        <v>0</v>
      </c>
      <c r="J18016" s="8">
        <v>1</v>
      </c>
      <c r="K18016" s="9">
        <v>49</v>
      </c>
      <c r="L18016" s="6" t="s">
        <v>51</v>
      </c>
    </row>
    <row r="18017" spans="1:12">
      <c r="A18017" s="6" t="s">
        <v>17224</v>
      </c>
      <c r="B18017" s="6"/>
      <c r="C18017" s="6" t="s">
        <v>18049</v>
      </c>
      <c r="D18017" s="6"/>
      <c r="E18017" s="6" t="s">
        <v>9</v>
      </c>
      <c r="F18017" s="7">
        <v>38657</v>
      </c>
      <c r="G18017" s="8">
        <v>1</v>
      </c>
      <c r="H18017" s="8">
        <v>1</v>
      </c>
      <c r="I18017" s="8">
        <v>0</v>
      </c>
      <c r="J18017" s="8">
        <v>1</v>
      </c>
      <c r="K18017" s="9">
        <v>3.48</v>
      </c>
      <c r="L18017" s="6" t="s">
        <v>51</v>
      </c>
    </row>
    <row r="18018" spans="1:12">
      <c r="A18018" s="6" t="s">
        <v>17224</v>
      </c>
      <c r="B18018" s="6"/>
      <c r="C18018" s="6" t="s">
        <v>18050</v>
      </c>
      <c r="D18018" s="6"/>
      <c r="E18018" s="6" t="s">
        <v>9</v>
      </c>
      <c r="F18018" s="7">
        <v>38657</v>
      </c>
      <c r="G18018" s="8">
        <v>1</v>
      </c>
      <c r="H18018" s="8">
        <v>1</v>
      </c>
      <c r="I18018" s="8">
        <v>0</v>
      </c>
      <c r="J18018" s="8">
        <v>1</v>
      </c>
      <c r="K18018" s="9">
        <v>22</v>
      </c>
      <c r="L18018" s="6" t="s">
        <v>51</v>
      </c>
    </row>
    <row r="18019" spans="1:12">
      <c r="A18019" s="6" t="s">
        <v>17224</v>
      </c>
      <c r="B18019" s="6"/>
      <c r="C18019" s="6" t="s">
        <v>18051</v>
      </c>
      <c r="D18019" s="6"/>
      <c r="E18019" s="6" t="s">
        <v>9</v>
      </c>
      <c r="F18019" s="7">
        <v>38657</v>
      </c>
      <c r="G18019" s="8">
        <v>1</v>
      </c>
      <c r="H18019" s="8">
        <v>1</v>
      </c>
      <c r="I18019" s="8">
        <v>0</v>
      </c>
      <c r="J18019" s="8">
        <v>1</v>
      </c>
      <c r="K18019" s="9">
        <v>14</v>
      </c>
      <c r="L18019" s="6" t="s">
        <v>51</v>
      </c>
    </row>
    <row r="18020" spans="1:12">
      <c r="A18020" s="6" t="s">
        <v>17224</v>
      </c>
      <c r="B18020" s="6"/>
      <c r="C18020" s="6" t="s">
        <v>18052</v>
      </c>
      <c r="D18020" s="6"/>
      <c r="E18020" s="6" t="s">
        <v>9</v>
      </c>
      <c r="F18020" s="7">
        <v>38657</v>
      </c>
      <c r="G18020" s="8">
        <v>1</v>
      </c>
      <c r="H18020" s="8">
        <v>1</v>
      </c>
      <c r="I18020" s="8">
        <v>0</v>
      </c>
      <c r="J18020" s="8">
        <v>1</v>
      </c>
      <c r="K18020" s="9">
        <v>44</v>
      </c>
      <c r="L18020" s="6" t="s">
        <v>51</v>
      </c>
    </row>
    <row r="18021" spans="1:12">
      <c r="A18021" s="6" t="s">
        <v>17224</v>
      </c>
      <c r="B18021" s="6"/>
      <c r="C18021" s="6" t="s">
        <v>18053</v>
      </c>
      <c r="D18021" s="6"/>
      <c r="E18021" s="6" t="s">
        <v>9</v>
      </c>
      <c r="F18021" s="7">
        <v>38657</v>
      </c>
      <c r="G18021" s="8">
        <v>1</v>
      </c>
      <c r="H18021" s="8">
        <v>1</v>
      </c>
      <c r="I18021" s="8">
        <v>0</v>
      </c>
      <c r="J18021" s="8">
        <v>1</v>
      </c>
      <c r="K18021" s="9">
        <v>2.08</v>
      </c>
      <c r="L18021" s="6" t="s">
        <v>51</v>
      </c>
    </row>
    <row r="18022" spans="1:12">
      <c r="A18022" s="6" t="s">
        <v>17224</v>
      </c>
      <c r="B18022" s="6"/>
      <c r="C18022" s="6" t="s">
        <v>18054</v>
      </c>
      <c r="D18022" s="6"/>
      <c r="E18022" s="6" t="s">
        <v>9</v>
      </c>
      <c r="F18022" s="7">
        <v>38657</v>
      </c>
      <c r="G18022" s="8">
        <v>1</v>
      </c>
      <c r="H18022" s="8">
        <v>1</v>
      </c>
      <c r="I18022" s="8">
        <v>0</v>
      </c>
      <c r="J18022" s="8">
        <v>1</v>
      </c>
      <c r="K18022" s="9">
        <v>41</v>
      </c>
      <c r="L18022" s="6" t="s">
        <v>51</v>
      </c>
    </row>
    <row r="18023" spans="1:12">
      <c r="A18023" s="6" t="s">
        <v>17224</v>
      </c>
      <c r="B18023" s="6"/>
      <c r="C18023" s="6" t="s">
        <v>18055</v>
      </c>
      <c r="D18023" s="6"/>
      <c r="E18023" s="6" t="s">
        <v>9</v>
      </c>
      <c r="F18023" s="7">
        <v>38657</v>
      </c>
      <c r="G18023" s="8">
        <v>1</v>
      </c>
      <c r="H18023" s="8">
        <v>1</v>
      </c>
      <c r="I18023" s="8">
        <v>0</v>
      </c>
      <c r="J18023" s="8">
        <v>1</v>
      </c>
      <c r="K18023" s="9">
        <v>10</v>
      </c>
      <c r="L18023" s="6" t="s">
        <v>51</v>
      </c>
    </row>
    <row r="18024" spans="1:12">
      <c r="A18024" s="6" t="s">
        <v>17224</v>
      </c>
      <c r="B18024" s="6"/>
      <c r="C18024" s="6" t="s">
        <v>18056</v>
      </c>
      <c r="D18024" s="6"/>
      <c r="E18024" s="6" t="s">
        <v>9</v>
      </c>
      <c r="F18024" s="7">
        <v>38657</v>
      </c>
      <c r="G18024" s="8">
        <v>1</v>
      </c>
      <c r="H18024" s="8">
        <v>1</v>
      </c>
      <c r="I18024" s="8">
        <v>0</v>
      </c>
      <c r="J18024" s="8">
        <v>1</v>
      </c>
      <c r="K18024" s="9">
        <v>136.37</v>
      </c>
      <c r="L18024" s="6" t="s">
        <v>51</v>
      </c>
    </row>
    <row r="18025" spans="1:12">
      <c r="A18025" s="6" t="s">
        <v>17224</v>
      </c>
      <c r="B18025" s="6"/>
      <c r="C18025" s="6" t="s">
        <v>18057</v>
      </c>
      <c r="D18025" s="6"/>
      <c r="E18025" s="6" t="s">
        <v>9</v>
      </c>
      <c r="F18025" s="7">
        <v>38657</v>
      </c>
      <c r="G18025" s="8">
        <v>1</v>
      </c>
      <c r="H18025" s="8">
        <v>1</v>
      </c>
      <c r="I18025" s="8">
        <v>0</v>
      </c>
      <c r="J18025" s="8">
        <v>1</v>
      </c>
      <c r="K18025" s="9">
        <v>0.04</v>
      </c>
      <c r="L18025" s="6" t="s">
        <v>51</v>
      </c>
    </row>
    <row r="18026" spans="1:12">
      <c r="A18026" s="6" t="s">
        <v>17224</v>
      </c>
      <c r="B18026" s="6"/>
      <c r="C18026" s="6" t="s">
        <v>18058</v>
      </c>
      <c r="D18026" s="6"/>
      <c r="E18026" s="6" t="s">
        <v>9</v>
      </c>
      <c r="F18026" s="7">
        <v>38657</v>
      </c>
      <c r="G18026" s="8">
        <v>1</v>
      </c>
      <c r="H18026" s="8">
        <v>1</v>
      </c>
      <c r="I18026" s="8">
        <v>0</v>
      </c>
      <c r="J18026" s="8">
        <v>1</v>
      </c>
      <c r="K18026" s="9">
        <v>0.4</v>
      </c>
      <c r="L18026" s="6" t="s">
        <v>51</v>
      </c>
    </row>
    <row r="18027" spans="1:12">
      <c r="A18027" s="6" t="s">
        <v>17224</v>
      </c>
      <c r="B18027" s="6"/>
      <c r="C18027" s="6" t="s">
        <v>18059</v>
      </c>
      <c r="D18027" s="6"/>
      <c r="E18027" s="6" t="s">
        <v>9</v>
      </c>
      <c r="F18027" s="7">
        <v>38657</v>
      </c>
      <c r="G18027" s="8">
        <v>1</v>
      </c>
      <c r="H18027" s="8">
        <v>1</v>
      </c>
      <c r="I18027" s="8">
        <v>0</v>
      </c>
      <c r="J18027" s="8">
        <v>1</v>
      </c>
      <c r="K18027" s="9">
        <v>4.83</v>
      </c>
      <c r="L18027" s="6" t="s">
        <v>51</v>
      </c>
    </row>
    <row r="18028" spans="1:12">
      <c r="A18028" s="6" t="s">
        <v>17224</v>
      </c>
      <c r="B18028" s="6"/>
      <c r="C18028" s="6" t="s">
        <v>18060</v>
      </c>
      <c r="D18028" s="6"/>
      <c r="E18028" s="6" t="s">
        <v>9</v>
      </c>
      <c r="F18028" s="7">
        <v>38657</v>
      </c>
      <c r="G18028" s="8">
        <v>1</v>
      </c>
      <c r="H18028" s="8">
        <v>1</v>
      </c>
      <c r="I18028" s="8">
        <v>0</v>
      </c>
      <c r="J18028" s="8">
        <v>1</v>
      </c>
      <c r="K18028" s="9">
        <v>6.93</v>
      </c>
      <c r="L18028" s="6" t="s">
        <v>51</v>
      </c>
    </row>
    <row r="18029" spans="1:12">
      <c r="A18029" s="6" t="s">
        <v>17224</v>
      </c>
      <c r="B18029" s="6"/>
      <c r="C18029" s="6" t="s">
        <v>18061</v>
      </c>
      <c r="D18029" s="6"/>
      <c r="E18029" s="6" t="s">
        <v>9</v>
      </c>
      <c r="F18029" s="7">
        <v>38657</v>
      </c>
      <c r="G18029" s="8">
        <v>1</v>
      </c>
      <c r="H18029" s="8">
        <v>1</v>
      </c>
      <c r="I18029" s="8">
        <v>0</v>
      </c>
      <c r="J18029" s="8">
        <v>1</v>
      </c>
      <c r="K18029" s="9">
        <v>65</v>
      </c>
      <c r="L18029" s="6" t="s">
        <v>51</v>
      </c>
    </row>
    <row r="18030" spans="1:12">
      <c r="A18030" s="6" t="s">
        <v>17224</v>
      </c>
      <c r="B18030" s="6"/>
      <c r="C18030" s="6" t="s">
        <v>18062</v>
      </c>
      <c r="D18030" s="6"/>
      <c r="E18030" s="6" t="s">
        <v>9</v>
      </c>
      <c r="F18030" s="7">
        <v>38657</v>
      </c>
      <c r="G18030" s="8">
        <v>1</v>
      </c>
      <c r="H18030" s="8">
        <v>1</v>
      </c>
      <c r="I18030" s="8">
        <v>0</v>
      </c>
      <c r="J18030" s="8">
        <v>1</v>
      </c>
      <c r="K18030" s="9">
        <v>63</v>
      </c>
      <c r="L18030" s="6" t="s">
        <v>51</v>
      </c>
    </row>
    <row r="18031" spans="1:12">
      <c r="A18031" s="6" t="s">
        <v>17224</v>
      </c>
      <c r="B18031" s="6"/>
      <c r="C18031" s="6" t="s">
        <v>18063</v>
      </c>
      <c r="D18031" s="6"/>
      <c r="E18031" s="6" t="s">
        <v>9</v>
      </c>
      <c r="F18031" s="7">
        <v>38657</v>
      </c>
      <c r="G18031" s="8">
        <v>1</v>
      </c>
      <c r="H18031" s="8">
        <v>1</v>
      </c>
      <c r="I18031" s="8">
        <v>0</v>
      </c>
      <c r="J18031" s="8">
        <v>1</v>
      </c>
      <c r="K18031" s="9">
        <v>9.39</v>
      </c>
      <c r="L18031" s="6" t="s">
        <v>51</v>
      </c>
    </row>
    <row r="18032" spans="1:12">
      <c r="A18032" s="6" t="s">
        <v>17224</v>
      </c>
      <c r="B18032" s="6"/>
      <c r="C18032" s="6" t="s">
        <v>18064</v>
      </c>
      <c r="D18032" s="6"/>
      <c r="E18032" s="6" t="s">
        <v>9</v>
      </c>
      <c r="F18032" s="7">
        <v>38657</v>
      </c>
      <c r="G18032" s="8">
        <v>1</v>
      </c>
      <c r="H18032" s="8">
        <v>1</v>
      </c>
      <c r="I18032" s="8">
        <v>0</v>
      </c>
      <c r="J18032" s="8">
        <v>1</v>
      </c>
      <c r="K18032" s="9">
        <v>40</v>
      </c>
      <c r="L18032" s="6" t="s">
        <v>51</v>
      </c>
    </row>
    <row r="18033" spans="1:12">
      <c r="A18033" s="6" t="s">
        <v>17224</v>
      </c>
      <c r="B18033" s="6"/>
      <c r="C18033" s="6" t="s">
        <v>18065</v>
      </c>
      <c r="D18033" s="6"/>
      <c r="E18033" s="6" t="s">
        <v>9</v>
      </c>
      <c r="F18033" s="7">
        <v>38657</v>
      </c>
      <c r="G18033" s="8">
        <v>1</v>
      </c>
      <c r="H18033" s="8">
        <v>1</v>
      </c>
      <c r="I18033" s="8">
        <v>0</v>
      </c>
      <c r="J18033" s="8">
        <v>1</v>
      </c>
      <c r="K18033" s="9">
        <v>41</v>
      </c>
      <c r="L18033" s="6" t="s">
        <v>51</v>
      </c>
    </row>
    <row r="18034" spans="1:12">
      <c r="A18034" s="6" t="s">
        <v>17224</v>
      </c>
      <c r="B18034" s="6"/>
      <c r="C18034" s="6" t="s">
        <v>18066</v>
      </c>
      <c r="D18034" s="6"/>
      <c r="E18034" s="6" t="s">
        <v>9</v>
      </c>
      <c r="F18034" s="7">
        <v>38657</v>
      </c>
      <c r="G18034" s="8">
        <v>1</v>
      </c>
      <c r="H18034" s="8">
        <v>1</v>
      </c>
      <c r="I18034" s="8">
        <v>0</v>
      </c>
      <c r="J18034" s="8">
        <v>1</v>
      </c>
      <c r="K18034" s="9">
        <v>0.63</v>
      </c>
      <c r="L18034" s="6" t="s">
        <v>51</v>
      </c>
    </row>
    <row r="18035" spans="1:12">
      <c r="A18035" s="6" t="s">
        <v>17224</v>
      </c>
      <c r="B18035" s="6"/>
      <c r="C18035" s="6" t="s">
        <v>18067</v>
      </c>
      <c r="D18035" s="6"/>
      <c r="E18035" s="6" t="s">
        <v>9</v>
      </c>
      <c r="F18035" s="7">
        <v>38657</v>
      </c>
      <c r="G18035" s="8">
        <v>1</v>
      </c>
      <c r="H18035" s="8">
        <v>1</v>
      </c>
      <c r="I18035" s="8">
        <v>0</v>
      </c>
      <c r="J18035" s="8">
        <v>1</v>
      </c>
      <c r="K18035" s="9">
        <v>31.72</v>
      </c>
      <c r="L18035" s="6" t="s">
        <v>51</v>
      </c>
    </row>
    <row r="18036" spans="1:12">
      <c r="A18036" s="6" t="s">
        <v>17224</v>
      </c>
      <c r="B18036" s="6"/>
      <c r="C18036" s="6" t="s">
        <v>18068</v>
      </c>
      <c r="D18036" s="6"/>
      <c r="E18036" s="6" t="s">
        <v>9</v>
      </c>
      <c r="F18036" s="7">
        <v>38657</v>
      </c>
      <c r="G18036" s="8">
        <v>1</v>
      </c>
      <c r="H18036" s="8">
        <v>1</v>
      </c>
      <c r="I18036" s="8">
        <v>0</v>
      </c>
      <c r="J18036" s="8">
        <v>1</v>
      </c>
      <c r="K18036" s="9">
        <v>1.95</v>
      </c>
      <c r="L18036" s="6" t="s">
        <v>51</v>
      </c>
    </row>
    <row r="18037" spans="1:12">
      <c r="A18037" s="6" t="s">
        <v>17224</v>
      </c>
      <c r="B18037" s="6"/>
      <c r="C18037" s="6" t="s">
        <v>18069</v>
      </c>
      <c r="D18037" s="6"/>
      <c r="E18037" s="6" t="s">
        <v>9</v>
      </c>
      <c r="F18037" s="7">
        <v>38657</v>
      </c>
      <c r="G18037" s="8">
        <v>1</v>
      </c>
      <c r="H18037" s="8">
        <v>1</v>
      </c>
      <c r="I18037" s="8">
        <v>0</v>
      </c>
      <c r="J18037" s="8">
        <v>1</v>
      </c>
      <c r="K18037" s="9">
        <v>13</v>
      </c>
      <c r="L18037" s="6" t="s">
        <v>51</v>
      </c>
    </row>
    <row r="18038" spans="1:12">
      <c r="A18038" s="6" t="s">
        <v>17224</v>
      </c>
      <c r="B18038" s="6"/>
      <c r="C18038" s="6" t="s">
        <v>18070</v>
      </c>
      <c r="D18038" s="6"/>
      <c r="E18038" s="6" t="s">
        <v>9</v>
      </c>
      <c r="F18038" s="7">
        <v>38657</v>
      </c>
      <c r="G18038" s="8">
        <v>1</v>
      </c>
      <c r="H18038" s="8">
        <v>1</v>
      </c>
      <c r="I18038" s="8">
        <v>0</v>
      </c>
      <c r="J18038" s="8">
        <v>1</v>
      </c>
      <c r="K18038" s="9">
        <v>3.34</v>
      </c>
      <c r="L18038" s="6" t="s">
        <v>51</v>
      </c>
    </row>
    <row r="18039" spans="1:12">
      <c r="A18039" s="6" t="s">
        <v>17224</v>
      </c>
      <c r="B18039" s="6"/>
      <c r="C18039" s="6" t="s">
        <v>18071</v>
      </c>
      <c r="D18039" s="6"/>
      <c r="E18039" s="6" t="s">
        <v>9</v>
      </c>
      <c r="F18039" s="7">
        <v>38657</v>
      </c>
      <c r="G18039" s="8">
        <v>1</v>
      </c>
      <c r="H18039" s="8">
        <v>1</v>
      </c>
      <c r="I18039" s="8">
        <v>0</v>
      </c>
      <c r="J18039" s="8">
        <v>1</v>
      </c>
      <c r="K18039" s="9">
        <v>39</v>
      </c>
      <c r="L18039" s="6" t="s">
        <v>51</v>
      </c>
    </row>
    <row r="18040" spans="1:12">
      <c r="A18040" s="6" t="s">
        <v>17224</v>
      </c>
      <c r="B18040" s="6"/>
      <c r="C18040" s="6" t="s">
        <v>18072</v>
      </c>
      <c r="D18040" s="6"/>
      <c r="E18040" s="6" t="s">
        <v>9</v>
      </c>
      <c r="F18040" s="7">
        <v>38657</v>
      </c>
      <c r="G18040" s="8">
        <v>1</v>
      </c>
      <c r="H18040" s="8">
        <v>1</v>
      </c>
      <c r="I18040" s="8">
        <v>0</v>
      </c>
      <c r="J18040" s="8">
        <v>1</v>
      </c>
      <c r="K18040" s="9">
        <v>93</v>
      </c>
      <c r="L18040" s="6" t="s">
        <v>51</v>
      </c>
    </row>
    <row r="18041" spans="1:12">
      <c r="A18041" s="6" t="s">
        <v>17224</v>
      </c>
      <c r="B18041" s="6"/>
      <c r="C18041" s="6" t="s">
        <v>18073</v>
      </c>
      <c r="D18041" s="6"/>
      <c r="E18041" s="6" t="s">
        <v>9</v>
      </c>
      <c r="F18041" s="7">
        <v>38657</v>
      </c>
      <c r="G18041" s="8">
        <v>1</v>
      </c>
      <c r="H18041" s="8">
        <v>1</v>
      </c>
      <c r="I18041" s="8">
        <v>0</v>
      </c>
      <c r="J18041" s="8">
        <v>1</v>
      </c>
      <c r="K18041" s="9">
        <v>49</v>
      </c>
      <c r="L18041" s="6" t="s">
        <v>51</v>
      </c>
    </row>
    <row r="18042" spans="1:12">
      <c r="A18042" s="6" t="s">
        <v>17224</v>
      </c>
      <c r="B18042" s="6"/>
      <c r="C18042" s="6" t="s">
        <v>18074</v>
      </c>
      <c r="D18042" s="6"/>
      <c r="E18042" s="6" t="s">
        <v>9</v>
      </c>
      <c r="F18042" s="7">
        <v>38657</v>
      </c>
      <c r="G18042" s="8">
        <v>1</v>
      </c>
      <c r="H18042" s="8">
        <v>1</v>
      </c>
      <c r="I18042" s="8">
        <v>0</v>
      </c>
      <c r="J18042" s="8">
        <v>1</v>
      </c>
      <c r="K18042" s="9">
        <v>13</v>
      </c>
      <c r="L18042" s="6" t="s">
        <v>51</v>
      </c>
    </row>
    <row r="18043" spans="1:12">
      <c r="A18043" s="6" t="s">
        <v>17224</v>
      </c>
      <c r="B18043" s="6"/>
      <c r="C18043" s="6" t="s">
        <v>18075</v>
      </c>
      <c r="D18043" s="6"/>
      <c r="E18043" s="6" t="s">
        <v>9</v>
      </c>
      <c r="F18043" s="7">
        <v>38657</v>
      </c>
      <c r="G18043" s="8">
        <v>1</v>
      </c>
      <c r="H18043" s="8">
        <v>1</v>
      </c>
      <c r="I18043" s="8">
        <v>0</v>
      </c>
      <c r="J18043" s="8">
        <v>1</v>
      </c>
      <c r="K18043" s="9">
        <v>3.8</v>
      </c>
      <c r="L18043" s="6" t="s">
        <v>51</v>
      </c>
    </row>
    <row r="18044" spans="1:12">
      <c r="A18044" s="6" t="s">
        <v>17224</v>
      </c>
      <c r="B18044" s="6"/>
      <c r="C18044" s="6" t="s">
        <v>18076</v>
      </c>
      <c r="D18044" s="6"/>
      <c r="E18044" s="6" t="s">
        <v>9</v>
      </c>
      <c r="F18044" s="7">
        <v>38657</v>
      </c>
      <c r="G18044" s="8">
        <v>1</v>
      </c>
      <c r="H18044" s="8">
        <v>1</v>
      </c>
      <c r="I18044" s="8">
        <v>0</v>
      </c>
      <c r="J18044" s="8">
        <v>1</v>
      </c>
      <c r="K18044" s="9">
        <v>105</v>
      </c>
      <c r="L18044" s="6" t="s">
        <v>51</v>
      </c>
    </row>
    <row r="18045" spans="1:12">
      <c r="A18045" s="6" t="s">
        <v>17224</v>
      </c>
      <c r="B18045" s="6"/>
      <c r="C18045" s="6" t="s">
        <v>18077</v>
      </c>
      <c r="D18045" s="6"/>
      <c r="E18045" s="6" t="s">
        <v>9</v>
      </c>
      <c r="F18045" s="7">
        <v>38657</v>
      </c>
      <c r="G18045" s="8">
        <v>1</v>
      </c>
      <c r="H18045" s="8">
        <v>1</v>
      </c>
      <c r="I18045" s="8">
        <v>0</v>
      </c>
      <c r="J18045" s="8">
        <v>1</v>
      </c>
      <c r="K18045" s="9">
        <v>116</v>
      </c>
      <c r="L18045" s="6" t="s">
        <v>51</v>
      </c>
    </row>
    <row r="18046" spans="1:12">
      <c r="A18046" s="6" t="s">
        <v>17224</v>
      </c>
      <c r="B18046" s="6"/>
      <c r="C18046" s="6" t="s">
        <v>18078</v>
      </c>
      <c r="D18046" s="6"/>
      <c r="E18046" s="6" t="s">
        <v>9</v>
      </c>
      <c r="F18046" s="7">
        <v>38657</v>
      </c>
      <c r="G18046" s="8">
        <v>1</v>
      </c>
      <c r="H18046" s="8">
        <v>1</v>
      </c>
      <c r="I18046" s="8">
        <v>0</v>
      </c>
      <c r="J18046" s="8">
        <v>1</v>
      </c>
      <c r="K18046" s="9">
        <v>4.5999999999999899</v>
      </c>
      <c r="L18046" s="6" t="s">
        <v>51</v>
      </c>
    </row>
    <row r="18047" spans="1:12">
      <c r="A18047" s="6" t="s">
        <v>17224</v>
      </c>
      <c r="B18047" s="6"/>
      <c r="C18047" s="6" t="s">
        <v>18079</v>
      </c>
      <c r="D18047" s="6"/>
      <c r="E18047" s="6" t="s">
        <v>9</v>
      </c>
      <c r="F18047" s="7">
        <v>38657</v>
      </c>
      <c r="G18047" s="8">
        <v>1</v>
      </c>
      <c r="H18047" s="8">
        <v>1</v>
      </c>
      <c r="I18047" s="8">
        <v>0</v>
      </c>
      <c r="J18047" s="8">
        <v>1</v>
      </c>
      <c r="K18047" s="9">
        <v>36</v>
      </c>
      <c r="L18047" s="6" t="s">
        <v>51</v>
      </c>
    </row>
    <row r="18048" spans="1:12">
      <c r="A18048" s="6" t="s">
        <v>17224</v>
      </c>
      <c r="B18048" s="6"/>
      <c r="C18048" s="6" t="s">
        <v>18080</v>
      </c>
      <c r="D18048" s="6"/>
      <c r="E18048" s="6" t="s">
        <v>9</v>
      </c>
      <c r="F18048" s="7">
        <v>38657</v>
      </c>
      <c r="G18048" s="8">
        <v>1</v>
      </c>
      <c r="H18048" s="8">
        <v>1</v>
      </c>
      <c r="I18048" s="8">
        <v>0</v>
      </c>
      <c r="J18048" s="8">
        <v>1</v>
      </c>
      <c r="K18048" s="9">
        <v>57</v>
      </c>
      <c r="L18048" s="6" t="s">
        <v>51</v>
      </c>
    </row>
    <row r="18049" spans="1:12">
      <c r="A18049" s="6" t="s">
        <v>17224</v>
      </c>
      <c r="B18049" s="6"/>
      <c r="C18049" s="6" t="s">
        <v>18081</v>
      </c>
      <c r="D18049" s="6"/>
      <c r="E18049" s="6" t="s">
        <v>9</v>
      </c>
      <c r="F18049" s="7">
        <v>38657</v>
      </c>
      <c r="G18049" s="8">
        <v>1</v>
      </c>
      <c r="H18049" s="8">
        <v>1</v>
      </c>
      <c r="I18049" s="8">
        <v>0</v>
      </c>
      <c r="J18049" s="8">
        <v>1</v>
      </c>
      <c r="K18049" s="9">
        <v>112</v>
      </c>
      <c r="L18049" s="6" t="s">
        <v>51</v>
      </c>
    </row>
    <row r="18050" spans="1:12">
      <c r="A18050" s="6" t="s">
        <v>17224</v>
      </c>
      <c r="B18050" s="6"/>
      <c r="C18050" s="6" t="s">
        <v>18082</v>
      </c>
      <c r="D18050" s="6"/>
      <c r="E18050" s="6" t="s">
        <v>9</v>
      </c>
      <c r="F18050" s="7">
        <v>38657</v>
      </c>
      <c r="G18050" s="8">
        <v>1</v>
      </c>
      <c r="H18050" s="8">
        <v>1</v>
      </c>
      <c r="I18050" s="8">
        <v>0</v>
      </c>
      <c r="J18050" s="8">
        <v>1</v>
      </c>
      <c r="K18050" s="9">
        <v>74</v>
      </c>
      <c r="L18050" s="6" t="s">
        <v>51</v>
      </c>
    </row>
    <row r="18051" spans="1:12">
      <c r="A18051" s="6" t="s">
        <v>17224</v>
      </c>
      <c r="B18051" s="6"/>
      <c r="C18051" s="6" t="s">
        <v>18083</v>
      </c>
      <c r="D18051" s="6"/>
      <c r="E18051" s="6" t="s">
        <v>9</v>
      </c>
      <c r="F18051" s="7">
        <v>38657</v>
      </c>
      <c r="G18051" s="8">
        <v>1</v>
      </c>
      <c r="H18051" s="8">
        <v>1</v>
      </c>
      <c r="I18051" s="8">
        <v>0</v>
      </c>
      <c r="J18051" s="8">
        <v>1</v>
      </c>
      <c r="K18051" s="9">
        <v>142</v>
      </c>
      <c r="L18051" s="6" t="s">
        <v>51</v>
      </c>
    </row>
    <row r="18052" spans="1:12">
      <c r="A18052" s="6" t="s">
        <v>17224</v>
      </c>
      <c r="B18052" s="6"/>
      <c r="C18052" s="6" t="s">
        <v>18084</v>
      </c>
      <c r="D18052" s="6"/>
      <c r="E18052" s="6" t="s">
        <v>9</v>
      </c>
      <c r="F18052" s="7">
        <v>38657</v>
      </c>
      <c r="G18052" s="8">
        <v>1</v>
      </c>
      <c r="H18052" s="8">
        <v>1</v>
      </c>
      <c r="I18052" s="8">
        <v>0</v>
      </c>
      <c r="J18052" s="8">
        <v>1</v>
      </c>
      <c r="K18052" s="9">
        <v>101</v>
      </c>
      <c r="L18052" s="6" t="s">
        <v>51</v>
      </c>
    </row>
    <row r="18053" spans="1:12">
      <c r="A18053" s="6" t="s">
        <v>17224</v>
      </c>
      <c r="B18053" s="6"/>
      <c r="C18053" s="6" t="s">
        <v>18085</v>
      </c>
      <c r="D18053" s="6"/>
      <c r="E18053" s="6" t="s">
        <v>9</v>
      </c>
      <c r="F18053" s="7">
        <v>38657</v>
      </c>
      <c r="G18053" s="8">
        <v>1</v>
      </c>
      <c r="H18053" s="8">
        <v>1</v>
      </c>
      <c r="I18053" s="8">
        <v>0</v>
      </c>
      <c r="J18053" s="8">
        <v>1</v>
      </c>
      <c r="K18053" s="9">
        <v>32</v>
      </c>
      <c r="L18053" s="6" t="s">
        <v>51</v>
      </c>
    </row>
    <row r="18054" spans="1:12">
      <c r="A18054" s="6" t="s">
        <v>17224</v>
      </c>
      <c r="B18054" s="6"/>
      <c r="C18054" s="6" t="s">
        <v>18086</v>
      </c>
      <c r="D18054" s="6"/>
      <c r="E18054" s="6" t="s">
        <v>9</v>
      </c>
      <c r="F18054" s="7">
        <v>38657</v>
      </c>
      <c r="G18054" s="8">
        <v>1</v>
      </c>
      <c r="H18054" s="8">
        <v>1</v>
      </c>
      <c r="I18054" s="8">
        <v>0</v>
      </c>
      <c r="J18054" s="8">
        <v>1</v>
      </c>
      <c r="K18054" s="9">
        <v>233</v>
      </c>
      <c r="L18054" s="6" t="s">
        <v>51</v>
      </c>
    </row>
    <row r="18055" spans="1:12">
      <c r="A18055" s="6" t="s">
        <v>17224</v>
      </c>
      <c r="B18055" s="6"/>
      <c r="C18055" s="6" t="s">
        <v>18087</v>
      </c>
      <c r="D18055" s="6"/>
      <c r="E18055" s="6" t="s">
        <v>9</v>
      </c>
      <c r="F18055" s="7">
        <v>38657</v>
      </c>
      <c r="G18055" s="8">
        <v>1</v>
      </c>
      <c r="H18055" s="8">
        <v>1</v>
      </c>
      <c r="I18055" s="8">
        <v>0</v>
      </c>
      <c r="J18055" s="8">
        <v>1</v>
      </c>
      <c r="K18055" s="9">
        <v>20</v>
      </c>
      <c r="L18055" s="6" t="s">
        <v>51</v>
      </c>
    </row>
    <row r="18056" spans="1:12">
      <c r="A18056" s="6" t="s">
        <v>17224</v>
      </c>
      <c r="B18056" s="6"/>
      <c r="C18056" s="6" t="s">
        <v>18088</v>
      </c>
      <c r="D18056" s="6"/>
      <c r="E18056" s="6" t="s">
        <v>9</v>
      </c>
      <c r="F18056" s="7">
        <v>38657</v>
      </c>
      <c r="G18056" s="8">
        <v>1</v>
      </c>
      <c r="H18056" s="8">
        <v>1</v>
      </c>
      <c r="I18056" s="8">
        <v>0</v>
      </c>
      <c r="J18056" s="8">
        <v>1</v>
      </c>
      <c r="K18056" s="9">
        <v>2.88</v>
      </c>
      <c r="L18056" s="6" t="s">
        <v>51</v>
      </c>
    </row>
    <row r="18057" spans="1:12">
      <c r="A18057" s="6" t="s">
        <v>17224</v>
      </c>
      <c r="B18057" s="6"/>
      <c r="C18057" s="6" t="s">
        <v>18089</v>
      </c>
      <c r="D18057" s="6"/>
      <c r="E18057" s="6" t="s">
        <v>9</v>
      </c>
      <c r="F18057" s="7">
        <v>38657</v>
      </c>
      <c r="G18057" s="8">
        <v>1</v>
      </c>
      <c r="H18057" s="8">
        <v>1</v>
      </c>
      <c r="I18057" s="8">
        <v>0</v>
      </c>
      <c r="J18057" s="8">
        <v>1</v>
      </c>
      <c r="K18057" s="9">
        <v>39</v>
      </c>
      <c r="L18057" s="6" t="s">
        <v>51</v>
      </c>
    </row>
    <row r="18058" spans="1:12">
      <c r="A18058" s="6" t="s">
        <v>17224</v>
      </c>
      <c r="B18058" s="6"/>
      <c r="C18058" s="6" t="s">
        <v>18090</v>
      </c>
      <c r="D18058" s="6"/>
      <c r="E18058" s="6" t="s">
        <v>9</v>
      </c>
      <c r="F18058" s="7">
        <v>38657</v>
      </c>
      <c r="G18058" s="8">
        <v>1</v>
      </c>
      <c r="H18058" s="8">
        <v>1</v>
      </c>
      <c r="I18058" s="8">
        <v>0</v>
      </c>
      <c r="J18058" s="8">
        <v>1</v>
      </c>
      <c r="K18058" s="9">
        <v>28</v>
      </c>
      <c r="L18058" s="6" t="s">
        <v>51</v>
      </c>
    </row>
    <row r="18059" spans="1:12">
      <c r="A18059" s="6" t="s">
        <v>17224</v>
      </c>
      <c r="B18059" s="6"/>
      <c r="C18059" s="6" t="s">
        <v>18091</v>
      </c>
      <c r="D18059" s="6"/>
      <c r="E18059" s="6" t="s">
        <v>9</v>
      </c>
      <c r="F18059" s="7">
        <v>38657</v>
      </c>
      <c r="G18059" s="8">
        <v>1</v>
      </c>
      <c r="H18059" s="8">
        <v>1</v>
      </c>
      <c r="I18059" s="8">
        <v>0</v>
      </c>
      <c r="J18059" s="8">
        <v>1</v>
      </c>
      <c r="K18059" s="9">
        <v>30</v>
      </c>
      <c r="L18059" s="6" t="s">
        <v>51</v>
      </c>
    </row>
    <row r="18060" spans="1:12">
      <c r="A18060" s="6" t="s">
        <v>17224</v>
      </c>
      <c r="B18060" s="6"/>
      <c r="C18060" s="6" t="s">
        <v>18092</v>
      </c>
      <c r="D18060" s="6"/>
      <c r="E18060" s="6" t="s">
        <v>9</v>
      </c>
      <c r="F18060" s="7">
        <v>38657</v>
      </c>
      <c r="G18060" s="8">
        <v>1</v>
      </c>
      <c r="H18060" s="8">
        <v>1</v>
      </c>
      <c r="I18060" s="8">
        <v>0</v>
      </c>
      <c r="J18060" s="8">
        <v>1</v>
      </c>
      <c r="K18060" s="9">
        <v>156</v>
      </c>
      <c r="L18060" s="6" t="s">
        <v>51</v>
      </c>
    </row>
    <row r="18061" spans="1:12">
      <c r="A18061" s="6" t="s">
        <v>17224</v>
      </c>
      <c r="B18061" s="6"/>
      <c r="C18061" s="6" t="s">
        <v>18093</v>
      </c>
      <c r="D18061" s="6"/>
      <c r="E18061" s="6" t="s">
        <v>9</v>
      </c>
      <c r="F18061" s="7">
        <v>38657</v>
      </c>
      <c r="G18061" s="8">
        <v>1</v>
      </c>
      <c r="H18061" s="8">
        <v>1</v>
      </c>
      <c r="I18061" s="8">
        <v>0</v>
      </c>
      <c r="J18061" s="8">
        <v>1</v>
      </c>
      <c r="K18061" s="9">
        <v>2.94</v>
      </c>
      <c r="L18061" s="6" t="s">
        <v>51</v>
      </c>
    </row>
    <row r="18062" spans="1:12">
      <c r="A18062" s="6" t="s">
        <v>17224</v>
      </c>
      <c r="B18062" s="6"/>
      <c r="C18062" s="6" t="s">
        <v>18094</v>
      </c>
      <c r="D18062" s="6"/>
      <c r="E18062" s="6" t="s">
        <v>9</v>
      </c>
      <c r="F18062" s="7">
        <v>38657</v>
      </c>
      <c r="G18062" s="8">
        <v>1</v>
      </c>
      <c r="H18062" s="8">
        <v>1</v>
      </c>
      <c r="I18062" s="8">
        <v>0</v>
      </c>
      <c r="J18062" s="8">
        <v>1</v>
      </c>
      <c r="K18062" s="9">
        <v>20</v>
      </c>
      <c r="L18062" s="6" t="s">
        <v>51</v>
      </c>
    </row>
    <row r="18063" spans="1:12">
      <c r="A18063" s="6" t="s">
        <v>17224</v>
      </c>
      <c r="B18063" s="6"/>
      <c r="C18063" s="6" t="s">
        <v>18095</v>
      </c>
      <c r="D18063" s="6"/>
      <c r="E18063" s="6" t="s">
        <v>9</v>
      </c>
      <c r="F18063" s="7">
        <v>38657</v>
      </c>
      <c r="G18063" s="8">
        <v>1</v>
      </c>
      <c r="H18063" s="8">
        <v>1</v>
      </c>
      <c r="I18063" s="8">
        <v>0</v>
      </c>
      <c r="J18063" s="8">
        <v>1</v>
      </c>
      <c r="K18063" s="9">
        <v>24</v>
      </c>
      <c r="L18063" s="6" t="s">
        <v>51</v>
      </c>
    </row>
    <row r="18064" spans="1:12">
      <c r="A18064" s="6" t="s">
        <v>17224</v>
      </c>
      <c r="B18064" s="6"/>
      <c r="C18064" s="6" t="s">
        <v>18096</v>
      </c>
      <c r="D18064" s="6"/>
      <c r="E18064" s="6" t="s">
        <v>9</v>
      </c>
      <c r="F18064" s="7">
        <v>38657</v>
      </c>
      <c r="G18064" s="8">
        <v>1</v>
      </c>
      <c r="H18064" s="8">
        <v>1</v>
      </c>
      <c r="I18064" s="8">
        <v>0</v>
      </c>
      <c r="J18064" s="8">
        <v>1</v>
      </c>
      <c r="K18064" s="9">
        <v>17</v>
      </c>
      <c r="L18064" s="6" t="s">
        <v>51</v>
      </c>
    </row>
    <row r="18065" spans="1:12">
      <c r="A18065" s="6" t="s">
        <v>17224</v>
      </c>
      <c r="B18065" s="6"/>
      <c r="C18065" s="6" t="s">
        <v>18097</v>
      </c>
      <c r="D18065" s="6"/>
      <c r="E18065" s="6" t="s">
        <v>9</v>
      </c>
      <c r="F18065" s="7">
        <v>38657</v>
      </c>
      <c r="G18065" s="8">
        <v>1</v>
      </c>
      <c r="H18065" s="8">
        <v>1</v>
      </c>
      <c r="I18065" s="8">
        <v>0</v>
      </c>
      <c r="J18065" s="8">
        <v>1</v>
      </c>
      <c r="K18065" s="9">
        <v>16</v>
      </c>
      <c r="L18065" s="6" t="s">
        <v>51</v>
      </c>
    </row>
    <row r="18066" spans="1:12">
      <c r="A18066" s="6" t="s">
        <v>17224</v>
      </c>
      <c r="B18066" s="6"/>
      <c r="C18066" s="6" t="s">
        <v>18098</v>
      </c>
      <c r="D18066" s="6"/>
      <c r="E18066" s="6" t="s">
        <v>9</v>
      </c>
      <c r="F18066" s="7">
        <v>38657</v>
      </c>
      <c r="G18066" s="8">
        <v>1</v>
      </c>
      <c r="H18066" s="8">
        <v>1</v>
      </c>
      <c r="I18066" s="8">
        <v>0</v>
      </c>
      <c r="J18066" s="8">
        <v>1</v>
      </c>
      <c r="K18066" s="9">
        <v>3.03</v>
      </c>
      <c r="L18066" s="6" t="s">
        <v>51</v>
      </c>
    </row>
    <row r="18067" spans="1:12">
      <c r="A18067" s="6" t="s">
        <v>17224</v>
      </c>
      <c r="B18067" s="6"/>
      <c r="C18067" s="6" t="s">
        <v>18099</v>
      </c>
      <c r="D18067" s="6"/>
      <c r="E18067" s="6" t="s">
        <v>9</v>
      </c>
      <c r="F18067" s="7">
        <v>38657</v>
      </c>
      <c r="G18067" s="8">
        <v>1</v>
      </c>
      <c r="H18067" s="8">
        <v>1</v>
      </c>
      <c r="I18067" s="8">
        <v>0</v>
      </c>
      <c r="J18067" s="8">
        <v>1</v>
      </c>
      <c r="K18067" s="9">
        <v>290</v>
      </c>
      <c r="L18067" s="6" t="s">
        <v>51</v>
      </c>
    </row>
    <row r="18068" spans="1:12">
      <c r="A18068" s="6" t="s">
        <v>17224</v>
      </c>
      <c r="B18068" s="6"/>
      <c r="C18068" s="6" t="s">
        <v>18100</v>
      </c>
      <c r="D18068" s="6"/>
      <c r="E18068" s="6" t="s">
        <v>9</v>
      </c>
      <c r="F18068" s="7">
        <v>38657</v>
      </c>
      <c r="G18068" s="8">
        <v>1</v>
      </c>
      <c r="H18068" s="8">
        <v>1</v>
      </c>
      <c r="I18068" s="8">
        <v>0</v>
      </c>
      <c r="J18068" s="8">
        <v>1</v>
      </c>
      <c r="K18068" s="9">
        <v>46</v>
      </c>
      <c r="L18068" s="6" t="s">
        <v>51</v>
      </c>
    </row>
    <row r="18069" spans="1:12">
      <c r="A18069" s="6" t="s">
        <v>17224</v>
      </c>
      <c r="B18069" s="6"/>
      <c r="C18069" s="6" t="s">
        <v>18101</v>
      </c>
      <c r="D18069" s="6"/>
      <c r="E18069" s="6" t="s">
        <v>9</v>
      </c>
      <c r="F18069" s="7">
        <v>38657</v>
      </c>
      <c r="G18069" s="8">
        <v>1</v>
      </c>
      <c r="H18069" s="8">
        <v>1</v>
      </c>
      <c r="I18069" s="8">
        <v>0</v>
      </c>
      <c r="J18069" s="8">
        <v>1</v>
      </c>
      <c r="K18069" s="9">
        <v>14.89</v>
      </c>
      <c r="L18069" s="6" t="s">
        <v>51</v>
      </c>
    </row>
    <row r="18070" spans="1:12">
      <c r="A18070" s="6" t="s">
        <v>17224</v>
      </c>
      <c r="B18070" s="6"/>
      <c r="C18070" s="6" t="s">
        <v>18102</v>
      </c>
      <c r="D18070" s="6"/>
      <c r="E18070" s="6" t="s">
        <v>9</v>
      </c>
      <c r="F18070" s="7">
        <v>38657</v>
      </c>
      <c r="G18070" s="8">
        <v>1</v>
      </c>
      <c r="H18070" s="8">
        <v>1</v>
      </c>
      <c r="I18070" s="8">
        <v>0</v>
      </c>
      <c r="J18070" s="8">
        <v>1</v>
      </c>
      <c r="K18070" s="9">
        <v>111</v>
      </c>
      <c r="L18070" s="6" t="s">
        <v>51</v>
      </c>
    </row>
    <row r="18071" spans="1:12">
      <c r="A18071" s="6" t="s">
        <v>17224</v>
      </c>
      <c r="B18071" s="6"/>
      <c r="C18071" s="6" t="s">
        <v>18103</v>
      </c>
      <c r="D18071" s="6"/>
      <c r="E18071" s="6" t="s">
        <v>9</v>
      </c>
      <c r="F18071" s="7">
        <v>38657</v>
      </c>
      <c r="G18071" s="8">
        <v>1</v>
      </c>
      <c r="H18071" s="8">
        <v>1</v>
      </c>
      <c r="I18071" s="8">
        <v>0</v>
      </c>
      <c r="J18071" s="8">
        <v>1</v>
      </c>
      <c r="K18071" s="9">
        <v>41</v>
      </c>
      <c r="L18071" s="6" t="s">
        <v>51</v>
      </c>
    </row>
    <row r="18072" spans="1:12">
      <c r="A18072" s="6" t="s">
        <v>17224</v>
      </c>
      <c r="B18072" s="6"/>
      <c r="C18072" s="6" t="s">
        <v>18104</v>
      </c>
      <c r="D18072" s="6"/>
      <c r="E18072" s="6" t="s">
        <v>9</v>
      </c>
      <c r="F18072" s="7">
        <v>38657</v>
      </c>
      <c r="G18072" s="8">
        <v>1</v>
      </c>
      <c r="H18072" s="8">
        <v>1</v>
      </c>
      <c r="I18072" s="8">
        <v>0</v>
      </c>
      <c r="J18072" s="8">
        <v>1</v>
      </c>
      <c r="K18072" s="9">
        <v>5.95</v>
      </c>
      <c r="L18072" s="6" t="s">
        <v>51</v>
      </c>
    </row>
    <row r="18073" spans="1:12">
      <c r="A18073" s="6" t="s">
        <v>17224</v>
      </c>
      <c r="B18073" s="6"/>
      <c r="C18073" s="6" t="s">
        <v>18105</v>
      </c>
      <c r="D18073" s="6"/>
      <c r="E18073" s="6" t="s">
        <v>9</v>
      </c>
      <c r="F18073" s="7">
        <v>38657</v>
      </c>
      <c r="G18073" s="8">
        <v>1</v>
      </c>
      <c r="H18073" s="8">
        <v>1</v>
      </c>
      <c r="I18073" s="8">
        <v>0</v>
      </c>
      <c r="J18073" s="8">
        <v>1</v>
      </c>
      <c r="K18073" s="9">
        <v>48</v>
      </c>
      <c r="L18073" s="6" t="s">
        <v>51</v>
      </c>
    </row>
    <row r="18074" spans="1:12">
      <c r="A18074" s="6" t="s">
        <v>17224</v>
      </c>
      <c r="B18074" s="6"/>
      <c r="C18074" s="6" t="s">
        <v>18106</v>
      </c>
      <c r="D18074" s="6"/>
      <c r="E18074" s="6" t="s">
        <v>9</v>
      </c>
      <c r="F18074" s="7">
        <v>38657</v>
      </c>
      <c r="G18074" s="8">
        <v>1</v>
      </c>
      <c r="H18074" s="8">
        <v>1</v>
      </c>
      <c r="I18074" s="8">
        <v>0</v>
      </c>
      <c r="J18074" s="8">
        <v>1</v>
      </c>
      <c r="K18074" s="9">
        <v>11</v>
      </c>
      <c r="L18074" s="6" t="s">
        <v>51</v>
      </c>
    </row>
    <row r="18075" spans="1:12">
      <c r="A18075" s="6" t="s">
        <v>17224</v>
      </c>
      <c r="B18075" s="6"/>
      <c r="C18075" s="6" t="s">
        <v>18107</v>
      </c>
      <c r="D18075" s="6"/>
      <c r="E18075" s="6" t="s">
        <v>9</v>
      </c>
      <c r="F18075" s="7">
        <v>38657</v>
      </c>
      <c r="G18075" s="8">
        <v>1</v>
      </c>
      <c r="H18075" s="8">
        <v>1</v>
      </c>
      <c r="I18075" s="8">
        <v>0</v>
      </c>
      <c r="J18075" s="8">
        <v>1</v>
      </c>
      <c r="K18075" s="9">
        <v>54</v>
      </c>
      <c r="L18075" s="6" t="s">
        <v>51</v>
      </c>
    </row>
    <row r="18076" spans="1:12">
      <c r="A18076" s="6" t="s">
        <v>17224</v>
      </c>
      <c r="B18076" s="6"/>
      <c r="C18076" s="6" t="s">
        <v>18108</v>
      </c>
      <c r="D18076" s="6"/>
      <c r="E18076" s="6" t="s">
        <v>9</v>
      </c>
      <c r="F18076" s="7">
        <v>38657</v>
      </c>
      <c r="G18076" s="8">
        <v>1</v>
      </c>
      <c r="H18076" s="8">
        <v>1</v>
      </c>
      <c r="I18076" s="8">
        <v>0</v>
      </c>
      <c r="J18076" s="8">
        <v>1</v>
      </c>
      <c r="K18076" s="9">
        <v>2.72</v>
      </c>
      <c r="L18076" s="6" t="s">
        <v>51</v>
      </c>
    </row>
    <row r="18077" spans="1:12">
      <c r="A18077" s="6" t="s">
        <v>17224</v>
      </c>
      <c r="B18077" s="6"/>
      <c r="C18077" s="6" t="s">
        <v>18109</v>
      </c>
      <c r="D18077" s="6"/>
      <c r="E18077" s="6" t="s">
        <v>9</v>
      </c>
      <c r="F18077" s="7">
        <v>38657</v>
      </c>
      <c r="G18077" s="8">
        <v>1</v>
      </c>
      <c r="H18077" s="8">
        <v>1</v>
      </c>
      <c r="I18077" s="8">
        <v>0</v>
      </c>
      <c r="J18077" s="8">
        <v>1</v>
      </c>
      <c r="K18077" s="9">
        <v>86</v>
      </c>
      <c r="L18077" s="6" t="s">
        <v>51</v>
      </c>
    </row>
    <row r="18078" spans="1:12">
      <c r="A18078" s="6" t="s">
        <v>17224</v>
      </c>
      <c r="B18078" s="6"/>
      <c r="C18078" s="6" t="s">
        <v>18110</v>
      </c>
      <c r="D18078" s="6"/>
      <c r="E18078" s="6" t="s">
        <v>9</v>
      </c>
      <c r="F18078" s="7">
        <v>38657</v>
      </c>
      <c r="G18078" s="8">
        <v>1</v>
      </c>
      <c r="H18078" s="8">
        <v>1</v>
      </c>
      <c r="I18078" s="8">
        <v>0</v>
      </c>
      <c r="J18078" s="8">
        <v>1</v>
      </c>
      <c r="K18078" s="9">
        <v>168</v>
      </c>
      <c r="L18078" s="6" t="s">
        <v>51</v>
      </c>
    </row>
    <row r="18079" spans="1:12">
      <c r="A18079" s="6" t="s">
        <v>17224</v>
      </c>
      <c r="B18079" s="6"/>
      <c r="C18079" s="6" t="s">
        <v>18111</v>
      </c>
      <c r="D18079" s="6"/>
      <c r="E18079" s="6" t="s">
        <v>9</v>
      </c>
      <c r="F18079" s="7">
        <v>38657</v>
      </c>
      <c r="G18079" s="8">
        <v>1</v>
      </c>
      <c r="H18079" s="8">
        <v>1</v>
      </c>
      <c r="I18079" s="8">
        <v>0</v>
      </c>
      <c r="J18079" s="8">
        <v>1</v>
      </c>
      <c r="K18079" s="9">
        <v>115</v>
      </c>
      <c r="L18079" s="6" t="s">
        <v>51</v>
      </c>
    </row>
    <row r="18080" spans="1:12">
      <c r="A18080" s="6" t="s">
        <v>17224</v>
      </c>
      <c r="B18080" s="6"/>
      <c r="C18080" s="6" t="s">
        <v>18112</v>
      </c>
      <c r="D18080" s="6"/>
      <c r="E18080" s="6" t="s">
        <v>9</v>
      </c>
      <c r="F18080" s="7">
        <v>38657</v>
      </c>
      <c r="G18080" s="8">
        <v>1</v>
      </c>
      <c r="H18080" s="8">
        <v>1</v>
      </c>
      <c r="I18080" s="8">
        <v>0</v>
      </c>
      <c r="J18080" s="8">
        <v>1</v>
      </c>
      <c r="K18080" s="9">
        <v>33.049999999999898</v>
      </c>
      <c r="L18080" s="6" t="s">
        <v>51</v>
      </c>
    </row>
    <row r="18081" spans="1:12">
      <c r="A18081" s="6" t="s">
        <v>17224</v>
      </c>
      <c r="B18081" s="6"/>
      <c r="C18081" s="6" t="s">
        <v>18113</v>
      </c>
      <c r="D18081" s="6"/>
      <c r="E18081" s="6" t="s">
        <v>9</v>
      </c>
      <c r="F18081" s="7">
        <v>38657</v>
      </c>
      <c r="G18081" s="8">
        <v>1</v>
      </c>
      <c r="H18081" s="8">
        <v>1</v>
      </c>
      <c r="I18081" s="8">
        <v>0</v>
      </c>
      <c r="J18081" s="8">
        <v>1</v>
      </c>
      <c r="K18081" s="9">
        <v>142</v>
      </c>
      <c r="L18081" s="6" t="s">
        <v>51</v>
      </c>
    </row>
    <row r="18082" spans="1:12">
      <c r="A18082" s="6" t="s">
        <v>17224</v>
      </c>
      <c r="B18082" s="6"/>
      <c r="C18082" s="6" t="s">
        <v>18114</v>
      </c>
      <c r="D18082" s="6"/>
      <c r="E18082" s="6" t="s">
        <v>9</v>
      </c>
      <c r="F18082" s="7">
        <v>38657</v>
      </c>
      <c r="G18082" s="8">
        <v>1</v>
      </c>
      <c r="H18082" s="8">
        <v>1</v>
      </c>
      <c r="I18082" s="8">
        <v>0</v>
      </c>
      <c r="J18082" s="8">
        <v>1</v>
      </c>
      <c r="K18082" s="9">
        <v>43</v>
      </c>
      <c r="L18082" s="6" t="s">
        <v>51</v>
      </c>
    </row>
    <row r="18083" spans="1:12">
      <c r="A18083" s="6" t="s">
        <v>17224</v>
      </c>
      <c r="B18083" s="6"/>
      <c r="C18083" s="6" t="s">
        <v>18115</v>
      </c>
      <c r="D18083" s="6"/>
      <c r="E18083" s="6" t="s">
        <v>9</v>
      </c>
      <c r="F18083" s="7">
        <v>38657</v>
      </c>
      <c r="G18083" s="8">
        <v>1</v>
      </c>
      <c r="H18083" s="8">
        <v>1</v>
      </c>
      <c r="I18083" s="8">
        <v>0</v>
      </c>
      <c r="J18083" s="8">
        <v>1</v>
      </c>
      <c r="K18083" s="9">
        <v>134</v>
      </c>
      <c r="L18083" s="6" t="s">
        <v>51</v>
      </c>
    </row>
    <row r="18084" spans="1:12">
      <c r="A18084" s="6" t="s">
        <v>17224</v>
      </c>
      <c r="B18084" s="6"/>
      <c r="C18084" s="6" t="s">
        <v>18116</v>
      </c>
      <c r="D18084" s="6"/>
      <c r="E18084" s="6" t="s">
        <v>9</v>
      </c>
      <c r="F18084" s="7">
        <v>38657</v>
      </c>
      <c r="G18084" s="8">
        <v>1</v>
      </c>
      <c r="H18084" s="8">
        <v>1</v>
      </c>
      <c r="I18084" s="8">
        <v>0</v>
      </c>
      <c r="J18084" s="8">
        <v>1</v>
      </c>
      <c r="K18084" s="9">
        <v>41</v>
      </c>
      <c r="L18084" s="6" t="s">
        <v>51</v>
      </c>
    </row>
    <row r="18085" spans="1:12">
      <c r="A18085" s="6" t="s">
        <v>17224</v>
      </c>
      <c r="B18085" s="6"/>
      <c r="C18085" s="6" t="s">
        <v>18117</v>
      </c>
      <c r="D18085" s="6"/>
      <c r="E18085" s="6" t="s">
        <v>9</v>
      </c>
      <c r="F18085" s="7">
        <v>38657</v>
      </c>
      <c r="G18085" s="8">
        <v>1</v>
      </c>
      <c r="H18085" s="8">
        <v>1</v>
      </c>
      <c r="I18085" s="8">
        <v>0</v>
      </c>
      <c r="J18085" s="8">
        <v>1</v>
      </c>
      <c r="K18085" s="9">
        <v>4.58</v>
      </c>
      <c r="L18085" s="6" t="s">
        <v>51</v>
      </c>
    </row>
    <row r="18086" spans="1:12">
      <c r="A18086" s="6" t="s">
        <v>17224</v>
      </c>
      <c r="B18086" s="6"/>
      <c r="C18086" s="6" t="s">
        <v>18118</v>
      </c>
      <c r="D18086" s="6"/>
      <c r="E18086" s="6" t="s">
        <v>9</v>
      </c>
      <c r="F18086" s="7">
        <v>38657</v>
      </c>
      <c r="G18086" s="8">
        <v>1</v>
      </c>
      <c r="H18086" s="8">
        <v>1</v>
      </c>
      <c r="I18086" s="8">
        <v>0</v>
      </c>
      <c r="J18086" s="8">
        <v>1</v>
      </c>
      <c r="K18086" s="9">
        <v>110</v>
      </c>
      <c r="L18086" s="6" t="s">
        <v>51</v>
      </c>
    </row>
    <row r="18087" spans="1:12">
      <c r="A18087" s="6" t="s">
        <v>17224</v>
      </c>
      <c r="B18087" s="6"/>
      <c r="C18087" s="6" t="s">
        <v>18119</v>
      </c>
      <c r="D18087" s="6"/>
      <c r="E18087" s="6" t="s">
        <v>9</v>
      </c>
      <c r="F18087" s="7">
        <v>38657</v>
      </c>
      <c r="G18087" s="8">
        <v>1</v>
      </c>
      <c r="H18087" s="8">
        <v>1</v>
      </c>
      <c r="I18087" s="8">
        <v>0</v>
      </c>
      <c r="J18087" s="8">
        <v>1</v>
      </c>
      <c r="K18087" s="9">
        <v>105</v>
      </c>
      <c r="L18087" s="6" t="s">
        <v>51</v>
      </c>
    </row>
    <row r="18088" spans="1:12">
      <c r="A18088" s="6" t="s">
        <v>17224</v>
      </c>
      <c r="B18088" s="6"/>
      <c r="C18088" s="6" t="s">
        <v>18120</v>
      </c>
      <c r="D18088" s="6"/>
      <c r="E18088" s="6" t="s">
        <v>9</v>
      </c>
      <c r="F18088" s="7">
        <v>38657</v>
      </c>
      <c r="G18088" s="8">
        <v>1</v>
      </c>
      <c r="H18088" s="8">
        <v>1</v>
      </c>
      <c r="I18088" s="8">
        <v>0</v>
      </c>
      <c r="J18088" s="8">
        <v>1</v>
      </c>
      <c r="K18088" s="9">
        <v>2575</v>
      </c>
      <c r="L18088" s="6" t="s">
        <v>51</v>
      </c>
    </row>
    <row r="18089" spans="1:12">
      <c r="A18089" s="6" t="s">
        <v>17224</v>
      </c>
      <c r="B18089" s="6"/>
      <c r="C18089" s="6" t="s">
        <v>18121</v>
      </c>
      <c r="D18089" s="6"/>
      <c r="E18089" s="6" t="s">
        <v>9</v>
      </c>
      <c r="F18089" s="7">
        <v>38657</v>
      </c>
      <c r="G18089" s="8">
        <v>1</v>
      </c>
      <c r="H18089" s="8">
        <v>1</v>
      </c>
      <c r="I18089" s="8">
        <v>0</v>
      </c>
      <c r="J18089" s="8">
        <v>1</v>
      </c>
      <c r="K18089" s="9">
        <v>19</v>
      </c>
      <c r="L18089" s="6" t="s">
        <v>51</v>
      </c>
    </row>
    <row r="18090" spans="1:12">
      <c r="A18090" s="6" t="s">
        <v>17224</v>
      </c>
      <c r="B18090" s="6"/>
      <c r="C18090" s="6" t="s">
        <v>18122</v>
      </c>
      <c r="D18090" s="6"/>
      <c r="E18090" s="6" t="s">
        <v>9</v>
      </c>
      <c r="F18090" s="7">
        <v>38657</v>
      </c>
      <c r="G18090" s="8">
        <v>1</v>
      </c>
      <c r="H18090" s="8">
        <v>1</v>
      </c>
      <c r="I18090" s="8">
        <v>0</v>
      </c>
      <c r="J18090" s="8">
        <v>1</v>
      </c>
      <c r="K18090" s="9">
        <v>69</v>
      </c>
      <c r="L18090" s="6" t="s">
        <v>51</v>
      </c>
    </row>
    <row r="18091" spans="1:12">
      <c r="A18091" s="6" t="s">
        <v>17224</v>
      </c>
      <c r="B18091" s="6"/>
      <c r="C18091" s="6" t="s">
        <v>18123</v>
      </c>
      <c r="D18091" s="6"/>
      <c r="E18091" s="6" t="s">
        <v>9</v>
      </c>
      <c r="F18091" s="7">
        <v>38657</v>
      </c>
      <c r="G18091" s="8">
        <v>1</v>
      </c>
      <c r="H18091" s="8">
        <v>1</v>
      </c>
      <c r="I18091" s="8">
        <v>0</v>
      </c>
      <c r="J18091" s="8">
        <v>1</v>
      </c>
      <c r="K18091" s="9">
        <v>29.75</v>
      </c>
      <c r="L18091" s="6" t="s">
        <v>51</v>
      </c>
    </row>
    <row r="18092" spans="1:12">
      <c r="A18092" s="6" t="s">
        <v>17224</v>
      </c>
      <c r="B18092" s="6"/>
      <c r="C18092" s="6" t="s">
        <v>18124</v>
      </c>
      <c r="D18092" s="6"/>
      <c r="E18092" s="6" t="s">
        <v>9</v>
      </c>
      <c r="F18092" s="7">
        <v>38657</v>
      </c>
      <c r="G18092" s="8">
        <v>1</v>
      </c>
      <c r="H18092" s="8">
        <v>1</v>
      </c>
      <c r="I18092" s="8">
        <v>0</v>
      </c>
      <c r="J18092" s="8">
        <v>1</v>
      </c>
      <c r="K18092" s="9">
        <v>46</v>
      </c>
      <c r="L18092" s="6" t="s">
        <v>51</v>
      </c>
    </row>
    <row r="18093" spans="1:12">
      <c r="A18093" s="6" t="s">
        <v>17224</v>
      </c>
      <c r="B18093" s="6"/>
      <c r="C18093" s="6" t="s">
        <v>18125</v>
      </c>
      <c r="D18093" s="6"/>
      <c r="E18093" s="6" t="s">
        <v>9</v>
      </c>
      <c r="F18093" s="7">
        <v>38657</v>
      </c>
      <c r="G18093" s="8">
        <v>1</v>
      </c>
      <c r="H18093" s="8">
        <v>1</v>
      </c>
      <c r="I18093" s="8">
        <v>0</v>
      </c>
      <c r="J18093" s="8">
        <v>1</v>
      </c>
      <c r="K18093" s="9">
        <v>24</v>
      </c>
      <c r="L18093" s="6" t="s">
        <v>51</v>
      </c>
    </row>
    <row r="18094" spans="1:12">
      <c r="A18094" s="6" t="s">
        <v>17224</v>
      </c>
      <c r="B18094" s="6"/>
      <c r="C18094" s="6" t="s">
        <v>18126</v>
      </c>
      <c r="D18094" s="6"/>
      <c r="E18094" s="6" t="s">
        <v>9</v>
      </c>
      <c r="F18094" s="7">
        <v>38657</v>
      </c>
      <c r="G18094" s="8">
        <v>1</v>
      </c>
      <c r="H18094" s="8">
        <v>1</v>
      </c>
      <c r="I18094" s="8">
        <v>0</v>
      </c>
      <c r="J18094" s="8">
        <v>1</v>
      </c>
      <c r="K18094" s="9">
        <v>47</v>
      </c>
      <c r="L18094" s="6" t="s">
        <v>51</v>
      </c>
    </row>
    <row r="18095" spans="1:12">
      <c r="A18095" s="6" t="s">
        <v>17224</v>
      </c>
      <c r="B18095" s="6"/>
      <c r="C18095" s="6" t="s">
        <v>18127</v>
      </c>
      <c r="D18095" s="6"/>
      <c r="E18095" s="6" t="s">
        <v>9</v>
      </c>
      <c r="F18095" s="7">
        <v>38657</v>
      </c>
      <c r="G18095" s="8">
        <v>1</v>
      </c>
      <c r="H18095" s="8">
        <v>1</v>
      </c>
      <c r="I18095" s="8">
        <v>0</v>
      </c>
      <c r="J18095" s="8">
        <v>1</v>
      </c>
      <c r="K18095" s="9">
        <v>13</v>
      </c>
      <c r="L18095" s="6" t="s">
        <v>51</v>
      </c>
    </row>
    <row r="18096" spans="1:12">
      <c r="A18096" s="6" t="s">
        <v>17224</v>
      </c>
      <c r="B18096" s="6"/>
      <c r="C18096" s="6" t="s">
        <v>18128</v>
      </c>
      <c r="D18096" s="6"/>
      <c r="E18096" s="6" t="s">
        <v>9</v>
      </c>
      <c r="F18096" s="7">
        <v>38657</v>
      </c>
      <c r="G18096" s="8">
        <v>1</v>
      </c>
      <c r="H18096" s="8">
        <v>1</v>
      </c>
      <c r="I18096" s="8">
        <v>0</v>
      </c>
      <c r="J18096" s="8">
        <v>1</v>
      </c>
      <c r="K18096" s="9">
        <v>331</v>
      </c>
      <c r="L18096" s="6" t="s">
        <v>51</v>
      </c>
    </row>
    <row r="18097" spans="1:12">
      <c r="A18097" s="6" t="s">
        <v>17224</v>
      </c>
      <c r="B18097" s="6"/>
      <c r="C18097" s="6" t="s">
        <v>18129</v>
      </c>
      <c r="D18097" s="6"/>
      <c r="E18097" s="6" t="s">
        <v>9</v>
      </c>
      <c r="F18097" s="7">
        <v>38657</v>
      </c>
      <c r="G18097" s="8">
        <v>1</v>
      </c>
      <c r="H18097" s="8">
        <v>1</v>
      </c>
      <c r="I18097" s="8">
        <v>0</v>
      </c>
      <c r="J18097" s="8">
        <v>1</v>
      </c>
      <c r="K18097" s="9">
        <v>561</v>
      </c>
      <c r="L18097" s="6" t="s">
        <v>51</v>
      </c>
    </row>
    <row r="18098" spans="1:12">
      <c r="A18098" s="6" t="s">
        <v>17224</v>
      </c>
      <c r="B18098" s="6"/>
      <c r="C18098" s="6" t="s">
        <v>18130</v>
      </c>
      <c r="D18098" s="6"/>
      <c r="E18098" s="6" t="s">
        <v>9</v>
      </c>
      <c r="F18098" s="7">
        <v>38657</v>
      </c>
      <c r="G18098" s="8">
        <v>1</v>
      </c>
      <c r="H18098" s="8">
        <v>1</v>
      </c>
      <c r="I18098" s="8">
        <v>0</v>
      </c>
      <c r="J18098" s="8">
        <v>1</v>
      </c>
      <c r="K18098" s="9">
        <v>291</v>
      </c>
      <c r="L18098" s="6" t="s">
        <v>51</v>
      </c>
    </row>
    <row r="18099" spans="1:12">
      <c r="A18099" s="6" t="s">
        <v>17224</v>
      </c>
      <c r="B18099" s="6"/>
      <c r="C18099" s="6" t="s">
        <v>18131</v>
      </c>
      <c r="D18099" s="6"/>
      <c r="E18099" s="6" t="s">
        <v>9</v>
      </c>
      <c r="F18099" s="7">
        <v>38657</v>
      </c>
      <c r="G18099" s="8">
        <v>1</v>
      </c>
      <c r="H18099" s="8">
        <v>1</v>
      </c>
      <c r="I18099" s="8">
        <v>0</v>
      </c>
      <c r="J18099" s="8">
        <v>1</v>
      </c>
      <c r="K18099" s="9">
        <v>122</v>
      </c>
      <c r="L18099" s="6" t="s">
        <v>51</v>
      </c>
    </row>
    <row r="18100" spans="1:12">
      <c r="A18100" s="6" t="s">
        <v>17224</v>
      </c>
      <c r="B18100" s="6"/>
      <c r="C18100" s="6" t="s">
        <v>18132</v>
      </c>
      <c r="D18100" s="6"/>
      <c r="E18100" s="6" t="s">
        <v>9</v>
      </c>
      <c r="F18100" s="7">
        <v>38657</v>
      </c>
      <c r="G18100" s="8">
        <v>1</v>
      </c>
      <c r="H18100" s="8">
        <v>1</v>
      </c>
      <c r="I18100" s="8">
        <v>0</v>
      </c>
      <c r="J18100" s="8">
        <v>1</v>
      </c>
      <c r="K18100" s="9">
        <v>981</v>
      </c>
      <c r="L18100" s="6" t="s">
        <v>51</v>
      </c>
    </row>
    <row r="18101" spans="1:12">
      <c r="A18101" s="6" t="s">
        <v>17224</v>
      </c>
      <c r="B18101" s="6"/>
      <c r="C18101" s="6" t="s">
        <v>18133</v>
      </c>
      <c r="D18101" s="6"/>
      <c r="E18101" s="6" t="s">
        <v>9</v>
      </c>
      <c r="F18101" s="7">
        <v>38657</v>
      </c>
      <c r="G18101" s="8">
        <v>1</v>
      </c>
      <c r="H18101" s="8">
        <v>1</v>
      </c>
      <c r="I18101" s="8">
        <v>0</v>
      </c>
      <c r="J18101" s="8">
        <v>1</v>
      </c>
      <c r="K18101" s="9">
        <v>496</v>
      </c>
      <c r="L18101" s="6" t="s">
        <v>51</v>
      </c>
    </row>
    <row r="18102" spans="1:12">
      <c r="A18102" s="6" t="s">
        <v>17224</v>
      </c>
      <c r="B18102" s="6"/>
      <c r="C18102" s="6" t="s">
        <v>18134</v>
      </c>
      <c r="D18102" s="6"/>
      <c r="E18102" s="6" t="s">
        <v>9</v>
      </c>
      <c r="F18102" s="7">
        <v>38657</v>
      </c>
      <c r="G18102" s="8">
        <v>1</v>
      </c>
      <c r="H18102" s="8">
        <v>1</v>
      </c>
      <c r="I18102" s="8">
        <v>0</v>
      </c>
      <c r="J18102" s="8">
        <v>1</v>
      </c>
      <c r="K18102" s="9">
        <v>39.659999999999897</v>
      </c>
      <c r="L18102" s="6" t="s">
        <v>51</v>
      </c>
    </row>
    <row r="18103" spans="1:12">
      <c r="A18103" s="6" t="s">
        <v>17224</v>
      </c>
      <c r="B18103" s="6"/>
      <c r="C18103" s="6" t="s">
        <v>18135</v>
      </c>
      <c r="D18103" s="6"/>
      <c r="E18103" s="6" t="s">
        <v>9</v>
      </c>
      <c r="F18103" s="7">
        <v>38657</v>
      </c>
      <c r="G18103" s="8">
        <v>1</v>
      </c>
      <c r="H18103" s="8">
        <v>1</v>
      </c>
      <c r="I18103" s="8">
        <v>0</v>
      </c>
      <c r="J18103" s="8">
        <v>1</v>
      </c>
      <c r="K18103" s="9">
        <v>7.39</v>
      </c>
      <c r="L18103" s="6" t="s">
        <v>51</v>
      </c>
    </row>
    <row r="18104" spans="1:12">
      <c r="A18104" s="6" t="s">
        <v>17224</v>
      </c>
      <c r="B18104" s="6"/>
      <c r="C18104" s="6" t="s">
        <v>18136</v>
      </c>
      <c r="D18104" s="6"/>
      <c r="E18104" s="6" t="s">
        <v>9</v>
      </c>
      <c r="F18104" s="7">
        <v>38657</v>
      </c>
      <c r="G18104" s="8">
        <v>1</v>
      </c>
      <c r="H18104" s="8">
        <v>1</v>
      </c>
      <c r="I18104" s="8">
        <v>0</v>
      </c>
      <c r="J18104" s="8">
        <v>1</v>
      </c>
      <c r="K18104" s="9">
        <v>6.63</v>
      </c>
      <c r="L18104" s="6" t="s">
        <v>51</v>
      </c>
    </row>
    <row r="18105" spans="1:12">
      <c r="A18105" s="6" t="s">
        <v>17224</v>
      </c>
      <c r="B18105" s="6"/>
      <c r="C18105" s="6" t="s">
        <v>18137</v>
      </c>
      <c r="D18105" s="6"/>
      <c r="E18105" s="6" t="s">
        <v>9</v>
      </c>
      <c r="F18105" s="7">
        <v>38657</v>
      </c>
      <c r="G18105" s="8">
        <v>1</v>
      </c>
      <c r="H18105" s="8">
        <v>1</v>
      </c>
      <c r="I18105" s="8">
        <v>0</v>
      </c>
      <c r="J18105" s="8">
        <v>1</v>
      </c>
      <c r="K18105" s="9">
        <v>16</v>
      </c>
      <c r="L18105" s="6" t="s">
        <v>51</v>
      </c>
    </row>
    <row r="18106" spans="1:12">
      <c r="A18106" s="6" t="s">
        <v>17224</v>
      </c>
      <c r="B18106" s="6"/>
      <c r="C18106" s="6" t="s">
        <v>18138</v>
      </c>
      <c r="D18106" s="6"/>
      <c r="E18106" s="6" t="s">
        <v>9</v>
      </c>
      <c r="F18106" s="7">
        <v>38657</v>
      </c>
      <c r="G18106" s="8">
        <v>1</v>
      </c>
      <c r="H18106" s="8">
        <v>1</v>
      </c>
      <c r="I18106" s="8">
        <v>0</v>
      </c>
      <c r="J18106" s="8">
        <v>1</v>
      </c>
      <c r="K18106" s="9">
        <v>13</v>
      </c>
      <c r="L18106" s="6" t="s">
        <v>51</v>
      </c>
    </row>
    <row r="18107" spans="1:12">
      <c r="A18107" s="6" t="s">
        <v>17224</v>
      </c>
      <c r="B18107" s="6"/>
      <c r="C18107" s="6" t="s">
        <v>18139</v>
      </c>
      <c r="D18107" s="6"/>
      <c r="E18107" s="6" t="s">
        <v>9</v>
      </c>
      <c r="F18107" s="7">
        <v>38657</v>
      </c>
      <c r="G18107" s="8">
        <v>1</v>
      </c>
      <c r="H18107" s="8">
        <v>1</v>
      </c>
      <c r="I18107" s="8">
        <v>0</v>
      </c>
      <c r="J18107" s="8">
        <v>1</v>
      </c>
      <c r="K18107" s="9">
        <v>53</v>
      </c>
      <c r="L18107" s="6" t="s">
        <v>51</v>
      </c>
    </row>
    <row r="18108" spans="1:12">
      <c r="A18108" s="6" t="s">
        <v>17224</v>
      </c>
      <c r="B18108" s="6"/>
      <c r="C18108" s="6" t="s">
        <v>18140</v>
      </c>
      <c r="D18108" s="6"/>
      <c r="E18108" s="6" t="s">
        <v>9</v>
      </c>
      <c r="F18108" s="7">
        <v>38657</v>
      </c>
      <c r="G18108" s="8">
        <v>1</v>
      </c>
      <c r="H18108" s="8">
        <v>1</v>
      </c>
      <c r="I18108" s="8">
        <v>0</v>
      </c>
      <c r="J18108" s="8">
        <v>1</v>
      </c>
      <c r="K18108" s="9">
        <v>4.1399999999999899</v>
      </c>
      <c r="L18108" s="6" t="s">
        <v>51</v>
      </c>
    </row>
    <row r="18109" spans="1:12">
      <c r="A18109" s="6" t="s">
        <v>17224</v>
      </c>
      <c r="B18109" s="6"/>
      <c r="C18109" s="6" t="s">
        <v>18141</v>
      </c>
      <c r="D18109" s="6"/>
      <c r="E18109" s="6" t="s">
        <v>9</v>
      </c>
      <c r="F18109" s="7">
        <v>38657</v>
      </c>
      <c r="G18109" s="8">
        <v>1</v>
      </c>
      <c r="H18109" s="8">
        <v>1</v>
      </c>
      <c r="I18109" s="8">
        <v>0</v>
      </c>
      <c r="J18109" s="8">
        <v>1</v>
      </c>
      <c r="K18109" s="9">
        <v>7.4</v>
      </c>
      <c r="L18109" s="6" t="s">
        <v>51</v>
      </c>
    </row>
    <row r="18110" spans="1:12">
      <c r="A18110" s="6" t="s">
        <v>17224</v>
      </c>
      <c r="B18110" s="6"/>
      <c r="C18110" s="6" t="s">
        <v>18142</v>
      </c>
      <c r="D18110" s="6"/>
      <c r="E18110" s="6" t="s">
        <v>9</v>
      </c>
      <c r="F18110" s="7">
        <v>38657</v>
      </c>
      <c r="G18110" s="8">
        <v>1</v>
      </c>
      <c r="H18110" s="8">
        <v>1</v>
      </c>
      <c r="I18110" s="8">
        <v>0</v>
      </c>
      <c r="J18110" s="8">
        <v>1</v>
      </c>
      <c r="K18110" s="9">
        <v>239</v>
      </c>
      <c r="L18110" s="6" t="s">
        <v>51</v>
      </c>
    </row>
    <row r="18111" spans="1:12">
      <c r="A18111" s="6" t="s">
        <v>17224</v>
      </c>
      <c r="B18111" s="6"/>
      <c r="C18111" s="6" t="s">
        <v>18143</v>
      </c>
      <c r="D18111" s="6"/>
      <c r="E18111" s="6" t="s">
        <v>9</v>
      </c>
      <c r="F18111" s="7">
        <v>38657</v>
      </c>
      <c r="G18111" s="8">
        <v>1</v>
      </c>
      <c r="H18111" s="8">
        <v>1</v>
      </c>
      <c r="I18111" s="8">
        <v>0</v>
      </c>
      <c r="J18111" s="8">
        <v>1</v>
      </c>
      <c r="K18111" s="9">
        <v>9.81</v>
      </c>
      <c r="L18111" s="6" t="s">
        <v>51</v>
      </c>
    </row>
    <row r="18112" spans="1:12">
      <c r="A18112" s="6" t="s">
        <v>17224</v>
      </c>
      <c r="B18112" s="6"/>
      <c r="C18112" s="6" t="s">
        <v>18144</v>
      </c>
      <c r="D18112" s="6"/>
      <c r="E18112" s="6" t="s">
        <v>9</v>
      </c>
      <c r="F18112" s="7">
        <v>38657</v>
      </c>
      <c r="G18112" s="8">
        <v>1</v>
      </c>
      <c r="H18112" s="8">
        <v>1</v>
      </c>
      <c r="I18112" s="8">
        <v>0</v>
      </c>
      <c r="J18112" s="8">
        <v>1</v>
      </c>
      <c r="K18112" s="9">
        <v>11</v>
      </c>
      <c r="L18112" s="6" t="s">
        <v>51</v>
      </c>
    </row>
    <row r="18113" spans="1:12">
      <c r="A18113" s="6" t="s">
        <v>17224</v>
      </c>
      <c r="B18113" s="6"/>
      <c r="C18113" s="6" t="s">
        <v>18145</v>
      </c>
      <c r="D18113" s="6"/>
      <c r="E18113" s="6" t="s">
        <v>9</v>
      </c>
      <c r="F18113" s="7">
        <v>38657</v>
      </c>
      <c r="G18113" s="8">
        <v>1</v>
      </c>
      <c r="H18113" s="8">
        <v>1</v>
      </c>
      <c r="I18113" s="8">
        <v>0</v>
      </c>
      <c r="J18113" s="8">
        <v>1</v>
      </c>
      <c r="K18113" s="9">
        <v>66</v>
      </c>
      <c r="L18113" s="6" t="s">
        <v>51</v>
      </c>
    </row>
    <row r="18114" spans="1:12">
      <c r="A18114" s="6" t="s">
        <v>17224</v>
      </c>
      <c r="B18114" s="6"/>
      <c r="C18114" s="6" t="s">
        <v>18146</v>
      </c>
      <c r="D18114" s="6"/>
      <c r="E18114" s="6" t="s">
        <v>9</v>
      </c>
      <c r="F18114" s="7">
        <v>38657</v>
      </c>
      <c r="G18114" s="8">
        <v>1</v>
      </c>
      <c r="H18114" s="8">
        <v>1</v>
      </c>
      <c r="I18114" s="8">
        <v>0</v>
      </c>
      <c r="J18114" s="8">
        <v>1</v>
      </c>
      <c r="K18114" s="9">
        <v>15</v>
      </c>
      <c r="L18114" s="6" t="s">
        <v>51</v>
      </c>
    </row>
    <row r="18115" spans="1:12">
      <c r="A18115" s="6" t="s">
        <v>17224</v>
      </c>
      <c r="B18115" s="6"/>
      <c r="C18115" s="6" t="s">
        <v>18147</v>
      </c>
      <c r="D18115" s="6"/>
      <c r="E18115" s="6" t="s">
        <v>9</v>
      </c>
      <c r="F18115" s="7">
        <v>38657</v>
      </c>
      <c r="G18115" s="8">
        <v>1</v>
      </c>
      <c r="H18115" s="8">
        <v>1</v>
      </c>
      <c r="I18115" s="8">
        <v>0</v>
      </c>
      <c r="J18115" s="8">
        <v>1</v>
      </c>
      <c r="K18115" s="9">
        <v>67</v>
      </c>
      <c r="L18115" s="6" t="s">
        <v>51</v>
      </c>
    </row>
    <row r="18116" spans="1:12">
      <c r="A18116" s="6" t="s">
        <v>17224</v>
      </c>
      <c r="B18116" s="6"/>
      <c r="C18116" s="6" t="s">
        <v>18148</v>
      </c>
      <c r="D18116" s="6"/>
      <c r="E18116" s="6" t="s">
        <v>9</v>
      </c>
      <c r="F18116" s="7">
        <v>38657</v>
      </c>
      <c r="G18116" s="8">
        <v>1</v>
      </c>
      <c r="H18116" s="8">
        <v>1</v>
      </c>
      <c r="I18116" s="8">
        <v>0</v>
      </c>
      <c r="J18116" s="8">
        <v>1</v>
      </c>
      <c r="K18116" s="9">
        <v>77</v>
      </c>
      <c r="L18116" s="6" t="s">
        <v>51</v>
      </c>
    </row>
    <row r="18117" spans="1:12">
      <c r="A18117" s="6" t="s">
        <v>17224</v>
      </c>
      <c r="B18117" s="6"/>
      <c r="C18117" s="6" t="s">
        <v>18149</v>
      </c>
      <c r="D18117" s="6"/>
      <c r="E18117" s="6" t="s">
        <v>9</v>
      </c>
      <c r="F18117" s="7">
        <v>38657</v>
      </c>
      <c r="G18117" s="8">
        <v>1</v>
      </c>
      <c r="H18117" s="8">
        <v>1</v>
      </c>
      <c r="I18117" s="8">
        <v>0</v>
      </c>
      <c r="J18117" s="8">
        <v>1</v>
      </c>
      <c r="K18117" s="9">
        <v>60</v>
      </c>
      <c r="L18117" s="6" t="s">
        <v>51</v>
      </c>
    </row>
    <row r="18118" spans="1:12">
      <c r="A18118" s="6" t="s">
        <v>17224</v>
      </c>
      <c r="B18118" s="6"/>
      <c r="C18118" s="6" t="s">
        <v>18150</v>
      </c>
      <c r="D18118" s="6"/>
      <c r="E18118" s="6" t="s">
        <v>9</v>
      </c>
      <c r="F18118" s="7">
        <v>38657</v>
      </c>
      <c r="G18118" s="8">
        <v>1</v>
      </c>
      <c r="H18118" s="8">
        <v>1</v>
      </c>
      <c r="I18118" s="8">
        <v>0</v>
      </c>
      <c r="J18118" s="8">
        <v>1</v>
      </c>
      <c r="K18118" s="9">
        <v>11</v>
      </c>
      <c r="L18118" s="6" t="s">
        <v>51</v>
      </c>
    </row>
    <row r="18119" spans="1:12">
      <c r="A18119" s="6" t="s">
        <v>17224</v>
      </c>
      <c r="B18119" s="6"/>
      <c r="C18119" s="6" t="s">
        <v>18151</v>
      </c>
      <c r="D18119" s="6"/>
      <c r="E18119" s="6" t="s">
        <v>9</v>
      </c>
      <c r="F18119" s="7">
        <v>38657</v>
      </c>
      <c r="G18119" s="8">
        <v>1</v>
      </c>
      <c r="H18119" s="8">
        <v>1</v>
      </c>
      <c r="I18119" s="8">
        <v>0</v>
      </c>
      <c r="J18119" s="8">
        <v>1</v>
      </c>
      <c r="K18119" s="9">
        <v>8.41</v>
      </c>
      <c r="L18119" s="6" t="s">
        <v>51</v>
      </c>
    </row>
    <row r="18120" spans="1:12">
      <c r="A18120" s="6" t="s">
        <v>17224</v>
      </c>
      <c r="B18120" s="6"/>
      <c r="C18120" s="6" t="s">
        <v>18152</v>
      </c>
      <c r="D18120" s="6"/>
      <c r="E18120" s="6" t="s">
        <v>9</v>
      </c>
      <c r="F18120" s="7">
        <v>38657</v>
      </c>
      <c r="G18120" s="8">
        <v>1</v>
      </c>
      <c r="H18120" s="8">
        <v>1</v>
      </c>
      <c r="I18120" s="8">
        <v>0</v>
      </c>
      <c r="J18120" s="8">
        <v>1</v>
      </c>
      <c r="K18120" s="9">
        <v>61</v>
      </c>
      <c r="L18120" s="6" t="s">
        <v>51</v>
      </c>
    </row>
    <row r="18121" spans="1:12">
      <c r="A18121" s="6" t="s">
        <v>17224</v>
      </c>
      <c r="B18121" s="6"/>
      <c r="C18121" s="6" t="s">
        <v>18153</v>
      </c>
      <c r="D18121" s="6"/>
      <c r="E18121" s="6" t="s">
        <v>9</v>
      </c>
      <c r="F18121" s="7">
        <v>38657</v>
      </c>
      <c r="G18121" s="8">
        <v>1</v>
      </c>
      <c r="H18121" s="8">
        <v>1</v>
      </c>
      <c r="I18121" s="8">
        <v>0</v>
      </c>
      <c r="J18121" s="8">
        <v>1</v>
      </c>
      <c r="K18121" s="9">
        <v>29</v>
      </c>
      <c r="L18121" s="6" t="s">
        <v>51</v>
      </c>
    </row>
    <row r="18122" spans="1:12">
      <c r="A18122" s="6" t="s">
        <v>17224</v>
      </c>
      <c r="B18122" s="6"/>
      <c r="C18122" s="6" t="s">
        <v>18154</v>
      </c>
      <c r="D18122" s="6"/>
      <c r="E18122" s="6" t="s">
        <v>9</v>
      </c>
      <c r="F18122" s="7">
        <v>38657</v>
      </c>
      <c r="G18122" s="8">
        <v>1</v>
      </c>
      <c r="H18122" s="8">
        <v>1</v>
      </c>
      <c r="I18122" s="8">
        <v>0</v>
      </c>
      <c r="J18122" s="8">
        <v>1</v>
      </c>
      <c r="K18122" s="9">
        <v>15</v>
      </c>
      <c r="L18122" s="6" t="s">
        <v>51</v>
      </c>
    </row>
    <row r="18123" spans="1:12">
      <c r="A18123" s="6" t="s">
        <v>17224</v>
      </c>
      <c r="B18123" s="6"/>
      <c r="C18123" s="6" t="s">
        <v>18155</v>
      </c>
      <c r="D18123" s="6"/>
      <c r="E18123" s="6" t="s">
        <v>9</v>
      </c>
      <c r="F18123" s="7">
        <v>38657</v>
      </c>
      <c r="G18123" s="8">
        <v>1</v>
      </c>
      <c r="H18123" s="8">
        <v>1</v>
      </c>
      <c r="I18123" s="8">
        <v>0</v>
      </c>
      <c r="J18123" s="8">
        <v>1</v>
      </c>
      <c r="K18123" s="9">
        <v>77</v>
      </c>
      <c r="L18123" s="6" t="s">
        <v>51</v>
      </c>
    </row>
    <row r="18124" spans="1:12">
      <c r="A18124" s="6" t="s">
        <v>17224</v>
      </c>
      <c r="B18124" s="6"/>
      <c r="C18124" s="6" t="s">
        <v>18156</v>
      </c>
      <c r="D18124" s="6"/>
      <c r="E18124" s="6" t="s">
        <v>9</v>
      </c>
      <c r="F18124" s="7">
        <v>38657</v>
      </c>
      <c r="G18124" s="8">
        <v>1</v>
      </c>
      <c r="H18124" s="8">
        <v>1</v>
      </c>
      <c r="I18124" s="8">
        <v>0</v>
      </c>
      <c r="J18124" s="8">
        <v>1</v>
      </c>
      <c r="K18124" s="9">
        <v>77.22</v>
      </c>
      <c r="L18124" s="6" t="s">
        <v>51</v>
      </c>
    </row>
    <row r="18125" spans="1:12">
      <c r="A18125" s="6" t="s">
        <v>17224</v>
      </c>
      <c r="B18125" s="6"/>
      <c r="C18125" s="6" t="s">
        <v>18157</v>
      </c>
      <c r="D18125" s="6"/>
      <c r="E18125" s="6" t="s">
        <v>9</v>
      </c>
      <c r="F18125" s="7">
        <v>38657</v>
      </c>
      <c r="G18125" s="8">
        <v>1</v>
      </c>
      <c r="H18125" s="8">
        <v>1</v>
      </c>
      <c r="I18125" s="8">
        <v>0</v>
      </c>
      <c r="J18125" s="8">
        <v>1</v>
      </c>
      <c r="K18125" s="9">
        <v>35</v>
      </c>
      <c r="L18125" s="6" t="s">
        <v>51</v>
      </c>
    </row>
    <row r="18126" spans="1:12">
      <c r="A18126" s="6" t="s">
        <v>17224</v>
      </c>
      <c r="B18126" s="6"/>
      <c r="C18126" s="6" t="s">
        <v>18158</v>
      </c>
      <c r="D18126" s="6"/>
      <c r="E18126" s="6" t="s">
        <v>9</v>
      </c>
      <c r="F18126" s="7">
        <v>38657</v>
      </c>
      <c r="G18126" s="8">
        <v>1</v>
      </c>
      <c r="H18126" s="8">
        <v>1</v>
      </c>
      <c r="I18126" s="8">
        <v>0</v>
      </c>
      <c r="J18126" s="8">
        <v>1</v>
      </c>
      <c r="K18126" s="9">
        <v>67</v>
      </c>
      <c r="L18126" s="6" t="s">
        <v>51</v>
      </c>
    </row>
    <row r="18127" spans="1:12">
      <c r="A18127" s="6" t="s">
        <v>17224</v>
      </c>
      <c r="B18127" s="6"/>
      <c r="C18127" s="6" t="s">
        <v>18159</v>
      </c>
      <c r="D18127" s="6"/>
      <c r="E18127" s="6" t="s">
        <v>9</v>
      </c>
      <c r="F18127" s="7">
        <v>38657</v>
      </c>
      <c r="G18127" s="8">
        <v>1</v>
      </c>
      <c r="H18127" s="8">
        <v>1</v>
      </c>
      <c r="I18127" s="8">
        <v>0</v>
      </c>
      <c r="J18127" s="8">
        <v>1</v>
      </c>
      <c r="K18127" s="9">
        <v>1.56</v>
      </c>
      <c r="L18127" s="6" t="s">
        <v>51</v>
      </c>
    </row>
    <row r="18128" spans="1:12">
      <c r="A18128" s="6" t="s">
        <v>17224</v>
      </c>
      <c r="B18128" s="6"/>
      <c r="C18128" s="6" t="s">
        <v>18160</v>
      </c>
      <c r="D18128" s="6"/>
      <c r="E18128" s="6" t="s">
        <v>9</v>
      </c>
      <c r="F18128" s="7">
        <v>38657</v>
      </c>
      <c r="G18128" s="8">
        <v>1</v>
      </c>
      <c r="H18128" s="8">
        <v>1</v>
      </c>
      <c r="I18128" s="8">
        <v>0</v>
      </c>
      <c r="J18128" s="8">
        <v>1</v>
      </c>
      <c r="K18128" s="9">
        <v>36</v>
      </c>
      <c r="L18128" s="6" t="s">
        <v>51</v>
      </c>
    </row>
    <row r="18129" spans="1:12">
      <c r="A18129" s="6" t="s">
        <v>17224</v>
      </c>
      <c r="B18129" s="6"/>
      <c r="C18129" s="6" t="s">
        <v>18161</v>
      </c>
      <c r="D18129" s="6"/>
      <c r="E18129" s="6" t="s">
        <v>9</v>
      </c>
      <c r="F18129" s="7">
        <v>38657</v>
      </c>
      <c r="G18129" s="8">
        <v>1</v>
      </c>
      <c r="H18129" s="8">
        <v>1</v>
      </c>
      <c r="I18129" s="8">
        <v>0</v>
      </c>
      <c r="J18129" s="8">
        <v>1</v>
      </c>
      <c r="K18129" s="9">
        <v>76</v>
      </c>
      <c r="L18129" s="6" t="s">
        <v>51</v>
      </c>
    </row>
    <row r="18130" spans="1:12">
      <c r="A18130" s="6" t="s">
        <v>17224</v>
      </c>
      <c r="B18130" s="6"/>
      <c r="C18130" s="6" t="s">
        <v>18162</v>
      </c>
      <c r="D18130" s="6"/>
      <c r="E18130" s="6" t="s">
        <v>9</v>
      </c>
      <c r="F18130" s="7">
        <v>38657</v>
      </c>
      <c r="G18130" s="8">
        <v>1</v>
      </c>
      <c r="H18130" s="8">
        <v>1</v>
      </c>
      <c r="I18130" s="8">
        <v>0</v>
      </c>
      <c r="J18130" s="8">
        <v>1</v>
      </c>
      <c r="K18130" s="9">
        <v>90</v>
      </c>
      <c r="L18130" s="6" t="s">
        <v>51</v>
      </c>
    </row>
    <row r="18131" spans="1:12">
      <c r="A18131" s="6" t="s">
        <v>17224</v>
      </c>
      <c r="B18131" s="6"/>
      <c r="C18131" s="6" t="s">
        <v>18163</v>
      </c>
      <c r="D18131" s="6"/>
      <c r="E18131" s="6" t="s">
        <v>9</v>
      </c>
      <c r="F18131" s="7">
        <v>38657</v>
      </c>
      <c r="G18131" s="8">
        <v>1</v>
      </c>
      <c r="H18131" s="8">
        <v>1</v>
      </c>
      <c r="I18131" s="8">
        <v>0</v>
      </c>
      <c r="J18131" s="8">
        <v>1</v>
      </c>
      <c r="K18131" s="9">
        <v>45</v>
      </c>
      <c r="L18131" s="6" t="s">
        <v>51</v>
      </c>
    </row>
    <row r="18132" spans="1:12">
      <c r="A18132" s="6" t="s">
        <v>17224</v>
      </c>
      <c r="B18132" s="6"/>
      <c r="C18132" s="6" t="s">
        <v>18164</v>
      </c>
      <c r="D18132" s="6"/>
      <c r="E18132" s="6" t="s">
        <v>9</v>
      </c>
      <c r="F18132" s="7">
        <v>38657</v>
      </c>
      <c r="G18132" s="8">
        <v>1</v>
      </c>
      <c r="H18132" s="8">
        <v>1</v>
      </c>
      <c r="I18132" s="8">
        <v>0</v>
      </c>
      <c r="J18132" s="8">
        <v>1</v>
      </c>
      <c r="K18132" s="9">
        <v>92</v>
      </c>
      <c r="L18132" s="6" t="s">
        <v>51</v>
      </c>
    </row>
    <row r="18133" spans="1:12">
      <c r="A18133" s="6" t="s">
        <v>17224</v>
      </c>
      <c r="B18133" s="6"/>
      <c r="C18133" s="6" t="s">
        <v>18165</v>
      </c>
      <c r="D18133" s="6"/>
      <c r="E18133" s="6" t="s">
        <v>9</v>
      </c>
      <c r="F18133" s="7">
        <v>38657</v>
      </c>
      <c r="G18133" s="8">
        <v>1</v>
      </c>
      <c r="H18133" s="8">
        <v>1</v>
      </c>
      <c r="I18133" s="8">
        <v>0</v>
      </c>
      <c r="J18133" s="8">
        <v>1</v>
      </c>
      <c r="K18133" s="9">
        <v>85</v>
      </c>
      <c r="L18133" s="6" t="s">
        <v>51</v>
      </c>
    </row>
    <row r="18134" spans="1:12">
      <c r="A18134" s="6" t="s">
        <v>17224</v>
      </c>
      <c r="B18134" s="6"/>
      <c r="C18134" s="6" t="s">
        <v>18166</v>
      </c>
      <c r="D18134" s="6"/>
      <c r="E18134" s="6" t="s">
        <v>9</v>
      </c>
      <c r="F18134" s="7">
        <v>38657</v>
      </c>
      <c r="G18134" s="8">
        <v>1</v>
      </c>
      <c r="H18134" s="8">
        <v>1</v>
      </c>
      <c r="I18134" s="8">
        <v>0</v>
      </c>
      <c r="J18134" s="8">
        <v>1</v>
      </c>
      <c r="K18134" s="9">
        <v>1.65</v>
      </c>
      <c r="L18134" s="6" t="s">
        <v>51</v>
      </c>
    </row>
    <row r="18135" spans="1:12">
      <c r="A18135" s="6" t="s">
        <v>17224</v>
      </c>
      <c r="B18135" s="6"/>
      <c r="C18135" s="6" t="s">
        <v>18167</v>
      </c>
      <c r="D18135" s="6"/>
      <c r="E18135" s="6" t="s">
        <v>9</v>
      </c>
      <c r="F18135" s="7">
        <v>38657</v>
      </c>
      <c r="G18135" s="8">
        <v>1</v>
      </c>
      <c r="H18135" s="8">
        <v>1</v>
      </c>
      <c r="I18135" s="8">
        <v>0</v>
      </c>
      <c r="J18135" s="8">
        <v>1</v>
      </c>
      <c r="K18135" s="9">
        <v>64.19</v>
      </c>
      <c r="L18135" s="6" t="s">
        <v>51</v>
      </c>
    </row>
    <row r="18136" spans="1:12">
      <c r="A18136" s="6" t="s">
        <v>17224</v>
      </c>
      <c r="B18136" s="6"/>
      <c r="C18136" s="6" t="s">
        <v>18168</v>
      </c>
      <c r="D18136" s="6"/>
      <c r="E18136" s="6" t="s">
        <v>9</v>
      </c>
      <c r="F18136" s="7">
        <v>38657</v>
      </c>
      <c r="G18136" s="8">
        <v>1</v>
      </c>
      <c r="H18136" s="8">
        <v>1</v>
      </c>
      <c r="I18136" s="8">
        <v>0</v>
      </c>
      <c r="J18136" s="8">
        <v>1</v>
      </c>
      <c r="K18136" s="9">
        <v>64</v>
      </c>
      <c r="L18136" s="6" t="s">
        <v>51</v>
      </c>
    </row>
    <row r="18137" spans="1:12">
      <c r="A18137" s="6" t="s">
        <v>17224</v>
      </c>
      <c r="B18137" s="6"/>
      <c r="C18137" s="6" t="s">
        <v>18169</v>
      </c>
      <c r="D18137" s="6"/>
      <c r="E18137" s="6" t="s">
        <v>9</v>
      </c>
      <c r="F18137" s="7">
        <v>38657</v>
      </c>
      <c r="G18137" s="8">
        <v>1</v>
      </c>
      <c r="H18137" s="8">
        <v>1</v>
      </c>
      <c r="I18137" s="8">
        <v>0</v>
      </c>
      <c r="J18137" s="8">
        <v>1</v>
      </c>
      <c r="K18137" s="9">
        <v>47</v>
      </c>
      <c r="L18137" s="6" t="s">
        <v>51</v>
      </c>
    </row>
    <row r="18138" spans="1:12">
      <c r="A18138" s="6" t="s">
        <v>17224</v>
      </c>
      <c r="B18138" s="6"/>
      <c r="C18138" s="6" t="s">
        <v>18170</v>
      </c>
      <c r="D18138" s="6"/>
      <c r="E18138" s="6" t="s">
        <v>9</v>
      </c>
      <c r="F18138" s="7">
        <v>38657</v>
      </c>
      <c r="G18138" s="8">
        <v>1</v>
      </c>
      <c r="H18138" s="8">
        <v>1</v>
      </c>
      <c r="I18138" s="8">
        <v>0</v>
      </c>
      <c r="J18138" s="8">
        <v>1</v>
      </c>
      <c r="K18138" s="9">
        <v>2.04</v>
      </c>
      <c r="L18138" s="6" t="s">
        <v>51</v>
      </c>
    </row>
    <row r="18139" spans="1:12">
      <c r="A18139" s="6" t="s">
        <v>17224</v>
      </c>
      <c r="B18139" s="6"/>
      <c r="C18139" s="6" t="s">
        <v>18171</v>
      </c>
      <c r="D18139" s="6"/>
      <c r="E18139" s="6" t="s">
        <v>9</v>
      </c>
      <c r="F18139" s="7">
        <v>38657</v>
      </c>
      <c r="G18139" s="8">
        <v>1</v>
      </c>
      <c r="H18139" s="8">
        <v>1</v>
      </c>
      <c r="I18139" s="8">
        <v>0</v>
      </c>
      <c r="J18139" s="8">
        <v>1</v>
      </c>
      <c r="K18139" s="9">
        <v>0.82</v>
      </c>
      <c r="L18139" s="6" t="s">
        <v>51</v>
      </c>
    </row>
    <row r="18140" spans="1:12">
      <c r="A18140" s="6" t="s">
        <v>17224</v>
      </c>
      <c r="B18140" s="6"/>
      <c r="C18140" s="6" t="s">
        <v>18172</v>
      </c>
      <c r="D18140" s="6"/>
      <c r="E18140" s="6" t="s">
        <v>9</v>
      </c>
      <c r="F18140" s="7">
        <v>38657</v>
      </c>
      <c r="G18140" s="8">
        <v>1</v>
      </c>
      <c r="H18140" s="8">
        <v>1</v>
      </c>
      <c r="I18140" s="8">
        <v>0</v>
      </c>
      <c r="J18140" s="8">
        <v>1</v>
      </c>
      <c r="K18140" s="9">
        <v>63</v>
      </c>
      <c r="L18140" s="6" t="s">
        <v>51</v>
      </c>
    </row>
    <row r="18141" spans="1:12">
      <c r="A18141" s="6" t="s">
        <v>17224</v>
      </c>
      <c r="B18141" s="6"/>
      <c r="C18141" s="6" t="s">
        <v>18173</v>
      </c>
      <c r="D18141" s="6"/>
      <c r="E18141" s="6" t="s">
        <v>9</v>
      </c>
      <c r="F18141" s="7">
        <v>38657</v>
      </c>
      <c r="G18141" s="8">
        <v>1</v>
      </c>
      <c r="H18141" s="8">
        <v>1</v>
      </c>
      <c r="I18141" s="8">
        <v>0</v>
      </c>
      <c r="J18141" s="8">
        <v>1</v>
      </c>
      <c r="K18141" s="9">
        <v>88</v>
      </c>
      <c r="L18141" s="6" t="s">
        <v>51</v>
      </c>
    </row>
    <row r="18142" spans="1:12">
      <c r="A18142" s="6" t="s">
        <v>17224</v>
      </c>
      <c r="B18142" s="6"/>
      <c r="C18142" s="6" t="s">
        <v>18174</v>
      </c>
      <c r="D18142" s="6"/>
      <c r="E18142" s="6" t="s">
        <v>9</v>
      </c>
      <c r="F18142" s="7">
        <v>38657</v>
      </c>
      <c r="G18142" s="8">
        <v>1</v>
      </c>
      <c r="H18142" s="8">
        <v>1</v>
      </c>
      <c r="I18142" s="8">
        <v>0</v>
      </c>
      <c r="J18142" s="8">
        <v>1</v>
      </c>
      <c r="K18142" s="9">
        <v>105</v>
      </c>
      <c r="L18142" s="6" t="s">
        <v>51</v>
      </c>
    </row>
    <row r="18143" spans="1:12">
      <c r="A18143" s="6" t="s">
        <v>17224</v>
      </c>
      <c r="B18143" s="6"/>
      <c r="C18143" s="6" t="s">
        <v>18175</v>
      </c>
      <c r="D18143" s="6"/>
      <c r="E18143" s="6" t="s">
        <v>9</v>
      </c>
      <c r="F18143" s="7">
        <v>38657</v>
      </c>
      <c r="G18143" s="8">
        <v>1</v>
      </c>
      <c r="H18143" s="8">
        <v>1</v>
      </c>
      <c r="I18143" s="8">
        <v>0</v>
      </c>
      <c r="J18143" s="8">
        <v>1</v>
      </c>
      <c r="K18143" s="9">
        <v>34</v>
      </c>
      <c r="L18143" s="6" t="s">
        <v>51</v>
      </c>
    </row>
    <row r="18144" spans="1:12">
      <c r="A18144" s="6" t="s">
        <v>17224</v>
      </c>
      <c r="B18144" s="6"/>
      <c r="C18144" s="6" t="s">
        <v>18176</v>
      </c>
      <c r="D18144" s="6"/>
      <c r="E18144" s="6" t="s">
        <v>9</v>
      </c>
      <c r="F18144" s="7">
        <v>38657</v>
      </c>
      <c r="G18144" s="8">
        <v>1</v>
      </c>
      <c r="H18144" s="8">
        <v>1</v>
      </c>
      <c r="I18144" s="8">
        <v>0</v>
      </c>
      <c r="J18144" s="8">
        <v>1</v>
      </c>
      <c r="K18144" s="9">
        <v>59</v>
      </c>
      <c r="L18144" s="6" t="s">
        <v>51</v>
      </c>
    </row>
    <row r="18145" spans="1:12">
      <c r="A18145" s="6" t="s">
        <v>17224</v>
      </c>
      <c r="B18145" s="6"/>
      <c r="C18145" s="6" t="s">
        <v>18177</v>
      </c>
      <c r="D18145" s="6"/>
      <c r="E18145" s="6" t="s">
        <v>9</v>
      </c>
      <c r="F18145" s="7">
        <v>38657</v>
      </c>
      <c r="G18145" s="8">
        <v>1</v>
      </c>
      <c r="H18145" s="8">
        <v>1</v>
      </c>
      <c r="I18145" s="8">
        <v>0</v>
      </c>
      <c r="J18145" s="8">
        <v>1</v>
      </c>
      <c r="K18145" s="9">
        <v>35</v>
      </c>
      <c r="L18145" s="6" t="s">
        <v>51</v>
      </c>
    </row>
    <row r="18146" spans="1:12">
      <c r="A18146" s="6" t="s">
        <v>17224</v>
      </c>
      <c r="B18146" s="6"/>
      <c r="C18146" s="6" t="s">
        <v>18178</v>
      </c>
      <c r="D18146" s="6"/>
      <c r="E18146" s="6" t="s">
        <v>9</v>
      </c>
      <c r="F18146" s="7">
        <v>38657</v>
      </c>
      <c r="G18146" s="8">
        <v>1</v>
      </c>
      <c r="H18146" s="8">
        <v>1</v>
      </c>
      <c r="I18146" s="8">
        <v>0</v>
      </c>
      <c r="J18146" s="8">
        <v>1</v>
      </c>
      <c r="K18146" s="9">
        <v>20.39</v>
      </c>
      <c r="L18146" s="6" t="s">
        <v>51</v>
      </c>
    </row>
    <row r="18147" spans="1:12">
      <c r="A18147" s="6" t="s">
        <v>17224</v>
      </c>
      <c r="B18147" s="6"/>
      <c r="C18147" s="6" t="s">
        <v>18179</v>
      </c>
      <c r="D18147" s="6"/>
      <c r="E18147" s="6" t="s">
        <v>9</v>
      </c>
      <c r="F18147" s="7">
        <v>38657</v>
      </c>
      <c r="G18147" s="8">
        <v>1</v>
      </c>
      <c r="H18147" s="8">
        <v>1</v>
      </c>
      <c r="I18147" s="8">
        <v>0</v>
      </c>
      <c r="J18147" s="8">
        <v>1</v>
      </c>
      <c r="K18147" s="9">
        <v>97</v>
      </c>
      <c r="L18147" s="6" t="s">
        <v>51</v>
      </c>
    </row>
    <row r="18148" spans="1:12">
      <c r="A18148" s="6" t="s">
        <v>17224</v>
      </c>
      <c r="B18148" s="6"/>
      <c r="C18148" s="6" t="s">
        <v>18180</v>
      </c>
      <c r="D18148" s="6"/>
      <c r="E18148" s="6" t="s">
        <v>9</v>
      </c>
      <c r="F18148" s="7">
        <v>38657</v>
      </c>
      <c r="G18148" s="8">
        <v>1</v>
      </c>
      <c r="H18148" s="8">
        <v>1</v>
      </c>
      <c r="I18148" s="8">
        <v>0</v>
      </c>
      <c r="J18148" s="8">
        <v>1</v>
      </c>
      <c r="K18148" s="9">
        <v>52</v>
      </c>
      <c r="L18148" s="6" t="s">
        <v>51</v>
      </c>
    </row>
    <row r="18149" spans="1:12">
      <c r="A18149" s="6" t="s">
        <v>17224</v>
      </c>
      <c r="B18149" s="6"/>
      <c r="C18149" s="6" t="s">
        <v>18181</v>
      </c>
      <c r="D18149" s="6"/>
      <c r="E18149" s="6" t="s">
        <v>9</v>
      </c>
      <c r="F18149" s="7">
        <v>38657</v>
      </c>
      <c r="G18149" s="8">
        <v>1</v>
      </c>
      <c r="H18149" s="8">
        <v>1</v>
      </c>
      <c r="I18149" s="8">
        <v>0</v>
      </c>
      <c r="J18149" s="8">
        <v>1</v>
      </c>
      <c r="K18149" s="9">
        <v>29</v>
      </c>
      <c r="L18149" s="6" t="s">
        <v>51</v>
      </c>
    </row>
    <row r="18150" spans="1:12">
      <c r="A18150" s="6" t="s">
        <v>17224</v>
      </c>
      <c r="B18150" s="6"/>
      <c r="C18150" s="6" t="s">
        <v>18182</v>
      </c>
      <c r="D18150" s="6"/>
      <c r="E18150" s="6" t="s">
        <v>9</v>
      </c>
      <c r="F18150" s="7">
        <v>38657</v>
      </c>
      <c r="G18150" s="8">
        <v>1</v>
      </c>
      <c r="H18150" s="8">
        <v>1</v>
      </c>
      <c r="I18150" s="8">
        <v>0</v>
      </c>
      <c r="J18150" s="8">
        <v>1</v>
      </c>
      <c r="K18150" s="9">
        <v>71</v>
      </c>
      <c r="L18150" s="6" t="s">
        <v>51</v>
      </c>
    </row>
    <row r="18151" spans="1:12">
      <c r="A18151" s="6" t="s">
        <v>17224</v>
      </c>
      <c r="B18151" s="6"/>
      <c r="C18151" s="6" t="s">
        <v>18183</v>
      </c>
      <c r="D18151" s="6"/>
      <c r="E18151" s="6" t="s">
        <v>9</v>
      </c>
      <c r="F18151" s="7">
        <v>38657</v>
      </c>
      <c r="G18151" s="8">
        <v>1</v>
      </c>
      <c r="H18151" s="8">
        <v>1</v>
      </c>
      <c r="I18151" s="8">
        <v>0</v>
      </c>
      <c r="J18151" s="8">
        <v>1</v>
      </c>
      <c r="K18151" s="9">
        <v>1.17</v>
      </c>
      <c r="L18151" s="6" t="s">
        <v>51</v>
      </c>
    </row>
    <row r="18152" spans="1:12">
      <c r="A18152" s="6" t="s">
        <v>17224</v>
      </c>
      <c r="B18152" s="6"/>
      <c r="C18152" s="6" t="s">
        <v>18184</v>
      </c>
      <c r="D18152" s="6"/>
      <c r="E18152" s="6" t="s">
        <v>9</v>
      </c>
      <c r="F18152" s="7">
        <v>38657</v>
      </c>
      <c r="G18152" s="8">
        <v>1</v>
      </c>
      <c r="H18152" s="8">
        <v>1</v>
      </c>
      <c r="I18152" s="8">
        <v>0</v>
      </c>
      <c r="J18152" s="8">
        <v>1</v>
      </c>
      <c r="K18152" s="9">
        <v>446</v>
      </c>
      <c r="L18152" s="6" t="s">
        <v>51</v>
      </c>
    </row>
    <row r="18153" spans="1:12">
      <c r="A18153" s="6" t="s">
        <v>17224</v>
      </c>
      <c r="B18153" s="6"/>
      <c r="C18153" s="6" t="s">
        <v>18185</v>
      </c>
      <c r="D18153" s="6"/>
      <c r="E18153" s="6" t="s">
        <v>9</v>
      </c>
      <c r="F18153" s="7">
        <v>38657</v>
      </c>
      <c r="G18153" s="8">
        <v>1</v>
      </c>
      <c r="H18153" s="8">
        <v>1</v>
      </c>
      <c r="I18153" s="8">
        <v>0</v>
      </c>
      <c r="J18153" s="8">
        <v>1</v>
      </c>
      <c r="K18153" s="9">
        <v>13</v>
      </c>
      <c r="L18153" s="6" t="s">
        <v>51</v>
      </c>
    </row>
    <row r="18154" spans="1:12">
      <c r="A18154" s="6" t="s">
        <v>17224</v>
      </c>
      <c r="B18154" s="6"/>
      <c r="C18154" s="6" t="s">
        <v>18186</v>
      </c>
      <c r="D18154" s="6"/>
      <c r="E18154" s="6" t="s">
        <v>9</v>
      </c>
      <c r="F18154" s="7">
        <v>38657</v>
      </c>
      <c r="G18154" s="8">
        <v>1</v>
      </c>
      <c r="H18154" s="8">
        <v>1</v>
      </c>
      <c r="I18154" s="8">
        <v>0</v>
      </c>
      <c r="J18154" s="8">
        <v>1</v>
      </c>
      <c r="K18154" s="9">
        <v>0.75</v>
      </c>
      <c r="L18154" s="6" t="s">
        <v>51</v>
      </c>
    </row>
    <row r="18155" spans="1:12">
      <c r="A18155" s="6" t="s">
        <v>17224</v>
      </c>
      <c r="B18155" s="6"/>
      <c r="C18155" s="6" t="s">
        <v>18187</v>
      </c>
      <c r="D18155" s="6"/>
      <c r="E18155" s="6" t="s">
        <v>9</v>
      </c>
      <c r="F18155" s="7">
        <v>38657</v>
      </c>
      <c r="G18155" s="8">
        <v>1</v>
      </c>
      <c r="H18155" s="8">
        <v>1</v>
      </c>
      <c r="I18155" s="8">
        <v>0</v>
      </c>
      <c r="J18155" s="8">
        <v>1</v>
      </c>
      <c r="K18155" s="9">
        <v>24</v>
      </c>
      <c r="L18155" s="6" t="s">
        <v>51</v>
      </c>
    </row>
    <row r="18156" spans="1:12">
      <c r="A18156" s="6" t="s">
        <v>17224</v>
      </c>
      <c r="B18156" s="6"/>
      <c r="C18156" s="6" t="s">
        <v>18188</v>
      </c>
      <c r="D18156" s="6"/>
      <c r="E18156" s="6" t="s">
        <v>9</v>
      </c>
      <c r="F18156" s="7">
        <v>38657</v>
      </c>
      <c r="G18156" s="8">
        <v>1</v>
      </c>
      <c r="H18156" s="8">
        <v>1</v>
      </c>
      <c r="I18156" s="8">
        <v>0</v>
      </c>
      <c r="J18156" s="8">
        <v>1</v>
      </c>
      <c r="K18156" s="9">
        <v>66</v>
      </c>
      <c r="L18156" s="6" t="s">
        <v>51</v>
      </c>
    </row>
    <row r="18157" spans="1:12">
      <c r="A18157" s="6" t="s">
        <v>17224</v>
      </c>
      <c r="B18157" s="6"/>
      <c r="C18157" s="6" t="s">
        <v>18189</v>
      </c>
      <c r="D18157" s="6"/>
      <c r="E18157" s="6" t="s">
        <v>9</v>
      </c>
      <c r="F18157" s="7">
        <v>38657</v>
      </c>
      <c r="G18157" s="8">
        <v>1</v>
      </c>
      <c r="H18157" s="8">
        <v>1</v>
      </c>
      <c r="I18157" s="8">
        <v>0</v>
      </c>
      <c r="J18157" s="8">
        <v>1</v>
      </c>
      <c r="K18157" s="9">
        <v>21.33</v>
      </c>
      <c r="L18157" s="6" t="s">
        <v>51</v>
      </c>
    </row>
    <row r="18158" spans="1:12">
      <c r="A18158" s="6" t="s">
        <v>17224</v>
      </c>
      <c r="B18158" s="6"/>
      <c r="C18158" s="6" t="s">
        <v>18190</v>
      </c>
      <c r="D18158" s="6"/>
      <c r="E18158" s="6" t="s">
        <v>9</v>
      </c>
      <c r="F18158" s="7">
        <v>38657</v>
      </c>
      <c r="G18158" s="8">
        <v>1</v>
      </c>
      <c r="H18158" s="8">
        <v>1</v>
      </c>
      <c r="I18158" s="8">
        <v>0</v>
      </c>
      <c r="J18158" s="8">
        <v>1</v>
      </c>
      <c r="K18158" s="9">
        <v>19</v>
      </c>
      <c r="L18158" s="6" t="s">
        <v>51</v>
      </c>
    </row>
    <row r="18159" spans="1:12">
      <c r="A18159" s="6" t="s">
        <v>17224</v>
      </c>
      <c r="B18159" s="6"/>
      <c r="C18159" s="6" t="s">
        <v>18191</v>
      </c>
      <c r="D18159" s="6"/>
      <c r="E18159" s="6" t="s">
        <v>9</v>
      </c>
      <c r="F18159" s="7">
        <v>38657</v>
      </c>
      <c r="G18159" s="8">
        <v>1</v>
      </c>
      <c r="H18159" s="8">
        <v>1</v>
      </c>
      <c r="I18159" s="8">
        <v>0</v>
      </c>
      <c r="J18159" s="8">
        <v>1</v>
      </c>
      <c r="K18159" s="9">
        <v>13</v>
      </c>
      <c r="L18159" s="6" t="s">
        <v>51</v>
      </c>
    </row>
    <row r="18160" spans="1:12">
      <c r="A18160" s="6" t="s">
        <v>17224</v>
      </c>
      <c r="B18160" s="6"/>
      <c r="C18160" s="6" t="s">
        <v>18192</v>
      </c>
      <c r="D18160" s="6"/>
      <c r="E18160" s="6" t="s">
        <v>9</v>
      </c>
      <c r="F18160" s="7">
        <v>38657</v>
      </c>
      <c r="G18160" s="8">
        <v>1</v>
      </c>
      <c r="H18160" s="8">
        <v>1</v>
      </c>
      <c r="I18160" s="8">
        <v>0</v>
      </c>
      <c r="J18160" s="8">
        <v>1</v>
      </c>
      <c r="K18160" s="9">
        <v>7.63</v>
      </c>
      <c r="L18160" s="6" t="s">
        <v>51</v>
      </c>
    </row>
    <row r="18161" spans="1:12">
      <c r="A18161" s="6" t="s">
        <v>17224</v>
      </c>
      <c r="B18161" s="6"/>
      <c r="C18161" s="6" t="s">
        <v>18193</v>
      </c>
      <c r="D18161" s="6"/>
      <c r="E18161" s="6" t="s">
        <v>9</v>
      </c>
      <c r="F18161" s="7">
        <v>38657</v>
      </c>
      <c r="G18161" s="8">
        <v>1</v>
      </c>
      <c r="H18161" s="8">
        <v>1</v>
      </c>
      <c r="I18161" s="8">
        <v>0</v>
      </c>
      <c r="J18161" s="8">
        <v>1</v>
      </c>
      <c r="K18161" s="9">
        <v>12</v>
      </c>
      <c r="L18161" s="6" t="s">
        <v>51</v>
      </c>
    </row>
    <row r="18162" spans="1:12">
      <c r="A18162" s="6" t="s">
        <v>17224</v>
      </c>
      <c r="B18162" s="6"/>
      <c r="C18162" s="6" t="s">
        <v>18194</v>
      </c>
      <c r="D18162" s="6"/>
      <c r="E18162" s="6" t="s">
        <v>9</v>
      </c>
      <c r="F18162" s="7">
        <v>38657</v>
      </c>
      <c r="G18162" s="8">
        <v>1</v>
      </c>
      <c r="H18162" s="8">
        <v>1</v>
      </c>
      <c r="I18162" s="8">
        <v>0</v>
      </c>
      <c r="J18162" s="8">
        <v>1</v>
      </c>
      <c r="K18162" s="9">
        <v>5.98</v>
      </c>
      <c r="L18162" s="6" t="s">
        <v>51</v>
      </c>
    </row>
    <row r="18163" spans="1:12">
      <c r="A18163" s="6" t="s">
        <v>17224</v>
      </c>
      <c r="B18163" s="6"/>
      <c r="C18163" s="6" t="s">
        <v>18195</v>
      </c>
      <c r="D18163" s="6"/>
      <c r="E18163" s="6" t="s">
        <v>9</v>
      </c>
      <c r="F18163" s="7">
        <v>38657</v>
      </c>
      <c r="G18163" s="8">
        <v>1</v>
      </c>
      <c r="H18163" s="8">
        <v>1</v>
      </c>
      <c r="I18163" s="8">
        <v>0</v>
      </c>
      <c r="J18163" s="8">
        <v>1</v>
      </c>
      <c r="K18163" s="9">
        <v>22</v>
      </c>
      <c r="L18163" s="6" t="s">
        <v>51</v>
      </c>
    </row>
    <row r="18164" spans="1:12">
      <c r="A18164" s="6" t="s">
        <v>17224</v>
      </c>
      <c r="B18164" s="6"/>
      <c r="C18164" s="6" t="s">
        <v>18196</v>
      </c>
      <c r="D18164" s="6"/>
      <c r="E18164" s="6" t="s">
        <v>9</v>
      </c>
      <c r="F18164" s="7">
        <v>38657</v>
      </c>
      <c r="G18164" s="8">
        <v>1</v>
      </c>
      <c r="H18164" s="8">
        <v>1</v>
      </c>
      <c r="I18164" s="8">
        <v>0</v>
      </c>
      <c r="J18164" s="8">
        <v>1</v>
      </c>
      <c r="K18164" s="9">
        <v>25</v>
      </c>
      <c r="L18164" s="6" t="s">
        <v>51</v>
      </c>
    </row>
    <row r="18165" spans="1:12">
      <c r="A18165" s="6" t="s">
        <v>17224</v>
      </c>
      <c r="B18165" s="6"/>
      <c r="C18165" s="6" t="s">
        <v>18197</v>
      </c>
      <c r="D18165" s="6"/>
      <c r="E18165" s="6" t="s">
        <v>9</v>
      </c>
      <c r="F18165" s="7">
        <v>38657</v>
      </c>
      <c r="G18165" s="8">
        <v>1</v>
      </c>
      <c r="H18165" s="8">
        <v>1</v>
      </c>
      <c r="I18165" s="8">
        <v>0</v>
      </c>
      <c r="J18165" s="8">
        <v>1</v>
      </c>
      <c r="K18165" s="9">
        <v>102</v>
      </c>
      <c r="L18165" s="6" t="s">
        <v>51</v>
      </c>
    </row>
    <row r="18166" spans="1:12">
      <c r="A18166" s="6" t="s">
        <v>17224</v>
      </c>
      <c r="B18166" s="6"/>
      <c r="C18166" s="6" t="s">
        <v>18198</v>
      </c>
      <c r="D18166" s="6"/>
      <c r="E18166" s="6" t="s">
        <v>9</v>
      </c>
      <c r="F18166" s="7">
        <v>38657</v>
      </c>
      <c r="G18166" s="8">
        <v>1</v>
      </c>
      <c r="H18166" s="8">
        <v>1</v>
      </c>
      <c r="I18166" s="8">
        <v>0</v>
      </c>
      <c r="J18166" s="8">
        <v>1</v>
      </c>
      <c r="K18166" s="9">
        <v>9.4499999999999904</v>
      </c>
      <c r="L18166" s="6" t="s">
        <v>51</v>
      </c>
    </row>
    <row r="18167" spans="1:12">
      <c r="A18167" s="6" t="s">
        <v>17224</v>
      </c>
      <c r="B18167" s="6"/>
      <c r="C18167" s="6" t="s">
        <v>18199</v>
      </c>
      <c r="D18167" s="6"/>
      <c r="E18167" s="6" t="s">
        <v>9</v>
      </c>
      <c r="F18167" s="7">
        <v>38657</v>
      </c>
      <c r="G18167" s="8">
        <v>1</v>
      </c>
      <c r="H18167" s="8">
        <v>1</v>
      </c>
      <c r="I18167" s="8">
        <v>0</v>
      </c>
      <c r="J18167" s="8">
        <v>1</v>
      </c>
      <c r="K18167" s="9">
        <v>27</v>
      </c>
      <c r="L18167" s="6" t="s">
        <v>51</v>
      </c>
    </row>
    <row r="18168" spans="1:12">
      <c r="A18168" s="6" t="s">
        <v>17224</v>
      </c>
      <c r="B18168" s="6"/>
      <c r="C18168" s="6" t="s">
        <v>18200</v>
      </c>
      <c r="D18168" s="6"/>
      <c r="E18168" s="6" t="s">
        <v>9</v>
      </c>
      <c r="F18168" s="7">
        <v>38657</v>
      </c>
      <c r="G18168" s="8">
        <v>1</v>
      </c>
      <c r="H18168" s="8">
        <v>1</v>
      </c>
      <c r="I18168" s="8">
        <v>0</v>
      </c>
      <c r="J18168" s="8">
        <v>1</v>
      </c>
      <c r="K18168" s="9">
        <v>21.74</v>
      </c>
      <c r="L18168" s="6" t="s">
        <v>51</v>
      </c>
    </row>
    <row r="18169" spans="1:12">
      <c r="A18169" s="6" t="s">
        <v>17224</v>
      </c>
      <c r="B18169" s="6"/>
      <c r="C18169" s="6" t="s">
        <v>18201</v>
      </c>
      <c r="D18169" s="6"/>
      <c r="E18169" s="6" t="s">
        <v>9</v>
      </c>
      <c r="F18169" s="7">
        <v>38657</v>
      </c>
      <c r="G18169" s="8">
        <v>1</v>
      </c>
      <c r="H18169" s="8">
        <v>1</v>
      </c>
      <c r="I18169" s="8">
        <v>0</v>
      </c>
      <c r="J18169" s="8">
        <v>1</v>
      </c>
      <c r="K18169" s="9">
        <v>6.84</v>
      </c>
      <c r="L18169" s="6" t="s">
        <v>51</v>
      </c>
    </row>
    <row r="18170" spans="1:12">
      <c r="A18170" s="6" t="s">
        <v>17224</v>
      </c>
      <c r="B18170" s="6"/>
      <c r="C18170" s="6" t="s">
        <v>18202</v>
      </c>
      <c r="D18170" s="6"/>
      <c r="E18170" s="6" t="s">
        <v>9</v>
      </c>
      <c r="F18170" s="7">
        <v>38657</v>
      </c>
      <c r="G18170" s="8">
        <v>1</v>
      </c>
      <c r="H18170" s="8">
        <v>1</v>
      </c>
      <c r="I18170" s="8">
        <v>0</v>
      </c>
      <c r="J18170" s="8">
        <v>1</v>
      </c>
      <c r="K18170" s="9">
        <v>22</v>
      </c>
      <c r="L18170" s="6" t="s">
        <v>51</v>
      </c>
    </row>
    <row r="18171" spans="1:12">
      <c r="A18171" s="6" t="s">
        <v>17224</v>
      </c>
      <c r="B18171" s="6"/>
      <c r="C18171" s="6" t="s">
        <v>18203</v>
      </c>
      <c r="D18171" s="6"/>
      <c r="E18171" s="6" t="s">
        <v>9</v>
      </c>
      <c r="F18171" s="7">
        <v>38657</v>
      </c>
      <c r="G18171" s="8">
        <v>1</v>
      </c>
      <c r="H18171" s="8">
        <v>1</v>
      </c>
      <c r="I18171" s="8">
        <v>0</v>
      </c>
      <c r="J18171" s="8">
        <v>1</v>
      </c>
      <c r="K18171" s="9">
        <v>2.35</v>
      </c>
      <c r="L18171" s="6" t="s">
        <v>51</v>
      </c>
    </row>
    <row r="18172" spans="1:12">
      <c r="A18172" s="6" t="s">
        <v>17224</v>
      </c>
      <c r="B18172" s="6"/>
      <c r="C18172" s="6" t="s">
        <v>18204</v>
      </c>
      <c r="D18172" s="6"/>
      <c r="E18172" s="6" t="s">
        <v>9</v>
      </c>
      <c r="F18172" s="7">
        <v>38657</v>
      </c>
      <c r="G18172" s="8">
        <v>1</v>
      </c>
      <c r="H18172" s="8">
        <v>1</v>
      </c>
      <c r="I18172" s="8">
        <v>0</v>
      </c>
      <c r="J18172" s="8">
        <v>1</v>
      </c>
      <c r="K18172" s="9">
        <v>53</v>
      </c>
      <c r="L18172" s="6" t="s">
        <v>51</v>
      </c>
    </row>
    <row r="18173" spans="1:12">
      <c r="A18173" s="6" t="s">
        <v>17224</v>
      </c>
      <c r="B18173" s="6"/>
      <c r="C18173" s="6" t="s">
        <v>18205</v>
      </c>
      <c r="D18173" s="6"/>
      <c r="E18173" s="6" t="s">
        <v>9</v>
      </c>
      <c r="F18173" s="7">
        <v>38657</v>
      </c>
      <c r="G18173" s="8">
        <v>1</v>
      </c>
      <c r="H18173" s="8">
        <v>1</v>
      </c>
      <c r="I18173" s="8">
        <v>0</v>
      </c>
      <c r="J18173" s="8">
        <v>1</v>
      </c>
      <c r="K18173" s="9">
        <v>301</v>
      </c>
      <c r="L18173" s="6" t="s">
        <v>51</v>
      </c>
    </row>
    <row r="18174" spans="1:12">
      <c r="A18174" s="6" t="s">
        <v>17224</v>
      </c>
      <c r="B18174" s="6"/>
      <c r="C18174" s="6" t="s">
        <v>18206</v>
      </c>
      <c r="D18174" s="6"/>
      <c r="E18174" s="6" t="s">
        <v>9</v>
      </c>
      <c r="F18174" s="7">
        <v>38657</v>
      </c>
      <c r="G18174" s="8">
        <v>1</v>
      </c>
      <c r="H18174" s="8">
        <v>1</v>
      </c>
      <c r="I18174" s="8">
        <v>0</v>
      </c>
      <c r="J18174" s="8">
        <v>1</v>
      </c>
      <c r="K18174" s="9">
        <v>1.25</v>
      </c>
      <c r="L18174" s="6" t="s">
        <v>51</v>
      </c>
    </row>
    <row r="18175" spans="1:12">
      <c r="A18175" s="6" t="s">
        <v>17224</v>
      </c>
      <c r="B18175" s="6"/>
      <c r="C18175" s="6" t="s">
        <v>18207</v>
      </c>
      <c r="D18175" s="6"/>
      <c r="E18175" s="6" t="s">
        <v>9</v>
      </c>
      <c r="F18175" s="7">
        <v>38657</v>
      </c>
      <c r="G18175" s="8">
        <v>1</v>
      </c>
      <c r="H18175" s="8">
        <v>1</v>
      </c>
      <c r="I18175" s="8">
        <v>0</v>
      </c>
      <c r="J18175" s="8">
        <v>1</v>
      </c>
      <c r="K18175" s="9">
        <v>27</v>
      </c>
      <c r="L18175" s="6" t="s">
        <v>51</v>
      </c>
    </row>
    <row r="18176" spans="1:12">
      <c r="A18176" s="6" t="s">
        <v>17224</v>
      </c>
      <c r="B18176" s="6"/>
      <c r="C18176" s="6" t="s">
        <v>18208</v>
      </c>
      <c r="D18176" s="6"/>
      <c r="E18176" s="6" t="s">
        <v>9</v>
      </c>
      <c r="F18176" s="7">
        <v>38657</v>
      </c>
      <c r="G18176" s="8">
        <v>1</v>
      </c>
      <c r="H18176" s="8">
        <v>1</v>
      </c>
      <c r="I18176" s="8">
        <v>0</v>
      </c>
      <c r="J18176" s="8">
        <v>1</v>
      </c>
      <c r="K18176" s="9">
        <v>41</v>
      </c>
      <c r="L18176" s="6" t="s">
        <v>51</v>
      </c>
    </row>
    <row r="18177" spans="1:12">
      <c r="A18177" s="6" t="s">
        <v>17224</v>
      </c>
      <c r="B18177" s="6"/>
      <c r="C18177" s="6" t="s">
        <v>18209</v>
      </c>
      <c r="D18177" s="6"/>
      <c r="E18177" s="6" t="s">
        <v>9</v>
      </c>
      <c r="F18177" s="7">
        <v>38657</v>
      </c>
      <c r="G18177" s="8">
        <v>1</v>
      </c>
      <c r="H18177" s="8">
        <v>1</v>
      </c>
      <c r="I18177" s="8">
        <v>0</v>
      </c>
      <c r="J18177" s="8">
        <v>1</v>
      </c>
      <c r="K18177" s="9">
        <v>1.33</v>
      </c>
      <c r="L18177" s="6" t="s">
        <v>51</v>
      </c>
    </row>
    <row r="18178" spans="1:12">
      <c r="A18178" s="6" t="s">
        <v>17224</v>
      </c>
      <c r="B18178" s="6"/>
      <c r="C18178" s="6" t="s">
        <v>18210</v>
      </c>
      <c r="D18178" s="6"/>
      <c r="E18178" s="6" t="s">
        <v>9</v>
      </c>
      <c r="F18178" s="7">
        <v>38657</v>
      </c>
      <c r="G18178" s="8">
        <v>1</v>
      </c>
      <c r="H18178" s="8">
        <v>1</v>
      </c>
      <c r="I18178" s="8">
        <v>0</v>
      </c>
      <c r="J18178" s="8">
        <v>1</v>
      </c>
      <c r="K18178" s="9">
        <v>34</v>
      </c>
      <c r="L18178" s="6" t="s">
        <v>51</v>
      </c>
    </row>
    <row r="18179" spans="1:12">
      <c r="A18179" s="6" t="s">
        <v>17224</v>
      </c>
      <c r="B18179" s="6"/>
      <c r="C18179" s="6" t="s">
        <v>18211</v>
      </c>
      <c r="D18179" s="6"/>
      <c r="E18179" s="6" t="s">
        <v>9</v>
      </c>
      <c r="F18179" s="7">
        <v>38657</v>
      </c>
      <c r="G18179" s="8">
        <v>1</v>
      </c>
      <c r="H18179" s="8">
        <v>1</v>
      </c>
      <c r="I18179" s="8">
        <v>0</v>
      </c>
      <c r="J18179" s="8">
        <v>1</v>
      </c>
      <c r="K18179" s="9">
        <v>49</v>
      </c>
      <c r="L18179" s="6" t="s">
        <v>51</v>
      </c>
    </row>
    <row r="18180" spans="1:12">
      <c r="A18180" s="6" t="s">
        <v>17224</v>
      </c>
      <c r="B18180" s="6"/>
      <c r="C18180" s="6" t="s">
        <v>18212</v>
      </c>
      <c r="D18180" s="6"/>
      <c r="E18180" s="6" t="s">
        <v>9</v>
      </c>
      <c r="F18180" s="7">
        <v>38657</v>
      </c>
      <c r="G18180" s="8">
        <v>1</v>
      </c>
      <c r="H18180" s="8">
        <v>1</v>
      </c>
      <c r="I18180" s="8">
        <v>0</v>
      </c>
      <c r="J18180" s="8">
        <v>1</v>
      </c>
      <c r="K18180" s="9">
        <v>21.21</v>
      </c>
      <c r="L18180" s="6" t="s">
        <v>51</v>
      </c>
    </row>
    <row r="18181" spans="1:12">
      <c r="A18181" s="6" t="s">
        <v>17224</v>
      </c>
      <c r="B18181" s="6"/>
      <c r="C18181" s="6" t="s">
        <v>18213</v>
      </c>
      <c r="D18181" s="6"/>
      <c r="E18181" s="6" t="s">
        <v>9</v>
      </c>
      <c r="F18181" s="7">
        <v>38657</v>
      </c>
      <c r="G18181" s="8">
        <v>1</v>
      </c>
      <c r="H18181" s="8">
        <v>1</v>
      </c>
      <c r="I18181" s="8">
        <v>0</v>
      </c>
      <c r="J18181" s="8">
        <v>1</v>
      </c>
      <c r="K18181" s="9">
        <v>22</v>
      </c>
      <c r="L18181" s="6" t="s">
        <v>51</v>
      </c>
    </row>
    <row r="18182" spans="1:12">
      <c r="A18182" s="6" t="s">
        <v>17224</v>
      </c>
      <c r="B18182" s="6"/>
      <c r="C18182" s="6" t="s">
        <v>18214</v>
      </c>
      <c r="D18182" s="6"/>
      <c r="E18182" s="6" t="s">
        <v>9</v>
      </c>
      <c r="F18182" s="7">
        <v>38657</v>
      </c>
      <c r="G18182" s="8">
        <v>1</v>
      </c>
      <c r="H18182" s="8">
        <v>1</v>
      </c>
      <c r="I18182" s="8">
        <v>0</v>
      </c>
      <c r="J18182" s="8">
        <v>1</v>
      </c>
      <c r="K18182" s="9">
        <v>14</v>
      </c>
      <c r="L18182" s="6" t="s">
        <v>51</v>
      </c>
    </row>
    <row r="18183" spans="1:12">
      <c r="A18183" s="6" t="s">
        <v>17224</v>
      </c>
      <c r="B18183" s="6"/>
      <c r="C18183" s="6" t="s">
        <v>18215</v>
      </c>
      <c r="D18183" s="6"/>
      <c r="E18183" s="6" t="s">
        <v>9</v>
      </c>
      <c r="F18183" s="7">
        <v>38657</v>
      </c>
      <c r="G18183" s="8">
        <v>1</v>
      </c>
      <c r="H18183" s="8">
        <v>1</v>
      </c>
      <c r="I18183" s="8">
        <v>0</v>
      </c>
      <c r="J18183" s="8">
        <v>1</v>
      </c>
      <c r="K18183" s="9">
        <v>38</v>
      </c>
      <c r="L18183" s="6" t="s">
        <v>51</v>
      </c>
    </row>
    <row r="18184" spans="1:12">
      <c r="A18184" s="6" t="s">
        <v>17224</v>
      </c>
      <c r="B18184" s="6"/>
      <c r="C18184" s="6" t="s">
        <v>18216</v>
      </c>
      <c r="D18184" s="6"/>
      <c r="E18184" s="6" t="s">
        <v>9</v>
      </c>
      <c r="F18184" s="7">
        <v>38657</v>
      </c>
      <c r="G18184" s="8">
        <v>1</v>
      </c>
      <c r="H18184" s="8">
        <v>1</v>
      </c>
      <c r="I18184" s="8">
        <v>0</v>
      </c>
      <c r="J18184" s="8">
        <v>1</v>
      </c>
      <c r="K18184" s="9">
        <v>82</v>
      </c>
      <c r="L18184" s="6" t="s">
        <v>51</v>
      </c>
    </row>
    <row r="18185" spans="1:12">
      <c r="A18185" s="6" t="s">
        <v>17224</v>
      </c>
      <c r="B18185" s="6"/>
      <c r="C18185" s="6" t="s">
        <v>18217</v>
      </c>
      <c r="D18185" s="6"/>
      <c r="E18185" s="6" t="s">
        <v>9</v>
      </c>
      <c r="F18185" s="7">
        <v>38657</v>
      </c>
      <c r="G18185" s="8">
        <v>1</v>
      </c>
      <c r="H18185" s="8">
        <v>1</v>
      </c>
      <c r="I18185" s="8">
        <v>0</v>
      </c>
      <c r="J18185" s="8">
        <v>1</v>
      </c>
      <c r="K18185" s="9">
        <v>183</v>
      </c>
      <c r="L18185" s="6" t="s">
        <v>51</v>
      </c>
    </row>
    <row r="18186" spans="1:12">
      <c r="A18186" s="6" t="s">
        <v>17224</v>
      </c>
      <c r="B18186" s="6"/>
      <c r="C18186" s="6" t="s">
        <v>18218</v>
      </c>
      <c r="D18186" s="6"/>
      <c r="E18186" s="6" t="s">
        <v>9</v>
      </c>
      <c r="F18186" s="7">
        <v>38657</v>
      </c>
      <c r="G18186" s="8">
        <v>1</v>
      </c>
      <c r="H18186" s="8">
        <v>1</v>
      </c>
      <c r="I18186" s="8">
        <v>0</v>
      </c>
      <c r="J18186" s="8">
        <v>1</v>
      </c>
      <c r="K18186" s="9">
        <v>56</v>
      </c>
      <c r="L18186" s="6" t="s">
        <v>51</v>
      </c>
    </row>
    <row r="18187" spans="1:12">
      <c r="A18187" s="6" t="s">
        <v>17224</v>
      </c>
      <c r="B18187" s="6"/>
      <c r="C18187" s="6" t="s">
        <v>18219</v>
      </c>
      <c r="D18187" s="6"/>
      <c r="E18187" s="6" t="s">
        <v>9</v>
      </c>
      <c r="F18187" s="7">
        <v>38657</v>
      </c>
      <c r="G18187" s="8">
        <v>1</v>
      </c>
      <c r="H18187" s="8">
        <v>1</v>
      </c>
      <c r="I18187" s="8">
        <v>0</v>
      </c>
      <c r="J18187" s="8">
        <v>1</v>
      </c>
      <c r="K18187" s="9">
        <v>73</v>
      </c>
      <c r="L18187" s="6" t="s">
        <v>51</v>
      </c>
    </row>
    <row r="18188" spans="1:12">
      <c r="A18188" s="6" t="s">
        <v>17224</v>
      </c>
      <c r="B18188" s="6"/>
      <c r="C18188" s="6" t="s">
        <v>18220</v>
      </c>
      <c r="D18188" s="6"/>
      <c r="E18188" s="6" t="s">
        <v>9</v>
      </c>
      <c r="F18188" s="7">
        <v>38657</v>
      </c>
      <c r="G18188" s="8">
        <v>1</v>
      </c>
      <c r="H18188" s="8">
        <v>1</v>
      </c>
      <c r="I18188" s="8">
        <v>0</v>
      </c>
      <c r="J18188" s="8">
        <v>1</v>
      </c>
      <c r="K18188" s="9">
        <v>164</v>
      </c>
      <c r="L18188" s="6" t="s">
        <v>51</v>
      </c>
    </row>
    <row r="18189" spans="1:12">
      <c r="A18189" s="6" t="s">
        <v>17224</v>
      </c>
      <c r="B18189" s="6"/>
      <c r="C18189" s="6" t="s">
        <v>18221</v>
      </c>
      <c r="D18189" s="6"/>
      <c r="E18189" s="6" t="s">
        <v>9</v>
      </c>
      <c r="F18189" s="7">
        <v>38657</v>
      </c>
      <c r="G18189" s="8">
        <v>1</v>
      </c>
      <c r="H18189" s="8">
        <v>1</v>
      </c>
      <c r="I18189" s="8">
        <v>0</v>
      </c>
      <c r="J18189" s="8">
        <v>1</v>
      </c>
      <c r="K18189" s="9">
        <v>44</v>
      </c>
      <c r="L18189" s="6" t="s">
        <v>51</v>
      </c>
    </row>
    <row r="18190" spans="1:12">
      <c r="A18190" s="6" t="s">
        <v>17224</v>
      </c>
      <c r="B18190" s="6"/>
      <c r="C18190" s="6" t="s">
        <v>18222</v>
      </c>
      <c r="D18190" s="6"/>
      <c r="E18190" s="6" t="s">
        <v>9</v>
      </c>
      <c r="F18190" s="7">
        <v>38657</v>
      </c>
      <c r="G18190" s="8">
        <v>1</v>
      </c>
      <c r="H18190" s="8">
        <v>1</v>
      </c>
      <c r="I18190" s="8">
        <v>0</v>
      </c>
      <c r="J18190" s="8">
        <v>1</v>
      </c>
      <c r="K18190" s="9">
        <v>23</v>
      </c>
      <c r="L18190" s="6" t="s">
        <v>51</v>
      </c>
    </row>
    <row r="18191" spans="1:12">
      <c r="A18191" s="6" t="s">
        <v>17224</v>
      </c>
      <c r="B18191" s="6"/>
      <c r="C18191" s="6" t="s">
        <v>18223</v>
      </c>
      <c r="D18191" s="6"/>
      <c r="E18191" s="6" t="s">
        <v>9</v>
      </c>
      <c r="F18191" s="7">
        <v>38657</v>
      </c>
      <c r="G18191" s="8">
        <v>1</v>
      </c>
      <c r="H18191" s="8">
        <v>1</v>
      </c>
      <c r="I18191" s="8">
        <v>0</v>
      </c>
      <c r="J18191" s="8">
        <v>1</v>
      </c>
      <c r="K18191" s="9">
        <v>59</v>
      </c>
      <c r="L18191" s="6" t="s">
        <v>51</v>
      </c>
    </row>
    <row r="18192" spans="1:12">
      <c r="A18192" s="6" t="s">
        <v>17224</v>
      </c>
      <c r="B18192" s="6"/>
      <c r="C18192" s="6" t="s">
        <v>18224</v>
      </c>
      <c r="D18192" s="6"/>
      <c r="E18192" s="6" t="s">
        <v>9</v>
      </c>
      <c r="F18192" s="7">
        <v>38657</v>
      </c>
      <c r="G18192" s="8">
        <v>1</v>
      </c>
      <c r="H18192" s="8">
        <v>1</v>
      </c>
      <c r="I18192" s="8">
        <v>0</v>
      </c>
      <c r="J18192" s="8">
        <v>1</v>
      </c>
      <c r="K18192" s="9">
        <v>80</v>
      </c>
      <c r="L18192" s="6" t="s">
        <v>51</v>
      </c>
    </row>
    <row r="18193" spans="1:12">
      <c r="A18193" s="6" t="s">
        <v>17224</v>
      </c>
      <c r="B18193" s="6"/>
      <c r="C18193" s="6" t="s">
        <v>18225</v>
      </c>
      <c r="D18193" s="6"/>
      <c r="E18193" s="6" t="s">
        <v>9</v>
      </c>
      <c r="F18193" s="7">
        <v>38657</v>
      </c>
      <c r="G18193" s="8">
        <v>1</v>
      </c>
      <c r="H18193" s="8">
        <v>1</v>
      </c>
      <c r="I18193" s="8">
        <v>0</v>
      </c>
      <c r="J18193" s="8">
        <v>1</v>
      </c>
      <c r="K18193" s="9">
        <v>56</v>
      </c>
      <c r="L18193" s="6" t="s">
        <v>51</v>
      </c>
    </row>
    <row r="18194" spans="1:12">
      <c r="A18194" s="6" t="s">
        <v>17224</v>
      </c>
      <c r="B18194" s="6"/>
      <c r="C18194" s="6" t="s">
        <v>18226</v>
      </c>
      <c r="D18194" s="6"/>
      <c r="E18194" s="6" t="s">
        <v>9</v>
      </c>
      <c r="F18194" s="7">
        <v>38657</v>
      </c>
      <c r="G18194" s="8">
        <v>1</v>
      </c>
      <c r="H18194" s="8">
        <v>1</v>
      </c>
      <c r="I18194" s="8">
        <v>0</v>
      </c>
      <c r="J18194" s="8">
        <v>1</v>
      </c>
      <c r="K18194" s="9">
        <v>56</v>
      </c>
      <c r="L18194" s="6" t="s">
        <v>51</v>
      </c>
    </row>
    <row r="18195" spans="1:12">
      <c r="A18195" s="6" t="s">
        <v>17224</v>
      </c>
      <c r="B18195" s="6"/>
      <c r="C18195" s="6" t="s">
        <v>18227</v>
      </c>
      <c r="D18195" s="6"/>
      <c r="E18195" s="6" t="s">
        <v>9</v>
      </c>
      <c r="F18195" s="7">
        <v>38657</v>
      </c>
      <c r="G18195" s="8">
        <v>1</v>
      </c>
      <c r="H18195" s="8">
        <v>1</v>
      </c>
      <c r="I18195" s="8">
        <v>0</v>
      </c>
      <c r="J18195" s="8">
        <v>1</v>
      </c>
      <c r="K18195" s="9">
        <v>27</v>
      </c>
      <c r="L18195" s="6" t="s">
        <v>51</v>
      </c>
    </row>
    <row r="18196" spans="1:12">
      <c r="A18196" s="6" t="s">
        <v>17224</v>
      </c>
      <c r="B18196" s="6"/>
      <c r="C18196" s="6" t="s">
        <v>18228</v>
      </c>
      <c r="D18196" s="6"/>
      <c r="E18196" s="6" t="s">
        <v>9</v>
      </c>
      <c r="F18196" s="7">
        <v>38657</v>
      </c>
      <c r="G18196" s="8">
        <v>1</v>
      </c>
      <c r="H18196" s="8">
        <v>1</v>
      </c>
      <c r="I18196" s="8">
        <v>0</v>
      </c>
      <c r="J18196" s="8">
        <v>1</v>
      </c>
      <c r="K18196" s="9">
        <v>42</v>
      </c>
      <c r="L18196" s="6" t="s">
        <v>51</v>
      </c>
    </row>
    <row r="18197" spans="1:12">
      <c r="A18197" s="6" t="s">
        <v>17224</v>
      </c>
      <c r="B18197" s="6"/>
      <c r="C18197" s="6" t="s">
        <v>18229</v>
      </c>
      <c r="D18197" s="6"/>
      <c r="E18197" s="6" t="s">
        <v>9</v>
      </c>
      <c r="F18197" s="7">
        <v>38657</v>
      </c>
      <c r="G18197" s="8">
        <v>1</v>
      </c>
      <c r="H18197" s="8">
        <v>1</v>
      </c>
      <c r="I18197" s="8">
        <v>0</v>
      </c>
      <c r="J18197" s="8">
        <v>1</v>
      </c>
      <c r="K18197" s="9">
        <v>88</v>
      </c>
      <c r="L18197" s="6" t="s">
        <v>51</v>
      </c>
    </row>
    <row r="18198" spans="1:12">
      <c r="A18198" s="6" t="s">
        <v>17224</v>
      </c>
      <c r="B18198" s="6"/>
      <c r="C18198" s="6" t="s">
        <v>18230</v>
      </c>
      <c r="D18198" s="6"/>
      <c r="E18198" s="6" t="s">
        <v>9</v>
      </c>
      <c r="F18198" s="7">
        <v>38657</v>
      </c>
      <c r="G18198" s="8">
        <v>1</v>
      </c>
      <c r="H18198" s="8">
        <v>1</v>
      </c>
      <c r="I18198" s="8">
        <v>0</v>
      </c>
      <c r="J18198" s="8">
        <v>1</v>
      </c>
      <c r="K18198" s="9">
        <v>35</v>
      </c>
      <c r="L18198" s="6" t="s">
        <v>51</v>
      </c>
    </row>
    <row r="18199" spans="1:12">
      <c r="A18199" s="6" t="s">
        <v>17224</v>
      </c>
      <c r="B18199" s="6"/>
      <c r="C18199" s="6" t="s">
        <v>18231</v>
      </c>
      <c r="D18199" s="6"/>
      <c r="E18199" s="6" t="s">
        <v>9</v>
      </c>
      <c r="F18199" s="7">
        <v>38657</v>
      </c>
      <c r="G18199" s="8">
        <v>1</v>
      </c>
      <c r="H18199" s="8">
        <v>1</v>
      </c>
      <c r="I18199" s="8">
        <v>0</v>
      </c>
      <c r="J18199" s="8">
        <v>1</v>
      </c>
      <c r="K18199" s="9">
        <v>33</v>
      </c>
      <c r="L18199" s="6" t="s">
        <v>51</v>
      </c>
    </row>
    <row r="18200" spans="1:12">
      <c r="A18200" s="6" t="s">
        <v>17224</v>
      </c>
      <c r="B18200" s="6"/>
      <c r="C18200" s="6" t="s">
        <v>18232</v>
      </c>
      <c r="D18200" s="6"/>
      <c r="E18200" s="6" t="s">
        <v>9</v>
      </c>
      <c r="F18200" s="7">
        <v>38657</v>
      </c>
      <c r="G18200" s="8">
        <v>1</v>
      </c>
      <c r="H18200" s="8">
        <v>1</v>
      </c>
      <c r="I18200" s="8">
        <v>0</v>
      </c>
      <c r="J18200" s="8">
        <v>1</v>
      </c>
      <c r="K18200" s="9">
        <v>277</v>
      </c>
      <c r="L18200" s="6" t="s">
        <v>51</v>
      </c>
    </row>
    <row r="18201" spans="1:12">
      <c r="A18201" s="6" t="s">
        <v>17224</v>
      </c>
      <c r="B18201" s="6"/>
      <c r="C18201" s="6" t="s">
        <v>18233</v>
      </c>
      <c r="D18201" s="6"/>
      <c r="E18201" s="6" t="s">
        <v>9</v>
      </c>
      <c r="F18201" s="7">
        <v>38657</v>
      </c>
      <c r="G18201" s="8">
        <v>1</v>
      </c>
      <c r="H18201" s="8">
        <v>1</v>
      </c>
      <c r="I18201" s="8">
        <v>0</v>
      </c>
      <c r="J18201" s="8">
        <v>1</v>
      </c>
      <c r="K18201" s="9">
        <v>84</v>
      </c>
      <c r="L18201" s="6" t="s">
        <v>51</v>
      </c>
    </row>
    <row r="18202" spans="1:12">
      <c r="A18202" s="6" t="s">
        <v>17224</v>
      </c>
      <c r="B18202" s="6"/>
      <c r="C18202" s="6" t="s">
        <v>18234</v>
      </c>
      <c r="D18202" s="6"/>
      <c r="E18202" s="6" t="s">
        <v>9</v>
      </c>
      <c r="F18202" s="7">
        <v>38657</v>
      </c>
      <c r="G18202" s="8">
        <v>1</v>
      </c>
      <c r="H18202" s="8">
        <v>1</v>
      </c>
      <c r="I18202" s="8">
        <v>0</v>
      </c>
      <c r="J18202" s="8">
        <v>1</v>
      </c>
      <c r="K18202" s="9">
        <v>33</v>
      </c>
      <c r="L18202" s="6" t="s">
        <v>51</v>
      </c>
    </row>
    <row r="18203" spans="1:12">
      <c r="A18203" s="6" t="s">
        <v>17224</v>
      </c>
      <c r="B18203" s="6"/>
      <c r="C18203" s="6" t="s">
        <v>18235</v>
      </c>
      <c r="D18203" s="6"/>
      <c r="E18203" s="6" t="s">
        <v>9</v>
      </c>
      <c r="F18203" s="7">
        <v>38657</v>
      </c>
      <c r="G18203" s="8">
        <v>1</v>
      </c>
      <c r="H18203" s="8">
        <v>1</v>
      </c>
      <c r="I18203" s="8">
        <v>0</v>
      </c>
      <c r="J18203" s="8">
        <v>1</v>
      </c>
      <c r="K18203" s="9">
        <v>36</v>
      </c>
      <c r="L18203" s="6" t="s">
        <v>51</v>
      </c>
    </row>
    <row r="18204" spans="1:12">
      <c r="A18204" s="6" t="s">
        <v>17224</v>
      </c>
      <c r="B18204" s="6"/>
      <c r="C18204" s="6" t="s">
        <v>18236</v>
      </c>
      <c r="D18204" s="6"/>
      <c r="E18204" s="6" t="s">
        <v>9</v>
      </c>
      <c r="F18204" s="7">
        <v>38657</v>
      </c>
      <c r="G18204" s="8">
        <v>1</v>
      </c>
      <c r="H18204" s="8">
        <v>1</v>
      </c>
      <c r="I18204" s="8">
        <v>0</v>
      </c>
      <c r="J18204" s="8">
        <v>1</v>
      </c>
      <c r="K18204" s="9">
        <v>59</v>
      </c>
      <c r="L18204" s="6" t="s">
        <v>51</v>
      </c>
    </row>
    <row r="18205" spans="1:12">
      <c r="A18205" s="6" t="s">
        <v>17224</v>
      </c>
      <c r="B18205" s="6"/>
      <c r="C18205" s="6" t="s">
        <v>18237</v>
      </c>
      <c r="D18205" s="6"/>
      <c r="E18205" s="6" t="s">
        <v>9</v>
      </c>
      <c r="F18205" s="7">
        <v>38657</v>
      </c>
      <c r="G18205" s="8">
        <v>1</v>
      </c>
      <c r="H18205" s="8">
        <v>1</v>
      </c>
      <c r="I18205" s="8">
        <v>0</v>
      </c>
      <c r="J18205" s="8">
        <v>1</v>
      </c>
      <c r="K18205" s="9">
        <v>51</v>
      </c>
      <c r="L18205" s="6" t="s">
        <v>51</v>
      </c>
    </row>
    <row r="18206" spans="1:12">
      <c r="A18206" s="6" t="s">
        <v>17224</v>
      </c>
      <c r="B18206" s="6"/>
      <c r="C18206" s="6" t="s">
        <v>18238</v>
      </c>
      <c r="D18206" s="6"/>
      <c r="E18206" s="6" t="s">
        <v>9</v>
      </c>
      <c r="F18206" s="7">
        <v>38657</v>
      </c>
      <c r="G18206" s="8">
        <v>1</v>
      </c>
      <c r="H18206" s="8">
        <v>1</v>
      </c>
      <c r="I18206" s="8">
        <v>0</v>
      </c>
      <c r="J18206" s="8">
        <v>1</v>
      </c>
      <c r="K18206" s="9">
        <v>11</v>
      </c>
      <c r="L18206" s="6" t="s">
        <v>51</v>
      </c>
    </row>
    <row r="18207" spans="1:12">
      <c r="A18207" s="6" t="s">
        <v>17224</v>
      </c>
      <c r="B18207" s="6"/>
      <c r="C18207" s="6" t="s">
        <v>18239</v>
      </c>
      <c r="D18207" s="6"/>
      <c r="E18207" s="6" t="s">
        <v>9</v>
      </c>
      <c r="F18207" s="7">
        <v>38657</v>
      </c>
      <c r="G18207" s="8">
        <v>1</v>
      </c>
      <c r="H18207" s="8">
        <v>1</v>
      </c>
      <c r="I18207" s="8">
        <v>0</v>
      </c>
      <c r="J18207" s="8">
        <v>1</v>
      </c>
      <c r="K18207" s="9">
        <v>154</v>
      </c>
      <c r="L18207" s="6" t="s">
        <v>51</v>
      </c>
    </row>
    <row r="18208" spans="1:12">
      <c r="A18208" s="6" t="s">
        <v>17224</v>
      </c>
      <c r="B18208" s="6"/>
      <c r="C18208" s="6" t="s">
        <v>18240</v>
      </c>
      <c r="D18208" s="6"/>
      <c r="E18208" s="6" t="s">
        <v>9</v>
      </c>
      <c r="F18208" s="7">
        <v>38657</v>
      </c>
      <c r="G18208" s="8">
        <v>1</v>
      </c>
      <c r="H18208" s="8">
        <v>1</v>
      </c>
      <c r="I18208" s="8">
        <v>0</v>
      </c>
      <c r="J18208" s="8">
        <v>1</v>
      </c>
      <c r="K18208" s="9">
        <v>3.84</v>
      </c>
      <c r="L18208" s="6" t="s">
        <v>51</v>
      </c>
    </row>
    <row r="18209" spans="1:12">
      <c r="A18209" s="6" t="s">
        <v>17224</v>
      </c>
      <c r="B18209" s="6"/>
      <c r="C18209" s="6" t="s">
        <v>18241</v>
      </c>
      <c r="D18209" s="6"/>
      <c r="E18209" s="6" t="s">
        <v>9</v>
      </c>
      <c r="F18209" s="7">
        <v>38657</v>
      </c>
      <c r="G18209" s="8">
        <v>1</v>
      </c>
      <c r="H18209" s="8">
        <v>1</v>
      </c>
      <c r="I18209" s="8">
        <v>0</v>
      </c>
      <c r="J18209" s="8">
        <v>1</v>
      </c>
      <c r="K18209" s="9">
        <v>63</v>
      </c>
      <c r="L18209" s="6" t="s">
        <v>51</v>
      </c>
    </row>
    <row r="18210" spans="1:12">
      <c r="A18210" s="6" t="s">
        <v>17224</v>
      </c>
      <c r="B18210" s="6"/>
      <c r="C18210" s="6" t="s">
        <v>18242</v>
      </c>
      <c r="D18210" s="6"/>
      <c r="E18210" s="6" t="s">
        <v>9</v>
      </c>
      <c r="F18210" s="7">
        <v>38657</v>
      </c>
      <c r="G18210" s="8">
        <v>1</v>
      </c>
      <c r="H18210" s="8">
        <v>1</v>
      </c>
      <c r="I18210" s="8">
        <v>0</v>
      </c>
      <c r="J18210" s="8">
        <v>1</v>
      </c>
      <c r="K18210" s="9">
        <v>128</v>
      </c>
      <c r="L18210" s="6" t="s">
        <v>51</v>
      </c>
    </row>
    <row r="18211" spans="1:12">
      <c r="A18211" s="6" t="s">
        <v>17224</v>
      </c>
      <c r="B18211" s="6"/>
      <c r="C18211" s="6" t="s">
        <v>18243</v>
      </c>
      <c r="D18211" s="6"/>
      <c r="E18211" s="6" t="s">
        <v>9</v>
      </c>
      <c r="F18211" s="7">
        <v>38657</v>
      </c>
      <c r="G18211" s="8">
        <v>1</v>
      </c>
      <c r="H18211" s="8">
        <v>1</v>
      </c>
      <c r="I18211" s="8">
        <v>0</v>
      </c>
      <c r="J18211" s="8">
        <v>1</v>
      </c>
      <c r="K18211" s="9">
        <v>0.55000000000000004</v>
      </c>
      <c r="L18211" s="6" t="s">
        <v>51</v>
      </c>
    </row>
    <row r="18212" spans="1:12">
      <c r="A18212" s="6" t="s">
        <v>17224</v>
      </c>
      <c r="B18212" s="6"/>
      <c r="C18212" s="6" t="s">
        <v>18244</v>
      </c>
      <c r="D18212" s="6"/>
      <c r="E18212" s="6" t="s">
        <v>9</v>
      </c>
      <c r="F18212" s="7">
        <v>38657</v>
      </c>
      <c r="G18212" s="8">
        <v>1</v>
      </c>
      <c r="H18212" s="8">
        <v>1</v>
      </c>
      <c r="I18212" s="8">
        <v>0</v>
      </c>
      <c r="J18212" s="8">
        <v>1</v>
      </c>
      <c r="K18212" s="9">
        <v>6.16</v>
      </c>
      <c r="L18212" s="6" t="s">
        <v>51</v>
      </c>
    </row>
    <row r="18213" spans="1:12">
      <c r="A18213" s="6" t="s">
        <v>17224</v>
      </c>
      <c r="B18213" s="6"/>
      <c r="C18213" s="6" t="s">
        <v>18245</v>
      </c>
      <c r="D18213" s="6"/>
      <c r="E18213" s="6" t="s">
        <v>9</v>
      </c>
      <c r="F18213" s="7">
        <v>38657</v>
      </c>
      <c r="G18213" s="8">
        <v>1</v>
      </c>
      <c r="H18213" s="8">
        <v>1</v>
      </c>
      <c r="I18213" s="8">
        <v>0</v>
      </c>
      <c r="J18213" s="8">
        <v>1</v>
      </c>
      <c r="K18213" s="9">
        <v>8.6199999999999903</v>
      </c>
      <c r="L18213" s="6" t="s">
        <v>51</v>
      </c>
    </row>
    <row r="18214" spans="1:12">
      <c r="A18214" s="6" t="s">
        <v>17224</v>
      </c>
      <c r="B18214" s="6"/>
      <c r="C18214" s="6" t="s">
        <v>18246</v>
      </c>
      <c r="D18214" s="6"/>
      <c r="E18214" s="6" t="s">
        <v>9</v>
      </c>
      <c r="F18214" s="7">
        <v>38657</v>
      </c>
      <c r="G18214" s="8">
        <v>1</v>
      </c>
      <c r="H18214" s="8">
        <v>1</v>
      </c>
      <c r="I18214" s="8">
        <v>0</v>
      </c>
      <c r="J18214" s="8">
        <v>1</v>
      </c>
      <c r="K18214" s="9">
        <v>9.4499999999999904</v>
      </c>
      <c r="L18214" s="6" t="s">
        <v>51</v>
      </c>
    </row>
    <row r="18215" spans="1:12">
      <c r="A18215" s="6" t="s">
        <v>17224</v>
      </c>
      <c r="B18215" s="6"/>
      <c r="C18215" s="6" t="s">
        <v>18247</v>
      </c>
      <c r="D18215" s="6"/>
      <c r="E18215" s="6" t="s">
        <v>9</v>
      </c>
      <c r="F18215" s="7">
        <v>38657</v>
      </c>
      <c r="G18215" s="8">
        <v>1</v>
      </c>
      <c r="H18215" s="8">
        <v>1</v>
      </c>
      <c r="I18215" s="8">
        <v>0</v>
      </c>
      <c r="J18215" s="8">
        <v>1</v>
      </c>
      <c r="K18215" s="9">
        <v>68</v>
      </c>
      <c r="L18215" s="6" t="s">
        <v>51</v>
      </c>
    </row>
    <row r="18216" spans="1:12">
      <c r="A18216" s="6" t="s">
        <v>17224</v>
      </c>
      <c r="B18216" s="6"/>
      <c r="C18216" s="6" t="s">
        <v>18248</v>
      </c>
      <c r="D18216" s="6"/>
      <c r="E18216" s="6" t="s">
        <v>9</v>
      </c>
      <c r="F18216" s="7">
        <v>38657</v>
      </c>
      <c r="G18216" s="8">
        <v>1</v>
      </c>
      <c r="H18216" s="8">
        <v>1</v>
      </c>
      <c r="I18216" s="8">
        <v>0</v>
      </c>
      <c r="J18216" s="8">
        <v>1</v>
      </c>
      <c r="K18216" s="9">
        <v>18</v>
      </c>
      <c r="L18216" s="6" t="s">
        <v>51</v>
      </c>
    </row>
    <row r="18217" spans="1:12">
      <c r="A18217" s="6" t="s">
        <v>17224</v>
      </c>
      <c r="B18217" s="6"/>
      <c r="C18217" s="6" t="s">
        <v>18249</v>
      </c>
      <c r="D18217" s="6"/>
      <c r="E18217" s="6" t="s">
        <v>9</v>
      </c>
      <c r="F18217" s="7">
        <v>38657</v>
      </c>
      <c r="G18217" s="8">
        <v>1</v>
      </c>
      <c r="H18217" s="8">
        <v>1</v>
      </c>
      <c r="I18217" s="8">
        <v>0</v>
      </c>
      <c r="J18217" s="8">
        <v>1</v>
      </c>
      <c r="K18217" s="9">
        <v>41</v>
      </c>
      <c r="L18217" s="6" t="s">
        <v>51</v>
      </c>
    </row>
    <row r="18218" spans="1:12">
      <c r="A18218" s="6" t="s">
        <v>17224</v>
      </c>
      <c r="B18218" s="6"/>
      <c r="C18218" s="6" t="s">
        <v>18250</v>
      </c>
      <c r="D18218" s="6"/>
      <c r="E18218" s="6" t="s">
        <v>9</v>
      </c>
      <c r="F18218" s="7">
        <v>38657</v>
      </c>
      <c r="G18218" s="8">
        <v>1</v>
      </c>
      <c r="H18218" s="8">
        <v>1</v>
      </c>
      <c r="I18218" s="8">
        <v>0</v>
      </c>
      <c r="J18218" s="8">
        <v>1</v>
      </c>
      <c r="K18218" s="9">
        <v>8.56</v>
      </c>
      <c r="L18218" s="6" t="s">
        <v>51</v>
      </c>
    </row>
    <row r="18219" spans="1:12">
      <c r="A18219" s="6" t="s">
        <v>17224</v>
      </c>
      <c r="B18219" s="6"/>
      <c r="C18219" s="6" t="s">
        <v>18251</v>
      </c>
      <c r="D18219" s="6"/>
      <c r="E18219" s="6" t="s">
        <v>9</v>
      </c>
      <c r="F18219" s="7">
        <v>38657</v>
      </c>
      <c r="G18219" s="8">
        <v>1</v>
      </c>
      <c r="H18219" s="8">
        <v>1</v>
      </c>
      <c r="I18219" s="8">
        <v>0</v>
      </c>
      <c r="J18219" s="8">
        <v>1</v>
      </c>
      <c r="K18219" s="9">
        <v>0.36</v>
      </c>
      <c r="L18219" s="6" t="s">
        <v>51</v>
      </c>
    </row>
    <row r="18220" spans="1:12">
      <c r="A18220" s="6" t="s">
        <v>17224</v>
      </c>
      <c r="B18220" s="6"/>
      <c r="C18220" s="6" t="s">
        <v>18252</v>
      </c>
      <c r="D18220" s="6"/>
      <c r="E18220" s="6" t="s">
        <v>9</v>
      </c>
      <c r="F18220" s="7">
        <v>38657</v>
      </c>
      <c r="G18220" s="8">
        <v>1</v>
      </c>
      <c r="H18220" s="8">
        <v>1</v>
      </c>
      <c r="I18220" s="8">
        <v>0</v>
      </c>
      <c r="J18220" s="8">
        <v>1</v>
      </c>
      <c r="K18220" s="9">
        <v>76</v>
      </c>
      <c r="L18220" s="6" t="s">
        <v>51</v>
      </c>
    </row>
    <row r="18221" spans="1:12">
      <c r="A18221" s="6" t="s">
        <v>17224</v>
      </c>
      <c r="B18221" s="6"/>
      <c r="C18221" s="6" t="s">
        <v>18253</v>
      </c>
      <c r="D18221" s="6"/>
      <c r="E18221" s="6" t="s">
        <v>9</v>
      </c>
      <c r="F18221" s="7">
        <v>38657</v>
      </c>
      <c r="G18221" s="8">
        <v>1</v>
      </c>
      <c r="H18221" s="8">
        <v>1</v>
      </c>
      <c r="I18221" s="8">
        <v>0</v>
      </c>
      <c r="J18221" s="8">
        <v>1</v>
      </c>
      <c r="K18221" s="9">
        <v>218</v>
      </c>
      <c r="L18221" s="6" t="s">
        <v>51</v>
      </c>
    </row>
    <row r="18222" spans="1:12">
      <c r="A18222" s="6" t="s">
        <v>17224</v>
      </c>
      <c r="B18222" s="6"/>
      <c r="C18222" s="6" t="s">
        <v>18254</v>
      </c>
      <c r="D18222" s="6"/>
      <c r="E18222" s="6" t="s">
        <v>9</v>
      </c>
      <c r="F18222" s="7">
        <v>38657</v>
      </c>
      <c r="G18222" s="8">
        <v>1</v>
      </c>
      <c r="H18222" s="8">
        <v>1</v>
      </c>
      <c r="I18222" s="8">
        <v>0</v>
      </c>
      <c r="J18222" s="8">
        <v>1</v>
      </c>
      <c r="K18222" s="9">
        <v>2.35</v>
      </c>
      <c r="L18222" s="6" t="s">
        <v>51</v>
      </c>
    </row>
    <row r="18223" spans="1:12">
      <c r="A18223" s="6" t="s">
        <v>17224</v>
      </c>
      <c r="B18223" s="6"/>
      <c r="C18223" s="6" t="s">
        <v>18255</v>
      </c>
      <c r="D18223" s="6"/>
      <c r="E18223" s="6" t="s">
        <v>9</v>
      </c>
      <c r="F18223" s="7">
        <v>38657</v>
      </c>
      <c r="G18223" s="8">
        <v>1</v>
      </c>
      <c r="H18223" s="8">
        <v>1</v>
      </c>
      <c r="I18223" s="8">
        <v>0</v>
      </c>
      <c r="J18223" s="8">
        <v>1</v>
      </c>
      <c r="K18223" s="9">
        <v>27</v>
      </c>
      <c r="L18223" s="6" t="s">
        <v>51</v>
      </c>
    </row>
    <row r="18224" spans="1:12">
      <c r="A18224" s="6" t="s">
        <v>17224</v>
      </c>
      <c r="B18224" s="6"/>
      <c r="C18224" s="6" t="s">
        <v>18256</v>
      </c>
      <c r="D18224" s="6"/>
      <c r="E18224" s="6" t="s">
        <v>9</v>
      </c>
      <c r="F18224" s="7">
        <v>38657</v>
      </c>
      <c r="G18224" s="8">
        <v>1</v>
      </c>
      <c r="H18224" s="8">
        <v>1</v>
      </c>
      <c r="I18224" s="8">
        <v>0</v>
      </c>
      <c r="J18224" s="8">
        <v>1</v>
      </c>
      <c r="K18224" s="9">
        <v>47.27</v>
      </c>
      <c r="L18224" s="6" t="s">
        <v>51</v>
      </c>
    </row>
    <row r="18225" spans="1:12">
      <c r="A18225" s="6" t="s">
        <v>17224</v>
      </c>
      <c r="B18225" s="6"/>
      <c r="C18225" s="6" t="s">
        <v>18257</v>
      </c>
      <c r="D18225" s="6"/>
      <c r="E18225" s="6" t="s">
        <v>9</v>
      </c>
      <c r="F18225" s="7">
        <v>38657</v>
      </c>
      <c r="G18225" s="8">
        <v>1</v>
      </c>
      <c r="H18225" s="8">
        <v>1</v>
      </c>
      <c r="I18225" s="8">
        <v>0</v>
      </c>
      <c r="J18225" s="8">
        <v>1</v>
      </c>
      <c r="K18225" s="9">
        <v>11</v>
      </c>
      <c r="L18225" s="6" t="s">
        <v>51</v>
      </c>
    </row>
    <row r="18226" spans="1:12">
      <c r="A18226" s="6" t="s">
        <v>17224</v>
      </c>
      <c r="B18226" s="6"/>
      <c r="C18226" s="6" t="s">
        <v>18258</v>
      </c>
      <c r="D18226" s="6"/>
      <c r="E18226" s="6" t="s">
        <v>9</v>
      </c>
      <c r="F18226" s="7">
        <v>38657</v>
      </c>
      <c r="G18226" s="8">
        <v>1</v>
      </c>
      <c r="H18226" s="8">
        <v>1</v>
      </c>
      <c r="I18226" s="8">
        <v>0</v>
      </c>
      <c r="J18226" s="8">
        <v>1</v>
      </c>
      <c r="K18226" s="9">
        <v>13</v>
      </c>
      <c r="L18226" s="6" t="s">
        <v>51</v>
      </c>
    </row>
    <row r="18227" spans="1:12">
      <c r="A18227" s="6" t="s">
        <v>17224</v>
      </c>
      <c r="B18227" s="6"/>
      <c r="C18227" s="6" t="s">
        <v>18259</v>
      </c>
      <c r="D18227" s="6"/>
      <c r="E18227" s="6" t="s">
        <v>9</v>
      </c>
      <c r="F18227" s="7">
        <v>38657</v>
      </c>
      <c r="G18227" s="8">
        <v>1</v>
      </c>
      <c r="H18227" s="8">
        <v>1</v>
      </c>
      <c r="I18227" s="8">
        <v>0</v>
      </c>
      <c r="J18227" s="8">
        <v>1</v>
      </c>
      <c r="K18227" s="9">
        <v>16</v>
      </c>
      <c r="L18227" s="6" t="s">
        <v>51</v>
      </c>
    </row>
    <row r="18228" spans="1:12">
      <c r="A18228" s="6" t="s">
        <v>17224</v>
      </c>
      <c r="B18228" s="6"/>
      <c r="C18228" s="6" t="s">
        <v>18260</v>
      </c>
      <c r="D18228" s="6"/>
      <c r="E18228" s="6" t="s">
        <v>9</v>
      </c>
      <c r="F18228" s="7">
        <v>38657</v>
      </c>
      <c r="G18228" s="8">
        <v>1</v>
      </c>
      <c r="H18228" s="8">
        <v>1</v>
      </c>
      <c r="I18228" s="8">
        <v>0</v>
      </c>
      <c r="J18228" s="8">
        <v>1</v>
      </c>
      <c r="K18228" s="9">
        <v>216</v>
      </c>
      <c r="L18228" s="6" t="s">
        <v>51</v>
      </c>
    </row>
    <row r="18229" spans="1:12">
      <c r="A18229" s="6" t="s">
        <v>17224</v>
      </c>
      <c r="B18229" s="6"/>
      <c r="C18229" s="6" t="s">
        <v>18261</v>
      </c>
      <c r="D18229" s="6"/>
      <c r="E18229" s="6" t="s">
        <v>9</v>
      </c>
      <c r="F18229" s="7">
        <v>38657</v>
      </c>
      <c r="G18229" s="8">
        <v>1</v>
      </c>
      <c r="H18229" s="8">
        <v>1</v>
      </c>
      <c r="I18229" s="8">
        <v>0</v>
      </c>
      <c r="J18229" s="8">
        <v>1</v>
      </c>
      <c r="K18229" s="9">
        <v>358</v>
      </c>
      <c r="L18229" s="6" t="s">
        <v>51</v>
      </c>
    </row>
    <row r="18230" spans="1:12">
      <c r="A18230" s="6" t="s">
        <v>17224</v>
      </c>
      <c r="B18230" s="6"/>
      <c r="C18230" s="6" t="s">
        <v>18262</v>
      </c>
      <c r="D18230" s="6"/>
      <c r="E18230" s="6" t="s">
        <v>9</v>
      </c>
      <c r="F18230" s="7">
        <v>38657</v>
      </c>
      <c r="G18230" s="8">
        <v>1</v>
      </c>
      <c r="H18230" s="8">
        <v>1</v>
      </c>
      <c r="I18230" s="8">
        <v>0</v>
      </c>
      <c r="J18230" s="8">
        <v>1</v>
      </c>
      <c r="K18230" s="9">
        <v>282</v>
      </c>
      <c r="L18230" s="6" t="s">
        <v>51</v>
      </c>
    </row>
    <row r="18231" spans="1:12">
      <c r="A18231" s="6" t="s">
        <v>17224</v>
      </c>
      <c r="B18231" s="6"/>
      <c r="C18231" s="6" t="s">
        <v>18263</v>
      </c>
      <c r="D18231" s="6"/>
      <c r="E18231" s="6" t="s">
        <v>9</v>
      </c>
      <c r="F18231" s="7">
        <v>38657</v>
      </c>
      <c r="G18231" s="8">
        <v>1</v>
      </c>
      <c r="H18231" s="8">
        <v>1</v>
      </c>
      <c r="I18231" s="8">
        <v>0</v>
      </c>
      <c r="J18231" s="8">
        <v>1</v>
      </c>
      <c r="K18231" s="9">
        <v>261</v>
      </c>
      <c r="L18231" s="6" t="s">
        <v>51</v>
      </c>
    </row>
    <row r="18232" spans="1:12">
      <c r="A18232" s="6" t="s">
        <v>17224</v>
      </c>
      <c r="B18232" s="6"/>
      <c r="C18232" s="6" t="s">
        <v>18264</v>
      </c>
      <c r="D18232" s="6"/>
      <c r="E18232" s="6" t="s">
        <v>9</v>
      </c>
      <c r="F18232" s="7">
        <v>38657</v>
      </c>
      <c r="G18232" s="8">
        <v>1</v>
      </c>
      <c r="H18232" s="8">
        <v>1</v>
      </c>
      <c r="I18232" s="8">
        <v>0</v>
      </c>
      <c r="J18232" s="8">
        <v>1</v>
      </c>
      <c r="K18232" s="9">
        <v>132</v>
      </c>
      <c r="L18232" s="6" t="s">
        <v>51</v>
      </c>
    </row>
    <row r="18233" spans="1:12">
      <c r="A18233" s="6" t="s">
        <v>17224</v>
      </c>
      <c r="B18233" s="6"/>
      <c r="C18233" s="6" t="s">
        <v>18265</v>
      </c>
      <c r="D18233" s="6"/>
      <c r="E18233" s="6" t="s">
        <v>9</v>
      </c>
      <c r="F18233" s="7">
        <v>38657</v>
      </c>
      <c r="G18233" s="8">
        <v>1</v>
      </c>
      <c r="H18233" s="8">
        <v>1</v>
      </c>
      <c r="I18233" s="8">
        <v>0</v>
      </c>
      <c r="J18233" s="8">
        <v>1</v>
      </c>
      <c r="K18233" s="9">
        <v>1316</v>
      </c>
      <c r="L18233" s="6" t="s">
        <v>51</v>
      </c>
    </row>
    <row r="18234" spans="1:12">
      <c r="A18234" s="6" t="s">
        <v>17224</v>
      </c>
      <c r="B18234" s="6"/>
      <c r="C18234" s="6" t="s">
        <v>18266</v>
      </c>
      <c r="D18234" s="6"/>
      <c r="E18234" s="6" t="s">
        <v>9</v>
      </c>
      <c r="F18234" s="7">
        <v>38657</v>
      </c>
      <c r="G18234" s="8">
        <v>1</v>
      </c>
      <c r="H18234" s="8">
        <v>1</v>
      </c>
      <c r="I18234" s="8">
        <v>0</v>
      </c>
      <c r="J18234" s="8">
        <v>1</v>
      </c>
      <c r="K18234" s="9">
        <v>6.63</v>
      </c>
      <c r="L18234" s="6" t="s">
        <v>51</v>
      </c>
    </row>
    <row r="18235" spans="1:12">
      <c r="A18235" s="6" t="s">
        <v>17224</v>
      </c>
      <c r="B18235" s="6"/>
      <c r="C18235" s="6" t="s">
        <v>18267</v>
      </c>
      <c r="D18235" s="6"/>
      <c r="E18235" s="6" t="s">
        <v>9</v>
      </c>
      <c r="F18235" s="7">
        <v>38657</v>
      </c>
      <c r="G18235" s="8">
        <v>1</v>
      </c>
      <c r="H18235" s="8">
        <v>1</v>
      </c>
      <c r="I18235" s="8">
        <v>0</v>
      </c>
      <c r="J18235" s="8">
        <v>1</v>
      </c>
      <c r="K18235" s="9">
        <v>43.53</v>
      </c>
      <c r="L18235" s="6" t="s">
        <v>51</v>
      </c>
    </row>
    <row r="18236" spans="1:12">
      <c r="A18236" s="6" t="s">
        <v>17224</v>
      </c>
      <c r="B18236" s="6"/>
      <c r="C18236" s="6" t="s">
        <v>18268</v>
      </c>
      <c r="D18236" s="6"/>
      <c r="E18236" s="6" t="s">
        <v>9</v>
      </c>
      <c r="F18236" s="7">
        <v>38657</v>
      </c>
      <c r="G18236" s="8">
        <v>1</v>
      </c>
      <c r="H18236" s="8">
        <v>1</v>
      </c>
      <c r="I18236" s="8">
        <v>0</v>
      </c>
      <c r="J18236" s="8">
        <v>1</v>
      </c>
      <c r="K18236" s="9">
        <v>510</v>
      </c>
      <c r="L18236" s="6" t="s">
        <v>51</v>
      </c>
    </row>
    <row r="18237" spans="1:12">
      <c r="A18237" s="6" t="s">
        <v>17224</v>
      </c>
      <c r="B18237" s="6"/>
      <c r="C18237" s="6" t="s">
        <v>18269</v>
      </c>
      <c r="D18237" s="6"/>
      <c r="E18237" s="6" t="s">
        <v>9</v>
      </c>
      <c r="F18237" s="7">
        <v>38657</v>
      </c>
      <c r="G18237" s="8">
        <v>1</v>
      </c>
      <c r="H18237" s="8">
        <v>1</v>
      </c>
      <c r="I18237" s="8">
        <v>0</v>
      </c>
      <c r="J18237" s="8">
        <v>1</v>
      </c>
      <c r="K18237" s="9">
        <v>35</v>
      </c>
      <c r="L18237" s="6" t="s">
        <v>51</v>
      </c>
    </row>
    <row r="18238" spans="1:12">
      <c r="A18238" s="6" t="s">
        <v>17224</v>
      </c>
      <c r="B18238" s="6"/>
      <c r="C18238" s="6" t="s">
        <v>18270</v>
      </c>
      <c r="D18238" s="6"/>
      <c r="E18238" s="6" t="s">
        <v>9</v>
      </c>
      <c r="F18238" s="7"/>
      <c r="G18238" s="8">
        <v>1</v>
      </c>
      <c r="H18238" s="8">
        <v>1</v>
      </c>
      <c r="I18238" s="8">
        <v>0</v>
      </c>
      <c r="J18238" s="8">
        <v>1</v>
      </c>
      <c r="K18238" s="9">
        <v>49</v>
      </c>
      <c r="L18238" s="6" t="s">
        <v>51</v>
      </c>
    </row>
    <row r="18239" spans="1:12">
      <c r="A18239" s="6" t="s">
        <v>17224</v>
      </c>
      <c r="B18239" s="6"/>
      <c r="C18239" s="6" t="s">
        <v>18271</v>
      </c>
      <c r="D18239" s="6"/>
      <c r="E18239" s="6" t="s">
        <v>9</v>
      </c>
      <c r="F18239" s="7">
        <v>38657</v>
      </c>
      <c r="G18239" s="8">
        <v>1</v>
      </c>
      <c r="H18239" s="8">
        <v>1</v>
      </c>
      <c r="I18239" s="8">
        <v>0</v>
      </c>
      <c r="J18239" s="8">
        <v>1</v>
      </c>
      <c r="K18239" s="9">
        <v>2.96</v>
      </c>
      <c r="L18239" s="6" t="s">
        <v>51</v>
      </c>
    </row>
    <row r="18240" spans="1:12">
      <c r="A18240" s="6" t="s">
        <v>17224</v>
      </c>
      <c r="B18240" s="6"/>
      <c r="C18240" s="6" t="s">
        <v>18272</v>
      </c>
      <c r="D18240" s="6"/>
      <c r="E18240" s="6" t="s">
        <v>9</v>
      </c>
      <c r="F18240" s="7">
        <v>38657</v>
      </c>
      <c r="G18240" s="8">
        <v>1</v>
      </c>
      <c r="H18240" s="8">
        <v>1</v>
      </c>
      <c r="I18240" s="8">
        <v>0</v>
      </c>
      <c r="J18240" s="8">
        <v>1</v>
      </c>
      <c r="K18240" s="9">
        <v>27</v>
      </c>
      <c r="L18240" s="6" t="s">
        <v>51</v>
      </c>
    </row>
    <row r="18241" spans="1:12">
      <c r="A18241" s="6" t="s">
        <v>17224</v>
      </c>
      <c r="B18241" s="6"/>
      <c r="C18241" s="6" t="s">
        <v>18273</v>
      </c>
      <c r="D18241" s="6"/>
      <c r="E18241" s="6" t="s">
        <v>9</v>
      </c>
      <c r="F18241" s="7"/>
      <c r="G18241" s="8">
        <v>1692</v>
      </c>
      <c r="H18241" s="8">
        <v>1692</v>
      </c>
      <c r="I18241" s="8">
        <v>0</v>
      </c>
      <c r="J18241" s="8">
        <v>1692</v>
      </c>
      <c r="K18241" s="9">
        <v>36</v>
      </c>
      <c r="L18241" s="6" t="s">
        <v>1842</v>
      </c>
    </row>
    <row r="18242" spans="1:12">
      <c r="A18242" s="6" t="s">
        <v>17224</v>
      </c>
      <c r="B18242" s="6"/>
      <c r="C18242" s="6" t="s">
        <v>18274</v>
      </c>
      <c r="D18242" s="6"/>
      <c r="E18242" s="6" t="s">
        <v>9</v>
      </c>
      <c r="F18242" s="7"/>
      <c r="G18242" s="8">
        <v>1</v>
      </c>
      <c r="H18242" s="8">
        <v>1</v>
      </c>
      <c r="I18242" s="8">
        <v>0</v>
      </c>
      <c r="J18242" s="8">
        <v>1</v>
      </c>
      <c r="K18242" s="9">
        <v>218</v>
      </c>
      <c r="L18242" s="6" t="s">
        <v>51</v>
      </c>
    </row>
    <row r="18243" spans="1:12">
      <c r="A18243" s="6" t="s">
        <v>17224</v>
      </c>
      <c r="B18243" s="6"/>
      <c r="C18243" s="6" t="s">
        <v>18275</v>
      </c>
      <c r="D18243" s="6"/>
      <c r="E18243" s="6" t="s">
        <v>9</v>
      </c>
      <c r="F18243" s="7"/>
      <c r="G18243" s="8">
        <v>1</v>
      </c>
      <c r="H18243" s="8">
        <v>1</v>
      </c>
      <c r="I18243" s="8">
        <v>0</v>
      </c>
      <c r="J18243" s="8">
        <v>1</v>
      </c>
      <c r="K18243" s="9">
        <v>89</v>
      </c>
      <c r="L18243" s="6" t="s">
        <v>51</v>
      </c>
    </row>
    <row r="18244" spans="1:12">
      <c r="A18244" s="6" t="s">
        <v>17224</v>
      </c>
      <c r="B18244" s="6"/>
      <c r="C18244" s="6" t="s">
        <v>18276</v>
      </c>
      <c r="D18244" s="6"/>
      <c r="E18244" s="6" t="s">
        <v>9</v>
      </c>
      <c r="F18244" s="7">
        <v>38657</v>
      </c>
      <c r="G18244" s="8">
        <v>1383277</v>
      </c>
      <c r="H18244" s="8">
        <v>1383277</v>
      </c>
      <c r="I18244" s="8">
        <v>0</v>
      </c>
      <c r="J18244" s="8">
        <v>1383277</v>
      </c>
      <c r="K18244" s="9">
        <v>88</v>
      </c>
      <c r="L18244" s="6" t="s">
        <v>51</v>
      </c>
    </row>
    <row r="18245" spans="1:12">
      <c r="A18245" s="6" t="s">
        <v>17224</v>
      </c>
      <c r="B18245" s="6"/>
      <c r="C18245" s="6" t="s">
        <v>18277</v>
      </c>
      <c r="D18245" s="6"/>
      <c r="E18245" s="6" t="s">
        <v>9</v>
      </c>
      <c r="F18245" s="7">
        <v>38657</v>
      </c>
      <c r="G18245" s="8">
        <v>1</v>
      </c>
      <c r="H18245" s="8">
        <v>1</v>
      </c>
      <c r="I18245" s="8">
        <v>0</v>
      </c>
      <c r="J18245" s="8">
        <v>1</v>
      </c>
      <c r="K18245" s="9">
        <v>776</v>
      </c>
      <c r="L18245" s="6" t="s">
        <v>51</v>
      </c>
    </row>
    <row r="18246" spans="1:12">
      <c r="A18246" s="6" t="s">
        <v>17224</v>
      </c>
      <c r="B18246" s="6"/>
      <c r="C18246" s="6" t="s">
        <v>18278</v>
      </c>
      <c r="D18246" s="6"/>
      <c r="E18246" s="6" t="s">
        <v>9</v>
      </c>
      <c r="F18246" s="7">
        <v>38657</v>
      </c>
      <c r="G18246" s="8">
        <v>1</v>
      </c>
      <c r="H18246" s="8">
        <v>1</v>
      </c>
      <c r="I18246" s="8">
        <v>0</v>
      </c>
      <c r="J18246" s="8">
        <v>1</v>
      </c>
      <c r="K18246" s="9">
        <v>58.9</v>
      </c>
      <c r="L18246" s="6" t="s">
        <v>51</v>
      </c>
    </row>
    <row r="18247" spans="1:12">
      <c r="A18247" s="6" t="s">
        <v>17224</v>
      </c>
      <c r="B18247" s="6"/>
      <c r="C18247" s="6" t="s">
        <v>18279</v>
      </c>
      <c r="D18247" s="6"/>
      <c r="E18247" s="6" t="s">
        <v>9</v>
      </c>
      <c r="F18247" s="7">
        <v>38657</v>
      </c>
      <c r="G18247" s="8">
        <v>1</v>
      </c>
      <c r="H18247" s="8">
        <v>1</v>
      </c>
      <c r="I18247" s="8">
        <v>0</v>
      </c>
      <c r="J18247" s="8">
        <v>1</v>
      </c>
      <c r="K18247" s="9">
        <v>307</v>
      </c>
      <c r="L18247" s="6" t="s">
        <v>51</v>
      </c>
    </row>
    <row r="18248" spans="1:12">
      <c r="A18248" s="6" t="s">
        <v>17224</v>
      </c>
      <c r="B18248" s="6"/>
      <c r="C18248" s="6" t="s">
        <v>18280</v>
      </c>
      <c r="D18248" s="6"/>
      <c r="E18248" s="6" t="s">
        <v>9</v>
      </c>
      <c r="F18248" s="7">
        <v>38657</v>
      </c>
      <c r="G18248" s="8">
        <v>1</v>
      </c>
      <c r="H18248" s="8">
        <v>1</v>
      </c>
      <c r="I18248" s="8">
        <v>0</v>
      </c>
      <c r="J18248" s="8">
        <v>1</v>
      </c>
      <c r="K18248" s="9">
        <v>1348</v>
      </c>
      <c r="L18248" s="6" t="s">
        <v>51</v>
      </c>
    </row>
    <row r="18249" spans="1:12">
      <c r="A18249" s="6" t="s">
        <v>17224</v>
      </c>
      <c r="B18249" s="6"/>
      <c r="C18249" s="6" t="s">
        <v>18281</v>
      </c>
      <c r="D18249" s="6"/>
      <c r="E18249" s="6" t="s">
        <v>9</v>
      </c>
      <c r="F18249" s="7">
        <v>38657</v>
      </c>
      <c r="G18249" s="8">
        <v>1</v>
      </c>
      <c r="H18249" s="8">
        <v>1</v>
      </c>
      <c r="I18249" s="8">
        <v>0</v>
      </c>
      <c r="J18249" s="8">
        <v>1</v>
      </c>
      <c r="K18249" s="9">
        <v>161</v>
      </c>
      <c r="L18249" s="6" t="s">
        <v>51</v>
      </c>
    </row>
    <row r="18250" spans="1:12">
      <c r="A18250" s="6" t="s">
        <v>17224</v>
      </c>
      <c r="B18250" s="6"/>
      <c r="C18250" s="6" t="s">
        <v>18282</v>
      </c>
      <c r="D18250" s="6"/>
      <c r="E18250" s="6" t="s">
        <v>9</v>
      </c>
      <c r="F18250" s="7">
        <v>38657</v>
      </c>
      <c r="G18250" s="8">
        <v>1</v>
      </c>
      <c r="H18250" s="8">
        <v>1</v>
      </c>
      <c r="I18250" s="8">
        <v>0</v>
      </c>
      <c r="J18250" s="8">
        <v>1</v>
      </c>
      <c r="K18250" s="9">
        <v>7.58</v>
      </c>
      <c r="L18250" s="6" t="s">
        <v>51</v>
      </c>
    </row>
    <row r="18251" spans="1:12">
      <c r="A18251" s="6" t="s">
        <v>17224</v>
      </c>
      <c r="B18251" s="6"/>
      <c r="C18251" s="6" t="s">
        <v>18283</v>
      </c>
      <c r="D18251" s="6"/>
      <c r="E18251" s="6" t="s">
        <v>9</v>
      </c>
      <c r="F18251" s="7">
        <v>38657</v>
      </c>
      <c r="G18251" s="8">
        <v>1</v>
      </c>
      <c r="H18251" s="8">
        <v>1</v>
      </c>
      <c r="I18251" s="8">
        <v>0</v>
      </c>
      <c r="J18251" s="8">
        <v>1</v>
      </c>
      <c r="K18251" s="9">
        <v>499</v>
      </c>
      <c r="L18251" s="6" t="s">
        <v>51</v>
      </c>
    </row>
    <row r="18252" spans="1:12">
      <c r="A18252" s="6" t="s">
        <v>17224</v>
      </c>
      <c r="B18252" s="6"/>
      <c r="C18252" s="6" t="s">
        <v>18284</v>
      </c>
      <c r="D18252" s="6"/>
      <c r="E18252" s="6" t="s">
        <v>9</v>
      </c>
      <c r="F18252" s="7">
        <v>38657</v>
      </c>
      <c r="G18252" s="8">
        <v>1</v>
      </c>
      <c r="H18252" s="8">
        <v>1</v>
      </c>
      <c r="I18252" s="8">
        <v>0</v>
      </c>
      <c r="J18252" s="8">
        <v>1</v>
      </c>
      <c r="K18252" s="9">
        <v>76</v>
      </c>
      <c r="L18252" s="6" t="s">
        <v>51</v>
      </c>
    </row>
    <row r="18253" spans="1:12">
      <c r="A18253" s="6" t="s">
        <v>17224</v>
      </c>
      <c r="B18253" s="6"/>
      <c r="C18253" s="6" t="s">
        <v>18285</v>
      </c>
      <c r="D18253" s="6"/>
      <c r="E18253" s="6" t="s">
        <v>9</v>
      </c>
      <c r="F18253" s="7">
        <v>38657</v>
      </c>
      <c r="G18253" s="8">
        <v>1</v>
      </c>
      <c r="H18253" s="8">
        <v>1</v>
      </c>
      <c r="I18253" s="8">
        <v>0</v>
      </c>
      <c r="J18253" s="8">
        <v>1</v>
      </c>
      <c r="K18253" s="9">
        <v>158</v>
      </c>
      <c r="L18253" s="6" t="s">
        <v>51</v>
      </c>
    </row>
    <row r="18254" spans="1:12">
      <c r="A18254" s="6" t="s">
        <v>17224</v>
      </c>
      <c r="B18254" s="6"/>
      <c r="C18254" s="6" t="s">
        <v>18286</v>
      </c>
      <c r="D18254" s="6"/>
      <c r="E18254" s="6" t="s">
        <v>9</v>
      </c>
      <c r="F18254" s="7">
        <v>38657</v>
      </c>
      <c r="G18254" s="8">
        <v>1</v>
      </c>
      <c r="H18254" s="8">
        <v>1</v>
      </c>
      <c r="I18254" s="8">
        <v>0</v>
      </c>
      <c r="J18254" s="8">
        <v>1</v>
      </c>
      <c r="K18254" s="9">
        <v>479</v>
      </c>
      <c r="L18254" s="6" t="s">
        <v>51</v>
      </c>
    </row>
    <row r="18255" spans="1:12">
      <c r="A18255" s="6" t="s">
        <v>17224</v>
      </c>
      <c r="B18255" s="6"/>
      <c r="C18255" s="6" t="s">
        <v>18287</v>
      </c>
      <c r="D18255" s="6"/>
      <c r="E18255" s="6" t="s">
        <v>9</v>
      </c>
      <c r="F18255" s="7">
        <v>38657</v>
      </c>
      <c r="G18255" s="8">
        <v>1</v>
      </c>
      <c r="H18255" s="8">
        <v>1</v>
      </c>
      <c r="I18255" s="8">
        <v>0</v>
      </c>
      <c r="J18255" s="8">
        <v>1</v>
      </c>
      <c r="K18255" s="9">
        <v>499</v>
      </c>
      <c r="L18255" s="6" t="s">
        <v>51</v>
      </c>
    </row>
    <row r="18256" spans="1:12">
      <c r="A18256" s="6" t="s">
        <v>17224</v>
      </c>
      <c r="B18256" s="6"/>
      <c r="C18256" s="6" t="s">
        <v>18288</v>
      </c>
      <c r="D18256" s="6"/>
      <c r="E18256" s="6" t="s">
        <v>9</v>
      </c>
      <c r="F18256" s="7">
        <v>38657</v>
      </c>
      <c r="G18256" s="8">
        <v>1</v>
      </c>
      <c r="H18256" s="8">
        <v>1</v>
      </c>
      <c r="I18256" s="8">
        <v>0</v>
      </c>
      <c r="J18256" s="8">
        <v>1</v>
      </c>
      <c r="K18256" s="9">
        <v>396</v>
      </c>
      <c r="L18256" s="6" t="s">
        <v>51</v>
      </c>
    </row>
    <row r="18257" spans="1:12">
      <c r="A18257" s="6" t="s">
        <v>17224</v>
      </c>
      <c r="B18257" s="6"/>
      <c r="C18257" s="6" t="s">
        <v>18289</v>
      </c>
      <c r="D18257" s="6"/>
      <c r="E18257" s="6" t="s">
        <v>9</v>
      </c>
      <c r="F18257" s="7">
        <v>38657</v>
      </c>
      <c r="G18257" s="8">
        <v>1</v>
      </c>
      <c r="H18257" s="8">
        <v>1</v>
      </c>
      <c r="I18257" s="8">
        <v>0</v>
      </c>
      <c r="J18257" s="8">
        <v>1</v>
      </c>
      <c r="K18257" s="9">
        <v>59.8</v>
      </c>
      <c r="L18257" s="6" t="s">
        <v>51</v>
      </c>
    </row>
    <row r="18258" spans="1:12">
      <c r="A18258" s="6" t="s">
        <v>17224</v>
      </c>
      <c r="B18258" s="6"/>
      <c r="C18258" s="6" t="s">
        <v>18290</v>
      </c>
      <c r="D18258" s="6"/>
      <c r="E18258" s="6" t="s">
        <v>9</v>
      </c>
      <c r="F18258" s="7">
        <v>38657</v>
      </c>
      <c r="G18258" s="8">
        <v>1</v>
      </c>
      <c r="H18258" s="8">
        <v>1</v>
      </c>
      <c r="I18258" s="8">
        <v>0</v>
      </c>
      <c r="J18258" s="8">
        <v>1</v>
      </c>
      <c r="K18258" s="9">
        <v>59</v>
      </c>
      <c r="L18258" s="6" t="s">
        <v>51</v>
      </c>
    </row>
    <row r="18259" spans="1:12">
      <c r="A18259" s="6" t="s">
        <v>17224</v>
      </c>
      <c r="B18259" s="6"/>
      <c r="C18259" s="6" t="s">
        <v>18291</v>
      </c>
      <c r="D18259" s="6"/>
      <c r="E18259" s="6" t="s">
        <v>9</v>
      </c>
      <c r="F18259" s="7">
        <v>38657</v>
      </c>
      <c r="G18259" s="8">
        <v>1</v>
      </c>
      <c r="H18259" s="8">
        <v>1</v>
      </c>
      <c r="I18259" s="8">
        <v>0</v>
      </c>
      <c r="J18259" s="8">
        <v>1</v>
      </c>
      <c r="K18259" s="9">
        <v>1295</v>
      </c>
      <c r="L18259" s="6" t="s">
        <v>51</v>
      </c>
    </row>
    <row r="18260" spans="1:12">
      <c r="A18260" s="6" t="s">
        <v>17224</v>
      </c>
      <c r="B18260" s="6"/>
      <c r="C18260" s="6" t="s">
        <v>18292</v>
      </c>
      <c r="D18260" s="6"/>
      <c r="E18260" s="6" t="s">
        <v>9</v>
      </c>
      <c r="F18260" s="7">
        <v>38657</v>
      </c>
      <c r="G18260" s="8">
        <v>1</v>
      </c>
      <c r="H18260" s="8">
        <v>1</v>
      </c>
      <c r="I18260" s="8">
        <v>0</v>
      </c>
      <c r="J18260" s="8">
        <v>1</v>
      </c>
      <c r="K18260" s="9">
        <v>387</v>
      </c>
      <c r="L18260" s="6" t="s">
        <v>51</v>
      </c>
    </row>
    <row r="18261" spans="1:12">
      <c r="A18261" s="6" t="s">
        <v>17224</v>
      </c>
      <c r="B18261" s="6"/>
      <c r="C18261" s="6" t="s">
        <v>18293</v>
      </c>
      <c r="D18261" s="6"/>
      <c r="E18261" s="6" t="s">
        <v>9</v>
      </c>
      <c r="F18261" s="7">
        <v>38657</v>
      </c>
      <c r="G18261" s="8">
        <v>1</v>
      </c>
      <c r="H18261" s="8">
        <v>1</v>
      </c>
      <c r="I18261" s="8">
        <v>0</v>
      </c>
      <c r="J18261" s="8">
        <v>1</v>
      </c>
      <c r="K18261" s="9">
        <v>0.45</v>
      </c>
      <c r="L18261" s="6" t="s">
        <v>51</v>
      </c>
    </row>
    <row r="18262" spans="1:12">
      <c r="A18262" s="6" t="s">
        <v>17224</v>
      </c>
      <c r="B18262" s="6"/>
      <c r="C18262" s="6" t="s">
        <v>18294</v>
      </c>
      <c r="D18262" s="6"/>
      <c r="E18262" s="6" t="s">
        <v>9</v>
      </c>
      <c r="F18262" s="7">
        <v>38657</v>
      </c>
      <c r="G18262" s="8">
        <v>1</v>
      </c>
      <c r="H18262" s="8">
        <v>1</v>
      </c>
      <c r="I18262" s="8">
        <v>0</v>
      </c>
      <c r="J18262" s="8">
        <v>1</v>
      </c>
      <c r="K18262" s="9">
        <v>84</v>
      </c>
      <c r="L18262" s="6" t="s">
        <v>51</v>
      </c>
    </row>
    <row r="18263" spans="1:12">
      <c r="A18263" s="6" t="s">
        <v>17224</v>
      </c>
      <c r="B18263" s="6"/>
      <c r="C18263" s="6" t="s">
        <v>18295</v>
      </c>
      <c r="D18263" s="6"/>
      <c r="E18263" s="6" t="s">
        <v>9</v>
      </c>
      <c r="F18263" s="7">
        <v>38657</v>
      </c>
      <c r="G18263" s="8">
        <v>1</v>
      </c>
      <c r="H18263" s="8">
        <v>1</v>
      </c>
      <c r="I18263" s="8">
        <v>0</v>
      </c>
      <c r="J18263" s="8">
        <v>1</v>
      </c>
      <c r="K18263" s="9">
        <v>49</v>
      </c>
      <c r="L18263" s="6" t="s">
        <v>51</v>
      </c>
    </row>
    <row r="18264" spans="1:12">
      <c r="A18264" s="6" t="s">
        <v>17224</v>
      </c>
      <c r="B18264" s="6"/>
      <c r="C18264" s="6" t="s">
        <v>18296</v>
      </c>
      <c r="D18264" s="6"/>
      <c r="E18264" s="6" t="s">
        <v>9</v>
      </c>
      <c r="F18264" s="7">
        <v>38657</v>
      </c>
      <c r="G18264" s="8">
        <v>1</v>
      </c>
      <c r="H18264" s="8">
        <v>1</v>
      </c>
      <c r="I18264" s="8">
        <v>0</v>
      </c>
      <c r="J18264" s="8">
        <v>1</v>
      </c>
      <c r="K18264" s="9">
        <v>103</v>
      </c>
      <c r="L18264" s="6" t="s">
        <v>51</v>
      </c>
    </row>
    <row r="18265" spans="1:12">
      <c r="A18265" s="6" t="s">
        <v>17224</v>
      </c>
      <c r="B18265" s="6"/>
      <c r="C18265" s="6" t="s">
        <v>18297</v>
      </c>
      <c r="D18265" s="6"/>
      <c r="E18265" s="6" t="s">
        <v>9</v>
      </c>
      <c r="F18265" s="7">
        <v>38657</v>
      </c>
      <c r="G18265" s="8">
        <v>1</v>
      </c>
      <c r="H18265" s="8">
        <v>1</v>
      </c>
      <c r="I18265" s="8">
        <v>0</v>
      </c>
      <c r="J18265" s="8">
        <v>1</v>
      </c>
      <c r="K18265" s="9">
        <v>63</v>
      </c>
      <c r="L18265" s="6" t="s">
        <v>51</v>
      </c>
    </row>
    <row r="18266" spans="1:12">
      <c r="A18266" s="6" t="s">
        <v>17224</v>
      </c>
      <c r="B18266" s="6"/>
      <c r="C18266" s="6" t="s">
        <v>18298</v>
      </c>
      <c r="D18266" s="6"/>
      <c r="E18266" s="6" t="s">
        <v>9</v>
      </c>
      <c r="F18266" s="7">
        <v>38657</v>
      </c>
      <c r="G18266" s="8">
        <v>1</v>
      </c>
      <c r="H18266" s="8">
        <v>1</v>
      </c>
      <c r="I18266" s="8">
        <v>0</v>
      </c>
      <c r="J18266" s="8">
        <v>1</v>
      </c>
      <c r="K18266" s="9">
        <v>24</v>
      </c>
      <c r="L18266" s="6" t="s">
        <v>51</v>
      </c>
    </row>
    <row r="18267" spans="1:12">
      <c r="A18267" s="6" t="s">
        <v>17224</v>
      </c>
      <c r="B18267" s="6"/>
      <c r="C18267" s="6" t="s">
        <v>18299</v>
      </c>
      <c r="D18267" s="6"/>
      <c r="E18267" s="6" t="s">
        <v>9</v>
      </c>
      <c r="F18267" s="7">
        <v>38657</v>
      </c>
      <c r="G18267" s="8">
        <v>1</v>
      </c>
      <c r="H18267" s="8">
        <v>1</v>
      </c>
      <c r="I18267" s="8">
        <v>0</v>
      </c>
      <c r="J18267" s="8">
        <v>1</v>
      </c>
      <c r="K18267" s="9">
        <v>49</v>
      </c>
      <c r="L18267" s="6" t="s">
        <v>51</v>
      </c>
    </row>
    <row r="18268" spans="1:12">
      <c r="A18268" s="6" t="s">
        <v>17224</v>
      </c>
      <c r="B18268" s="6"/>
      <c r="C18268" s="6" t="s">
        <v>18300</v>
      </c>
      <c r="D18268" s="6"/>
      <c r="E18268" s="6" t="s">
        <v>9</v>
      </c>
      <c r="F18268" s="7">
        <v>38657</v>
      </c>
      <c r="G18268" s="8">
        <v>1</v>
      </c>
      <c r="H18268" s="8">
        <v>1</v>
      </c>
      <c r="I18268" s="8">
        <v>0</v>
      </c>
      <c r="J18268" s="8">
        <v>1</v>
      </c>
      <c r="K18268" s="9">
        <v>20</v>
      </c>
      <c r="L18268" s="6" t="s">
        <v>51</v>
      </c>
    </row>
    <row r="18269" spans="1:12">
      <c r="A18269" s="6" t="s">
        <v>17224</v>
      </c>
      <c r="B18269" s="6"/>
      <c r="C18269" s="6" t="s">
        <v>18301</v>
      </c>
      <c r="D18269" s="6"/>
      <c r="E18269" s="6" t="s">
        <v>9</v>
      </c>
      <c r="F18269" s="7">
        <v>38657</v>
      </c>
      <c r="G18269" s="8">
        <v>1</v>
      </c>
      <c r="H18269" s="8">
        <v>1</v>
      </c>
      <c r="I18269" s="8">
        <v>0</v>
      </c>
      <c r="J18269" s="8">
        <v>1</v>
      </c>
      <c r="K18269" s="9">
        <v>270</v>
      </c>
      <c r="L18269" s="6" t="s">
        <v>51</v>
      </c>
    </row>
    <row r="18270" spans="1:12">
      <c r="A18270" s="6" t="s">
        <v>17224</v>
      </c>
      <c r="B18270" s="6"/>
      <c r="C18270" s="6" t="s">
        <v>18302</v>
      </c>
      <c r="D18270" s="6"/>
      <c r="E18270" s="6" t="s">
        <v>9</v>
      </c>
      <c r="F18270" s="7">
        <v>38657</v>
      </c>
      <c r="G18270" s="8">
        <v>1</v>
      </c>
      <c r="H18270" s="8">
        <v>1</v>
      </c>
      <c r="I18270" s="8">
        <v>0</v>
      </c>
      <c r="J18270" s="8">
        <v>1</v>
      </c>
      <c r="K18270" s="9">
        <v>14</v>
      </c>
      <c r="L18270" s="6" t="s">
        <v>51</v>
      </c>
    </row>
    <row r="18271" spans="1:12">
      <c r="A18271" s="6" t="s">
        <v>17224</v>
      </c>
      <c r="B18271" s="6"/>
      <c r="C18271" s="6" t="s">
        <v>18303</v>
      </c>
      <c r="D18271" s="6"/>
      <c r="E18271" s="6" t="s">
        <v>9</v>
      </c>
      <c r="F18271" s="7">
        <v>38657</v>
      </c>
      <c r="G18271" s="8">
        <v>1</v>
      </c>
      <c r="H18271" s="8">
        <v>1</v>
      </c>
      <c r="I18271" s="8">
        <v>0</v>
      </c>
      <c r="J18271" s="8">
        <v>1</v>
      </c>
      <c r="K18271" s="9">
        <v>206</v>
      </c>
      <c r="L18271" s="6" t="s">
        <v>51</v>
      </c>
    </row>
    <row r="18272" spans="1:12">
      <c r="A18272" s="6" t="s">
        <v>17224</v>
      </c>
      <c r="B18272" s="6"/>
      <c r="C18272" s="6" t="s">
        <v>18304</v>
      </c>
      <c r="D18272" s="6"/>
      <c r="E18272" s="6" t="s">
        <v>9</v>
      </c>
      <c r="F18272" s="7">
        <v>38657</v>
      </c>
      <c r="G18272" s="8">
        <v>1</v>
      </c>
      <c r="H18272" s="8">
        <v>1</v>
      </c>
      <c r="I18272" s="8">
        <v>0</v>
      </c>
      <c r="J18272" s="8">
        <v>1</v>
      </c>
      <c r="K18272" s="9">
        <v>24</v>
      </c>
      <c r="L18272" s="6" t="s">
        <v>51</v>
      </c>
    </row>
    <row r="18273" spans="1:12">
      <c r="A18273" s="6" t="s">
        <v>17224</v>
      </c>
      <c r="B18273" s="6"/>
      <c r="C18273" s="6" t="s">
        <v>18305</v>
      </c>
      <c r="D18273" s="6"/>
      <c r="E18273" s="6" t="s">
        <v>9</v>
      </c>
      <c r="F18273" s="7">
        <v>38657</v>
      </c>
      <c r="G18273" s="8">
        <v>1</v>
      </c>
      <c r="H18273" s="8">
        <v>1</v>
      </c>
      <c r="I18273" s="8">
        <v>0</v>
      </c>
      <c r="J18273" s="8">
        <v>1</v>
      </c>
      <c r="K18273" s="9">
        <v>2.96</v>
      </c>
      <c r="L18273" s="6" t="s">
        <v>51</v>
      </c>
    </row>
    <row r="18274" spans="1:12">
      <c r="A18274" s="6" t="s">
        <v>17224</v>
      </c>
      <c r="B18274" s="6"/>
      <c r="C18274" s="6" t="s">
        <v>18306</v>
      </c>
      <c r="D18274" s="6"/>
      <c r="E18274" s="6" t="s">
        <v>9</v>
      </c>
      <c r="F18274" s="7">
        <v>38657</v>
      </c>
      <c r="G18274" s="8">
        <v>1</v>
      </c>
      <c r="H18274" s="8">
        <v>1</v>
      </c>
      <c r="I18274" s="8">
        <v>0</v>
      </c>
      <c r="J18274" s="8">
        <v>1</v>
      </c>
      <c r="K18274" s="9">
        <v>20.399999999999899</v>
      </c>
      <c r="L18274" s="6" t="s">
        <v>51</v>
      </c>
    </row>
    <row r="18275" spans="1:12">
      <c r="A18275" s="6" t="s">
        <v>17224</v>
      </c>
      <c r="B18275" s="6"/>
      <c r="C18275" s="6" t="s">
        <v>18307</v>
      </c>
      <c r="D18275" s="6"/>
      <c r="E18275" s="6" t="s">
        <v>9</v>
      </c>
      <c r="F18275" s="7">
        <v>38657</v>
      </c>
      <c r="G18275" s="8">
        <v>1</v>
      </c>
      <c r="H18275" s="8">
        <v>1</v>
      </c>
      <c r="I18275" s="8">
        <v>0</v>
      </c>
      <c r="J18275" s="8">
        <v>1</v>
      </c>
      <c r="K18275" s="9">
        <v>0.72</v>
      </c>
      <c r="L18275" s="6" t="s">
        <v>51</v>
      </c>
    </row>
    <row r="18276" spans="1:12">
      <c r="A18276" s="6" t="s">
        <v>17224</v>
      </c>
      <c r="B18276" s="6"/>
      <c r="C18276" s="6" t="s">
        <v>18308</v>
      </c>
      <c r="D18276" s="6"/>
      <c r="E18276" s="6" t="s">
        <v>9</v>
      </c>
      <c r="F18276" s="7">
        <v>38657</v>
      </c>
      <c r="G18276" s="8">
        <v>1</v>
      </c>
      <c r="H18276" s="8">
        <v>1</v>
      </c>
      <c r="I18276" s="8">
        <v>0</v>
      </c>
      <c r="J18276" s="8">
        <v>1</v>
      </c>
      <c r="K18276" s="9">
        <v>22</v>
      </c>
      <c r="L18276" s="6" t="s">
        <v>51</v>
      </c>
    </row>
    <row r="18277" spans="1:12">
      <c r="A18277" s="6" t="s">
        <v>17224</v>
      </c>
      <c r="B18277" s="6"/>
      <c r="C18277" s="6" t="s">
        <v>18309</v>
      </c>
      <c r="D18277" s="6"/>
      <c r="E18277" s="6" t="s">
        <v>9</v>
      </c>
      <c r="F18277" s="7">
        <v>38657</v>
      </c>
      <c r="G18277" s="8">
        <v>1</v>
      </c>
      <c r="H18277" s="8">
        <v>1</v>
      </c>
      <c r="I18277" s="8">
        <v>0</v>
      </c>
      <c r="J18277" s="8">
        <v>1</v>
      </c>
      <c r="K18277" s="9">
        <v>2.42</v>
      </c>
      <c r="L18277" s="6" t="s">
        <v>51</v>
      </c>
    </row>
    <row r="18278" spans="1:12">
      <c r="A18278" s="6" t="s">
        <v>17224</v>
      </c>
      <c r="B18278" s="6"/>
      <c r="C18278" s="6" t="s">
        <v>18310</v>
      </c>
      <c r="D18278" s="6"/>
      <c r="E18278" s="6" t="s">
        <v>9</v>
      </c>
      <c r="F18278" s="7">
        <v>38657</v>
      </c>
      <c r="G18278" s="8">
        <v>1</v>
      </c>
      <c r="H18278" s="8">
        <v>1</v>
      </c>
      <c r="I18278" s="8">
        <v>0</v>
      </c>
      <c r="J18278" s="8">
        <v>1</v>
      </c>
      <c r="K18278" s="9">
        <v>12</v>
      </c>
      <c r="L18278" s="6" t="s">
        <v>51</v>
      </c>
    </row>
    <row r="18279" spans="1:12">
      <c r="A18279" s="6" t="s">
        <v>17224</v>
      </c>
      <c r="B18279" s="6"/>
      <c r="C18279" s="6" t="s">
        <v>18311</v>
      </c>
      <c r="D18279" s="6"/>
      <c r="E18279" s="6" t="s">
        <v>9</v>
      </c>
      <c r="F18279" s="7">
        <v>38657</v>
      </c>
      <c r="G18279" s="8">
        <v>1</v>
      </c>
      <c r="H18279" s="8">
        <v>1</v>
      </c>
      <c r="I18279" s="8">
        <v>0</v>
      </c>
      <c r="J18279" s="8">
        <v>1</v>
      </c>
      <c r="K18279" s="9">
        <v>13</v>
      </c>
      <c r="L18279" s="6" t="s">
        <v>51</v>
      </c>
    </row>
    <row r="18280" spans="1:12">
      <c r="A18280" s="6" t="s">
        <v>17224</v>
      </c>
      <c r="B18280" s="6"/>
      <c r="C18280" s="6" t="s">
        <v>18312</v>
      </c>
      <c r="D18280" s="6"/>
      <c r="E18280" s="6" t="s">
        <v>9</v>
      </c>
      <c r="F18280" s="7">
        <v>38657</v>
      </c>
      <c r="G18280" s="8">
        <v>1</v>
      </c>
      <c r="H18280" s="8">
        <v>1</v>
      </c>
      <c r="I18280" s="8">
        <v>0</v>
      </c>
      <c r="J18280" s="8">
        <v>1</v>
      </c>
      <c r="K18280" s="9">
        <v>40</v>
      </c>
      <c r="L18280" s="6" t="s">
        <v>51</v>
      </c>
    </row>
    <row r="18281" spans="1:12">
      <c r="A18281" s="6" t="s">
        <v>17224</v>
      </c>
      <c r="B18281" s="6"/>
      <c r="C18281" s="6" t="s">
        <v>18313</v>
      </c>
      <c r="D18281" s="6"/>
      <c r="E18281" s="6" t="s">
        <v>9</v>
      </c>
      <c r="F18281" s="7">
        <v>38657</v>
      </c>
      <c r="G18281" s="8">
        <v>1</v>
      </c>
      <c r="H18281" s="8">
        <v>1</v>
      </c>
      <c r="I18281" s="8">
        <v>0</v>
      </c>
      <c r="J18281" s="8">
        <v>1</v>
      </c>
      <c r="K18281" s="9">
        <v>12</v>
      </c>
      <c r="L18281" s="6" t="s">
        <v>51</v>
      </c>
    </row>
    <row r="18282" spans="1:12">
      <c r="A18282" s="6" t="s">
        <v>17224</v>
      </c>
      <c r="B18282" s="6"/>
      <c r="C18282" s="6" t="s">
        <v>18314</v>
      </c>
      <c r="D18282" s="6"/>
      <c r="E18282" s="6" t="s">
        <v>9</v>
      </c>
      <c r="F18282" s="7">
        <v>38657</v>
      </c>
      <c r="G18282" s="8">
        <v>1</v>
      </c>
      <c r="H18282" s="8">
        <v>1</v>
      </c>
      <c r="I18282" s="8">
        <v>0</v>
      </c>
      <c r="J18282" s="8">
        <v>1</v>
      </c>
      <c r="K18282" s="9">
        <v>48</v>
      </c>
      <c r="L18282" s="6" t="s">
        <v>51</v>
      </c>
    </row>
    <row r="18283" spans="1:12">
      <c r="A18283" s="6" t="s">
        <v>17224</v>
      </c>
      <c r="B18283" s="6"/>
      <c r="C18283" s="6" t="s">
        <v>18315</v>
      </c>
      <c r="D18283" s="6"/>
      <c r="E18283" s="6" t="s">
        <v>9</v>
      </c>
      <c r="F18283" s="7">
        <v>38657</v>
      </c>
      <c r="G18283" s="8">
        <v>1</v>
      </c>
      <c r="H18283" s="8">
        <v>1</v>
      </c>
      <c r="I18283" s="8">
        <v>0</v>
      </c>
      <c r="J18283" s="8">
        <v>1</v>
      </c>
      <c r="K18283" s="9">
        <v>152.88</v>
      </c>
      <c r="L18283" s="6" t="s">
        <v>51</v>
      </c>
    </row>
    <row r="18284" spans="1:12">
      <c r="A18284" s="6" t="s">
        <v>17224</v>
      </c>
      <c r="B18284" s="6"/>
      <c r="C18284" s="6" t="s">
        <v>18316</v>
      </c>
      <c r="D18284" s="6"/>
      <c r="E18284" s="6" t="s">
        <v>9</v>
      </c>
      <c r="F18284" s="7">
        <v>38657</v>
      </c>
      <c r="G18284" s="8">
        <v>1</v>
      </c>
      <c r="H18284" s="8">
        <v>1</v>
      </c>
      <c r="I18284" s="8">
        <v>0</v>
      </c>
      <c r="J18284" s="8">
        <v>1</v>
      </c>
      <c r="K18284" s="9">
        <v>107</v>
      </c>
      <c r="L18284" s="6" t="s">
        <v>51</v>
      </c>
    </row>
    <row r="18285" spans="1:12">
      <c r="A18285" s="6" t="s">
        <v>17224</v>
      </c>
      <c r="B18285" s="6"/>
      <c r="C18285" s="6" t="s">
        <v>18317</v>
      </c>
      <c r="D18285" s="6"/>
      <c r="E18285" s="6" t="s">
        <v>9</v>
      </c>
      <c r="F18285" s="7">
        <v>38657</v>
      </c>
      <c r="G18285" s="8">
        <v>1</v>
      </c>
      <c r="H18285" s="8">
        <v>1</v>
      </c>
      <c r="I18285" s="8">
        <v>0</v>
      </c>
      <c r="J18285" s="8">
        <v>1</v>
      </c>
      <c r="K18285" s="9">
        <v>89</v>
      </c>
      <c r="L18285" s="6" t="s">
        <v>51</v>
      </c>
    </row>
    <row r="18286" spans="1:12">
      <c r="A18286" s="6" t="s">
        <v>17224</v>
      </c>
      <c r="B18286" s="6"/>
      <c r="C18286" s="6" t="s">
        <v>18318</v>
      </c>
      <c r="D18286" s="6"/>
      <c r="E18286" s="6" t="s">
        <v>9</v>
      </c>
      <c r="F18286" s="7">
        <v>38657</v>
      </c>
      <c r="G18286" s="8">
        <v>1</v>
      </c>
      <c r="H18286" s="8">
        <v>1</v>
      </c>
      <c r="I18286" s="8">
        <v>0</v>
      </c>
      <c r="J18286" s="8">
        <v>1</v>
      </c>
      <c r="K18286" s="9">
        <v>8.4499999999999904</v>
      </c>
      <c r="L18286" s="6" t="s">
        <v>51</v>
      </c>
    </row>
    <row r="18287" spans="1:12">
      <c r="A18287" s="6" t="s">
        <v>17224</v>
      </c>
      <c r="B18287" s="6"/>
      <c r="C18287" s="6" t="s">
        <v>18319</v>
      </c>
      <c r="D18287" s="6"/>
      <c r="E18287" s="6" t="s">
        <v>9</v>
      </c>
      <c r="F18287" s="7">
        <v>38657</v>
      </c>
      <c r="G18287" s="8">
        <v>1</v>
      </c>
      <c r="H18287" s="8">
        <v>1</v>
      </c>
      <c r="I18287" s="8">
        <v>0</v>
      </c>
      <c r="J18287" s="8">
        <v>1</v>
      </c>
      <c r="K18287" s="9">
        <v>60</v>
      </c>
      <c r="L18287" s="6" t="s">
        <v>51</v>
      </c>
    </row>
    <row r="18288" spans="1:12">
      <c r="A18288" s="6" t="s">
        <v>17224</v>
      </c>
      <c r="B18288" s="6"/>
      <c r="C18288" s="6" t="s">
        <v>18320</v>
      </c>
      <c r="D18288" s="6"/>
      <c r="E18288" s="6" t="s">
        <v>9</v>
      </c>
      <c r="F18288" s="7">
        <v>38657</v>
      </c>
      <c r="G18288" s="8">
        <v>1</v>
      </c>
      <c r="H18288" s="8">
        <v>1</v>
      </c>
      <c r="I18288" s="8">
        <v>0</v>
      </c>
      <c r="J18288" s="8">
        <v>1</v>
      </c>
      <c r="K18288" s="9">
        <v>67</v>
      </c>
      <c r="L18288" s="6" t="s">
        <v>51</v>
      </c>
    </row>
    <row r="18289" spans="1:12">
      <c r="A18289" s="6" t="s">
        <v>17224</v>
      </c>
      <c r="B18289" s="6"/>
      <c r="C18289" s="6" t="s">
        <v>18321</v>
      </c>
      <c r="D18289" s="6"/>
      <c r="E18289" s="6" t="s">
        <v>9</v>
      </c>
      <c r="F18289" s="7">
        <v>38657</v>
      </c>
      <c r="G18289" s="8">
        <v>1</v>
      </c>
      <c r="H18289" s="8">
        <v>1</v>
      </c>
      <c r="I18289" s="8">
        <v>0</v>
      </c>
      <c r="J18289" s="8">
        <v>1</v>
      </c>
      <c r="K18289" s="9">
        <v>156</v>
      </c>
      <c r="L18289" s="6" t="s">
        <v>51</v>
      </c>
    </row>
    <row r="18290" spans="1:12">
      <c r="A18290" s="6" t="s">
        <v>17224</v>
      </c>
      <c r="B18290" s="6"/>
      <c r="C18290" s="6" t="s">
        <v>18322</v>
      </c>
      <c r="D18290" s="6"/>
      <c r="E18290" s="6" t="s">
        <v>9</v>
      </c>
      <c r="F18290" s="7">
        <v>38657</v>
      </c>
      <c r="G18290" s="8">
        <v>1</v>
      </c>
      <c r="H18290" s="8">
        <v>1</v>
      </c>
      <c r="I18290" s="8">
        <v>0</v>
      </c>
      <c r="J18290" s="8">
        <v>1</v>
      </c>
      <c r="K18290" s="9">
        <v>76</v>
      </c>
      <c r="L18290" s="6" t="s">
        <v>51</v>
      </c>
    </row>
    <row r="18291" spans="1:12">
      <c r="A18291" s="6" t="s">
        <v>17224</v>
      </c>
      <c r="B18291" s="6"/>
      <c r="C18291" s="6" t="s">
        <v>18323</v>
      </c>
      <c r="D18291" s="6"/>
      <c r="E18291" s="6" t="s">
        <v>9</v>
      </c>
      <c r="F18291" s="7">
        <v>38657</v>
      </c>
      <c r="G18291" s="8">
        <v>1</v>
      </c>
      <c r="H18291" s="8">
        <v>1</v>
      </c>
      <c r="I18291" s="8">
        <v>0</v>
      </c>
      <c r="J18291" s="8">
        <v>1</v>
      </c>
      <c r="K18291" s="9">
        <v>128</v>
      </c>
      <c r="L18291" s="6" t="s">
        <v>51</v>
      </c>
    </row>
    <row r="18292" spans="1:12">
      <c r="A18292" s="6" t="s">
        <v>17224</v>
      </c>
      <c r="B18292" s="6"/>
      <c r="C18292" s="6" t="s">
        <v>18324</v>
      </c>
      <c r="D18292" s="6"/>
      <c r="E18292" s="6" t="s">
        <v>9</v>
      </c>
      <c r="F18292" s="7">
        <v>38657</v>
      </c>
      <c r="G18292" s="8">
        <v>1</v>
      </c>
      <c r="H18292" s="8">
        <v>1</v>
      </c>
      <c r="I18292" s="8">
        <v>0</v>
      </c>
      <c r="J18292" s="8">
        <v>1</v>
      </c>
      <c r="K18292" s="9">
        <v>370</v>
      </c>
      <c r="L18292" s="6" t="s">
        <v>51</v>
      </c>
    </row>
    <row r="18293" spans="1:12">
      <c r="A18293" s="6" t="s">
        <v>17224</v>
      </c>
      <c r="B18293" s="6"/>
      <c r="C18293" s="6" t="s">
        <v>18325</v>
      </c>
      <c r="D18293" s="6"/>
      <c r="E18293" s="6" t="s">
        <v>9</v>
      </c>
      <c r="F18293" s="7">
        <v>38657</v>
      </c>
      <c r="G18293" s="8">
        <v>1</v>
      </c>
      <c r="H18293" s="8">
        <v>1</v>
      </c>
      <c r="I18293" s="8">
        <v>0</v>
      </c>
      <c r="J18293" s="8">
        <v>1</v>
      </c>
      <c r="K18293" s="9">
        <v>625</v>
      </c>
      <c r="L18293" s="6" t="s">
        <v>51</v>
      </c>
    </row>
    <row r="18294" spans="1:12">
      <c r="A18294" s="6" t="s">
        <v>17224</v>
      </c>
      <c r="B18294" s="6"/>
      <c r="C18294" s="6" t="s">
        <v>18326</v>
      </c>
      <c r="D18294" s="6"/>
      <c r="E18294" s="6" t="s">
        <v>9</v>
      </c>
      <c r="F18294" s="7">
        <v>38657</v>
      </c>
      <c r="G18294" s="8">
        <v>1</v>
      </c>
      <c r="H18294" s="8">
        <v>1</v>
      </c>
      <c r="I18294" s="8">
        <v>0</v>
      </c>
      <c r="J18294" s="8">
        <v>1</v>
      </c>
      <c r="K18294" s="9">
        <v>1053</v>
      </c>
      <c r="L18294" s="6" t="s">
        <v>51</v>
      </c>
    </row>
    <row r="18295" spans="1:12">
      <c r="A18295" s="6" t="s">
        <v>17224</v>
      </c>
      <c r="B18295" s="6"/>
      <c r="C18295" s="6" t="s">
        <v>18327</v>
      </c>
      <c r="D18295" s="6"/>
      <c r="E18295" s="6" t="s">
        <v>9</v>
      </c>
      <c r="F18295" s="7">
        <v>38657</v>
      </c>
      <c r="G18295" s="8">
        <v>1</v>
      </c>
      <c r="H18295" s="8">
        <v>1</v>
      </c>
      <c r="I18295" s="8">
        <v>0</v>
      </c>
      <c r="J18295" s="8">
        <v>1</v>
      </c>
      <c r="K18295" s="9">
        <v>716</v>
      </c>
      <c r="L18295" s="6" t="s">
        <v>51</v>
      </c>
    </row>
    <row r="18296" spans="1:12">
      <c r="A18296" s="6" t="s">
        <v>17224</v>
      </c>
      <c r="B18296" s="6"/>
      <c r="C18296" s="6" t="s">
        <v>18328</v>
      </c>
      <c r="D18296" s="6"/>
      <c r="E18296" s="6" t="s">
        <v>9</v>
      </c>
      <c r="F18296" s="7">
        <v>38657</v>
      </c>
      <c r="G18296" s="8">
        <v>1</v>
      </c>
      <c r="H18296" s="8">
        <v>1</v>
      </c>
      <c r="I18296" s="8">
        <v>0</v>
      </c>
      <c r="J18296" s="8">
        <v>1</v>
      </c>
      <c r="K18296" s="9">
        <v>685</v>
      </c>
      <c r="L18296" s="6" t="s">
        <v>51</v>
      </c>
    </row>
    <row r="18297" spans="1:12">
      <c r="A18297" s="6" t="s">
        <v>17224</v>
      </c>
      <c r="B18297" s="6"/>
      <c r="C18297" s="6" t="s">
        <v>18329</v>
      </c>
      <c r="D18297" s="6"/>
      <c r="E18297" s="6" t="s">
        <v>9</v>
      </c>
      <c r="F18297" s="7">
        <v>38657</v>
      </c>
      <c r="G18297" s="8">
        <v>1</v>
      </c>
      <c r="H18297" s="8">
        <v>1</v>
      </c>
      <c r="I18297" s="8">
        <v>0</v>
      </c>
      <c r="J18297" s="8">
        <v>1</v>
      </c>
      <c r="K18297" s="9">
        <v>496</v>
      </c>
      <c r="L18297" s="6" t="s">
        <v>51</v>
      </c>
    </row>
    <row r="18298" spans="1:12">
      <c r="A18298" s="6" t="s">
        <v>17224</v>
      </c>
      <c r="B18298" s="6"/>
      <c r="C18298" s="6" t="s">
        <v>18330</v>
      </c>
      <c r="D18298" s="6"/>
      <c r="E18298" s="6" t="s">
        <v>9</v>
      </c>
      <c r="F18298" s="7">
        <v>38657</v>
      </c>
      <c r="G18298" s="8">
        <v>1</v>
      </c>
      <c r="H18298" s="8">
        <v>1</v>
      </c>
      <c r="I18298" s="8">
        <v>0</v>
      </c>
      <c r="J18298" s="8">
        <v>1</v>
      </c>
      <c r="K18298" s="9">
        <v>556</v>
      </c>
      <c r="L18298" s="6" t="s">
        <v>51</v>
      </c>
    </row>
    <row r="18299" spans="1:12">
      <c r="A18299" s="6" t="s">
        <v>17224</v>
      </c>
      <c r="B18299" s="6"/>
      <c r="C18299" s="6" t="s">
        <v>18331</v>
      </c>
      <c r="D18299" s="6"/>
      <c r="E18299" s="6" t="s">
        <v>9</v>
      </c>
      <c r="F18299" s="7">
        <v>38657</v>
      </c>
      <c r="G18299" s="8">
        <v>1</v>
      </c>
      <c r="H18299" s="8">
        <v>1</v>
      </c>
      <c r="I18299" s="8">
        <v>0</v>
      </c>
      <c r="J18299" s="8">
        <v>1</v>
      </c>
      <c r="K18299" s="9">
        <v>4963</v>
      </c>
      <c r="L18299" s="6" t="s">
        <v>51</v>
      </c>
    </row>
    <row r="18300" spans="1:12">
      <c r="A18300" s="6" t="s">
        <v>17224</v>
      </c>
      <c r="B18300" s="6"/>
      <c r="C18300" s="6" t="s">
        <v>18332</v>
      </c>
      <c r="D18300" s="6"/>
      <c r="E18300" s="6" t="s">
        <v>9</v>
      </c>
      <c r="F18300" s="7">
        <v>38657</v>
      </c>
      <c r="G18300" s="8">
        <v>1</v>
      </c>
      <c r="H18300" s="8">
        <v>1</v>
      </c>
      <c r="I18300" s="8">
        <v>0</v>
      </c>
      <c r="J18300" s="8">
        <v>1</v>
      </c>
      <c r="K18300" s="9">
        <v>557</v>
      </c>
      <c r="L18300" s="6" t="s">
        <v>51</v>
      </c>
    </row>
    <row r="18301" spans="1:12">
      <c r="A18301" s="6" t="s">
        <v>17224</v>
      </c>
      <c r="B18301" s="6"/>
      <c r="C18301" s="6" t="s">
        <v>18333</v>
      </c>
      <c r="D18301" s="6"/>
      <c r="E18301" s="6" t="s">
        <v>9</v>
      </c>
      <c r="F18301" s="7">
        <v>38657</v>
      </c>
      <c r="G18301" s="8">
        <v>1</v>
      </c>
      <c r="H18301" s="8">
        <v>1</v>
      </c>
      <c r="I18301" s="8">
        <v>0</v>
      </c>
      <c r="J18301" s="8">
        <v>1</v>
      </c>
      <c r="K18301" s="9">
        <v>258</v>
      </c>
      <c r="L18301" s="6" t="s">
        <v>51</v>
      </c>
    </row>
    <row r="18302" spans="1:12">
      <c r="A18302" s="6" t="s">
        <v>17224</v>
      </c>
      <c r="B18302" s="6"/>
      <c r="C18302" s="6" t="s">
        <v>18334</v>
      </c>
      <c r="D18302" s="6"/>
      <c r="E18302" s="6" t="s">
        <v>9</v>
      </c>
      <c r="F18302" s="7">
        <v>38657</v>
      </c>
      <c r="G18302" s="8">
        <v>1</v>
      </c>
      <c r="H18302" s="8">
        <v>1</v>
      </c>
      <c r="I18302" s="8">
        <v>0</v>
      </c>
      <c r="J18302" s="8">
        <v>1</v>
      </c>
      <c r="K18302" s="9">
        <v>82</v>
      </c>
      <c r="L18302" s="6" t="s">
        <v>51</v>
      </c>
    </row>
    <row r="18303" spans="1:12">
      <c r="A18303" s="6" t="s">
        <v>17224</v>
      </c>
      <c r="B18303" s="6"/>
      <c r="C18303" s="6" t="s">
        <v>18335</v>
      </c>
      <c r="D18303" s="6"/>
      <c r="E18303" s="6" t="s">
        <v>9</v>
      </c>
      <c r="F18303" s="7">
        <v>38657</v>
      </c>
      <c r="G18303" s="8">
        <v>1</v>
      </c>
      <c r="H18303" s="8">
        <v>1</v>
      </c>
      <c r="I18303" s="8">
        <v>0</v>
      </c>
      <c r="J18303" s="8">
        <v>1</v>
      </c>
      <c r="K18303" s="9">
        <v>1108</v>
      </c>
      <c r="L18303" s="6" t="s">
        <v>51</v>
      </c>
    </row>
    <row r="18304" spans="1:12">
      <c r="A18304" s="6" t="s">
        <v>17224</v>
      </c>
      <c r="B18304" s="6"/>
      <c r="C18304" s="6" t="s">
        <v>18336</v>
      </c>
      <c r="D18304" s="6"/>
      <c r="E18304" s="6" t="s">
        <v>9</v>
      </c>
      <c r="F18304" s="7">
        <v>38657</v>
      </c>
      <c r="G18304" s="8">
        <v>1</v>
      </c>
      <c r="H18304" s="8">
        <v>1</v>
      </c>
      <c r="I18304" s="8">
        <v>0</v>
      </c>
      <c r="J18304" s="8">
        <v>1</v>
      </c>
      <c r="K18304" s="9">
        <v>732</v>
      </c>
      <c r="L18304" s="6" t="s">
        <v>51</v>
      </c>
    </row>
    <row r="18305" spans="1:12">
      <c r="A18305" s="6" t="s">
        <v>17224</v>
      </c>
      <c r="B18305" s="6"/>
      <c r="C18305" s="6" t="s">
        <v>18337</v>
      </c>
      <c r="D18305" s="6"/>
      <c r="E18305" s="6" t="s">
        <v>9</v>
      </c>
      <c r="F18305" s="7">
        <v>38657</v>
      </c>
      <c r="G18305" s="8">
        <v>1</v>
      </c>
      <c r="H18305" s="8">
        <v>1</v>
      </c>
      <c r="I18305" s="8">
        <v>0</v>
      </c>
      <c r="J18305" s="8">
        <v>1</v>
      </c>
      <c r="K18305" s="9">
        <v>525</v>
      </c>
      <c r="L18305" s="6" t="s">
        <v>51</v>
      </c>
    </row>
    <row r="18306" spans="1:12">
      <c r="A18306" s="6" t="s">
        <v>17224</v>
      </c>
      <c r="B18306" s="6"/>
      <c r="C18306" s="6" t="s">
        <v>18338</v>
      </c>
      <c r="D18306" s="6"/>
      <c r="E18306" s="6" t="s">
        <v>9</v>
      </c>
      <c r="F18306" s="7">
        <v>38657</v>
      </c>
      <c r="G18306" s="8">
        <v>1</v>
      </c>
      <c r="H18306" s="8">
        <v>1</v>
      </c>
      <c r="I18306" s="8">
        <v>0</v>
      </c>
      <c r="J18306" s="8">
        <v>1</v>
      </c>
      <c r="K18306" s="9">
        <v>469</v>
      </c>
      <c r="L18306" s="6" t="s">
        <v>51</v>
      </c>
    </row>
    <row r="18307" spans="1:12">
      <c r="A18307" s="6" t="s">
        <v>17224</v>
      </c>
      <c r="B18307" s="6"/>
      <c r="C18307" s="6" t="s">
        <v>18339</v>
      </c>
      <c r="D18307" s="6"/>
      <c r="E18307" s="6" t="s">
        <v>9</v>
      </c>
      <c r="F18307" s="7">
        <v>38657</v>
      </c>
      <c r="G18307" s="8">
        <v>1</v>
      </c>
      <c r="H18307" s="8">
        <v>1</v>
      </c>
      <c r="I18307" s="8">
        <v>0</v>
      </c>
      <c r="J18307" s="8">
        <v>1</v>
      </c>
      <c r="K18307" s="9">
        <v>53</v>
      </c>
      <c r="L18307" s="6" t="s">
        <v>51</v>
      </c>
    </row>
    <row r="18308" spans="1:12">
      <c r="A18308" s="6" t="s">
        <v>17224</v>
      </c>
      <c r="B18308" s="6"/>
      <c r="C18308" s="6" t="s">
        <v>18340</v>
      </c>
      <c r="D18308" s="6"/>
      <c r="E18308" s="6" t="s">
        <v>9</v>
      </c>
      <c r="F18308" s="7">
        <v>38657</v>
      </c>
      <c r="G18308" s="8">
        <v>1</v>
      </c>
      <c r="H18308" s="8">
        <v>1</v>
      </c>
      <c r="I18308" s="8">
        <v>0</v>
      </c>
      <c r="J18308" s="8">
        <v>1</v>
      </c>
      <c r="K18308" s="9">
        <v>776</v>
      </c>
      <c r="L18308" s="6" t="s">
        <v>51</v>
      </c>
    </row>
    <row r="18309" spans="1:12">
      <c r="A18309" s="6" t="s">
        <v>17224</v>
      </c>
      <c r="B18309" s="6"/>
      <c r="C18309" s="6" t="s">
        <v>18341</v>
      </c>
      <c r="D18309" s="6"/>
      <c r="E18309" s="6" t="s">
        <v>9</v>
      </c>
      <c r="F18309" s="7">
        <v>38657</v>
      </c>
      <c r="G18309" s="8">
        <v>1</v>
      </c>
      <c r="H18309" s="8">
        <v>1</v>
      </c>
      <c r="I18309" s="8">
        <v>0</v>
      </c>
      <c r="J18309" s="8">
        <v>1</v>
      </c>
      <c r="K18309" s="9">
        <v>672</v>
      </c>
      <c r="L18309" s="6" t="s">
        <v>51</v>
      </c>
    </row>
    <row r="18310" spans="1:12">
      <c r="A18310" s="6" t="s">
        <v>17224</v>
      </c>
      <c r="B18310" s="6"/>
      <c r="C18310" s="6" t="s">
        <v>18342</v>
      </c>
      <c r="D18310" s="6"/>
      <c r="E18310" s="6" t="s">
        <v>9</v>
      </c>
      <c r="F18310" s="7">
        <v>38657</v>
      </c>
      <c r="G18310" s="8">
        <v>1</v>
      </c>
      <c r="H18310" s="8">
        <v>1</v>
      </c>
      <c r="I18310" s="8">
        <v>0</v>
      </c>
      <c r="J18310" s="8">
        <v>1</v>
      </c>
      <c r="K18310" s="9">
        <v>607</v>
      </c>
      <c r="L18310" s="6" t="s">
        <v>51</v>
      </c>
    </row>
    <row r="18311" spans="1:12">
      <c r="A18311" s="6" t="s">
        <v>17224</v>
      </c>
      <c r="B18311" s="6"/>
      <c r="C18311" s="6" t="s">
        <v>18343</v>
      </c>
      <c r="D18311" s="6"/>
      <c r="E18311" s="6" t="s">
        <v>9</v>
      </c>
      <c r="F18311" s="7">
        <v>38657</v>
      </c>
      <c r="G18311" s="8">
        <v>1</v>
      </c>
      <c r="H18311" s="8">
        <v>1</v>
      </c>
      <c r="I18311" s="8">
        <v>0</v>
      </c>
      <c r="J18311" s="8">
        <v>1</v>
      </c>
      <c r="K18311" s="9">
        <v>2538</v>
      </c>
      <c r="L18311" s="6" t="s">
        <v>51</v>
      </c>
    </row>
    <row r="18312" spans="1:12">
      <c r="A18312" s="6" t="s">
        <v>17224</v>
      </c>
      <c r="B18312" s="6"/>
      <c r="C18312" s="6" t="s">
        <v>18344</v>
      </c>
      <c r="D18312" s="6"/>
      <c r="E18312" s="6" t="s">
        <v>9</v>
      </c>
      <c r="F18312" s="7">
        <v>38657</v>
      </c>
      <c r="G18312" s="8">
        <v>1</v>
      </c>
      <c r="H18312" s="8">
        <v>1</v>
      </c>
      <c r="I18312" s="8">
        <v>0</v>
      </c>
      <c r="J18312" s="8">
        <v>1</v>
      </c>
      <c r="K18312" s="9">
        <v>1008</v>
      </c>
      <c r="L18312" s="6" t="s">
        <v>51</v>
      </c>
    </row>
    <row r="18313" spans="1:12">
      <c r="A18313" s="6" t="s">
        <v>17224</v>
      </c>
      <c r="B18313" s="6"/>
      <c r="C18313" s="6" t="s">
        <v>18345</v>
      </c>
      <c r="D18313" s="6"/>
      <c r="E18313" s="6" t="s">
        <v>9</v>
      </c>
      <c r="F18313" s="7">
        <v>38657</v>
      </c>
      <c r="G18313" s="8">
        <v>1</v>
      </c>
      <c r="H18313" s="8">
        <v>1</v>
      </c>
      <c r="I18313" s="8">
        <v>0</v>
      </c>
      <c r="J18313" s="8">
        <v>1</v>
      </c>
      <c r="K18313" s="9">
        <v>33</v>
      </c>
      <c r="L18313" s="6" t="s">
        <v>51</v>
      </c>
    </row>
    <row r="18314" spans="1:12">
      <c r="A18314" s="6" t="s">
        <v>17224</v>
      </c>
      <c r="B18314" s="6"/>
      <c r="C18314" s="6" t="s">
        <v>18346</v>
      </c>
      <c r="D18314" s="6"/>
      <c r="E18314" s="6" t="s">
        <v>9</v>
      </c>
      <c r="F18314" s="7">
        <v>38657</v>
      </c>
      <c r="G18314" s="8">
        <v>1</v>
      </c>
      <c r="H18314" s="8">
        <v>1</v>
      </c>
      <c r="I18314" s="8">
        <v>0</v>
      </c>
      <c r="J18314" s="8">
        <v>1</v>
      </c>
      <c r="K18314" s="9">
        <v>18</v>
      </c>
      <c r="L18314" s="6" t="s">
        <v>51</v>
      </c>
    </row>
    <row r="18315" spans="1:12">
      <c r="A18315" s="6" t="s">
        <v>17224</v>
      </c>
      <c r="B18315" s="6"/>
      <c r="C18315" s="6" t="s">
        <v>18347</v>
      </c>
      <c r="D18315" s="6"/>
      <c r="E18315" s="6" t="s">
        <v>9</v>
      </c>
      <c r="F18315" s="7">
        <v>38657</v>
      </c>
      <c r="G18315" s="8">
        <v>1</v>
      </c>
      <c r="H18315" s="8">
        <v>1</v>
      </c>
      <c r="I18315" s="8">
        <v>0</v>
      </c>
      <c r="J18315" s="8">
        <v>1</v>
      </c>
      <c r="K18315" s="9">
        <v>638</v>
      </c>
      <c r="L18315" s="6" t="s">
        <v>51</v>
      </c>
    </row>
    <row r="18316" spans="1:12">
      <c r="A18316" s="6" t="s">
        <v>17224</v>
      </c>
      <c r="B18316" s="6"/>
      <c r="C18316" s="6" t="s">
        <v>18348</v>
      </c>
      <c r="D18316" s="6"/>
      <c r="E18316" s="6" t="s">
        <v>9</v>
      </c>
      <c r="F18316" s="7">
        <v>38657</v>
      </c>
      <c r="G18316" s="8">
        <v>1</v>
      </c>
      <c r="H18316" s="8">
        <v>1</v>
      </c>
      <c r="I18316" s="8">
        <v>0</v>
      </c>
      <c r="J18316" s="8">
        <v>1</v>
      </c>
      <c r="K18316" s="9">
        <v>62</v>
      </c>
      <c r="L18316" s="6" t="s">
        <v>51</v>
      </c>
    </row>
    <row r="18317" spans="1:12">
      <c r="A18317" s="6" t="s">
        <v>17224</v>
      </c>
      <c r="B18317" s="6"/>
      <c r="C18317" s="6" t="s">
        <v>18349</v>
      </c>
      <c r="D18317" s="6"/>
      <c r="E18317" s="6" t="s">
        <v>9</v>
      </c>
      <c r="F18317" s="7">
        <v>38657</v>
      </c>
      <c r="G18317" s="8">
        <v>1</v>
      </c>
      <c r="H18317" s="8">
        <v>1</v>
      </c>
      <c r="I18317" s="8">
        <v>0</v>
      </c>
      <c r="J18317" s="8">
        <v>1</v>
      </c>
      <c r="K18317" s="9">
        <v>1083</v>
      </c>
      <c r="L18317" s="6" t="s">
        <v>51</v>
      </c>
    </row>
    <row r="18318" spans="1:12">
      <c r="A18318" s="6" t="s">
        <v>17224</v>
      </c>
      <c r="B18318" s="6"/>
      <c r="C18318" s="6" t="s">
        <v>18350</v>
      </c>
      <c r="D18318" s="6"/>
      <c r="E18318" s="6" t="s">
        <v>9</v>
      </c>
      <c r="F18318" s="7">
        <v>38657</v>
      </c>
      <c r="G18318" s="8">
        <v>1</v>
      </c>
      <c r="H18318" s="8">
        <v>1</v>
      </c>
      <c r="I18318" s="8">
        <v>0</v>
      </c>
      <c r="J18318" s="8">
        <v>1</v>
      </c>
      <c r="K18318" s="9">
        <v>355</v>
      </c>
      <c r="L18318" s="6" t="s">
        <v>51</v>
      </c>
    </row>
    <row r="18319" spans="1:12">
      <c r="A18319" s="6" t="s">
        <v>17224</v>
      </c>
      <c r="B18319" s="6"/>
      <c r="C18319" s="6" t="s">
        <v>18351</v>
      </c>
      <c r="D18319" s="6"/>
      <c r="E18319" s="6" t="s">
        <v>9</v>
      </c>
      <c r="F18319" s="7">
        <v>38657</v>
      </c>
      <c r="G18319" s="8">
        <v>1</v>
      </c>
      <c r="H18319" s="8">
        <v>1</v>
      </c>
      <c r="I18319" s="8">
        <v>0</v>
      </c>
      <c r="J18319" s="8">
        <v>1</v>
      </c>
      <c r="K18319" s="9">
        <v>518</v>
      </c>
      <c r="L18319" s="6" t="s">
        <v>51</v>
      </c>
    </row>
    <row r="18320" spans="1:12">
      <c r="A18320" s="6" t="s">
        <v>17224</v>
      </c>
      <c r="B18320" s="6"/>
      <c r="C18320" s="6" t="s">
        <v>18352</v>
      </c>
      <c r="D18320" s="6"/>
      <c r="E18320" s="6" t="s">
        <v>9</v>
      </c>
      <c r="F18320" s="7">
        <v>38657</v>
      </c>
      <c r="G18320" s="8">
        <v>1</v>
      </c>
      <c r="H18320" s="8">
        <v>1</v>
      </c>
      <c r="I18320" s="8">
        <v>0</v>
      </c>
      <c r="J18320" s="8">
        <v>1</v>
      </c>
      <c r="K18320" s="9">
        <v>101</v>
      </c>
      <c r="L18320" s="6" t="s">
        <v>51</v>
      </c>
    </row>
    <row r="18321" spans="1:12">
      <c r="A18321" s="6" t="s">
        <v>17224</v>
      </c>
      <c r="B18321" s="6"/>
      <c r="C18321" s="6" t="s">
        <v>18353</v>
      </c>
      <c r="D18321" s="6"/>
      <c r="E18321" s="6" t="s">
        <v>9</v>
      </c>
      <c r="F18321" s="7">
        <v>38657</v>
      </c>
      <c r="G18321" s="8">
        <v>1</v>
      </c>
      <c r="H18321" s="8">
        <v>1</v>
      </c>
      <c r="I18321" s="8">
        <v>0</v>
      </c>
      <c r="J18321" s="8">
        <v>1</v>
      </c>
      <c r="K18321" s="9">
        <v>802</v>
      </c>
      <c r="L18321" s="6" t="s">
        <v>51</v>
      </c>
    </row>
    <row r="18322" spans="1:12">
      <c r="A18322" s="6" t="s">
        <v>17224</v>
      </c>
      <c r="B18322" s="6"/>
      <c r="C18322" s="6" t="s">
        <v>18354</v>
      </c>
      <c r="D18322" s="6"/>
      <c r="E18322" s="6" t="s">
        <v>9</v>
      </c>
      <c r="F18322" s="7">
        <v>38657</v>
      </c>
      <c r="G18322" s="8">
        <v>1</v>
      </c>
      <c r="H18322" s="8">
        <v>1</v>
      </c>
      <c r="I18322" s="8">
        <v>0</v>
      </c>
      <c r="J18322" s="8">
        <v>1</v>
      </c>
      <c r="K18322" s="9">
        <v>318</v>
      </c>
      <c r="L18322" s="6" t="s">
        <v>51</v>
      </c>
    </row>
    <row r="18323" spans="1:12">
      <c r="A18323" s="6" t="s">
        <v>17224</v>
      </c>
      <c r="B18323" s="6"/>
      <c r="C18323" s="6" t="s">
        <v>18355</v>
      </c>
      <c r="D18323" s="6"/>
      <c r="E18323" s="6" t="s">
        <v>9</v>
      </c>
      <c r="F18323" s="7">
        <v>38657</v>
      </c>
      <c r="G18323" s="8">
        <v>1</v>
      </c>
      <c r="H18323" s="8">
        <v>1</v>
      </c>
      <c r="I18323" s="8">
        <v>0</v>
      </c>
      <c r="J18323" s="8">
        <v>1</v>
      </c>
      <c r="K18323" s="9">
        <v>111</v>
      </c>
      <c r="L18323" s="6" t="s">
        <v>51</v>
      </c>
    </row>
    <row r="18324" spans="1:12">
      <c r="A18324" s="6" t="s">
        <v>17224</v>
      </c>
      <c r="B18324" s="6"/>
      <c r="C18324" s="6" t="s">
        <v>18356</v>
      </c>
      <c r="D18324" s="6"/>
      <c r="E18324" s="6" t="s">
        <v>9</v>
      </c>
      <c r="F18324" s="7">
        <v>38657</v>
      </c>
      <c r="G18324" s="8">
        <v>1</v>
      </c>
      <c r="H18324" s="8">
        <v>1</v>
      </c>
      <c r="I18324" s="8">
        <v>0</v>
      </c>
      <c r="J18324" s="8">
        <v>1</v>
      </c>
      <c r="K18324" s="9">
        <v>11.39</v>
      </c>
      <c r="L18324" s="6" t="s">
        <v>51</v>
      </c>
    </row>
    <row r="18325" spans="1:12">
      <c r="A18325" s="6" t="s">
        <v>17224</v>
      </c>
      <c r="B18325" s="6"/>
      <c r="C18325" s="6" t="s">
        <v>18357</v>
      </c>
      <c r="D18325" s="6"/>
      <c r="E18325" s="6" t="s">
        <v>9</v>
      </c>
      <c r="F18325" s="7">
        <v>38657</v>
      </c>
      <c r="G18325" s="8">
        <v>1</v>
      </c>
      <c r="H18325" s="8">
        <v>1</v>
      </c>
      <c r="I18325" s="8">
        <v>0</v>
      </c>
      <c r="J18325" s="8">
        <v>1</v>
      </c>
      <c r="K18325" s="9">
        <v>748</v>
      </c>
      <c r="L18325" s="6" t="s">
        <v>51</v>
      </c>
    </row>
    <row r="18326" spans="1:12">
      <c r="A18326" s="6" t="s">
        <v>17224</v>
      </c>
      <c r="B18326" s="6"/>
      <c r="C18326" s="6" t="s">
        <v>18358</v>
      </c>
      <c r="D18326" s="6"/>
      <c r="E18326" s="6" t="s">
        <v>9</v>
      </c>
      <c r="F18326" s="7">
        <v>38657</v>
      </c>
      <c r="G18326" s="8">
        <v>1</v>
      </c>
      <c r="H18326" s="8">
        <v>1</v>
      </c>
      <c r="I18326" s="8">
        <v>0</v>
      </c>
      <c r="J18326" s="8">
        <v>1</v>
      </c>
      <c r="K18326" s="9">
        <v>717</v>
      </c>
      <c r="L18326" s="6" t="s">
        <v>51</v>
      </c>
    </row>
    <row r="18327" spans="1:12">
      <c r="A18327" s="6" t="s">
        <v>17224</v>
      </c>
      <c r="B18327" s="6"/>
      <c r="C18327" s="6" t="s">
        <v>18359</v>
      </c>
      <c r="D18327" s="6"/>
      <c r="E18327" s="6" t="s">
        <v>9</v>
      </c>
      <c r="F18327" s="7">
        <v>38657</v>
      </c>
      <c r="G18327" s="8">
        <v>1</v>
      </c>
      <c r="H18327" s="8">
        <v>1</v>
      </c>
      <c r="I18327" s="8">
        <v>0</v>
      </c>
      <c r="J18327" s="8">
        <v>1</v>
      </c>
      <c r="K18327" s="9">
        <v>661</v>
      </c>
      <c r="L18327" s="6" t="s">
        <v>51</v>
      </c>
    </row>
    <row r="18328" spans="1:12">
      <c r="A18328" s="6" t="s">
        <v>17224</v>
      </c>
      <c r="B18328" s="6"/>
      <c r="C18328" s="6" t="s">
        <v>18360</v>
      </c>
      <c r="D18328" s="6"/>
      <c r="E18328" s="6" t="s">
        <v>9</v>
      </c>
      <c r="F18328" s="7">
        <v>38657</v>
      </c>
      <c r="G18328" s="8">
        <v>1</v>
      </c>
      <c r="H18328" s="8">
        <v>1</v>
      </c>
      <c r="I18328" s="8">
        <v>0</v>
      </c>
      <c r="J18328" s="8">
        <v>1</v>
      </c>
      <c r="K18328" s="9">
        <v>187</v>
      </c>
      <c r="L18328" s="6" t="s">
        <v>51</v>
      </c>
    </row>
    <row r="18329" spans="1:12">
      <c r="A18329" s="6" t="s">
        <v>17224</v>
      </c>
      <c r="B18329" s="6"/>
      <c r="C18329" s="6" t="s">
        <v>18361</v>
      </c>
      <c r="D18329" s="6"/>
      <c r="E18329" s="6" t="s">
        <v>9</v>
      </c>
      <c r="F18329" s="7">
        <v>38657</v>
      </c>
      <c r="G18329" s="8">
        <v>1</v>
      </c>
      <c r="H18329" s="8">
        <v>1</v>
      </c>
      <c r="I18329" s="8">
        <v>0</v>
      </c>
      <c r="J18329" s="8">
        <v>1</v>
      </c>
      <c r="K18329" s="9">
        <v>138</v>
      </c>
      <c r="L18329" s="6" t="s">
        <v>51</v>
      </c>
    </row>
    <row r="18330" spans="1:12">
      <c r="A18330" s="6" t="s">
        <v>17224</v>
      </c>
      <c r="B18330" s="6"/>
      <c r="C18330" s="6" t="s">
        <v>18362</v>
      </c>
      <c r="D18330" s="6"/>
      <c r="E18330" s="6" t="s">
        <v>9</v>
      </c>
      <c r="F18330" s="7">
        <v>38657</v>
      </c>
      <c r="G18330" s="8">
        <v>1</v>
      </c>
      <c r="H18330" s="8">
        <v>1</v>
      </c>
      <c r="I18330" s="8">
        <v>0</v>
      </c>
      <c r="J18330" s="8">
        <v>1</v>
      </c>
      <c r="K18330" s="9">
        <v>678</v>
      </c>
      <c r="L18330" s="6" t="s">
        <v>51</v>
      </c>
    </row>
    <row r="18331" spans="1:12">
      <c r="A18331" s="6" t="s">
        <v>17224</v>
      </c>
      <c r="B18331" s="6"/>
      <c r="C18331" s="6" t="s">
        <v>18363</v>
      </c>
      <c r="D18331" s="6"/>
      <c r="E18331" s="6" t="s">
        <v>9</v>
      </c>
      <c r="F18331" s="7">
        <v>38657</v>
      </c>
      <c r="G18331" s="8">
        <v>1</v>
      </c>
      <c r="H18331" s="8">
        <v>1</v>
      </c>
      <c r="I18331" s="8">
        <v>0</v>
      </c>
      <c r="J18331" s="8">
        <v>1</v>
      </c>
      <c r="K18331" s="9">
        <v>654</v>
      </c>
      <c r="L18331" s="6" t="s">
        <v>51</v>
      </c>
    </row>
    <row r="18332" spans="1:12">
      <c r="A18332" s="6" t="s">
        <v>17224</v>
      </c>
      <c r="B18332" s="6"/>
      <c r="C18332" s="6" t="s">
        <v>18364</v>
      </c>
      <c r="D18332" s="6"/>
      <c r="E18332" s="6" t="s">
        <v>9</v>
      </c>
      <c r="F18332" s="7">
        <v>38657</v>
      </c>
      <c r="G18332" s="8">
        <v>1</v>
      </c>
      <c r="H18332" s="8">
        <v>1</v>
      </c>
      <c r="I18332" s="8">
        <v>0</v>
      </c>
      <c r="J18332" s="8">
        <v>1</v>
      </c>
      <c r="K18332" s="9">
        <v>894</v>
      </c>
      <c r="L18332" s="6" t="s">
        <v>51</v>
      </c>
    </row>
    <row r="18333" spans="1:12">
      <c r="A18333" s="6" t="s">
        <v>17224</v>
      </c>
      <c r="B18333" s="6"/>
      <c r="C18333" s="6" t="s">
        <v>18365</v>
      </c>
      <c r="D18333" s="6"/>
      <c r="E18333" s="6" t="s">
        <v>9</v>
      </c>
      <c r="F18333" s="7">
        <v>38657</v>
      </c>
      <c r="G18333" s="8">
        <v>1</v>
      </c>
      <c r="H18333" s="8">
        <v>1</v>
      </c>
      <c r="I18333" s="8">
        <v>0</v>
      </c>
      <c r="J18333" s="8">
        <v>1</v>
      </c>
      <c r="K18333" s="9">
        <v>380</v>
      </c>
      <c r="L18333" s="6" t="s">
        <v>51</v>
      </c>
    </row>
    <row r="18334" spans="1:12">
      <c r="A18334" s="6" t="s">
        <v>17224</v>
      </c>
      <c r="B18334" s="6"/>
      <c r="C18334" s="6" t="s">
        <v>18366</v>
      </c>
      <c r="D18334" s="6"/>
      <c r="E18334" s="6" t="s">
        <v>9</v>
      </c>
      <c r="F18334" s="7">
        <v>38657</v>
      </c>
      <c r="G18334" s="8">
        <v>1</v>
      </c>
      <c r="H18334" s="8">
        <v>1</v>
      </c>
      <c r="I18334" s="8">
        <v>0</v>
      </c>
      <c r="J18334" s="8">
        <v>1</v>
      </c>
      <c r="K18334" s="9">
        <v>162</v>
      </c>
      <c r="L18334" s="6" t="s">
        <v>51</v>
      </c>
    </row>
    <row r="18335" spans="1:12">
      <c r="A18335" s="6" t="s">
        <v>17224</v>
      </c>
      <c r="B18335" s="6"/>
      <c r="C18335" s="6" t="s">
        <v>18367</v>
      </c>
      <c r="D18335" s="6"/>
      <c r="E18335" s="6" t="s">
        <v>9</v>
      </c>
      <c r="F18335" s="7">
        <v>38657</v>
      </c>
      <c r="G18335" s="8">
        <v>1</v>
      </c>
      <c r="H18335" s="8">
        <v>1</v>
      </c>
      <c r="I18335" s="8">
        <v>0</v>
      </c>
      <c r="J18335" s="8">
        <v>1</v>
      </c>
      <c r="K18335" s="9">
        <v>202.04</v>
      </c>
      <c r="L18335" s="6" t="s">
        <v>51</v>
      </c>
    </row>
    <row r="18336" spans="1:12">
      <c r="A18336" s="6" t="s">
        <v>17224</v>
      </c>
      <c r="B18336" s="6"/>
      <c r="C18336" s="6" t="s">
        <v>18368</v>
      </c>
      <c r="D18336" s="6"/>
      <c r="E18336" s="6" t="s">
        <v>9</v>
      </c>
      <c r="F18336" s="7">
        <v>38657</v>
      </c>
      <c r="G18336" s="8">
        <v>1</v>
      </c>
      <c r="H18336" s="8">
        <v>1</v>
      </c>
      <c r="I18336" s="8">
        <v>0</v>
      </c>
      <c r="J18336" s="8">
        <v>1</v>
      </c>
      <c r="K18336" s="9">
        <v>336</v>
      </c>
      <c r="L18336" s="6" t="s">
        <v>51</v>
      </c>
    </row>
    <row r="18337" spans="1:12">
      <c r="A18337" s="6" t="s">
        <v>17224</v>
      </c>
      <c r="B18337" s="6"/>
      <c r="C18337" s="6" t="s">
        <v>18369</v>
      </c>
      <c r="D18337" s="6"/>
      <c r="E18337" s="6" t="s">
        <v>9</v>
      </c>
      <c r="F18337" s="7">
        <v>38657</v>
      </c>
      <c r="G18337" s="8">
        <v>1</v>
      </c>
      <c r="H18337" s="8">
        <v>1</v>
      </c>
      <c r="I18337" s="8">
        <v>0</v>
      </c>
      <c r="J18337" s="8">
        <v>1</v>
      </c>
      <c r="K18337" s="9">
        <v>143</v>
      </c>
      <c r="L18337" s="6" t="s">
        <v>51</v>
      </c>
    </row>
    <row r="18338" spans="1:12">
      <c r="A18338" s="6" t="s">
        <v>17224</v>
      </c>
      <c r="B18338" s="6"/>
      <c r="C18338" s="6" t="s">
        <v>18370</v>
      </c>
      <c r="D18338" s="6"/>
      <c r="E18338" s="6" t="s">
        <v>9</v>
      </c>
      <c r="F18338" s="7">
        <v>38657</v>
      </c>
      <c r="G18338" s="8">
        <v>1</v>
      </c>
      <c r="H18338" s="8">
        <v>1</v>
      </c>
      <c r="I18338" s="8">
        <v>0</v>
      </c>
      <c r="J18338" s="8">
        <v>1</v>
      </c>
      <c r="K18338" s="9">
        <v>222</v>
      </c>
      <c r="L18338" s="6" t="s">
        <v>51</v>
      </c>
    </row>
    <row r="18339" spans="1:12">
      <c r="A18339" s="6" t="s">
        <v>17224</v>
      </c>
      <c r="B18339" s="6"/>
      <c r="C18339" s="6" t="s">
        <v>18371</v>
      </c>
      <c r="D18339" s="6"/>
      <c r="E18339" s="6" t="s">
        <v>9</v>
      </c>
      <c r="F18339" s="7">
        <v>38657</v>
      </c>
      <c r="G18339" s="8">
        <v>1</v>
      </c>
      <c r="H18339" s="8">
        <v>1</v>
      </c>
      <c r="I18339" s="8">
        <v>0</v>
      </c>
      <c r="J18339" s="8">
        <v>1</v>
      </c>
      <c r="K18339" s="9">
        <v>549</v>
      </c>
      <c r="L18339" s="6" t="s">
        <v>51</v>
      </c>
    </row>
    <row r="18340" spans="1:12">
      <c r="A18340" s="6" t="s">
        <v>17224</v>
      </c>
      <c r="B18340" s="6"/>
      <c r="C18340" s="6" t="s">
        <v>18372</v>
      </c>
      <c r="D18340" s="6"/>
      <c r="E18340" s="6" t="s">
        <v>9</v>
      </c>
      <c r="F18340" s="7">
        <v>38657</v>
      </c>
      <c r="G18340" s="8">
        <v>1</v>
      </c>
      <c r="H18340" s="8">
        <v>1</v>
      </c>
      <c r="I18340" s="8">
        <v>0</v>
      </c>
      <c r="J18340" s="8">
        <v>1</v>
      </c>
      <c r="K18340" s="9">
        <v>35</v>
      </c>
      <c r="L18340" s="6" t="s">
        <v>51</v>
      </c>
    </row>
    <row r="18341" spans="1:12">
      <c r="A18341" s="6" t="s">
        <v>17224</v>
      </c>
      <c r="B18341" s="6"/>
      <c r="C18341" s="6" t="s">
        <v>18373</v>
      </c>
      <c r="D18341" s="6"/>
      <c r="E18341" s="6" t="s">
        <v>9</v>
      </c>
      <c r="F18341" s="7">
        <v>38657</v>
      </c>
      <c r="G18341" s="8">
        <v>1</v>
      </c>
      <c r="H18341" s="8">
        <v>1</v>
      </c>
      <c r="I18341" s="8">
        <v>0</v>
      </c>
      <c r="J18341" s="8">
        <v>1</v>
      </c>
      <c r="K18341" s="9">
        <v>0.87</v>
      </c>
      <c r="L18341" s="6" t="s">
        <v>51</v>
      </c>
    </row>
    <row r="18342" spans="1:12">
      <c r="A18342" s="6" t="s">
        <v>17224</v>
      </c>
      <c r="B18342" s="6"/>
      <c r="C18342" s="6" t="s">
        <v>18374</v>
      </c>
      <c r="D18342" s="6"/>
      <c r="E18342" s="6" t="s">
        <v>9</v>
      </c>
      <c r="F18342" s="7">
        <v>38657</v>
      </c>
      <c r="G18342" s="8">
        <v>1</v>
      </c>
      <c r="H18342" s="8">
        <v>1</v>
      </c>
      <c r="I18342" s="8">
        <v>0</v>
      </c>
      <c r="J18342" s="8">
        <v>1</v>
      </c>
      <c r="K18342" s="9">
        <v>4.5</v>
      </c>
      <c r="L18342" s="6" t="s">
        <v>51</v>
      </c>
    </row>
    <row r="18343" spans="1:12">
      <c r="A18343" s="6" t="s">
        <v>17224</v>
      </c>
      <c r="B18343" s="6"/>
      <c r="C18343" s="6" t="s">
        <v>18375</v>
      </c>
      <c r="D18343" s="6"/>
      <c r="E18343" s="6" t="s">
        <v>9</v>
      </c>
      <c r="F18343" s="7">
        <v>38657</v>
      </c>
      <c r="G18343" s="8">
        <v>1</v>
      </c>
      <c r="H18343" s="8">
        <v>1</v>
      </c>
      <c r="I18343" s="8">
        <v>0</v>
      </c>
      <c r="J18343" s="8">
        <v>1</v>
      </c>
      <c r="K18343" s="9">
        <v>28</v>
      </c>
      <c r="L18343" s="6" t="s">
        <v>51</v>
      </c>
    </row>
    <row r="18344" spans="1:12">
      <c r="A18344" s="6" t="s">
        <v>17224</v>
      </c>
      <c r="B18344" s="6"/>
      <c r="C18344" s="6" t="s">
        <v>18376</v>
      </c>
      <c r="D18344" s="6"/>
      <c r="E18344" s="6" t="s">
        <v>9</v>
      </c>
      <c r="F18344" s="7">
        <v>38657</v>
      </c>
      <c r="G18344" s="8">
        <v>1</v>
      </c>
      <c r="H18344" s="8">
        <v>1</v>
      </c>
      <c r="I18344" s="8">
        <v>0</v>
      </c>
      <c r="J18344" s="8">
        <v>1</v>
      </c>
      <c r="K18344" s="9">
        <v>36</v>
      </c>
      <c r="L18344" s="6" t="s">
        <v>51</v>
      </c>
    </row>
    <row r="18345" spans="1:12">
      <c r="A18345" s="6" t="s">
        <v>17224</v>
      </c>
      <c r="B18345" s="6"/>
      <c r="C18345" s="6" t="s">
        <v>18377</v>
      </c>
      <c r="D18345" s="6"/>
      <c r="E18345" s="6" t="s">
        <v>9</v>
      </c>
      <c r="F18345" s="7">
        <v>38657</v>
      </c>
      <c r="G18345" s="8">
        <v>1</v>
      </c>
      <c r="H18345" s="8">
        <v>1</v>
      </c>
      <c r="I18345" s="8">
        <v>0</v>
      </c>
      <c r="J18345" s="8">
        <v>1</v>
      </c>
      <c r="K18345" s="9">
        <v>82</v>
      </c>
      <c r="L18345" s="6" t="s">
        <v>51</v>
      </c>
    </row>
    <row r="18346" spans="1:12">
      <c r="A18346" s="6" t="s">
        <v>17224</v>
      </c>
      <c r="B18346" s="6"/>
      <c r="C18346" s="6" t="s">
        <v>18378</v>
      </c>
      <c r="D18346" s="6"/>
      <c r="E18346" s="6" t="s">
        <v>9</v>
      </c>
      <c r="F18346" s="7">
        <v>38657</v>
      </c>
      <c r="G18346" s="8">
        <v>1</v>
      </c>
      <c r="H18346" s="8">
        <v>1</v>
      </c>
      <c r="I18346" s="8">
        <v>0</v>
      </c>
      <c r="J18346" s="8">
        <v>1</v>
      </c>
      <c r="K18346" s="9">
        <v>39</v>
      </c>
      <c r="L18346" s="6" t="s">
        <v>51</v>
      </c>
    </row>
    <row r="18347" spans="1:12">
      <c r="A18347" s="6" t="s">
        <v>17224</v>
      </c>
      <c r="B18347" s="6"/>
      <c r="C18347" s="6" t="s">
        <v>18379</v>
      </c>
      <c r="D18347" s="6"/>
      <c r="E18347" s="6" t="s">
        <v>9</v>
      </c>
      <c r="F18347" s="7">
        <v>38657</v>
      </c>
      <c r="G18347" s="8">
        <v>1</v>
      </c>
      <c r="H18347" s="8">
        <v>1</v>
      </c>
      <c r="I18347" s="8">
        <v>0</v>
      </c>
      <c r="J18347" s="8">
        <v>1</v>
      </c>
      <c r="K18347" s="9">
        <v>13.22</v>
      </c>
      <c r="L18347" s="6" t="s">
        <v>51</v>
      </c>
    </row>
    <row r="18348" spans="1:12">
      <c r="A18348" s="6" t="s">
        <v>17224</v>
      </c>
      <c r="B18348" s="6"/>
      <c r="C18348" s="6" t="s">
        <v>18380</v>
      </c>
      <c r="D18348" s="6"/>
      <c r="E18348" s="6" t="s">
        <v>9</v>
      </c>
      <c r="F18348" s="7">
        <v>38657</v>
      </c>
      <c r="G18348" s="8">
        <v>1</v>
      </c>
      <c r="H18348" s="8">
        <v>1</v>
      </c>
      <c r="I18348" s="8">
        <v>0</v>
      </c>
      <c r="J18348" s="8">
        <v>1</v>
      </c>
      <c r="K18348" s="9">
        <v>23</v>
      </c>
      <c r="L18348" s="6" t="s">
        <v>51</v>
      </c>
    </row>
    <row r="18349" spans="1:12">
      <c r="A18349" s="6" t="s">
        <v>17224</v>
      </c>
      <c r="B18349" s="6"/>
      <c r="C18349" s="6" t="s">
        <v>18381</v>
      </c>
      <c r="D18349" s="6"/>
      <c r="E18349" s="6" t="s">
        <v>9</v>
      </c>
      <c r="F18349" s="7">
        <v>38657</v>
      </c>
      <c r="G18349" s="8">
        <v>1</v>
      </c>
      <c r="H18349" s="8">
        <v>1</v>
      </c>
      <c r="I18349" s="8">
        <v>0</v>
      </c>
      <c r="J18349" s="8">
        <v>1</v>
      </c>
      <c r="K18349" s="9">
        <v>72.72</v>
      </c>
      <c r="L18349" s="6" t="s">
        <v>51</v>
      </c>
    </row>
    <row r="18350" spans="1:12">
      <c r="A18350" s="6" t="s">
        <v>17224</v>
      </c>
      <c r="B18350" s="6"/>
      <c r="C18350" s="6" t="s">
        <v>18382</v>
      </c>
      <c r="D18350" s="6"/>
      <c r="E18350" s="6" t="s">
        <v>9</v>
      </c>
      <c r="F18350" s="7">
        <v>38657</v>
      </c>
      <c r="G18350" s="8">
        <v>1</v>
      </c>
      <c r="H18350" s="8">
        <v>1</v>
      </c>
      <c r="I18350" s="8">
        <v>0</v>
      </c>
      <c r="J18350" s="8">
        <v>1</v>
      </c>
      <c r="K18350" s="9">
        <v>59</v>
      </c>
      <c r="L18350" s="6" t="s">
        <v>51</v>
      </c>
    </row>
    <row r="18351" spans="1:12">
      <c r="A18351" s="6" t="s">
        <v>17224</v>
      </c>
      <c r="B18351" s="6"/>
      <c r="C18351" s="6" t="s">
        <v>18383</v>
      </c>
      <c r="D18351" s="6"/>
      <c r="E18351" s="6" t="s">
        <v>9</v>
      </c>
      <c r="F18351" s="7">
        <v>38657</v>
      </c>
      <c r="G18351" s="8">
        <v>1</v>
      </c>
      <c r="H18351" s="8">
        <v>1</v>
      </c>
      <c r="I18351" s="8">
        <v>0</v>
      </c>
      <c r="J18351" s="8">
        <v>1</v>
      </c>
      <c r="K18351" s="9">
        <v>308</v>
      </c>
      <c r="L18351" s="6" t="s">
        <v>51</v>
      </c>
    </row>
    <row r="18352" spans="1:12">
      <c r="A18352" s="6" t="s">
        <v>17224</v>
      </c>
      <c r="B18352" s="6"/>
      <c r="C18352" s="6" t="s">
        <v>18384</v>
      </c>
      <c r="D18352" s="6"/>
      <c r="E18352" s="6" t="s">
        <v>9</v>
      </c>
      <c r="F18352" s="7"/>
      <c r="G18352" s="8">
        <v>412587</v>
      </c>
      <c r="H18352" s="8">
        <v>412587</v>
      </c>
      <c r="I18352" s="8">
        <v>0</v>
      </c>
      <c r="J18352" s="8">
        <v>412587</v>
      </c>
      <c r="K18352" s="9">
        <v>21.48</v>
      </c>
      <c r="L18352" s="6" t="s">
        <v>10</v>
      </c>
    </row>
    <row r="18353" spans="1:12">
      <c r="A18353" s="6" t="s">
        <v>17224</v>
      </c>
      <c r="B18353" s="6"/>
      <c r="C18353" s="6" t="s">
        <v>18385</v>
      </c>
      <c r="D18353" s="6"/>
      <c r="E18353" s="6" t="s">
        <v>9</v>
      </c>
      <c r="F18353" s="7">
        <v>38657</v>
      </c>
      <c r="G18353" s="8">
        <v>1</v>
      </c>
      <c r="H18353" s="8">
        <v>1</v>
      </c>
      <c r="I18353" s="8">
        <v>0</v>
      </c>
      <c r="J18353" s="8">
        <v>1</v>
      </c>
      <c r="K18353" s="9">
        <v>36</v>
      </c>
      <c r="L18353" s="6" t="s">
        <v>51</v>
      </c>
    </row>
    <row r="18354" spans="1:12">
      <c r="A18354" s="6" t="s">
        <v>17224</v>
      </c>
      <c r="B18354" s="6"/>
      <c r="C18354" s="6" t="s">
        <v>18386</v>
      </c>
      <c r="D18354" s="6"/>
      <c r="E18354" s="6" t="s">
        <v>9</v>
      </c>
      <c r="F18354" s="7">
        <v>38657</v>
      </c>
      <c r="G18354" s="8">
        <v>1</v>
      </c>
      <c r="H18354" s="8">
        <v>1</v>
      </c>
      <c r="I18354" s="8">
        <v>0</v>
      </c>
      <c r="J18354" s="8">
        <v>1</v>
      </c>
      <c r="K18354" s="9">
        <v>82</v>
      </c>
      <c r="L18354" s="6" t="s">
        <v>51</v>
      </c>
    </row>
    <row r="18355" spans="1:12">
      <c r="A18355" s="6" t="s">
        <v>17224</v>
      </c>
      <c r="B18355" s="6"/>
      <c r="C18355" s="6" t="s">
        <v>18387</v>
      </c>
      <c r="D18355" s="6"/>
      <c r="E18355" s="6" t="s">
        <v>9</v>
      </c>
      <c r="F18355" s="7">
        <v>38657</v>
      </c>
      <c r="G18355" s="8">
        <v>1</v>
      </c>
      <c r="H18355" s="8">
        <v>1</v>
      </c>
      <c r="I18355" s="8">
        <v>0</v>
      </c>
      <c r="J18355" s="8">
        <v>1</v>
      </c>
      <c r="K18355" s="9">
        <v>210</v>
      </c>
      <c r="L18355" s="6" t="s">
        <v>51</v>
      </c>
    </row>
    <row r="18356" spans="1:12">
      <c r="A18356" s="6" t="s">
        <v>17224</v>
      </c>
      <c r="B18356" s="6"/>
      <c r="C18356" s="6" t="s">
        <v>18388</v>
      </c>
      <c r="D18356" s="6"/>
      <c r="E18356" s="6" t="s">
        <v>9</v>
      </c>
      <c r="F18356" s="7">
        <v>38657</v>
      </c>
      <c r="G18356" s="8">
        <v>1</v>
      </c>
      <c r="H18356" s="8">
        <v>1</v>
      </c>
      <c r="I18356" s="8">
        <v>0</v>
      </c>
      <c r="J18356" s="8">
        <v>1</v>
      </c>
      <c r="K18356" s="9">
        <v>35</v>
      </c>
      <c r="L18356" s="6" t="s">
        <v>51</v>
      </c>
    </row>
    <row r="18357" spans="1:12">
      <c r="A18357" s="6" t="s">
        <v>17224</v>
      </c>
      <c r="B18357" s="6"/>
      <c r="C18357" s="6" t="s">
        <v>18389</v>
      </c>
      <c r="D18357" s="6"/>
      <c r="E18357" s="6" t="s">
        <v>9</v>
      </c>
      <c r="F18357" s="7">
        <v>38657</v>
      </c>
      <c r="G18357" s="8">
        <v>1</v>
      </c>
      <c r="H18357" s="8">
        <v>1</v>
      </c>
      <c r="I18357" s="8">
        <v>0</v>
      </c>
      <c r="J18357" s="8">
        <v>1</v>
      </c>
      <c r="K18357" s="9">
        <v>109</v>
      </c>
      <c r="L18357" s="6" t="s">
        <v>51</v>
      </c>
    </row>
    <row r="18358" spans="1:12">
      <c r="A18358" s="6" t="s">
        <v>17224</v>
      </c>
      <c r="B18358" s="6"/>
      <c r="C18358" s="6" t="s">
        <v>18390</v>
      </c>
      <c r="D18358" s="6"/>
      <c r="E18358" s="6" t="s">
        <v>9</v>
      </c>
      <c r="F18358" s="7">
        <v>38657</v>
      </c>
      <c r="G18358" s="8">
        <v>1</v>
      </c>
      <c r="H18358" s="8">
        <v>1</v>
      </c>
      <c r="I18358" s="8">
        <v>0</v>
      </c>
      <c r="J18358" s="8">
        <v>1</v>
      </c>
      <c r="K18358" s="9">
        <v>179</v>
      </c>
      <c r="L18358" s="6" t="s">
        <v>51</v>
      </c>
    </row>
    <row r="18359" spans="1:12">
      <c r="A18359" s="6" t="s">
        <v>17224</v>
      </c>
      <c r="B18359" s="6"/>
      <c r="C18359" s="6" t="s">
        <v>18391</v>
      </c>
      <c r="D18359" s="6"/>
      <c r="E18359" s="6" t="s">
        <v>9</v>
      </c>
      <c r="F18359" s="7">
        <v>39616</v>
      </c>
      <c r="G18359" s="8">
        <v>1</v>
      </c>
      <c r="H18359" s="8">
        <v>1</v>
      </c>
      <c r="I18359" s="8">
        <v>0</v>
      </c>
      <c r="J18359" s="8">
        <v>1</v>
      </c>
      <c r="K18359" s="9">
        <v>281</v>
      </c>
      <c r="L18359" s="6" t="s">
        <v>51</v>
      </c>
    </row>
    <row r="18360" spans="1:12">
      <c r="A18360" s="6" t="s">
        <v>17224</v>
      </c>
      <c r="B18360" s="6"/>
      <c r="C18360" s="6" t="s">
        <v>18392</v>
      </c>
      <c r="D18360" s="6"/>
      <c r="E18360" s="6" t="s">
        <v>9</v>
      </c>
      <c r="F18360" s="7">
        <v>39616</v>
      </c>
      <c r="G18360" s="8">
        <v>1</v>
      </c>
      <c r="H18360" s="8">
        <v>1</v>
      </c>
      <c r="I18360" s="8">
        <v>0</v>
      </c>
      <c r="J18360" s="8">
        <v>1</v>
      </c>
      <c r="K18360" s="9">
        <v>642</v>
      </c>
      <c r="L18360" s="6" t="s">
        <v>51</v>
      </c>
    </row>
    <row r="18361" spans="1:12">
      <c r="A18361" s="6" t="s">
        <v>17224</v>
      </c>
      <c r="B18361" s="6"/>
      <c r="C18361" s="6" t="s">
        <v>18393</v>
      </c>
      <c r="D18361" s="6"/>
      <c r="E18361" s="6" t="s">
        <v>9</v>
      </c>
      <c r="F18361" s="7">
        <v>39616</v>
      </c>
      <c r="G18361" s="8">
        <v>1</v>
      </c>
      <c r="H18361" s="8">
        <v>1</v>
      </c>
      <c r="I18361" s="8">
        <v>0</v>
      </c>
      <c r="J18361" s="8">
        <v>1</v>
      </c>
      <c r="K18361" s="9">
        <v>82</v>
      </c>
      <c r="L18361" s="6" t="s">
        <v>51</v>
      </c>
    </row>
    <row r="18362" spans="1:12">
      <c r="A18362" s="6" t="s">
        <v>17224</v>
      </c>
      <c r="B18362" s="6"/>
      <c r="C18362" s="6" t="s">
        <v>18394</v>
      </c>
      <c r="D18362" s="6"/>
      <c r="E18362" s="6" t="s">
        <v>9</v>
      </c>
      <c r="F18362" s="7">
        <v>39616</v>
      </c>
      <c r="G18362" s="8">
        <v>1</v>
      </c>
      <c r="H18362" s="8">
        <v>1</v>
      </c>
      <c r="I18362" s="8">
        <v>0</v>
      </c>
      <c r="J18362" s="8">
        <v>1</v>
      </c>
      <c r="K18362" s="9">
        <v>305</v>
      </c>
      <c r="L18362" s="6" t="s">
        <v>51</v>
      </c>
    </row>
    <row r="18363" spans="1:12">
      <c r="A18363" s="6" t="s">
        <v>17224</v>
      </c>
      <c r="B18363" s="6"/>
      <c r="C18363" s="6" t="s">
        <v>18395</v>
      </c>
      <c r="D18363" s="6"/>
      <c r="E18363" s="6" t="s">
        <v>9</v>
      </c>
      <c r="F18363" s="7">
        <v>39616</v>
      </c>
      <c r="G18363" s="8">
        <v>1</v>
      </c>
      <c r="H18363" s="8">
        <v>1</v>
      </c>
      <c r="I18363" s="8">
        <v>0</v>
      </c>
      <c r="J18363" s="8">
        <v>1</v>
      </c>
      <c r="K18363" s="9">
        <v>844</v>
      </c>
      <c r="L18363" s="6" t="s">
        <v>51</v>
      </c>
    </row>
    <row r="18364" spans="1:12">
      <c r="A18364" s="6" t="s">
        <v>17224</v>
      </c>
      <c r="B18364" s="6"/>
      <c r="C18364" s="6" t="s">
        <v>18396</v>
      </c>
      <c r="D18364" s="6"/>
      <c r="E18364" s="6" t="s">
        <v>9</v>
      </c>
      <c r="F18364" s="7">
        <v>39616</v>
      </c>
      <c r="G18364" s="8">
        <v>1</v>
      </c>
      <c r="H18364" s="8">
        <v>1</v>
      </c>
      <c r="I18364" s="8">
        <v>0</v>
      </c>
      <c r="J18364" s="8">
        <v>1</v>
      </c>
      <c r="K18364" s="9">
        <v>425</v>
      </c>
      <c r="L18364" s="6" t="s">
        <v>51</v>
      </c>
    </row>
    <row r="18365" spans="1:12">
      <c r="A18365" s="6" t="s">
        <v>17224</v>
      </c>
      <c r="B18365" s="6"/>
      <c r="C18365" s="6" t="s">
        <v>18397</v>
      </c>
      <c r="D18365" s="6"/>
      <c r="E18365" s="6" t="s">
        <v>9</v>
      </c>
      <c r="F18365" s="7">
        <v>39616</v>
      </c>
      <c r="G18365" s="8">
        <v>1</v>
      </c>
      <c r="H18365" s="8">
        <v>1</v>
      </c>
      <c r="I18365" s="8">
        <v>0</v>
      </c>
      <c r="J18365" s="8">
        <v>1</v>
      </c>
      <c r="K18365" s="9">
        <v>426</v>
      </c>
      <c r="L18365" s="6" t="s">
        <v>51</v>
      </c>
    </row>
    <row r="18366" spans="1:12">
      <c r="A18366" s="6" t="s">
        <v>17224</v>
      </c>
      <c r="B18366" s="6"/>
      <c r="C18366" s="6" t="s">
        <v>18398</v>
      </c>
      <c r="D18366" s="6"/>
      <c r="E18366" s="6" t="s">
        <v>9</v>
      </c>
      <c r="F18366" s="7">
        <v>39616</v>
      </c>
      <c r="G18366" s="8">
        <v>1</v>
      </c>
      <c r="H18366" s="8">
        <v>1</v>
      </c>
      <c r="I18366" s="8">
        <v>0</v>
      </c>
      <c r="J18366" s="8">
        <v>1</v>
      </c>
      <c r="K18366" s="9">
        <v>231</v>
      </c>
      <c r="L18366" s="6" t="s">
        <v>51</v>
      </c>
    </row>
    <row r="18367" spans="1:12">
      <c r="A18367" s="6" t="s">
        <v>17224</v>
      </c>
      <c r="B18367" s="6"/>
      <c r="C18367" s="6" t="s">
        <v>18399</v>
      </c>
      <c r="D18367" s="6"/>
      <c r="E18367" s="6" t="s">
        <v>9</v>
      </c>
      <c r="F18367" s="7">
        <v>39616</v>
      </c>
      <c r="G18367" s="8">
        <v>1</v>
      </c>
      <c r="H18367" s="8">
        <v>1</v>
      </c>
      <c r="I18367" s="8">
        <v>0</v>
      </c>
      <c r="J18367" s="8">
        <v>1</v>
      </c>
      <c r="K18367" s="9">
        <v>248</v>
      </c>
      <c r="L18367" s="6" t="s">
        <v>51</v>
      </c>
    </row>
    <row r="18368" spans="1:12">
      <c r="A18368" s="6" t="s">
        <v>17224</v>
      </c>
      <c r="B18368" s="6"/>
      <c r="C18368" s="6" t="s">
        <v>18400</v>
      </c>
      <c r="D18368" s="6"/>
      <c r="E18368" s="6" t="s">
        <v>9</v>
      </c>
      <c r="F18368" s="7">
        <v>38657</v>
      </c>
      <c r="G18368" s="8">
        <v>1</v>
      </c>
      <c r="H18368" s="8">
        <v>1</v>
      </c>
      <c r="I18368" s="8">
        <v>0</v>
      </c>
      <c r="J18368" s="8">
        <v>1</v>
      </c>
      <c r="K18368" s="9">
        <v>128</v>
      </c>
      <c r="L18368" s="6" t="s">
        <v>51</v>
      </c>
    </row>
    <row r="18369" spans="1:12">
      <c r="A18369" s="6" t="s">
        <v>17224</v>
      </c>
      <c r="B18369" s="6"/>
      <c r="C18369" s="6" t="s">
        <v>18401</v>
      </c>
      <c r="D18369" s="6"/>
      <c r="E18369" s="6" t="s">
        <v>9</v>
      </c>
      <c r="F18369" s="7">
        <v>39616</v>
      </c>
      <c r="G18369" s="8">
        <v>1</v>
      </c>
      <c r="H18369" s="8">
        <v>1</v>
      </c>
      <c r="I18369" s="8">
        <v>0</v>
      </c>
      <c r="J18369" s="8">
        <v>1</v>
      </c>
      <c r="K18369" s="9">
        <v>677</v>
      </c>
      <c r="L18369" s="6" t="s">
        <v>51</v>
      </c>
    </row>
    <row r="18370" spans="1:12">
      <c r="A18370" s="6" t="s">
        <v>17224</v>
      </c>
      <c r="B18370" s="6"/>
      <c r="C18370" s="6" t="s">
        <v>18402</v>
      </c>
      <c r="D18370" s="6"/>
      <c r="E18370" s="6" t="s">
        <v>9</v>
      </c>
      <c r="F18370" s="7">
        <v>39616</v>
      </c>
      <c r="G18370" s="8">
        <v>1</v>
      </c>
      <c r="H18370" s="8">
        <v>1</v>
      </c>
      <c r="I18370" s="8">
        <v>0</v>
      </c>
      <c r="J18370" s="8">
        <v>1</v>
      </c>
      <c r="K18370" s="9">
        <v>23</v>
      </c>
      <c r="L18370" s="6" t="s">
        <v>51</v>
      </c>
    </row>
    <row r="18371" spans="1:12">
      <c r="A18371" s="6" t="s">
        <v>17224</v>
      </c>
      <c r="B18371" s="6"/>
      <c r="C18371" s="6" t="s">
        <v>18403</v>
      </c>
      <c r="D18371" s="6"/>
      <c r="E18371" s="6" t="s">
        <v>9</v>
      </c>
      <c r="F18371" s="7">
        <v>39616</v>
      </c>
      <c r="G18371" s="8">
        <v>1</v>
      </c>
      <c r="H18371" s="8">
        <v>1</v>
      </c>
      <c r="I18371" s="8">
        <v>0</v>
      </c>
      <c r="J18371" s="8">
        <v>1</v>
      </c>
      <c r="K18371" s="9">
        <v>390</v>
      </c>
      <c r="L18371" s="6" t="s">
        <v>51</v>
      </c>
    </row>
    <row r="18372" spans="1:12">
      <c r="A18372" s="6" t="s">
        <v>17224</v>
      </c>
      <c r="B18372" s="6"/>
      <c r="C18372" s="6" t="s">
        <v>18404</v>
      </c>
      <c r="D18372" s="6"/>
      <c r="E18372" s="6" t="s">
        <v>9</v>
      </c>
      <c r="F18372" s="7">
        <v>39616</v>
      </c>
      <c r="G18372" s="8">
        <v>1</v>
      </c>
      <c r="H18372" s="8">
        <v>1</v>
      </c>
      <c r="I18372" s="8">
        <v>0</v>
      </c>
      <c r="J18372" s="8">
        <v>1</v>
      </c>
      <c r="K18372" s="9">
        <v>369</v>
      </c>
      <c r="L18372" s="6" t="s">
        <v>51</v>
      </c>
    </row>
    <row r="18373" spans="1:12">
      <c r="A18373" s="6" t="s">
        <v>17224</v>
      </c>
      <c r="B18373" s="6"/>
      <c r="C18373" s="6" t="s">
        <v>18405</v>
      </c>
      <c r="D18373" s="6"/>
      <c r="E18373" s="6" t="s">
        <v>9</v>
      </c>
      <c r="F18373" s="7">
        <v>39616</v>
      </c>
      <c r="G18373" s="8">
        <v>1</v>
      </c>
      <c r="H18373" s="8">
        <v>1</v>
      </c>
      <c r="I18373" s="8">
        <v>0</v>
      </c>
      <c r="J18373" s="8">
        <v>1</v>
      </c>
      <c r="K18373" s="9">
        <v>1195</v>
      </c>
      <c r="L18373" s="6" t="s">
        <v>51</v>
      </c>
    </row>
    <row r="18374" spans="1:12">
      <c r="A18374" s="6" t="s">
        <v>17224</v>
      </c>
      <c r="B18374" s="6"/>
      <c r="C18374" s="6" t="s">
        <v>18406</v>
      </c>
      <c r="D18374" s="6"/>
      <c r="E18374" s="6" t="s">
        <v>9</v>
      </c>
      <c r="F18374" s="7">
        <v>39616</v>
      </c>
      <c r="G18374" s="8">
        <v>1</v>
      </c>
      <c r="H18374" s="8">
        <v>1</v>
      </c>
      <c r="I18374" s="8">
        <v>0</v>
      </c>
      <c r="J18374" s="8">
        <v>1</v>
      </c>
      <c r="K18374" s="9">
        <v>546</v>
      </c>
      <c r="L18374" s="6" t="s">
        <v>51</v>
      </c>
    </row>
    <row r="18375" spans="1:12">
      <c r="A18375" s="6" t="s">
        <v>17224</v>
      </c>
      <c r="B18375" s="6"/>
      <c r="C18375" s="6" t="s">
        <v>18407</v>
      </c>
      <c r="D18375" s="6"/>
      <c r="E18375" s="6" t="s">
        <v>9</v>
      </c>
      <c r="F18375" s="7">
        <v>39616</v>
      </c>
      <c r="G18375" s="8">
        <v>1</v>
      </c>
      <c r="H18375" s="8">
        <v>1</v>
      </c>
      <c r="I18375" s="8">
        <v>0</v>
      </c>
      <c r="J18375" s="8">
        <v>1</v>
      </c>
      <c r="K18375" s="9">
        <v>403</v>
      </c>
      <c r="L18375" s="6" t="s">
        <v>51</v>
      </c>
    </row>
    <row r="18376" spans="1:12">
      <c r="A18376" s="6" t="s">
        <v>17224</v>
      </c>
      <c r="B18376" s="6"/>
      <c r="C18376" s="6" t="s">
        <v>18408</v>
      </c>
      <c r="D18376" s="6"/>
      <c r="E18376" s="6" t="s">
        <v>9</v>
      </c>
      <c r="F18376" s="7">
        <v>39616</v>
      </c>
      <c r="G18376" s="8">
        <v>1</v>
      </c>
      <c r="H18376" s="8">
        <v>1</v>
      </c>
      <c r="I18376" s="8">
        <v>0</v>
      </c>
      <c r="J18376" s="8">
        <v>1</v>
      </c>
      <c r="K18376" s="9">
        <v>107</v>
      </c>
      <c r="L18376" s="6" t="s">
        <v>51</v>
      </c>
    </row>
    <row r="18377" spans="1:12">
      <c r="A18377" s="6" t="s">
        <v>17224</v>
      </c>
      <c r="B18377" s="6"/>
      <c r="C18377" s="6" t="s">
        <v>18409</v>
      </c>
      <c r="D18377" s="6"/>
      <c r="E18377" s="6" t="s">
        <v>9</v>
      </c>
      <c r="F18377" s="7">
        <v>39616</v>
      </c>
      <c r="G18377" s="8">
        <v>1</v>
      </c>
      <c r="H18377" s="8">
        <v>1</v>
      </c>
      <c r="I18377" s="8">
        <v>0</v>
      </c>
      <c r="J18377" s="8">
        <v>1</v>
      </c>
      <c r="K18377" s="9">
        <v>381</v>
      </c>
      <c r="L18377" s="6" t="s">
        <v>51</v>
      </c>
    </row>
    <row r="18378" spans="1:12">
      <c r="A18378" s="6" t="s">
        <v>17224</v>
      </c>
      <c r="B18378" s="6"/>
      <c r="C18378" s="6" t="s">
        <v>18410</v>
      </c>
      <c r="D18378" s="6"/>
      <c r="E18378" s="6" t="s">
        <v>9</v>
      </c>
      <c r="F18378" s="7">
        <v>39616</v>
      </c>
      <c r="G18378" s="8">
        <v>1</v>
      </c>
      <c r="H18378" s="8">
        <v>1</v>
      </c>
      <c r="I18378" s="8">
        <v>0</v>
      </c>
      <c r="J18378" s="8">
        <v>1</v>
      </c>
      <c r="K18378" s="9">
        <v>483</v>
      </c>
      <c r="L18378" s="6" t="s">
        <v>51</v>
      </c>
    </row>
    <row r="18379" spans="1:12">
      <c r="A18379" s="6" t="s">
        <v>17224</v>
      </c>
      <c r="B18379" s="6"/>
      <c r="C18379" s="6" t="s">
        <v>18411</v>
      </c>
      <c r="D18379" s="6"/>
      <c r="E18379" s="6" t="s">
        <v>9</v>
      </c>
      <c r="F18379" s="7">
        <v>38657</v>
      </c>
      <c r="G18379" s="8">
        <v>1</v>
      </c>
      <c r="H18379" s="8">
        <v>1</v>
      </c>
      <c r="I18379" s="8">
        <v>0</v>
      </c>
      <c r="J18379" s="8">
        <v>1</v>
      </c>
      <c r="K18379" s="9">
        <v>31</v>
      </c>
      <c r="L18379" s="6" t="s">
        <v>51</v>
      </c>
    </row>
    <row r="18380" spans="1:12">
      <c r="A18380" s="6" t="s">
        <v>17224</v>
      </c>
      <c r="B18380" s="6"/>
      <c r="C18380" s="6" t="s">
        <v>18412</v>
      </c>
      <c r="D18380" s="6"/>
      <c r="E18380" s="6" t="s">
        <v>9</v>
      </c>
      <c r="F18380" s="7">
        <v>39616</v>
      </c>
      <c r="G18380" s="8">
        <v>1</v>
      </c>
      <c r="H18380" s="8">
        <v>1</v>
      </c>
      <c r="I18380" s="8">
        <v>0</v>
      </c>
      <c r="J18380" s="8">
        <v>1</v>
      </c>
      <c r="K18380" s="9">
        <v>566</v>
      </c>
      <c r="L18380" s="6" t="s">
        <v>51</v>
      </c>
    </row>
    <row r="18381" spans="1:12">
      <c r="A18381" s="6" t="s">
        <v>17224</v>
      </c>
      <c r="B18381" s="6"/>
      <c r="C18381" s="6" t="s">
        <v>18413</v>
      </c>
      <c r="D18381" s="6"/>
      <c r="E18381" s="6" t="s">
        <v>9</v>
      </c>
      <c r="F18381" s="7">
        <v>39616</v>
      </c>
      <c r="G18381" s="8">
        <v>1</v>
      </c>
      <c r="H18381" s="8">
        <v>1</v>
      </c>
      <c r="I18381" s="8">
        <v>0</v>
      </c>
      <c r="J18381" s="8">
        <v>1</v>
      </c>
      <c r="K18381" s="9">
        <v>91</v>
      </c>
      <c r="L18381" s="6" t="s">
        <v>51</v>
      </c>
    </row>
    <row r="18382" spans="1:12">
      <c r="A18382" s="6" t="s">
        <v>17224</v>
      </c>
      <c r="B18382" s="6"/>
      <c r="C18382" s="6" t="s">
        <v>18414</v>
      </c>
      <c r="D18382" s="6"/>
      <c r="E18382" s="6" t="s">
        <v>9</v>
      </c>
      <c r="F18382" s="7">
        <v>39616</v>
      </c>
      <c r="G18382" s="8">
        <v>1</v>
      </c>
      <c r="H18382" s="8">
        <v>1</v>
      </c>
      <c r="I18382" s="8">
        <v>0</v>
      </c>
      <c r="J18382" s="8">
        <v>1</v>
      </c>
      <c r="K18382" s="9">
        <v>474</v>
      </c>
      <c r="L18382" s="6" t="s">
        <v>51</v>
      </c>
    </row>
    <row r="18383" spans="1:12">
      <c r="A18383" s="6" t="s">
        <v>17224</v>
      </c>
      <c r="B18383" s="6"/>
      <c r="C18383" s="6" t="s">
        <v>18415</v>
      </c>
      <c r="D18383" s="6"/>
      <c r="E18383" s="6" t="s">
        <v>9</v>
      </c>
      <c r="F18383" s="7">
        <v>39616</v>
      </c>
      <c r="G18383" s="8">
        <v>1</v>
      </c>
      <c r="H18383" s="8">
        <v>1</v>
      </c>
      <c r="I18383" s="8">
        <v>0</v>
      </c>
      <c r="J18383" s="8">
        <v>1</v>
      </c>
      <c r="K18383" s="9">
        <v>769</v>
      </c>
      <c r="L18383" s="6" t="s">
        <v>51</v>
      </c>
    </row>
    <row r="18384" spans="1:12">
      <c r="A18384" s="6" t="s">
        <v>17224</v>
      </c>
      <c r="B18384" s="6"/>
      <c r="C18384" s="6" t="s">
        <v>18416</v>
      </c>
      <c r="D18384" s="6"/>
      <c r="E18384" s="6" t="s">
        <v>9</v>
      </c>
      <c r="F18384" s="7">
        <v>39616</v>
      </c>
      <c r="G18384" s="8">
        <v>1</v>
      </c>
      <c r="H18384" s="8">
        <v>1</v>
      </c>
      <c r="I18384" s="8">
        <v>0</v>
      </c>
      <c r="J18384" s="8">
        <v>1</v>
      </c>
      <c r="K18384" s="9">
        <v>306</v>
      </c>
      <c r="L18384" s="6" t="s">
        <v>51</v>
      </c>
    </row>
    <row r="18385" spans="1:12">
      <c r="A18385" s="6" t="s">
        <v>17224</v>
      </c>
      <c r="B18385" s="6"/>
      <c r="C18385" s="6" t="s">
        <v>18417</v>
      </c>
      <c r="D18385" s="6"/>
      <c r="E18385" s="6" t="s">
        <v>9</v>
      </c>
      <c r="F18385" s="7">
        <v>39616</v>
      </c>
      <c r="G18385" s="8">
        <v>1</v>
      </c>
      <c r="H18385" s="8">
        <v>1</v>
      </c>
      <c r="I18385" s="8">
        <v>0</v>
      </c>
      <c r="J18385" s="8">
        <v>1</v>
      </c>
      <c r="K18385" s="9">
        <v>927</v>
      </c>
      <c r="L18385" s="6" t="s">
        <v>51</v>
      </c>
    </row>
    <row r="18386" spans="1:12">
      <c r="A18386" s="6" t="s">
        <v>17224</v>
      </c>
      <c r="B18386" s="6"/>
      <c r="C18386" s="6" t="s">
        <v>18418</v>
      </c>
      <c r="D18386" s="6"/>
      <c r="E18386" s="6" t="s">
        <v>9</v>
      </c>
      <c r="F18386" s="7">
        <v>39616</v>
      </c>
      <c r="G18386" s="8">
        <v>1</v>
      </c>
      <c r="H18386" s="8">
        <v>1</v>
      </c>
      <c r="I18386" s="8">
        <v>0</v>
      </c>
      <c r="J18386" s="8">
        <v>1</v>
      </c>
      <c r="K18386" s="9">
        <v>662</v>
      </c>
      <c r="L18386" s="6" t="s">
        <v>51</v>
      </c>
    </row>
    <row r="18387" spans="1:12">
      <c r="A18387" s="6" t="s">
        <v>17224</v>
      </c>
      <c r="B18387" s="6"/>
      <c r="C18387" s="6" t="s">
        <v>18419</v>
      </c>
      <c r="D18387" s="6"/>
      <c r="E18387" s="6" t="s">
        <v>9</v>
      </c>
      <c r="F18387" s="7"/>
      <c r="G18387" s="8">
        <v>294500</v>
      </c>
      <c r="H18387" s="8">
        <v>294500</v>
      </c>
      <c r="I18387" s="8">
        <v>0</v>
      </c>
      <c r="J18387" s="8">
        <v>294500</v>
      </c>
      <c r="K18387" s="9">
        <v>19</v>
      </c>
      <c r="L18387" s="6" t="s">
        <v>10</v>
      </c>
    </row>
    <row r="18388" spans="1:12">
      <c r="A18388" s="6" t="s">
        <v>17224</v>
      </c>
      <c r="B18388" s="6"/>
      <c r="C18388" s="6" t="s">
        <v>18420</v>
      </c>
      <c r="D18388" s="6"/>
      <c r="E18388" s="6" t="s">
        <v>9</v>
      </c>
      <c r="F18388" s="7">
        <v>38657</v>
      </c>
      <c r="G18388" s="8">
        <v>1</v>
      </c>
      <c r="H18388" s="8">
        <v>1</v>
      </c>
      <c r="I18388" s="8">
        <v>0</v>
      </c>
      <c r="J18388" s="8">
        <v>1</v>
      </c>
      <c r="K18388" s="9">
        <v>24.82</v>
      </c>
      <c r="L18388" s="6" t="s">
        <v>51</v>
      </c>
    </row>
    <row r="18389" spans="1:12">
      <c r="A18389" s="6" t="s">
        <v>17224</v>
      </c>
      <c r="B18389" s="6"/>
      <c r="C18389" s="6" t="s">
        <v>18421</v>
      </c>
      <c r="D18389" s="6"/>
      <c r="E18389" s="6" t="s">
        <v>9</v>
      </c>
      <c r="F18389" s="7">
        <v>38657</v>
      </c>
      <c r="G18389" s="8">
        <v>1</v>
      </c>
      <c r="H18389" s="8">
        <v>1</v>
      </c>
      <c r="I18389" s="8">
        <v>0</v>
      </c>
      <c r="J18389" s="8">
        <v>1</v>
      </c>
      <c r="K18389" s="9">
        <v>10.77</v>
      </c>
      <c r="L18389" s="6" t="s">
        <v>51</v>
      </c>
    </row>
    <row r="18390" spans="1:12">
      <c r="A18390" s="6" t="s">
        <v>17224</v>
      </c>
      <c r="B18390" s="6"/>
      <c r="C18390" s="6" t="s">
        <v>18422</v>
      </c>
      <c r="D18390" s="6"/>
      <c r="E18390" s="6" t="s">
        <v>9</v>
      </c>
      <c r="F18390" s="7">
        <v>38657</v>
      </c>
      <c r="G18390" s="8">
        <v>1</v>
      </c>
      <c r="H18390" s="8">
        <v>1</v>
      </c>
      <c r="I18390" s="8">
        <v>0</v>
      </c>
      <c r="J18390" s="8">
        <v>1</v>
      </c>
      <c r="K18390" s="9">
        <v>91</v>
      </c>
      <c r="L18390" s="6" t="s">
        <v>51</v>
      </c>
    </row>
    <row r="18391" spans="1:12">
      <c r="A18391" s="6" t="s">
        <v>17224</v>
      </c>
      <c r="B18391" s="6"/>
      <c r="C18391" s="6" t="s">
        <v>18423</v>
      </c>
      <c r="D18391" s="6"/>
      <c r="E18391" s="6" t="s">
        <v>9</v>
      </c>
      <c r="F18391" s="7">
        <v>38657</v>
      </c>
      <c r="G18391" s="8">
        <v>1</v>
      </c>
      <c r="H18391" s="8">
        <v>1</v>
      </c>
      <c r="I18391" s="8">
        <v>0</v>
      </c>
      <c r="J18391" s="8">
        <v>1</v>
      </c>
      <c r="K18391" s="9">
        <v>7.5</v>
      </c>
      <c r="L18391" s="6" t="s">
        <v>51</v>
      </c>
    </row>
    <row r="18392" spans="1:12">
      <c r="A18392" s="6" t="s">
        <v>17224</v>
      </c>
      <c r="B18392" s="6"/>
      <c r="C18392" s="6" t="s">
        <v>18424</v>
      </c>
      <c r="D18392" s="6"/>
      <c r="E18392" s="6" t="s">
        <v>9</v>
      </c>
      <c r="F18392" s="7">
        <v>38657</v>
      </c>
      <c r="G18392" s="8">
        <v>1</v>
      </c>
      <c r="H18392" s="8">
        <v>1</v>
      </c>
      <c r="I18392" s="8">
        <v>0</v>
      </c>
      <c r="J18392" s="8">
        <v>1</v>
      </c>
      <c r="K18392" s="9">
        <v>99</v>
      </c>
      <c r="L18392" s="6" t="s">
        <v>51</v>
      </c>
    </row>
    <row r="18393" spans="1:12">
      <c r="A18393" s="6" t="s">
        <v>17224</v>
      </c>
      <c r="B18393" s="6"/>
      <c r="C18393" s="6" t="s">
        <v>18425</v>
      </c>
      <c r="D18393" s="6"/>
      <c r="E18393" s="6" t="s">
        <v>9</v>
      </c>
      <c r="F18393" s="7">
        <v>38657</v>
      </c>
      <c r="G18393" s="8">
        <v>1</v>
      </c>
      <c r="H18393" s="8">
        <v>1</v>
      </c>
      <c r="I18393" s="8">
        <v>0</v>
      </c>
      <c r="J18393" s="8">
        <v>1</v>
      </c>
      <c r="K18393" s="9">
        <v>68</v>
      </c>
      <c r="L18393" s="6" t="s">
        <v>51</v>
      </c>
    </row>
    <row r="18394" spans="1:12">
      <c r="A18394" s="6" t="s">
        <v>17224</v>
      </c>
      <c r="B18394" s="6"/>
      <c r="C18394" s="6" t="s">
        <v>18426</v>
      </c>
      <c r="D18394" s="6"/>
      <c r="E18394" s="6" t="s">
        <v>9</v>
      </c>
      <c r="F18394" s="7">
        <v>38657</v>
      </c>
      <c r="G18394" s="8">
        <v>1</v>
      </c>
      <c r="H18394" s="8">
        <v>1</v>
      </c>
      <c r="I18394" s="8">
        <v>0</v>
      </c>
      <c r="J18394" s="8">
        <v>1</v>
      </c>
      <c r="K18394" s="9">
        <v>310</v>
      </c>
      <c r="L18394" s="6" t="s">
        <v>51</v>
      </c>
    </row>
    <row r="18395" spans="1:12">
      <c r="A18395" s="6" t="s">
        <v>17224</v>
      </c>
      <c r="B18395" s="6"/>
      <c r="C18395" s="6" t="s">
        <v>18427</v>
      </c>
      <c r="D18395" s="6"/>
      <c r="E18395" s="6" t="s">
        <v>9</v>
      </c>
      <c r="F18395" s="7">
        <v>38657</v>
      </c>
      <c r="G18395" s="8">
        <v>1</v>
      </c>
      <c r="H18395" s="8">
        <v>1</v>
      </c>
      <c r="I18395" s="8">
        <v>0</v>
      </c>
      <c r="J18395" s="8">
        <v>1</v>
      </c>
      <c r="K18395" s="9">
        <v>80</v>
      </c>
      <c r="L18395" s="6" t="s">
        <v>51</v>
      </c>
    </row>
    <row r="18396" spans="1:12">
      <c r="A18396" s="6" t="s">
        <v>17224</v>
      </c>
      <c r="B18396" s="6"/>
      <c r="C18396" s="6" t="s">
        <v>18428</v>
      </c>
      <c r="D18396" s="6"/>
      <c r="E18396" s="6" t="s">
        <v>9</v>
      </c>
      <c r="F18396" s="7">
        <v>38657</v>
      </c>
      <c r="G18396" s="8">
        <v>1</v>
      </c>
      <c r="H18396" s="8">
        <v>1</v>
      </c>
      <c r="I18396" s="8">
        <v>0</v>
      </c>
      <c r="J18396" s="8">
        <v>1</v>
      </c>
      <c r="K18396" s="9">
        <v>19</v>
      </c>
      <c r="L18396" s="6" t="s">
        <v>51</v>
      </c>
    </row>
    <row r="18397" spans="1:12">
      <c r="A18397" s="6" t="s">
        <v>17224</v>
      </c>
      <c r="B18397" s="6"/>
      <c r="C18397" s="6" t="s">
        <v>18429</v>
      </c>
      <c r="D18397" s="6"/>
      <c r="E18397" s="6" t="s">
        <v>9</v>
      </c>
      <c r="F18397" s="7">
        <v>38657</v>
      </c>
      <c r="G18397" s="8">
        <v>1</v>
      </c>
      <c r="H18397" s="8">
        <v>1</v>
      </c>
      <c r="I18397" s="8">
        <v>0</v>
      </c>
      <c r="J18397" s="8">
        <v>1</v>
      </c>
      <c r="K18397" s="9">
        <v>56</v>
      </c>
      <c r="L18397" s="6" t="s">
        <v>51</v>
      </c>
    </row>
    <row r="18398" spans="1:12">
      <c r="A18398" s="6" t="s">
        <v>17224</v>
      </c>
      <c r="B18398" s="6"/>
      <c r="C18398" s="6" t="s">
        <v>18430</v>
      </c>
      <c r="D18398" s="6"/>
      <c r="E18398" s="6" t="s">
        <v>9</v>
      </c>
      <c r="F18398" s="7">
        <v>38657</v>
      </c>
      <c r="G18398" s="8">
        <v>1</v>
      </c>
      <c r="H18398" s="8">
        <v>1</v>
      </c>
      <c r="I18398" s="8">
        <v>0</v>
      </c>
      <c r="J18398" s="8">
        <v>1</v>
      </c>
      <c r="K18398" s="9">
        <v>12</v>
      </c>
      <c r="L18398" s="6" t="s">
        <v>51</v>
      </c>
    </row>
    <row r="18399" spans="1:12">
      <c r="A18399" s="6" t="s">
        <v>17224</v>
      </c>
      <c r="B18399" s="6"/>
      <c r="C18399" s="6" t="s">
        <v>18431</v>
      </c>
      <c r="D18399" s="6"/>
      <c r="E18399" s="6" t="s">
        <v>9</v>
      </c>
      <c r="F18399" s="7">
        <v>38657</v>
      </c>
      <c r="G18399" s="8">
        <v>1</v>
      </c>
      <c r="H18399" s="8">
        <v>1</v>
      </c>
      <c r="I18399" s="8">
        <v>0</v>
      </c>
      <c r="J18399" s="8">
        <v>1</v>
      </c>
      <c r="K18399" s="9">
        <v>29</v>
      </c>
      <c r="L18399" s="6" t="s">
        <v>51</v>
      </c>
    </row>
    <row r="18400" spans="1:12">
      <c r="A18400" s="6" t="s">
        <v>17224</v>
      </c>
      <c r="B18400" s="6"/>
      <c r="C18400" s="6" t="s">
        <v>18432</v>
      </c>
      <c r="D18400" s="6"/>
      <c r="E18400" s="6" t="s">
        <v>9</v>
      </c>
      <c r="F18400" s="7">
        <v>38657</v>
      </c>
      <c r="G18400" s="8">
        <v>1</v>
      </c>
      <c r="H18400" s="8">
        <v>1</v>
      </c>
      <c r="I18400" s="8">
        <v>0</v>
      </c>
      <c r="J18400" s="8">
        <v>1</v>
      </c>
      <c r="K18400" s="9">
        <v>39</v>
      </c>
      <c r="L18400" s="6" t="s">
        <v>51</v>
      </c>
    </row>
    <row r="18401" spans="1:12">
      <c r="A18401" s="6" t="s">
        <v>17224</v>
      </c>
      <c r="B18401" s="6"/>
      <c r="C18401" s="6" t="s">
        <v>18433</v>
      </c>
      <c r="D18401" s="6"/>
      <c r="E18401" s="6" t="s">
        <v>9</v>
      </c>
      <c r="F18401" s="7">
        <v>38657</v>
      </c>
      <c r="G18401" s="8">
        <v>1</v>
      </c>
      <c r="H18401" s="8">
        <v>1</v>
      </c>
      <c r="I18401" s="8">
        <v>0</v>
      </c>
      <c r="J18401" s="8">
        <v>1</v>
      </c>
      <c r="K18401" s="9">
        <v>66</v>
      </c>
      <c r="L18401" s="6" t="s">
        <v>51</v>
      </c>
    </row>
    <row r="18402" spans="1:12">
      <c r="A18402" s="6" t="s">
        <v>17224</v>
      </c>
      <c r="B18402" s="6"/>
      <c r="C18402" s="6" t="s">
        <v>18434</v>
      </c>
      <c r="D18402" s="6"/>
      <c r="E18402" s="6" t="s">
        <v>9</v>
      </c>
      <c r="F18402" s="7">
        <v>38657</v>
      </c>
      <c r="G18402" s="8">
        <v>1</v>
      </c>
      <c r="H18402" s="8">
        <v>1</v>
      </c>
      <c r="I18402" s="8">
        <v>0</v>
      </c>
      <c r="J18402" s="8">
        <v>1</v>
      </c>
      <c r="K18402" s="9">
        <v>87</v>
      </c>
      <c r="L18402" s="6" t="s">
        <v>51</v>
      </c>
    </row>
    <row r="18403" spans="1:12">
      <c r="A18403" s="6" t="s">
        <v>17224</v>
      </c>
      <c r="B18403" s="6"/>
      <c r="C18403" s="6" t="s">
        <v>18435</v>
      </c>
      <c r="D18403" s="6"/>
      <c r="E18403" s="6" t="s">
        <v>9</v>
      </c>
      <c r="F18403" s="7">
        <v>38657</v>
      </c>
      <c r="G18403" s="8">
        <v>1</v>
      </c>
      <c r="H18403" s="8">
        <v>1</v>
      </c>
      <c r="I18403" s="8">
        <v>0</v>
      </c>
      <c r="J18403" s="8">
        <v>1</v>
      </c>
      <c r="K18403" s="9">
        <v>39</v>
      </c>
      <c r="L18403" s="6" t="s">
        <v>51</v>
      </c>
    </row>
    <row r="18404" spans="1:12">
      <c r="A18404" s="6" t="s">
        <v>17224</v>
      </c>
      <c r="B18404" s="6"/>
      <c r="C18404" s="6" t="s">
        <v>18436</v>
      </c>
      <c r="D18404" s="6"/>
      <c r="E18404" s="6" t="s">
        <v>9</v>
      </c>
      <c r="F18404" s="7">
        <v>38657</v>
      </c>
      <c r="G18404" s="8">
        <v>1</v>
      </c>
      <c r="H18404" s="8">
        <v>1</v>
      </c>
      <c r="I18404" s="8">
        <v>0</v>
      </c>
      <c r="J18404" s="8">
        <v>1</v>
      </c>
      <c r="K18404" s="9">
        <v>29</v>
      </c>
      <c r="L18404" s="6" t="s">
        <v>51</v>
      </c>
    </row>
    <row r="18405" spans="1:12">
      <c r="A18405" s="6" t="s">
        <v>17224</v>
      </c>
      <c r="B18405" s="6"/>
      <c r="C18405" s="6" t="s">
        <v>18437</v>
      </c>
      <c r="D18405" s="6"/>
      <c r="E18405" s="6" t="s">
        <v>9</v>
      </c>
      <c r="F18405" s="7">
        <v>38657</v>
      </c>
      <c r="G18405" s="8">
        <v>1</v>
      </c>
      <c r="H18405" s="8">
        <v>1</v>
      </c>
      <c r="I18405" s="8">
        <v>0</v>
      </c>
      <c r="J18405" s="8">
        <v>1</v>
      </c>
      <c r="K18405" s="9">
        <v>21</v>
      </c>
      <c r="L18405" s="6" t="s">
        <v>51</v>
      </c>
    </row>
    <row r="18406" spans="1:12">
      <c r="A18406" s="6" t="s">
        <v>17224</v>
      </c>
      <c r="B18406" s="6"/>
      <c r="C18406" s="6" t="s">
        <v>18438</v>
      </c>
      <c r="D18406" s="6"/>
      <c r="E18406" s="6" t="s">
        <v>9</v>
      </c>
      <c r="F18406" s="7">
        <v>38657</v>
      </c>
      <c r="G18406" s="8">
        <v>1</v>
      </c>
      <c r="H18406" s="8">
        <v>1</v>
      </c>
      <c r="I18406" s="8">
        <v>0</v>
      </c>
      <c r="J18406" s="8">
        <v>1</v>
      </c>
      <c r="K18406" s="9">
        <v>29</v>
      </c>
      <c r="L18406" s="6" t="s">
        <v>51</v>
      </c>
    </row>
    <row r="18407" spans="1:12">
      <c r="A18407" s="6" t="s">
        <v>17224</v>
      </c>
      <c r="B18407" s="6"/>
      <c r="C18407" s="6" t="s">
        <v>18439</v>
      </c>
      <c r="D18407" s="6"/>
      <c r="E18407" s="6" t="s">
        <v>9</v>
      </c>
      <c r="F18407" s="7">
        <v>38657</v>
      </c>
      <c r="G18407" s="8">
        <v>1</v>
      </c>
      <c r="H18407" s="8">
        <v>1</v>
      </c>
      <c r="I18407" s="8">
        <v>0</v>
      </c>
      <c r="J18407" s="8">
        <v>1</v>
      </c>
      <c r="K18407" s="9">
        <v>18</v>
      </c>
      <c r="L18407" s="6" t="s">
        <v>51</v>
      </c>
    </row>
    <row r="18408" spans="1:12">
      <c r="A18408" s="6" t="s">
        <v>17224</v>
      </c>
      <c r="B18408" s="6"/>
      <c r="C18408" s="6" t="s">
        <v>18440</v>
      </c>
      <c r="D18408" s="6"/>
      <c r="E18408" s="6" t="s">
        <v>9</v>
      </c>
      <c r="F18408" s="7">
        <v>38657</v>
      </c>
      <c r="G18408" s="8">
        <v>1</v>
      </c>
      <c r="H18408" s="8">
        <v>1</v>
      </c>
      <c r="I18408" s="8">
        <v>0</v>
      </c>
      <c r="J18408" s="8">
        <v>1</v>
      </c>
      <c r="K18408" s="9">
        <v>45</v>
      </c>
      <c r="L18408" s="6" t="s">
        <v>51</v>
      </c>
    </row>
    <row r="18409" spans="1:12">
      <c r="A18409" s="6" t="s">
        <v>17224</v>
      </c>
      <c r="B18409" s="6"/>
      <c r="C18409" s="6" t="s">
        <v>18441</v>
      </c>
      <c r="D18409" s="6"/>
      <c r="E18409" s="6" t="s">
        <v>9</v>
      </c>
      <c r="F18409" s="7">
        <v>38657</v>
      </c>
      <c r="G18409" s="8">
        <v>1</v>
      </c>
      <c r="H18409" s="8">
        <v>1</v>
      </c>
      <c r="I18409" s="8">
        <v>0</v>
      </c>
      <c r="J18409" s="8">
        <v>1</v>
      </c>
      <c r="K18409" s="9">
        <v>23</v>
      </c>
      <c r="L18409" s="6" t="s">
        <v>51</v>
      </c>
    </row>
    <row r="18410" spans="1:12">
      <c r="A18410" s="6" t="s">
        <v>17224</v>
      </c>
      <c r="B18410" s="6"/>
      <c r="C18410" s="6" t="s">
        <v>18442</v>
      </c>
      <c r="D18410" s="6"/>
      <c r="E18410" s="6" t="s">
        <v>9</v>
      </c>
      <c r="F18410" s="7">
        <v>38657</v>
      </c>
      <c r="G18410" s="8">
        <v>1</v>
      </c>
      <c r="H18410" s="8">
        <v>1</v>
      </c>
      <c r="I18410" s="8">
        <v>0</v>
      </c>
      <c r="J18410" s="8">
        <v>1</v>
      </c>
      <c r="K18410" s="9">
        <v>69</v>
      </c>
      <c r="L18410" s="6" t="s">
        <v>51</v>
      </c>
    </row>
    <row r="18411" spans="1:12">
      <c r="A18411" s="6" t="s">
        <v>17224</v>
      </c>
      <c r="B18411" s="6"/>
      <c r="C18411" s="6" t="s">
        <v>18443</v>
      </c>
      <c r="D18411" s="6"/>
      <c r="E18411" s="6" t="s">
        <v>9</v>
      </c>
      <c r="F18411" s="7">
        <v>38657</v>
      </c>
      <c r="G18411" s="8">
        <v>1</v>
      </c>
      <c r="H18411" s="8">
        <v>1</v>
      </c>
      <c r="I18411" s="8">
        <v>0</v>
      </c>
      <c r="J18411" s="8">
        <v>1</v>
      </c>
      <c r="K18411" s="9">
        <v>65</v>
      </c>
      <c r="L18411" s="6" t="s">
        <v>51</v>
      </c>
    </row>
    <row r="18412" spans="1:12">
      <c r="A18412" s="6" t="s">
        <v>17224</v>
      </c>
      <c r="B18412" s="6"/>
      <c r="C18412" s="6" t="s">
        <v>18444</v>
      </c>
      <c r="D18412" s="6"/>
      <c r="E18412" s="6" t="s">
        <v>9</v>
      </c>
      <c r="F18412" s="7">
        <v>38657</v>
      </c>
      <c r="G18412" s="8">
        <v>1</v>
      </c>
      <c r="H18412" s="8">
        <v>1</v>
      </c>
      <c r="I18412" s="8">
        <v>0</v>
      </c>
      <c r="J18412" s="8">
        <v>1</v>
      </c>
      <c r="K18412" s="9">
        <v>68</v>
      </c>
      <c r="L18412" s="6" t="s">
        <v>51</v>
      </c>
    </row>
    <row r="18413" spans="1:12">
      <c r="A18413" s="6" t="s">
        <v>17224</v>
      </c>
      <c r="B18413" s="6"/>
      <c r="C18413" s="6" t="s">
        <v>18445</v>
      </c>
      <c r="D18413" s="6"/>
      <c r="E18413" s="6" t="s">
        <v>9</v>
      </c>
      <c r="F18413" s="7">
        <v>38657</v>
      </c>
      <c r="G18413" s="8">
        <v>1</v>
      </c>
      <c r="H18413" s="8">
        <v>1</v>
      </c>
      <c r="I18413" s="8">
        <v>0</v>
      </c>
      <c r="J18413" s="8">
        <v>1</v>
      </c>
      <c r="K18413" s="9">
        <v>61</v>
      </c>
      <c r="L18413" s="6" t="s">
        <v>51</v>
      </c>
    </row>
    <row r="18414" spans="1:12">
      <c r="A18414" s="6" t="s">
        <v>17224</v>
      </c>
      <c r="B18414" s="6"/>
      <c r="C18414" s="6" t="s">
        <v>18446</v>
      </c>
      <c r="D18414" s="6"/>
      <c r="E18414" s="6" t="s">
        <v>9</v>
      </c>
      <c r="F18414" s="7">
        <v>38657</v>
      </c>
      <c r="G18414" s="8">
        <v>1</v>
      </c>
      <c r="H18414" s="8">
        <v>1</v>
      </c>
      <c r="I18414" s="8">
        <v>0</v>
      </c>
      <c r="J18414" s="8">
        <v>1</v>
      </c>
      <c r="K18414" s="9">
        <v>44</v>
      </c>
      <c r="L18414" s="6" t="s">
        <v>51</v>
      </c>
    </row>
    <row r="18415" spans="1:12">
      <c r="A18415" s="6" t="s">
        <v>17224</v>
      </c>
      <c r="B18415" s="6"/>
      <c r="C18415" s="6" t="s">
        <v>18447</v>
      </c>
      <c r="D18415" s="6"/>
      <c r="E18415" s="6" t="s">
        <v>9</v>
      </c>
      <c r="F18415" s="7">
        <v>38657</v>
      </c>
      <c r="G18415" s="8">
        <v>1</v>
      </c>
      <c r="H18415" s="8">
        <v>1</v>
      </c>
      <c r="I18415" s="8">
        <v>0</v>
      </c>
      <c r="J18415" s="8">
        <v>1</v>
      </c>
      <c r="K18415" s="9">
        <v>1.21</v>
      </c>
      <c r="L18415" s="6" t="s">
        <v>51</v>
      </c>
    </row>
    <row r="18416" spans="1:12">
      <c r="A18416" s="6" t="s">
        <v>17224</v>
      </c>
      <c r="B18416" s="6"/>
      <c r="C18416" s="6" t="s">
        <v>18448</v>
      </c>
      <c r="D18416" s="6"/>
      <c r="E18416" s="6" t="s">
        <v>9</v>
      </c>
      <c r="F18416" s="7">
        <v>38657</v>
      </c>
      <c r="G18416" s="8">
        <v>1</v>
      </c>
      <c r="H18416" s="8">
        <v>1</v>
      </c>
      <c r="I18416" s="8">
        <v>0</v>
      </c>
      <c r="J18416" s="8">
        <v>1</v>
      </c>
      <c r="K18416" s="9">
        <v>13</v>
      </c>
      <c r="L18416" s="6" t="s">
        <v>51</v>
      </c>
    </row>
    <row r="18417" spans="1:12">
      <c r="A18417" s="6" t="s">
        <v>17224</v>
      </c>
      <c r="B18417" s="6"/>
      <c r="C18417" s="6" t="s">
        <v>18449</v>
      </c>
      <c r="D18417" s="6"/>
      <c r="E18417" s="6" t="s">
        <v>9</v>
      </c>
      <c r="F18417" s="7">
        <v>38657</v>
      </c>
      <c r="G18417" s="8">
        <v>1</v>
      </c>
      <c r="H18417" s="8">
        <v>1</v>
      </c>
      <c r="I18417" s="8">
        <v>0</v>
      </c>
      <c r="J18417" s="8">
        <v>1</v>
      </c>
      <c r="K18417" s="9">
        <v>361</v>
      </c>
      <c r="L18417" s="6" t="s">
        <v>51</v>
      </c>
    </row>
    <row r="18418" spans="1:12">
      <c r="A18418" s="6" t="s">
        <v>17224</v>
      </c>
      <c r="B18418" s="6"/>
      <c r="C18418" s="6" t="s">
        <v>18450</v>
      </c>
      <c r="D18418" s="6"/>
      <c r="E18418" s="6" t="s">
        <v>9</v>
      </c>
      <c r="F18418" s="7">
        <v>38657</v>
      </c>
      <c r="G18418" s="8">
        <v>1</v>
      </c>
      <c r="H18418" s="8">
        <v>1</v>
      </c>
      <c r="I18418" s="8">
        <v>0</v>
      </c>
      <c r="J18418" s="8">
        <v>1</v>
      </c>
      <c r="K18418" s="9">
        <v>133</v>
      </c>
      <c r="L18418" s="6" t="s">
        <v>51</v>
      </c>
    </row>
    <row r="18419" spans="1:12">
      <c r="A18419" s="6" t="s">
        <v>17224</v>
      </c>
      <c r="B18419" s="6"/>
      <c r="C18419" s="6" t="s">
        <v>18451</v>
      </c>
      <c r="D18419" s="6"/>
      <c r="E18419" s="6" t="s">
        <v>9</v>
      </c>
      <c r="F18419" s="7">
        <v>38657</v>
      </c>
      <c r="G18419" s="8">
        <v>1</v>
      </c>
      <c r="H18419" s="8">
        <v>1</v>
      </c>
      <c r="I18419" s="8">
        <v>0</v>
      </c>
      <c r="J18419" s="8">
        <v>1</v>
      </c>
      <c r="K18419" s="9">
        <v>29</v>
      </c>
      <c r="L18419" s="6" t="s">
        <v>51</v>
      </c>
    </row>
    <row r="18420" spans="1:12">
      <c r="A18420" s="6" t="s">
        <v>17224</v>
      </c>
      <c r="B18420" s="6"/>
      <c r="C18420" s="6" t="s">
        <v>18452</v>
      </c>
      <c r="D18420" s="6"/>
      <c r="E18420" s="6" t="s">
        <v>9</v>
      </c>
      <c r="F18420" s="7">
        <v>38657</v>
      </c>
      <c r="G18420" s="8">
        <v>1</v>
      </c>
      <c r="H18420" s="8">
        <v>1</v>
      </c>
      <c r="I18420" s="8">
        <v>0</v>
      </c>
      <c r="J18420" s="8">
        <v>1</v>
      </c>
      <c r="K18420" s="9">
        <v>15</v>
      </c>
      <c r="L18420" s="6" t="s">
        <v>51</v>
      </c>
    </row>
    <row r="18421" spans="1:12">
      <c r="A18421" s="6" t="s">
        <v>17224</v>
      </c>
      <c r="B18421" s="6"/>
      <c r="C18421" s="6" t="s">
        <v>18453</v>
      </c>
      <c r="D18421" s="6"/>
      <c r="E18421" s="6" t="s">
        <v>9</v>
      </c>
      <c r="F18421" s="7">
        <v>38657</v>
      </c>
      <c r="G18421" s="8">
        <v>1</v>
      </c>
      <c r="H18421" s="8">
        <v>1</v>
      </c>
      <c r="I18421" s="8">
        <v>0</v>
      </c>
      <c r="J18421" s="8">
        <v>1</v>
      </c>
      <c r="K18421" s="9">
        <v>159</v>
      </c>
      <c r="L18421" s="6" t="s">
        <v>51</v>
      </c>
    </row>
    <row r="18422" spans="1:12">
      <c r="A18422" s="6" t="s">
        <v>17224</v>
      </c>
      <c r="B18422" s="6"/>
      <c r="C18422" s="6" t="s">
        <v>18454</v>
      </c>
      <c r="D18422" s="6"/>
      <c r="E18422" s="6" t="s">
        <v>9</v>
      </c>
      <c r="F18422" s="7">
        <v>38657</v>
      </c>
      <c r="G18422" s="8">
        <v>1</v>
      </c>
      <c r="H18422" s="8">
        <v>1</v>
      </c>
      <c r="I18422" s="8">
        <v>0</v>
      </c>
      <c r="J18422" s="8">
        <v>1</v>
      </c>
      <c r="K18422" s="9">
        <v>22</v>
      </c>
      <c r="L18422" s="6" t="s">
        <v>51</v>
      </c>
    </row>
    <row r="18423" spans="1:12">
      <c r="A18423" s="6" t="s">
        <v>17224</v>
      </c>
      <c r="B18423" s="6"/>
      <c r="C18423" s="6" t="s">
        <v>18455</v>
      </c>
      <c r="D18423" s="6"/>
      <c r="E18423" s="6" t="s">
        <v>9</v>
      </c>
      <c r="F18423" s="7">
        <v>38657</v>
      </c>
      <c r="G18423" s="8">
        <v>1</v>
      </c>
      <c r="H18423" s="8">
        <v>1</v>
      </c>
      <c r="I18423" s="8">
        <v>0</v>
      </c>
      <c r="J18423" s="8">
        <v>1</v>
      </c>
      <c r="K18423" s="9">
        <v>56</v>
      </c>
      <c r="L18423" s="6" t="s">
        <v>51</v>
      </c>
    </row>
    <row r="18424" spans="1:12">
      <c r="A18424" s="6" t="s">
        <v>17224</v>
      </c>
      <c r="B18424" s="6"/>
      <c r="C18424" s="6" t="s">
        <v>18456</v>
      </c>
      <c r="D18424" s="6"/>
      <c r="E18424" s="6" t="s">
        <v>9</v>
      </c>
      <c r="F18424" s="7">
        <v>38657</v>
      </c>
      <c r="G18424" s="8">
        <v>1</v>
      </c>
      <c r="H18424" s="8">
        <v>1</v>
      </c>
      <c r="I18424" s="8">
        <v>0</v>
      </c>
      <c r="J18424" s="8">
        <v>1</v>
      </c>
      <c r="K18424" s="9">
        <v>127</v>
      </c>
      <c r="L18424" s="6" t="s">
        <v>51</v>
      </c>
    </row>
    <row r="18425" spans="1:12">
      <c r="A18425" s="6" t="s">
        <v>17224</v>
      </c>
      <c r="B18425" s="6"/>
      <c r="C18425" s="6" t="s">
        <v>18457</v>
      </c>
      <c r="D18425" s="6"/>
      <c r="E18425" s="6" t="s">
        <v>9</v>
      </c>
      <c r="F18425" s="7">
        <v>38657</v>
      </c>
      <c r="G18425" s="8">
        <v>1</v>
      </c>
      <c r="H18425" s="8">
        <v>1</v>
      </c>
      <c r="I18425" s="8">
        <v>0</v>
      </c>
      <c r="J18425" s="8">
        <v>1</v>
      </c>
      <c r="K18425" s="9">
        <v>198</v>
      </c>
      <c r="L18425" s="6" t="s">
        <v>51</v>
      </c>
    </row>
    <row r="18426" spans="1:12">
      <c r="A18426" s="6" t="s">
        <v>17224</v>
      </c>
      <c r="B18426" s="6"/>
      <c r="C18426" s="6" t="s">
        <v>18458</v>
      </c>
      <c r="D18426" s="6"/>
      <c r="E18426" s="6" t="s">
        <v>9</v>
      </c>
      <c r="F18426" s="7">
        <v>38657</v>
      </c>
      <c r="G18426" s="8">
        <v>1</v>
      </c>
      <c r="H18426" s="8">
        <v>1</v>
      </c>
      <c r="I18426" s="8">
        <v>0</v>
      </c>
      <c r="J18426" s="8">
        <v>1</v>
      </c>
      <c r="K18426" s="9">
        <v>11</v>
      </c>
      <c r="L18426" s="6" t="s">
        <v>51</v>
      </c>
    </row>
    <row r="18427" spans="1:12">
      <c r="A18427" s="6" t="s">
        <v>17224</v>
      </c>
      <c r="B18427" s="6"/>
      <c r="C18427" s="6" t="s">
        <v>18459</v>
      </c>
      <c r="D18427" s="6"/>
      <c r="E18427" s="6" t="s">
        <v>9</v>
      </c>
      <c r="F18427" s="7">
        <v>38657</v>
      </c>
      <c r="G18427" s="8">
        <v>1</v>
      </c>
      <c r="H18427" s="8">
        <v>1</v>
      </c>
      <c r="I18427" s="8">
        <v>0</v>
      </c>
      <c r="J18427" s="8">
        <v>1</v>
      </c>
      <c r="K18427" s="9">
        <v>17</v>
      </c>
      <c r="L18427" s="6" t="s">
        <v>51</v>
      </c>
    </row>
    <row r="18428" spans="1:12">
      <c r="A18428" s="6" t="s">
        <v>17224</v>
      </c>
      <c r="B18428" s="6"/>
      <c r="C18428" s="6" t="s">
        <v>18460</v>
      </c>
      <c r="D18428" s="6"/>
      <c r="E18428" s="6" t="s">
        <v>9</v>
      </c>
      <c r="F18428" s="7">
        <v>38657</v>
      </c>
      <c r="G18428" s="8">
        <v>1</v>
      </c>
      <c r="H18428" s="8">
        <v>1</v>
      </c>
      <c r="I18428" s="8">
        <v>0</v>
      </c>
      <c r="J18428" s="8">
        <v>1</v>
      </c>
      <c r="K18428" s="9">
        <v>9.91</v>
      </c>
      <c r="L18428" s="6" t="s">
        <v>51</v>
      </c>
    </row>
    <row r="18429" spans="1:12">
      <c r="A18429" s="6" t="s">
        <v>17224</v>
      </c>
      <c r="B18429" s="6"/>
      <c r="C18429" s="6" t="s">
        <v>18461</v>
      </c>
      <c r="D18429" s="6"/>
      <c r="E18429" s="6" t="s">
        <v>9</v>
      </c>
      <c r="F18429" s="7">
        <v>38657</v>
      </c>
      <c r="G18429" s="8">
        <v>1</v>
      </c>
      <c r="H18429" s="8">
        <v>1</v>
      </c>
      <c r="I18429" s="8">
        <v>0</v>
      </c>
      <c r="J18429" s="8">
        <v>1</v>
      </c>
      <c r="K18429" s="9">
        <v>14</v>
      </c>
      <c r="L18429" s="6" t="s">
        <v>51</v>
      </c>
    </row>
    <row r="18430" spans="1:12">
      <c r="A18430" s="6" t="s">
        <v>17224</v>
      </c>
      <c r="B18430" s="6"/>
      <c r="C18430" s="6" t="s">
        <v>18462</v>
      </c>
      <c r="D18430" s="6"/>
      <c r="E18430" s="6" t="s">
        <v>9</v>
      </c>
      <c r="F18430" s="7">
        <v>38657</v>
      </c>
      <c r="G18430" s="8">
        <v>1</v>
      </c>
      <c r="H18430" s="8">
        <v>1</v>
      </c>
      <c r="I18430" s="8">
        <v>0</v>
      </c>
      <c r="J18430" s="8">
        <v>1</v>
      </c>
      <c r="K18430" s="9">
        <v>11</v>
      </c>
      <c r="L18430" s="6" t="s">
        <v>51</v>
      </c>
    </row>
    <row r="18431" spans="1:12">
      <c r="A18431" s="6" t="s">
        <v>17224</v>
      </c>
      <c r="B18431" s="6"/>
      <c r="C18431" s="6" t="s">
        <v>18463</v>
      </c>
      <c r="D18431" s="6"/>
      <c r="E18431" s="6" t="s">
        <v>9</v>
      </c>
      <c r="F18431" s="7">
        <v>38657</v>
      </c>
      <c r="G18431" s="8">
        <v>1</v>
      </c>
      <c r="H18431" s="8">
        <v>1</v>
      </c>
      <c r="I18431" s="8">
        <v>0</v>
      </c>
      <c r="J18431" s="8">
        <v>1</v>
      </c>
      <c r="K18431" s="9">
        <v>13</v>
      </c>
      <c r="L18431" s="6" t="s">
        <v>51</v>
      </c>
    </row>
    <row r="18432" spans="1:12">
      <c r="A18432" s="6" t="s">
        <v>17224</v>
      </c>
      <c r="B18432" s="6"/>
      <c r="C18432" s="6" t="s">
        <v>18464</v>
      </c>
      <c r="D18432" s="6"/>
      <c r="E18432" s="6" t="s">
        <v>9</v>
      </c>
      <c r="F18432" s="7">
        <v>38657</v>
      </c>
      <c r="G18432" s="8">
        <v>1</v>
      </c>
      <c r="H18432" s="8">
        <v>1</v>
      </c>
      <c r="I18432" s="8">
        <v>0</v>
      </c>
      <c r="J18432" s="8">
        <v>1</v>
      </c>
      <c r="K18432" s="9">
        <v>75</v>
      </c>
      <c r="L18432" s="6" t="s">
        <v>51</v>
      </c>
    </row>
    <row r="18433" spans="1:12">
      <c r="A18433" s="6" t="s">
        <v>17224</v>
      </c>
      <c r="B18433" s="6"/>
      <c r="C18433" s="6" t="s">
        <v>18465</v>
      </c>
      <c r="D18433" s="6"/>
      <c r="E18433" s="6" t="s">
        <v>9</v>
      </c>
      <c r="F18433" s="7">
        <v>38657</v>
      </c>
      <c r="G18433" s="8">
        <v>1</v>
      </c>
      <c r="H18433" s="8">
        <v>1</v>
      </c>
      <c r="I18433" s="8">
        <v>0</v>
      </c>
      <c r="J18433" s="8">
        <v>1</v>
      </c>
      <c r="K18433" s="9">
        <v>249</v>
      </c>
      <c r="L18433" s="6" t="s">
        <v>51</v>
      </c>
    </row>
    <row r="18434" spans="1:12">
      <c r="A18434" s="6" t="s">
        <v>17224</v>
      </c>
      <c r="B18434" s="6"/>
      <c r="C18434" s="6" t="s">
        <v>18466</v>
      </c>
      <c r="D18434" s="6"/>
      <c r="E18434" s="6" t="s">
        <v>9</v>
      </c>
      <c r="F18434" s="7">
        <v>38657</v>
      </c>
      <c r="G18434" s="8">
        <v>1</v>
      </c>
      <c r="H18434" s="8">
        <v>1</v>
      </c>
      <c r="I18434" s="8">
        <v>0</v>
      </c>
      <c r="J18434" s="8">
        <v>1</v>
      </c>
      <c r="K18434" s="9">
        <v>0.34</v>
      </c>
      <c r="L18434" s="6" t="s">
        <v>51</v>
      </c>
    </row>
    <row r="18435" spans="1:12">
      <c r="A18435" s="6" t="s">
        <v>17224</v>
      </c>
      <c r="B18435" s="6"/>
      <c r="C18435" s="6" t="s">
        <v>18467</v>
      </c>
      <c r="D18435" s="6"/>
      <c r="E18435" s="6" t="s">
        <v>9</v>
      </c>
      <c r="F18435" s="7">
        <v>38657</v>
      </c>
      <c r="G18435" s="8">
        <v>1</v>
      </c>
      <c r="H18435" s="8">
        <v>1</v>
      </c>
      <c r="I18435" s="8">
        <v>0</v>
      </c>
      <c r="J18435" s="8">
        <v>1</v>
      </c>
      <c r="K18435" s="9">
        <v>119</v>
      </c>
      <c r="L18435" s="6" t="s">
        <v>51</v>
      </c>
    </row>
    <row r="18436" spans="1:12">
      <c r="A18436" s="6" t="s">
        <v>17224</v>
      </c>
      <c r="B18436" s="6"/>
      <c r="C18436" s="6" t="s">
        <v>18468</v>
      </c>
      <c r="D18436" s="6"/>
      <c r="E18436" s="6" t="s">
        <v>9</v>
      </c>
      <c r="F18436" s="7">
        <v>38657</v>
      </c>
      <c r="G18436" s="8">
        <v>1</v>
      </c>
      <c r="H18436" s="8">
        <v>1</v>
      </c>
      <c r="I18436" s="8">
        <v>0</v>
      </c>
      <c r="J18436" s="8">
        <v>1</v>
      </c>
      <c r="K18436" s="9">
        <v>82</v>
      </c>
      <c r="L18436" s="6" t="s">
        <v>51</v>
      </c>
    </row>
    <row r="18437" spans="1:12">
      <c r="A18437" s="6" t="s">
        <v>17224</v>
      </c>
      <c r="B18437" s="6"/>
      <c r="C18437" s="6" t="s">
        <v>18469</v>
      </c>
      <c r="D18437" s="6"/>
      <c r="E18437" s="6" t="s">
        <v>9</v>
      </c>
      <c r="F18437" s="7">
        <v>38657</v>
      </c>
      <c r="G18437" s="8">
        <v>1</v>
      </c>
      <c r="H18437" s="8">
        <v>1</v>
      </c>
      <c r="I18437" s="8">
        <v>0</v>
      </c>
      <c r="J18437" s="8">
        <v>1</v>
      </c>
      <c r="K18437" s="9">
        <v>15</v>
      </c>
      <c r="L18437" s="6" t="s">
        <v>51</v>
      </c>
    </row>
    <row r="18438" spans="1:12">
      <c r="A18438" s="6" t="s">
        <v>17224</v>
      </c>
      <c r="B18438" s="6"/>
      <c r="C18438" s="6" t="s">
        <v>18470</v>
      </c>
      <c r="D18438" s="6"/>
      <c r="E18438" s="6" t="s">
        <v>9</v>
      </c>
      <c r="F18438" s="7">
        <v>38657</v>
      </c>
      <c r="G18438" s="8">
        <v>1</v>
      </c>
      <c r="H18438" s="8">
        <v>1</v>
      </c>
      <c r="I18438" s="8">
        <v>0</v>
      </c>
      <c r="J18438" s="8">
        <v>1</v>
      </c>
      <c r="K18438" s="9">
        <v>381</v>
      </c>
      <c r="L18438" s="6" t="s">
        <v>51</v>
      </c>
    </row>
    <row r="18439" spans="1:12">
      <c r="A18439" s="6" t="s">
        <v>17224</v>
      </c>
      <c r="B18439" s="6"/>
      <c r="C18439" s="6" t="s">
        <v>18471</v>
      </c>
      <c r="D18439" s="6"/>
      <c r="E18439" s="6" t="s">
        <v>9</v>
      </c>
      <c r="F18439" s="7">
        <v>38657</v>
      </c>
      <c r="G18439" s="8">
        <v>1</v>
      </c>
      <c r="H18439" s="8">
        <v>1</v>
      </c>
      <c r="I18439" s="8">
        <v>0</v>
      </c>
      <c r="J18439" s="8">
        <v>1</v>
      </c>
      <c r="K18439" s="9">
        <v>169</v>
      </c>
      <c r="L18439" s="6" t="s">
        <v>51</v>
      </c>
    </row>
    <row r="18440" spans="1:12">
      <c r="A18440" s="6" t="s">
        <v>17224</v>
      </c>
      <c r="B18440" s="6"/>
      <c r="C18440" s="6" t="s">
        <v>18472</v>
      </c>
      <c r="D18440" s="6"/>
      <c r="E18440" s="6" t="s">
        <v>9</v>
      </c>
      <c r="F18440" s="7">
        <v>38657</v>
      </c>
      <c r="G18440" s="8">
        <v>1</v>
      </c>
      <c r="H18440" s="8">
        <v>1</v>
      </c>
      <c r="I18440" s="8">
        <v>0</v>
      </c>
      <c r="J18440" s="8">
        <v>1</v>
      </c>
      <c r="K18440" s="9">
        <v>159</v>
      </c>
      <c r="L18440" s="6" t="s">
        <v>51</v>
      </c>
    </row>
    <row r="18441" spans="1:12">
      <c r="A18441" s="6" t="s">
        <v>17224</v>
      </c>
      <c r="B18441" s="6"/>
      <c r="C18441" s="6" t="s">
        <v>18473</v>
      </c>
      <c r="D18441" s="6"/>
      <c r="E18441" s="6" t="s">
        <v>9</v>
      </c>
      <c r="F18441" s="7"/>
      <c r="G18441" s="8">
        <v>1</v>
      </c>
      <c r="H18441" s="8">
        <v>1</v>
      </c>
      <c r="I18441" s="8">
        <v>0</v>
      </c>
      <c r="J18441" s="8">
        <v>1</v>
      </c>
      <c r="K18441" s="9">
        <v>28</v>
      </c>
      <c r="L18441" s="6" t="s">
        <v>51</v>
      </c>
    </row>
    <row r="18442" spans="1:12">
      <c r="A18442" s="6" t="s">
        <v>17224</v>
      </c>
      <c r="B18442" s="6"/>
      <c r="C18442" s="6" t="s">
        <v>18474</v>
      </c>
      <c r="D18442" s="6"/>
      <c r="E18442" s="6" t="s">
        <v>9</v>
      </c>
      <c r="F18442" s="7"/>
      <c r="G18442" s="8">
        <v>1</v>
      </c>
      <c r="H18442" s="8">
        <v>1</v>
      </c>
      <c r="I18442" s="8">
        <v>0</v>
      </c>
      <c r="J18442" s="8">
        <v>1</v>
      </c>
      <c r="K18442" s="9">
        <v>33</v>
      </c>
      <c r="L18442" s="6" t="s">
        <v>51</v>
      </c>
    </row>
    <row r="18443" spans="1:12">
      <c r="A18443" s="6" t="s">
        <v>17224</v>
      </c>
      <c r="B18443" s="6"/>
      <c r="C18443" s="6" t="s">
        <v>18475</v>
      </c>
      <c r="D18443" s="6"/>
      <c r="E18443" s="6" t="s">
        <v>9</v>
      </c>
      <c r="F18443" s="7"/>
      <c r="G18443" s="8">
        <v>1</v>
      </c>
      <c r="H18443" s="8">
        <v>1</v>
      </c>
      <c r="I18443" s="8">
        <v>0</v>
      </c>
      <c r="J18443" s="8">
        <v>1</v>
      </c>
      <c r="K18443" s="9">
        <v>27</v>
      </c>
      <c r="L18443" s="6" t="s">
        <v>51</v>
      </c>
    </row>
    <row r="18444" spans="1:12">
      <c r="A18444" s="6" t="s">
        <v>17224</v>
      </c>
      <c r="B18444" s="6"/>
      <c r="C18444" s="6" t="s">
        <v>18476</v>
      </c>
      <c r="D18444" s="6"/>
      <c r="E18444" s="6" t="s">
        <v>9</v>
      </c>
      <c r="F18444" s="7"/>
      <c r="G18444" s="8">
        <v>1</v>
      </c>
      <c r="H18444" s="8">
        <v>1</v>
      </c>
      <c r="I18444" s="8">
        <v>0</v>
      </c>
      <c r="J18444" s="8">
        <v>1</v>
      </c>
      <c r="K18444" s="9">
        <v>48</v>
      </c>
      <c r="L18444" s="6" t="s">
        <v>51</v>
      </c>
    </row>
    <row r="18445" spans="1:12">
      <c r="A18445" s="6" t="s">
        <v>17224</v>
      </c>
      <c r="B18445" s="6"/>
      <c r="C18445" s="6" t="s">
        <v>18477</v>
      </c>
      <c r="D18445" s="6"/>
      <c r="E18445" s="6" t="s">
        <v>9</v>
      </c>
      <c r="F18445" s="7">
        <v>38657</v>
      </c>
      <c r="G18445" s="8">
        <v>1</v>
      </c>
      <c r="H18445" s="8">
        <v>1</v>
      </c>
      <c r="I18445" s="8">
        <v>0</v>
      </c>
      <c r="J18445" s="8">
        <v>1</v>
      </c>
      <c r="K18445" s="9">
        <v>636</v>
      </c>
      <c r="L18445" s="6" t="s">
        <v>51</v>
      </c>
    </row>
    <row r="18446" spans="1:12">
      <c r="A18446" s="6" t="s">
        <v>17224</v>
      </c>
      <c r="B18446" s="6"/>
      <c r="C18446" s="6" t="s">
        <v>18478</v>
      </c>
      <c r="D18446" s="6"/>
      <c r="E18446" s="6" t="s">
        <v>9</v>
      </c>
      <c r="F18446" s="7">
        <v>38657</v>
      </c>
      <c r="G18446" s="8">
        <v>1</v>
      </c>
      <c r="H18446" s="8">
        <v>1</v>
      </c>
      <c r="I18446" s="8">
        <v>0</v>
      </c>
      <c r="J18446" s="8">
        <v>1</v>
      </c>
      <c r="K18446" s="9">
        <v>95</v>
      </c>
      <c r="L18446" s="6" t="s">
        <v>51</v>
      </c>
    </row>
    <row r="18447" spans="1:12">
      <c r="A18447" s="6" t="s">
        <v>17224</v>
      </c>
      <c r="B18447" s="6"/>
      <c r="C18447" s="6" t="s">
        <v>18479</v>
      </c>
      <c r="D18447" s="6"/>
      <c r="E18447" s="6" t="s">
        <v>9</v>
      </c>
      <c r="F18447" s="7">
        <v>38657</v>
      </c>
      <c r="G18447" s="8">
        <v>1</v>
      </c>
      <c r="H18447" s="8">
        <v>1</v>
      </c>
      <c r="I18447" s="8">
        <v>0</v>
      </c>
      <c r="J18447" s="8">
        <v>1</v>
      </c>
      <c r="K18447" s="9">
        <v>703</v>
      </c>
      <c r="L18447" s="6" t="s">
        <v>51</v>
      </c>
    </row>
    <row r="18448" spans="1:12">
      <c r="A18448" s="6" t="s">
        <v>17224</v>
      </c>
      <c r="B18448" s="6"/>
      <c r="C18448" s="6" t="s">
        <v>18480</v>
      </c>
      <c r="D18448" s="6"/>
      <c r="E18448" s="6" t="s">
        <v>9</v>
      </c>
      <c r="F18448" s="7">
        <v>38657</v>
      </c>
      <c r="G18448" s="8">
        <v>1</v>
      </c>
      <c r="H18448" s="8">
        <v>1</v>
      </c>
      <c r="I18448" s="8">
        <v>0</v>
      </c>
      <c r="J18448" s="8">
        <v>1</v>
      </c>
      <c r="K18448" s="9">
        <v>1788</v>
      </c>
      <c r="L18448" s="6" t="s">
        <v>51</v>
      </c>
    </row>
    <row r="18449" spans="1:12">
      <c r="A18449" s="6" t="s">
        <v>17224</v>
      </c>
      <c r="B18449" s="6"/>
      <c r="C18449" s="6" t="s">
        <v>18481</v>
      </c>
      <c r="D18449" s="6"/>
      <c r="E18449" s="6" t="s">
        <v>9</v>
      </c>
      <c r="F18449" s="7">
        <v>38657</v>
      </c>
      <c r="G18449" s="8">
        <v>1</v>
      </c>
      <c r="H18449" s="8">
        <v>1</v>
      </c>
      <c r="I18449" s="8">
        <v>0</v>
      </c>
      <c r="J18449" s="8">
        <v>1</v>
      </c>
      <c r="K18449" s="9">
        <v>644</v>
      </c>
      <c r="L18449" s="6" t="s">
        <v>51</v>
      </c>
    </row>
    <row r="18450" spans="1:12">
      <c r="A18450" s="6" t="s">
        <v>17224</v>
      </c>
      <c r="B18450" s="6"/>
      <c r="C18450" s="6" t="s">
        <v>18482</v>
      </c>
      <c r="D18450" s="6"/>
      <c r="E18450" s="6" t="s">
        <v>9</v>
      </c>
      <c r="F18450" s="7">
        <v>38657</v>
      </c>
      <c r="G18450" s="8">
        <v>1</v>
      </c>
      <c r="H18450" s="8">
        <v>1</v>
      </c>
      <c r="I18450" s="8">
        <v>0</v>
      </c>
      <c r="J18450" s="8">
        <v>1</v>
      </c>
      <c r="K18450" s="9">
        <v>150</v>
      </c>
      <c r="L18450" s="6" t="s">
        <v>51</v>
      </c>
    </row>
    <row r="18451" spans="1:12">
      <c r="A18451" s="6" t="s">
        <v>17224</v>
      </c>
      <c r="B18451" s="6"/>
      <c r="C18451" s="6" t="s">
        <v>18483</v>
      </c>
      <c r="D18451" s="6"/>
      <c r="E18451" s="6" t="s">
        <v>9</v>
      </c>
      <c r="F18451" s="7">
        <v>38657</v>
      </c>
      <c r="G18451" s="8">
        <v>1</v>
      </c>
      <c r="H18451" s="8">
        <v>1</v>
      </c>
      <c r="I18451" s="8">
        <v>0</v>
      </c>
      <c r="J18451" s="8">
        <v>1</v>
      </c>
      <c r="K18451" s="9">
        <v>918</v>
      </c>
      <c r="L18451" s="6" t="s">
        <v>51</v>
      </c>
    </row>
    <row r="18452" spans="1:12">
      <c r="A18452" s="6" t="s">
        <v>17224</v>
      </c>
      <c r="B18452" s="6"/>
      <c r="C18452" s="6" t="s">
        <v>18484</v>
      </c>
      <c r="D18452" s="6"/>
      <c r="E18452" s="6" t="s">
        <v>9</v>
      </c>
      <c r="F18452" s="7">
        <v>38657</v>
      </c>
      <c r="G18452" s="8">
        <v>1</v>
      </c>
      <c r="H18452" s="8">
        <v>1</v>
      </c>
      <c r="I18452" s="8">
        <v>0</v>
      </c>
      <c r="J18452" s="8">
        <v>1</v>
      </c>
      <c r="K18452" s="9">
        <v>459</v>
      </c>
      <c r="L18452" s="6" t="s">
        <v>51</v>
      </c>
    </row>
    <row r="18453" spans="1:12">
      <c r="A18453" s="6" t="s">
        <v>17224</v>
      </c>
      <c r="B18453" s="6"/>
      <c r="C18453" s="6" t="s">
        <v>18485</v>
      </c>
      <c r="D18453" s="6"/>
      <c r="E18453" s="6" t="s">
        <v>9</v>
      </c>
      <c r="F18453" s="7">
        <v>38657</v>
      </c>
      <c r="G18453" s="8">
        <v>1</v>
      </c>
      <c r="H18453" s="8">
        <v>1</v>
      </c>
      <c r="I18453" s="8">
        <v>0</v>
      </c>
      <c r="J18453" s="8">
        <v>1</v>
      </c>
      <c r="K18453" s="9">
        <v>60</v>
      </c>
      <c r="L18453" s="6" t="s">
        <v>51</v>
      </c>
    </row>
    <row r="18454" spans="1:12">
      <c r="A18454" s="6" t="s">
        <v>17224</v>
      </c>
      <c r="B18454" s="6"/>
      <c r="C18454" s="6" t="s">
        <v>18486</v>
      </c>
      <c r="D18454" s="6"/>
      <c r="E18454" s="6" t="s">
        <v>9</v>
      </c>
      <c r="F18454" s="7">
        <v>38657</v>
      </c>
      <c r="G18454" s="8">
        <v>1</v>
      </c>
      <c r="H18454" s="8">
        <v>1</v>
      </c>
      <c r="I18454" s="8">
        <v>0</v>
      </c>
      <c r="J18454" s="8">
        <v>1</v>
      </c>
      <c r="K18454" s="9">
        <v>569</v>
      </c>
      <c r="L18454" s="6" t="s">
        <v>51</v>
      </c>
    </row>
    <row r="18455" spans="1:12">
      <c r="A18455" s="6" t="s">
        <v>17224</v>
      </c>
      <c r="B18455" s="6"/>
      <c r="C18455" s="6" t="s">
        <v>18487</v>
      </c>
      <c r="D18455" s="6"/>
      <c r="E18455" s="6" t="s">
        <v>9</v>
      </c>
      <c r="F18455" s="7">
        <v>38657</v>
      </c>
      <c r="G18455" s="8">
        <v>1</v>
      </c>
      <c r="H18455" s="8">
        <v>1</v>
      </c>
      <c r="I18455" s="8">
        <v>0</v>
      </c>
      <c r="J18455" s="8">
        <v>1</v>
      </c>
      <c r="K18455" s="9">
        <v>78</v>
      </c>
      <c r="L18455" s="6" t="s">
        <v>51</v>
      </c>
    </row>
    <row r="18456" spans="1:12">
      <c r="A18456" s="6" t="s">
        <v>17224</v>
      </c>
      <c r="B18456" s="6"/>
      <c r="C18456" s="6" t="s">
        <v>18488</v>
      </c>
      <c r="D18456" s="6"/>
      <c r="E18456" s="6" t="s">
        <v>9</v>
      </c>
      <c r="F18456" s="7">
        <v>38657</v>
      </c>
      <c r="G18456" s="8">
        <v>1</v>
      </c>
      <c r="H18456" s="8">
        <v>1</v>
      </c>
      <c r="I18456" s="8">
        <v>0</v>
      </c>
      <c r="J18456" s="8">
        <v>1</v>
      </c>
      <c r="K18456" s="9">
        <v>76</v>
      </c>
      <c r="L18456" s="6" t="s">
        <v>51</v>
      </c>
    </row>
    <row r="18457" spans="1:12">
      <c r="A18457" s="6" t="s">
        <v>17224</v>
      </c>
      <c r="B18457" s="6"/>
      <c r="C18457" s="6" t="s">
        <v>18489</v>
      </c>
      <c r="D18457" s="6"/>
      <c r="E18457" s="6" t="s">
        <v>9</v>
      </c>
      <c r="F18457" s="7"/>
      <c r="G18457" s="8">
        <v>66456</v>
      </c>
      <c r="H18457" s="8">
        <v>66456</v>
      </c>
      <c r="I18457" s="8">
        <v>0</v>
      </c>
      <c r="J18457" s="8">
        <v>66456</v>
      </c>
      <c r="K18457" s="9">
        <v>13</v>
      </c>
      <c r="L18457" s="6" t="s">
        <v>6094</v>
      </c>
    </row>
    <row r="18458" spans="1:12">
      <c r="A18458" s="6" t="s">
        <v>17224</v>
      </c>
      <c r="B18458" s="6"/>
      <c r="C18458" s="6" t="s">
        <v>18490</v>
      </c>
      <c r="D18458" s="6"/>
      <c r="E18458" s="6" t="s">
        <v>9</v>
      </c>
      <c r="F18458" s="7">
        <v>38657</v>
      </c>
      <c r="G18458" s="8">
        <v>1</v>
      </c>
      <c r="H18458" s="8">
        <v>1</v>
      </c>
      <c r="I18458" s="8">
        <v>0</v>
      </c>
      <c r="J18458" s="8">
        <v>1</v>
      </c>
      <c r="K18458" s="9">
        <v>16</v>
      </c>
      <c r="L18458" s="6" t="s">
        <v>51</v>
      </c>
    </row>
    <row r="18459" spans="1:12">
      <c r="A18459" s="6" t="s">
        <v>17224</v>
      </c>
      <c r="B18459" s="6"/>
      <c r="C18459" s="6" t="s">
        <v>18491</v>
      </c>
      <c r="D18459" s="6"/>
      <c r="E18459" s="6" t="s">
        <v>9</v>
      </c>
      <c r="F18459" s="7">
        <v>38657</v>
      </c>
      <c r="G18459" s="8">
        <v>1</v>
      </c>
      <c r="H18459" s="8">
        <v>1</v>
      </c>
      <c r="I18459" s="8">
        <v>0</v>
      </c>
      <c r="J18459" s="8">
        <v>1</v>
      </c>
      <c r="K18459" s="9">
        <v>4.1100000000000003</v>
      </c>
      <c r="L18459" s="6" t="s">
        <v>51</v>
      </c>
    </row>
    <row r="18460" spans="1:12">
      <c r="A18460" s="6" t="s">
        <v>17224</v>
      </c>
      <c r="B18460" s="6"/>
      <c r="C18460" s="6" t="s">
        <v>18492</v>
      </c>
      <c r="D18460" s="6"/>
      <c r="E18460" s="6" t="s">
        <v>9</v>
      </c>
      <c r="F18460" s="7">
        <v>38657</v>
      </c>
      <c r="G18460" s="8">
        <v>1</v>
      </c>
      <c r="H18460" s="8">
        <v>1</v>
      </c>
      <c r="I18460" s="8">
        <v>0</v>
      </c>
      <c r="J18460" s="8">
        <v>1</v>
      </c>
      <c r="K18460" s="9">
        <v>127</v>
      </c>
      <c r="L18460" s="6" t="s">
        <v>51</v>
      </c>
    </row>
    <row r="18461" spans="1:12">
      <c r="A18461" s="6" t="s">
        <v>17224</v>
      </c>
      <c r="B18461" s="6"/>
      <c r="C18461" s="6" t="s">
        <v>18493</v>
      </c>
      <c r="D18461" s="6"/>
      <c r="E18461" s="6" t="s">
        <v>9</v>
      </c>
      <c r="F18461" s="7">
        <v>38657</v>
      </c>
      <c r="G18461" s="8">
        <v>1</v>
      </c>
      <c r="H18461" s="8">
        <v>1</v>
      </c>
      <c r="I18461" s="8">
        <v>0</v>
      </c>
      <c r="J18461" s="8">
        <v>1</v>
      </c>
      <c r="K18461" s="9">
        <v>3.32</v>
      </c>
      <c r="L18461" s="6" t="s">
        <v>51</v>
      </c>
    </row>
    <row r="18462" spans="1:12">
      <c r="A18462" s="6" t="s">
        <v>17224</v>
      </c>
      <c r="B18462" s="6"/>
      <c r="C18462" s="6" t="s">
        <v>18494</v>
      </c>
      <c r="D18462" s="6"/>
      <c r="E18462" s="6" t="s">
        <v>9</v>
      </c>
      <c r="F18462" s="7"/>
      <c r="G18462" s="8">
        <v>1</v>
      </c>
      <c r="H18462" s="8">
        <v>1</v>
      </c>
      <c r="I18462" s="8">
        <v>0</v>
      </c>
      <c r="J18462" s="8">
        <v>1</v>
      </c>
      <c r="K18462" s="9">
        <v>808</v>
      </c>
      <c r="L18462" s="6" t="s">
        <v>51</v>
      </c>
    </row>
    <row r="18463" spans="1:12">
      <c r="A18463" s="6" t="s">
        <v>17224</v>
      </c>
      <c r="B18463" s="6"/>
      <c r="C18463" s="6" t="s">
        <v>18495</v>
      </c>
      <c r="D18463" s="6"/>
      <c r="E18463" s="6" t="s">
        <v>9</v>
      </c>
      <c r="F18463" s="7">
        <v>38657</v>
      </c>
      <c r="G18463" s="8">
        <v>1</v>
      </c>
      <c r="H18463" s="8">
        <v>1</v>
      </c>
      <c r="I18463" s="8">
        <v>0</v>
      </c>
      <c r="J18463" s="8">
        <v>1</v>
      </c>
      <c r="K18463" s="9">
        <v>44</v>
      </c>
      <c r="L18463" s="6" t="s">
        <v>51</v>
      </c>
    </row>
    <row r="18464" spans="1:12">
      <c r="A18464" s="6" t="s">
        <v>17224</v>
      </c>
      <c r="B18464" s="6"/>
      <c r="C18464" s="6" t="s">
        <v>18496</v>
      </c>
      <c r="D18464" s="6"/>
      <c r="E18464" s="6" t="s">
        <v>9</v>
      </c>
      <c r="F18464" s="7">
        <v>38657</v>
      </c>
      <c r="G18464" s="8">
        <v>1</v>
      </c>
      <c r="H18464" s="8">
        <v>1</v>
      </c>
      <c r="I18464" s="8">
        <v>0</v>
      </c>
      <c r="J18464" s="8">
        <v>1</v>
      </c>
      <c r="K18464" s="9">
        <v>72</v>
      </c>
      <c r="L18464" s="6" t="s">
        <v>51</v>
      </c>
    </row>
    <row r="18465" spans="1:12">
      <c r="A18465" s="6" t="s">
        <v>17224</v>
      </c>
      <c r="B18465" s="6"/>
      <c r="C18465" s="6" t="s">
        <v>18497</v>
      </c>
      <c r="D18465" s="6"/>
      <c r="E18465" s="6" t="s">
        <v>9</v>
      </c>
      <c r="F18465" s="7">
        <v>38657</v>
      </c>
      <c r="G18465" s="8">
        <v>1</v>
      </c>
      <c r="H18465" s="8">
        <v>1</v>
      </c>
      <c r="I18465" s="8">
        <v>0</v>
      </c>
      <c r="J18465" s="8">
        <v>1</v>
      </c>
      <c r="K18465" s="9">
        <v>66</v>
      </c>
      <c r="L18465" s="6" t="s">
        <v>51</v>
      </c>
    </row>
    <row r="18466" spans="1:12">
      <c r="A18466" s="6" t="s">
        <v>17224</v>
      </c>
      <c r="B18466" s="6"/>
      <c r="C18466" s="6" t="s">
        <v>18498</v>
      </c>
      <c r="D18466" s="6"/>
      <c r="E18466" s="6" t="s">
        <v>9</v>
      </c>
      <c r="F18466" s="7">
        <v>38657</v>
      </c>
      <c r="G18466" s="8">
        <v>1</v>
      </c>
      <c r="H18466" s="8">
        <v>1</v>
      </c>
      <c r="I18466" s="8">
        <v>0</v>
      </c>
      <c r="J18466" s="8">
        <v>1</v>
      </c>
      <c r="K18466" s="9">
        <v>8.73</v>
      </c>
      <c r="L18466" s="6" t="s">
        <v>51</v>
      </c>
    </row>
    <row r="18467" spans="1:12">
      <c r="A18467" s="6" t="s">
        <v>17224</v>
      </c>
      <c r="B18467" s="6"/>
      <c r="C18467" s="6" t="s">
        <v>18499</v>
      </c>
      <c r="D18467" s="6"/>
      <c r="E18467" s="6" t="s">
        <v>9</v>
      </c>
      <c r="F18467" s="7">
        <v>38657</v>
      </c>
      <c r="G18467" s="8">
        <v>1</v>
      </c>
      <c r="H18467" s="8">
        <v>1</v>
      </c>
      <c r="I18467" s="8">
        <v>0</v>
      </c>
      <c r="J18467" s="8">
        <v>1</v>
      </c>
      <c r="K18467" s="9">
        <v>16.420000000000002</v>
      </c>
      <c r="L18467" s="6" t="s">
        <v>51</v>
      </c>
    </row>
    <row r="18468" spans="1:12">
      <c r="A18468" s="6" t="s">
        <v>17224</v>
      </c>
      <c r="B18468" s="6"/>
      <c r="C18468" s="6" t="s">
        <v>18500</v>
      </c>
      <c r="D18468" s="6"/>
      <c r="E18468" s="6" t="s">
        <v>9</v>
      </c>
      <c r="F18468" s="7"/>
      <c r="G18468" s="8">
        <v>1</v>
      </c>
      <c r="H18468" s="8">
        <v>1</v>
      </c>
      <c r="I18468" s="8">
        <v>0</v>
      </c>
      <c r="J18468" s="8">
        <v>1</v>
      </c>
      <c r="K18468" s="9">
        <v>16</v>
      </c>
      <c r="L18468" s="6" t="s">
        <v>51</v>
      </c>
    </row>
    <row r="18469" spans="1:12">
      <c r="A18469" s="6" t="s">
        <v>17224</v>
      </c>
      <c r="B18469" s="6"/>
      <c r="C18469" s="6" t="s">
        <v>18501</v>
      </c>
      <c r="D18469" s="6"/>
      <c r="E18469" s="6" t="s">
        <v>9</v>
      </c>
      <c r="F18469" s="7">
        <v>38657</v>
      </c>
      <c r="G18469" s="8">
        <v>1</v>
      </c>
      <c r="H18469" s="8">
        <v>1</v>
      </c>
      <c r="I18469" s="8">
        <v>0</v>
      </c>
      <c r="J18469" s="8">
        <v>1</v>
      </c>
      <c r="K18469" s="9">
        <v>3.39</v>
      </c>
      <c r="L18469" s="6" t="s">
        <v>51</v>
      </c>
    </row>
    <row r="18470" spans="1:12">
      <c r="A18470" s="6" t="s">
        <v>17224</v>
      </c>
      <c r="B18470" s="6"/>
      <c r="C18470" s="6" t="s">
        <v>18502</v>
      </c>
      <c r="D18470" s="6"/>
      <c r="E18470" s="6" t="s">
        <v>9</v>
      </c>
      <c r="F18470" s="7">
        <v>38657</v>
      </c>
      <c r="G18470" s="8">
        <v>1</v>
      </c>
      <c r="H18470" s="8">
        <v>1</v>
      </c>
      <c r="I18470" s="8">
        <v>0</v>
      </c>
      <c r="J18470" s="8">
        <v>1</v>
      </c>
      <c r="K18470" s="9">
        <v>3.23</v>
      </c>
      <c r="L18470" s="6" t="s">
        <v>51</v>
      </c>
    </row>
    <row r="18471" spans="1:12">
      <c r="A18471" s="6" t="s">
        <v>17224</v>
      </c>
      <c r="B18471" s="6"/>
      <c r="C18471" s="6" t="s">
        <v>18503</v>
      </c>
      <c r="D18471" s="6"/>
      <c r="E18471" s="6" t="s">
        <v>9</v>
      </c>
      <c r="F18471" s="7">
        <v>38657</v>
      </c>
      <c r="G18471" s="8">
        <v>1</v>
      </c>
      <c r="H18471" s="8">
        <v>1</v>
      </c>
      <c r="I18471" s="8">
        <v>0</v>
      </c>
      <c r="J18471" s="8">
        <v>1</v>
      </c>
      <c r="K18471" s="9">
        <v>32.39</v>
      </c>
      <c r="L18471" s="6" t="s">
        <v>51</v>
      </c>
    </row>
    <row r="18472" spans="1:12">
      <c r="A18472" s="6" t="s">
        <v>17224</v>
      </c>
      <c r="B18472" s="6"/>
      <c r="C18472" s="6" t="s">
        <v>18504</v>
      </c>
      <c r="D18472" s="6"/>
      <c r="E18472" s="6" t="s">
        <v>9</v>
      </c>
      <c r="F18472" s="7">
        <v>38657</v>
      </c>
      <c r="G18472" s="8">
        <v>1</v>
      </c>
      <c r="H18472" s="8">
        <v>1</v>
      </c>
      <c r="I18472" s="8">
        <v>0</v>
      </c>
      <c r="J18472" s="8">
        <v>1</v>
      </c>
      <c r="K18472" s="9">
        <v>8.6</v>
      </c>
      <c r="L18472" s="6" t="s">
        <v>51</v>
      </c>
    </row>
    <row r="18473" spans="1:12">
      <c r="A18473" s="6" t="s">
        <v>17224</v>
      </c>
      <c r="B18473" s="6"/>
      <c r="C18473" s="6" t="s">
        <v>18505</v>
      </c>
      <c r="D18473" s="6"/>
      <c r="E18473" s="6" t="s">
        <v>9</v>
      </c>
      <c r="F18473" s="7">
        <v>38657</v>
      </c>
      <c r="G18473" s="8">
        <v>1</v>
      </c>
      <c r="H18473" s="8">
        <v>1</v>
      </c>
      <c r="I18473" s="8">
        <v>0</v>
      </c>
      <c r="J18473" s="8">
        <v>1</v>
      </c>
      <c r="K18473" s="9">
        <v>17.77</v>
      </c>
      <c r="L18473" s="6" t="s">
        <v>51</v>
      </c>
    </row>
    <row r="18474" spans="1:12">
      <c r="A18474" s="6" t="s">
        <v>17224</v>
      </c>
      <c r="B18474" s="6"/>
      <c r="C18474" s="6" t="s">
        <v>18506</v>
      </c>
      <c r="D18474" s="6"/>
      <c r="E18474" s="6" t="s">
        <v>9</v>
      </c>
      <c r="F18474" s="7">
        <v>38657</v>
      </c>
      <c r="G18474" s="8">
        <v>1</v>
      </c>
      <c r="H18474" s="8">
        <v>1</v>
      </c>
      <c r="I18474" s="8">
        <v>0</v>
      </c>
      <c r="J18474" s="8">
        <v>1</v>
      </c>
      <c r="K18474" s="9">
        <v>26</v>
      </c>
      <c r="L18474" s="6" t="s">
        <v>51</v>
      </c>
    </row>
    <row r="18475" spans="1:12">
      <c r="A18475" s="6" t="s">
        <v>17224</v>
      </c>
      <c r="B18475" s="6"/>
      <c r="C18475" s="6" t="s">
        <v>18507</v>
      </c>
      <c r="D18475" s="6"/>
      <c r="E18475" s="6" t="s">
        <v>9</v>
      </c>
      <c r="F18475" s="7">
        <v>38657</v>
      </c>
      <c r="G18475" s="8">
        <v>1</v>
      </c>
      <c r="H18475" s="8">
        <v>1</v>
      </c>
      <c r="I18475" s="8">
        <v>0</v>
      </c>
      <c r="J18475" s="8">
        <v>1</v>
      </c>
      <c r="K18475" s="9">
        <v>2.71</v>
      </c>
      <c r="L18475" s="6" t="s">
        <v>51</v>
      </c>
    </row>
    <row r="18476" spans="1:12">
      <c r="A18476" s="6" t="s">
        <v>17224</v>
      </c>
      <c r="B18476" s="6"/>
      <c r="C18476" s="6" t="s">
        <v>18508</v>
      </c>
      <c r="D18476" s="6"/>
      <c r="E18476" s="6" t="s">
        <v>9</v>
      </c>
      <c r="F18476" s="7">
        <v>38657</v>
      </c>
      <c r="G18476" s="8">
        <v>1</v>
      </c>
      <c r="H18476" s="8">
        <v>1</v>
      </c>
      <c r="I18476" s="8">
        <v>0</v>
      </c>
      <c r="J18476" s="8">
        <v>1</v>
      </c>
      <c r="K18476" s="9">
        <v>10.11</v>
      </c>
      <c r="L18476" s="6" t="s">
        <v>51</v>
      </c>
    </row>
    <row r="18477" spans="1:12">
      <c r="A18477" s="6" t="s">
        <v>17224</v>
      </c>
      <c r="B18477" s="6"/>
      <c r="C18477" s="6" t="s">
        <v>18509</v>
      </c>
      <c r="D18477" s="6"/>
      <c r="E18477" s="6" t="s">
        <v>9</v>
      </c>
      <c r="F18477" s="7">
        <v>38657</v>
      </c>
      <c r="G18477" s="8">
        <v>1</v>
      </c>
      <c r="H18477" s="8">
        <v>1</v>
      </c>
      <c r="I18477" s="8">
        <v>0</v>
      </c>
      <c r="J18477" s="8">
        <v>1</v>
      </c>
      <c r="K18477" s="9">
        <v>41</v>
      </c>
      <c r="L18477" s="6" t="s">
        <v>51</v>
      </c>
    </row>
    <row r="18478" spans="1:12">
      <c r="A18478" s="6" t="s">
        <v>17224</v>
      </c>
      <c r="B18478" s="6"/>
      <c r="C18478" s="6" t="s">
        <v>18510</v>
      </c>
      <c r="D18478" s="6"/>
      <c r="E18478" s="6" t="s">
        <v>9</v>
      </c>
      <c r="F18478" s="7">
        <v>38657</v>
      </c>
      <c r="G18478" s="8">
        <v>1</v>
      </c>
      <c r="H18478" s="8">
        <v>1</v>
      </c>
      <c r="I18478" s="8">
        <v>0</v>
      </c>
      <c r="J18478" s="8">
        <v>1</v>
      </c>
      <c r="K18478" s="9">
        <v>19.760000000000002</v>
      </c>
      <c r="L18478" s="6" t="s">
        <v>51</v>
      </c>
    </row>
    <row r="18479" spans="1:12">
      <c r="A18479" s="6" t="s">
        <v>17224</v>
      </c>
      <c r="B18479" s="6"/>
      <c r="C18479" s="6" t="s">
        <v>18511</v>
      </c>
      <c r="D18479" s="6"/>
      <c r="E18479" s="6" t="s">
        <v>9</v>
      </c>
      <c r="F18479" s="7"/>
      <c r="G18479" s="8">
        <v>1</v>
      </c>
      <c r="H18479" s="8">
        <v>1</v>
      </c>
      <c r="I18479" s="8">
        <v>0</v>
      </c>
      <c r="J18479" s="8">
        <v>1</v>
      </c>
      <c r="K18479" s="9">
        <v>9.91</v>
      </c>
      <c r="L18479" s="6" t="s">
        <v>51</v>
      </c>
    </row>
    <row r="18480" spans="1:12">
      <c r="A18480" s="6" t="s">
        <v>17224</v>
      </c>
      <c r="B18480" s="6"/>
      <c r="C18480" s="6" t="s">
        <v>18512</v>
      </c>
      <c r="D18480" s="6"/>
      <c r="E18480" s="6" t="s">
        <v>9</v>
      </c>
      <c r="F18480" s="7">
        <v>38657</v>
      </c>
      <c r="G18480" s="8">
        <v>1</v>
      </c>
      <c r="H18480" s="8">
        <v>1</v>
      </c>
      <c r="I18480" s="8">
        <v>0</v>
      </c>
      <c r="J18480" s="8">
        <v>1</v>
      </c>
      <c r="K18480" s="9">
        <v>25.84</v>
      </c>
      <c r="L18480" s="6" t="s">
        <v>51</v>
      </c>
    </row>
    <row r="18481" spans="1:12">
      <c r="A18481" s="6" t="s">
        <v>17224</v>
      </c>
      <c r="B18481" s="6"/>
      <c r="C18481" s="6" t="s">
        <v>18513</v>
      </c>
      <c r="D18481" s="6"/>
      <c r="E18481" s="6" t="s">
        <v>9</v>
      </c>
      <c r="F18481" s="7">
        <v>38657</v>
      </c>
      <c r="G18481" s="8">
        <v>1</v>
      </c>
      <c r="H18481" s="8">
        <v>1</v>
      </c>
      <c r="I18481" s="8">
        <v>0</v>
      </c>
      <c r="J18481" s="8">
        <v>1</v>
      </c>
      <c r="K18481" s="9">
        <v>15.15</v>
      </c>
      <c r="L18481" s="6" t="s">
        <v>51</v>
      </c>
    </row>
    <row r="18482" spans="1:12">
      <c r="A18482" s="6" t="s">
        <v>17224</v>
      </c>
      <c r="B18482" s="6"/>
      <c r="C18482" s="6" t="s">
        <v>18514</v>
      </c>
      <c r="D18482" s="6"/>
      <c r="E18482" s="6" t="s">
        <v>9</v>
      </c>
      <c r="F18482" s="7">
        <v>38657</v>
      </c>
      <c r="G18482" s="8">
        <v>1</v>
      </c>
      <c r="H18482" s="8">
        <v>1</v>
      </c>
      <c r="I18482" s="8">
        <v>0</v>
      </c>
      <c r="J18482" s="8">
        <v>1</v>
      </c>
      <c r="K18482" s="9">
        <v>11</v>
      </c>
      <c r="L18482" s="6" t="s">
        <v>51</v>
      </c>
    </row>
    <row r="18483" spans="1:12">
      <c r="A18483" s="6" t="s">
        <v>17224</v>
      </c>
      <c r="B18483" s="6"/>
      <c r="C18483" s="6" t="s">
        <v>18515</v>
      </c>
      <c r="D18483" s="6"/>
      <c r="E18483" s="6" t="s">
        <v>9</v>
      </c>
      <c r="F18483" s="7">
        <v>38657</v>
      </c>
      <c r="G18483" s="8">
        <v>1</v>
      </c>
      <c r="H18483" s="8">
        <v>1</v>
      </c>
      <c r="I18483" s="8">
        <v>0</v>
      </c>
      <c r="J18483" s="8">
        <v>1</v>
      </c>
      <c r="K18483" s="9">
        <v>26.8</v>
      </c>
      <c r="L18483" s="6" t="s">
        <v>51</v>
      </c>
    </row>
    <row r="18484" spans="1:12">
      <c r="A18484" s="6" t="s">
        <v>17224</v>
      </c>
      <c r="B18484" s="6"/>
      <c r="C18484" s="6" t="s">
        <v>18516</v>
      </c>
      <c r="D18484" s="6"/>
      <c r="E18484" s="6" t="s">
        <v>9</v>
      </c>
      <c r="F18484" s="7">
        <v>38657</v>
      </c>
      <c r="G18484" s="8">
        <v>1</v>
      </c>
      <c r="H18484" s="8">
        <v>1</v>
      </c>
      <c r="I18484" s="8">
        <v>0</v>
      </c>
      <c r="J18484" s="8">
        <v>1</v>
      </c>
      <c r="K18484" s="9">
        <v>6.17</v>
      </c>
      <c r="L18484" s="6" t="s">
        <v>51</v>
      </c>
    </row>
    <row r="18485" spans="1:12">
      <c r="A18485" s="6" t="s">
        <v>17224</v>
      </c>
      <c r="B18485" s="6"/>
      <c r="C18485" s="6" t="s">
        <v>18517</v>
      </c>
      <c r="D18485" s="6"/>
      <c r="E18485" s="6" t="s">
        <v>9</v>
      </c>
      <c r="F18485" s="7">
        <v>38657</v>
      </c>
      <c r="G18485" s="8">
        <v>1</v>
      </c>
      <c r="H18485" s="8">
        <v>1</v>
      </c>
      <c r="I18485" s="8">
        <v>0</v>
      </c>
      <c r="J18485" s="8">
        <v>1</v>
      </c>
      <c r="K18485" s="9">
        <v>7.44</v>
      </c>
      <c r="L18485" s="6" t="s">
        <v>51</v>
      </c>
    </row>
    <row r="18486" spans="1:12">
      <c r="A18486" s="6" t="s">
        <v>17224</v>
      </c>
      <c r="B18486" s="6"/>
      <c r="C18486" s="6" t="s">
        <v>18518</v>
      </c>
      <c r="D18486" s="6"/>
      <c r="E18486" s="6" t="s">
        <v>9</v>
      </c>
      <c r="F18486" s="7">
        <v>38657</v>
      </c>
      <c r="G18486" s="8">
        <v>1</v>
      </c>
      <c r="H18486" s="8">
        <v>1</v>
      </c>
      <c r="I18486" s="8">
        <v>0</v>
      </c>
      <c r="J18486" s="8">
        <v>1</v>
      </c>
      <c r="K18486" s="9">
        <v>27.86</v>
      </c>
      <c r="L18486" s="6" t="s">
        <v>51</v>
      </c>
    </row>
    <row r="18487" spans="1:12">
      <c r="A18487" s="6" t="s">
        <v>17224</v>
      </c>
      <c r="B18487" s="6"/>
      <c r="C18487" s="6" t="s">
        <v>18519</v>
      </c>
      <c r="D18487" s="6"/>
      <c r="E18487" s="6" t="s">
        <v>9</v>
      </c>
      <c r="F18487" s="7">
        <v>38657</v>
      </c>
      <c r="G18487" s="8">
        <v>1</v>
      </c>
      <c r="H18487" s="8">
        <v>1</v>
      </c>
      <c r="I18487" s="8">
        <v>0</v>
      </c>
      <c r="J18487" s="8">
        <v>1</v>
      </c>
      <c r="K18487" s="9">
        <v>14.63</v>
      </c>
      <c r="L18487" s="6" t="s">
        <v>51</v>
      </c>
    </row>
    <row r="18488" spans="1:12">
      <c r="A18488" s="6" t="s">
        <v>17224</v>
      </c>
      <c r="B18488" s="6"/>
      <c r="C18488" s="6" t="s">
        <v>18520</v>
      </c>
      <c r="D18488" s="6"/>
      <c r="E18488" s="6" t="s">
        <v>9</v>
      </c>
      <c r="F18488" s="7">
        <v>38657</v>
      </c>
      <c r="G18488" s="8">
        <v>1</v>
      </c>
      <c r="H18488" s="8">
        <v>1</v>
      </c>
      <c r="I18488" s="8">
        <v>0</v>
      </c>
      <c r="J18488" s="8">
        <v>1</v>
      </c>
      <c r="K18488" s="9">
        <v>24.31</v>
      </c>
      <c r="L18488" s="6" t="s">
        <v>51</v>
      </c>
    </row>
    <row r="18489" spans="1:12">
      <c r="A18489" s="6" t="s">
        <v>17224</v>
      </c>
      <c r="B18489" s="6"/>
      <c r="C18489" s="6" t="s">
        <v>18521</v>
      </c>
      <c r="D18489" s="6"/>
      <c r="E18489" s="6" t="s">
        <v>9</v>
      </c>
      <c r="F18489" s="7">
        <v>38657</v>
      </c>
      <c r="G18489" s="8">
        <v>1</v>
      </c>
      <c r="H18489" s="8">
        <v>1</v>
      </c>
      <c r="I18489" s="8">
        <v>0</v>
      </c>
      <c r="J18489" s="8">
        <v>1</v>
      </c>
      <c r="K18489" s="9">
        <v>33</v>
      </c>
      <c r="L18489" s="6" t="s">
        <v>51</v>
      </c>
    </row>
    <row r="18490" spans="1:12">
      <c r="A18490" s="6" t="s">
        <v>17224</v>
      </c>
      <c r="B18490" s="6"/>
      <c r="C18490" s="6" t="s">
        <v>18522</v>
      </c>
      <c r="D18490" s="6"/>
      <c r="E18490" s="6" t="s">
        <v>9</v>
      </c>
      <c r="F18490" s="7"/>
      <c r="G18490" s="8">
        <v>1</v>
      </c>
      <c r="H18490" s="8">
        <v>1</v>
      </c>
      <c r="I18490" s="8">
        <v>0</v>
      </c>
      <c r="J18490" s="8">
        <v>1</v>
      </c>
      <c r="K18490" s="9">
        <v>6.61</v>
      </c>
      <c r="L18490" s="6" t="s">
        <v>51</v>
      </c>
    </row>
    <row r="18491" spans="1:12">
      <c r="A18491" s="6" t="s">
        <v>17224</v>
      </c>
      <c r="B18491" s="6"/>
      <c r="C18491" s="6" t="s">
        <v>18523</v>
      </c>
      <c r="D18491" s="6"/>
      <c r="E18491" s="6" t="s">
        <v>9</v>
      </c>
      <c r="F18491" s="7">
        <v>38657</v>
      </c>
      <c r="G18491" s="8">
        <v>1</v>
      </c>
      <c r="H18491" s="8">
        <v>1</v>
      </c>
      <c r="I18491" s="8">
        <v>0</v>
      </c>
      <c r="J18491" s="8">
        <v>1</v>
      </c>
      <c r="K18491" s="9">
        <v>4.53</v>
      </c>
      <c r="L18491" s="6" t="s">
        <v>51</v>
      </c>
    </row>
    <row r="18492" spans="1:12">
      <c r="A18492" s="6" t="s">
        <v>17224</v>
      </c>
      <c r="B18492" s="6"/>
      <c r="C18492" s="6" t="s">
        <v>18524</v>
      </c>
      <c r="D18492" s="6"/>
      <c r="E18492" s="6" t="s">
        <v>9</v>
      </c>
      <c r="F18492" s="7">
        <v>38657</v>
      </c>
      <c r="G18492" s="8">
        <v>1</v>
      </c>
      <c r="H18492" s="8">
        <v>1</v>
      </c>
      <c r="I18492" s="8">
        <v>0</v>
      </c>
      <c r="J18492" s="8">
        <v>1</v>
      </c>
      <c r="K18492" s="9">
        <v>148</v>
      </c>
      <c r="L18492" s="6" t="s">
        <v>51</v>
      </c>
    </row>
    <row r="18493" spans="1:12">
      <c r="A18493" s="6" t="s">
        <v>17224</v>
      </c>
      <c r="B18493" s="6"/>
      <c r="C18493" s="6" t="s">
        <v>18525</v>
      </c>
      <c r="D18493" s="6"/>
      <c r="E18493" s="6" t="s">
        <v>9</v>
      </c>
      <c r="F18493" s="7">
        <v>38657</v>
      </c>
      <c r="G18493" s="8">
        <v>1</v>
      </c>
      <c r="H18493" s="8">
        <v>1</v>
      </c>
      <c r="I18493" s="8">
        <v>0</v>
      </c>
      <c r="J18493" s="8">
        <v>1</v>
      </c>
      <c r="K18493" s="9">
        <v>19</v>
      </c>
      <c r="L18493" s="6" t="s">
        <v>51</v>
      </c>
    </row>
    <row r="18494" spans="1:12">
      <c r="A18494" s="6" t="s">
        <v>17224</v>
      </c>
      <c r="B18494" s="6"/>
      <c r="C18494" s="6" t="s">
        <v>18526</v>
      </c>
      <c r="D18494" s="6"/>
      <c r="E18494" s="6" t="s">
        <v>9</v>
      </c>
      <c r="F18494" s="7">
        <v>38657</v>
      </c>
      <c r="G18494" s="8">
        <v>1</v>
      </c>
      <c r="H18494" s="8">
        <v>1</v>
      </c>
      <c r="I18494" s="8">
        <v>0</v>
      </c>
      <c r="J18494" s="8">
        <v>1</v>
      </c>
      <c r="K18494" s="9">
        <v>105</v>
      </c>
      <c r="L18494" s="6" t="s">
        <v>51</v>
      </c>
    </row>
    <row r="18495" spans="1:12">
      <c r="A18495" s="6" t="s">
        <v>17224</v>
      </c>
      <c r="B18495" s="6"/>
      <c r="C18495" s="6" t="s">
        <v>18527</v>
      </c>
      <c r="D18495" s="6"/>
      <c r="E18495" s="6" t="s">
        <v>9</v>
      </c>
      <c r="F18495" s="7">
        <v>38657</v>
      </c>
      <c r="G18495" s="8">
        <v>1</v>
      </c>
      <c r="H18495" s="8">
        <v>1</v>
      </c>
      <c r="I18495" s="8">
        <v>0</v>
      </c>
      <c r="J18495" s="8">
        <v>1</v>
      </c>
      <c r="K18495" s="9">
        <v>291</v>
      </c>
      <c r="L18495" s="6" t="s">
        <v>51</v>
      </c>
    </row>
    <row r="18496" spans="1:12">
      <c r="A18496" s="6" t="s">
        <v>17224</v>
      </c>
      <c r="B18496" s="6"/>
      <c r="C18496" s="6" t="s">
        <v>18528</v>
      </c>
      <c r="D18496" s="6"/>
      <c r="E18496" s="6" t="s">
        <v>9</v>
      </c>
      <c r="F18496" s="7">
        <v>38657</v>
      </c>
      <c r="G18496" s="8">
        <v>1</v>
      </c>
      <c r="H18496" s="8">
        <v>1</v>
      </c>
      <c r="I18496" s="8">
        <v>0</v>
      </c>
      <c r="J18496" s="8">
        <v>1</v>
      </c>
      <c r="K18496" s="9">
        <v>2.31</v>
      </c>
      <c r="L18496" s="6" t="s">
        <v>51</v>
      </c>
    </row>
    <row r="18497" spans="1:12">
      <c r="A18497" s="6" t="s">
        <v>17224</v>
      </c>
      <c r="B18497" s="6"/>
      <c r="C18497" s="6" t="s">
        <v>18529</v>
      </c>
      <c r="D18497" s="6"/>
      <c r="E18497" s="6" t="s">
        <v>9</v>
      </c>
      <c r="F18497" s="7">
        <v>38657</v>
      </c>
      <c r="G18497" s="8">
        <v>1</v>
      </c>
      <c r="H18497" s="8">
        <v>1</v>
      </c>
      <c r="I18497" s="8">
        <v>0</v>
      </c>
      <c r="J18497" s="8">
        <v>1</v>
      </c>
      <c r="K18497" s="9">
        <v>1.63</v>
      </c>
      <c r="L18497" s="6" t="s">
        <v>51</v>
      </c>
    </row>
    <row r="18498" spans="1:12">
      <c r="A18498" s="6" t="s">
        <v>17224</v>
      </c>
      <c r="B18498" s="6"/>
      <c r="C18498" s="6" t="s">
        <v>18530</v>
      </c>
      <c r="D18498" s="6"/>
      <c r="E18498" s="6" t="s">
        <v>9</v>
      </c>
      <c r="F18498" s="7">
        <v>38657</v>
      </c>
      <c r="G18498" s="8">
        <v>1</v>
      </c>
      <c r="H18498" s="8">
        <v>1</v>
      </c>
      <c r="I18498" s="8">
        <v>0</v>
      </c>
      <c r="J18498" s="8">
        <v>1</v>
      </c>
      <c r="K18498" s="9">
        <v>42</v>
      </c>
      <c r="L18498" s="6" t="s">
        <v>51</v>
      </c>
    </row>
    <row r="18499" spans="1:12">
      <c r="A18499" s="6" t="s">
        <v>17224</v>
      </c>
      <c r="B18499" s="6"/>
      <c r="C18499" s="6" t="s">
        <v>18531</v>
      </c>
      <c r="D18499" s="6"/>
      <c r="E18499" s="6" t="s">
        <v>9</v>
      </c>
      <c r="F18499" s="7">
        <v>38657</v>
      </c>
      <c r="G18499" s="8">
        <v>1</v>
      </c>
      <c r="H18499" s="8">
        <v>1</v>
      </c>
      <c r="I18499" s="8">
        <v>0</v>
      </c>
      <c r="J18499" s="8">
        <v>1</v>
      </c>
      <c r="K18499" s="9">
        <v>49</v>
      </c>
      <c r="L18499" s="6" t="s">
        <v>51</v>
      </c>
    </row>
    <row r="18500" spans="1:12">
      <c r="A18500" s="6" t="s">
        <v>17224</v>
      </c>
      <c r="B18500" s="6"/>
      <c r="C18500" s="6" t="s">
        <v>18532</v>
      </c>
      <c r="D18500" s="6"/>
      <c r="E18500" s="6" t="s">
        <v>9</v>
      </c>
      <c r="F18500" s="7">
        <v>38657</v>
      </c>
      <c r="G18500" s="8">
        <v>1</v>
      </c>
      <c r="H18500" s="8">
        <v>1</v>
      </c>
      <c r="I18500" s="8">
        <v>0</v>
      </c>
      <c r="J18500" s="8">
        <v>1</v>
      </c>
      <c r="K18500" s="9">
        <v>187</v>
      </c>
      <c r="L18500" s="6" t="s">
        <v>51</v>
      </c>
    </row>
    <row r="18501" spans="1:12">
      <c r="A18501" s="6" t="s">
        <v>17224</v>
      </c>
      <c r="B18501" s="6"/>
      <c r="C18501" s="6" t="s">
        <v>18533</v>
      </c>
      <c r="D18501" s="6"/>
      <c r="E18501" s="6" t="s">
        <v>9</v>
      </c>
      <c r="F18501" s="7"/>
      <c r="G18501" s="8">
        <v>1</v>
      </c>
      <c r="H18501" s="8">
        <v>1</v>
      </c>
      <c r="I18501" s="8">
        <v>0</v>
      </c>
      <c r="J18501" s="8">
        <v>1</v>
      </c>
      <c r="K18501" s="9">
        <v>46</v>
      </c>
      <c r="L18501" s="6" t="s">
        <v>51</v>
      </c>
    </row>
    <row r="18502" spans="1:12">
      <c r="A18502" s="6" t="s">
        <v>17224</v>
      </c>
      <c r="B18502" s="6"/>
      <c r="C18502" s="6" t="s">
        <v>18534</v>
      </c>
      <c r="D18502" s="6"/>
      <c r="E18502" s="6" t="s">
        <v>9</v>
      </c>
      <c r="F18502" s="7">
        <v>38657</v>
      </c>
      <c r="G18502" s="8">
        <v>1</v>
      </c>
      <c r="H18502" s="8">
        <v>1</v>
      </c>
      <c r="I18502" s="8">
        <v>0</v>
      </c>
      <c r="J18502" s="8">
        <v>1</v>
      </c>
      <c r="K18502" s="9">
        <v>16</v>
      </c>
      <c r="L18502" s="6" t="s">
        <v>51</v>
      </c>
    </row>
    <row r="18503" spans="1:12">
      <c r="A18503" s="6" t="s">
        <v>17224</v>
      </c>
      <c r="B18503" s="6"/>
      <c r="C18503" s="6" t="s">
        <v>18535</v>
      </c>
      <c r="D18503" s="6"/>
      <c r="E18503" s="6" t="s">
        <v>9</v>
      </c>
      <c r="F18503" s="7">
        <v>38657</v>
      </c>
      <c r="G18503" s="8">
        <v>1</v>
      </c>
      <c r="H18503" s="8">
        <v>1</v>
      </c>
      <c r="I18503" s="8">
        <v>0</v>
      </c>
      <c r="J18503" s="8">
        <v>1</v>
      </c>
      <c r="K18503" s="9">
        <v>27</v>
      </c>
      <c r="L18503" s="6" t="s">
        <v>51</v>
      </c>
    </row>
    <row r="18504" spans="1:12">
      <c r="A18504" s="6" t="s">
        <v>17224</v>
      </c>
      <c r="B18504" s="6"/>
      <c r="C18504" s="6" t="s">
        <v>18536</v>
      </c>
      <c r="D18504" s="6"/>
      <c r="E18504" s="6" t="s">
        <v>9</v>
      </c>
      <c r="F18504" s="7">
        <v>38657</v>
      </c>
      <c r="G18504" s="8">
        <v>1</v>
      </c>
      <c r="H18504" s="8">
        <v>1</v>
      </c>
      <c r="I18504" s="8">
        <v>0</v>
      </c>
      <c r="J18504" s="8">
        <v>1</v>
      </c>
      <c r="K18504" s="9">
        <v>27</v>
      </c>
      <c r="L18504" s="6" t="s">
        <v>51</v>
      </c>
    </row>
    <row r="18505" spans="1:12">
      <c r="A18505" s="6" t="s">
        <v>17224</v>
      </c>
      <c r="B18505" s="6"/>
      <c r="C18505" s="6" t="s">
        <v>18537</v>
      </c>
      <c r="D18505" s="6"/>
      <c r="E18505" s="6" t="s">
        <v>9</v>
      </c>
      <c r="F18505" s="7">
        <v>38657</v>
      </c>
      <c r="G18505" s="8">
        <v>1</v>
      </c>
      <c r="H18505" s="8">
        <v>1</v>
      </c>
      <c r="I18505" s="8">
        <v>0</v>
      </c>
      <c r="J18505" s="8">
        <v>1</v>
      </c>
      <c r="K18505" s="9">
        <v>27</v>
      </c>
      <c r="L18505" s="6" t="s">
        <v>51</v>
      </c>
    </row>
    <row r="18506" spans="1:12">
      <c r="A18506" s="6" t="s">
        <v>17224</v>
      </c>
      <c r="B18506" s="6"/>
      <c r="C18506" s="6" t="s">
        <v>18538</v>
      </c>
      <c r="D18506" s="6"/>
      <c r="E18506" s="6" t="s">
        <v>9</v>
      </c>
      <c r="F18506" s="7">
        <v>38657</v>
      </c>
      <c r="G18506" s="8">
        <v>1</v>
      </c>
      <c r="H18506" s="8">
        <v>1</v>
      </c>
      <c r="I18506" s="8">
        <v>0</v>
      </c>
      <c r="J18506" s="8">
        <v>1</v>
      </c>
      <c r="K18506" s="9">
        <v>27</v>
      </c>
      <c r="L18506" s="6" t="s">
        <v>51</v>
      </c>
    </row>
    <row r="18507" spans="1:12">
      <c r="A18507" s="6" t="s">
        <v>17224</v>
      </c>
      <c r="B18507" s="6"/>
      <c r="C18507" s="6" t="s">
        <v>18539</v>
      </c>
      <c r="D18507" s="6"/>
      <c r="E18507" s="6" t="s">
        <v>9</v>
      </c>
      <c r="F18507" s="7">
        <v>38657</v>
      </c>
      <c r="G18507" s="8">
        <v>1</v>
      </c>
      <c r="H18507" s="8">
        <v>1</v>
      </c>
      <c r="I18507" s="8">
        <v>0</v>
      </c>
      <c r="J18507" s="8">
        <v>1</v>
      </c>
      <c r="K18507" s="9">
        <v>9</v>
      </c>
      <c r="L18507" s="6" t="s">
        <v>51</v>
      </c>
    </row>
    <row r="18508" spans="1:12">
      <c r="A18508" s="6" t="s">
        <v>17224</v>
      </c>
      <c r="B18508" s="6"/>
      <c r="C18508" s="6" t="s">
        <v>18540</v>
      </c>
      <c r="D18508" s="6"/>
      <c r="E18508" s="6" t="s">
        <v>9</v>
      </c>
      <c r="F18508" s="7">
        <v>38657</v>
      </c>
      <c r="G18508" s="8">
        <v>1</v>
      </c>
      <c r="H18508" s="8">
        <v>1</v>
      </c>
      <c r="I18508" s="8">
        <v>0</v>
      </c>
      <c r="J18508" s="8">
        <v>1</v>
      </c>
      <c r="K18508" s="9">
        <v>12</v>
      </c>
      <c r="L18508" s="6" t="s">
        <v>51</v>
      </c>
    </row>
    <row r="18509" spans="1:12">
      <c r="A18509" s="6" t="s">
        <v>17224</v>
      </c>
      <c r="B18509" s="6"/>
      <c r="C18509" s="6" t="s">
        <v>18541</v>
      </c>
      <c r="D18509" s="6"/>
      <c r="E18509" s="6" t="s">
        <v>9</v>
      </c>
      <c r="F18509" s="7">
        <v>38657</v>
      </c>
      <c r="G18509" s="8">
        <v>1</v>
      </c>
      <c r="H18509" s="8">
        <v>1</v>
      </c>
      <c r="I18509" s="8">
        <v>0</v>
      </c>
      <c r="J18509" s="8">
        <v>1</v>
      </c>
      <c r="K18509" s="9">
        <v>11</v>
      </c>
      <c r="L18509" s="6" t="s">
        <v>51</v>
      </c>
    </row>
    <row r="18510" spans="1:12">
      <c r="A18510" s="6" t="s">
        <v>17224</v>
      </c>
      <c r="B18510" s="6"/>
      <c r="C18510" s="6" t="s">
        <v>18542</v>
      </c>
      <c r="D18510" s="6"/>
      <c r="E18510" s="6" t="s">
        <v>9</v>
      </c>
      <c r="F18510" s="7">
        <v>38657</v>
      </c>
      <c r="G18510" s="8">
        <v>1</v>
      </c>
      <c r="H18510" s="8">
        <v>1</v>
      </c>
      <c r="I18510" s="8">
        <v>0</v>
      </c>
      <c r="J18510" s="8">
        <v>1</v>
      </c>
      <c r="K18510" s="9">
        <v>26</v>
      </c>
      <c r="L18510" s="6" t="s">
        <v>51</v>
      </c>
    </row>
    <row r="18511" spans="1:12">
      <c r="A18511" s="6" t="s">
        <v>17224</v>
      </c>
      <c r="B18511" s="6"/>
      <c r="C18511" s="6" t="s">
        <v>18543</v>
      </c>
      <c r="D18511" s="6"/>
      <c r="E18511" s="6" t="s">
        <v>9</v>
      </c>
      <c r="F18511" s="7">
        <v>41950</v>
      </c>
      <c r="G18511" s="8">
        <v>1</v>
      </c>
      <c r="H18511" s="8">
        <v>1</v>
      </c>
      <c r="I18511" s="8">
        <v>0</v>
      </c>
      <c r="J18511" s="8">
        <v>1</v>
      </c>
      <c r="K18511" s="9">
        <v>159</v>
      </c>
      <c r="L18511" s="6" t="s">
        <v>51</v>
      </c>
    </row>
    <row r="18512" spans="1:12">
      <c r="A18512" s="6" t="s">
        <v>17224</v>
      </c>
      <c r="B18512" s="6"/>
      <c r="C18512" s="6" t="s">
        <v>18544</v>
      </c>
      <c r="D18512" s="6"/>
      <c r="E18512" s="6" t="s">
        <v>9</v>
      </c>
      <c r="F18512" s="7">
        <v>38657</v>
      </c>
      <c r="G18512" s="8">
        <v>1</v>
      </c>
      <c r="H18512" s="8">
        <v>1</v>
      </c>
      <c r="I18512" s="8">
        <v>0</v>
      </c>
      <c r="J18512" s="8">
        <v>1</v>
      </c>
      <c r="K18512" s="9">
        <v>52.82</v>
      </c>
      <c r="L18512" s="6" t="s">
        <v>51</v>
      </c>
    </row>
    <row r="18513" spans="1:12">
      <c r="A18513" s="6" t="s">
        <v>17224</v>
      </c>
      <c r="B18513" s="6"/>
      <c r="C18513" s="6" t="s">
        <v>18545</v>
      </c>
      <c r="D18513" s="6"/>
      <c r="E18513" s="6" t="s">
        <v>9</v>
      </c>
      <c r="F18513" s="7"/>
      <c r="G18513" s="8">
        <v>1</v>
      </c>
      <c r="H18513" s="8">
        <v>1</v>
      </c>
      <c r="I18513" s="8">
        <v>0</v>
      </c>
      <c r="J18513" s="8">
        <v>1</v>
      </c>
      <c r="K18513" s="9">
        <v>6.61</v>
      </c>
      <c r="L18513" s="6" t="s">
        <v>51</v>
      </c>
    </row>
    <row r="18514" spans="1:12">
      <c r="A18514" s="6" t="s">
        <v>17224</v>
      </c>
      <c r="B18514" s="6"/>
      <c r="C18514" s="6" t="s">
        <v>18546</v>
      </c>
      <c r="D18514" s="6"/>
      <c r="E18514" s="6" t="s">
        <v>9</v>
      </c>
      <c r="F18514" s="7">
        <v>41950</v>
      </c>
      <c r="G18514" s="8">
        <v>1</v>
      </c>
      <c r="H18514" s="8">
        <v>1</v>
      </c>
      <c r="I18514" s="8">
        <v>0</v>
      </c>
      <c r="J18514" s="8">
        <v>1</v>
      </c>
      <c r="K18514" s="9">
        <v>206</v>
      </c>
      <c r="L18514" s="6" t="s">
        <v>51</v>
      </c>
    </row>
    <row r="18515" spans="1:12">
      <c r="A18515" s="6" t="s">
        <v>17224</v>
      </c>
      <c r="B18515" s="6"/>
      <c r="C18515" s="6" t="s">
        <v>18547</v>
      </c>
      <c r="D18515" s="6"/>
      <c r="E18515" s="6" t="s">
        <v>9</v>
      </c>
      <c r="F18515" s="7">
        <v>41950</v>
      </c>
      <c r="G18515" s="8">
        <v>1</v>
      </c>
      <c r="H18515" s="8">
        <v>1</v>
      </c>
      <c r="I18515" s="8">
        <v>0</v>
      </c>
      <c r="J18515" s="8">
        <v>1</v>
      </c>
      <c r="K18515" s="9">
        <v>485</v>
      </c>
      <c r="L18515" s="6" t="s">
        <v>51</v>
      </c>
    </row>
    <row r="18516" spans="1:12">
      <c r="A18516" s="6" t="s">
        <v>17224</v>
      </c>
      <c r="B18516" s="6"/>
      <c r="C18516" s="6" t="s">
        <v>18548</v>
      </c>
      <c r="D18516" s="6"/>
      <c r="E18516" s="6" t="s">
        <v>9</v>
      </c>
      <c r="F18516" s="7">
        <v>41950</v>
      </c>
      <c r="G18516" s="8">
        <v>1</v>
      </c>
      <c r="H18516" s="8">
        <v>1</v>
      </c>
      <c r="I18516" s="8">
        <v>0</v>
      </c>
      <c r="J18516" s="8">
        <v>1</v>
      </c>
      <c r="K18516" s="9">
        <v>72</v>
      </c>
      <c r="L18516" s="6" t="s">
        <v>51</v>
      </c>
    </row>
    <row r="18517" spans="1:12">
      <c r="A18517" s="6" t="s">
        <v>17224</v>
      </c>
      <c r="B18517" s="6"/>
      <c r="C18517" s="6" t="s">
        <v>18549</v>
      </c>
      <c r="D18517" s="6"/>
      <c r="E18517" s="6" t="s">
        <v>9</v>
      </c>
      <c r="F18517" s="7">
        <v>41950</v>
      </c>
      <c r="G18517" s="8">
        <v>1</v>
      </c>
      <c r="H18517" s="8">
        <v>1</v>
      </c>
      <c r="I18517" s="8">
        <v>0</v>
      </c>
      <c r="J18517" s="8">
        <v>1</v>
      </c>
      <c r="K18517" s="9">
        <v>354</v>
      </c>
      <c r="L18517" s="6" t="s">
        <v>51</v>
      </c>
    </row>
    <row r="18518" spans="1:12">
      <c r="A18518" s="6" t="s">
        <v>17224</v>
      </c>
      <c r="B18518" s="6"/>
      <c r="C18518" s="6" t="s">
        <v>18550</v>
      </c>
      <c r="D18518" s="6"/>
      <c r="E18518" s="6" t="s">
        <v>9</v>
      </c>
      <c r="F18518" s="7">
        <v>41950</v>
      </c>
      <c r="G18518" s="8">
        <v>1</v>
      </c>
      <c r="H18518" s="8">
        <v>1</v>
      </c>
      <c r="I18518" s="8">
        <v>0</v>
      </c>
      <c r="J18518" s="8">
        <v>1</v>
      </c>
      <c r="K18518" s="9">
        <v>146</v>
      </c>
      <c r="L18518" s="6" t="s">
        <v>51</v>
      </c>
    </row>
    <row r="18519" spans="1:12">
      <c r="A18519" s="6" t="s">
        <v>17224</v>
      </c>
      <c r="B18519" s="6"/>
      <c r="C18519" s="6" t="s">
        <v>18551</v>
      </c>
      <c r="D18519" s="6"/>
      <c r="E18519" s="6" t="s">
        <v>9</v>
      </c>
      <c r="F18519" s="7">
        <v>41950</v>
      </c>
      <c r="G18519" s="8">
        <v>1</v>
      </c>
      <c r="H18519" s="8">
        <v>1</v>
      </c>
      <c r="I18519" s="8">
        <v>0</v>
      </c>
      <c r="J18519" s="8">
        <v>1</v>
      </c>
      <c r="K18519" s="9">
        <v>203</v>
      </c>
      <c r="L18519" s="6" t="s">
        <v>51</v>
      </c>
    </row>
    <row r="18520" spans="1:12">
      <c r="A18520" s="6" t="s">
        <v>17224</v>
      </c>
      <c r="B18520" s="6"/>
      <c r="C18520" s="6" t="s">
        <v>18552</v>
      </c>
      <c r="D18520" s="6"/>
      <c r="E18520" s="6" t="s">
        <v>9</v>
      </c>
      <c r="F18520" s="7">
        <v>41950</v>
      </c>
      <c r="G18520" s="8">
        <v>1</v>
      </c>
      <c r="H18520" s="8">
        <v>1</v>
      </c>
      <c r="I18520" s="8">
        <v>0</v>
      </c>
      <c r="J18520" s="8">
        <v>1</v>
      </c>
      <c r="K18520" s="9">
        <v>114</v>
      </c>
      <c r="L18520" s="6" t="s">
        <v>51</v>
      </c>
    </row>
    <row r="18521" spans="1:12">
      <c r="A18521" s="6" t="s">
        <v>17224</v>
      </c>
      <c r="B18521" s="6"/>
      <c r="C18521" s="6" t="s">
        <v>18553</v>
      </c>
      <c r="D18521" s="6"/>
      <c r="E18521" s="6" t="s">
        <v>9</v>
      </c>
      <c r="F18521" s="7">
        <v>41950</v>
      </c>
      <c r="G18521" s="8">
        <v>1</v>
      </c>
      <c r="H18521" s="8">
        <v>1</v>
      </c>
      <c r="I18521" s="8">
        <v>0</v>
      </c>
      <c r="J18521" s="8">
        <v>1</v>
      </c>
      <c r="K18521" s="9">
        <v>327</v>
      </c>
      <c r="L18521" s="6" t="s">
        <v>51</v>
      </c>
    </row>
    <row r="18522" spans="1:12">
      <c r="A18522" s="6" t="s">
        <v>17224</v>
      </c>
      <c r="B18522" s="6"/>
      <c r="C18522" s="6" t="s">
        <v>18554</v>
      </c>
      <c r="D18522" s="6"/>
      <c r="E18522" s="6" t="s">
        <v>9</v>
      </c>
      <c r="F18522" s="7">
        <v>41950</v>
      </c>
      <c r="G18522" s="8">
        <v>1</v>
      </c>
      <c r="H18522" s="8">
        <v>1</v>
      </c>
      <c r="I18522" s="8">
        <v>0</v>
      </c>
      <c r="J18522" s="8">
        <v>1</v>
      </c>
      <c r="K18522" s="9">
        <v>2.98</v>
      </c>
      <c r="L18522" s="6" t="s">
        <v>51</v>
      </c>
    </row>
    <row r="18523" spans="1:12">
      <c r="A18523" s="6" t="s">
        <v>17224</v>
      </c>
      <c r="B18523" s="6"/>
      <c r="C18523" s="6" t="s">
        <v>18555</v>
      </c>
      <c r="D18523" s="6"/>
      <c r="E18523" s="6" t="s">
        <v>9</v>
      </c>
      <c r="F18523" s="7">
        <v>41978</v>
      </c>
      <c r="G18523" s="8">
        <v>1</v>
      </c>
      <c r="H18523" s="8">
        <v>1</v>
      </c>
      <c r="I18523" s="8">
        <v>0</v>
      </c>
      <c r="J18523" s="8">
        <v>1</v>
      </c>
      <c r="K18523" s="9">
        <v>1.2</v>
      </c>
      <c r="L18523" s="6" t="s">
        <v>51</v>
      </c>
    </row>
    <row r="18524" spans="1:12">
      <c r="A18524" s="6" t="s">
        <v>17224</v>
      </c>
      <c r="B18524" s="6"/>
      <c r="C18524" s="6" t="s">
        <v>18556</v>
      </c>
      <c r="D18524" s="6"/>
      <c r="E18524" s="6" t="s">
        <v>9</v>
      </c>
      <c r="F18524" s="7"/>
      <c r="G18524" s="8">
        <v>1</v>
      </c>
      <c r="H18524" s="8">
        <v>1</v>
      </c>
      <c r="I18524" s="8">
        <v>0</v>
      </c>
      <c r="J18524" s="8">
        <v>1</v>
      </c>
      <c r="K18524" s="9">
        <v>6.61</v>
      </c>
      <c r="L18524" s="6" t="s">
        <v>51</v>
      </c>
    </row>
    <row r="18525" spans="1:12">
      <c r="A18525" s="6" t="s">
        <v>17224</v>
      </c>
      <c r="B18525" s="6"/>
      <c r="C18525" s="6" t="s">
        <v>18557</v>
      </c>
      <c r="D18525" s="6"/>
      <c r="E18525" s="6" t="s">
        <v>9</v>
      </c>
      <c r="F18525" s="7">
        <v>41950</v>
      </c>
      <c r="G18525" s="8">
        <v>1</v>
      </c>
      <c r="H18525" s="8">
        <v>1</v>
      </c>
      <c r="I18525" s="8">
        <v>0</v>
      </c>
      <c r="J18525" s="8">
        <v>1</v>
      </c>
      <c r="K18525" s="9">
        <v>276</v>
      </c>
      <c r="L18525" s="6" t="s">
        <v>51</v>
      </c>
    </row>
    <row r="18526" spans="1:12">
      <c r="A18526" s="6" t="s">
        <v>17224</v>
      </c>
      <c r="B18526" s="6"/>
      <c r="C18526" s="6" t="s">
        <v>18558</v>
      </c>
      <c r="D18526" s="6"/>
      <c r="E18526" s="6" t="s">
        <v>9</v>
      </c>
      <c r="F18526" s="7">
        <v>41950</v>
      </c>
      <c r="G18526" s="8">
        <v>1</v>
      </c>
      <c r="H18526" s="8">
        <v>1</v>
      </c>
      <c r="I18526" s="8">
        <v>0</v>
      </c>
      <c r="J18526" s="8">
        <v>1</v>
      </c>
      <c r="K18526" s="9">
        <v>384</v>
      </c>
      <c r="L18526" s="6" t="s">
        <v>51</v>
      </c>
    </row>
    <row r="18527" spans="1:12">
      <c r="A18527" s="6" t="s">
        <v>17224</v>
      </c>
      <c r="B18527" s="6"/>
      <c r="C18527" s="6" t="s">
        <v>18559</v>
      </c>
      <c r="D18527" s="6"/>
      <c r="E18527" s="6" t="s">
        <v>9</v>
      </c>
      <c r="F18527" s="7">
        <v>41950</v>
      </c>
      <c r="G18527" s="8">
        <v>1</v>
      </c>
      <c r="H18527" s="8">
        <v>1</v>
      </c>
      <c r="I18527" s="8">
        <v>0</v>
      </c>
      <c r="J18527" s="8">
        <v>1</v>
      </c>
      <c r="K18527" s="9">
        <v>274</v>
      </c>
      <c r="L18527" s="6" t="s">
        <v>51</v>
      </c>
    </row>
    <row r="18528" spans="1:12">
      <c r="A18528" s="6" t="s">
        <v>17224</v>
      </c>
      <c r="B18528" s="6"/>
      <c r="C18528" s="6" t="s">
        <v>18560</v>
      </c>
      <c r="D18528" s="6"/>
      <c r="E18528" s="6" t="s">
        <v>9</v>
      </c>
      <c r="F18528" s="7">
        <v>41950</v>
      </c>
      <c r="G18528" s="8">
        <v>1</v>
      </c>
      <c r="H18528" s="8">
        <v>1</v>
      </c>
      <c r="I18528" s="8">
        <v>0</v>
      </c>
      <c r="J18528" s="8">
        <v>1</v>
      </c>
      <c r="K18528" s="9">
        <v>147</v>
      </c>
      <c r="L18528" s="6" t="s">
        <v>51</v>
      </c>
    </row>
    <row r="18529" spans="1:12">
      <c r="A18529" s="6" t="s">
        <v>17224</v>
      </c>
      <c r="B18529" s="6"/>
      <c r="C18529" s="6" t="s">
        <v>18561</v>
      </c>
      <c r="D18529" s="6"/>
      <c r="E18529" s="6" t="s">
        <v>9</v>
      </c>
      <c r="F18529" s="7">
        <v>41950</v>
      </c>
      <c r="G18529" s="8">
        <v>1</v>
      </c>
      <c r="H18529" s="8">
        <v>1</v>
      </c>
      <c r="I18529" s="8">
        <v>0</v>
      </c>
      <c r="J18529" s="8">
        <v>1</v>
      </c>
      <c r="K18529" s="9">
        <v>917</v>
      </c>
      <c r="L18529" s="6" t="s">
        <v>51</v>
      </c>
    </row>
    <row r="18530" spans="1:12">
      <c r="A18530" s="6" t="s">
        <v>17224</v>
      </c>
      <c r="B18530" s="6"/>
      <c r="C18530" s="6" t="s">
        <v>18562</v>
      </c>
      <c r="D18530" s="6"/>
      <c r="E18530" s="6" t="s">
        <v>9</v>
      </c>
      <c r="F18530" s="7">
        <v>41950</v>
      </c>
      <c r="G18530" s="8">
        <v>1</v>
      </c>
      <c r="H18530" s="8">
        <v>1</v>
      </c>
      <c r="I18530" s="8">
        <v>0</v>
      </c>
      <c r="J18530" s="8">
        <v>1</v>
      </c>
      <c r="K18530" s="9">
        <v>418</v>
      </c>
      <c r="L18530" s="6" t="s">
        <v>51</v>
      </c>
    </row>
    <row r="18531" spans="1:12">
      <c r="A18531" s="6" t="s">
        <v>17224</v>
      </c>
      <c r="B18531" s="6"/>
      <c r="C18531" s="6" t="s">
        <v>18563</v>
      </c>
      <c r="D18531" s="6"/>
      <c r="E18531" s="6" t="s">
        <v>9</v>
      </c>
      <c r="F18531" s="7">
        <v>41950</v>
      </c>
      <c r="G18531" s="8">
        <v>1</v>
      </c>
      <c r="H18531" s="8">
        <v>1</v>
      </c>
      <c r="I18531" s="8">
        <v>0</v>
      </c>
      <c r="J18531" s="8">
        <v>1</v>
      </c>
      <c r="K18531" s="9">
        <v>24</v>
      </c>
      <c r="L18531" s="6" t="s">
        <v>51</v>
      </c>
    </row>
    <row r="18532" spans="1:12">
      <c r="A18532" s="6" t="s">
        <v>17224</v>
      </c>
      <c r="B18532" s="6"/>
      <c r="C18532" s="6" t="s">
        <v>18564</v>
      </c>
      <c r="D18532" s="6"/>
      <c r="E18532" s="6" t="s">
        <v>9</v>
      </c>
      <c r="F18532" s="7">
        <v>41950</v>
      </c>
      <c r="G18532" s="8">
        <v>1</v>
      </c>
      <c r="H18532" s="8">
        <v>1</v>
      </c>
      <c r="I18532" s="8">
        <v>0</v>
      </c>
      <c r="J18532" s="8">
        <v>1</v>
      </c>
      <c r="K18532" s="9">
        <v>44</v>
      </c>
      <c r="L18532" s="6" t="s">
        <v>51</v>
      </c>
    </row>
    <row r="18533" spans="1:12">
      <c r="A18533" s="6" t="s">
        <v>17224</v>
      </c>
      <c r="B18533" s="6"/>
      <c r="C18533" s="6" t="s">
        <v>18565</v>
      </c>
      <c r="D18533" s="6"/>
      <c r="E18533" s="6" t="s">
        <v>9</v>
      </c>
      <c r="F18533" s="7">
        <v>41950</v>
      </c>
      <c r="G18533" s="8">
        <v>1</v>
      </c>
      <c r="H18533" s="8">
        <v>1</v>
      </c>
      <c r="I18533" s="8">
        <v>0</v>
      </c>
      <c r="J18533" s="8">
        <v>1</v>
      </c>
      <c r="K18533" s="9">
        <v>539</v>
      </c>
      <c r="L18533" s="6" t="s">
        <v>51</v>
      </c>
    </row>
    <row r="18534" spans="1:12">
      <c r="A18534" s="6" t="s">
        <v>17224</v>
      </c>
      <c r="B18534" s="6"/>
      <c r="C18534" s="6" t="s">
        <v>18566</v>
      </c>
      <c r="D18534" s="6"/>
      <c r="E18534" s="6" t="s">
        <v>9</v>
      </c>
      <c r="F18534" s="7">
        <v>41950</v>
      </c>
      <c r="G18534" s="8">
        <v>1</v>
      </c>
      <c r="H18534" s="8">
        <v>1</v>
      </c>
      <c r="I18534" s="8">
        <v>0</v>
      </c>
      <c r="J18534" s="8">
        <v>1</v>
      </c>
      <c r="K18534" s="9">
        <v>198</v>
      </c>
      <c r="L18534" s="6" t="s">
        <v>51</v>
      </c>
    </row>
    <row r="18535" spans="1:12">
      <c r="A18535" s="6" t="s">
        <v>17224</v>
      </c>
      <c r="B18535" s="6"/>
      <c r="C18535" s="6" t="s">
        <v>18567</v>
      </c>
      <c r="D18535" s="6"/>
      <c r="E18535" s="6" t="s">
        <v>9</v>
      </c>
      <c r="F18535" s="7"/>
      <c r="G18535" s="8">
        <v>1</v>
      </c>
      <c r="H18535" s="8">
        <v>1</v>
      </c>
      <c r="I18535" s="8">
        <v>0</v>
      </c>
      <c r="J18535" s="8">
        <v>1</v>
      </c>
      <c r="K18535" s="9">
        <v>6.61</v>
      </c>
      <c r="L18535" s="6" t="s">
        <v>51</v>
      </c>
    </row>
    <row r="18536" spans="1:12">
      <c r="A18536" s="6" t="s">
        <v>17224</v>
      </c>
      <c r="B18536" s="6"/>
      <c r="C18536" s="6" t="s">
        <v>18568</v>
      </c>
      <c r="D18536" s="6"/>
      <c r="E18536" s="6" t="s">
        <v>9</v>
      </c>
      <c r="F18536" s="7">
        <v>41950</v>
      </c>
      <c r="G18536" s="8">
        <v>1</v>
      </c>
      <c r="H18536" s="8">
        <v>1</v>
      </c>
      <c r="I18536" s="8">
        <v>0</v>
      </c>
      <c r="J18536" s="8">
        <v>1</v>
      </c>
      <c r="K18536" s="9">
        <v>125</v>
      </c>
      <c r="L18536" s="6" t="s">
        <v>51</v>
      </c>
    </row>
    <row r="18537" spans="1:12">
      <c r="A18537" s="6" t="s">
        <v>17224</v>
      </c>
      <c r="B18537" s="6"/>
      <c r="C18537" s="6" t="s">
        <v>18569</v>
      </c>
      <c r="D18537" s="6"/>
      <c r="E18537" s="6" t="s">
        <v>9</v>
      </c>
      <c r="F18537" s="7">
        <v>41950</v>
      </c>
      <c r="G18537" s="8">
        <v>1</v>
      </c>
      <c r="H18537" s="8">
        <v>1</v>
      </c>
      <c r="I18537" s="8">
        <v>0</v>
      </c>
      <c r="J18537" s="8">
        <v>1</v>
      </c>
      <c r="K18537" s="9">
        <v>82</v>
      </c>
      <c r="L18537" s="6" t="s">
        <v>51</v>
      </c>
    </row>
    <row r="18538" spans="1:12">
      <c r="A18538" s="6" t="s">
        <v>17224</v>
      </c>
      <c r="B18538" s="6"/>
      <c r="C18538" s="6" t="s">
        <v>18570</v>
      </c>
      <c r="D18538" s="6"/>
      <c r="E18538" s="6" t="s">
        <v>9</v>
      </c>
      <c r="F18538" s="7">
        <v>41950</v>
      </c>
      <c r="G18538" s="8">
        <v>1</v>
      </c>
      <c r="H18538" s="8">
        <v>1</v>
      </c>
      <c r="I18538" s="8">
        <v>0</v>
      </c>
      <c r="J18538" s="8">
        <v>1</v>
      </c>
      <c r="K18538" s="9">
        <v>28</v>
      </c>
      <c r="L18538" s="6" t="s">
        <v>51</v>
      </c>
    </row>
    <row r="18539" spans="1:12">
      <c r="A18539" s="6" t="s">
        <v>17224</v>
      </c>
      <c r="B18539" s="6"/>
      <c r="C18539" s="6" t="s">
        <v>18571</v>
      </c>
      <c r="D18539" s="6"/>
      <c r="E18539" s="6" t="s">
        <v>9</v>
      </c>
      <c r="F18539" s="7">
        <v>41950</v>
      </c>
      <c r="G18539" s="8">
        <v>1</v>
      </c>
      <c r="H18539" s="8">
        <v>1</v>
      </c>
      <c r="I18539" s="8">
        <v>0</v>
      </c>
      <c r="J18539" s="8">
        <v>1</v>
      </c>
      <c r="K18539" s="9">
        <v>552</v>
      </c>
      <c r="L18539" s="6" t="s">
        <v>51</v>
      </c>
    </row>
    <row r="18540" spans="1:12">
      <c r="A18540" s="6" t="s">
        <v>17224</v>
      </c>
      <c r="B18540" s="6"/>
      <c r="C18540" s="6" t="s">
        <v>18572</v>
      </c>
      <c r="D18540" s="6"/>
      <c r="E18540" s="6" t="s">
        <v>9</v>
      </c>
      <c r="F18540" s="7">
        <v>41950</v>
      </c>
      <c r="G18540" s="8">
        <v>1</v>
      </c>
      <c r="H18540" s="8">
        <v>1</v>
      </c>
      <c r="I18540" s="8">
        <v>0</v>
      </c>
      <c r="J18540" s="8">
        <v>1</v>
      </c>
      <c r="K18540" s="9">
        <v>853</v>
      </c>
      <c r="L18540" s="6" t="s">
        <v>51</v>
      </c>
    </row>
    <row r="18541" spans="1:12">
      <c r="A18541" s="6" t="s">
        <v>17224</v>
      </c>
      <c r="B18541" s="6"/>
      <c r="C18541" s="6" t="s">
        <v>18573</v>
      </c>
      <c r="D18541" s="6"/>
      <c r="E18541" s="6" t="s">
        <v>9</v>
      </c>
      <c r="F18541" s="7">
        <v>41950</v>
      </c>
      <c r="G18541" s="8">
        <v>1</v>
      </c>
      <c r="H18541" s="8">
        <v>1</v>
      </c>
      <c r="I18541" s="8">
        <v>0</v>
      </c>
      <c r="J18541" s="8">
        <v>1</v>
      </c>
      <c r="K18541" s="9">
        <v>319</v>
      </c>
      <c r="L18541" s="6" t="s">
        <v>51</v>
      </c>
    </row>
    <row r="18542" spans="1:12">
      <c r="A18542" s="6" t="s">
        <v>17224</v>
      </c>
      <c r="B18542" s="6"/>
      <c r="C18542" s="6" t="s">
        <v>18574</v>
      </c>
      <c r="D18542" s="6"/>
      <c r="E18542" s="6" t="s">
        <v>9</v>
      </c>
      <c r="F18542" s="7">
        <v>41850</v>
      </c>
      <c r="G18542" s="8">
        <v>216811</v>
      </c>
      <c r="H18542" s="8">
        <v>216811</v>
      </c>
      <c r="I18542" s="8">
        <v>0</v>
      </c>
      <c r="J18542" s="8">
        <v>216811</v>
      </c>
      <c r="K18542" s="9">
        <v>47</v>
      </c>
      <c r="L18542" s="6" t="s">
        <v>51</v>
      </c>
    </row>
    <row r="18543" spans="1:12">
      <c r="A18543" s="6" t="s">
        <v>17224</v>
      </c>
      <c r="B18543" s="6"/>
      <c r="C18543" s="6" t="s">
        <v>18575</v>
      </c>
      <c r="D18543" s="6"/>
      <c r="E18543" s="6" t="s">
        <v>9</v>
      </c>
      <c r="F18543" s="7">
        <v>38657</v>
      </c>
      <c r="G18543" s="8">
        <v>1</v>
      </c>
      <c r="H18543" s="8">
        <v>1</v>
      </c>
      <c r="I18543" s="8">
        <v>0</v>
      </c>
      <c r="J18543" s="8">
        <v>1</v>
      </c>
      <c r="K18543" s="9">
        <v>406</v>
      </c>
      <c r="L18543" s="6" t="s">
        <v>51</v>
      </c>
    </row>
    <row r="18544" spans="1:12">
      <c r="A18544" s="6" t="s">
        <v>17224</v>
      </c>
      <c r="B18544" s="6"/>
      <c r="C18544" s="6" t="s">
        <v>18576</v>
      </c>
      <c r="D18544" s="6"/>
      <c r="E18544" s="6" t="s">
        <v>9</v>
      </c>
      <c r="F18544" s="7">
        <v>38657</v>
      </c>
      <c r="G18544" s="8">
        <v>1</v>
      </c>
      <c r="H18544" s="8">
        <v>1</v>
      </c>
      <c r="I18544" s="8">
        <v>0</v>
      </c>
      <c r="J18544" s="8">
        <v>1</v>
      </c>
      <c r="K18544" s="9">
        <v>25</v>
      </c>
      <c r="L18544" s="6" t="s">
        <v>51</v>
      </c>
    </row>
    <row r="18545" spans="1:12">
      <c r="A18545" s="6" t="s">
        <v>17224</v>
      </c>
      <c r="B18545" s="6"/>
      <c r="C18545" s="6" t="s">
        <v>18577</v>
      </c>
      <c r="D18545" s="6"/>
      <c r="E18545" s="6" t="s">
        <v>9</v>
      </c>
      <c r="F18545" s="7">
        <v>41939</v>
      </c>
      <c r="G18545" s="8">
        <v>1</v>
      </c>
      <c r="H18545" s="8">
        <v>1</v>
      </c>
      <c r="I18545" s="8">
        <v>0</v>
      </c>
      <c r="J18545" s="8">
        <v>1</v>
      </c>
      <c r="K18545" s="9">
        <v>25</v>
      </c>
      <c r="L18545" s="6" t="s">
        <v>51</v>
      </c>
    </row>
    <row r="18546" spans="1:12">
      <c r="A18546" s="6" t="s">
        <v>17224</v>
      </c>
      <c r="B18546" s="6"/>
      <c r="C18546" s="6" t="s">
        <v>18578</v>
      </c>
      <c r="D18546" s="6"/>
      <c r="E18546" s="6" t="s">
        <v>9</v>
      </c>
      <c r="F18546" s="7"/>
      <c r="G18546" s="8">
        <v>1</v>
      </c>
      <c r="H18546" s="8">
        <v>1</v>
      </c>
      <c r="I18546" s="8">
        <v>0</v>
      </c>
      <c r="J18546" s="8">
        <v>1</v>
      </c>
      <c r="K18546" s="9">
        <v>3.3</v>
      </c>
      <c r="L18546" s="6" t="s">
        <v>51</v>
      </c>
    </row>
    <row r="18547" spans="1:12">
      <c r="A18547" s="6" t="s">
        <v>17224</v>
      </c>
      <c r="B18547" s="6"/>
      <c r="C18547" s="6" t="s">
        <v>18579</v>
      </c>
      <c r="D18547" s="6"/>
      <c r="E18547" s="6" t="s">
        <v>9</v>
      </c>
      <c r="F18547" s="7">
        <v>38657</v>
      </c>
      <c r="G18547" s="8">
        <v>1</v>
      </c>
      <c r="H18547" s="8">
        <v>1</v>
      </c>
      <c r="I18547" s="8">
        <v>0</v>
      </c>
      <c r="J18547" s="8">
        <v>1</v>
      </c>
      <c r="K18547" s="9">
        <v>27</v>
      </c>
      <c r="L18547" s="6" t="s">
        <v>51</v>
      </c>
    </row>
    <row r="18548" spans="1:12">
      <c r="A18548" s="6" t="s">
        <v>17224</v>
      </c>
      <c r="B18548" s="6"/>
      <c r="C18548" s="6" t="s">
        <v>18580</v>
      </c>
      <c r="D18548" s="6"/>
      <c r="E18548" s="6" t="s">
        <v>9</v>
      </c>
      <c r="F18548" s="7">
        <v>38657</v>
      </c>
      <c r="G18548" s="8">
        <v>1</v>
      </c>
      <c r="H18548" s="8">
        <v>1</v>
      </c>
      <c r="I18548" s="8">
        <v>0</v>
      </c>
      <c r="J18548" s="8">
        <v>1</v>
      </c>
      <c r="K18548" s="9">
        <v>41</v>
      </c>
      <c r="L18548" s="6" t="s">
        <v>51</v>
      </c>
    </row>
    <row r="18549" spans="1:12">
      <c r="A18549" s="6" t="s">
        <v>17224</v>
      </c>
      <c r="B18549" s="6"/>
      <c r="C18549" s="6" t="s">
        <v>18581</v>
      </c>
      <c r="D18549" s="6"/>
      <c r="E18549" s="6" t="s">
        <v>9</v>
      </c>
      <c r="F18549" s="7">
        <v>41939</v>
      </c>
      <c r="G18549" s="8">
        <v>1</v>
      </c>
      <c r="H18549" s="8">
        <v>1</v>
      </c>
      <c r="I18549" s="8">
        <v>0</v>
      </c>
      <c r="J18549" s="8">
        <v>1</v>
      </c>
      <c r="K18549" s="9">
        <v>25</v>
      </c>
      <c r="L18549" s="6" t="s">
        <v>51</v>
      </c>
    </row>
    <row r="18550" spans="1:12">
      <c r="A18550" s="6" t="s">
        <v>17224</v>
      </c>
      <c r="B18550" s="6"/>
      <c r="C18550" s="6" t="s">
        <v>18582</v>
      </c>
      <c r="D18550" s="6"/>
      <c r="E18550" s="6" t="s">
        <v>9</v>
      </c>
      <c r="F18550" s="7">
        <v>41939</v>
      </c>
      <c r="G18550" s="8">
        <v>1</v>
      </c>
      <c r="H18550" s="8">
        <v>1</v>
      </c>
      <c r="I18550" s="8">
        <v>0</v>
      </c>
      <c r="J18550" s="8">
        <v>1</v>
      </c>
      <c r="K18550" s="9">
        <v>17</v>
      </c>
      <c r="L18550" s="6" t="s">
        <v>51</v>
      </c>
    </row>
    <row r="18551" spans="1:12">
      <c r="A18551" s="6" t="s">
        <v>17224</v>
      </c>
      <c r="B18551" s="6"/>
      <c r="C18551" s="6" t="s">
        <v>18583</v>
      </c>
      <c r="D18551" s="6"/>
      <c r="E18551" s="6" t="s">
        <v>9</v>
      </c>
      <c r="F18551" s="7">
        <v>41950</v>
      </c>
      <c r="G18551" s="8">
        <v>1</v>
      </c>
      <c r="H18551" s="8">
        <v>1</v>
      </c>
      <c r="I18551" s="8">
        <v>0</v>
      </c>
      <c r="J18551" s="8">
        <v>1</v>
      </c>
      <c r="K18551" s="9">
        <v>80</v>
      </c>
      <c r="L18551" s="6" t="s">
        <v>51</v>
      </c>
    </row>
    <row r="18552" spans="1:12">
      <c r="A18552" s="6" t="s">
        <v>17224</v>
      </c>
      <c r="B18552" s="6"/>
      <c r="C18552" s="6" t="s">
        <v>18584</v>
      </c>
      <c r="D18552" s="6"/>
      <c r="E18552" s="6" t="s">
        <v>9</v>
      </c>
      <c r="F18552" s="7">
        <v>38657</v>
      </c>
      <c r="G18552" s="8">
        <v>1</v>
      </c>
      <c r="H18552" s="8">
        <v>1</v>
      </c>
      <c r="I18552" s="8">
        <v>0</v>
      </c>
      <c r="J18552" s="8">
        <v>1</v>
      </c>
      <c r="K18552" s="9">
        <v>10</v>
      </c>
      <c r="L18552" s="6" t="s">
        <v>51</v>
      </c>
    </row>
    <row r="18553" spans="1:12">
      <c r="A18553" s="6" t="s">
        <v>17224</v>
      </c>
      <c r="B18553" s="6"/>
      <c r="C18553" s="6" t="s">
        <v>18585</v>
      </c>
      <c r="D18553" s="6"/>
      <c r="E18553" s="6" t="s">
        <v>9</v>
      </c>
      <c r="F18553" s="7">
        <v>38657</v>
      </c>
      <c r="G18553" s="8">
        <v>1</v>
      </c>
      <c r="H18553" s="8">
        <v>1</v>
      </c>
      <c r="I18553" s="8">
        <v>0</v>
      </c>
      <c r="J18553" s="8">
        <v>1</v>
      </c>
      <c r="K18553" s="9">
        <v>366.91</v>
      </c>
      <c r="L18553" s="6" t="s">
        <v>51</v>
      </c>
    </row>
    <row r="18554" spans="1:12">
      <c r="A18554" s="6" t="s">
        <v>17224</v>
      </c>
      <c r="B18554" s="6"/>
      <c r="C18554" s="6" t="s">
        <v>18586</v>
      </c>
      <c r="D18554" s="6"/>
      <c r="E18554" s="6" t="s">
        <v>9</v>
      </c>
      <c r="F18554" s="7">
        <v>38657</v>
      </c>
      <c r="G18554" s="8">
        <v>1</v>
      </c>
      <c r="H18554" s="8">
        <v>1</v>
      </c>
      <c r="I18554" s="8">
        <v>0</v>
      </c>
      <c r="J18554" s="8">
        <v>1</v>
      </c>
      <c r="K18554" s="9">
        <v>187</v>
      </c>
      <c r="L18554" s="6" t="s">
        <v>51</v>
      </c>
    </row>
    <row r="18555" spans="1:12">
      <c r="A18555" s="6" t="s">
        <v>17224</v>
      </c>
      <c r="B18555" s="6"/>
      <c r="C18555" s="6" t="s">
        <v>18587</v>
      </c>
      <c r="D18555" s="6"/>
      <c r="E18555" s="6" t="s">
        <v>9</v>
      </c>
      <c r="F18555" s="7">
        <v>38657</v>
      </c>
      <c r="G18555" s="8">
        <v>1</v>
      </c>
      <c r="H18555" s="8">
        <v>1</v>
      </c>
      <c r="I18555" s="8">
        <v>0</v>
      </c>
      <c r="J18555" s="8">
        <v>1</v>
      </c>
      <c r="K18555" s="9">
        <v>20</v>
      </c>
      <c r="L18555" s="6" t="s">
        <v>51</v>
      </c>
    </row>
    <row r="18556" spans="1:12">
      <c r="A18556" s="6" t="s">
        <v>17224</v>
      </c>
      <c r="B18556" s="6"/>
      <c r="C18556" s="6" t="s">
        <v>18588</v>
      </c>
      <c r="D18556" s="6"/>
      <c r="E18556" s="6" t="s">
        <v>9</v>
      </c>
      <c r="F18556" s="7">
        <v>38657</v>
      </c>
      <c r="G18556" s="8">
        <v>1</v>
      </c>
      <c r="H18556" s="8">
        <v>1</v>
      </c>
      <c r="I18556" s="8">
        <v>0</v>
      </c>
      <c r="J18556" s="8">
        <v>1</v>
      </c>
      <c r="K18556" s="9">
        <v>139</v>
      </c>
      <c r="L18556" s="6" t="s">
        <v>51</v>
      </c>
    </row>
    <row r="18557" spans="1:12">
      <c r="A18557" s="6" t="s">
        <v>17224</v>
      </c>
      <c r="B18557" s="6"/>
      <c r="C18557" s="6" t="s">
        <v>18589</v>
      </c>
      <c r="D18557" s="6"/>
      <c r="E18557" s="6" t="s">
        <v>9</v>
      </c>
      <c r="F18557" s="7"/>
      <c r="G18557" s="8">
        <v>1</v>
      </c>
      <c r="H18557" s="8">
        <v>1</v>
      </c>
      <c r="I18557" s="8">
        <v>0</v>
      </c>
      <c r="J18557" s="8">
        <v>1</v>
      </c>
      <c r="K18557" s="9">
        <v>46</v>
      </c>
      <c r="L18557" s="6" t="s">
        <v>51</v>
      </c>
    </row>
    <row r="18558" spans="1:12">
      <c r="A18558" s="6" t="s">
        <v>17224</v>
      </c>
      <c r="B18558" s="6"/>
      <c r="C18558" s="6" t="s">
        <v>18590</v>
      </c>
      <c r="D18558" s="6"/>
      <c r="E18558" s="6" t="s">
        <v>9</v>
      </c>
      <c r="F18558" s="7">
        <v>38657</v>
      </c>
      <c r="G18558" s="8">
        <v>1</v>
      </c>
      <c r="H18558" s="8">
        <v>1</v>
      </c>
      <c r="I18558" s="8">
        <v>0</v>
      </c>
      <c r="J18558" s="8">
        <v>1</v>
      </c>
      <c r="K18558" s="9">
        <v>5.15</v>
      </c>
      <c r="L18558" s="6" t="s">
        <v>51</v>
      </c>
    </row>
    <row r="18559" spans="1:12">
      <c r="A18559" s="6" t="s">
        <v>17224</v>
      </c>
      <c r="B18559" s="6"/>
      <c r="C18559" s="6" t="s">
        <v>18591</v>
      </c>
      <c r="D18559" s="6"/>
      <c r="E18559" s="6" t="s">
        <v>9</v>
      </c>
      <c r="F18559" s="7">
        <v>38657</v>
      </c>
      <c r="G18559" s="8">
        <v>1</v>
      </c>
      <c r="H18559" s="8">
        <v>1</v>
      </c>
      <c r="I18559" s="8">
        <v>0</v>
      </c>
      <c r="J18559" s="8">
        <v>1</v>
      </c>
      <c r="K18559" s="9">
        <v>5.52</v>
      </c>
      <c r="L18559" s="6" t="s">
        <v>51</v>
      </c>
    </row>
    <row r="18560" spans="1:12">
      <c r="A18560" s="6" t="s">
        <v>17224</v>
      </c>
      <c r="B18560" s="6"/>
      <c r="C18560" s="6" t="s">
        <v>18592</v>
      </c>
      <c r="D18560" s="6"/>
      <c r="E18560" s="6" t="s">
        <v>9</v>
      </c>
      <c r="F18560" s="7">
        <v>38657</v>
      </c>
      <c r="G18560" s="8">
        <v>1</v>
      </c>
      <c r="H18560" s="8">
        <v>1</v>
      </c>
      <c r="I18560" s="8">
        <v>0</v>
      </c>
      <c r="J18560" s="8">
        <v>1</v>
      </c>
      <c r="K18560" s="9">
        <v>11.38</v>
      </c>
      <c r="L18560" s="6" t="s">
        <v>51</v>
      </c>
    </row>
    <row r="18561" spans="1:12">
      <c r="A18561" s="6" t="s">
        <v>17224</v>
      </c>
      <c r="B18561" s="6"/>
      <c r="C18561" s="6" t="s">
        <v>18593</v>
      </c>
      <c r="D18561" s="6"/>
      <c r="E18561" s="6" t="s">
        <v>9</v>
      </c>
      <c r="F18561" s="7">
        <v>38657</v>
      </c>
      <c r="G18561" s="8">
        <v>1</v>
      </c>
      <c r="H18561" s="8">
        <v>1</v>
      </c>
      <c r="I18561" s="8">
        <v>0</v>
      </c>
      <c r="J18561" s="8">
        <v>1</v>
      </c>
      <c r="K18561" s="9">
        <v>9.36</v>
      </c>
      <c r="L18561" s="6" t="s">
        <v>51</v>
      </c>
    </row>
    <row r="18562" spans="1:12">
      <c r="A18562" s="6" t="s">
        <v>17224</v>
      </c>
      <c r="B18562" s="6"/>
      <c r="C18562" s="6" t="s">
        <v>18594</v>
      </c>
      <c r="D18562" s="6"/>
      <c r="E18562" s="6" t="s">
        <v>9</v>
      </c>
      <c r="F18562" s="7">
        <v>38657</v>
      </c>
      <c r="G18562" s="8">
        <v>1</v>
      </c>
      <c r="H18562" s="8">
        <v>1</v>
      </c>
      <c r="I18562" s="8">
        <v>0</v>
      </c>
      <c r="J18562" s="8">
        <v>1</v>
      </c>
      <c r="K18562" s="9">
        <v>4.2699999999999898</v>
      </c>
      <c r="L18562" s="6" t="s">
        <v>51</v>
      </c>
    </row>
    <row r="18563" spans="1:12">
      <c r="A18563" s="6" t="s">
        <v>17224</v>
      </c>
      <c r="B18563" s="6"/>
      <c r="C18563" s="6" t="s">
        <v>18595</v>
      </c>
      <c r="D18563" s="6"/>
      <c r="E18563" s="6" t="s">
        <v>9</v>
      </c>
      <c r="F18563" s="7">
        <v>38657</v>
      </c>
      <c r="G18563" s="8">
        <v>1</v>
      </c>
      <c r="H18563" s="8">
        <v>1</v>
      </c>
      <c r="I18563" s="8">
        <v>0</v>
      </c>
      <c r="J18563" s="8">
        <v>1</v>
      </c>
      <c r="K18563" s="9">
        <v>6.82</v>
      </c>
      <c r="L18563" s="6" t="s">
        <v>51</v>
      </c>
    </row>
    <row r="18564" spans="1:12">
      <c r="A18564" s="6" t="s">
        <v>17224</v>
      </c>
      <c r="B18564" s="6"/>
      <c r="C18564" s="6" t="s">
        <v>18596</v>
      </c>
      <c r="D18564" s="6"/>
      <c r="E18564" s="6" t="s">
        <v>9</v>
      </c>
      <c r="F18564" s="7">
        <v>38657</v>
      </c>
      <c r="G18564" s="8">
        <v>1</v>
      </c>
      <c r="H18564" s="8">
        <v>1</v>
      </c>
      <c r="I18564" s="8">
        <v>0</v>
      </c>
      <c r="J18564" s="8">
        <v>1</v>
      </c>
      <c r="K18564" s="9">
        <v>28.69</v>
      </c>
      <c r="L18564" s="6" t="s">
        <v>51</v>
      </c>
    </row>
    <row r="18565" spans="1:12">
      <c r="A18565" s="6" t="s">
        <v>17224</v>
      </c>
      <c r="B18565" s="6"/>
      <c r="C18565" s="6" t="s">
        <v>18597</v>
      </c>
      <c r="D18565" s="6"/>
      <c r="E18565" s="6" t="s">
        <v>9</v>
      </c>
      <c r="F18565" s="7">
        <v>38657</v>
      </c>
      <c r="G18565" s="8">
        <v>1</v>
      </c>
      <c r="H18565" s="8">
        <v>1</v>
      </c>
      <c r="I18565" s="8">
        <v>0</v>
      </c>
      <c r="J18565" s="8">
        <v>1</v>
      </c>
      <c r="K18565" s="9">
        <v>11.48</v>
      </c>
      <c r="L18565" s="6" t="s">
        <v>51</v>
      </c>
    </row>
    <row r="18566" spans="1:12">
      <c r="A18566" s="6" t="s">
        <v>17224</v>
      </c>
      <c r="B18566" s="6"/>
      <c r="C18566" s="6" t="s">
        <v>18598</v>
      </c>
      <c r="D18566" s="6"/>
      <c r="E18566" s="6" t="s">
        <v>9</v>
      </c>
      <c r="F18566" s="7">
        <v>38657</v>
      </c>
      <c r="G18566" s="8">
        <v>1</v>
      </c>
      <c r="H18566" s="8">
        <v>1</v>
      </c>
      <c r="I18566" s="8">
        <v>0</v>
      </c>
      <c r="J18566" s="8">
        <v>1</v>
      </c>
      <c r="K18566" s="9">
        <v>26.42</v>
      </c>
      <c r="L18566" s="6" t="s">
        <v>51</v>
      </c>
    </row>
    <row r="18567" spans="1:12">
      <c r="A18567" s="6" t="s">
        <v>17224</v>
      </c>
      <c r="B18567" s="6"/>
      <c r="C18567" s="6" t="s">
        <v>18599</v>
      </c>
      <c r="D18567" s="6"/>
      <c r="E18567" s="6" t="s">
        <v>9</v>
      </c>
      <c r="F18567" s="7">
        <v>38657</v>
      </c>
      <c r="G18567" s="8">
        <v>1</v>
      </c>
      <c r="H18567" s="8">
        <v>1</v>
      </c>
      <c r="I18567" s="8">
        <v>0</v>
      </c>
      <c r="J18567" s="8">
        <v>1</v>
      </c>
      <c r="K18567" s="9">
        <v>10.84</v>
      </c>
      <c r="L18567" s="6" t="s">
        <v>51</v>
      </c>
    </row>
    <row r="18568" spans="1:12">
      <c r="A18568" s="6" t="s">
        <v>17224</v>
      </c>
      <c r="B18568" s="6"/>
      <c r="C18568" s="6" t="s">
        <v>18600</v>
      </c>
      <c r="D18568" s="6"/>
      <c r="E18568" s="6" t="s">
        <v>9</v>
      </c>
      <c r="F18568" s="7"/>
      <c r="G18568" s="8">
        <v>1</v>
      </c>
      <c r="H18568" s="8">
        <v>1</v>
      </c>
      <c r="I18568" s="8">
        <v>0</v>
      </c>
      <c r="J18568" s="8">
        <v>1</v>
      </c>
      <c r="K18568" s="9">
        <v>3.3</v>
      </c>
      <c r="L18568" s="6" t="s">
        <v>51</v>
      </c>
    </row>
    <row r="18569" spans="1:12">
      <c r="A18569" s="6" t="s">
        <v>17224</v>
      </c>
      <c r="B18569" s="6"/>
      <c r="C18569" s="6" t="s">
        <v>18601</v>
      </c>
      <c r="D18569" s="6"/>
      <c r="E18569" s="6" t="s">
        <v>9</v>
      </c>
      <c r="F18569" s="7"/>
      <c r="G18569" s="8">
        <v>1</v>
      </c>
      <c r="H18569" s="8">
        <v>1</v>
      </c>
      <c r="I18569" s="8">
        <v>0</v>
      </c>
      <c r="J18569" s="8">
        <v>1</v>
      </c>
      <c r="K18569" s="9">
        <v>6.76</v>
      </c>
      <c r="L18569" s="6" t="s">
        <v>51</v>
      </c>
    </row>
    <row r="18570" spans="1:12">
      <c r="A18570" s="6" t="s">
        <v>17224</v>
      </c>
      <c r="B18570" s="6"/>
      <c r="C18570" s="6" t="s">
        <v>18602</v>
      </c>
      <c r="D18570" s="6"/>
      <c r="E18570" s="6" t="s">
        <v>9</v>
      </c>
      <c r="F18570" s="7">
        <v>38657</v>
      </c>
      <c r="G18570" s="8">
        <v>1</v>
      </c>
      <c r="H18570" s="8">
        <v>1</v>
      </c>
      <c r="I18570" s="8">
        <v>0</v>
      </c>
      <c r="J18570" s="8">
        <v>1</v>
      </c>
      <c r="K18570" s="9">
        <v>25</v>
      </c>
      <c r="L18570" s="6" t="s">
        <v>51</v>
      </c>
    </row>
    <row r="18571" spans="1:12">
      <c r="A18571" s="6" t="s">
        <v>17224</v>
      </c>
      <c r="B18571" s="6"/>
      <c r="C18571" s="6" t="s">
        <v>18603</v>
      </c>
      <c r="D18571" s="6"/>
      <c r="E18571" s="6" t="s">
        <v>9</v>
      </c>
      <c r="F18571" s="7">
        <v>38657</v>
      </c>
      <c r="G18571" s="8">
        <v>1</v>
      </c>
      <c r="H18571" s="8">
        <v>1</v>
      </c>
      <c r="I18571" s="8">
        <v>0</v>
      </c>
      <c r="J18571" s="8">
        <v>1</v>
      </c>
      <c r="K18571" s="9">
        <v>18.239999999999899</v>
      </c>
      <c r="L18571" s="6" t="s">
        <v>51</v>
      </c>
    </row>
    <row r="18572" spans="1:12">
      <c r="A18572" s="6" t="s">
        <v>17224</v>
      </c>
      <c r="B18572" s="6"/>
      <c r="C18572" s="6" t="s">
        <v>18604</v>
      </c>
      <c r="D18572" s="6"/>
      <c r="E18572" s="6" t="s">
        <v>9</v>
      </c>
      <c r="F18572" s="7">
        <v>38657</v>
      </c>
      <c r="G18572" s="8">
        <v>1</v>
      </c>
      <c r="H18572" s="8">
        <v>1</v>
      </c>
      <c r="I18572" s="8">
        <v>0</v>
      </c>
      <c r="J18572" s="8">
        <v>1</v>
      </c>
      <c r="K18572" s="9">
        <v>6.75</v>
      </c>
      <c r="L18572" s="6" t="s">
        <v>51</v>
      </c>
    </row>
    <row r="18573" spans="1:12">
      <c r="A18573" s="6" t="s">
        <v>17224</v>
      </c>
      <c r="B18573" s="6"/>
      <c r="C18573" s="6" t="s">
        <v>18605</v>
      </c>
      <c r="D18573" s="6"/>
      <c r="E18573" s="6" t="s">
        <v>9</v>
      </c>
      <c r="F18573" s="7">
        <v>38657</v>
      </c>
      <c r="G18573" s="8">
        <v>1</v>
      </c>
      <c r="H18573" s="8">
        <v>1</v>
      </c>
      <c r="I18573" s="8">
        <v>0</v>
      </c>
      <c r="J18573" s="8">
        <v>1</v>
      </c>
      <c r="K18573" s="9">
        <v>8.52</v>
      </c>
      <c r="L18573" s="6" t="s">
        <v>51</v>
      </c>
    </row>
    <row r="18574" spans="1:12">
      <c r="A18574" s="6" t="s">
        <v>17224</v>
      </c>
      <c r="B18574" s="6"/>
      <c r="C18574" s="6" t="s">
        <v>18606</v>
      </c>
      <c r="D18574" s="6"/>
      <c r="E18574" s="6" t="s">
        <v>9</v>
      </c>
      <c r="F18574" s="7">
        <v>38657</v>
      </c>
      <c r="G18574" s="8">
        <v>1</v>
      </c>
      <c r="H18574" s="8">
        <v>1</v>
      </c>
      <c r="I18574" s="8">
        <v>0</v>
      </c>
      <c r="J18574" s="8">
        <v>1</v>
      </c>
      <c r="K18574" s="9">
        <v>2.3199999999999901</v>
      </c>
      <c r="L18574" s="6" t="s">
        <v>51</v>
      </c>
    </row>
    <row r="18575" spans="1:12">
      <c r="A18575" s="6" t="s">
        <v>17224</v>
      </c>
      <c r="B18575" s="6"/>
      <c r="C18575" s="6" t="s">
        <v>18607</v>
      </c>
      <c r="D18575" s="6"/>
      <c r="E18575" s="6" t="s">
        <v>9</v>
      </c>
      <c r="F18575" s="7">
        <v>38657</v>
      </c>
      <c r="G18575" s="8">
        <v>1</v>
      </c>
      <c r="H18575" s="8">
        <v>1</v>
      </c>
      <c r="I18575" s="8">
        <v>0</v>
      </c>
      <c r="J18575" s="8">
        <v>1</v>
      </c>
      <c r="K18575" s="9">
        <v>6.48</v>
      </c>
      <c r="L18575" s="6" t="s">
        <v>51</v>
      </c>
    </row>
    <row r="18576" spans="1:12">
      <c r="A18576" s="6" t="s">
        <v>17224</v>
      </c>
      <c r="B18576" s="6"/>
      <c r="C18576" s="6" t="s">
        <v>18608</v>
      </c>
      <c r="D18576" s="6"/>
      <c r="E18576" s="6" t="s">
        <v>9</v>
      </c>
      <c r="F18576" s="7">
        <v>41260</v>
      </c>
      <c r="G18576" s="8">
        <v>41304</v>
      </c>
      <c r="H18576" s="8">
        <v>41304</v>
      </c>
      <c r="I18576" s="8">
        <v>0</v>
      </c>
      <c r="J18576" s="8">
        <v>41304</v>
      </c>
      <c r="K18576" s="9">
        <v>8.08</v>
      </c>
      <c r="L18576" s="6" t="s">
        <v>6094</v>
      </c>
    </row>
    <row r="18577" spans="1:12">
      <c r="A18577" s="6" t="s">
        <v>17224</v>
      </c>
      <c r="B18577" s="6"/>
      <c r="C18577" s="6" t="s">
        <v>18609</v>
      </c>
      <c r="D18577" s="6"/>
      <c r="E18577" s="6" t="s">
        <v>9</v>
      </c>
      <c r="F18577" s="7"/>
      <c r="G18577" s="8">
        <v>1</v>
      </c>
      <c r="H18577" s="8">
        <v>1</v>
      </c>
      <c r="I18577" s="8">
        <v>0</v>
      </c>
      <c r="J18577" s="8">
        <v>1</v>
      </c>
      <c r="K18577" s="9">
        <v>6.61</v>
      </c>
      <c r="L18577" s="6" t="s">
        <v>51</v>
      </c>
    </row>
    <row r="18578" spans="1:12">
      <c r="A18578" s="6" t="s">
        <v>17224</v>
      </c>
      <c r="B18578" s="6"/>
      <c r="C18578" s="6" t="s">
        <v>18610</v>
      </c>
      <c r="D18578" s="6"/>
      <c r="E18578" s="6" t="s">
        <v>9</v>
      </c>
      <c r="F18578" s="7">
        <v>38657</v>
      </c>
      <c r="G18578" s="8">
        <v>1</v>
      </c>
      <c r="H18578" s="8">
        <v>1</v>
      </c>
      <c r="I18578" s="8">
        <v>0</v>
      </c>
      <c r="J18578" s="8">
        <v>1</v>
      </c>
      <c r="K18578" s="9">
        <v>8.6199999999999903</v>
      </c>
      <c r="L18578" s="6" t="s">
        <v>51</v>
      </c>
    </row>
    <row r="18579" spans="1:12">
      <c r="A18579" s="6" t="s">
        <v>17224</v>
      </c>
      <c r="B18579" s="6"/>
      <c r="C18579" s="6" t="s">
        <v>18611</v>
      </c>
      <c r="D18579" s="6"/>
      <c r="E18579" s="6" t="s">
        <v>9</v>
      </c>
      <c r="F18579" s="7">
        <v>38657</v>
      </c>
      <c r="G18579" s="8">
        <v>1</v>
      </c>
      <c r="H18579" s="8">
        <v>1</v>
      </c>
      <c r="I18579" s="8">
        <v>0</v>
      </c>
      <c r="J18579" s="8">
        <v>1</v>
      </c>
      <c r="K18579" s="9">
        <v>27.79</v>
      </c>
      <c r="L18579" s="6" t="s">
        <v>51</v>
      </c>
    </row>
    <row r="18580" spans="1:12">
      <c r="A18580" s="6" t="s">
        <v>17224</v>
      </c>
      <c r="B18580" s="6"/>
      <c r="C18580" s="6" t="s">
        <v>18612</v>
      </c>
      <c r="D18580" s="6"/>
      <c r="E18580" s="6" t="s">
        <v>9</v>
      </c>
      <c r="F18580" s="7">
        <v>38657</v>
      </c>
      <c r="G18580" s="8">
        <v>1</v>
      </c>
      <c r="H18580" s="8">
        <v>1</v>
      </c>
      <c r="I18580" s="8">
        <v>0</v>
      </c>
      <c r="J18580" s="8">
        <v>1</v>
      </c>
      <c r="K18580" s="9">
        <v>8.64</v>
      </c>
      <c r="L18580" s="6" t="s">
        <v>51</v>
      </c>
    </row>
    <row r="18581" spans="1:12">
      <c r="A18581" s="6" t="s">
        <v>17224</v>
      </c>
      <c r="B18581" s="6"/>
      <c r="C18581" s="6" t="s">
        <v>18613</v>
      </c>
      <c r="D18581" s="6"/>
      <c r="E18581" s="6" t="s">
        <v>9</v>
      </c>
      <c r="F18581" s="7">
        <v>38657</v>
      </c>
      <c r="G18581" s="8">
        <v>1</v>
      </c>
      <c r="H18581" s="8">
        <v>1</v>
      </c>
      <c r="I18581" s="8">
        <v>0</v>
      </c>
      <c r="J18581" s="8">
        <v>1</v>
      </c>
      <c r="K18581" s="9">
        <v>74.78</v>
      </c>
      <c r="L18581" s="6" t="s">
        <v>51</v>
      </c>
    </row>
    <row r="18582" spans="1:12">
      <c r="A18582" s="6" t="s">
        <v>17224</v>
      </c>
      <c r="B18582" s="6"/>
      <c r="C18582" s="6" t="s">
        <v>18614</v>
      </c>
      <c r="D18582" s="6"/>
      <c r="E18582" s="6" t="s">
        <v>9</v>
      </c>
      <c r="F18582" s="7">
        <v>41000</v>
      </c>
      <c r="G18582" s="8">
        <v>1</v>
      </c>
      <c r="H18582" s="8">
        <v>1</v>
      </c>
      <c r="I18582" s="8">
        <v>0</v>
      </c>
      <c r="J18582" s="8">
        <v>1</v>
      </c>
      <c r="K18582" s="9">
        <v>99.17</v>
      </c>
      <c r="L18582" s="6" t="s">
        <v>51</v>
      </c>
    </row>
    <row r="18583" spans="1:12">
      <c r="A18583" s="6" t="s">
        <v>17224</v>
      </c>
      <c r="B18583" s="6"/>
      <c r="C18583" s="6" t="s">
        <v>18615</v>
      </c>
      <c r="D18583" s="6"/>
      <c r="E18583" s="6" t="s">
        <v>9</v>
      </c>
      <c r="F18583" s="7">
        <v>41000</v>
      </c>
      <c r="G18583" s="8">
        <v>1</v>
      </c>
      <c r="H18583" s="8">
        <v>1</v>
      </c>
      <c r="I18583" s="8">
        <v>0</v>
      </c>
      <c r="J18583" s="8">
        <v>1</v>
      </c>
      <c r="K18583" s="9">
        <v>16.52</v>
      </c>
      <c r="L18583" s="6" t="s">
        <v>51</v>
      </c>
    </row>
    <row r="18584" spans="1:12">
      <c r="A18584" s="6" t="s">
        <v>17224</v>
      </c>
      <c r="B18584" s="6"/>
      <c r="C18584" s="6" t="s">
        <v>18616</v>
      </c>
      <c r="D18584" s="6"/>
      <c r="E18584" s="6" t="s">
        <v>9</v>
      </c>
      <c r="F18584" s="7"/>
      <c r="G18584" s="8">
        <v>1</v>
      </c>
      <c r="H18584" s="8">
        <v>1</v>
      </c>
      <c r="I18584" s="8">
        <v>0</v>
      </c>
      <c r="J18584" s="8">
        <v>1</v>
      </c>
      <c r="K18584" s="9">
        <v>9.91</v>
      </c>
      <c r="L18584" s="6" t="s">
        <v>51</v>
      </c>
    </row>
    <row r="18585" spans="1:12">
      <c r="A18585" s="6" t="s">
        <v>17224</v>
      </c>
      <c r="B18585" s="6"/>
      <c r="C18585" s="6" t="s">
        <v>18617</v>
      </c>
      <c r="D18585" s="6"/>
      <c r="E18585" s="6" t="s">
        <v>9</v>
      </c>
      <c r="F18585" s="7">
        <v>41000</v>
      </c>
      <c r="G18585" s="8">
        <v>1</v>
      </c>
      <c r="H18585" s="8">
        <v>1</v>
      </c>
      <c r="I18585" s="8">
        <v>0</v>
      </c>
      <c r="J18585" s="8">
        <v>1</v>
      </c>
      <c r="K18585" s="9">
        <v>22.75</v>
      </c>
      <c r="L18585" s="6" t="s">
        <v>51</v>
      </c>
    </row>
    <row r="18586" spans="1:12">
      <c r="A18586" s="6" t="s">
        <v>17224</v>
      </c>
      <c r="B18586" s="6"/>
      <c r="C18586" s="6" t="s">
        <v>18618</v>
      </c>
      <c r="D18586" s="6"/>
      <c r="E18586" s="6" t="s">
        <v>9</v>
      </c>
      <c r="F18586" s="7">
        <v>41000</v>
      </c>
      <c r="G18586" s="8">
        <v>1</v>
      </c>
      <c r="H18586" s="8">
        <v>1</v>
      </c>
      <c r="I18586" s="8">
        <v>0</v>
      </c>
      <c r="J18586" s="8">
        <v>1</v>
      </c>
      <c r="K18586" s="9">
        <v>12.24</v>
      </c>
      <c r="L18586" s="6" t="s">
        <v>51</v>
      </c>
    </row>
    <row r="18587" spans="1:12">
      <c r="A18587" s="6" t="s">
        <v>17224</v>
      </c>
      <c r="B18587" s="6"/>
      <c r="C18587" s="6" t="s">
        <v>18619</v>
      </c>
      <c r="D18587" s="6"/>
      <c r="E18587" s="6" t="s">
        <v>9</v>
      </c>
      <c r="F18587" s="7">
        <v>41000</v>
      </c>
      <c r="G18587" s="8">
        <v>1</v>
      </c>
      <c r="H18587" s="8">
        <v>1</v>
      </c>
      <c r="I18587" s="8">
        <v>0</v>
      </c>
      <c r="J18587" s="8">
        <v>1</v>
      </c>
      <c r="K18587" s="9">
        <v>32.61</v>
      </c>
      <c r="L18587" s="6" t="s">
        <v>51</v>
      </c>
    </row>
    <row r="18588" spans="1:12">
      <c r="A18588" s="6" t="s">
        <v>17224</v>
      </c>
      <c r="B18588" s="6"/>
      <c r="C18588" s="6" t="s">
        <v>18620</v>
      </c>
      <c r="D18588" s="6"/>
      <c r="E18588" s="6" t="s">
        <v>9</v>
      </c>
      <c r="F18588" s="7">
        <v>41000</v>
      </c>
      <c r="G18588" s="8">
        <v>1</v>
      </c>
      <c r="H18588" s="8">
        <v>1</v>
      </c>
      <c r="I18588" s="8">
        <v>0</v>
      </c>
      <c r="J18588" s="8">
        <v>1</v>
      </c>
      <c r="K18588" s="9">
        <v>44.51</v>
      </c>
      <c r="L18588" s="6" t="s">
        <v>51</v>
      </c>
    </row>
    <row r="18589" spans="1:12">
      <c r="A18589" s="6" t="s">
        <v>17224</v>
      </c>
      <c r="B18589" s="6"/>
      <c r="C18589" s="6" t="s">
        <v>18621</v>
      </c>
      <c r="D18589" s="6"/>
      <c r="E18589" s="6" t="s">
        <v>9</v>
      </c>
      <c r="F18589" s="7">
        <v>38657</v>
      </c>
      <c r="G18589" s="8">
        <v>1</v>
      </c>
      <c r="H18589" s="8">
        <v>1</v>
      </c>
      <c r="I18589" s="8">
        <v>0</v>
      </c>
      <c r="J18589" s="8">
        <v>1</v>
      </c>
      <c r="K18589" s="9">
        <v>44.38</v>
      </c>
      <c r="L18589" s="6" t="s">
        <v>51</v>
      </c>
    </row>
    <row r="18590" spans="1:12">
      <c r="A18590" s="6" t="s">
        <v>17224</v>
      </c>
      <c r="B18590" s="6"/>
      <c r="C18590" s="6" t="s">
        <v>18622</v>
      </c>
      <c r="D18590" s="6"/>
      <c r="E18590" s="6" t="s">
        <v>9</v>
      </c>
      <c r="F18590" s="7">
        <v>41834</v>
      </c>
      <c r="G18590" s="8">
        <v>55356</v>
      </c>
      <c r="H18590" s="8">
        <v>55356</v>
      </c>
      <c r="I18590" s="8">
        <v>0</v>
      </c>
      <c r="J18590" s="8">
        <v>55356</v>
      </c>
      <c r="K18590" s="9">
        <v>12</v>
      </c>
      <c r="L18590" s="6" t="s">
        <v>51</v>
      </c>
    </row>
    <row r="18591" spans="1:12">
      <c r="A18591" s="6" t="s">
        <v>17224</v>
      </c>
      <c r="B18591" s="6"/>
      <c r="C18591" s="6" t="s">
        <v>18623</v>
      </c>
      <c r="D18591" s="6"/>
      <c r="E18591" s="6" t="s">
        <v>9</v>
      </c>
      <c r="F18591" s="7">
        <v>38657</v>
      </c>
      <c r="G18591" s="8">
        <v>1</v>
      </c>
      <c r="H18591" s="8">
        <v>1</v>
      </c>
      <c r="I18591" s="8">
        <v>0</v>
      </c>
      <c r="J18591" s="8">
        <v>1</v>
      </c>
      <c r="K18591" s="9">
        <v>341</v>
      </c>
      <c r="L18591" s="6" t="s">
        <v>51</v>
      </c>
    </row>
    <row r="18592" spans="1:12">
      <c r="A18592" s="6" t="s">
        <v>17224</v>
      </c>
      <c r="B18592" s="6"/>
      <c r="C18592" s="6" t="s">
        <v>18624</v>
      </c>
      <c r="D18592" s="6"/>
      <c r="E18592" s="6" t="s">
        <v>9</v>
      </c>
      <c r="F18592" s="7">
        <v>38657</v>
      </c>
      <c r="G18592" s="8">
        <v>1</v>
      </c>
      <c r="H18592" s="8">
        <v>1</v>
      </c>
      <c r="I18592" s="8">
        <v>0</v>
      </c>
      <c r="J18592" s="8">
        <v>1</v>
      </c>
      <c r="K18592" s="9">
        <v>162</v>
      </c>
      <c r="L18592" s="6" t="s">
        <v>51</v>
      </c>
    </row>
    <row r="18593" spans="1:12">
      <c r="A18593" s="6" t="s">
        <v>17224</v>
      </c>
      <c r="B18593" s="6"/>
      <c r="C18593" s="6" t="s">
        <v>18625</v>
      </c>
      <c r="D18593" s="6"/>
      <c r="E18593" s="6" t="s">
        <v>9</v>
      </c>
      <c r="F18593" s="7">
        <v>38657</v>
      </c>
      <c r="G18593" s="8">
        <v>1</v>
      </c>
      <c r="H18593" s="8">
        <v>1</v>
      </c>
      <c r="I18593" s="8">
        <v>0</v>
      </c>
      <c r="J18593" s="8">
        <v>1</v>
      </c>
      <c r="K18593" s="9">
        <v>164</v>
      </c>
      <c r="L18593" s="6" t="s">
        <v>51</v>
      </c>
    </row>
    <row r="18594" spans="1:12">
      <c r="A18594" s="6" t="s">
        <v>17224</v>
      </c>
      <c r="B18594" s="6"/>
      <c r="C18594" s="6" t="s">
        <v>18626</v>
      </c>
      <c r="D18594" s="6"/>
      <c r="E18594" s="6" t="s">
        <v>9</v>
      </c>
      <c r="F18594" s="7">
        <v>38657</v>
      </c>
      <c r="G18594" s="8">
        <v>1</v>
      </c>
      <c r="H18594" s="8">
        <v>1</v>
      </c>
      <c r="I18594" s="8">
        <v>0</v>
      </c>
      <c r="J18594" s="8">
        <v>1</v>
      </c>
      <c r="K18594" s="9">
        <v>93</v>
      </c>
      <c r="L18594" s="6" t="s">
        <v>51</v>
      </c>
    </row>
    <row r="18595" spans="1:12">
      <c r="A18595" s="6" t="s">
        <v>17224</v>
      </c>
      <c r="B18595" s="6"/>
      <c r="C18595" s="6" t="s">
        <v>18627</v>
      </c>
      <c r="D18595" s="6"/>
      <c r="E18595" s="6" t="s">
        <v>9</v>
      </c>
      <c r="F18595" s="7"/>
      <c r="G18595" s="8">
        <v>1</v>
      </c>
      <c r="H18595" s="8">
        <v>1</v>
      </c>
      <c r="I18595" s="8">
        <v>0</v>
      </c>
      <c r="J18595" s="8">
        <v>1</v>
      </c>
      <c r="K18595" s="9">
        <v>3.3</v>
      </c>
      <c r="L18595" s="6" t="s">
        <v>51</v>
      </c>
    </row>
    <row r="18596" spans="1:12">
      <c r="A18596" s="6" t="s">
        <v>17224</v>
      </c>
      <c r="B18596" s="6"/>
      <c r="C18596" s="6" t="s">
        <v>18628</v>
      </c>
      <c r="D18596" s="6"/>
      <c r="E18596" s="6" t="s">
        <v>9</v>
      </c>
      <c r="F18596" s="7">
        <v>38657</v>
      </c>
      <c r="G18596" s="8">
        <v>1</v>
      </c>
      <c r="H18596" s="8">
        <v>1</v>
      </c>
      <c r="I18596" s="8">
        <v>0</v>
      </c>
      <c r="J18596" s="8">
        <v>1</v>
      </c>
      <c r="K18596" s="9">
        <v>85</v>
      </c>
      <c r="L18596" s="6" t="s">
        <v>51</v>
      </c>
    </row>
    <row r="18597" spans="1:12">
      <c r="A18597" s="6" t="s">
        <v>17224</v>
      </c>
      <c r="B18597" s="6"/>
      <c r="C18597" s="6" t="s">
        <v>18629</v>
      </c>
      <c r="D18597" s="6"/>
      <c r="E18597" s="6" t="s">
        <v>9</v>
      </c>
      <c r="F18597" s="7">
        <v>38657</v>
      </c>
      <c r="G18597" s="8">
        <v>1437576</v>
      </c>
      <c r="H18597" s="8">
        <v>1437576</v>
      </c>
      <c r="I18597" s="8">
        <v>0</v>
      </c>
      <c r="J18597" s="8">
        <v>1437576</v>
      </c>
      <c r="K18597" s="9">
        <v>111.44</v>
      </c>
      <c r="L18597" s="6" t="s">
        <v>10</v>
      </c>
    </row>
    <row r="18598" spans="1:12">
      <c r="A18598" s="6" t="s">
        <v>17224</v>
      </c>
      <c r="B18598" s="6"/>
      <c r="C18598" s="6" t="s">
        <v>18630</v>
      </c>
      <c r="D18598" s="6"/>
      <c r="E18598" s="6" t="s">
        <v>9</v>
      </c>
      <c r="F18598" s="7">
        <v>38657</v>
      </c>
      <c r="G18598" s="8">
        <v>1</v>
      </c>
      <c r="H18598" s="8">
        <v>1</v>
      </c>
      <c r="I18598" s="8">
        <v>0</v>
      </c>
      <c r="J18598" s="8">
        <v>1</v>
      </c>
      <c r="K18598" s="9">
        <v>27</v>
      </c>
      <c r="L18598" s="6" t="s">
        <v>51</v>
      </c>
    </row>
    <row r="18599" spans="1:12">
      <c r="A18599" s="6" t="s">
        <v>17224</v>
      </c>
      <c r="B18599" s="6"/>
      <c r="C18599" s="6" t="s">
        <v>18631</v>
      </c>
      <c r="D18599" s="6"/>
      <c r="E18599" s="6" t="s">
        <v>9</v>
      </c>
      <c r="F18599" s="7">
        <v>38657</v>
      </c>
      <c r="G18599" s="8">
        <v>1</v>
      </c>
      <c r="H18599" s="8">
        <v>1</v>
      </c>
      <c r="I18599" s="8">
        <v>0</v>
      </c>
      <c r="J18599" s="8">
        <v>1</v>
      </c>
      <c r="K18599" s="9">
        <v>83</v>
      </c>
      <c r="L18599" s="6" t="s">
        <v>51</v>
      </c>
    </row>
    <row r="18600" spans="1:12">
      <c r="A18600" s="6" t="s">
        <v>17224</v>
      </c>
      <c r="B18600" s="6"/>
      <c r="C18600" s="6" t="s">
        <v>18632</v>
      </c>
      <c r="D18600" s="6"/>
      <c r="E18600" s="6" t="s">
        <v>9</v>
      </c>
      <c r="F18600" s="7">
        <v>38657</v>
      </c>
      <c r="G18600" s="8">
        <v>1</v>
      </c>
      <c r="H18600" s="8">
        <v>1</v>
      </c>
      <c r="I18600" s="8">
        <v>0</v>
      </c>
      <c r="J18600" s="8">
        <v>1</v>
      </c>
      <c r="K18600" s="9">
        <v>289</v>
      </c>
      <c r="L18600" s="6" t="s">
        <v>51</v>
      </c>
    </row>
    <row r="18601" spans="1:12">
      <c r="A18601" s="6" t="s">
        <v>17224</v>
      </c>
      <c r="B18601" s="6"/>
      <c r="C18601" s="6" t="s">
        <v>18633</v>
      </c>
      <c r="D18601" s="6"/>
      <c r="E18601" s="6" t="s">
        <v>9</v>
      </c>
      <c r="F18601" s="7">
        <v>41880</v>
      </c>
      <c r="G18601" s="8">
        <v>1</v>
      </c>
      <c r="H18601" s="8">
        <v>1</v>
      </c>
      <c r="I18601" s="8">
        <v>0</v>
      </c>
      <c r="J18601" s="8">
        <v>1</v>
      </c>
      <c r="K18601" s="9">
        <v>13.22</v>
      </c>
      <c r="L18601" s="6" t="s">
        <v>51</v>
      </c>
    </row>
    <row r="18602" spans="1:12">
      <c r="A18602" s="6" t="s">
        <v>17224</v>
      </c>
      <c r="B18602" s="6"/>
      <c r="C18602" s="6" t="s">
        <v>18634</v>
      </c>
      <c r="D18602" s="6"/>
      <c r="E18602" s="6" t="s">
        <v>9</v>
      </c>
      <c r="F18602" s="7">
        <v>41880</v>
      </c>
      <c r="G18602" s="8">
        <v>1</v>
      </c>
      <c r="H18602" s="8">
        <v>1</v>
      </c>
      <c r="I18602" s="8">
        <v>0</v>
      </c>
      <c r="J18602" s="8">
        <v>1</v>
      </c>
      <c r="K18602" s="9">
        <v>19.829999999999899</v>
      </c>
      <c r="L18602" s="6" t="s">
        <v>51</v>
      </c>
    </row>
    <row r="18603" spans="1:12">
      <c r="A18603" s="6" t="s">
        <v>17224</v>
      </c>
      <c r="B18603" s="6"/>
      <c r="C18603" s="6" t="s">
        <v>18635</v>
      </c>
      <c r="D18603" s="6"/>
      <c r="E18603" s="6" t="s">
        <v>9</v>
      </c>
      <c r="F18603" s="7">
        <v>38657</v>
      </c>
      <c r="G18603" s="8">
        <v>1</v>
      </c>
      <c r="H18603" s="8">
        <v>1</v>
      </c>
      <c r="I18603" s="8">
        <v>0</v>
      </c>
      <c r="J18603" s="8">
        <v>1</v>
      </c>
      <c r="K18603" s="9">
        <v>6.18</v>
      </c>
      <c r="L18603" s="6" t="s">
        <v>51</v>
      </c>
    </row>
    <row r="18604" spans="1:12">
      <c r="A18604" s="6" t="s">
        <v>17224</v>
      </c>
      <c r="B18604" s="6"/>
      <c r="C18604" s="6" t="s">
        <v>18636</v>
      </c>
      <c r="D18604" s="6"/>
      <c r="E18604" s="6" t="s">
        <v>9</v>
      </c>
      <c r="F18604" s="7">
        <v>38657</v>
      </c>
      <c r="G18604" s="8">
        <v>1</v>
      </c>
      <c r="H18604" s="8">
        <v>1</v>
      </c>
      <c r="I18604" s="8">
        <v>0</v>
      </c>
      <c r="J18604" s="8">
        <v>1</v>
      </c>
      <c r="K18604" s="9">
        <v>11</v>
      </c>
      <c r="L18604" s="6" t="s">
        <v>51</v>
      </c>
    </row>
    <row r="18605" spans="1:12">
      <c r="A18605" s="6" t="s">
        <v>17224</v>
      </c>
      <c r="B18605" s="6"/>
      <c r="C18605" s="6" t="s">
        <v>18637</v>
      </c>
      <c r="D18605" s="6"/>
      <c r="E18605" s="6" t="s">
        <v>9</v>
      </c>
      <c r="F18605" s="7">
        <v>38657</v>
      </c>
      <c r="G18605" s="8">
        <v>1</v>
      </c>
      <c r="H18605" s="8">
        <v>1</v>
      </c>
      <c r="I18605" s="8">
        <v>0</v>
      </c>
      <c r="J18605" s="8">
        <v>1</v>
      </c>
      <c r="K18605" s="9">
        <v>6.02</v>
      </c>
      <c r="L18605" s="6" t="s">
        <v>51</v>
      </c>
    </row>
    <row r="18606" spans="1:12">
      <c r="A18606" s="6" t="s">
        <v>17224</v>
      </c>
      <c r="B18606" s="6"/>
      <c r="C18606" s="6" t="s">
        <v>18638</v>
      </c>
      <c r="D18606" s="6"/>
      <c r="E18606" s="6" t="s">
        <v>9</v>
      </c>
      <c r="F18606" s="7"/>
      <c r="G18606" s="8">
        <v>1</v>
      </c>
      <c r="H18606" s="8">
        <v>1</v>
      </c>
      <c r="I18606" s="8">
        <v>0</v>
      </c>
      <c r="J18606" s="8">
        <v>1</v>
      </c>
      <c r="K18606" s="9">
        <v>36</v>
      </c>
      <c r="L18606" s="6" t="s">
        <v>51</v>
      </c>
    </row>
    <row r="18607" spans="1:12">
      <c r="A18607" s="6" t="s">
        <v>17224</v>
      </c>
      <c r="B18607" s="6"/>
      <c r="C18607" s="6" t="s">
        <v>18639</v>
      </c>
      <c r="D18607" s="6"/>
      <c r="E18607" s="6" t="s">
        <v>9</v>
      </c>
      <c r="F18607" s="7">
        <v>38657</v>
      </c>
      <c r="G18607" s="8">
        <v>1</v>
      </c>
      <c r="H18607" s="8">
        <v>1</v>
      </c>
      <c r="I18607" s="8">
        <v>0</v>
      </c>
      <c r="J18607" s="8">
        <v>1</v>
      </c>
      <c r="K18607" s="9">
        <v>40</v>
      </c>
      <c r="L18607" s="6" t="s">
        <v>51</v>
      </c>
    </row>
    <row r="18608" spans="1:12">
      <c r="A18608" s="6" t="s">
        <v>17224</v>
      </c>
      <c r="B18608" s="6"/>
      <c r="C18608" s="6" t="s">
        <v>18640</v>
      </c>
      <c r="D18608" s="6"/>
      <c r="E18608" s="6" t="s">
        <v>9</v>
      </c>
      <c r="F18608" s="7">
        <v>38657</v>
      </c>
      <c r="G18608" s="8">
        <v>1</v>
      </c>
      <c r="H18608" s="8">
        <v>1</v>
      </c>
      <c r="I18608" s="8">
        <v>0</v>
      </c>
      <c r="J18608" s="8">
        <v>1</v>
      </c>
      <c r="K18608" s="9">
        <v>55</v>
      </c>
      <c r="L18608" s="6" t="s">
        <v>51</v>
      </c>
    </row>
    <row r="18609" spans="1:12">
      <c r="A18609" s="6" t="s">
        <v>17224</v>
      </c>
      <c r="B18609" s="6"/>
      <c r="C18609" s="6" t="s">
        <v>18641</v>
      </c>
      <c r="D18609" s="6"/>
      <c r="E18609" s="6" t="s">
        <v>9</v>
      </c>
      <c r="F18609" s="7">
        <v>38657</v>
      </c>
      <c r="G18609" s="8">
        <v>1</v>
      </c>
      <c r="H18609" s="8">
        <v>1</v>
      </c>
      <c r="I18609" s="8">
        <v>0</v>
      </c>
      <c r="J18609" s="8">
        <v>1</v>
      </c>
      <c r="K18609" s="9">
        <v>13</v>
      </c>
      <c r="L18609" s="6" t="s">
        <v>51</v>
      </c>
    </row>
    <row r="18610" spans="1:12">
      <c r="A18610" s="6" t="s">
        <v>17224</v>
      </c>
      <c r="B18610" s="6"/>
      <c r="C18610" s="6" t="s">
        <v>18642</v>
      </c>
      <c r="D18610" s="6"/>
      <c r="E18610" s="6" t="s">
        <v>9</v>
      </c>
      <c r="F18610" s="7">
        <v>38657</v>
      </c>
      <c r="G18610" s="8">
        <v>1</v>
      </c>
      <c r="H18610" s="8">
        <v>1</v>
      </c>
      <c r="I18610" s="8">
        <v>0</v>
      </c>
      <c r="J18610" s="8">
        <v>1</v>
      </c>
      <c r="K18610" s="9">
        <v>2.25999999999999</v>
      </c>
      <c r="L18610" s="6" t="s">
        <v>51</v>
      </c>
    </row>
    <row r="18611" spans="1:12">
      <c r="A18611" s="6" t="s">
        <v>17224</v>
      </c>
      <c r="B18611" s="6"/>
      <c r="C18611" s="6" t="s">
        <v>18643</v>
      </c>
      <c r="D18611" s="6"/>
      <c r="E18611" s="6" t="s">
        <v>9</v>
      </c>
      <c r="F18611" s="7">
        <v>38657</v>
      </c>
      <c r="G18611" s="8">
        <v>1</v>
      </c>
      <c r="H18611" s="8">
        <v>1</v>
      </c>
      <c r="I18611" s="8">
        <v>0</v>
      </c>
      <c r="J18611" s="8">
        <v>1</v>
      </c>
      <c r="K18611" s="9">
        <v>64</v>
      </c>
      <c r="L18611" s="6" t="s">
        <v>51</v>
      </c>
    </row>
    <row r="18612" spans="1:12">
      <c r="A18612" s="6" t="s">
        <v>17224</v>
      </c>
      <c r="B18612" s="6"/>
      <c r="C18612" s="6" t="s">
        <v>18644</v>
      </c>
      <c r="D18612" s="6"/>
      <c r="E18612" s="6" t="s">
        <v>9</v>
      </c>
      <c r="F18612" s="7">
        <v>38657</v>
      </c>
      <c r="G18612" s="8">
        <v>1</v>
      </c>
      <c r="H18612" s="8">
        <v>1</v>
      </c>
      <c r="I18612" s="8">
        <v>0</v>
      </c>
      <c r="J18612" s="8">
        <v>1</v>
      </c>
      <c r="K18612" s="9">
        <v>26</v>
      </c>
      <c r="L18612" s="6" t="s">
        <v>51</v>
      </c>
    </row>
    <row r="18613" spans="1:12">
      <c r="A18613" s="6" t="s">
        <v>17224</v>
      </c>
      <c r="B18613" s="6"/>
      <c r="C18613" s="6" t="s">
        <v>18645</v>
      </c>
      <c r="D18613" s="6"/>
      <c r="E18613" s="6" t="s">
        <v>9</v>
      </c>
      <c r="F18613" s="7">
        <v>38657</v>
      </c>
      <c r="G18613" s="8">
        <v>1</v>
      </c>
      <c r="H18613" s="8">
        <v>1</v>
      </c>
      <c r="I18613" s="8">
        <v>0</v>
      </c>
      <c r="J18613" s="8">
        <v>1</v>
      </c>
      <c r="K18613" s="9">
        <v>65</v>
      </c>
      <c r="L18613" s="6" t="s">
        <v>51</v>
      </c>
    </row>
    <row r="18614" spans="1:12">
      <c r="A18614" s="6" t="s">
        <v>17224</v>
      </c>
      <c r="B18614" s="6"/>
      <c r="C18614" s="6" t="s">
        <v>18646</v>
      </c>
      <c r="D18614" s="6"/>
      <c r="E18614" s="6" t="s">
        <v>9</v>
      </c>
      <c r="F18614" s="7">
        <v>38657</v>
      </c>
      <c r="G18614" s="8">
        <v>1</v>
      </c>
      <c r="H18614" s="8">
        <v>1</v>
      </c>
      <c r="I18614" s="8">
        <v>0</v>
      </c>
      <c r="J18614" s="8">
        <v>1</v>
      </c>
      <c r="K18614" s="9">
        <v>0.26</v>
      </c>
      <c r="L18614" s="6" t="s">
        <v>51</v>
      </c>
    </row>
    <row r="18615" spans="1:12">
      <c r="A18615" s="6" t="s">
        <v>17224</v>
      </c>
      <c r="B18615" s="6"/>
      <c r="C18615" s="6" t="s">
        <v>18647</v>
      </c>
      <c r="D18615" s="6"/>
      <c r="E18615" s="6" t="s">
        <v>9</v>
      </c>
      <c r="F18615" s="7">
        <v>38657</v>
      </c>
      <c r="G18615" s="8">
        <v>1</v>
      </c>
      <c r="H18615" s="8">
        <v>1</v>
      </c>
      <c r="I18615" s="8">
        <v>0</v>
      </c>
      <c r="J18615" s="8">
        <v>1</v>
      </c>
      <c r="K18615" s="9">
        <v>12</v>
      </c>
      <c r="L18615" s="6" t="s">
        <v>51</v>
      </c>
    </row>
    <row r="18616" spans="1:12">
      <c r="A18616" s="6" t="s">
        <v>17224</v>
      </c>
      <c r="B18616" s="6"/>
      <c r="C18616" s="6" t="s">
        <v>18648</v>
      </c>
      <c r="D18616" s="6"/>
      <c r="E18616" s="6" t="s">
        <v>9</v>
      </c>
      <c r="F18616" s="7">
        <v>38657</v>
      </c>
      <c r="G18616" s="8">
        <v>1</v>
      </c>
      <c r="H18616" s="8">
        <v>1</v>
      </c>
      <c r="I18616" s="8">
        <v>0</v>
      </c>
      <c r="J18616" s="8">
        <v>1</v>
      </c>
      <c r="K18616" s="9">
        <v>53</v>
      </c>
      <c r="L18616" s="6" t="s">
        <v>51</v>
      </c>
    </row>
    <row r="18617" spans="1:12">
      <c r="A18617" s="6" t="s">
        <v>18649</v>
      </c>
      <c r="B18617" s="6"/>
      <c r="C18617" s="6" t="s">
        <v>18650</v>
      </c>
      <c r="D18617" s="6"/>
      <c r="E18617" s="6" t="s">
        <v>9</v>
      </c>
      <c r="F18617" s="7">
        <v>38657</v>
      </c>
      <c r="G18617" s="8">
        <v>1</v>
      </c>
      <c r="H18617" s="8">
        <v>1</v>
      </c>
      <c r="I18617" s="8">
        <v>0</v>
      </c>
      <c r="J18617" s="8">
        <v>1</v>
      </c>
      <c r="K18617" s="9">
        <v>277</v>
      </c>
      <c r="L18617" s="6" t="s">
        <v>4151</v>
      </c>
    </row>
    <row r="18618" spans="1:12">
      <c r="A18618" s="6" t="s">
        <v>18649</v>
      </c>
      <c r="B18618" s="6"/>
      <c r="C18618" s="6" t="s">
        <v>18651</v>
      </c>
      <c r="D18618" s="6"/>
      <c r="E18618" s="6" t="s">
        <v>9</v>
      </c>
      <c r="F18618" s="7">
        <v>38657</v>
      </c>
      <c r="G18618" s="8">
        <v>1</v>
      </c>
      <c r="H18618" s="8">
        <v>1</v>
      </c>
      <c r="I18618" s="8">
        <v>0</v>
      </c>
      <c r="J18618" s="8">
        <v>1</v>
      </c>
      <c r="K18618" s="9">
        <v>165</v>
      </c>
      <c r="L18618" s="6" t="s">
        <v>4151</v>
      </c>
    </row>
    <row r="18619" spans="1:12">
      <c r="A18619" s="6" t="s">
        <v>18649</v>
      </c>
      <c r="B18619" s="6"/>
      <c r="C18619" s="6" t="s">
        <v>18652</v>
      </c>
      <c r="D18619" s="6"/>
      <c r="E18619" s="6" t="s">
        <v>9</v>
      </c>
      <c r="F18619" s="7">
        <v>38657</v>
      </c>
      <c r="G18619" s="8">
        <v>1</v>
      </c>
      <c r="H18619" s="8">
        <v>1</v>
      </c>
      <c r="I18619" s="8">
        <v>0</v>
      </c>
      <c r="J18619" s="8">
        <v>1</v>
      </c>
      <c r="K18619" s="9">
        <v>22</v>
      </c>
      <c r="L18619" s="6" t="s">
        <v>4151</v>
      </c>
    </row>
    <row r="18620" spans="1:12">
      <c r="A18620" s="6" t="s">
        <v>18649</v>
      </c>
      <c r="B18620" s="6"/>
      <c r="C18620" s="6" t="s">
        <v>18653</v>
      </c>
      <c r="D18620" s="6"/>
      <c r="E18620" s="6" t="s">
        <v>9</v>
      </c>
      <c r="F18620" s="7">
        <v>38657</v>
      </c>
      <c r="G18620" s="8">
        <v>1</v>
      </c>
      <c r="H18620" s="8">
        <v>1</v>
      </c>
      <c r="I18620" s="8">
        <v>0</v>
      </c>
      <c r="J18620" s="8">
        <v>1</v>
      </c>
      <c r="K18620" s="9">
        <v>36</v>
      </c>
      <c r="L18620" s="6" t="s">
        <v>4151</v>
      </c>
    </row>
    <row r="18621" spans="1:12">
      <c r="A18621" s="6" t="s">
        <v>18649</v>
      </c>
      <c r="B18621" s="6"/>
      <c r="C18621" s="6" t="s">
        <v>18654</v>
      </c>
      <c r="D18621" s="6"/>
      <c r="E18621" s="6" t="s">
        <v>9</v>
      </c>
      <c r="F18621" s="7">
        <v>38657</v>
      </c>
      <c r="G18621" s="8">
        <v>1</v>
      </c>
      <c r="H18621" s="8">
        <v>1</v>
      </c>
      <c r="I18621" s="8">
        <v>0</v>
      </c>
      <c r="J18621" s="8">
        <v>1</v>
      </c>
      <c r="K18621" s="9">
        <v>799</v>
      </c>
      <c r="L18621" s="6" t="s">
        <v>4151</v>
      </c>
    </row>
    <row r="18622" spans="1:12">
      <c r="A18622" s="6" t="s">
        <v>18649</v>
      </c>
      <c r="B18622" s="6"/>
      <c r="C18622" s="6" t="s">
        <v>18655</v>
      </c>
      <c r="D18622" s="6"/>
      <c r="E18622" s="6" t="s">
        <v>9</v>
      </c>
      <c r="F18622" s="7">
        <v>38657</v>
      </c>
      <c r="G18622" s="8">
        <v>1</v>
      </c>
      <c r="H18622" s="8">
        <v>1</v>
      </c>
      <c r="I18622" s="8">
        <v>0</v>
      </c>
      <c r="J18622" s="8">
        <v>1</v>
      </c>
      <c r="K18622" s="9">
        <v>55</v>
      </c>
      <c r="L18622" s="6" t="s">
        <v>4151</v>
      </c>
    </row>
    <row r="18623" spans="1:12">
      <c r="A18623" s="6" t="s">
        <v>18649</v>
      </c>
      <c r="B18623" s="6"/>
      <c r="C18623" s="6" t="s">
        <v>18656</v>
      </c>
      <c r="D18623" s="6"/>
      <c r="E18623" s="6" t="s">
        <v>9</v>
      </c>
      <c r="F18623" s="7">
        <v>38657</v>
      </c>
      <c r="G18623" s="8">
        <v>1</v>
      </c>
      <c r="H18623" s="8">
        <v>1</v>
      </c>
      <c r="I18623" s="8">
        <v>0</v>
      </c>
      <c r="J18623" s="8">
        <v>1</v>
      </c>
      <c r="K18623" s="9">
        <v>396</v>
      </c>
      <c r="L18623" s="6" t="s">
        <v>4151</v>
      </c>
    </row>
    <row r="18624" spans="1:12">
      <c r="A18624" s="6" t="s">
        <v>18649</v>
      </c>
      <c r="B18624" s="6"/>
      <c r="C18624" s="6" t="s">
        <v>18657</v>
      </c>
      <c r="D18624" s="6"/>
      <c r="E18624" s="6" t="s">
        <v>9</v>
      </c>
      <c r="F18624" s="7">
        <v>38657</v>
      </c>
      <c r="G18624" s="8">
        <v>1</v>
      </c>
      <c r="H18624" s="8">
        <v>1</v>
      </c>
      <c r="I18624" s="8">
        <v>0</v>
      </c>
      <c r="J18624" s="8">
        <v>1</v>
      </c>
      <c r="K18624" s="9">
        <v>28</v>
      </c>
      <c r="L18624" s="6" t="s">
        <v>4151</v>
      </c>
    </row>
    <row r="18625" spans="1:12">
      <c r="A18625" s="6" t="s">
        <v>18649</v>
      </c>
      <c r="B18625" s="6"/>
      <c r="C18625" s="6" t="s">
        <v>18658</v>
      </c>
      <c r="D18625" s="6"/>
      <c r="E18625" s="6" t="s">
        <v>9</v>
      </c>
      <c r="F18625" s="7">
        <v>38657</v>
      </c>
      <c r="G18625" s="8">
        <v>1</v>
      </c>
      <c r="H18625" s="8">
        <v>1</v>
      </c>
      <c r="I18625" s="8">
        <v>0</v>
      </c>
      <c r="J18625" s="8">
        <v>1</v>
      </c>
      <c r="K18625" s="9">
        <v>156</v>
      </c>
      <c r="L18625" s="6" t="s">
        <v>4151</v>
      </c>
    </row>
    <row r="18626" spans="1:12">
      <c r="A18626" s="6" t="s">
        <v>18649</v>
      </c>
      <c r="B18626" s="6"/>
      <c r="C18626" s="6" t="s">
        <v>18659</v>
      </c>
      <c r="D18626" s="6"/>
      <c r="E18626" s="6" t="s">
        <v>9</v>
      </c>
      <c r="F18626" s="7">
        <v>38657</v>
      </c>
      <c r="G18626" s="8">
        <v>1</v>
      </c>
      <c r="H18626" s="8">
        <v>1</v>
      </c>
      <c r="I18626" s="8">
        <v>0</v>
      </c>
      <c r="J18626" s="8">
        <v>1</v>
      </c>
      <c r="K18626" s="9">
        <v>11</v>
      </c>
      <c r="L18626" s="6" t="s">
        <v>4151</v>
      </c>
    </row>
    <row r="18627" spans="1:12">
      <c r="A18627" s="6" t="s">
        <v>18649</v>
      </c>
      <c r="B18627" s="6"/>
      <c r="C18627" s="6" t="s">
        <v>18660</v>
      </c>
      <c r="D18627" s="6"/>
      <c r="E18627" s="6" t="s">
        <v>9</v>
      </c>
      <c r="F18627" s="7">
        <v>38657</v>
      </c>
      <c r="G18627" s="8">
        <v>1</v>
      </c>
      <c r="H18627" s="8">
        <v>1</v>
      </c>
      <c r="I18627" s="8">
        <v>0</v>
      </c>
      <c r="J18627" s="8">
        <v>1</v>
      </c>
      <c r="K18627" s="9">
        <v>243</v>
      </c>
      <c r="L18627" s="6" t="s">
        <v>4151</v>
      </c>
    </row>
    <row r="18628" spans="1:12">
      <c r="A18628" s="6" t="s">
        <v>18649</v>
      </c>
      <c r="B18628" s="6"/>
      <c r="C18628" s="6" t="s">
        <v>18661</v>
      </c>
      <c r="D18628" s="6"/>
      <c r="E18628" s="6" t="s">
        <v>9</v>
      </c>
      <c r="F18628" s="7">
        <v>38657</v>
      </c>
      <c r="G18628" s="8">
        <v>1</v>
      </c>
      <c r="H18628" s="8">
        <v>1</v>
      </c>
      <c r="I18628" s="8">
        <v>0</v>
      </c>
      <c r="J18628" s="8">
        <v>1</v>
      </c>
      <c r="K18628" s="9">
        <v>20</v>
      </c>
      <c r="L18628" s="6" t="s">
        <v>4151</v>
      </c>
    </row>
    <row r="18629" spans="1:12">
      <c r="A18629" s="6" t="s">
        <v>18649</v>
      </c>
      <c r="B18629" s="6"/>
      <c r="C18629" s="6" t="s">
        <v>18662</v>
      </c>
      <c r="D18629" s="6"/>
      <c r="E18629" s="6" t="s">
        <v>9</v>
      </c>
      <c r="F18629" s="7">
        <v>38657</v>
      </c>
      <c r="G18629" s="8">
        <v>1</v>
      </c>
      <c r="H18629" s="8">
        <v>1</v>
      </c>
      <c r="I18629" s="8">
        <v>0</v>
      </c>
      <c r="J18629" s="8">
        <v>1</v>
      </c>
      <c r="K18629" s="9">
        <v>17</v>
      </c>
      <c r="L18629" s="6" t="s">
        <v>4151</v>
      </c>
    </row>
    <row r="18630" spans="1:12">
      <c r="A18630" s="6" t="s">
        <v>18649</v>
      </c>
      <c r="B18630" s="6"/>
      <c r="C18630" s="6" t="s">
        <v>18663</v>
      </c>
      <c r="D18630" s="6"/>
      <c r="E18630" s="6" t="s">
        <v>9</v>
      </c>
      <c r="F18630" s="7">
        <v>38657</v>
      </c>
      <c r="G18630" s="8">
        <v>1</v>
      </c>
      <c r="H18630" s="8">
        <v>1</v>
      </c>
      <c r="I18630" s="8">
        <v>0</v>
      </c>
      <c r="J18630" s="8">
        <v>1</v>
      </c>
      <c r="K18630" s="9">
        <v>854</v>
      </c>
      <c r="L18630" s="6" t="s">
        <v>4151</v>
      </c>
    </row>
    <row r="18631" spans="1:12">
      <c r="A18631" s="6" t="s">
        <v>18649</v>
      </c>
      <c r="B18631" s="6"/>
      <c r="C18631" s="6" t="s">
        <v>18664</v>
      </c>
      <c r="D18631" s="6"/>
      <c r="E18631" s="6" t="s">
        <v>9</v>
      </c>
      <c r="F18631" s="7">
        <v>38657</v>
      </c>
      <c r="G18631" s="8">
        <v>1</v>
      </c>
      <c r="H18631" s="8">
        <v>1</v>
      </c>
      <c r="I18631" s="8">
        <v>0</v>
      </c>
      <c r="J18631" s="8">
        <v>1</v>
      </c>
      <c r="K18631" s="9">
        <v>760</v>
      </c>
      <c r="L18631" s="6" t="s">
        <v>4151</v>
      </c>
    </row>
    <row r="18632" spans="1:12">
      <c r="A18632" s="6" t="s">
        <v>18649</v>
      </c>
      <c r="B18632" s="6"/>
      <c r="C18632" s="6" t="s">
        <v>18665</v>
      </c>
      <c r="D18632" s="6"/>
      <c r="E18632" s="6" t="s">
        <v>9</v>
      </c>
      <c r="F18632" s="7">
        <v>38657</v>
      </c>
      <c r="G18632" s="8">
        <v>1</v>
      </c>
      <c r="H18632" s="8">
        <v>1</v>
      </c>
      <c r="I18632" s="8">
        <v>0</v>
      </c>
      <c r="J18632" s="8">
        <v>1</v>
      </c>
      <c r="K18632" s="9">
        <v>41</v>
      </c>
      <c r="L18632" s="6" t="s">
        <v>4151</v>
      </c>
    </row>
    <row r="18633" spans="1:12">
      <c r="A18633" s="6" t="s">
        <v>18649</v>
      </c>
      <c r="B18633" s="6"/>
      <c r="C18633" s="6" t="s">
        <v>18666</v>
      </c>
      <c r="D18633" s="6"/>
      <c r="E18633" s="6" t="s">
        <v>9</v>
      </c>
      <c r="F18633" s="7">
        <v>38657</v>
      </c>
      <c r="G18633" s="8">
        <v>1</v>
      </c>
      <c r="H18633" s="8">
        <v>1</v>
      </c>
      <c r="I18633" s="8">
        <v>0</v>
      </c>
      <c r="J18633" s="8">
        <v>1</v>
      </c>
      <c r="K18633" s="9">
        <v>55</v>
      </c>
      <c r="L18633" s="6" t="s">
        <v>4151</v>
      </c>
    </row>
    <row r="18634" spans="1:12">
      <c r="A18634" s="6" t="s">
        <v>18649</v>
      </c>
      <c r="B18634" s="6"/>
      <c r="C18634" s="6" t="s">
        <v>18667</v>
      </c>
      <c r="D18634" s="6"/>
      <c r="E18634" s="6" t="s">
        <v>9</v>
      </c>
      <c r="F18634" s="7">
        <v>38657</v>
      </c>
      <c r="G18634" s="8">
        <v>1</v>
      </c>
      <c r="H18634" s="8">
        <v>1</v>
      </c>
      <c r="I18634" s="8">
        <v>0</v>
      </c>
      <c r="J18634" s="8">
        <v>1</v>
      </c>
      <c r="K18634" s="9">
        <v>208</v>
      </c>
      <c r="L18634" s="6" t="s">
        <v>4151</v>
      </c>
    </row>
    <row r="18635" spans="1:12">
      <c r="A18635" s="6" t="s">
        <v>18649</v>
      </c>
      <c r="B18635" s="6"/>
      <c r="C18635" s="6" t="s">
        <v>18668</v>
      </c>
      <c r="D18635" s="6"/>
      <c r="E18635" s="6" t="s">
        <v>9</v>
      </c>
      <c r="F18635" s="7">
        <v>38657</v>
      </c>
      <c r="G18635" s="8">
        <v>1</v>
      </c>
      <c r="H18635" s="8">
        <v>1</v>
      </c>
      <c r="I18635" s="8">
        <v>0</v>
      </c>
      <c r="J18635" s="8">
        <v>1</v>
      </c>
      <c r="K18635" s="9">
        <v>15</v>
      </c>
      <c r="L18635" s="6" t="s">
        <v>4151</v>
      </c>
    </row>
    <row r="18636" spans="1:12">
      <c r="A18636" s="6" t="s">
        <v>18649</v>
      </c>
      <c r="B18636" s="6"/>
      <c r="C18636" s="6" t="s">
        <v>18669</v>
      </c>
      <c r="D18636" s="6"/>
      <c r="E18636" s="6" t="s">
        <v>9</v>
      </c>
      <c r="F18636" s="7">
        <v>38657</v>
      </c>
      <c r="G18636" s="8">
        <v>1</v>
      </c>
      <c r="H18636" s="8">
        <v>1</v>
      </c>
      <c r="I18636" s="8">
        <v>0</v>
      </c>
      <c r="J18636" s="8">
        <v>1</v>
      </c>
      <c r="K18636" s="9">
        <v>336</v>
      </c>
      <c r="L18636" s="6" t="s">
        <v>4151</v>
      </c>
    </row>
    <row r="18637" spans="1:12">
      <c r="A18637" s="6" t="s">
        <v>18649</v>
      </c>
      <c r="B18637" s="6"/>
      <c r="C18637" s="6" t="s">
        <v>18670</v>
      </c>
      <c r="D18637" s="6"/>
      <c r="E18637" s="6" t="s">
        <v>9</v>
      </c>
      <c r="F18637" s="7">
        <v>38657</v>
      </c>
      <c r="G18637" s="8">
        <v>1</v>
      </c>
      <c r="H18637" s="8">
        <v>1</v>
      </c>
      <c r="I18637" s="8">
        <v>0</v>
      </c>
      <c r="J18637" s="8">
        <v>1</v>
      </c>
      <c r="K18637" s="9">
        <v>23</v>
      </c>
      <c r="L18637" s="6" t="s">
        <v>4151</v>
      </c>
    </row>
    <row r="18638" spans="1:12">
      <c r="A18638" s="6" t="s">
        <v>18649</v>
      </c>
      <c r="B18638" s="6"/>
      <c r="C18638" s="6" t="s">
        <v>18671</v>
      </c>
      <c r="D18638" s="6"/>
      <c r="E18638" s="6" t="s">
        <v>9</v>
      </c>
      <c r="F18638" s="7">
        <v>38657</v>
      </c>
      <c r="G18638" s="8">
        <v>1</v>
      </c>
      <c r="H18638" s="8">
        <v>1</v>
      </c>
      <c r="I18638" s="8">
        <v>0</v>
      </c>
      <c r="J18638" s="8">
        <v>1</v>
      </c>
      <c r="K18638" s="9">
        <v>246</v>
      </c>
      <c r="L18638" s="6" t="s">
        <v>4151</v>
      </c>
    </row>
    <row r="18639" spans="1:12">
      <c r="A18639" s="6" t="s">
        <v>18649</v>
      </c>
      <c r="B18639" s="6"/>
      <c r="C18639" s="6" t="s">
        <v>18672</v>
      </c>
      <c r="D18639" s="6"/>
      <c r="E18639" s="6" t="s">
        <v>9</v>
      </c>
      <c r="F18639" s="7">
        <v>38657</v>
      </c>
      <c r="G18639" s="8">
        <v>1</v>
      </c>
      <c r="H18639" s="8">
        <v>1</v>
      </c>
      <c r="I18639" s="8">
        <v>0</v>
      </c>
      <c r="J18639" s="8">
        <v>1</v>
      </c>
      <c r="K18639" s="9">
        <v>409</v>
      </c>
      <c r="L18639" s="6" t="s">
        <v>4151</v>
      </c>
    </row>
    <row r="18640" spans="1:12">
      <c r="A18640" s="6" t="s">
        <v>18649</v>
      </c>
      <c r="B18640" s="6"/>
      <c r="C18640" s="6" t="s">
        <v>18673</v>
      </c>
      <c r="D18640" s="6"/>
      <c r="E18640" s="6" t="s">
        <v>9</v>
      </c>
      <c r="F18640" s="7">
        <v>38657</v>
      </c>
      <c r="G18640" s="8">
        <v>1</v>
      </c>
      <c r="H18640" s="8">
        <v>1</v>
      </c>
      <c r="I18640" s="8">
        <v>0</v>
      </c>
      <c r="J18640" s="8">
        <v>1</v>
      </c>
      <c r="K18640" s="9">
        <v>17</v>
      </c>
      <c r="L18640" s="6" t="s">
        <v>4151</v>
      </c>
    </row>
    <row r="18641" spans="1:12">
      <c r="A18641" s="6" t="s">
        <v>18649</v>
      </c>
      <c r="B18641" s="6"/>
      <c r="C18641" s="6" t="s">
        <v>18674</v>
      </c>
      <c r="D18641" s="6"/>
      <c r="E18641" s="6" t="s">
        <v>9</v>
      </c>
      <c r="F18641" s="7">
        <v>38657</v>
      </c>
      <c r="G18641" s="8">
        <v>1</v>
      </c>
      <c r="H18641" s="8">
        <v>1</v>
      </c>
      <c r="I18641" s="8">
        <v>0</v>
      </c>
      <c r="J18641" s="8">
        <v>1</v>
      </c>
      <c r="K18641" s="9">
        <v>55</v>
      </c>
      <c r="L18641" s="6" t="s">
        <v>4151</v>
      </c>
    </row>
    <row r="18642" spans="1:12">
      <c r="A18642" s="6" t="s">
        <v>18649</v>
      </c>
      <c r="B18642" s="6"/>
      <c r="C18642" s="6" t="s">
        <v>18675</v>
      </c>
      <c r="D18642" s="6"/>
      <c r="E18642" s="6" t="s">
        <v>9</v>
      </c>
      <c r="F18642" s="7">
        <v>38657</v>
      </c>
      <c r="G18642" s="8">
        <v>1</v>
      </c>
      <c r="H18642" s="8">
        <v>1</v>
      </c>
      <c r="I18642" s="8">
        <v>0</v>
      </c>
      <c r="J18642" s="8">
        <v>1</v>
      </c>
      <c r="K18642" s="9">
        <v>19</v>
      </c>
      <c r="L18642" s="6" t="s">
        <v>4151</v>
      </c>
    </row>
    <row r="18643" spans="1:12">
      <c r="A18643" s="6" t="s">
        <v>18649</v>
      </c>
      <c r="B18643" s="6"/>
      <c r="C18643" s="6" t="s">
        <v>18676</v>
      </c>
      <c r="D18643" s="6"/>
      <c r="E18643" s="6" t="s">
        <v>9</v>
      </c>
      <c r="F18643" s="7">
        <v>38657</v>
      </c>
      <c r="G18643" s="8">
        <v>1</v>
      </c>
      <c r="H18643" s="8">
        <v>1</v>
      </c>
      <c r="I18643" s="8">
        <v>0</v>
      </c>
      <c r="J18643" s="8">
        <v>1</v>
      </c>
      <c r="K18643" s="9">
        <v>11</v>
      </c>
      <c r="L18643" s="6" t="s">
        <v>4151</v>
      </c>
    </row>
    <row r="18644" spans="1:12">
      <c r="A18644" s="6" t="s">
        <v>18649</v>
      </c>
      <c r="B18644" s="6"/>
      <c r="C18644" s="6" t="s">
        <v>18677</v>
      </c>
      <c r="D18644" s="6"/>
      <c r="E18644" s="6" t="s">
        <v>9</v>
      </c>
      <c r="F18644" s="7">
        <v>38657</v>
      </c>
      <c r="G18644" s="8">
        <v>1</v>
      </c>
      <c r="H18644" s="8">
        <v>1</v>
      </c>
      <c r="I18644" s="8">
        <v>0</v>
      </c>
      <c r="J18644" s="8">
        <v>1</v>
      </c>
      <c r="K18644" s="9">
        <v>38</v>
      </c>
      <c r="L18644" s="6" t="s">
        <v>4151</v>
      </c>
    </row>
    <row r="18645" spans="1:12">
      <c r="A18645" s="6" t="s">
        <v>18649</v>
      </c>
      <c r="B18645" s="6"/>
      <c r="C18645" s="6" t="s">
        <v>18678</v>
      </c>
      <c r="D18645" s="6"/>
      <c r="E18645" s="6" t="s">
        <v>9</v>
      </c>
      <c r="F18645" s="7">
        <v>38657</v>
      </c>
      <c r="G18645" s="8">
        <v>1</v>
      </c>
      <c r="H18645" s="8">
        <v>1</v>
      </c>
      <c r="I18645" s="8">
        <v>0</v>
      </c>
      <c r="J18645" s="8">
        <v>1</v>
      </c>
      <c r="K18645" s="9">
        <v>40</v>
      </c>
      <c r="L18645" s="6" t="s">
        <v>4151</v>
      </c>
    </row>
    <row r="18646" spans="1:12">
      <c r="A18646" s="6" t="s">
        <v>18649</v>
      </c>
      <c r="B18646" s="6"/>
      <c r="C18646" s="6" t="s">
        <v>18679</v>
      </c>
      <c r="D18646" s="6"/>
      <c r="E18646" s="6" t="s">
        <v>9</v>
      </c>
      <c r="F18646" s="7">
        <v>38657</v>
      </c>
      <c r="G18646" s="8">
        <v>1</v>
      </c>
      <c r="H18646" s="8">
        <v>1</v>
      </c>
      <c r="I18646" s="8">
        <v>0</v>
      </c>
      <c r="J18646" s="8">
        <v>1</v>
      </c>
      <c r="K18646" s="9">
        <v>3.18</v>
      </c>
      <c r="L18646" s="6" t="s">
        <v>4151</v>
      </c>
    </row>
    <row r="18647" spans="1:12">
      <c r="A18647" s="6" t="s">
        <v>18649</v>
      </c>
      <c r="B18647" s="6"/>
      <c r="C18647" s="6" t="s">
        <v>18680</v>
      </c>
      <c r="D18647" s="6"/>
      <c r="E18647" s="6" t="s">
        <v>9</v>
      </c>
      <c r="F18647" s="7">
        <v>38657</v>
      </c>
      <c r="G18647" s="8">
        <v>1</v>
      </c>
      <c r="H18647" s="8">
        <v>1</v>
      </c>
      <c r="I18647" s="8">
        <v>0</v>
      </c>
      <c r="J18647" s="8">
        <v>1</v>
      </c>
      <c r="K18647" s="9">
        <v>2.04</v>
      </c>
      <c r="L18647" s="6" t="s">
        <v>4151</v>
      </c>
    </row>
    <row r="18648" spans="1:12">
      <c r="A18648" s="6" t="s">
        <v>18649</v>
      </c>
      <c r="B18648" s="6"/>
      <c r="C18648" s="6" t="s">
        <v>18681</v>
      </c>
      <c r="D18648" s="6"/>
      <c r="E18648" s="6" t="s">
        <v>9</v>
      </c>
      <c r="F18648" s="7">
        <v>38657</v>
      </c>
      <c r="G18648" s="8">
        <v>1</v>
      </c>
      <c r="H18648" s="8">
        <v>1</v>
      </c>
      <c r="I18648" s="8">
        <v>0</v>
      </c>
      <c r="J18648" s="8">
        <v>1</v>
      </c>
      <c r="K18648" s="9">
        <v>92</v>
      </c>
      <c r="L18648" s="6" t="s">
        <v>4151</v>
      </c>
    </row>
    <row r="18649" spans="1:12">
      <c r="A18649" s="6" t="s">
        <v>18649</v>
      </c>
      <c r="B18649" s="6"/>
      <c r="C18649" s="6" t="s">
        <v>18682</v>
      </c>
      <c r="D18649" s="6"/>
      <c r="E18649" s="6" t="s">
        <v>9</v>
      </c>
      <c r="F18649" s="7">
        <v>38657</v>
      </c>
      <c r="G18649" s="8">
        <v>1</v>
      </c>
      <c r="H18649" s="8">
        <v>1</v>
      </c>
      <c r="I18649" s="8">
        <v>0</v>
      </c>
      <c r="J18649" s="8">
        <v>1</v>
      </c>
      <c r="K18649" s="9">
        <v>112</v>
      </c>
      <c r="L18649" s="6" t="s">
        <v>4151</v>
      </c>
    </row>
    <row r="18650" spans="1:12">
      <c r="A18650" s="6" t="s">
        <v>18649</v>
      </c>
      <c r="B18650" s="6"/>
      <c r="C18650" s="6" t="s">
        <v>18683</v>
      </c>
      <c r="D18650" s="6"/>
      <c r="E18650" s="6" t="s">
        <v>9</v>
      </c>
      <c r="F18650" s="7">
        <v>38657</v>
      </c>
      <c r="G18650" s="8">
        <v>1</v>
      </c>
      <c r="H18650" s="8">
        <v>1</v>
      </c>
      <c r="I18650" s="8">
        <v>0</v>
      </c>
      <c r="J18650" s="8">
        <v>1</v>
      </c>
      <c r="K18650" s="9">
        <v>44</v>
      </c>
      <c r="L18650" s="6" t="s">
        <v>4151</v>
      </c>
    </row>
    <row r="18651" spans="1:12">
      <c r="A18651" s="6" t="s">
        <v>18649</v>
      </c>
      <c r="B18651" s="6"/>
      <c r="C18651" s="6" t="s">
        <v>18684</v>
      </c>
      <c r="D18651" s="6"/>
      <c r="E18651" s="6" t="s">
        <v>9</v>
      </c>
      <c r="F18651" s="7">
        <v>38657</v>
      </c>
      <c r="G18651" s="8">
        <v>1</v>
      </c>
      <c r="H18651" s="8">
        <v>1</v>
      </c>
      <c r="I18651" s="8">
        <v>0</v>
      </c>
      <c r="J18651" s="8">
        <v>1</v>
      </c>
      <c r="K18651" s="9">
        <v>56</v>
      </c>
      <c r="L18651" s="6" t="s">
        <v>4151</v>
      </c>
    </row>
    <row r="18652" spans="1:12">
      <c r="A18652" s="6" t="s">
        <v>18649</v>
      </c>
      <c r="B18652" s="6"/>
      <c r="C18652" s="6" t="s">
        <v>18685</v>
      </c>
      <c r="D18652" s="6"/>
      <c r="E18652" s="6" t="s">
        <v>9</v>
      </c>
      <c r="F18652" s="7">
        <v>38657</v>
      </c>
      <c r="G18652" s="8">
        <v>1</v>
      </c>
      <c r="H18652" s="8">
        <v>1</v>
      </c>
      <c r="I18652" s="8">
        <v>0</v>
      </c>
      <c r="J18652" s="8">
        <v>1</v>
      </c>
      <c r="K18652" s="9">
        <v>8.2100000000000009</v>
      </c>
      <c r="L18652" s="6" t="s">
        <v>4151</v>
      </c>
    </row>
    <row r="18653" spans="1:12">
      <c r="A18653" s="6" t="s">
        <v>18649</v>
      </c>
      <c r="B18653" s="6"/>
      <c r="C18653" s="6" t="s">
        <v>18686</v>
      </c>
      <c r="D18653" s="6"/>
      <c r="E18653" s="6" t="s">
        <v>9</v>
      </c>
      <c r="F18653" s="7">
        <v>38657</v>
      </c>
      <c r="G18653" s="8">
        <v>1</v>
      </c>
      <c r="H18653" s="8">
        <v>1</v>
      </c>
      <c r="I18653" s="8">
        <v>0</v>
      </c>
      <c r="J18653" s="8">
        <v>1</v>
      </c>
      <c r="K18653" s="9">
        <v>41</v>
      </c>
      <c r="L18653" s="6" t="s">
        <v>4151</v>
      </c>
    </row>
    <row r="18654" spans="1:12">
      <c r="A18654" s="6" t="s">
        <v>18649</v>
      </c>
      <c r="B18654" s="6"/>
      <c r="C18654" s="6" t="s">
        <v>18687</v>
      </c>
      <c r="D18654" s="6"/>
      <c r="E18654" s="6" t="s">
        <v>9</v>
      </c>
      <c r="F18654" s="7">
        <v>38657</v>
      </c>
      <c r="G18654" s="8">
        <v>1</v>
      </c>
      <c r="H18654" s="8">
        <v>1</v>
      </c>
      <c r="I18654" s="8">
        <v>0</v>
      </c>
      <c r="J18654" s="8">
        <v>1</v>
      </c>
      <c r="K18654" s="9">
        <v>40</v>
      </c>
      <c r="L18654" s="6" t="s">
        <v>4151</v>
      </c>
    </row>
    <row r="18655" spans="1:12">
      <c r="A18655" s="6" t="s">
        <v>18649</v>
      </c>
      <c r="B18655" s="6"/>
      <c r="C18655" s="6" t="s">
        <v>18688</v>
      </c>
      <c r="D18655" s="6"/>
      <c r="E18655" s="6" t="s">
        <v>9</v>
      </c>
      <c r="F18655" s="7">
        <v>38657</v>
      </c>
      <c r="G18655" s="8">
        <v>1</v>
      </c>
      <c r="H18655" s="8">
        <v>1</v>
      </c>
      <c r="I18655" s="8">
        <v>0</v>
      </c>
      <c r="J18655" s="8">
        <v>1</v>
      </c>
      <c r="K18655" s="9">
        <v>14</v>
      </c>
      <c r="L18655" s="6" t="s">
        <v>4151</v>
      </c>
    </row>
    <row r="18656" spans="1:12">
      <c r="A18656" s="6" t="s">
        <v>18649</v>
      </c>
      <c r="B18656" s="6"/>
      <c r="C18656" s="6" t="s">
        <v>18689</v>
      </c>
      <c r="D18656" s="6"/>
      <c r="E18656" s="6" t="s">
        <v>9</v>
      </c>
      <c r="F18656" s="7">
        <v>38657</v>
      </c>
      <c r="G18656" s="8">
        <v>1</v>
      </c>
      <c r="H18656" s="8">
        <v>1</v>
      </c>
      <c r="I18656" s="8">
        <v>0</v>
      </c>
      <c r="J18656" s="8">
        <v>1</v>
      </c>
      <c r="K18656" s="9">
        <v>8.6999999999999904</v>
      </c>
      <c r="L18656" s="6" t="s">
        <v>4151</v>
      </c>
    </row>
    <row r="18657" spans="1:12">
      <c r="A18657" s="6" t="s">
        <v>18649</v>
      </c>
      <c r="B18657" s="6"/>
      <c r="C18657" s="6" t="s">
        <v>18690</v>
      </c>
      <c r="D18657" s="6"/>
      <c r="E18657" s="6" t="s">
        <v>9</v>
      </c>
      <c r="F18657" s="7">
        <v>38657</v>
      </c>
      <c r="G18657" s="8">
        <v>1</v>
      </c>
      <c r="H18657" s="8">
        <v>1</v>
      </c>
      <c r="I18657" s="8">
        <v>0</v>
      </c>
      <c r="J18657" s="8">
        <v>1</v>
      </c>
      <c r="K18657" s="9">
        <v>16</v>
      </c>
      <c r="L18657" s="6" t="s">
        <v>4151</v>
      </c>
    </row>
    <row r="18658" spans="1:12">
      <c r="A18658" s="6" t="s">
        <v>18649</v>
      </c>
      <c r="B18658" s="6"/>
      <c r="C18658" s="6" t="s">
        <v>18691</v>
      </c>
      <c r="D18658" s="6"/>
      <c r="E18658" s="6" t="s">
        <v>9</v>
      </c>
      <c r="F18658" s="7">
        <v>38657</v>
      </c>
      <c r="G18658" s="8">
        <v>1</v>
      </c>
      <c r="H18658" s="8">
        <v>1</v>
      </c>
      <c r="I18658" s="8">
        <v>0</v>
      </c>
      <c r="J18658" s="8">
        <v>1</v>
      </c>
      <c r="K18658" s="9">
        <v>0.48</v>
      </c>
      <c r="L18658" s="6" t="s">
        <v>4151</v>
      </c>
    </row>
    <row r="18659" spans="1:12">
      <c r="A18659" s="6" t="s">
        <v>18649</v>
      </c>
      <c r="B18659" s="6"/>
      <c r="C18659" s="6" t="s">
        <v>18692</v>
      </c>
      <c r="D18659" s="6"/>
      <c r="E18659" s="6" t="s">
        <v>9</v>
      </c>
      <c r="F18659" s="7">
        <v>38657</v>
      </c>
      <c r="G18659" s="8">
        <v>1</v>
      </c>
      <c r="H18659" s="8">
        <v>1</v>
      </c>
      <c r="I18659" s="8">
        <v>0</v>
      </c>
      <c r="J18659" s="8">
        <v>1</v>
      </c>
      <c r="K18659" s="9">
        <v>5.67</v>
      </c>
      <c r="L18659" s="6" t="s">
        <v>4151</v>
      </c>
    </row>
    <row r="18660" spans="1:12">
      <c r="A18660" s="6" t="s">
        <v>18649</v>
      </c>
      <c r="B18660" s="6"/>
      <c r="C18660" s="6" t="s">
        <v>18693</v>
      </c>
      <c r="D18660" s="6"/>
      <c r="E18660" s="6" t="s">
        <v>9</v>
      </c>
      <c r="F18660" s="7">
        <v>38657</v>
      </c>
      <c r="G18660" s="8">
        <v>1</v>
      </c>
      <c r="H18660" s="8">
        <v>1</v>
      </c>
      <c r="I18660" s="8">
        <v>0</v>
      </c>
      <c r="J18660" s="8">
        <v>1</v>
      </c>
      <c r="K18660" s="9">
        <v>59</v>
      </c>
      <c r="L18660" s="6" t="s">
        <v>4151</v>
      </c>
    </row>
    <row r="18661" spans="1:12">
      <c r="A18661" s="6" t="s">
        <v>18649</v>
      </c>
      <c r="B18661" s="6"/>
      <c r="C18661" s="6" t="s">
        <v>18694</v>
      </c>
      <c r="D18661" s="6"/>
      <c r="E18661" s="6" t="s">
        <v>9</v>
      </c>
      <c r="F18661" s="7">
        <v>38657</v>
      </c>
      <c r="G18661" s="8">
        <v>1</v>
      </c>
      <c r="H18661" s="8">
        <v>1</v>
      </c>
      <c r="I18661" s="8">
        <v>0</v>
      </c>
      <c r="J18661" s="8">
        <v>1</v>
      </c>
      <c r="K18661" s="9">
        <v>0.8</v>
      </c>
      <c r="L18661" s="6" t="s">
        <v>4151</v>
      </c>
    </row>
    <row r="18662" spans="1:12">
      <c r="A18662" s="6" t="s">
        <v>18649</v>
      </c>
      <c r="B18662" s="6"/>
      <c r="C18662" s="6" t="s">
        <v>18695</v>
      </c>
      <c r="D18662" s="6"/>
      <c r="E18662" s="6" t="s">
        <v>9</v>
      </c>
      <c r="F18662" s="7">
        <v>38657</v>
      </c>
      <c r="G18662" s="8">
        <v>1</v>
      </c>
      <c r="H18662" s="8">
        <v>1</v>
      </c>
      <c r="I18662" s="8">
        <v>0</v>
      </c>
      <c r="J18662" s="8">
        <v>1</v>
      </c>
      <c r="K18662" s="9">
        <v>5.34</v>
      </c>
      <c r="L18662" s="6" t="s">
        <v>4151</v>
      </c>
    </row>
    <row r="18663" spans="1:12">
      <c r="A18663" s="6" t="s">
        <v>18649</v>
      </c>
      <c r="B18663" s="6"/>
      <c r="C18663" s="6" t="s">
        <v>18696</v>
      </c>
      <c r="D18663" s="6"/>
      <c r="E18663" s="6" t="s">
        <v>9</v>
      </c>
      <c r="F18663" s="7">
        <v>38657</v>
      </c>
      <c r="G18663" s="8">
        <v>1</v>
      </c>
      <c r="H18663" s="8">
        <v>1</v>
      </c>
      <c r="I18663" s="8">
        <v>0</v>
      </c>
      <c r="J18663" s="8">
        <v>1</v>
      </c>
      <c r="K18663" s="9">
        <v>30</v>
      </c>
      <c r="L18663" s="6" t="s">
        <v>4151</v>
      </c>
    </row>
    <row r="18664" spans="1:12">
      <c r="A18664" s="6" t="s">
        <v>18649</v>
      </c>
      <c r="B18664" s="6"/>
      <c r="C18664" s="6" t="s">
        <v>18697</v>
      </c>
      <c r="D18664" s="6"/>
      <c r="E18664" s="6" t="s">
        <v>9</v>
      </c>
      <c r="F18664" s="7">
        <v>38657</v>
      </c>
      <c r="G18664" s="8">
        <v>1</v>
      </c>
      <c r="H18664" s="8">
        <v>1</v>
      </c>
      <c r="I18664" s="8">
        <v>0</v>
      </c>
      <c r="J18664" s="8">
        <v>1</v>
      </c>
      <c r="K18664" s="9">
        <v>1.62</v>
      </c>
      <c r="L18664" s="6" t="s">
        <v>4151</v>
      </c>
    </row>
    <row r="18665" spans="1:12">
      <c r="A18665" s="6" t="s">
        <v>18649</v>
      </c>
      <c r="B18665" s="6"/>
      <c r="C18665" s="6" t="s">
        <v>18698</v>
      </c>
      <c r="D18665" s="6"/>
      <c r="E18665" s="6" t="s">
        <v>9</v>
      </c>
      <c r="F18665" s="7">
        <v>38657</v>
      </c>
      <c r="G18665" s="8">
        <v>1</v>
      </c>
      <c r="H18665" s="8">
        <v>1</v>
      </c>
      <c r="I18665" s="8">
        <v>0</v>
      </c>
      <c r="J18665" s="8">
        <v>1</v>
      </c>
      <c r="K18665" s="9">
        <v>0.36</v>
      </c>
      <c r="L18665" s="6" t="s">
        <v>4151</v>
      </c>
    </row>
    <row r="18666" spans="1:12">
      <c r="A18666" s="6" t="s">
        <v>18649</v>
      </c>
      <c r="B18666" s="6"/>
      <c r="C18666" s="6" t="s">
        <v>18699</v>
      </c>
      <c r="D18666" s="6"/>
      <c r="E18666" s="6" t="s">
        <v>9</v>
      </c>
      <c r="F18666" s="7">
        <v>38657</v>
      </c>
      <c r="G18666" s="8">
        <v>1</v>
      </c>
      <c r="H18666" s="8">
        <v>1</v>
      </c>
      <c r="I18666" s="8">
        <v>0</v>
      </c>
      <c r="J18666" s="8">
        <v>1</v>
      </c>
      <c r="K18666" s="9">
        <v>20</v>
      </c>
      <c r="L18666" s="6" t="s">
        <v>4151</v>
      </c>
    </row>
    <row r="18667" spans="1:12">
      <c r="A18667" s="6" t="s">
        <v>18649</v>
      </c>
      <c r="B18667" s="6"/>
      <c r="C18667" s="6" t="s">
        <v>18700</v>
      </c>
      <c r="D18667" s="6"/>
      <c r="E18667" s="6" t="s">
        <v>9</v>
      </c>
      <c r="F18667" s="7">
        <v>38657</v>
      </c>
      <c r="G18667" s="8">
        <v>1</v>
      </c>
      <c r="H18667" s="8">
        <v>1</v>
      </c>
      <c r="I18667" s="8">
        <v>0</v>
      </c>
      <c r="J18667" s="8">
        <v>1</v>
      </c>
      <c r="K18667" s="9">
        <v>3.15</v>
      </c>
      <c r="L18667" s="6" t="s">
        <v>4151</v>
      </c>
    </row>
    <row r="18668" spans="1:12">
      <c r="A18668" s="6" t="s">
        <v>18649</v>
      </c>
      <c r="B18668" s="6"/>
      <c r="C18668" s="6" t="s">
        <v>18701</v>
      </c>
      <c r="D18668" s="6"/>
      <c r="E18668" s="6" t="s">
        <v>9</v>
      </c>
      <c r="F18668" s="7">
        <v>38657</v>
      </c>
      <c r="G18668" s="8">
        <v>1</v>
      </c>
      <c r="H18668" s="8">
        <v>1</v>
      </c>
      <c r="I18668" s="8">
        <v>0</v>
      </c>
      <c r="J18668" s="8">
        <v>1</v>
      </c>
      <c r="K18668" s="9">
        <v>1.04</v>
      </c>
      <c r="L18668" s="6" t="s">
        <v>4151</v>
      </c>
    </row>
    <row r="18669" spans="1:12">
      <c r="A18669" s="6" t="s">
        <v>18649</v>
      </c>
      <c r="B18669" s="6"/>
      <c r="C18669" s="6" t="s">
        <v>18702</v>
      </c>
      <c r="D18669" s="6"/>
      <c r="E18669" s="6" t="s">
        <v>9</v>
      </c>
      <c r="F18669" s="7">
        <v>38657</v>
      </c>
      <c r="G18669" s="8">
        <v>1</v>
      </c>
      <c r="H18669" s="8">
        <v>1</v>
      </c>
      <c r="I18669" s="8">
        <v>0</v>
      </c>
      <c r="J18669" s="8">
        <v>1</v>
      </c>
      <c r="K18669" s="9">
        <v>36</v>
      </c>
      <c r="L18669" s="6" t="s">
        <v>4151</v>
      </c>
    </row>
    <row r="18670" spans="1:12">
      <c r="A18670" s="6" t="s">
        <v>18649</v>
      </c>
      <c r="B18670" s="6"/>
      <c r="C18670" s="6" t="s">
        <v>18703</v>
      </c>
      <c r="D18670" s="6"/>
      <c r="E18670" s="6" t="s">
        <v>9</v>
      </c>
      <c r="F18670" s="7">
        <v>38657</v>
      </c>
      <c r="G18670" s="8">
        <v>1</v>
      </c>
      <c r="H18670" s="8">
        <v>1</v>
      </c>
      <c r="I18670" s="8">
        <v>0</v>
      </c>
      <c r="J18670" s="8">
        <v>1</v>
      </c>
      <c r="K18670" s="9">
        <v>8.77</v>
      </c>
      <c r="L18670" s="6" t="s">
        <v>4151</v>
      </c>
    </row>
    <row r="18671" spans="1:12">
      <c r="A18671" s="6" t="s">
        <v>18649</v>
      </c>
      <c r="B18671" s="6"/>
      <c r="C18671" s="6" t="s">
        <v>18704</v>
      </c>
      <c r="D18671" s="6"/>
      <c r="E18671" s="6" t="s">
        <v>9</v>
      </c>
      <c r="F18671" s="7">
        <v>38657</v>
      </c>
      <c r="G18671" s="8">
        <v>1</v>
      </c>
      <c r="H18671" s="8">
        <v>1</v>
      </c>
      <c r="I18671" s="8">
        <v>0</v>
      </c>
      <c r="J18671" s="8">
        <v>1</v>
      </c>
      <c r="K18671" s="9">
        <v>52</v>
      </c>
      <c r="L18671" s="6" t="s">
        <v>4151</v>
      </c>
    </row>
    <row r="18672" spans="1:12">
      <c r="A18672" s="6" t="s">
        <v>18649</v>
      </c>
      <c r="B18672" s="6"/>
      <c r="C18672" s="6" t="s">
        <v>18705</v>
      </c>
      <c r="D18672" s="6"/>
      <c r="E18672" s="6" t="s">
        <v>9</v>
      </c>
      <c r="F18672" s="7">
        <v>38657</v>
      </c>
      <c r="G18672" s="8">
        <v>1</v>
      </c>
      <c r="H18672" s="8">
        <v>1</v>
      </c>
      <c r="I18672" s="8">
        <v>0</v>
      </c>
      <c r="J18672" s="8">
        <v>1</v>
      </c>
      <c r="K18672" s="9">
        <v>48</v>
      </c>
      <c r="L18672" s="6" t="s">
        <v>4151</v>
      </c>
    </row>
    <row r="18673" spans="1:12">
      <c r="A18673" s="6" t="s">
        <v>18649</v>
      </c>
      <c r="B18673" s="6"/>
      <c r="C18673" s="6" t="s">
        <v>18706</v>
      </c>
      <c r="D18673" s="6"/>
      <c r="E18673" s="6" t="s">
        <v>9</v>
      </c>
      <c r="F18673" s="7">
        <v>38657</v>
      </c>
      <c r="G18673" s="8">
        <v>1</v>
      </c>
      <c r="H18673" s="8">
        <v>1</v>
      </c>
      <c r="I18673" s="8">
        <v>0</v>
      </c>
      <c r="J18673" s="8">
        <v>1</v>
      </c>
      <c r="K18673" s="9">
        <v>75</v>
      </c>
      <c r="L18673" s="6" t="s">
        <v>4151</v>
      </c>
    </row>
    <row r="18674" spans="1:12">
      <c r="A18674" s="6" t="s">
        <v>18649</v>
      </c>
      <c r="B18674" s="6"/>
      <c r="C18674" s="6" t="s">
        <v>18707</v>
      </c>
      <c r="D18674" s="6"/>
      <c r="E18674" s="6" t="s">
        <v>9</v>
      </c>
      <c r="F18674" s="7">
        <v>38657</v>
      </c>
      <c r="G18674" s="8">
        <v>1</v>
      </c>
      <c r="H18674" s="8">
        <v>1</v>
      </c>
      <c r="I18674" s="8">
        <v>0</v>
      </c>
      <c r="J18674" s="8">
        <v>1</v>
      </c>
      <c r="K18674" s="9">
        <v>0.21</v>
      </c>
      <c r="L18674" s="6" t="s">
        <v>4151</v>
      </c>
    </row>
    <row r="18675" spans="1:12">
      <c r="A18675" s="6" t="s">
        <v>18649</v>
      </c>
      <c r="B18675" s="6"/>
      <c r="C18675" s="6" t="s">
        <v>18708</v>
      </c>
      <c r="D18675" s="6"/>
      <c r="E18675" s="6" t="s">
        <v>9</v>
      </c>
      <c r="F18675" s="7">
        <v>38657</v>
      </c>
      <c r="G18675" s="8">
        <v>1</v>
      </c>
      <c r="H18675" s="8">
        <v>1</v>
      </c>
      <c r="I18675" s="8">
        <v>0</v>
      </c>
      <c r="J18675" s="8">
        <v>1</v>
      </c>
      <c r="K18675" s="9">
        <v>66</v>
      </c>
      <c r="L18675" s="6" t="s">
        <v>4151</v>
      </c>
    </row>
    <row r="18676" spans="1:12">
      <c r="A18676" s="6" t="s">
        <v>18649</v>
      </c>
      <c r="B18676" s="6"/>
      <c r="C18676" s="6" t="s">
        <v>18709</v>
      </c>
      <c r="D18676" s="6"/>
      <c r="E18676" s="6" t="s">
        <v>9</v>
      </c>
      <c r="F18676" s="7">
        <v>38657</v>
      </c>
      <c r="G18676" s="8">
        <v>1</v>
      </c>
      <c r="H18676" s="8">
        <v>1</v>
      </c>
      <c r="I18676" s="8">
        <v>0</v>
      </c>
      <c r="J18676" s="8">
        <v>1</v>
      </c>
      <c r="K18676" s="9">
        <v>44</v>
      </c>
      <c r="L18676" s="6" t="s">
        <v>4151</v>
      </c>
    </row>
    <row r="18677" spans="1:12">
      <c r="A18677" s="6" t="s">
        <v>18649</v>
      </c>
      <c r="B18677" s="6"/>
      <c r="C18677" s="6" t="s">
        <v>18710</v>
      </c>
      <c r="D18677" s="6"/>
      <c r="E18677" s="6" t="s">
        <v>9</v>
      </c>
      <c r="F18677" s="7">
        <v>38657</v>
      </c>
      <c r="G18677" s="8">
        <v>1</v>
      </c>
      <c r="H18677" s="8">
        <v>1</v>
      </c>
      <c r="I18677" s="8">
        <v>0</v>
      </c>
      <c r="J18677" s="8">
        <v>1</v>
      </c>
      <c r="K18677" s="9">
        <v>8.84</v>
      </c>
      <c r="L18677" s="6" t="s">
        <v>4151</v>
      </c>
    </row>
    <row r="18678" spans="1:12">
      <c r="A18678" s="6" t="s">
        <v>18649</v>
      </c>
      <c r="B18678" s="6"/>
      <c r="C18678" s="6" t="s">
        <v>18711</v>
      </c>
      <c r="D18678" s="6"/>
      <c r="E18678" s="6" t="s">
        <v>9</v>
      </c>
      <c r="F18678" s="7">
        <v>38657</v>
      </c>
      <c r="G18678" s="8">
        <v>1</v>
      </c>
      <c r="H18678" s="8">
        <v>1</v>
      </c>
      <c r="I18678" s="8">
        <v>0</v>
      </c>
      <c r="J18678" s="8">
        <v>1</v>
      </c>
      <c r="K18678" s="9">
        <v>13</v>
      </c>
      <c r="L18678" s="6" t="s">
        <v>4151</v>
      </c>
    </row>
    <row r="18679" spans="1:12">
      <c r="A18679" s="6" t="s">
        <v>18649</v>
      </c>
      <c r="B18679" s="6"/>
      <c r="C18679" s="6" t="s">
        <v>18712</v>
      </c>
      <c r="D18679" s="6"/>
      <c r="E18679" s="6" t="s">
        <v>9</v>
      </c>
      <c r="F18679" s="7">
        <v>38657</v>
      </c>
      <c r="G18679" s="8">
        <v>1</v>
      </c>
      <c r="H18679" s="8">
        <v>1</v>
      </c>
      <c r="I18679" s="8">
        <v>0</v>
      </c>
      <c r="J18679" s="8">
        <v>1</v>
      </c>
      <c r="K18679" s="9">
        <v>10610</v>
      </c>
      <c r="L18679" s="6" t="s">
        <v>4151</v>
      </c>
    </row>
    <row r="18680" spans="1:12">
      <c r="A18680" s="6" t="s">
        <v>18649</v>
      </c>
      <c r="B18680" s="6"/>
      <c r="C18680" s="6" t="s">
        <v>18713</v>
      </c>
      <c r="D18680" s="6"/>
      <c r="E18680" s="6" t="s">
        <v>9</v>
      </c>
      <c r="F18680" s="7">
        <v>38657</v>
      </c>
      <c r="G18680" s="8">
        <v>1</v>
      </c>
      <c r="H18680" s="8">
        <v>1</v>
      </c>
      <c r="I18680" s="8">
        <v>0</v>
      </c>
      <c r="J18680" s="8">
        <v>1</v>
      </c>
      <c r="K18680" s="9">
        <v>242</v>
      </c>
      <c r="L18680" s="6" t="s">
        <v>4151</v>
      </c>
    </row>
    <row r="18681" spans="1:12">
      <c r="A18681" s="6" t="s">
        <v>18649</v>
      </c>
      <c r="B18681" s="6"/>
      <c r="C18681" s="6" t="s">
        <v>18714</v>
      </c>
      <c r="D18681" s="6"/>
      <c r="E18681" s="6" t="s">
        <v>9</v>
      </c>
      <c r="F18681" s="7">
        <v>38657</v>
      </c>
      <c r="G18681" s="8">
        <v>1</v>
      </c>
      <c r="H18681" s="8">
        <v>1</v>
      </c>
      <c r="I18681" s="8">
        <v>0</v>
      </c>
      <c r="J18681" s="8">
        <v>1</v>
      </c>
      <c r="K18681" s="9">
        <v>117</v>
      </c>
      <c r="L18681" s="6" t="s">
        <v>4151</v>
      </c>
    </row>
    <row r="18682" spans="1:12">
      <c r="A18682" s="6" t="s">
        <v>18649</v>
      </c>
      <c r="B18682" s="6"/>
      <c r="C18682" s="6" t="s">
        <v>18715</v>
      </c>
      <c r="D18682" s="6"/>
      <c r="E18682" s="6" t="s">
        <v>9</v>
      </c>
      <c r="F18682" s="7">
        <v>38657</v>
      </c>
      <c r="G18682" s="8">
        <v>1</v>
      </c>
      <c r="H18682" s="8">
        <v>1</v>
      </c>
      <c r="I18682" s="8">
        <v>0</v>
      </c>
      <c r="J18682" s="8">
        <v>1</v>
      </c>
      <c r="K18682" s="9">
        <v>9.91</v>
      </c>
      <c r="L18682" s="6" t="s">
        <v>4151</v>
      </c>
    </row>
    <row r="18683" spans="1:12">
      <c r="A18683" s="6" t="s">
        <v>18649</v>
      </c>
      <c r="B18683" s="6"/>
      <c r="C18683" s="6" t="s">
        <v>18716</v>
      </c>
      <c r="D18683" s="6"/>
      <c r="E18683" s="6" t="s">
        <v>9</v>
      </c>
      <c r="F18683" s="7">
        <v>38657</v>
      </c>
      <c r="G18683" s="8">
        <v>1</v>
      </c>
      <c r="H18683" s="8">
        <v>1</v>
      </c>
      <c r="I18683" s="8">
        <v>0</v>
      </c>
      <c r="J18683" s="8">
        <v>1</v>
      </c>
      <c r="K18683" s="9">
        <v>39</v>
      </c>
      <c r="L18683" s="6" t="s">
        <v>4151</v>
      </c>
    </row>
    <row r="18684" spans="1:12">
      <c r="A18684" s="6" t="s">
        <v>18649</v>
      </c>
      <c r="B18684" s="6"/>
      <c r="C18684" s="6" t="s">
        <v>18717</v>
      </c>
      <c r="D18684" s="6"/>
      <c r="E18684" s="6" t="s">
        <v>9</v>
      </c>
      <c r="F18684" s="7">
        <v>38657</v>
      </c>
      <c r="G18684" s="8">
        <v>1</v>
      </c>
      <c r="H18684" s="8">
        <v>1</v>
      </c>
      <c r="I18684" s="8">
        <v>0</v>
      </c>
      <c r="J18684" s="8">
        <v>1</v>
      </c>
      <c r="K18684" s="9">
        <v>34</v>
      </c>
      <c r="L18684" s="6" t="s">
        <v>4151</v>
      </c>
    </row>
    <row r="18685" spans="1:12">
      <c r="A18685" s="6" t="s">
        <v>18649</v>
      </c>
      <c r="B18685" s="6"/>
      <c r="C18685" s="6" t="s">
        <v>18718</v>
      </c>
      <c r="D18685" s="6"/>
      <c r="E18685" s="6" t="s">
        <v>9</v>
      </c>
      <c r="F18685" s="7">
        <v>38657</v>
      </c>
      <c r="G18685" s="8">
        <v>1</v>
      </c>
      <c r="H18685" s="8">
        <v>1</v>
      </c>
      <c r="I18685" s="8">
        <v>0</v>
      </c>
      <c r="J18685" s="8">
        <v>1</v>
      </c>
      <c r="K18685" s="9">
        <v>14</v>
      </c>
      <c r="L18685" s="6" t="s">
        <v>4151</v>
      </c>
    </row>
    <row r="18686" spans="1:12">
      <c r="A18686" s="6" t="s">
        <v>18649</v>
      </c>
      <c r="B18686" s="6"/>
      <c r="C18686" s="6" t="s">
        <v>18719</v>
      </c>
      <c r="D18686" s="6"/>
      <c r="E18686" s="6" t="s">
        <v>9</v>
      </c>
      <c r="F18686" s="7">
        <v>38657</v>
      </c>
      <c r="G18686" s="8">
        <v>1</v>
      </c>
      <c r="H18686" s="8">
        <v>1</v>
      </c>
      <c r="I18686" s="8">
        <v>0</v>
      </c>
      <c r="J18686" s="8">
        <v>1</v>
      </c>
      <c r="K18686" s="9">
        <v>98</v>
      </c>
      <c r="L18686" s="6" t="s">
        <v>4151</v>
      </c>
    </row>
    <row r="18687" spans="1:12">
      <c r="A18687" s="6" t="s">
        <v>18649</v>
      </c>
      <c r="B18687" s="6"/>
      <c r="C18687" s="6" t="s">
        <v>18720</v>
      </c>
      <c r="D18687" s="6"/>
      <c r="E18687" s="6" t="s">
        <v>9</v>
      </c>
      <c r="F18687" s="7">
        <v>38657</v>
      </c>
      <c r="G18687" s="8">
        <v>1</v>
      </c>
      <c r="H18687" s="8">
        <v>1</v>
      </c>
      <c r="I18687" s="8">
        <v>0</v>
      </c>
      <c r="J18687" s="8">
        <v>1</v>
      </c>
      <c r="K18687" s="9">
        <v>85</v>
      </c>
      <c r="L18687" s="6" t="s">
        <v>4151</v>
      </c>
    </row>
    <row r="18688" spans="1:12">
      <c r="A18688" s="6" t="s">
        <v>18649</v>
      </c>
      <c r="B18688" s="6"/>
      <c r="C18688" s="6" t="s">
        <v>18721</v>
      </c>
      <c r="D18688" s="6"/>
      <c r="E18688" s="6" t="s">
        <v>9</v>
      </c>
      <c r="F18688" s="7">
        <v>38657</v>
      </c>
      <c r="G18688" s="8">
        <v>1</v>
      </c>
      <c r="H18688" s="8">
        <v>1</v>
      </c>
      <c r="I18688" s="8">
        <v>0</v>
      </c>
      <c r="J18688" s="8">
        <v>1</v>
      </c>
      <c r="K18688" s="9">
        <v>53</v>
      </c>
      <c r="L18688" s="6" t="s">
        <v>4151</v>
      </c>
    </row>
    <row r="18689" spans="1:12">
      <c r="A18689" s="6" t="s">
        <v>18649</v>
      </c>
      <c r="B18689" s="6"/>
      <c r="C18689" s="6" t="s">
        <v>18722</v>
      </c>
      <c r="D18689" s="6"/>
      <c r="E18689" s="6" t="s">
        <v>9</v>
      </c>
      <c r="F18689" s="7">
        <v>38657</v>
      </c>
      <c r="G18689" s="8">
        <v>1</v>
      </c>
      <c r="H18689" s="8">
        <v>1</v>
      </c>
      <c r="I18689" s="8">
        <v>0</v>
      </c>
      <c r="J18689" s="8">
        <v>1</v>
      </c>
      <c r="K18689" s="9">
        <v>73</v>
      </c>
      <c r="L18689" s="6" t="s">
        <v>4151</v>
      </c>
    </row>
    <row r="18690" spans="1:12">
      <c r="A18690" s="6" t="s">
        <v>18649</v>
      </c>
      <c r="B18690" s="6"/>
      <c r="C18690" s="6" t="s">
        <v>18723</v>
      </c>
      <c r="D18690" s="6"/>
      <c r="E18690" s="6" t="s">
        <v>9</v>
      </c>
      <c r="F18690" s="7">
        <v>38657</v>
      </c>
      <c r="G18690" s="8">
        <v>1</v>
      </c>
      <c r="H18690" s="8">
        <v>1</v>
      </c>
      <c r="I18690" s="8">
        <v>0</v>
      </c>
      <c r="J18690" s="8">
        <v>1</v>
      </c>
      <c r="K18690" s="9">
        <v>240</v>
      </c>
      <c r="L18690" s="6" t="s">
        <v>4151</v>
      </c>
    </row>
    <row r="18691" spans="1:12">
      <c r="A18691" s="6" t="s">
        <v>18649</v>
      </c>
      <c r="B18691" s="6"/>
      <c r="C18691" s="6" t="s">
        <v>18724</v>
      </c>
      <c r="D18691" s="6"/>
      <c r="E18691" s="6" t="s">
        <v>9</v>
      </c>
      <c r="F18691" s="7">
        <v>38657</v>
      </c>
      <c r="G18691" s="8">
        <v>1</v>
      </c>
      <c r="H18691" s="8">
        <v>1</v>
      </c>
      <c r="I18691" s="8">
        <v>0</v>
      </c>
      <c r="J18691" s="8">
        <v>1</v>
      </c>
      <c r="K18691" s="9">
        <v>235</v>
      </c>
      <c r="L18691" s="6" t="s">
        <v>4151</v>
      </c>
    </row>
    <row r="18692" spans="1:12">
      <c r="A18692" s="6" t="s">
        <v>18649</v>
      </c>
      <c r="B18692" s="6"/>
      <c r="C18692" s="6" t="s">
        <v>18725</v>
      </c>
      <c r="D18692" s="6"/>
      <c r="E18692" s="6" t="s">
        <v>9</v>
      </c>
      <c r="F18692" s="7">
        <v>38657</v>
      </c>
      <c r="G18692" s="8">
        <v>1</v>
      </c>
      <c r="H18692" s="8">
        <v>1</v>
      </c>
      <c r="I18692" s="8">
        <v>0</v>
      </c>
      <c r="J18692" s="8">
        <v>1</v>
      </c>
      <c r="K18692" s="9">
        <v>91</v>
      </c>
      <c r="L18692" s="6" t="s">
        <v>4151</v>
      </c>
    </row>
    <row r="18693" spans="1:12">
      <c r="A18693" s="6" t="s">
        <v>18649</v>
      </c>
      <c r="B18693" s="6"/>
      <c r="C18693" s="6" t="s">
        <v>18726</v>
      </c>
      <c r="D18693" s="6"/>
      <c r="E18693" s="6" t="s">
        <v>9</v>
      </c>
      <c r="F18693" s="7">
        <v>38657</v>
      </c>
      <c r="G18693" s="8">
        <v>1</v>
      </c>
      <c r="H18693" s="8">
        <v>1</v>
      </c>
      <c r="I18693" s="8">
        <v>0</v>
      </c>
      <c r="J18693" s="8">
        <v>1</v>
      </c>
      <c r="K18693" s="9">
        <v>6.61</v>
      </c>
      <c r="L18693" s="6" t="s">
        <v>4151</v>
      </c>
    </row>
    <row r="18694" spans="1:12">
      <c r="A18694" s="6" t="s">
        <v>18649</v>
      </c>
      <c r="B18694" s="6"/>
      <c r="C18694" s="6" t="s">
        <v>18727</v>
      </c>
      <c r="D18694" s="6"/>
      <c r="E18694" s="6" t="s">
        <v>9</v>
      </c>
      <c r="F18694" s="7">
        <v>38657</v>
      </c>
      <c r="G18694" s="8">
        <v>1</v>
      </c>
      <c r="H18694" s="8">
        <v>1</v>
      </c>
      <c r="I18694" s="8">
        <v>0</v>
      </c>
      <c r="J18694" s="8">
        <v>1</v>
      </c>
      <c r="K18694" s="9">
        <v>92</v>
      </c>
      <c r="L18694" s="6" t="s">
        <v>4151</v>
      </c>
    </row>
    <row r="18695" spans="1:12">
      <c r="A18695" s="6" t="s">
        <v>18649</v>
      </c>
      <c r="B18695" s="6"/>
      <c r="C18695" s="6" t="s">
        <v>18728</v>
      </c>
      <c r="D18695" s="6"/>
      <c r="E18695" s="6" t="s">
        <v>9</v>
      </c>
      <c r="F18695" s="7">
        <v>38657</v>
      </c>
      <c r="G18695" s="8">
        <v>1</v>
      </c>
      <c r="H18695" s="8">
        <v>1</v>
      </c>
      <c r="I18695" s="8">
        <v>0</v>
      </c>
      <c r="J18695" s="8">
        <v>1</v>
      </c>
      <c r="K18695" s="9">
        <v>136</v>
      </c>
      <c r="L18695" s="6" t="s">
        <v>4151</v>
      </c>
    </row>
    <row r="18696" spans="1:12">
      <c r="A18696" s="6" t="s">
        <v>18649</v>
      </c>
      <c r="B18696" s="6"/>
      <c r="C18696" s="6" t="s">
        <v>18729</v>
      </c>
      <c r="D18696" s="6"/>
      <c r="E18696" s="6" t="s">
        <v>9</v>
      </c>
      <c r="F18696" s="7">
        <v>38657</v>
      </c>
      <c r="G18696" s="8">
        <v>1</v>
      </c>
      <c r="H18696" s="8">
        <v>1</v>
      </c>
      <c r="I18696" s="8">
        <v>0</v>
      </c>
      <c r="J18696" s="8">
        <v>1</v>
      </c>
      <c r="K18696" s="9">
        <v>2451</v>
      </c>
      <c r="L18696" s="6" t="s">
        <v>4151</v>
      </c>
    </row>
    <row r="18697" spans="1:12">
      <c r="A18697" s="6" t="s">
        <v>18649</v>
      </c>
      <c r="B18697" s="6"/>
      <c r="C18697" s="6" t="s">
        <v>18730</v>
      </c>
      <c r="D18697" s="6"/>
      <c r="E18697" s="6" t="s">
        <v>9</v>
      </c>
      <c r="F18697" s="7">
        <v>38657</v>
      </c>
      <c r="G18697" s="8">
        <v>1</v>
      </c>
      <c r="H18697" s="8">
        <v>1</v>
      </c>
      <c r="I18697" s="8">
        <v>0</v>
      </c>
      <c r="J18697" s="8">
        <v>1</v>
      </c>
      <c r="K18697" s="9">
        <v>0.84</v>
      </c>
      <c r="L18697" s="6" t="s">
        <v>4151</v>
      </c>
    </row>
    <row r="18698" spans="1:12">
      <c r="A18698" s="6" t="s">
        <v>18649</v>
      </c>
      <c r="B18698" s="6"/>
      <c r="C18698" s="6" t="s">
        <v>18731</v>
      </c>
      <c r="D18698" s="6"/>
      <c r="E18698" s="6" t="s">
        <v>9</v>
      </c>
      <c r="F18698" s="7">
        <v>38657</v>
      </c>
      <c r="G18698" s="8">
        <v>1</v>
      </c>
      <c r="H18698" s="8">
        <v>1</v>
      </c>
      <c r="I18698" s="8">
        <v>0</v>
      </c>
      <c r="J18698" s="8">
        <v>1</v>
      </c>
      <c r="K18698" s="9">
        <v>4.3</v>
      </c>
      <c r="L18698" s="6" t="s">
        <v>4151</v>
      </c>
    </row>
    <row r="18699" spans="1:12">
      <c r="A18699" s="6" t="s">
        <v>18649</v>
      </c>
      <c r="B18699" s="6"/>
      <c r="C18699" s="6" t="s">
        <v>18732</v>
      </c>
      <c r="D18699" s="6"/>
      <c r="E18699" s="6" t="s">
        <v>9</v>
      </c>
      <c r="F18699" s="7">
        <v>38657</v>
      </c>
      <c r="G18699" s="8">
        <v>1</v>
      </c>
      <c r="H18699" s="8">
        <v>1</v>
      </c>
      <c r="I18699" s="8">
        <v>0</v>
      </c>
      <c r="J18699" s="8">
        <v>1</v>
      </c>
      <c r="K18699" s="9">
        <v>16</v>
      </c>
      <c r="L18699" s="6" t="s">
        <v>4151</v>
      </c>
    </row>
    <row r="18700" spans="1:12">
      <c r="A18700" s="6" t="s">
        <v>18649</v>
      </c>
      <c r="B18700" s="6"/>
      <c r="C18700" s="6" t="s">
        <v>18733</v>
      </c>
      <c r="D18700" s="6"/>
      <c r="E18700" s="6" t="s">
        <v>9</v>
      </c>
      <c r="F18700" s="7">
        <v>38657</v>
      </c>
      <c r="G18700" s="8">
        <v>1</v>
      </c>
      <c r="H18700" s="8">
        <v>1</v>
      </c>
      <c r="I18700" s="8">
        <v>0</v>
      </c>
      <c r="J18700" s="8">
        <v>1</v>
      </c>
      <c r="K18700" s="9">
        <v>23</v>
      </c>
      <c r="L18700" s="6" t="s">
        <v>4151</v>
      </c>
    </row>
    <row r="18701" spans="1:12">
      <c r="A18701" s="6" t="s">
        <v>18649</v>
      </c>
      <c r="B18701" s="6"/>
      <c r="C18701" s="6" t="s">
        <v>18734</v>
      </c>
      <c r="D18701" s="6"/>
      <c r="E18701" s="6" t="s">
        <v>9</v>
      </c>
      <c r="F18701" s="7">
        <v>38657</v>
      </c>
      <c r="G18701" s="8">
        <v>1</v>
      </c>
      <c r="H18701" s="8">
        <v>1</v>
      </c>
      <c r="I18701" s="8">
        <v>0</v>
      </c>
      <c r="J18701" s="8">
        <v>1</v>
      </c>
      <c r="K18701" s="9">
        <v>37</v>
      </c>
      <c r="L18701" s="6" t="s">
        <v>4151</v>
      </c>
    </row>
    <row r="18702" spans="1:12">
      <c r="A18702" s="6" t="s">
        <v>18649</v>
      </c>
      <c r="B18702" s="6"/>
      <c r="C18702" s="6" t="s">
        <v>18735</v>
      </c>
      <c r="D18702" s="6"/>
      <c r="E18702" s="6" t="s">
        <v>9</v>
      </c>
      <c r="F18702" s="7">
        <v>38657</v>
      </c>
      <c r="G18702" s="8">
        <v>1</v>
      </c>
      <c r="H18702" s="8">
        <v>1</v>
      </c>
      <c r="I18702" s="8">
        <v>0</v>
      </c>
      <c r="J18702" s="8">
        <v>1</v>
      </c>
      <c r="K18702" s="9">
        <v>6.6</v>
      </c>
      <c r="L18702" s="6" t="s">
        <v>4151</v>
      </c>
    </row>
    <row r="18703" spans="1:12">
      <c r="A18703" s="6" t="s">
        <v>18649</v>
      </c>
      <c r="B18703" s="6"/>
      <c r="C18703" s="6" t="s">
        <v>18736</v>
      </c>
      <c r="D18703" s="6"/>
      <c r="E18703" s="6" t="s">
        <v>9</v>
      </c>
      <c r="F18703" s="7">
        <v>38657</v>
      </c>
      <c r="G18703" s="8">
        <v>1</v>
      </c>
      <c r="H18703" s="8">
        <v>1</v>
      </c>
      <c r="I18703" s="8">
        <v>0</v>
      </c>
      <c r="J18703" s="8">
        <v>1</v>
      </c>
      <c r="K18703" s="9">
        <v>764</v>
      </c>
      <c r="L18703" s="6" t="s">
        <v>4151</v>
      </c>
    </row>
    <row r="18704" spans="1:12">
      <c r="A18704" s="6" t="s">
        <v>18649</v>
      </c>
      <c r="B18704" s="6"/>
      <c r="C18704" s="6" t="s">
        <v>18737</v>
      </c>
      <c r="D18704" s="6"/>
      <c r="E18704" s="6" t="s">
        <v>9</v>
      </c>
      <c r="F18704" s="7">
        <v>38657</v>
      </c>
      <c r="G18704" s="8">
        <v>1</v>
      </c>
      <c r="H18704" s="8">
        <v>1</v>
      </c>
      <c r="I18704" s="8">
        <v>0</v>
      </c>
      <c r="J18704" s="8">
        <v>1</v>
      </c>
      <c r="K18704" s="9">
        <v>49</v>
      </c>
      <c r="L18704" s="6" t="s">
        <v>4151</v>
      </c>
    </row>
    <row r="18705" spans="1:12">
      <c r="A18705" s="6" t="s">
        <v>18738</v>
      </c>
      <c r="B18705" s="6"/>
      <c r="C18705" s="6" t="s">
        <v>18739</v>
      </c>
      <c r="D18705" s="6"/>
      <c r="E18705" s="6" t="s">
        <v>18740</v>
      </c>
      <c r="F18705" s="7">
        <v>38657</v>
      </c>
      <c r="G18705" s="8">
        <v>2591200</v>
      </c>
      <c r="H18705" s="8">
        <v>2591200</v>
      </c>
      <c r="I18705" s="8">
        <v>0</v>
      </c>
      <c r="J18705" s="8">
        <v>2591200</v>
      </c>
      <c r="K18705" s="9">
        <v>79</v>
      </c>
      <c r="L18705" s="6" t="s">
        <v>10</v>
      </c>
    </row>
    <row r="18706" spans="1:12">
      <c r="A18706" s="6" t="s">
        <v>18741</v>
      </c>
      <c r="B18706" s="6"/>
      <c r="C18706" s="6" t="s">
        <v>18742</v>
      </c>
      <c r="D18706" s="6"/>
      <c r="E18706" s="6" t="s">
        <v>9</v>
      </c>
      <c r="F18706" s="7">
        <v>38657</v>
      </c>
      <c r="G18706" s="8">
        <v>3447</v>
      </c>
      <c r="H18706" s="8">
        <v>3447</v>
      </c>
      <c r="I18706" s="8">
        <v>0</v>
      </c>
      <c r="J18706" s="8">
        <v>3447</v>
      </c>
      <c r="K18706" s="9">
        <v>383</v>
      </c>
      <c r="L18706" s="6" t="s">
        <v>4088</v>
      </c>
    </row>
    <row r="18707" spans="1:12">
      <c r="A18707" s="6" t="s">
        <v>18741</v>
      </c>
      <c r="B18707" s="6"/>
      <c r="C18707" s="6" t="s">
        <v>18743</v>
      </c>
      <c r="D18707" s="6"/>
      <c r="E18707" s="6" t="s">
        <v>9</v>
      </c>
      <c r="F18707" s="7">
        <v>38657</v>
      </c>
      <c r="G18707" s="8">
        <v>153</v>
      </c>
      <c r="H18707" s="8">
        <v>153</v>
      </c>
      <c r="I18707" s="8">
        <v>0</v>
      </c>
      <c r="J18707" s="8">
        <v>153</v>
      </c>
      <c r="K18707" s="9">
        <v>17</v>
      </c>
      <c r="L18707" s="6" t="s">
        <v>4088</v>
      </c>
    </row>
    <row r="18708" spans="1:12">
      <c r="A18708" s="6" t="s">
        <v>18741</v>
      </c>
      <c r="B18708" s="6"/>
      <c r="C18708" s="6" t="s">
        <v>18744</v>
      </c>
      <c r="D18708" s="6"/>
      <c r="E18708" s="6" t="s">
        <v>9</v>
      </c>
      <c r="F18708" s="7">
        <v>38657</v>
      </c>
      <c r="G18708" s="8">
        <v>79</v>
      </c>
      <c r="H18708" s="8">
        <v>79</v>
      </c>
      <c r="I18708" s="8">
        <v>0</v>
      </c>
      <c r="J18708" s="8">
        <v>79</v>
      </c>
      <c r="K18708" s="9">
        <v>8.8800000000000008</v>
      </c>
      <c r="L18708" s="6" t="s">
        <v>4088</v>
      </c>
    </row>
    <row r="18709" spans="1:12">
      <c r="A18709" s="6" t="s">
        <v>18741</v>
      </c>
      <c r="B18709" s="6"/>
      <c r="C18709" s="6" t="s">
        <v>18745</v>
      </c>
      <c r="D18709" s="6"/>
      <c r="E18709" s="6" t="s">
        <v>9</v>
      </c>
      <c r="F18709" s="7">
        <v>38657</v>
      </c>
      <c r="G18709" s="8">
        <v>180</v>
      </c>
      <c r="H18709" s="8">
        <v>180</v>
      </c>
      <c r="I18709" s="8">
        <v>0</v>
      </c>
      <c r="J18709" s="8">
        <v>180</v>
      </c>
      <c r="K18709" s="9">
        <v>20</v>
      </c>
      <c r="L18709" s="6" t="s">
        <v>4088</v>
      </c>
    </row>
    <row r="18710" spans="1:12">
      <c r="A18710" s="6" t="s">
        <v>18741</v>
      </c>
      <c r="B18710" s="6"/>
      <c r="C18710" s="6" t="s">
        <v>18746</v>
      </c>
      <c r="D18710" s="6"/>
      <c r="E18710" s="6" t="s">
        <v>9</v>
      </c>
      <c r="F18710" s="7">
        <v>38657</v>
      </c>
      <c r="G18710" s="8">
        <v>62</v>
      </c>
      <c r="H18710" s="8">
        <v>62</v>
      </c>
      <c r="I18710" s="8">
        <v>0</v>
      </c>
      <c r="J18710" s="8">
        <v>62</v>
      </c>
      <c r="K18710" s="9">
        <v>6.89</v>
      </c>
      <c r="L18710" s="6" t="s">
        <v>4088</v>
      </c>
    </row>
    <row r="18711" spans="1:12">
      <c r="A18711" s="6" t="s">
        <v>18741</v>
      </c>
      <c r="B18711" s="6"/>
      <c r="C18711" s="6" t="s">
        <v>18747</v>
      </c>
      <c r="D18711" s="6"/>
      <c r="E18711" s="6" t="s">
        <v>9</v>
      </c>
      <c r="F18711" s="7">
        <v>38657</v>
      </c>
      <c r="G18711" s="8">
        <v>189</v>
      </c>
      <c r="H18711" s="8">
        <v>189</v>
      </c>
      <c r="I18711" s="8">
        <v>0</v>
      </c>
      <c r="J18711" s="8">
        <v>189</v>
      </c>
      <c r="K18711" s="9">
        <v>21</v>
      </c>
      <c r="L18711" s="6" t="s">
        <v>4088</v>
      </c>
    </row>
    <row r="18712" spans="1:12">
      <c r="A18712" s="6" t="s">
        <v>18741</v>
      </c>
      <c r="B18712" s="6"/>
      <c r="C18712" s="6" t="s">
        <v>18748</v>
      </c>
      <c r="D18712" s="6"/>
      <c r="E18712" s="6" t="s">
        <v>9</v>
      </c>
      <c r="F18712" s="7">
        <v>38657</v>
      </c>
      <c r="G18712" s="8">
        <v>73</v>
      </c>
      <c r="H18712" s="8">
        <v>73</v>
      </c>
      <c r="I18712" s="8">
        <v>0</v>
      </c>
      <c r="J18712" s="8">
        <v>73</v>
      </c>
      <c r="K18712" s="9">
        <v>8.16</v>
      </c>
      <c r="L18712" s="6" t="s">
        <v>4088</v>
      </c>
    </row>
    <row r="18713" spans="1:12">
      <c r="A18713" s="6" t="s">
        <v>18741</v>
      </c>
      <c r="B18713" s="6"/>
      <c r="C18713" s="6" t="s">
        <v>18749</v>
      </c>
      <c r="D18713" s="6"/>
      <c r="E18713" s="6" t="s">
        <v>9</v>
      </c>
      <c r="F18713" s="7">
        <v>38657</v>
      </c>
      <c r="G18713" s="8">
        <v>252</v>
      </c>
      <c r="H18713" s="8">
        <v>252</v>
      </c>
      <c r="I18713" s="8">
        <v>0</v>
      </c>
      <c r="J18713" s="8">
        <v>252</v>
      </c>
      <c r="K18713" s="9">
        <v>28</v>
      </c>
      <c r="L18713" s="6" t="s">
        <v>4088</v>
      </c>
    </row>
    <row r="18714" spans="1:12">
      <c r="A18714" s="6" t="s">
        <v>18741</v>
      </c>
      <c r="B18714" s="6"/>
      <c r="C18714" s="6" t="s">
        <v>18750</v>
      </c>
      <c r="D18714" s="6"/>
      <c r="E18714" s="6" t="s">
        <v>9</v>
      </c>
      <c r="F18714" s="7">
        <v>38657</v>
      </c>
      <c r="G18714" s="8">
        <v>1458</v>
      </c>
      <c r="H18714" s="8">
        <v>1458</v>
      </c>
      <c r="I18714" s="8">
        <v>0</v>
      </c>
      <c r="J18714" s="8">
        <v>1458</v>
      </c>
      <c r="K18714" s="9">
        <v>162</v>
      </c>
      <c r="L18714" s="6" t="s">
        <v>4088</v>
      </c>
    </row>
    <row r="18715" spans="1:12">
      <c r="A18715" s="6" t="s">
        <v>18741</v>
      </c>
      <c r="B18715" s="6"/>
      <c r="C18715" s="6" t="s">
        <v>18751</v>
      </c>
      <c r="D18715" s="6"/>
      <c r="E18715" s="6" t="s">
        <v>9</v>
      </c>
      <c r="F18715" s="7">
        <v>38657</v>
      </c>
      <c r="G18715" s="8">
        <v>198</v>
      </c>
      <c r="H18715" s="8">
        <v>198</v>
      </c>
      <c r="I18715" s="8">
        <v>0</v>
      </c>
      <c r="J18715" s="8">
        <v>198</v>
      </c>
      <c r="K18715" s="9">
        <v>22</v>
      </c>
      <c r="L18715" s="6" t="s">
        <v>4088</v>
      </c>
    </row>
    <row r="18716" spans="1:12">
      <c r="A18716" s="6" t="s">
        <v>18741</v>
      </c>
      <c r="B18716" s="6"/>
      <c r="C18716" s="6" t="s">
        <v>18752</v>
      </c>
      <c r="D18716" s="6"/>
      <c r="E18716" s="6" t="s">
        <v>9</v>
      </c>
      <c r="F18716" s="7">
        <v>38657</v>
      </c>
      <c r="G18716" s="8">
        <v>39</v>
      </c>
      <c r="H18716" s="8">
        <v>39</v>
      </c>
      <c r="I18716" s="8">
        <v>0</v>
      </c>
      <c r="J18716" s="8">
        <v>39</v>
      </c>
      <c r="K18716" s="9">
        <v>4.4000000000000004</v>
      </c>
      <c r="L18716" s="6" t="s">
        <v>4088</v>
      </c>
    </row>
    <row r="18717" spans="1:12">
      <c r="A18717" s="6" t="s">
        <v>18741</v>
      </c>
      <c r="B18717" s="6"/>
      <c r="C18717" s="6" t="s">
        <v>18753</v>
      </c>
      <c r="D18717" s="6"/>
      <c r="E18717" s="6" t="s">
        <v>9</v>
      </c>
      <c r="F18717" s="7">
        <v>38657</v>
      </c>
      <c r="G18717" s="8">
        <v>4158</v>
      </c>
      <c r="H18717" s="8">
        <v>4158</v>
      </c>
      <c r="I18717" s="8">
        <v>0</v>
      </c>
      <c r="J18717" s="8">
        <v>4158</v>
      </c>
      <c r="K18717" s="9">
        <v>462</v>
      </c>
      <c r="L18717" s="6" t="s">
        <v>4088</v>
      </c>
    </row>
    <row r="18718" spans="1:12">
      <c r="A18718" s="6" t="s">
        <v>18741</v>
      </c>
      <c r="B18718" s="6"/>
      <c r="C18718" s="6" t="s">
        <v>18754</v>
      </c>
      <c r="D18718" s="6"/>
      <c r="E18718" s="6" t="s">
        <v>9</v>
      </c>
      <c r="F18718" s="7">
        <v>38657</v>
      </c>
      <c r="G18718" s="8">
        <v>981</v>
      </c>
      <c r="H18718" s="8">
        <v>981</v>
      </c>
      <c r="I18718" s="8">
        <v>0</v>
      </c>
      <c r="J18718" s="8">
        <v>981</v>
      </c>
      <c r="K18718" s="9">
        <v>109</v>
      </c>
      <c r="L18718" s="6" t="s">
        <v>4088</v>
      </c>
    </row>
    <row r="18719" spans="1:12">
      <c r="A18719" s="6" t="s">
        <v>18741</v>
      </c>
      <c r="B18719" s="6"/>
      <c r="C18719" s="6" t="s">
        <v>18755</v>
      </c>
      <c r="D18719" s="6"/>
      <c r="E18719" s="6" t="s">
        <v>9</v>
      </c>
      <c r="F18719" s="7">
        <v>38657</v>
      </c>
      <c r="G18719" s="8">
        <v>405</v>
      </c>
      <c r="H18719" s="8">
        <v>405</v>
      </c>
      <c r="I18719" s="8">
        <v>0</v>
      </c>
      <c r="J18719" s="8">
        <v>405</v>
      </c>
      <c r="K18719" s="9">
        <v>45</v>
      </c>
      <c r="L18719" s="6" t="s">
        <v>4088</v>
      </c>
    </row>
    <row r="18720" spans="1:12">
      <c r="A18720" s="6" t="s">
        <v>18741</v>
      </c>
      <c r="B18720" s="6"/>
      <c r="C18720" s="6" t="s">
        <v>18756</v>
      </c>
      <c r="D18720" s="6"/>
      <c r="E18720" s="6" t="s">
        <v>9</v>
      </c>
      <c r="F18720" s="7">
        <v>38657</v>
      </c>
      <c r="G18720" s="8">
        <v>675</v>
      </c>
      <c r="H18720" s="8">
        <v>675</v>
      </c>
      <c r="I18720" s="8">
        <v>0</v>
      </c>
      <c r="J18720" s="8">
        <v>675</v>
      </c>
      <c r="K18720" s="9">
        <v>75</v>
      </c>
      <c r="L18720" s="6" t="s">
        <v>4088</v>
      </c>
    </row>
    <row r="18721" spans="1:12">
      <c r="A18721" s="6" t="s">
        <v>18741</v>
      </c>
      <c r="B18721" s="6"/>
      <c r="C18721" s="6" t="s">
        <v>18757</v>
      </c>
      <c r="D18721" s="6"/>
      <c r="E18721" s="6" t="s">
        <v>9</v>
      </c>
      <c r="F18721" s="7"/>
      <c r="G18721" s="8">
        <v>297</v>
      </c>
      <c r="H18721" s="8">
        <v>297</v>
      </c>
      <c r="I18721" s="8">
        <v>0</v>
      </c>
      <c r="J18721" s="8">
        <v>297</v>
      </c>
      <c r="K18721" s="9">
        <v>33</v>
      </c>
      <c r="L18721" s="6" t="s">
        <v>4088</v>
      </c>
    </row>
    <row r="18722" spans="1:12">
      <c r="A18722" s="6" t="s">
        <v>18741</v>
      </c>
      <c r="B18722" s="6"/>
      <c r="C18722" s="6" t="s">
        <v>18758</v>
      </c>
      <c r="D18722" s="6"/>
      <c r="E18722" s="6" t="s">
        <v>9</v>
      </c>
      <c r="F18722" s="7">
        <v>38657</v>
      </c>
      <c r="G18722" s="8">
        <v>19</v>
      </c>
      <c r="H18722" s="8">
        <v>19</v>
      </c>
      <c r="I18722" s="8">
        <v>0</v>
      </c>
      <c r="J18722" s="8">
        <v>19</v>
      </c>
      <c r="K18722" s="9">
        <v>2.17</v>
      </c>
      <c r="L18722" s="6" t="s">
        <v>4088</v>
      </c>
    </row>
    <row r="18723" spans="1:12">
      <c r="A18723" s="6" t="s">
        <v>18741</v>
      </c>
      <c r="B18723" s="6"/>
      <c r="C18723" s="6" t="s">
        <v>18759</v>
      </c>
      <c r="D18723" s="6"/>
      <c r="E18723" s="6" t="s">
        <v>9</v>
      </c>
      <c r="F18723" s="7">
        <v>38657</v>
      </c>
      <c r="G18723" s="8">
        <v>216</v>
      </c>
      <c r="H18723" s="8">
        <v>216</v>
      </c>
      <c r="I18723" s="8">
        <v>0</v>
      </c>
      <c r="J18723" s="8">
        <v>216</v>
      </c>
      <c r="K18723" s="9">
        <v>24</v>
      </c>
      <c r="L18723" s="6" t="s">
        <v>4088</v>
      </c>
    </row>
    <row r="18724" spans="1:12">
      <c r="A18724" s="6" t="s">
        <v>18741</v>
      </c>
      <c r="B18724" s="6"/>
      <c r="C18724" s="6" t="s">
        <v>18760</v>
      </c>
      <c r="D18724" s="6"/>
      <c r="E18724" s="6" t="s">
        <v>9</v>
      </c>
      <c r="F18724" s="7">
        <v>38657</v>
      </c>
      <c r="G18724" s="8">
        <v>531</v>
      </c>
      <c r="H18724" s="8">
        <v>531</v>
      </c>
      <c r="I18724" s="8">
        <v>0</v>
      </c>
      <c r="J18724" s="8">
        <v>531</v>
      </c>
      <c r="K18724" s="9">
        <v>59</v>
      </c>
      <c r="L18724" s="6" t="s">
        <v>4088</v>
      </c>
    </row>
    <row r="18725" spans="1:12">
      <c r="A18725" s="6" t="s">
        <v>18741</v>
      </c>
      <c r="B18725" s="6"/>
      <c r="C18725" s="6" t="s">
        <v>18761</v>
      </c>
      <c r="D18725" s="6"/>
      <c r="E18725" s="6" t="s">
        <v>9</v>
      </c>
      <c r="F18725" s="7">
        <v>38657</v>
      </c>
      <c r="G18725" s="8">
        <v>171</v>
      </c>
      <c r="H18725" s="8">
        <v>171</v>
      </c>
      <c r="I18725" s="8">
        <v>0</v>
      </c>
      <c r="J18725" s="8">
        <v>171</v>
      </c>
      <c r="K18725" s="9">
        <v>19</v>
      </c>
      <c r="L18725" s="6" t="s">
        <v>4088</v>
      </c>
    </row>
    <row r="18726" spans="1:12">
      <c r="A18726" s="6" t="s">
        <v>18741</v>
      </c>
      <c r="B18726" s="6"/>
      <c r="C18726" s="6" t="s">
        <v>18762</v>
      </c>
      <c r="D18726" s="6"/>
      <c r="E18726" s="6" t="s">
        <v>9</v>
      </c>
      <c r="F18726" s="7">
        <v>38657</v>
      </c>
      <c r="G18726" s="8">
        <v>8568</v>
      </c>
      <c r="H18726" s="8">
        <v>8568</v>
      </c>
      <c r="I18726" s="8">
        <v>0</v>
      </c>
      <c r="J18726" s="8">
        <v>8568</v>
      </c>
      <c r="K18726" s="9">
        <v>952</v>
      </c>
      <c r="L18726" s="6" t="s">
        <v>4088</v>
      </c>
    </row>
    <row r="18727" spans="1:12">
      <c r="A18727" s="6" t="s">
        <v>18741</v>
      </c>
      <c r="B18727" s="6"/>
      <c r="C18727" s="6" t="s">
        <v>18763</v>
      </c>
      <c r="D18727" s="6"/>
      <c r="E18727" s="6" t="s">
        <v>9</v>
      </c>
      <c r="F18727" s="7">
        <v>38657</v>
      </c>
      <c r="G18727" s="8">
        <v>145521</v>
      </c>
      <c r="H18727" s="8">
        <v>145521</v>
      </c>
      <c r="I18727" s="8">
        <v>0</v>
      </c>
      <c r="J18727" s="8">
        <v>145521</v>
      </c>
      <c r="K18727" s="9">
        <v>16169</v>
      </c>
      <c r="L18727" s="6" t="s">
        <v>4088</v>
      </c>
    </row>
    <row r="18728" spans="1:12">
      <c r="A18728" s="6" t="s">
        <v>18741</v>
      </c>
      <c r="B18728" s="6"/>
      <c r="C18728" s="6" t="s">
        <v>18764</v>
      </c>
      <c r="D18728" s="6"/>
      <c r="E18728" s="6" t="s">
        <v>9</v>
      </c>
      <c r="F18728" s="7">
        <v>38657</v>
      </c>
      <c r="G18728" s="8">
        <v>1332</v>
      </c>
      <c r="H18728" s="8">
        <v>1332</v>
      </c>
      <c r="I18728" s="8">
        <v>0</v>
      </c>
      <c r="J18728" s="8">
        <v>1332</v>
      </c>
      <c r="K18728" s="9">
        <v>148</v>
      </c>
      <c r="L18728" s="6" t="s">
        <v>4088</v>
      </c>
    </row>
    <row r="18729" spans="1:12">
      <c r="A18729" s="6" t="s">
        <v>18741</v>
      </c>
      <c r="B18729" s="6"/>
      <c r="C18729" s="6" t="s">
        <v>18765</v>
      </c>
      <c r="D18729" s="6"/>
      <c r="E18729" s="6" t="s">
        <v>9</v>
      </c>
      <c r="F18729" s="7">
        <v>38657</v>
      </c>
      <c r="G18729" s="8">
        <v>369</v>
      </c>
      <c r="H18729" s="8">
        <v>369</v>
      </c>
      <c r="I18729" s="8">
        <v>0</v>
      </c>
      <c r="J18729" s="8">
        <v>369</v>
      </c>
      <c r="K18729" s="9">
        <v>41</v>
      </c>
      <c r="L18729" s="6" t="s">
        <v>4088</v>
      </c>
    </row>
    <row r="18730" spans="1:12">
      <c r="A18730" s="6" t="s">
        <v>18741</v>
      </c>
      <c r="B18730" s="6"/>
      <c r="C18730" s="6" t="s">
        <v>18766</v>
      </c>
      <c r="D18730" s="6"/>
      <c r="E18730" s="6" t="s">
        <v>9</v>
      </c>
      <c r="F18730" s="7">
        <v>38657</v>
      </c>
      <c r="G18730" s="8">
        <v>82881</v>
      </c>
      <c r="H18730" s="8">
        <v>82881</v>
      </c>
      <c r="I18730" s="8">
        <v>0</v>
      </c>
      <c r="J18730" s="8">
        <v>82881</v>
      </c>
      <c r="K18730" s="9">
        <v>9209</v>
      </c>
      <c r="L18730" s="6" t="s">
        <v>6099</v>
      </c>
    </row>
    <row r="18731" spans="1:12">
      <c r="A18731" s="6" t="s">
        <v>18741</v>
      </c>
      <c r="B18731" s="6"/>
      <c r="C18731" s="6" t="s">
        <v>18767</v>
      </c>
      <c r="D18731" s="6"/>
      <c r="E18731" s="6" t="s">
        <v>9</v>
      </c>
      <c r="F18731" s="7">
        <v>38657</v>
      </c>
      <c r="G18731" s="8">
        <v>31923</v>
      </c>
      <c r="H18731" s="8">
        <v>31923</v>
      </c>
      <c r="I18731" s="8">
        <v>0</v>
      </c>
      <c r="J18731" s="8">
        <v>31923</v>
      </c>
      <c r="K18731" s="9">
        <v>3547</v>
      </c>
      <c r="L18731" s="6" t="s">
        <v>6099</v>
      </c>
    </row>
    <row r="18732" spans="1:12">
      <c r="A18732" s="6" t="s">
        <v>18741</v>
      </c>
      <c r="B18732" s="6"/>
      <c r="C18732" s="6" t="s">
        <v>18768</v>
      </c>
      <c r="D18732" s="6"/>
      <c r="E18732" s="6" t="s">
        <v>9</v>
      </c>
      <c r="F18732" s="7">
        <v>38657</v>
      </c>
      <c r="G18732" s="8">
        <v>1665</v>
      </c>
      <c r="H18732" s="8">
        <v>1665</v>
      </c>
      <c r="I18732" s="8">
        <v>0</v>
      </c>
      <c r="J18732" s="8">
        <v>1665</v>
      </c>
      <c r="K18732" s="9">
        <v>185</v>
      </c>
      <c r="L18732" s="6" t="s">
        <v>4088</v>
      </c>
    </row>
    <row r="18733" spans="1:12">
      <c r="A18733" s="6" t="s">
        <v>18741</v>
      </c>
      <c r="B18733" s="6"/>
      <c r="C18733" s="6" t="s">
        <v>18769</v>
      </c>
      <c r="D18733" s="6"/>
      <c r="E18733" s="6" t="s">
        <v>9</v>
      </c>
      <c r="F18733" s="7">
        <v>38657</v>
      </c>
      <c r="G18733" s="8">
        <v>765</v>
      </c>
      <c r="H18733" s="8">
        <v>765</v>
      </c>
      <c r="I18733" s="8">
        <v>0</v>
      </c>
      <c r="J18733" s="8">
        <v>765</v>
      </c>
      <c r="K18733" s="9">
        <v>85</v>
      </c>
      <c r="L18733" s="6" t="s">
        <v>4088</v>
      </c>
    </row>
    <row r="18734" spans="1:12">
      <c r="A18734" s="6" t="s">
        <v>4151</v>
      </c>
      <c r="B18734" s="6"/>
      <c r="C18734" s="6" t="s">
        <v>18770</v>
      </c>
      <c r="D18734" s="6"/>
      <c r="E18734" s="6" t="s">
        <v>9</v>
      </c>
      <c r="F18734" s="7">
        <v>38657</v>
      </c>
      <c r="G18734" s="8">
        <v>1</v>
      </c>
      <c r="H18734" s="8">
        <v>1</v>
      </c>
      <c r="I18734" s="8">
        <v>0</v>
      </c>
      <c r="J18734" s="8">
        <v>1</v>
      </c>
      <c r="K18734" s="9">
        <v>19.440000000000001</v>
      </c>
      <c r="L18734" s="6" t="s">
        <v>4151</v>
      </c>
    </row>
    <row r="18735" spans="1:12">
      <c r="A18735" s="6" t="s">
        <v>4151</v>
      </c>
      <c r="B18735" s="6"/>
      <c r="C18735" s="6" t="s">
        <v>18771</v>
      </c>
      <c r="D18735" s="6"/>
      <c r="E18735" s="6" t="s">
        <v>9</v>
      </c>
      <c r="F18735" s="7">
        <v>38657</v>
      </c>
      <c r="G18735" s="8">
        <v>1</v>
      </c>
      <c r="H18735" s="8">
        <v>1</v>
      </c>
      <c r="I18735" s="8">
        <v>0</v>
      </c>
      <c r="J18735" s="8">
        <v>1</v>
      </c>
      <c r="K18735" s="9">
        <v>25</v>
      </c>
      <c r="L18735" s="6" t="s">
        <v>4151</v>
      </c>
    </row>
    <row r="18736" spans="1:12">
      <c r="A18736" s="6" t="s">
        <v>4151</v>
      </c>
      <c r="B18736" s="6"/>
      <c r="C18736" s="6" t="s">
        <v>18772</v>
      </c>
      <c r="D18736" s="6"/>
      <c r="E18736" s="6" t="s">
        <v>9</v>
      </c>
      <c r="F18736" s="7">
        <v>38657</v>
      </c>
      <c r="G18736" s="8">
        <v>1</v>
      </c>
      <c r="H18736" s="8">
        <v>1</v>
      </c>
      <c r="I18736" s="8">
        <v>0</v>
      </c>
      <c r="J18736" s="8">
        <v>1</v>
      </c>
      <c r="K18736" s="9">
        <v>1.48</v>
      </c>
      <c r="L18736" s="6" t="s">
        <v>4151</v>
      </c>
    </row>
    <row r="18737" spans="1:12">
      <c r="A18737" s="6" t="s">
        <v>4151</v>
      </c>
      <c r="B18737" s="6"/>
      <c r="C18737" s="6" t="s">
        <v>18773</v>
      </c>
      <c r="D18737" s="6"/>
      <c r="E18737" s="6" t="s">
        <v>9</v>
      </c>
      <c r="F18737" s="7">
        <v>38657</v>
      </c>
      <c r="G18737" s="8">
        <v>1</v>
      </c>
      <c r="H18737" s="8">
        <v>1</v>
      </c>
      <c r="I18737" s="8">
        <v>0</v>
      </c>
      <c r="J18737" s="8">
        <v>1</v>
      </c>
      <c r="K18737" s="9">
        <v>58</v>
      </c>
      <c r="L18737" s="6" t="s">
        <v>4151</v>
      </c>
    </row>
    <row r="18738" spans="1:12">
      <c r="A18738" s="6" t="s">
        <v>4151</v>
      </c>
      <c r="B18738" s="6"/>
      <c r="C18738" s="6" t="s">
        <v>18774</v>
      </c>
      <c r="D18738" s="6"/>
      <c r="E18738" s="6" t="s">
        <v>9</v>
      </c>
      <c r="F18738" s="7">
        <v>38657</v>
      </c>
      <c r="G18738" s="8">
        <v>1</v>
      </c>
      <c r="H18738" s="8">
        <v>1</v>
      </c>
      <c r="I18738" s="8">
        <v>0</v>
      </c>
      <c r="J18738" s="8">
        <v>1</v>
      </c>
      <c r="K18738" s="9">
        <v>25</v>
      </c>
      <c r="L18738" s="6" t="s">
        <v>4151</v>
      </c>
    </row>
    <row r="18739" spans="1:12">
      <c r="A18739" s="6" t="s">
        <v>4151</v>
      </c>
      <c r="B18739" s="6"/>
      <c r="C18739" s="6" t="s">
        <v>18775</v>
      </c>
      <c r="D18739" s="6"/>
      <c r="E18739" s="6" t="s">
        <v>9</v>
      </c>
      <c r="F18739" s="7">
        <v>38657</v>
      </c>
      <c r="G18739" s="8">
        <v>1</v>
      </c>
      <c r="H18739" s="8">
        <v>1</v>
      </c>
      <c r="I18739" s="8">
        <v>0</v>
      </c>
      <c r="J18739" s="8">
        <v>1</v>
      </c>
      <c r="K18739" s="9">
        <v>29</v>
      </c>
      <c r="L18739" s="6" t="s">
        <v>4151</v>
      </c>
    </row>
    <row r="18740" spans="1:12">
      <c r="A18740" s="6" t="s">
        <v>4151</v>
      </c>
      <c r="B18740" s="6"/>
      <c r="C18740" s="6" t="s">
        <v>18776</v>
      </c>
      <c r="D18740" s="6"/>
      <c r="E18740" s="6" t="s">
        <v>9</v>
      </c>
      <c r="F18740" s="7">
        <v>38657</v>
      </c>
      <c r="G18740" s="8">
        <v>1</v>
      </c>
      <c r="H18740" s="8">
        <v>1</v>
      </c>
      <c r="I18740" s="8">
        <v>0</v>
      </c>
      <c r="J18740" s="8">
        <v>1</v>
      </c>
      <c r="K18740" s="9">
        <v>109</v>
      </c>
      <c r="L18740" s="6" t="s">
        <v>4151</v>
      </c>
    </row>
    <row r="18741" spans="1:12">
      <c r="A18741" s="6" t="s">
        <v>4151</v>
      </c>
      <c r="B18741" s="6"/>
      <c r="C18741" s="6" t="s">
        <v>18777</v>
      </c>
      <c r="D18741" s="6"/>
      <c r="E18741" s="6" t="s">
        <v>9</v>
      </c>
      <c r="F18741" s="7">
        <v>38657</v>
      </c>
      <c r="G18741" s="8">
        <v>1</v>
      </c>
      <c r="H18741" s="8">
        <v>1</v>
      </c>
      <c r="I18741" s="8">
        <v>0</v>
      </c>
      <c r="J18741" s="8">
        <v>1</v>
      </c>
      <c r="K18741" s="9">
        <v>4.1500000000000004</v>
      </c>
      <c r="L18741" s="6" t="s">
        <v>4151</v>
      </c>
    </row>
    <row r="18742" spans="1:12">
      <c r="A18742" s="6" t="s">
        <v>4151</v>
      </c>
      <c r="B18742" s="6"/>
      <c r="C18742" s="6" t="s">
        <v>18778</v>
      </c>
      <c r="D18742" s="6"/>
      <c r="E18742" s="6" t="s">
        <v>9</v>
      </c>
      <c r="F18742" s="7">
        <v>38657</v>
      </c>
      <c r="G18742" s="8">
        <v>1</v>
      </c>
      <c r="H18742" s="8">
        <v>1</v>
      </c>
      <c r="I18742" s="8">
        <v>0</v>
      </c>
      <c r="J18742" s="8">
        <v>1</v>
      </c>
      <c r="K18742" s="9">
        <v>2.13</v>
      </c>
      <c r="L18742" s="6" t="s">
        <v>4151</v>
      </c>
    </row>
    <row r="18743" spans="1:12">
      <c r="A18743" s="6" t="s">
        <v>4151</v>
      </c>
      <c r="B18743" s="6"/>
      <c r="C18743" s="6" t="s">
        <v>18779</v>
      </c>
      <c r="D18743" s="6"/>
      <c r="E18743" s="6" t="s">
        <v>9</v>
      </c>
      <c r="F18743" s="7">
        <v>38657</v>
      </c>
      <c r="G18743" s="8">
        <v>1</v>
      </c>
      <c r="H18743" s="8">
        <v>1</v>
      </c>
      <c r="I18743" s="8">
        <v>0</v>
      </c>
      <c r="J18743" s="8">
        <v>1</v>
      </c>
      <c r="K18743" s="9">
        <v>4.75</v>
      </c>
      <c r="L18743" s="6" t="s">
        <v>4151</v>
      </c>
    </row>
    <row r="18744" spans="1:12">
      <c r="A18744" s="6" t="s">
        <v>4151</v>
      </c>
      <c r="B18744" s="6"/>
      <c r="C18744" s="6" t="s">
        <v>18780</v>
      </c>
      <c r="D18744" s="6"/>
      <c r="E18744" s="6" t="s">
        <v>9</v>
      </c>
      <c r="F18744" s="7">
        <v>38657</v>
      </c>
      <c r="G18744" s="8">
        <v>1</v>
      </c>
      <c r="H18744" s="8">
        <v>1</v>
      </c>
      <c r="I18744" s="8">
        <v>0</v>
      </c>
      <c r="J18744" s="8">
        <v>1</v>
      </c>
      <c r="K18744" s="9">
        <v>14</v>
      </c>
      <c r="L18744" s="6" t="s">
        <v>4151</v>
      </c>
    </row>
    <row r="18745" spans="1:12">
      <c r="A18745" s="6" t="s">
        <v>4151</v>
      </c>
      <c r="B18745" s="6"/>
      <c r="C18745" s="6" t="s">
        <v>18781</v>
      </c>
      <c r="D18745" s="6"/>
      <c r="E18745" s="6" t="s">
        <v>9</v>
      </c>
      <c r="F18745" s="7">
        <v>38657</v>
      </c>
      <c r="G18745" s="8">
        <v>1</v>
      </c>
      <c r="H18745" s="8">
        <v>1</v>
      </c>
      <c r="I18745" s="8">
        <v>0</v>
      </c>
      <c r="J18745" s="8">
        <v>1</v>
      </c>
      <c r="K18745" s="9">
        <v>1.21</v>
      </c>
      <c r="L18745" s="6" t="s">
        <v>4151</v>
      </c>
    </row>
    <row r="18746" spans="1:12">
      <c r="A18746" s="6" t="s">
        <v>4151</v>
      </c>
      <c r="B18746" s="6"/>
      <c r="C18746" s="6" t="s">
        <v>18782</v>
      </c>
      <c r="D18746" s="6"/>
      <c r="E18746" s="6" t="s">
        <v>9</v>
      </c>
      <c r="F18746" s="7">
        <v>38657</v>
      </c>
      <c r="G18746" s="8">
        <v>1</v>
      </c>
      <c r="H18746" s="8">
        <v>1</v>
      </c>
      <c r="I18746" s="8">
        <v>0</v>
      </c>
      <c r="J18746" s="8">
        <v>1</v>
      </c>
      <c r="K18746" s="9">
        <v>0.81</v>
      </c>
      <c r="L18746" s="6" t="s">
        <v>4151</v>
      </c>
    </row>
    <row r="18747" spans="1:12">
      <c r="A18747" s="6" t="s">
        <v>4151</v>
      </c>
      <c r="B18747" s="6"/>
      <c r="C18747" s="6" t="s">
        <v>18783</v>
      </c>
      <c r="D18747" s="6"/>
      <c r="E18747" s="6" t="s">
        <v>9</v>
      </c>
      <c r="F18747" s="7">
        <v>38657</v>
      </c>
      <c r="G18747" s="8">
        <v>1</v>
      </c>
      <c r="H18747" s="8">
        <v>1</v>
      </c>
      <c r="I18747" s="8">
        <v>0</v>
      </c>
      <c r="J18747" s="8">
        <v>1</v>
      </c>
      <c r="K18747" s="9">
        <v>2.21</v>
      </c>
      <c r="L18747" s="6" t="s">
        <v>4151</v>
      </c>
    </row>
    <row r="18748" spans="1:12">
      <c r="A18748" s="6" t="s">
        <v>4151</v>
      </c>
      <c r="B18748" s="6"/>
      <c r="C18748" s="6" t="s">
        <v>18784</v>
      </c>
      <c r="D18748" s="6"/>
      <c r="E18748" s="6" t="s">
        <v>9</v>
      </c>
      <c r="F18748" s="7">
        <v>38657</v>
      </c>
      <c r="G18748" s="8">
        <v>1</v>
      </c>
      <c r="H18748" s="8">
        <v>1</v>
      </c>
      <c r="I18748" s="8">
        <v>0</v>
      </c>
      <c r="J18748" s="8">
        <v>1</v>
      </c>
      <c r="K18748" s="9">
        <v>3.18</v>
      </c>
      <c r="L18748" s="6" t="s">
        <v>4151</v>
      </c>
    </row>
    <row r="18749" spans="1:12">
      <c r="A18749" s="6" t="s">
        <v>4151</v>
      </c>
      <c r="B18749" s="6"/>
      <c r="C18749" s="6" t="s">
        <v>18785</v>
      </c>
      <c r="D18749" s="6"/>
      <c r="E18749" s="6" t="s">
        <v>9</v>
      </c>
      <c r="F18749" s="7">
        <v>38657</v>
      </c>
      <c r="G18749" s="8">
        <v>1</v>
      </c>
      <c r="H18749" s="8">
        <v>1</v>
      </c>
      <c r="I18749" s="8">
        <v>0</v>
      </c>
      <c r="J18749" s="8">
        <v>1</v>
      </c>
      <c r="K18749" s="9">
        <v>4.9400000000000004</v>
      </c>
      <c r="L18749" s="6" t="s">
        <v>4151</v>
      </c>
    </row>
    <row r="18750" spans="1:12">
      <c r="A18750" s="6" t="s">
        <v>4151</v>
      </c>
      <c r="B18750" s="6"/>
      <c r="C18750" s="6" t="s">
        <v>18786</v>
      </c>
      <c r="D18750" s="6"/>
      <c r="E18750" s="6" t="s">
        <v>9</v>
      </c>
      <c r="F18750" s="7">
        <v>38657</v>
      </c>
      <c r="G18750" s="8">
        <v>1</v>
      </c>
      <c r="H18750" s="8">
        <v>1</v>
      </c>
      <c r="I18750" s="8">
        <v>0</v>
      </c>
      <c r="J18750" s="8">
        <v>1</v>
      </c>
      <c r="K18750" s="9">
        <v>3.18</v>
      </c>
      <c r="L18750" s="6" t="s">
        <v>4151</v>
      </c>
    </row>
    <row r="18751" spans="1:12">
      <c r="A18751" s="6" t="s">
        <v>4151</v>
      </c>
      <c r="B18751" s="6"/>
      <c r="C18751" s="6" t="s">
        <v>18787</v>
      </c>
      <c r="D18751" s="6"/>
      <c r="E18751" s="6" t="s">
        <v>9</v>
      </c>
      <c r="F18751" s="7">
        <v>38657</v>
      </c>
      <c r="G18751" s="8">
        <v>1</v>
      </c>
      <c r="H18751" s="8">
        <v>1</v>
      </c>
      <c r="I18751" s="8">
        <v>0</v>
      </c>
      <c r="J18751" s="8">
        <v>1</v>
      </c>
      <c r="K18751" s="9">
        <v>2.97</v>
      </c>
      <c r="L18751" s="6" t="s">
        <v>4151</v>
      </c>
    </row>
    <row r="18752" spans="1:12">
      <c r="A18752" s="6" t="s">
        <v>4151</v>
      </c>
      <c r="B18752" s="6"/>
      <c r="C18752" s="6" t="s">
        <v>18788</v>
      </c>
      <c r="D18752" s="6"/>
      <c r="E18752" s="6" t="s">
        <v>9</v>
      </c>
      <c r="F18752" s="7">
        <v>38657</v>
      </c>
      <c r="G18752" s="8">
        <v>1</v>
      </c>
      <c r="H18752" s="8">
        <v>1</v>
      </c>
      <c r="I18752" s="8">
        <v>0</v>
      </c>
      <c r="J18752" s="8">
        <v>1</v>
      </c>
      <c r="K18752" s="9">
        <v>2.29</v>
      </c>
      <c r="L18752" s="6" t="s">
        <v>4151</v>
      </c>
    </row>
    <row r="18753" spans="1:12">
      <c r="A18753" s="6" t="s">
        <v>4151</v>
      </c>
      <c r="B18753" s="6"/>
      <c r="C18753" s="6" t="s">
        <v>18789</v>
      </c>
      <c r="D18753" s="6"/>
      <c r="E18753" s="6" t="s">
        <v>9</v>
      </c>
      <c r="F18753" s="7">
        <v>38657</v>
      </c>
      <c r="G18753" s="8">
        <v>1</v>
      </c>
      <c r="H18753" s="8">
        <v>1</v>
      </c>
      <c r="I18753" s="8">
        <v>0</v>
      </c>
      <c r="J18753" s="8">
        <v>1</v>
      </c>
      <c r="K18753" s="9">
        <v>1.37</v>
      </c>
      <c r="L18753" s="6" t="s">
        <v>4151</v>
      </c>
    </row>
    <row r="18754" spans="1:12">
      <c r="A18754" s="6" t="s">
        <v>4151</v>
      </c>
      <c r="B18754" s="6"/>
      <c r="C18754" s="6" t="s">
        <v>18790</v>
      </c>
      <c r="D18754" s="6"/>
      <c r="E18754" s="6" t="s">
        <v>9</v>
      </c>
      <c r="F18754" s="7">
        <v>38657</v>
      </c>
      <c r="G18754" s="8">
        <v>1</v>
      </c>
      <c r="H18754" s="8">
        <v>1</v>
      </c>
      <c r="I18754" s="8">
        <v>0</v>
      </c>
      <c r="J18754" s="8">
        <v>1</v>
      </c>
      <c r="K18754" s="9">
        <v>4.91</v>
      </c>
      <c r="L18754" s="6" t="s">
        <v>4151</v>
      </c>
    </row>
    <row r="18755" spans="1:12">
      <c r="A18755" s="6" t="s">
        <v>4151</v>
      </c>
      <c r="B18755" s="6"/>
      <c r="C18755" s="6" t="s">
        <v>18791</v>
      </c>
      <c r="D18755" s="6"/>
      <c r="E18755" s="6" t="s">
        <v>9</v>
      </c>
      <c r="F18755" s="7">
        <v>38657</v>
      </c>
      <c r="G18755" s="8">
        <v>1</v>
      </c>
      <c r="H18755" s="8">
        <v>1</v>
      </c>
      <c r="I18755" s="8">
        <v>0</v>
      </c>
      <c r="J18755" s="8">
        <v>1</v>
      </c>
      <c r="K18755" s="9">
        <v>4.6100000000000003</v>
      </c>
      <c r="L18755" s="6" t="s">
        <v>4151</v>
      </c>
    </row>
    <row r="18756" spans="1:12">
      <c r="A18756" s="6" t="s">
        <v>4151</v>
      </c>
      <c r="B18756" s="6"/>
      <c r="C18756" s="6" t="s">
        <v>18792</v>
      </c>
      <c r="D18756" s="6"/>
      <c r="E18756" s="6" t="s">
        <v>9</v>
      </c>
      <c r="F18756" s="7">
        <v>38657</v>
      </c>
      <c r="G18756" s="8">
        <v>1</v>
      </c>
      <c r="H18756" s="8">
        <v>1</v>
      </c>
      <c r="I18756" s="8">
        <v>0</v>
      </c>
      <c r="J18756" s="8">
        <v>1</v>
      </c>
      <c r="K18756" s="9">
        <v>4.6100000000000003</v>
      </c>
      <c r="L18756" s="6" t="s">
        <v>4151</v>
      </c>
    </row>
    <row r="18757" spans="1:12">
      <c r="A18757" s="6" t="s">
        <v>4151</v>
      </c>
      <c r="B18757" s="6"/>
      <c r="C18757" s="6" t="s">
        <v>18793</v>
      </c>
      <c r="D18757" s="6"/>
      <c r="E18757" s="6" t="s">
        <v>9</v>
      </c>
      <c r="F18757" s="7">
        <v>38657</v>
      </c>
      <c r="G18757" s="8">
        <v>1</v>
      </c>
      <c r="H18757" s="8">
        <v>1</v>
      </c>
      <c r="I18757" s="8">
        <v>0</v>
      </c>
      <c r="J18757" s="8">
        <v>1</v>
      </c>
      <c r="K18757" s="9">
        <v>4.6100000000000003</v>
      </c>
      <c r="L18757" s="6" t="s">
        <v>4151</v>
      </c>
    </row>
    <row r="18758" spans="1:12">
      <c r="A18758" s="6" t="s">
        <v>4151</v>
      </c>
      <c r="B18758" s="6"/>
      <c r="C18758" s="6" t="s">
        <v>18794</v>
      </c>
      <c r="D18758" s="6"/>
      <c r="E18758" s="6" t="s">
        <v>9</v>
      </c>
      <c r="F18758" s="7">
        <v>38657</v>
      </c>
      <c r="G18758" s="8">
        <v>1</v>
      </c>
      <c r="H18758" s="8">
        <v>1</v>
      </c>
      <c r="I18758" s="8">
        <v>0</v>
      </c>
      <c r="J18758" s="8">
        <v>1</v>
      </c>
      <c r="K18758" s="9">
        <v>2.50999999999999</v>
      </c>
      <c r="L18758" s="6" t="s">
        <v>4151</v>
      </c>
    </row>
    <row r="18759" spans="1:12">
      <c r="A18759" s="6" t="s">
        <v>4151</v>
      </c>
      <c r="B18759" s="6"/>
      <c r="C18759" s="6" t="s">
        <v>18795</v>
      </c>
      <c r="D18759" s="6"/>
      <c r="E18759" s="6" t="s">
        <v>9</v>
      </c>
      <c r="F18759" s="7">
        <v>38657</v>
      </c>
      <c r="G18759" s="8">
        <v>1</v>
      </c>
      <c r="H18759" s="8">
        <v>1</v>
      </c>
      <c r="I18759" s="8">
        <v>0</v>
      </c>
      <c r="J18759" s="8">
        <v>1</v>
      </c>
      <c r="K18759" s="9">
        <v>3.88</v>
      </c>
      <c r="L18759" s="6" t="s">
        <v>4151</v>
      </c>
    </row>
    <row r="18760" spans="1:12">
      <c r="A18760" s="6" t="s">
        <v>4151</v>
      </c>
      <c r="B18760" s="6"/>
      <c r="C18760" s="6" t="s">
        <v>18796</v>
      </c>
      <c r="D18760" s="6"/>
      <c r="E18760" s="6" t="s">
        <v>9</v>
      </c>
      <c r="F18760" s="7">
        <v>38657</v>
      </c>
      <c r="G18760" s="8">
        <v>1</v>
      </c>
      <c r="H18760" s="8">
        <v>1</v>
      </c>
      <c r="I18760" s="8">
        <v>0</v>
      </c>
      <c r="J18760" s="8">
        <v>1</v>
      </c>
      <c r="K18760" s="9">
        <v>0.18</v>
      </c>
      <c r="L18760" s="6" t="s">
        <v>4151</v>
      </c>
    </row>
    <row r="18761" spans="1:12">
      <c r="A18761" s="6" t="s">
        <v>4151</v>
      </c>
      <c r="B18761" s="6"/>
      <c r="C18761" s="6" t="s">
        <v>18797</v>
      </c>
      <c r="D18761" s="6"/>
      <c r="E18761" s="6" t="s">
        <v>9</v>
      </c>
      <c r="F18761" s="7">
        <v>38657</v>
      </c>
      <c r="G18761" s="8">
        <v>1</v>
      </c>
      <c r="H18761" s="8">
        <v>1</v>
      </c>
      <c r="I18761" s="8">
        <v>0</v>
      </c>
      <c r="J18761" s="8">
        <v>1</v>
      </c>
      <c r="K18761" s="9">
        <v>19</v>
      </c>
      <c r="L18761" s="6" t="s">
        <v>4151</v>
      </c>
    </row>
    <row r="18762" spans="1:12">
      <c r="A18762" s="6" t="s">
        <v>4151</v>
      </c>
      <c r="B18762" s="6"/>
      <c r="C18762" s="6" t="s">
        <v>18798</v>
      </c>
      <c r="D18762" s="6"/>
      <c r="E18762" s="6" t="s">
        <v>9</v>
      </c>
      <c r="F18762" s="7">
        <v>38657</v>
      </c>
      <c r="G18762" s="8">
        <v>1</v>
      </c>
      <c r="H18762" s="8">
        <v>1</v>
      </c>
      <c r="I18762" s="8">
        <v>0</v>
      </c>
      <c r="J18762" s="8">
        <v>1</v>
      </c>
      <c r="K18762" s="9">
        <v>21</v>
      </c>
      <c r="L18762" s="6" t="s">
        <v>4151</v>
      </c>
    </row>
    <row r="18763" spans="1:12">
      <c r="A18763" s="6" t="s">
        <v>4151</v>
      </c>
      <c r="B18763" s="6"/>
      <c r="C18763" s="6" t="s">
        <v>18799</v>
      </c>
      <c r="D18763" s="6"/>
      <c r="E18763" s="6" t="s">
        <v>9</v>
      </c>
      <c r="F18763" s="7">
        <v>38657</v>
      </c>
      <c r="G18763" s="8">
        <v>1</v>
      </c>
      <c r="H18763" s="8">
        <v>1</v>
      </c>
      <c r="I18763" s="8">
        <v>0</v>
      </c>
      <c r="J18763" s="8">
        <v>1</v>
      </c>
      <c r="K18763" s="9">
        <v>21</v>
      </c>
      <c r="L18763" s="6" t="s">
        <v>4151</v>
      </c>
    </row>
    <row r="18764" spans="1:12">
      <c r="A18764" s="6" t="s">
        <v>4151</v>
      </c>
      <c r="B18764" s="6"/>
      <c r="C18764" s="6" t="s">
        <v>18800</v>
      </c>
      <c r="D18764" s="6"/>
      <c r="E18764" s="6" t="s">
        <v>9</v>
      </c>
      <c r="F18764" s="7">
        <v>38657</v>
      </c>
      <c r="G18764" s="8">
        <v>1</v>
      </c>
      <c r="H18764" s="8">
        <v>1</v>
      </c>
      <c r="I18764" s="8">
        <v>0</v>
      </c>
      <c r="J18764" s="8">
        <v>1</v>
      </c>
      <c r="K18764" s="9">
        <v>35</v>
      </c>
      <c r="L18764" s="6" t="s">
        <v>4151</v>
      </c>
    </row>
    <row r="18765" spans="1:12">
      <c r="A18765" s="6" t="s">
        <v>4151</v>
      </c>
      <c r="B18765" s="6"/>
      <c r="C18765" s="6" t="s">
        <v>18801</v>
      </c>
      <c r="D18765" s="6"/>
      <c r="E18765" s="6" t="s">
        <v>9</v>
      </c>
      <c r="F18765" s="7">
        <v>38657</v>
      </c>
      <c r="G18765" s="8">
        <v>1</v>
      </c>
      <c r="H18765" s="8">
        <v>1</v>
      </c>
      <c r="I18765" s="8">
        <v>0</v>
      </c>
      <c r="J18765" s="8">
        <v>1</v>
      </c>
      <c r="K18765" s="9">
        <v>22</v>
      </c>
      <c r="L18765" s="6" t="s">
        <v>4151</v>
      </c>
    </row>
    <row r="18766" spans="1:12">
      <c r="A18766" s="6" t="s">
        <v>4151</v>
      </c>
      <c r="B18766" s="6"/>
      <c r="C18766" s="6" t="s">
        <v>18802</v>
      </c>
      <c r="D18766" s="6"/>
      <c r="E18766" s="6" t="s">
        <v>9</v>
      </c>
      <c r="F18766" s="7">
        <v>38657</v>
      </c>
      <c r="G18766" s="8">
        <v>1</v>
      </c>
      <c r="H18766" s="8">
        <v>1</v>
      </c>
      <c r="I18766" s="8">
        <v>0</v>
      </c>
      <c r="J18766" s="8">
        <v>1</v>
      </c>
      <c r="K18766" s="9">
        <v>9.91</v>
      </c>
      <c r="L18766" s="6" t="s">
        <v>4151</v>
      </c>
    </row>
    <row r="18767" spans="1:12">
      <c r="A18767" s="6" t="s">
        <v>4151</v>
      </c>
      <c r="B18767" s="6"/>
      <c r="C18767" s="6" t="s">
        <v>18803</v>
      </c>
      <c r="D18767" s="6"/>
      <c r="E18767" s="6" t="s">
        <v>9</v>
      </c>
      <c r="F18767" s="7">
        <v>38657</v>
      </c>
      <c r="G18767" s="8">
        <v>1</v>
      </c>
      <c r="H18767" s="8">
        <v>1</v>
      </c>
      <c r="I18767" s="8">
        <v>0</v>
      </c>
      <c r="J18767" s="8">
        <v>1</v>
      </c>
      <c r="K18767" s="9">
        <v>3.94</v>
      </c>
      <c r="L18767" s="6" t="s">
        <v>4151</v>
      </c>
    </row>
    <row r="18768" spans="1:12">
      <c r="A18768" s="6" t="s">
        <v>4151</v>
      </c>
      <c r="B18768" s="6"/>
      <c r="C18768" s="6" t="s">
        <v>18804</v>
      </c>
      <c r="D18768" s="6"/>
      <c r="E18768" s="6" t="s">
        <v>9</v>
      </c>
      <c r="F18768" s="7">
        <v>38657</v>
      </c>
      <c r="G18768" s="8">
        <v>1</v>
      </c>
      <c r="H18768" s="8">
        <v>1</v>
      </c>
      <c r="I18768" s="8">
        <v>0</v>
      </c>
      <c r="J18768" s="8">
        <v>1</v>
      </c>
      <c r="K18768" s="9">
        <v>6.36</v>
      </c>
      <c r="L18768" s="6" t="s">
        <v>4151</v>
      </c>
    </row>
    <row r="18769" spans="1:12">
      <c r="A18769" s="6" t="s">
        <v>4151</v>
      </c>
      <c r="B18769" s="6"/>
      <c r="C18769" s="6" t="s">
        <v>18805</v>
      </c>
      <c r="D18769" s="6"/>
      <c r="E18769" s="6" t="s">
        <v>9</v>
      </c>
      <c r="F18769" s="7">
        <v>38657</v>
      </c>
      <c r="G18769" s="8">
        <v>1</v>
      </c>
      <c r="H18769" s="8">
        <v>1</v>
      </c>
      <c r="I18769" s="8">
        <v>0</v>
      </c>
      <c r="J18769" s="8">
        <v>1</v>
      </c>
      <c r="K18769" s="9">
        <v>2.64</v>
      </c>
      <c r="L18769" s="6" t="s">
        <v>4151</v>
      </c>
    </row>
    <row r="18770" spans="1:12">
      <c r="A18770" s="6" t="s">
        <v>4151</v>
      </c>
      <c r="B18770" s="6"/>
      <c r="C18770" s="6" t="s">
        <v>18806</v>
      </c>
      <c r="D18770" s="6"/>
      <c r="E18770" s="6" t="s">
        <v>9</v>
      </c>
      <c r="F18770" s="7">
        <v>38657</v>
      </c>
      <c r="G18770" s="8">
        <v>1</v>
      </c>
      <c r="H18770" s="8">
        <v>1</v>
      </c>
      <c r="I18770" s="8">
        <v>0</v>
      </c>
      <c r="J18770" s="8">
        <v>1</v>
      </c>
      <c r="K18770" s="9">
        <v>3.51</v>
      </c>
      <c r="L18770" s="6" t="s">
        <v>4151</v>
      </c>
    </row>
    <row r="18771" spans="1:12">
      <c r="A18771" s="6" t="s">
        <v>4151</v>
      </c>
      <c r="B18771" s="6"/>
      <c r="C18771" s="6" t="s">
        <v>18807</v>
      </c>
      <c r="D18771" s="6"/>
      <c r="E18771" s="6" t="s">
        <v>9</v>
      </c>
      <c r="F18771" s="7">
        <v>38657</v>
      </c>
      <c r="G18771" s="8">
        <v>1</v>
      </c>
      <c r="H18771" s="8">
        <v>1</v>
      </c>
      <c r="I18771" s="8">
        <v>0</v>
      </c>
      <c r="J18771" s="8">
        <v>1</v>
      </c>
      <c r="K18771" s="9">
        <v>2.84</v>
      </c>
      <c r="L18771" s="6" t="s">
        <v>4151</v>
      </c>
    </row>
    <row r="18772" spans="1:12">
      <c r="A18772" s="6" t="s">
        <v>4151</v>
      </c>
      <c r="B18772" s="6"/>
      <c r="C18772" s="6" t="s">
        <v>18808</v>
      </c>
      <c r="D18772" s="6"/>
      <c r="E18772" s="6" t="s">
        <v>9</v>
      </c>
      <c r="F18772" s="7">
        <v>38657</v>
      </c>
      <c r="G18772" s="8">
        <v>1</v>
      </c>
      <c r="H18772" s="8">
        <v>1</v>
      </c>
      <c r="I18772" s="8">
        <v>0</v>
      </c>
      <c r="J18772" s="8">
        <v>1</v>
      </c>
      <c r="K18772" s="9">
        <v>6.36</v>
      </c>
      <c r="L18772" s="6" t="s">
        <v>4151</v>
      </c>
    </row>
    <row r="18773" spans="1:12">
      <c r="A18773" s="6" t="s">
        <v>4151</v>
      </c>
      <c r="B18773" s="6"/>
      <c r="C18773" s="6" t="s">
        <v>18809</v>
      </c>
      <c r="D18773" s="6"/>
      <c r="E18773" s="6" t="s">
        <v>9</v>
      </c>
      <c r="F18773" s="7">
        <v>38657</v>
      </c>
      <c r="G18773" s="8">
        <v>1</v>
      </c>
      <c r="H18773" s="8">
        <v>1</v>
      </c>
      <c r="I18773" s="8">
        <v>0</v>
      </c>
      <c r="J18773" s="8">
        <v>1</v>
      </c>
      <c r="K18773" s="9">
        <v>7.88</v>
      </c>
      <c r="L18773" s="6" t="s">
        <v>4151</v>
      </c>
    </row>
    <row r="18774" spans="1:12">
      <c r="A18774" s="6" t="s">
        <v>4151</v>
      </c>
      <c r="B18774" s="6"/>
      <c r="C18774" s="6" t="s">
        <v>18810</v>
      </c>
      <c r="D18774" s="6"/>
      <c r="E18774" s="6" t="s">
        <v>9</v>
      </c>
      <c r="F18774" s="7">
        <v>38657</v>
      </c>
      <c r="G18774" s="8">
        <v>1</v>
      </c>
      <c r="H18774" s="8">
        <v>1</v>
      </c>
      <c r="I18774" s="8">
        <v>0</v>
      </c>
      <c r="J18774" s="8">
        <v>1</v>
      </c>
      <c r="K18774" s="9">
        <v>1.65</v>
      </c>
      <c r="L18774" s="6" t="s">
        <v>4151</v>
      </c>
    </row>
    <row r="18775" spans="1:12">
      <c r="A18775" s="6" t="s">
        <v>4151</v>
      </c>
      <c r="B18775" s="6"/>
      <c r="C18775" s="6" t="s">
        <v>18811</v>
      </c>
      <c r="D18775" s="6"/>
      <c r="E18775" s="6" t="s">
        <v>9</v>
      </c>
      <c r="F18775" s="7">
        <v>38657</v>
      </c>
      <c r="G18775" s="8">
        <v>1</v>
      </c>
      <c r="H18775" s="8">
        <v>1</v>
      </c>
      <c r="I18775" s="8">
        <v>0</v>
      </c>
      <c r="J18775" s="8">
        <v>1</v>
      </c>
      <c r="K18775" s="9">
        <v>3.18</v>
      </c>
      <c r="L18775" s="6" t="s">
        <v>4151</v>
      </c>
    </row>
    <row r="18776" spans="1:12">
      <c r="A18776" s="6" t="s">
        <v>4151</v>
      </c>
      <c r="B18776" s="6"/>
      <c r="C18776" s="6" t="s">
        <v>18812</v>
      </c>
      <c r="D18776" s="6"/>
      <c r="E18776" s="6" t="s">
        <v>9</v>
      </c>
      <c r="F18776" s="7">
        <v>38657</v>
      </c>
      <c r="G18776" s="8">
        <v>1</v>
      </c>
      <c r="H18776" s="8">
        <v>1</v>
      </c>
      <c r="I18776" s="8">
        <v>0</v>
      </c>
      <c r="J18776" s="8">
        <v>1</v>
      </c>
      <c r="K18776" s="9">
        <v>6.36</v>
      </c>
      <c r="L18776" s="6" t="s">
        <v>4151</v>
      </c>
    </row>
    <row r="18777" spans="1:12">
      <c r="A18777" s="6" t="s">
        <v>4151</v>
      </c>
      <c r="B18777" s="6"/>
      <c r="C18777" s="6" t="s">
        <v>18813</v>
      </c>
      <c r="D18777" s="6"/>
      <c r="E18777" s="6" t="s">
        <v>9</v>
      </c>
      <c r="F18777" s="7">
        <v>38657</v>
      </c>
      <c r="G18777" s="8">
        <v>1</v>
      </c>
      <c r="H18777" s="8">
        <v>1</v>
      </c>
      <c r="I18777" s="8">
        <v>0</v>
      </c>
      <c r="J18777" s="8">
        <v>1</v>
      </c>
      <c r="K18777" s="9">
        <v>2.73</v>
      </c>
      <c r="L18777" s="6" t="s">
        <v>4151</v>
      </c>
    </row>
    <row r="18778" spans="1:12">
      <c r="A18778" s="6" t="s">
        <v>4151</v>
      </c>
      <c r="B18778" s="6"/>
      <c r="C18778" s="6" t="s">
        <v>18814</v>
      </c>
      <c r="D18778" s="6"/>
      <c r="E18778" s="6" t="s">
        <v>9</v>
      </c>
      <c r="F18778" s="7">
        <v>38657</v>
      </c>
      <c r="G18778" s="8">
        <v>1</v>
      </c>
      <c r="H18778" s="8">
        <v>1</v>
      </c>
      <c r="I18778" s="8">
        <v>0</v>
      </c>
      <c r="J18778" s="8">
        <v>1</v>
      </c>
      <c r="K18778" s="9">
        <v>2.79</v>
      </c>
      <c r="L18778" s="6" t="s">
        <v>4151</v>
      </c>
    </row>
    <row r="18779" spans="1:12">
      <c r="A18779" s="6" t="s">
        <v>4151</v>
      </c>
      <c r="B18779" s="6"/>
      <c r="C18779" s="6" t="s">
        <v>18815</v>
      </c>
      <c r="D18779" s="6"/>
      <c r="E18779" s="6" t="s">
        <v>9</v>
      </c>
      <c r="F18779" s="7">
        <v>38657</v>
      </c>
      <c r="G18779" s="8">
        <v>1</v>
      </c>
      <c r="H18779" s="8">
        <v>1</v>
      </c>
      <c r="I18779" s="8">
        <v>0</v>
      </c>
      <c r="J18779" s="8">
        <v>1</v>
      </c>
      <c r="K18779" s="9">
        <v>7.8</v>
      </c>
      <c r="L18779" s="6" t="s">
        <v>4151</v>
      </c>
    </row>
    <row r="18780" spans="1:12">
      <c r="A18780" s="6" t="s">
        <v>4151</v>
      </c>
      <c r="B18780" s="6"/>
      <c r="C18780" s="6" t="s">
        <v>18816</v>
      </c>
      <c r="D18780" s="6"/>
      <c r="E18780" s="6" t="s">
        <v>9</v>
      </c>
      <c r="F18780" s="7">
        <v>38657</v>
      </c>
      <c r="G18780" s="8">
        <v>1</v>
      </c>
      <c r="H18780" s="8">
        <v>1</v>
      </c>
      <c r="I18780" s="8">
        <v>0</v>
      </c>
      <c r="J18780" s="8">
        <v>1</v>
      </c>
      <c r="K18780" s="9">
        <v>145</v>
      </c>
      <c r="L18780" s="6" t="s">
        <v>4151</v>
      </c>
    </row>
    <row r="18781" spans="1:12">
      <c r="A18781" s="6" t="s">
        <v>4151</v>
      </c>
      <c r="B18781" s="6"/>
      <c r="C18781" s="6" t="s">
        <v>18817</v>
      </c>
      <c r="D18781" s="6"/>
      <c r="E18781" s="6" t="s">
        <v>9</v>
      </c>
      <c r="F18781" s="7">
        <v>38657</v>
      </c>
      <c r="G18781" s="8">
        <v>1</v>
      </c>
      <c r="H18781" s="8">
        <v>1</v>
      </c>
      <c r="I18781" s="8">
        <v>0</v>
      </c>
      <c r="J18781" s="8">
        <v>1</v>
      </c>
      <c r="K18781" s="9">
        <v>5.37</v>
      </c>
      <c r="L18781" s="6" t="s">
        <v>4151</v>
      </c>
    </row>
    <row r="18782" spans="1:12">
      <c r="A18782" s="6" t="s">
        <v>4151</v>
      </c>
      <c r="B18782" s="6"/>
      <c r="C18782" s="6" t="s">
        <v>18818</v>
      </c>
      <c r="D18782" s="6"/>
      <c r="E18782" s="6" t="s">
        <v>9</v>
      </c>
      <c r="F18782" s="7">
        <v>38657</v>
      </c>
      <c r="G18782" s="8">
        <v>1</v>
      </c>
      <c r="H18782" s="8">
        <v>1</v>
      </c>
      <c r="I18782" s="8">
        <v>0</v>
      </c>
      <c r="J18782" s="8">
        <v>1</v>
      </c>
      <c r="K18782" s="9">
        <v>3.18</v>
      </c>
      <c r="L18782" s="6" t="s">
        <v>4151</v>
      </c>
    </row>
    <row r="18783" spans="1:12">
      <c r="A18783" s="6" t="s">
        <v>4151</v>
      </c>
      <c r="B18783" s="6"/>
      <c r="C18783" s="6" t="s">
        <v>18819</v>
      </c>
      <c r="D18783" s="6"/>
      <c r="E18783" s="6" t="s">
        <v>9</v>
      </c>
      <c r="F18783" s="7">
        <v>38657</v>
      </c>
      <c r="G18783" s="8">
        <v>1</v>
      </c>
      <c r="H18783" s="8">
        <v>1</v>
      </c>
      <c r="I18783" s="8">
        <v>0</v>
      </c>
      <c r="J18783" s="8">
        <v>1</v>
      </c>
      <c r="K18783" s="9">
        <v>2.00999999999999</v>
      </c>
      <c r="L18783" s="6" t="s">
        <v>4151</v>
      </c>
    </row>
    <row r="18784" spans="1:12">
      <c r="A18784" s="6" t="s">
        <v>4151</v>
      </c>
      <c r="B18784" s="6"/>
      <c r="C18784" s="6" t="s">
        <v>18820</v>
      </c>
      <c r="D18784" s="6"/>
      <c r="E18784" s="6" t="s">
        <v>9</v>
      </c>
      <c r="F18784" s="7">
        <v>38657</v>
      </c>
      <c r="G18784" s="8">
        <v>1</v>
      </c>
      <c r="H18784" s="8">
        <v>1</v>
      </c>
      <c r="I18784" s="8">
        <v>0</v>
      </c>
      <c r="J18784" s="8">
        <v>1</v>
      </c>
      <c r="K18784" s="9">
        <v>13</v>
      </c>
      <c r="L18784" s="6" t="s">
        <v>4151</v>
      </c>
    </row>
    <row r="18785" spans="1:12">
      <c r="A18785" s="6" t="s">
        <v>4151</v>
      </c>
      <c r="B18785" s="6"/>
      <c r="C18785" s="6" t="s">
        <v>18821</v>
      </c>
      <c r="D18785" s="6"/>
      <c r="E18785" s="6" t="s">
        <v>9</v>
      </c>
      <c r="F18785" s="7">
        <v>38657</v>
      </c>
      <c r="G18785" s="8">
        <v>1</v>
      </c>
      <c r="H18785" s="8">
        <v>1</v>
      </c>
      <c r="I18785" s="8">
        <v>0</v>
      </c>
      <c r="J18785" s="8">
        <v>1</v>
      </c>
      <c r="K18785" s="9">
        <v>2.2400000000000002</v>
      </c>
      <c r="L18785" s="6" t="s">
        <v>4151</v>
      </c>
    </row>
    <row r="18786" spans="1:12">
      <c r="A18786" s="6" t="s">
        <v>4151</v>
      </c>
      <c r="B18786" s="6"/>
      <c r="C18786" s="6" t="s">
        <v>18822</v>
      </c>
      <c r="D18786" s="6"/>
      <c r="E18786" s="6" t="s">
        <v>9</v>
      </c>
      <c r="F18786" s="7">
        <v>38657</v>
      </c>
      <c r="G18786" s="8">
        <v>1</v>
      </c>
      <c r="H18786" s="8">
        <v>1</v>
      </c>
      <c r="I18786" s="8">
        <v>0</v>
      </c>
      <c r="J18786" s="8">
        <v>1</v>
      </c>
      <c r="K18786" s="9">
        <v>2.44</v>
      </c>
      <c r="L18786" s="6" t="s">
        <v>4151</v>
      </c>
    </row>
    <row r="18787" spans="1:12">
      <c r="A18787" s="6" t="s">
        <v>4151</v>
      </c>
      <c r="B18787" s="6"/>
      <c r="C18787" s="6" t="s">
        <v>18823</v>
      </c>
      <c r="D18787" s="6"/>
      <c r="E18787" s="6" t="s">
        <v>9</v>
      </c>
      <c r="F18787" s="7">
        <v>38657</v>
      </c>
      <c r="G18787" s="8">
        <v>1</v>
      </c>
      <c r="H18787" s="8">
        <v>1</v>
      </c>
      <c r="I18787" s="8">
        <v>0</v>
      </c>
      <c r="J18787" s="8">
        <v>1</v>
      </c>
      <c r="K18787" s="9">
        <v>5.76</v>
      </c>
      <c r="L18787" s="6" t="s">
        <v>4151</v>
      </c>
    </row>
    <row r="18788" spans="1:12">
      <c r="A18788" s="6" t="s">
        <v>4151</v>
      </c>
      <c r="B18788" s="6"/>
      <c r="C18788" s="6" t="s">
        <v>18824</v>
      </c>
      <c r="D18788" s="6"/>
      <c r="E18788" s="6" t="s">
        <v>9</v>
      </c>
      <c r="F18788" s="7">
        <v>38657</v>
      </c>
      <c r="G18788" s="8">
        <v>1</v>
      </c>
      <c r="H18788" s="8">
        <v>1</v>
      </c>
      <c r="I18788" s="8">
        <v>0</v>
      </c>
      <c r="J18788" s="8">
        <v>1</v>
      </c>
      <c r="K18788" s="9">
        <v>6.64</v>
      </c>
      <c r="L18788" s="6" t="s">
        <v>4151</v>
      </c>
    </row>
    <row r="18789" spans="1:12">
      <c r="A18789" s="6" t="s">
        <v>4151</v>
      </c>
      <c r="B18789" s="6"/>
      <c r="C18789" s="6" t="s">
        <v>18825</v>
      </c>
      <c r="D18789" s="6"/>
      <c r="E18789" s="6" t="s">
        <v>9</v>
      </c>
      <c r="F18789" s="7">
        <v>38657</v>
      </c>
      <c r="G18789" s="8">
        <v>1</v>
      </c>
      <c r="H18789" s="8">
        <v>1</v>
      </c>
      <c r="I18789" s="8">
        <v>0</v>
      </c>
      <c r="J18789" s="8">
        <v>1</v>
      </c>
      <c r="K18789" s="9">
        <v>14</v>
      </c>
      <c r="L18789" s="6" t="s">
        <v>4151</v>
      </c>
    </row>
    <row r="18790" spans="1:12">
      <c r="A18790" s="6" t="s">
        <v>4151</v>
      </c>
      <c r="B18790" s="6"/>
      <c r="C18790" s="6" t="s">
        <v>18826</v>
      </c>
      <c r="D18790" s="6"/>
      <c r="E18790" s="6" t="s">
        <v>9</v>
      </c>
      <c r="F18790" s="7">
        <v>38657</v>
      </c>
      <c r="G18790" s="8">
        <v>1</v>
      </c>
      <c r="H18790" s="8">
        <v>1</v>
      </c>
      <c r="I18790" s="8">
        <v>0</v>
      </c>
      <c r="J18790" s="8">
        <v>1</v>
      </c>
      <c r="K18790" s="9">
        <v>1.1299999999999899</v>
      </c>
      <c r="L18790" s="6" t="s">
        <v>4151</v>
      </c>
    </row>
    <row r="18791" spans="1:12">
      <c r="A18791" s="6" t="s">
        <v>4151</v>
      </c>
      <c r="B18791" s="6"/>
      <c r="C18791" s="6" t="s">
        <v>18827</v>
      </c>
      <c r="D18791" s="6"/>
      <c r="E18791" s="6" t="s">
        <v>9</v>
      </c>
      <c r="F18791" s="7">
        <v>38657</v>
      </c>
      <c r="G18791" s="8">
        <v>1</v>
      </c>
      <c r="H18791" s="8">
        <v>1</v>
      </c>
      <c r="I18791" s="8">
        <v>0</v>
      </c>
      <c r="J18791" s="8">
        <v>1</v>
      </c>
      <c r="K18791" s="9">
        <v>7.76</v>
      </c>
      <c r="L18791" s="6" t="s">
        <v>4151</v>
      </c>
    </row>
    <row r="18792" spans="1:12">
      <c r="A18792" s="6" t="s">
        <v>4151</v>
      </c>
      <c r="B18792" s="6"/>
      <c r="C18792" s="6" t="s">
        <v>18828</v>
      </c>
      <c r="D18792" s="6"/>
      <c r="E18792" s="6" t="s">
        <v>9</v>
      </c>
      <c r="F18792" s="7">
        <v>38657</v>
      </c>
      <c r="G18792" s="8">
        <v>1</v>
      </c>
      <c r="H18792" s="8">
        <v>1</v>
      </c>
      <c r="I18792" s="8">
        <v>0</v>
      </c>
      <c r="J18792" s="8">
        <v>1</v>
      </c>
      <c r="K18792" s="9">
        <v>40</v>
      </c>
      <c r="L18792" s="6" t="s">
        <v>4151</v>
      </c>
    </row>
    <row r="18793" spans="1:12">
      <c r="A18793" s="6" t="s">
        <v>4151</v>
      </c>
      <c r="B18793" s="6"/>
      <c r="C18793" s="6" t="s">
        <v>18829</v>
      </c>
      <c r="D18793" s="6"/>
      <c r="E18793" s="6" t="s">
        <v>9</v>
      </c>
      <c r="F18793" s="7">
        <v>38657</v>
      </c>
      <c r="G18793" s="8">
        <v>1</v>
      </c>
      <c r="H18793" s="8">
        <v>1</v>
      </c>
      <c r="I18793" s="8">
        <v>0</v>
      </c>
      <c r="J18793" s="8">
        <v>1</v>
      </c>
      <c r="K18793" s="9">
        <v>1.23</v>
      </c>
      <c r="L18793" s="6" t="s">
        <v>4151</v>
      </c>
    </row>
    <row r="18794" spans="1:12">
      <c r="A18794" s="6" t="s">
        <v>4151</v>
      </c>
      <c r="B18794" s="6"/>
      <c r="C18794" s="6" t="s">
        <v>18830</v>
      </c>
      <c r="D18794" s="6"/>
      <c r="E18794" s="6" t="s">
        <v>9</v>
      </c>
      <c r="F18794" s="7">
        <v>38657</v>
      </c>
      <c r="G18794" s="8">
        <v>1</v>
      </c>
      <c r="H18794" s="8">
        <v>1</v>
      </c>
      <c r="I18794" s="8">
        <v>0</v>
      </c>
      <c r="J18794" s="8">
        <v>1</v>
      </c>
      <c r="K18794" s="9">
        <v>15</v>
      </c>
      <c r="L18794" s="6" t="s">
        <v>4151</v>
      </c>
    </row>
    <row r="18795" spans="1:12">
      <c r="A18795" s="6" t="s">
        <v>4151</v>
      </c>
      <c r="B18795" s="6"/>
      <c r="C18795" s="6" t="s">
        <v>18831</v>
      </c>
      <c r="D18795" s="6"/>
      <c r="E18795" s="6" t="s">
        <v>9</v>
      </c>
      <c r="F18795" s="7">
        <v>38657</v>
      </c>
      <c r="G18795" s="8">
        <v>1</v>
      </c>
      <c r="H18795" s="8">
        <v>1</v>
      </c>
      <c r="I18795" s="8">
        <v>0</v>
      </c>
      <c r="J18795" s="8">
        <v>1</v>
      </c>
      <c r="K18795" s="9">
        <v>5.47</v>
      </c>
      <c r="L18795" s="6" t="s">
        <v>4151</v>
      </c>
    </row>
    <row r="18796" spans="1:12">
      <c r="A18796" s="6" t="s">
        <v>4151</v>
      </c>
      <c r="B18796" s="6"/>
      <c r="C18796" s="6" t="s">
        <v>18832</v>
      </c>
      <c r="D18796" s="6"/>
      <c r="E18796" s="6" t="s">
        <v>9</v>
      </c>
      <c r="F18796" s="7">
        <v>38657</v>
      </c>
      <c r="G18796" s="8">
        <v>1</v>
      </c>
      <c r="H18796" s="8">
        <v>1</v>
      </c>
      <c r="I18796" s="8">
        <v>0</v>
      </c>
      <c r="J18796" s="8">
        <v>1</v>
      </c>
      <c r="K18796" s="9">
        <v>5.89</v>
      </c>
      <c r="L18796" s="6" t="s">
        <v>4151</v>
      </c>
    </row>
    <row r="18797" spans="1:12">
      <c r="A18797" s="6" t="s">
        <v>4151</v>
      </c>
      <c r="B18797" s="6"/>
      <c r="C18797" s="6" t="s">
        <v>18833</v>
      </c>
      <c r="D18797" s="6"/>
      <c r="E18797" s="6" t="s">
        <v>9</v>
      </c>
      <c r="F18797" s="7">
        <v>38657</v>
      </c>
      <c r="G18797" s="8">
        <v>1</v>
      </c>
      <c r="H18797" s="8">
        <v>1</v>
      </c>
      <c r="I18797" s="8">
        <v>0</v>
      </c>
      <c r="J18797" s="8">
        <v>1</v>
      </c>
      <c r="K18797" s="9">
        <v>0.33</v>
      </c>
      <c r="L18797" s="6" t="s">
        <v>4151</v>
      </c>
    </row>
    <row r="18798" spans="1:12">
      <c r="A18798" s="6" t="s">
        <v>4151</v>
      </c>
      <c r="B18798" s="6"/>
      <c r="C18798" s="6" t="s">
        <v>18834</v>
      </c>
      <c r="D18798" s="6"/>
      <c r="E18798" s="6" t="s">
        <v>9</v>
      </c>
      <c r="F18798" s="7">
        <v>38657</v>
      </c>
      <c r="G18798" s="8">
        <v>1</v>
      </c>
      <c r="H18798" s="8">
        <v>1</v>
      </c>
      <c r="I18798" s="8">
        <v>0</v>
      </c>
      <c r="J18798" s="8">
        <v>1</v>
      </c>
      <c r="K18798" s="9">
        <v>2.34</v>
      </c>
      <c r="L18798" s="6" t="s">
        <v>4151</v>
      </c>
    </row>
    <row r="18799" spans="1:12">
      <c r="A18799" s="6" t="s">
        <v>4151</v>
      </c>
      <c r="B18799" s="6"/>
      <c r="C18799" s="6" t="s">
        <v>18835</v>
      </c>
      <c r="D18799" s="6"/>
      <c r="E18799" s="6" t="s">
        <v>9</v>
      </c>
      <c r="F18799" s="7">
        <v>38657</v>
      </c>
      <c r="G18799" s="8">
        <v>1</v>
      </c>
      <c r="H18799" s="8">
        <v>1</v>
      </c>
      <c r="I18799" s="8">
        <v>0</v>
      </c>
      <c r="J18799" s="8">
        <v>1</v>
      </c>
      <c r="K18799" s="9">
        <v>97</v>
      </c>
      <c r="L18799" s="6" t="s">
        <v>4151</v>
      </c>
    </row>
    <row r="18800" spans="1:12">
      <c r="A18800" s="6" t="s">
        <v>4151</v>
      </c>
      <c r="B18800" s="6"/>
      <c r="C18800" s="6" t="s">
        <v>18836</v>
      </c>
      <c r="D18800" s="6"/>
      <c r="E18800" s="6" t="s">
        <v>9</v>
      </c>
      <c r="F18800" s="7">
        <v>38657</v>
      </c>
      <c r="G18800" s="8">
        <v>1</v>
      </c>
      <c r="H18800" s="8">
        <v>1</v>
      </c>
      <c r="I18800" s="8">
        <v>0</v>
      </c>
      <c r="J18800" s="8">
        <v>1</v>
      </c>
      <c r="K18800" s="9">
        <v>39</v>
      </c>
      <c r="L18800" s="6" t="s">
        <v>4151</v>
      </c>
    </row>
    <row r="18801" spans="1:12">
      <c r="A18801" s="6" t="s">
        <v>4151</v>
      </c>
      <c r="B18801" s="6"/>
      <c r="C18801" s="6" t="s">
        <v>18837</v>
      </c>
      <c r="D18801" s="6"/>
      <c r="E18801" s="6" t="s">
        <v>9</v>
      </c>
      <c r="F18801" s="7">
        <v>38657</v>
      </c>
      <c r="G18801" s="8">
        <v>1</v>
      </c>
      <c r="H18801" s="8">
        <v>1</v>
      </c>
      <c r="I18801" s="8">
        <v>0</v>
      </c>
      <c r="J18801" s="8">
        <v>1</v>
      </c>
      <c r="K18801" s="9">
        <v>84</v>
      </c>
      <c r="L18801" s="6" t="s">
        <v>4151</v>
      </c>
    </row>
    <row r="18802" spans="1:12">
      <c r="A18802" s="6" t="s">
        <v>4151</v>
      </c>
      <c r="B18802" s="6"/>
      <c r="C18802" s="6" t="s">
        <v>18838</v>
      </c>
      <c r="D18802" s="6"/>
      <c r="E18802" s="6" t="s">
        <v>9</v>
      </c>
      <c r="F18802" s="7">
        <v>38657</v>
      </c>
      <c r="G18802" s="8">
        <v>1</v>
      </c>
      <c r="H18802" s="8">
        <v>1</v>
      </c>
      <c r="I18802" s="8">
        <v>0</v>
      </c>
      <c r="J18802" s="8">
        <v>1</v>
      </c>
      <c r="K18802" s="9">
        <v>227</v>
      </c>
      <c r="L18802" s="6" t="s">
        <v>4151</v>
      </c>
    </row>
    <row r="18803" spans="1:12">
      <c r="A18803" s="6" t="s">
        <v>4151</v>
      </c>
      <c r="B18803" s="6"/>
      <c r="C18803" s="6" t="s">
        <v>18839</v>
      </c>
      <c r="D18803" s="6"/>
      <c r="E18803" s="6" t="s">
        <v>9</v>
      </c>
      <c r="F18803" s="7">
        <v>38657</v>
      </c>
      <c r="G18803" s="8">
        <v>1</v>
      </c>
      <c r="H18803" s="8">
        <v>1</v>
      </c>
      <c r="I18803" s="8">
        <v>0</v>
      </c>
      <c r="J18803" s="8">
        <v>1</v>
      </c>
      <c r="K18803" s="9">
        <v>7.21</v>
      </c>
      <c r="L18803" s="6" t="s">
        <v>4151</v>
      </c>
    </row>
    <row r="18804" spans="1:12">
      <c r="A18804" s="6" t="s">
        <v>4151</v>
      </c>
      <c r="B18804" s="6"/>
      <c r="C18804" s="6" t="s">
        <v>18840</v>
      </c>
      <c r="D18804" s="6"/>
      <c r="E18804" s="6" t="s">
        <v>9</v>
      </c>
      <c r="F18804" s="7">
        <v>38657</v>
      </c>
      <c r="G18804" s="8">
        <v>1</v>
      </c>
      <c r="H18804" s="8">
        <v>1</v>
      </c>
      <c r="I18804" s="8">
        <v>0</v>
      </c>
      <c r="J18804" s="8">
        <v>1</v>
      </c>
      <c r="K18804" s="9">
        <v>6.66</v>
      </c>
      <c r="L18804" s="6" t="s">
        <v>4151</v>
      </c>
    </row>
    <row r="18805" spans="1:12">
      <c r="A18805" s="6" t="s">
        <v>4151</v>
      </c>
      <c r="B18805" s="6"/>
      <c r="C18805" s="6" t="s">
        <v>18841</v>
      </c>
      <c r="D18805" s="6"/>
      <c r="E18805" s="6" t="s">
        <v>9</v>
      </c>
      <c r="F18805" s="7">
        <v>38657</v>
      </c>
      <c r="G18805" s="8">
        <v>1</v>
      </c>
      <c r="H18805" s="8">
        <v>1</v>
      </c>
      <c r="I18805" s="8">
        <v>0</v>
      </c>
      <c r="J18805" s="8">
        <v>1</v>
      </c>
      <c r="K18805" s="9">
        <v>24</v>
      </c>
      <c r="L18805" s="6" t="s">
        <v>4151</v>
      </c>
    </row>
    <row r="18806" spans="1:12">
      <c r="A18806" s="6" t="s">
        <v>4151</v>
      </c>
      <c r="B18806" s="6"/>
      <c r="C18806" s="6" t="s">
        <v>18842</v>
      </c>
      <c r="D18806" s="6"/>
      <c r="E18806" s="6" t="s">
        <v>9</v>
      </c>
      <c r="F18806" s="7">
        <v>38657</v>
      </c>
      <c r="G18806" s="8">
        <v>1</v>
      </c>
      <c r="H18806" s="8">
        <v>1</v>
      </c>
      <c r="I18806" s="8">
        <v>0</v>
      </c>
      <c r="J18806" s="8">
        <v>1</v>
      </c>
      <c r="K18806" s="9">
        <v>3.92</v>
      </c>
      <c r="L18806" s="6" t="s">
        <v>4151</v>
      </c>
    </row>
    <row r="18807" spans="1:12">
      <c r="A18807" s="6" t="s">
        <v>4151</v>
      </c>
      <c r="B18807" s="6"/>
      <c r="C18807" s="6" t="s">
        <v>18843</v>
      </c>
      <c r="D18807" s="6"/>
      <c r="E18807" s="6" t="s">
        <v>9</v>
      </c>
      <c r="F18807" s="7">
        <v>38657</v>
      </c>
      <c r="G18807" s="8">
        <v>1</v>
      </c>
      <c r="H18807" s="8">
        <v>1</v>
      </c>
      <c r="I18807" s="8">
        <v>0</v>
      </c>
      <c r="J18807" s="8">
        <v>1</v>
      </c>
      <c r="K18807" s="9">
        <v>5.05</v>
      </c>
      <c r="L18807" s="6" t="s">
        <v>4151</v>
      </c>
    </row>
    <row r="18808" spans="1:12">
      <c r="A18808" s="6" t="s">
        <v>4151</v>
      </c>
      <c r="B18808" s="6"/>
      <c r="C18808" s="6" t="s">
        <v>18844</v>
      </c>
      <c r="D18808" s="6"/>
      <c r="E18808" s="6" t="s">
        <v>9</v>
      </c>
      <c r="F18808" s="7">
        <v>38657</v>
      </c>
      <c r="G18808" s="8">
        <v>1</v>
      </c>
      <c r="H18808" s="8">
        <v>1</v>
      </c>
      <c r="I18808" s="8">
        <v>0</v>
      </c>
      <c r="J18808" s="8">
        <v>1</v>
      </c>
      <c r="K18808" s="9">
        <v>6.74</v>
      </c>
      <c r="L18808" s="6" t="s">
        <v>4151</v>
      </c>
    </row>
    <row r="18809" spans="1:12">
      <c r="A18809" s="6" t="s">
        <v>4151</v>
      </c>
      <c r="B18809" s="6"/>
      <c r="C18809" s="6" t="s">
        <v>18845</v>
      </c>
      <c r="D18809" s="6"/>
      <c r="E18809" s="6" t="s">
        <v>9</v>
      </c>
      <c r="F18809" s="7">
        <v>38657</v>
      </c>
      <c r="G18809" s="8">
        <v>1</v>
      </c>
      <c r="H18809" s="8">
        <v>1</v>
      </c>
      <c r="I18809" s="8">
        <v>0</v>
      </c>
      <c r="J18809" s="8">
        <v>1</v>
      </c>
      <c r="K18809" s="9">
        <v>6.73</v>
      </c>
      <c r="L18809" s="6" t="s">
        <v>4151</v>
      </c>
    </row>
    <row r="18810" spans="1:12">
      <c r="A18810" s="6" t="s">
        <v>4151</v>
      </c>
      <c r="B18810" s="6"/>
      <c r="C18810" s="6" t="s">
        <v>18846</v>
      </c>
      <c r="D18810" s="6"/>
      <c r="E18810" s="6" t="s">
        <v>9</v>
      </c>
      <c r="F18810" s="7">
        <v>38657</v>
      </c>
      <c r="G18810" s="8">
        <v>1</v>
      </c>
      <c r="H18810" s="8">
        <v>1</v>
      </c>
      <c r="I18810" s="8">
        <v>0</v>
      </c>
      <c r="J18810" s="8">
        <v>1</v>
      </c>
      <c r="K18810" s="9">
        <v>2.98</v>
      </c>
      <c r="L18810" s="6" t="s">
        <v>4151</v>
      </c>
    </row>
    <row r="18811" spans="1:12">
      <c r="A18811" s="6" t="s">
        <v>4151</v>
      </c>
      <c r="B18811" s="6"/>
      <c r="C18811" s="6" t="s">
        <v>18847</v>
      </c>
      <c r="D18811" s="6"/>
      <c r="E18811" s="6" t="s">
        <v>9</v>
      </c>
      <c r="F18811" s="7">
        <v>38657</v>
      </c>
      <c r="G18811" s="8">
        <v>1</v>
      </c>
      <c r="H18811" s="8">
        <v>1</v>
      </c>
      <c r="I18811" s="8">
        <v>0</v>
      </c>
      <c r="J18811" s="8">
        <v>1</v>
      </c>
      <c r="K18811" s="9">
        <v>2.17</v>
      </c>
      <c r="L18811" s="6" t="s">
        <v>4151</v>
      </c>
    </row>
    <row r="18812" spans="1:12">
      <c r="A18812" s="6" t="s">
        <v>4151</v>
      </c>
      <c r="B18812" s="6"/>
      <c r="C18812" s="6" t="s">
        <v>18848</v>
      </c>
      <c r="D18812" s="6"/>
      <c r="E18812" s="6" t="s">
        <v>9</v>
      </c>
      <c r="F18812" s="7">
        <v>38657</v>
      </c>
      <c r="G18812" s="8">
        <v>1</v>
      </c>
      <c r="H18812" s="8">
        <v>1</v>
      </c>
      <c r="I18812" s="8">
        <v>0</v>
      </c>
      <c r="J18812" s="8">
        <v>1</v>
      </c>
      <c r="K18812" s="9">
        <v>2.91</v>
      </c>
      <c r="L18812" s="6" t="s">
        <v>4151</v>
      </c>
    </row>
    <row r="18813" spans="1:12">
      <c r="A18813" s="6" t="s">
        <v>4151</v>
      </c>
      <c r="B18813" s="6"/>
      <c r="C18813" s="6" t="s">
        <v>18849</v>
      </c>
      <c r="D18813" s="6"/>
      <c r="E18813" s="6" t="s">
        <v>9</v>
      </c>
      <c r="F18813" s="7">
        <v>38657</v>
      </c>
      <c r="G18813" s="8">
        <v>1</v>
      </c>
      <c r="H18813" s="8">
        <v>1</v>
      </c>
      <c r="I18813" s="8">
        <v>0</v>
      </c>
      <c r="J18813" s="8">
        <v>1</v>
      </c>
      <c r="K18813" s="9">
        <v>71</v>
      </c>
      <c r="L18813" s="6" t="s">
        <v>4151</v>
      </c>
    </row>
    <row r="18814" spans="1:12">
      <c r="A18814" s="6" t="s">
        <v>4151</v>
      </c>
      <c r="B18814" s="6"/>
      <c r="C18814" s="6" t="s">
        <v>18850</v>
      </c>
      <c r="D18814" s="6"/>
      <c r="E18814" s="6" t="s">
        <v>9</v>
      </c>
      <c r="F18814" s="7">
        <v>38657</v>
      </c>
      <c r="G18814" s="8">
        <v>1</v>
      </c>
      <c r="H18814" s="8">
        <v>1</v>
      </c>
      <c r="I18814" s="8">
        <v>0</v>
      </c>
      <c r="J18814" s="8">
        <v>1</v>
      </c>
      <c r="K18814" s="9">
        <v>20.89</v>
      </c>
      <c r="L18814" s="6" t="s">
        <v>4151</v>
      </c>
    </row>
    <row r="18815" spans="1:12">
      <c r="A18815" s="6" t="s">
        <v>4151</v>
      </c>
      <c r="B18815" s="6"/>
      <c r="C18815" s="6" t="s">
        <v>18851</v>
      </c>
      <c r="D18815" s="6"/>
      <c r="E18815" s="6" t="s">
        <v>9</v>
      </c>
      <c r="F18815" s="7">
        <v>38657</v>
      </c>
      <c r="G18815" s="8">
        <v>1</v>
      </c>
      <c r="H18815" s="8">
        <v>1</v>
      </c>
      <c r="I18815" s="8">
        <v>0</v>
      </c>
      <c r="J18815" s="8">
        <v>1</v>
      </c>
      <c r="K18815" s="9">
        <v>18.8</v>
      </c>
      <c r="L18815" s="6" t="s">
        <v>4151</v>
      </c>
    </row>
    <row r="18816" spans="1:12">
      <c r="A18816" s="6" t="s">
        <v>4151</v>
      </c>
      <c r="B18816" s="6"/>
      <c r="C18816" s="6" t="s">
        <v>18852</v>
      </c>
      <c r="D18816" s="6"/>
      <c r="E18816" s="6" t="s">
        <v>9</v>
      </c>
      <c r="F18816" s="7">
        <v>38657</v>
      </c>
      <c r="G18816" s="8">
        <v>1</v>
      </c>
      <c r="H18816" s="8">
        <v>1</v>
      </c>
      <c r="I18816" s="8">
        <v>0</v>
      </c>
      <c r="J18816" s="8">
        <v>1</v>
      </c>
      <c r="K18816" s="9">
        <v>1.1399999999999899</v>
      </c>
      <c r="L18816" s="6" t="s">
        <v>4151</v>
      </c>
    </row>
    <row r="18817" spans="1:12">
      <c r="A18817" s="6" t="s">
        <v>4151</v>
      </c>
      <c r="B18817" s="6"/>
      <c r="C18817" s="6" t="s">
        <v>18853</v>
      </c>
      <c r="D18817" s="6"/>
      <c r="E18817" s="6" t="s">
        <v>9</v>
      </c>
      <c r="F18817" s="7">
        <v>38657</v>
      </c>
      <c r="G18817" s="8">
        <v>1</v>
      </c>
      <c r="H18817" s="8">
        <v>1</v>
      </c>
      <c r="I18817" s="8">
        <v>0</v>
      </c>
      <c r="J18817" s="8">
        <v>1</v>
      </c>
      <c r="K18817" s="9">
        <v>8.6300000000000008</v>
      </c>
      <c r="L18817" s="6" t="s">
        <v>4151</v>
      </c>
    </row>
    <row r="18818" spans="1:12">
      <c r="A18818" s="6" t="s">
        <v>4151</v>
      </c>
      <c r="B18818" s="6"/>
      <c r="C18818" s="6" t="s">
        <v>18854</v>
      </c>
      <c r="D18818" s="6"/>
      <c r="E18818" s="6" t="s">
        <v>9</v>
      </c>
      <c r="F18818" s="7">
        <v>38657</v>
      </c>
      <c r="G18818" s="8">
        <v>1</v>
      </c>
      <c r="H18818" s="8">
        <v>1</v>
      </c>
      <c r="I18818" s="8">
        <v>0</v>
      </c>
      <c r="J18818" s="8">
        <v>1</v>
      </c>
      <c r="K18818" s="9">
        <v>4.59</v>
      </c>
      <c r="L18818" s="6" t="s">
        <v>4151</v>
      </c>
    </row>
    <row r="18819" spans="1:12">
      <c r="A18819" s="6" t="s">
        <v>4151</v>
      </c>
      <c r="B18819" s="6"/>
      <c r="C18819" s="6" t="s">
        <v>18855</v>
      </c>
      <c r="D18819" s="6"/>
      <c r="E18819" s="6" t="s">
        <v>9</v>
      </c>
      <c r="F18819" s="7">
        <v>38657</v>
      </c>
      <c r="G18819" s="8">
        <v>1</v>
      </c>
      <c r="H18819" s="8">
        <v>1</v>
      </c>
      <c r="I18819" s="8">
        <v>0</v>
      </c>
      <c r="J18819" s="8">
        <v>1</v>
      </c>
      <c r="K18819" s="9">
        <v>0.71</v>
      </c>
      <c r="L18819" s="6" t="s">
        <v>4151</v>
      </c>
    </row>
    <row r="18820" spans="1:12">
      <c r="A18820" s="6" t="s">
        <v>4151</v>
      </c>
      <c r="B18820" s="6"/>
      <c r="C18820" s="6" t="s">
        <v>18856</v>
      </c>
      <c r="D18820" s="6"/>
      <c r="E18820" s="6" t="s">
        <v>9</v>
      </c>
      <c r="F18820" s="7">
        <v>38657</v>
      </c>
      <c r="G18820" s="8">
        <v>1</v>
      </c>
      <c r="H18820" s="8">
        <v>1</v>
      </c>
      <c r="I18820" s="8">
        <v>0</v>
      </c>
      <c r="J18820" s="8">
        <v>1</v>
      </c>
      <c r="K18820" s="9">
        <v>4.25</v>
      </c>
      <c r="L18820" s="6" t="s">
        <v>4151</v>
      </c>
    </row>
    <row r="18821" spans="1:12">
      <c r="A18821" s="6" t="s">
        <v>4151</v>
      </c>
      <c r="B18821" s="6"/>
      <c r="C18821" s="6" t="s">
        <v>18857</v>
      </c>
      <c r="D18821" s="6"/>
      <c r="E18821" s="6" t="s">
        <v>9</v>
      </c>
      <c r="F18821" s="7">
        <v>38657</v>
      </c>
      <c r="G18821" s="8">
        <v>1</v>
      </c>
      <c r="H18821" s="8">
        <v>1</v>
      </c>
      <c r="I18821" s="8">
        <v>0</v>
      </c>
      <c r="J18821" s="8">
        <v>1</v>
      </c>
      <c r="K18821" s="9">
        <v>9.09</v>
      </c>
      <c r="L18821" s="6" t="s">
        <v>4151</v>
      </c>
    </row>
    <row r="18822" spans="1:12">
      <c r="A18822" s="6" t="s">
        <v>4151</v>
      </c>
      <c r="B18822" s="6"/>
      <c r="C18822" s="6" t="s">
        <v>18858</v>
      </c>
      <c r="D18822" s="6"/>
      <c r="E18822" s="6" t="s">
        <v>9</v>
      </c>
      <c r="F18822" s="7">
        <v>38657</v>
      </c>
      <c r="G18822" s="8">
        <v>1</v>
      </c>
      <c r="H18822" s="8">
        <v>1</v>
      </c>
      <c r="I18822" s="8">
        <v>0</v>
      </c>
      <c r="J18822" s="8">
        <v>1</v>
      </c>
      <c r="K18822" s="9">
        <v>11</v>
      </c>
      <c r="L18822" s="6" t="s">
        <v>4151</v>
      </c>
    </row>
    <row r="18823" spans="1:12">
      <c r="A18823" s="6" t="s">
        <v>4151</v>
      </c>
      <c r="B18823" s="6"/>
      <c r="C18823" s="6" t="s">
        <v>18859</v>
      </c>
      <c r="D18823" s="6"/>
      <c r="E18823" s="6" t="s">
        <v>9</v>
      </c>
      <c r="F18823" s="7">
        <v>38657</v>
      </c>
      <c r="G18823" s="8">
        <v>1</v>
      </c>
      <c r="H18823" s="8">
        <v>1</v>
      </c>
      <c r="I18823" s="8">
        <v>0</v>
      </c>
      <c r="J18823" s="8">
        <v>1</v>
      </c>
      <c r="K18823" s="9">
        <v>1.2</v>
      </c>
      <c r="L18823" s="6" t="s">
        <v>4151</v>
      </c>
    </row>
    <row r="18824" spans="1:12">
      <c r="A18824" s="6" t="s">
        <v>4151</v>
      </c>
      <c r="B18824" s="6"/>
      <c r="C18824" s="6" t="s">
        <v>18860</v>
      </c>
      <c r="D18824" s="6"/>
      <c r="E18824" s="6" t="s">
        <v>9</v>
      </c>
      <c r="F18824" s="7">
        <v>38657</v>
      </c>
      <c r="G18824" s="8">
        <v>1</v>
      </c>
      <c r="H18824" s="8">
        <v>1</v>
      </c>
      <c r="I18824" s="8">
        <v>0</v>
      </c>
      <c r="J18824" s="8">
        <v>1</v>
      </c>
      <c r="K18824" s="9">
        <v>86</v>
      </c>
      <c r="L18824" s="6" t="s">
        <v>4151</v>
      </c>
    </row>
    <row r="18825" spans="1:12">
      <c r="A18825" s="6" t="s">
        <v>4151</v>
      </c>
      <c r="B18825" s="6"/>
      <c r="C18825" s="6" t="s">
        <v>18861</v>
      </c>
      <c r="D18825" s="6"/>
      <c r="E18825" s="6" t="s">
        <v>9</v>
      </c>
      <c r="F18825" s="7">
        <v>38657</v>
      </c>
      <c r="G18825" s="8">
        <v>1</v>
      </c>
      <c r="H18825" s="8">
        <v>1</v>
      </c>
      <c r="I18825" s="8">
        <v>0</v>
      </c>
      <c r="J18825" s="8">
        <v>1</v>
      </c>
      <c r="K18825" s="9">
        <v>3.26</v>
      </c>
      <c r="L18825" s="6" t="s">
        <v>4151</v>
      </c>
    </row>
    <row r="18826" spans="1:12">
      <c r="A18826" s="6" t="s">
        <v>4151</v>
      </c>
      <c r="B18826" s="6"/>
      <c r="C18826" s="6" t="s">
        <v>18862</v>
      </c>
      <c r="D18826" s="6"/>
      <c r="E18826" s="6" t="s">
        <v>9</v>
      </c>
      <c r="F18826" s="7">
        <v>38657</v>
      </c>
      <c r="G18826" s="8">
        <v>1</v>
      </c>
      <c r="H18826" s="8">
        <v>1</v>
      </c>
      <c r="I18826" s="8">
        <v>0</v>
      </c>
      <c r="J18826" s="8">
        <v>1</v>
      </c>
      <c r="K18826" s="9">
        <v>48</v>
      </c>
      <c r="L18826" s="6" t="s">
        <v>4151</v>
      </c>
    </row>
    <row r="18827" spans="1:12">
      <c r="A18827" s="6" t="s">
        <v>4151</v>
      </c>
      <c r="B18827" s="6"/>
      <c r="C18827" s="6" t="s">
        <v>18863</v>
      </c>
      <c r="D18827" s="6"/>
      <c r="E18827" s="6" t="s">
        <v>9</v>
      </c>
      <c r="F18827" s="7">
        <v>38657</v>
      </c>
      <c r="G18827" s="8">
        <v>1</v>
      </c>
      <c r="H18827" s="8">
        <v>1</v>
      </c>
      <c r="I18827" s="8">
        <v>0</v>
      </c>
      <c r="J18827" s="8">
        <v>1</v>
      </c>
      <c r="K18827" s="9">
        <v>3.52</v>
      </c>
      <c r="L18827" s="6" t="s">
        <v>4151</v>
      </c>
    </row>
    <row r="18828" spans="1:12">
      <c r="A18828" s="6" t="s">
        <v>4151</v>
      </c>
      <c r="B18828" s="6"/>
      <c r="C18828" s="6" t="s">
        <v>18864</v>
      </c>
      <c r="D18828" s="6"/>
      <c r="E18828" s="6" t="s">
        <v>9</v>
      </c>
      <c r="F18828" s="7">
        <v>38657</v>
      </c>
      <c r="G18828" s="8">
        <v>1</v>
      </c>
      <c r="H18828" s="8">
        <v>1</v>
      </c>
      <c r="I18828" s="8">
        <v>0</v>
      </c>
      <c r="J18828" s="8">
        <v>1</v>
      </c>
      <c r="K18828" s="9">
        <v>3.26</v>
      </c>
      <c r="L18828" s="6" t="s">
        <v>4151</v>
      </c>
    </row>
    <row r="18829" spans="1:12">
      <c r="A18829" s="6" t="s">
        <v>4151</v>
      </c>
      <c r="B18829" s="6"/>
      <c r="C18829" s="6" t="s">
        <v>18865</v>
      </c>
      <c r="D18829" s="6"/>
      <c r="E18829" s="6" t="s">
        <v>9</v>
      </c>
      <c r="F18829" s="7">
        <v>38657</v>
      </c>
      <c r="G18829" s="8">
        <v>1</v>
      </c>
      <c r="H18829" s="8">
        <v>1</v>
      </c>
      <c r="I18829" s="8">
        <v>0</v>
      </c>
      <c r="J18829" s="8">
        <v>1</v>
      </c>
      <c r="K18829" s="9">
        <v>2.64</v>
      </c>
      <c r="L18829" s="6" t="s">
        <v>4151</v>
      </c>
    </row>
    <row r="18830" spans="1:12">
      <c r="A18830" s="6" t="s">
        <v>4151</v>
      </c>
      <c r="B18830" s="6"/>
      <c r="C18830" s="6" t="s">
        <v>18866</v>
      </c>
      <c r="D18830" s="6"/>
      <c r="E18830" s="6" t="s">
        <v>9</v>
      </c>
      <c r="F18830" s="7">
        <v>38657</v>
      </c>
      <c r="G18830" s="8">
        <v>1</v>
      </c>
      <c r="H18830" s="8">
        <v>1</v>
      </c>
      <c r="I18830" s="8">
        <v>0</v>
      </c>
      <c r="J18830" s="8">
        <v>1</v>
      </c>
      <c r="K18830" s="9">
        <v>3.26</v>
      </c>
      <c r="L18830" s="6" t="s">
        <v>4151</v>
      </c>
    </row>
    <row r="18831" spans="1:12">
      <c r="A18831" s="6" t="s">
        <v>4151</v>
      </c>
      <c r="B18831" s="6"/>
      <c r="C18831" s="6" t="s">
        <v>18867</v>
      </c>
      <c r="D18831" s="6"/>
      <c r="E18831" s="6" t="s">
        <v>9</v>
      </c>
      <c r="F18831" s="7">
        <v>38657</v>
      </c>
      <c r="G18831" s="8">
        <v>1</v>
      </c>
      <c r="H18831" s="8">
        <v>1</v>
      </c>
      <c r="I18831" s="8">
        <v>0</v>
      </c>
      <c r="J18831" s="8">
        <v>1</v>
      </c>
      <c r="K18831" s="9">
        <v>3</v>
      </c>
      <c r="L18831" s="6" t="s">
        <v>4151</v>
      </c>
    </row>
    <row r="18832" spans="1:12">
      <c r="A18832" s="6" t="s">
        <v>4151</v>
      </c>
      <c r="B18832" s="6"/>
      <c r="C18832" s="6" t="s">
        <v>18868</v>
      </c>
      <c r="D18832" s="6"/>
      <c r="E18832" s="6" t="s">
        <v>9</v>
      </c>
      <c r="F18832" s="7">
        <v>38657</v>
      </c>
      <c r="G18832" s="8">
        <v>1</v>
      </c>
      <c r="H18832" s="8">
        <v>1</v>
      </c>
      <c r="I18832" s="8">
        <v>0</v>
      </c>
      <c r="J18832" s="8">
        <v>1</v>
      </c>
      <c r="K18832" s="9">
        <v>52</v>
      </c>
      <c r="L18832" s="6" t="s">
        <v>4151</v>
      </c>
    </row>
    <row r="18833" spans="1:12">
      <c r="A18833" s="6" t="s">
        <v>4151</v>
      </c>
      <c r="B18833" s="6"/>
      <c r="C18833" s="6" t="s">
        <v>18869</v>
      </c>
      <c r="D18833" s="6"/>
      <c r="E18833" s="6" t="s">
        <v>9</v>
      </c>
      <c r="F18833" s="7">
        <v>38657</v>
      </c>
      <c r="G18833" s="8">
        <v>1</v>
      </c>
      <c r="H18833" s="8">
        <v>1</v>
      </c>
      <c r="I18833" s="8">
        <v>0</v>
      </c>
      <c r="J18833" s="8">
        <v>1</v>
      </c>
      <c r="K18833" s="9">
        <v>9.52</v>
      </c>
      <c r="L18833" s="6" t="s">
        <v>4151</v>
      </c>
    </row>
    <row r="18834" spans="1:12">
      <c r="A18834" s="6" t="s">
        <v>4151</v>
      </c>
      <c r="B18834" s="6"/>
      <c r="C18834" s="6" t="s">
        <v>18870</v>
      </c>
      <c r="D18834" s="6"/>
      <c r="E18834" s="6" t="s">
        <v>9</v>
      </c>
      <c r="F18834" s="7">
        <v>38657</v>
      </c>
      <c r="G18834" s="8">
        <v>1</v>
      </c>
      <c r="H18834" s="8">
        <v>1</v>
      </c>
      <c r="I18834" s="8">
        <v>0</v>
      </c>
      <c r="J18834" s="8">
        <v>1</v>
      </c>
      <c r="K18834" s="9">
        <v>3.27</v>
      </c>
      <c r="L18834" s="6" t="s">
        <v>4151</v>
      </c>
    </row>
    <row r="18835" spans="1:12">
      <c r="A18835" s="6" t="s">
        <v>4151</v>
      </c>
      <c r="B18835" s="6"/>
      <c r="C18835" s="6" t="s">
        <v>18871</v>
      </c>
      <c r="D18835" s="6"/>
      <c r="E18835" s="6" t="s">
        <v>9</v>
      </c>
      <c r="F18835" s="7">
        <v>38657</v>
      </c>
      <c r="G18835" s="8">
        <v>1</v>
      </c>
      <c r="H18835" s="8">
        <v>1</v>
      </c>
      <c r="I18835" s="8">
        <v>0</v>
      </c>
      <c r="J18835" s="8">
        <v>1</v>
      </c>
      <c r="K18835" s="9">
        <v>4.59</v>
      </c>
      <c r="L18835" s="6" t="s">
        <v>4151</v>
      </c>
    </row>
    <row r="18836" spans="1:12">
      <c r="A18836" s="6" t="s">
        <v>4151</v>
      </c>
      <c r="B18836" s="6"/>
      <c r="C18836" s="6" t="s">
        <v>18872</v>
      </c>
      <c r="D18836" s="6"/>
      <c r="E18836" s="6" t="s">
        <v>9</v>
      </c>
      <c r="F18836" s="7">
        <v>38657</v>
      </c>
      <c r="G18836" s="8">
        <v>1</v>
      </c>
      <c r="H18836" s="8">
        <v>1</v>
      </c>
      <c r="I18836" s="8">
        <v>0</v>
      </c>
      <c r="J18836" s="8">
        <v>1</v>
      </c>
      <c r="K18836" s="9">
        <v>3.3</v>
      </c>
      <c r="L18836" s="6" t="s">
        <v>4151</v>
      </c>
    </row>
    <row r="18837" spans="1:12">
      <c r="A18837" s="6" t="s">
        <v>4151</v>
      </c>
      <c r="B18837" s="6"/>
      <c r="C18837" s="6" t="s">
        <v>18873</v>
      </c>
      <c r="D18837" s="6"/>
      <c r="E18837" s="6" t="s">
        <v>9</v>
      </c>
      <c r="F18837" s="7">
        <v>38657</v>
      </c>
      <c r="G18837" s="8">
        <v>1</v>
      </c>
      <c r="H18837" s="8">
        <v>1</v>
      </c>
      <c r="I18837" s="8">
        <v>0</v>
      </c>
      <c r="J18837" s="8">
        <v>1</v>
      </c>
      <c r="K18837" s="9">
        <v>19</v>
      </c>
      <c r="L18837" s="6" t="s">
        <v>4151</v>
      </c>
    </row>
    <row r="18838" spans="1:12">
      <c r="A18838" s="6" t="s">
        <v>4151</v>
      </c>
      <c r="B18838" s="6"/>
      <c r="C18838" s="6" t="s">
        <v>18874</v>
      </c>
      <c r="D18838" s="6"/>
      <c r="E18838" s="6" t="s">
        <v>9</v>
      </c>
      <c r="F18838" s="7">
        <v>38657</v>
      </c>
      <c r="G18838" s="8">
        <v>1</v>
      </c>
      <c r="H18838" s="8">
        <v>1</v>
      </c>
      <c r="I18838" s="8">
        <v>0</v>
      </c>
      <c r="J18838" s="8">
        <v>1</v>
      </c>
      <c r="K18838" s="9">
        <v>4.1900000000000004</v>
      </c>
      <c r="L18838" s="6" t="s">
        <v>4151</v>
      </c>
    </row>
    <row r="18839" spans="1:12">
      <c r="A18839" s="6" t="s">
        <v>4151</v>
      </c>
      <c r="B18839" s="6"/>
      <c r="C18839" s="6" t="s">
        <v>18875</v>
      </c>
      <c r="D18839" s="6"/>
      <c r="E18839" s="6" t="s">
        <v>9</v>
      </c>
      <c r="F18839" s="7">
        <v>38657</v>
      </c>
      <c r="G18839" s="8">
        <v>1</v>
      </c>
      <c r="H18839" s="8">
        <v>1</v>
      </c>
      <c r="I18839" s="8">
        <v>0</v>
      </c>
      <c r="J18839" s="8">
        <v>1</v>
      </c>
      <c r="K18839" s="9">
        <v>3.87</v>
      </c>
      <c r="L18839" s="6" t="s">
        <v>4151</v>
      </c>
    </row>
    <row r="18840" spans="1:12">
      <c r="A18840" s="6" t="s">
        <v>4151</v>
      </c>
      <c r="B18840" s="6"/>
      <c r="C18840" s="6" t="s">
        <v>18876</v>
      </c>
      <c r="D18840" s="6"/>
      <c r="E18840" s="6" t="s">
        <v>9</v>
      </c>
      <c r="F18840" s="7">
        <v>38657</v>
      </c>
      <c r="G18840" s="8">
        <v>1</v>
      </c>
      <c r="H18840" s="8">
        <v>1</v>
      </c>
      <c r="I18840" s="8">
        <v>0</v>
      </c>
      <c r="J18840" s="8">
        <v>1</v>
      </c>
      <c r="K18840" s="9">
        <v>20</v>
      </c>
      <c r="L18840" s="6" t="s">
        <v>4151</v>
      </c>
    </row>
    <row r="18841" spans="1:12">
      <c r="A18841" s="6" t="s">
        <v>4151</v>
      </c>
      <c r="B18841" s="6"/>
      <c r="C18841" s="6" t="s">
        <v>18877</v>
      </c>
      <c r="D18841" s="6"/>
      <c r="E18841" s="6" t="s">
        <v>9</v>
      </c>
      <c r="F18841" s="7">
        <v>38657</v>
      </c>
      <c r="G18841" s="8">
        <v>1</v>
      </c>
      <c r="H18841" s="8">
        <v>1</v>
      </c>
      <c r="I18841" s="8">
        <v>0</v>
      </c>
      <c r="J18841" s="8">
        <v>1</v>
      </c>
      <c r="K18841" s="9">
        <v>5.57</v>
      </c>
      <c r="L18841" s="6" t="s">
        <v>4151</v>
      </c>
    </row>
    <row r="18842" spans="1:12">
      <c r="A18842" s="6" t="s">
        <v>4151</v>
      </c>
      <c r="B18842" s="6"/>
      <c r="C18842" s="6" t="s">
        <v>18878</v>
      </c>
      <c r="D18842" s="6"/>
      <c r="E18842" s="6" t="s">
        <v>9</v>
      </c>
      <c r="F18842" s="7">
        <v>38657</v>
      </c>
      <c r="G18842" s="8">
        <v>1</v>
      </c>
      <c r="H18842" s="8">
        <v>1</v>
      </c>
      <c r="I18842" s="8">
        <v>0</v>
      </c>
      <c r="J18842" s="8">
        <v>1</v>
      </c>
      <c r="K18842" s="9">
        <v>3.31</v>
      </c>
      <c r="L18842" s="6" t="s">
        <v>4151</v>
      </c>
    </row>
    <row r="18843" spans="1:12">
      <c r="A18843" s="6" t="s">
        <v>4151</v>
      </c>
      <c r="B18843" s="6"/>
      <c r="C18843" s="6" t="s">
        <v>18879</v>
      </c>
      <c r="D18843" s="6"/>
      <c r="E18843" s="6" t="s">
        <v>9</v>
      </c>
      <c r="F18843" s="7">
        <v>38657</v>
      </c>
      <c r="G18843" s="8">
        <v>1</v>
      </c>
      <c r="H18843" s="8">
        <v>1</v>
      </c>
      <c r="I18843" s="8">
        <v>0</v>
      </c>
      <c r="J18843" s="8">
        <v>1</v>
      </c>
      <c r="K18843" s="9">
        <v>1.34</v>
      </c>
      <c r="L18843" s="6" t="s">
        <v>4151</v>
      </c>
    </row>
    <row r="18844" spans="1:12">
      <c r="A18844" s="6" t="s">
        <v>4151</v>
      </c>
      <c r="B18844" s="6"/>
      <c r="C18844" s="6" t="s">
        <v>18880</v>
      </c>
      <c r="D18844" s="6"/>
      <c r="E18844" s="6" t="s">
        <v>9</v>
      </c>
      <c r="F18844" s="7">
        <v>38657</v>
      </c>
      <c r="G18844" s="8">
        <v>1</v>
      </c>
      <c r="H18844" s="8">
        <v>1</v>
      </c>
      <c r="I18844" s="8">
        <v>0</v>
      </c>
      <c r="J18844" s="8">
        <v>1</v>
      </c>
      <c r="K18844" s="9">
        <v>1.96</v>
      </c>
      <c r="L18844" s="6" t="s">
        <v>4151</v>
      </c>
    </row>
    <row r="18845" spans="1:12">
      <c r="A18845" s="6" t="s">
        <v>4151</v>
      </c>
      <c r="B18845" s="6"/>
      <c r="C18845" s="6" t="s">
        <v>18881</v>
      </c>
      <c r="D18845" s="6"/>
      <c r="E18845" s="6" t="s">
        <v>9</v>
      </c>
      <c r="F18845" s="7">
        <v>38657</v>
      </c>
      <c r="G18845" s="8">
        <v>1</v>
      </c>
      <c r="H18845" s="8">
        <v>1</v>
      </c>
      <c r="I18845" s="8">
        <v>0</v>
      </c>
      <c r="J18845" s="8">
        <v>1</v>
      </c>
      <c r="K18845" s="9">
        <v>1.76</v>
      </c>
      <c r="L18845" s="6" t="s">
        <v>4151</v>
      </c>
    </row>
    <row r="18846" spans="1:12">
      <c r="A18846" s="6" t="s">
        <v>4151</v>
      </c>
      <c r="B18846" s="6"/>
      <c r="C18846" s="6" t="s">
        <v>18882</v>
      </c>
      <c r="D18846" s="6"/>
      <c r="E18846" s="6" t="s">
        <v>9</v>
      </c>
      <c r="F18846" s="7">
        <v>38657</v>
      </c>
      <c r="G18846" s="8">
        <v>1</v>
      </c>
      <c r="H18846" s="8">
        <v>1</v>
      </c>
      <c r="I18846" s="8">
        <v>0</v>
      </c>
      <c r="J18846" s="8">
        <v>1</v>
      </c>
      <c r="K18846" s="9">
        <v>62</v>
      </c>
      <c r="L18846" s="6" t="s">
        <v>4151</v>
      </c>
    </row>
    <row r="18847" spans="1:12">
      <c r="A18847" s="6" t="s">
        <v>4151</v>
      </c>
      <c r="B18847" s="6"/>
      <c r="C18847" s="6" t="s">
        <v>18883</v>
      </c>
      <c r="D18847" s="6"/>
      <c r="E18847" s="6" t="s">
        <v>9</v>
      </c>
      <c r="F18847" s="7">
        <v>38657</v>
      </c>
      <c r="G18847" s="8">
        <v>1</v>
      </c>
      <c r="H18847" s="8">
        <v>1</v>
      </c>
      <c r="I18847" s="8">
        <v>0</v>
      </c>
      <c r="J18847" s="8">
        <v>1</v>
      </c>
      <c r="K18847" s="9">
        <v>105</v>
      </c>
      <c r="L18847" s="6" t="s">
        <v>4151</v>
      </c>
    </row>
    <row r="18848" spans="1:12">
      <c r="A18848" s="6" t="s">
        <v>4151</v>
      </c>
      <c r="B18848" s="6"/>
      <c r="C18848" s="6" t="s">
        <v>18884</v>
      </c>
      <c r="D18848" s="6"/>
      <c r="E18848" s="6" t="s">
        <v>9</v>
      </c>
      <c r="F18848" s="7">
        <v>38657</v>
      </c>
      <c r="G18848" s="8">
        <v>1</v>
      </c>
      <c r="H18848" s="8">
        <v>1</v>
      </c>
      <c r="I18848" s="8">
        <v>0</v>
      </c>
      <c r="J18848" s="8">
        <v>1</v>
      </c>
      <c r="K18848" s="9">
        <v>1.04</v>
      </c>
      <c r="L18848" s="6" t="s">
        <v>4151</v>
      </c>
    </row>
    <row r="18849" spans="1:12">
      <c r="A18849" s="6" t="s">
        <v>4151</v>
      </c>
      <c r="B18849" s="6"/>
      <c r="C18849" s="6" t="s">
        <v>18885</v>
      </c>
      <c r="D18849" s="6"/>
      <c r="E18849" s="6" t="s">
        <v>9</v>
      </c>
      <c r="F18849" s="7">
        <v>38657</v>
      </c>
      <c r="G18849" s="8">
        <v>1</v>
      </c>
      <c r="H18849" s="8">
        <v>1</v>
      </c>
      <c r="I18849" s="8">
        <v>0</v>
      </c>
      <c r="J18849" s="8">
        <v>1</v>
      </c>
      <c r="K18849" s="9">
        <v>0.49</v>
      </c>
      <c r="L18849" s="6" t="s">
        <v>4151</v>
      </c>
    </row>
    <row r="18850" spans="1:12">
      <c r="A18850" s="6" t="s">
        <v>4151</v>
      </c>
      <c r="B18850" s="6"/>
      <c r="C18850" s="6" t="s">
        <v>18886</v>
      </c>
      <c r="D18850" s="6"/>
      <c r="E18850" s="6" t="s">
        <v>9</v>
      </c>
      <c r="F18850" s="7">
        <v>38657</v>
      </c>
      <c r="G18850" s="8">
        <v>1</v>
      </c>
      <c r="H18850" s="8">
        <v>1</v>
      </c>
      <c r="I18850" s="8">
        <v>0</v>
      </c>
      <c r="J18850" s="8">
        <v>1</v>
      </c>
      <c r="K18850" s="9">
        <v>3.3</v>
      </c>
      <c r="L18850" s="6" t="s">
        <v>4151</v>
      </c>
    </row>
    <row r="18851" spans="1:12">
      <c r="A18851" s="6" t="s">
        <v>4151</v>
      </c>
      <c r="B18851" s="6"/>
      <c r="C18851" s="6" t="s">
        <v>18887</v>
      </c>
      <c r="D18851" s="6"/>
      <c r="E18851" s="6" t="s">
        <v>9</v>
      </c>
      <c r="F18851" s="7">
        <v>38657</v>
      </c>
      <c r="G18851" s="8">
        <v>1</v>
      </c>
      <c r="H18851" s="8">
        <v>1</v>
      </c>
      <c r="I18851" s="8">
        <v>0</v>
      </c>
      <c r="J18851" s="8">
        <v>1</v>
      </c>
      <c r="K18851" s="9">
        <v>3.3</v>
      </c>
      <c r="L18851" s="6" t="s">
        <v>4151</v>
      </c>
    </row>
    <row r="18852" spans="1:12">
      <c r="A18852" s="6" t="s">
        <v>4151</v>
      </c>
      <c r="B18852" s="6"/>
      <c r="C18852" s="6" t="s">
        <v>18888</v>
      </c>
      <c r="D18852" s="6"/>
      <c r="E18852" s="6" t="s">
        <v>9</v>
      </c>
      <c r="F18852" s="7">
        <v>38657</v>
      </c>
      <c r="G18852" s="8">
        <v>1</v>
      </c>
      <c r="H18852" s="8">
        <v>1</v>
      </c>
      <c r="I18852" s="8">
        <v>0</v>
      </c>
      <c r="J18852" s="8">
        <v>1</v>
      </c>
      <c r="K18852" s="9">
        <v>5.71</v>
      </c>
      <c r="L18852" s="6" t="s">
        <v>4151</v>
      </c>
    </row>
    <row r="18853" spans="1:12">
      <c r="A18853" s="6" t="s">
        <v>4151</v>
      </c>
      <c r="B18853" s="6"/>
      <c r="C18853" s="6" t="s">
        <v>18889</v>
      </c>
      <c r="D18853" s="6"/>
      <c r="E18853" s="6" t="s">
        <v>9</v>
      </c>
      <c r="F18853" s="7">
        <v>38657</v>
      </c>
      <c r="G18853" s="8">
        <v>1</v>
      </c>
      <c r="H18853" s="8">
        <v>1</v>
      </c>
      <c r="I18853" s="8">
        <v>0</v>
      </c>
      <c r="J18853" s="8">
        <v>1</v>
      </c>
      <c r="K18853" s="9">
        <v>3.3</v>
      </c>
      <c r="L18853" s="6" t="s">
        <v>4151</v>
      </c>
    </row>
    <row r="18854" spans="1:12">
      <c r="A18854" s="6" t="s">
        <v>4151</v>
      </c>
      <c r="B18854" s="6"/>
      <c r="C18854" s="6" t="s">
        <v>18890</v>
      </c>
      <c r="D18854" s="6"/>
      <c r="E18854" s="6" t="s">
        <v>9</v>
      </c>
      <c r="F18854" s="7">
        <v>38657</v>
      </c>
      <c r="G18854" s="8">
        <v>1</v>
      </c>
      <c r="H18854" s="8">
        <v>1</v>
      </c>
      <c r="I18854" s="8">
        <v>0</v>
      </c>
      <c r="J18854" s="8">
        <v>1</v>
      </c>
      <c r="K18854" s="9">
        <v>9.09</v>
      </c>
      <c r="L18854" s="6" t="s">
        <v>4151</v>
      </c>
    </row>
    <row r="18855" spans="1:12">
      <c r="A18855" s="6" t="s">
        <v>4151</v>
      </c>
      <c r="B18855" s="6"/>
      <c r="C18855" s="6" t="s">
        <v>18891</v>
      </c>
      <c r="D18855" s="6"/>
      <c r="E18855" s="6" t="s">
        <v>9</v>
      </c>
      <c r="F18855" s="7">
        <v>38657</v>
      </c>
      <c r="G18855" s="8">
        <v>1</v>
      </c>
      <c r="H18855" s="8">
        <v>1</v>
      </c>
      <c r="I18855" s="8">
        <v>0</v>
      </c>
      <c r="J18855" s="8">
        <v>1</v>
      </c>
      <c r="K18855" s="9">
        <v>3.3</v>
      </c>
      <c r="L18855" s="6" t="s">
        <v>4151</v>
      </c>
    </row>
    <row r="18856" spans="1:12">
      <c r="A18856" s="6" t="s">
        <v>4151</v>
      </c>
      <c r="B18856" s="6"/>
      <c r="C18856" s="6" t="s">
        <v>18892</v>
      </c>
      <c r="D18856" s="6"/>
      <c r="E18856" s="6" t="s">
        <v>9</v>
      </c>
      <c r="F18856" s="7">
        <v>38657</v>
      </c>
      <c r="G18856" s="8">
        <v>1</v>
      </c>
      <c r="H18856" s="8">
        <v>1</v>
      </c>
      <c r="I18856" s="8">
        <v>0</v>
      </c>
      <c r="J18856" s="8">
        <v>1</v>
      </c>
      <c r="K18856" s="9">
        <v>1.73</v>
      </c>
      <c r="L18856" s="6" t="s">
        <v>4151</v>
      </c>
    </row>
    <row r="18857" spans="1:12">
      <c r="A18857" s="6" t="s">
        <v>4151</v>
      </c>
      <c r="B18857" s="6"/>
      <c r="C18857" s="6" t="s">
        <v>18893</v>
      </c>
      <c r="D18857" s="6"/>
      <c r="E18857" s="6" t="s">
        <v>9</v>
      </c>
      <c r="F18857" s="7">
        <v>38657</v>
      </c>
      <c r="G18857" s="8">
        <v>1</v>
      </c>
      <c r="H18857" s="8">
        <v>1</v>
      </c>
      <c r="I18857" s="8">
        <v>0</v>
      </c>
      <c r="J18857" s="8">
        <v>1</v>
      </c>
      <c r="K18857" s="9">
        <v>0.63</v>
      </c>
      <c r="L18857" s="6" t="s">
        <v>4151</v>
      </c>
    </row>
    <row r="18858" spans="1:12">
      <c r="A18858" s="6" t="s">
        <v>4151</v>
      </c>
      <c r="B18858" s="6"/>
      <c r="C18858" s="6" t="s">
        <v>18894</v>
      </c>
      <c r="D18858" s="6"/>
      <c r="E18858" s="6" t="s">
        <v>9</v>
      </c>
      <c r="F18858" s="7">
        <v>38657</v>
      </c>
      <c r="G18858" s="8">
        <v>1</v>
      </c>
      <c r="H18858" s="8">
        <v>1</v>
      </c>
      <c r="I18858" s="8">
        <v>0</v>
      </c>
      <c r="J18858" s="8">
        <v>1</v>
      </c>
      <c r="K18858" s="9">
        <v>40</v>
      </c>
      <c r="L18858" s="6" t="s">
        <v>4151</v>
      </c>
    </row>
    <row r="18859" spans="1:12">
      <c r="A18859" s="6" t="s">
        <v>4151</v>
      </c>
      <c r="B18859" s="6"/>
      <c r="C18859" s="6" t="s">
        <v>18895</v>
      </c>
      <c r="D18859" s="6"/>
      <c r="E18859" s="6" t="s">
        <v>9</v>
      </c>
      <c r="F18859" s="7">
        <v>38657</v>
      </c>
      <c r="G18859" s="8">
        <v>1</v>
      </c>
      <c r="H18859" s="8">
        <v>1</v>
      </c>
      <c r="I18859" s="8">
        <v>0</v>
      </c>
      <c r="J18859" s="8">
        <v>1</v>
      </c>
      <c r="K18859" s="9">
        <v>7.33</v>
      </c>
      <c r="L18859" s="6" t="s">
        <v>4151</v>
      </c>
    </row>
    <row r="18860" spans="1:12">
      <c r="A18860" s="6" t="s">
        <v>4151</v>
      </c>
      <c r="B18860" s="6"/>
      <c r="C18860" s="6" t="s">
        <v>18896</v>
      </c>
      <c r="D18860" s="6"/>
      <c r="E18860" s="6" t="s">
        <v>9</v>
      </c>
      <c r="F18860" s="7">
        <v>38657</v>
      </c>
      <c r="G18860" s="8">
        <v>1</v>
      </c>
      <c r="H18860" s="8">
        <v>1</v>
      </c>
      <c r="I18860" s="8">
        <v>0</v>
      </c>
      <c r="J18860" s="8">
        <v>1</v>
      </c>
      <c r="K18860" s="9">
        <v>2.66</v>
      </c>
      <c r="L18860" s="6" t="s">
        <v>4151</v>
      </c>
    </row>
    <row r="18861" spans="1:12">
      <c r="A18861" s="6" t="s">
        <v>4151</v>
      </c>
      <c r="B18861" s="6"/>
      <c r="C18861" s="6" t="s">
        <v>18897</v>
      </c>
      <c r="D18861" s="6"/>
      <c r="E18861" s="6" t="s">
        <v>9</v>
      </c>
      <c r="F18861" s="7">
        <v>38657</v>
      </c>
      <c r="G18861" s="8">
        <v>1</v>
      </c>
      <c r="H18861" s="8">
        <v>1</v>
      </c>
      <c r="I18861" s="8">
        <v>0</v>
      </c>
      <c r="J18861" s="8">
        <v>1</v>
      </c>
      <c r="K18861" s="9">
        <v>9.09</v>
      </c>
      <c r="L18861" s="6" t="s">
        <v>4151</v>
      </c>
    </row>
    <row r="18862" spans="1:12">
      <c r="A18862" s="6" t="s">
        <v>4151</v>
      </c>
      <c r="B18862" s="6"/>
      <c r="C18862" s="6" t="s">
        <v>18898</v>
      </c>
      <c r="D18862" s="6"/>
      <c r="E18862" s="6" t="s">
        <v>9</v>
      </c>
      <c r="F18862" s="7">
        <v>38657</v>
      </c>
      <c r="G18862" s="8">
        <v>1</v>
      </c>
      <c r="H18862" s="8">
        <v>1</v>
      </c>
      <c r="I18862" s="8">
        <v>0</v>
      </c>
      <c r="J18862" s="8">
        <v>1</v>
      </c>
      <c r="K18862" s="9">
        <v>3.3</v>
      </c>
      <c r="L18862" s="6" t="s">
        <v>4151</v>
      </c>
    </row>
    <row r="18863" spans="1:12">
      <c r="A18863" s="6" t="s">
        <v>4151</v>
      </c>
      <c r="B18863" s="6"/>
      <c r="C18863" s="6" t="s">
        <v>18899</v>
      </c>
      <c r="D18863" s="6"/>
      <c r="E18863" s="6" t="s">
        <v>9</v>
      </c>
      <c r="F18863" s="7">
        <v>38657</v>
      </c>
      <c r="G18863" s="8">
        <v>1</v>
      </c>
      <c r="H18863" s="8">
        <v>1</v>
      </c>
      <c r="I18863" s="8">
        <v>0</v>
      </c>
      <c r="J18863" s="8">
        <v>1</v>
      </c>
      <c r="K18863" s="9">
        <v>9.84</v>
      </c>
      <c r="L18863" s="6" t="s">
        <v>4151</v>
      </c>
    </row>
    <row r="18864" spans="1:12">
      <c r="A18864" s="6" t="s">
        <v>4151</v>
      </c>
      <c r="B18864" s="6"/>
      <c r="C18864" s="6" t="s">
        <v>18900</v>
      </c>
      <c r="D18864" s="6"/>
      <c r="E18864" s="6" t="s">
        <v>9</v>
      </c>
      <c r="F18864" s="7">
        <v>38657</v>
      </c>
      <c r="G18864" s="8">
        <v>1</v>
      </c>
      <c r="H18864" s="8">
        <v>1</v>
      </c>
      <c r="I18864" s="8">
        <v>0</v>
      </c>
      <c r="J18864" s="8">
        <v>1</v>
      </c>
      <c r="K18864" s="9">
        <v>3.58</v>
      </c>
      <c r="L18864" s="6" t="s">
        <v>4151</v>
      </c>
    </row>
    <row r="18865" spans="1:12">
      <c r="A18865" s="6" t="s">
        <v>4151</v>
      </c>
      <c r="B18865" s="6"/>
      <c r="C18865" s="6" t="s">
        <v>18901</v>
      </c>
      <c r="D18865" s="6"/>
      <c r="E18865" s="6" t="s">
        <v>9</v>
      </c>
      <c r="F18865" s="7">
        <v>38657</v>
      </c>
      <c r="G18865" s="8">
        <v>1</v>
      </c>
      <c r="H18865" s="8">
        <v>1</v>
      </c>
      <c r="I18865" s="8">
        <v>0</v>
      </c>
      <c r="J18865" s="8">
        <v>1</v>
      </c>
      <c r="K18865" s="9">
        <v>3.79</v>
      </c>
      <c r="L18865" s="6" t="s">
        <v>4151</v>
      </c>
    </row>
    <row r="18866" spans="1:12">
      <c r="A18866" s="6" t="s">
        <v>4151</v>
      </c>
      <c r="B18866" s="6"/>
      <c r="C18866" s="6" t="s">
        <v>18902</v>
      </c>
      <c r="D18866" s="6"/>
      <c r="E18866" s="6" t="s">
        <v>9</v>
      </c>
      <c r="F18866" s="7">
        <v>38657</v>
      </c>
      <c r="G18866" s="8">
        <v>1</v>
      </c>
      <c r="H18866" s="8">
        <v>1</v>
      </c>
      <c r="I18866" s="8">
        <v>0</v>
      </c>
      <c r="J18866" s="8">
        <v>1</v>
      </c>
      <c r="K18866" s="9">
        <v>1.37</v>
      </c>
      <c r="L18866" s="6" t="s">
        <v>4151</v>
      </c>
    </row>
    <row r="18867" spans="1:12">
      <c r="A18867" s="6" t="s">
        <v>4151</v>
      </c>
      <c r="B18867" s="6"/>
      <c r="C18867" s="6" t="s">
        <v>18903</v>
      </c>
      <c r="D18867" s="6"/>
      <c r="E18867" s="6" t="s">
        <v>9</v>
      </c>
      <c r="F18867" s="7">
        <v>38657</v>
      </c>
      <c r="G18867" s="8">
        <v>1</v>
      </c>
      <c r="H18867" s="8">
        <v>1</v>
      </c>
      <c r="I18867" s="8">
        <v>0</v>
      </c>
      <c r="J18867" s="8">
        <v>1</v>
      </c>
      <c r="K18867" s="9">
        <v>4.55</v>
      </c>
      <c r="L18867" s="6" t="s">
        <v>4151</v>
      </c>
    </row>
    <row r="18868" spans="1:12">
      <c r="A18868" s="6" t="s">
        <v>4151</v>
      </c>
      <c r="B18868" s="6"/>
      <c r="C18868" s="6" t="s">
        <v>18904</v>
      </c>
      <c r="D18868" s="6"/>
      <c r="E18868" s="6" t="s">
        <v>9</v>
      </c>
      <c r="F18868" s="7">
        <v>38657</v>
      </c>
      <c r="G18868" s="8">
        <v>1</v>
      </c>
      <c r="H18868" s="8">
        <v>1</v>
      </c>
      <c r="I18868" s="8">
        <v>0</v>
      </c>
      <c r="J18868" s="8">
        <v>1</v>
      </c>
      <c r="K18868" s="9">
        <v>1.65</v>
      </c>
      <c r="L18868" s="6" t="s">
        <v>4151</v>
      </c>
    </row>
    <row r="18869" spans="1:12">
      <c r="A18869" s="6" t="s">
        <v>4151</v>
      </c>
      <c r="B18869" s="6"/>
      <c r="C18869" s="6" t="s">
        <v>18905</v>
      </c>
      <c r="D18869" s="6"/>
      <c r="E18869" s="6" t="s">
        <v>9</v>
      </c>
      <c r="F18869" s="7">
        <v>38657</v>
      </c>
      <c r="G18869" s="8">
        <v>1</v>
      </c>
      <c r="H18869" s="8">
        <v>1</v>
      </c>
      <c r="I18869" s="8">
        <v>0</v>
      </c>
      <c r="J18869" s="8">
        <v>1</v>
      </c>
      <c r="K18869" s="9">
        <v>15</v>
      </c>
      <c r="L18869" s="6" t="s">
        <v>4151</v>
      </c>
    </row>
    <row r="18870" spans="1:12">
      <c r="A18870" s="6" t="s">
        <v>4151</v>
      </c>
      <c r="B18870" s="6"/>
      <c r="C18870" s="6" t="s">
        <v>18906</v>
      </c>
      <c r="D18870" s="6"/>
      <c r="E18870" s="6" t="s">
        <v>9</v>
      </c>
      <c r="F18870" s="7">
        <v>38657</v>
      </c>
      <c r="G18870" s="8">
        <v>1</v>
      </c>
      <c r="H18870" s="8">
        <v>1</v>
      </c>
      <c r="I18870" s="8">
        <v>0</v>
      </c>
      <c r="J18870" s="8">
        <v>1</v>
      </c>
      <c r="K18870" s="9">
        <v>6.45</v>
      </c>
      <c r="L18870" s="6" t="s">
        <v>4151</v>
      </c>
    </row>
    <row r="18871" spans="1:12">
      <c r="A18871" s="6" t="s">
        <v>4151</v>
      </c>
      <c r="B18871" s="6"/>
      <c r="C18871" s="6" t="s">
        <v>18907</v>
      </c>
      <c r="D18871" s="6"/>
      <c r="E18871" s="6" t="s">
        <v>9</v>
      </c>
      <c r="F18871" s="7">
        <v>38657</v>
      </c>
      <c r="G18871" s="8">
        <v>1</v>
      </c>
      <c r="H18871" s="8">
        <v>1</v>
      </c>
      <c r="I18871" s="8">
        <v>0</v>
      </c>
      <c r="J18871" s="8">
        <v>1</v>
      </c>
      <c r="K18871" s="9">
        <v>23</v>
      </c>
      <c r="L18871" s="6" t="s">
        <v>4151</v>
      </c>
    </row>
    <row r="18872" spans="1:12">
      <c r="A18872" s="6" t="s">
        <v>4151</v>
      </c>
      <c r="B18872" s="6"/>
      <c r="C18872" s="6" t="s">
        <v>18908</v>
      </c>
      <c r="D18872" s="6"/>
      <c r="E18872" s="6" t="s">
        <v>9</v>
      </c>
      <c r="F18872" s="7">
        <v>38657</v>
      </c>
      <c r="G18872" s="8">
        <v>1</v>
      </c>
      <c r="H18872" s="8">
        <v>1</v>
      </c>
      <c r="I18872" s="8">
        <v>0</v>
      </c>
      <c r="J18872" s="8">
        <v>1</v>
      </c>
      <c r="K18872" s="9">
        <v>2.27</v>
      </c>
      <c r="L18872" s="6" t="s">
        <v>4151</v>
      </c>
    </row>
    <row r="18873" spans="1:12">
      <c r="A18873" s="6" t="s">
        <v>4151</v>
      </c>
      <c r="B18873" s="6"/>
      <c r="C18873" s="6" t="s">
        <v>18909</v>
      </c>
      <c r="D18873" s="6"/>
      <c r="E18873" s="6" t="s">
        <v>9</v>
      </c>
      <c r="F18873" s="7">
        <v>38657</v>
      </c>
      <c r="G18873" s="8">
        <v>1</v>
      </c>
      <c r="H18873" s="8">
        <v>1</v>
      </c>
      <c r="I18873" s="8">
        <v>0</v>
      </c>
      <c r="J18873" s="8">
        <v>1</v>
      </c>
      <c r="K18873" s="9">
        <v>9.09</v>
      </c>
      <c r="L18873" s="6" t="s">
        <v>4151</v>
      </c>
    </row>
    <row r="18874" spans="1:12">
      <c r="A18874" s="6" t="s">
        <v>4151</v>
      </c>
      <c r="B18874" s="6"/>
      <c r="C18874" s="6" t="s">
        <v>18910</v>
      </c>
      <c r="D18874" s="6"/>
      <c r="E18874" s="6" t="s">
        <v>9</v>
      </c>
      <c r="F18874" s="7">
        <v>38657</v>
      </c>
      <c r="G18874" s="8">
        <v>1</v>
      </c>
      <c r="H18874" s="8">
        <v>1</v>
      </c>
      <c r="I18874" s="8">
        <v>0</v>
      </c>
      <c r="J18874" s="8">
        <v>1</v>
      </c>
      <c r="K18874" s="9">
        <v>22</v>
      </c>
      <c r="L18874" s="6" t="s">
        <v>4151</v>
      </c>
    </row>
    <row r="18875" spans="1:12">
      <c r="A18875" s="6" t="s">
        <v>4151</v>
      </c>
      <c r="B18875" s="6"/>
      <c r="C18875" s="6" t="s">
        <v>18911</v>
      </c>
      <c r="D18875" s="6"/>
      <c r="E18875" s="6" t="s">
        <v>9</v>
      </c>
      <c r="F18875" s="7">
        <v>38657</v>
      </c>
      <c r="G18875" s="8">
        <v>1</v>
      </c>
      <c r="H18875" s="8">
        <v>1</v>
      </c>
      <c r="I18875" s="8">
        <v>0</v>
      </c>
      <c r="J18875" s="8">
        <v>1</v>
      </c>
      <c r="K18875" s="9">
        <v>3.23</v>
      </c>
      <c r="L18875" s="6" t="s">
        <v>4151</v>
      </c>
    </row>
    <row r="18876" spans="1:12">
      <c r="A18876" s="6" t="s">
        <v>4151</v>
      </c>
      <c r="B18876" s="6"/>
      <c r="C18876" s="6" t="s">
        <v>18912</v>
      </c>
      <c r="D18876" s="6"/>
      <c r="E18876" s="6" t="s">
        <v>9</v>
      </c>
      <c r="F18876" s="7">
        <v>38657</v>
      </c>
      <c r="G18876" s="8">
        <v>1</v>
      </c>
      <c r="H18876" s="8">
        <v>1</v>
      </c>
      <c r="I18876" s="8">
        <v>0</v>
      </c>
      <c r="J18876" s="8">
        <v>1</v>
      </c>
      <c r="K18876" s="9">
        <v>9.09</v>
      </c>
      <c r="L18876" s="6" t="s">
        <v>4151</v>
      </c>
    </row>
    <row r="18877" spans="1:12">
      <c r="A18877" s="6" t="s">
        <v>4151</v>
      </c>
      <c r="B18877" s="6"/>
      <c r="C18877" s="6" t="s">
        <v>18913</v>
      </c>
      <c r="D18877" s="6"/>
      <c r="E18877" s="6" t="s">
        <v>9</v>
      </c>
      <c r="F18877" s="7">
        <v>38657</v>
      </c>
      <c r="G18877" s="8">
        <v>1</v>
      </c>
      <c r="H18877" s="8">
        <v>1</v>
      </c>
      <c r="I18877" s="8">
        <v>0</v>
      </c>
      <c r="J18877" s="8">
        <v>1</v>
      </c>
      <c r="K18877" s="9">
        <v>3.3</v>
      </c>
      <c r="L18877" s="6" t="s">
        <v>4151</v>
      </c>
    </row>
    <row r="18878" spans="1:12">
      <c r="A18878" s="6" t="s">
        <v>4151</v>
      </c>
      <c r="B18878" s="6"/>
      <c r="C18878" s="6" t="s">
        <v>18914</v>
      </c>
      <c r="D18878" s="6"/>
      <c r="E18878" s="6" t="s">
        <v>9</v>
      </c>
      <c r="F18878" s="7">
        <v>38657</v>
      </c>
      <c r="G18878" s="8">
        <v>1</v>
      </c>
      <c r="H18878" s="8">
        <v>1</v>
      </c>
      <c r="I18878" s="8">
        <v>0</v>
      </c>
      <c r="J18878" s="8">
        <v>1</v>
      </c>
      <c r="K18878" s="9">
        <v>9.09</v>
      </c>
      <c r="L18878" s="6" t="s">
        <v>4151</v>
      </c>
    </row>
    <row r="18879" spans="1:12">
      <c r="A18879" s="6" t="s">
        <v>4151</v>
      </c>
      <c r="B18879" s="6"/>
      <c r="C18879" s="6" t="s">
        <v>18915</v>
      </c>
      <c r="D18879" s="6"/>
      <c r="E18879" s="6" t="s">
        <v>9</v>
      </c>
      <c r="F18879" s="7">
        <v>38657</v>
      </c>
      <c r="G18879" s="8">
        <v>1</v>
      </c>
      <c r="H18879" s="8">
        <v>1</v>
      </c>
      <c r="I18879" s="8">
        <v>0</v>
      </c>
      <c r="J18879" s="8">
        <v>1</v>
      </c>
      <c r="K18879" s="9">
        <v>3.3</v>
      </c>
      <c r="L18879" s="6" t="s">
        <v>4151</v>
      </c>
    </row>
    <row r="18880" spans="1:12">
      <c r="A18880" s="6" t="s">
        <v>4151</v>
      </c>
      <c r="B18880" s="6"/>
      <c r="C18880" s="6" t="s">
        <v>18916</v>
      </c>
      <c r="D18880" s="6"/>
      <c r="E18880" s="6" t="s">
        <v>9</v>
      </c>
      <c r="F18880" s="7">
        <v>38657</v>
      </c>
      <c r="G18880" s="8">
        <v>1</v>
      </c>
      <c r="H18880" s="8">
        <v>1</v>
      </c>
      <c r="I18880" s="8">
        <v>0</v>
      </c>
      <c r="J18880" s="8">
        <v>1</v>
      </c>
      <c r="K18880" s="9">
        <v>532</v>
      </c>
      <c r="L18880" s="6" t="s">
        <v>4151</v>
      </c>
    </row>
    <row r="18881" spans="1:12">
      <c r="A18881" s="6" t="s">
        <v>4151</v>
      </c>
      <c r="B18881" s="6"/>
      <c r="C18881" s="6" t="s">
        <v>18917</v>
      </c>
      <c r="D18881" s="6"/>
      <c r="E18881" s="6" t="s">
        <v>9</v>
      </c>
      <c r="F18881" s="7">
        <v>38657</v>
      </c>
      <c r="G18881" s="8">
        <v>1</v>
      </c>
      <c r="H18881" s="8">
        <v>1</v>
      </c>
      <c r="I18881" s="8">
        <v>0</v>
      </c>
      <c r="J18881" s="8">
        <v>1</v>
      </c>
      <c r="K18881" s="9">
        <v>4.55</v>
      </c>
      <c r="L18881" s="6" t="s">
        <v>4151</v>
      </c>
    </row>
    <row r="18882" spans="1:12">
      <c r="A18882" s="6" t="s">
        <v>4151</v>
      </c>
      <c r="B18882" s="6"/>
      <c r="C18882" s="6" t="s">
        <v>18918</v>
      </c>
      <c r="D18882" s="6"/>
      <c r="E18882" s="6" t="s">
        <v>9</v>
      </c>
      <c r="F18882" s="7">
        <v>38657</v>
      </c>
      <c r="G18882" s="8">
        <v>1</v>
      </c>
      <c r="H18882" s="8">
        <v>1</v>
      </c>
      <c r="I18882" s="8">
        <v>0</v>
      </c>
      <c r="J18882" s="8">
        <v>1</v>
      </c>
      <c r="K18882" s="9">
        <v>4.55</v>
      </c>
      <c r="L18882" s="6" t="s">
        <v>4151</v>
      </c>
    </row>
    <row r="18883" spans="1:12">
      <c r="A18883" s="6" t="s">
        <v>4151</v>
      </c>
      <c r="B18883" s="6"/>
      <c r="C18883" s="6" t="s">
        <v>18919</v>
      </c>
      <c r="D18883" s="6"/>
      <c r="E18883" s="6" t="s">
        <v>9</v>
      </c>
      <c r="F18883" s="7">
        <v>38657</v>
      </c>
      <c r="G18883" s="8">
        <v>1</v>
      </c>
      <c r="H18883" s="8">
        <v>1</v>
      </c>
      <c r="I18883" s="8">
        <v>0</v>
      </c>
      <c r="J18883" s="8">
        <v>1</v>
      </c>
      <c r="K18883" s="9">
        <v>1.65</v>
      </c>
      <c r="L18883" s="6" t="s">
        <v>4151</v>
      </c>
    </row>
    <row r="18884" spans="1:12">
      <c r="A18884" s="6" t="s">
        <v>4151</v>
      </c>
      <c r="B18884" s="6"/>
      <c r="C18884" s="6" t="s">
        <v>18920</v>
      </c>
      <c r="D18884" s="6"/>
      <c r="E18884" s="6" t="s">
        <v>9</v>
      </c>
      <c r="F18884" s="7">
        <v>38657</v>
      </c>
      <c r="G18884" s="8">
        <v>1</v>
      </c>
      <c r="H18884" s="8">
        <v>1</v>
      </c>
      <c r="I18884" s="8">
        <v>0</v>
      </c>
      <c r="J18884" s="8">
        <v>1</v>
      </c>
      <c r="K18884" s="9">
        <v>9.09</v>
      </c>
      <c r="L18884" s="6" t="s">
        <v>4151</v>
      </c>
    </row>
    <row r="18885" spans="1:12">
      <c r="A18885" s="6" t="s">
        <v>4151</v>
      </c>
      <c r="B18885" s="6"/>
      <c r="C18885" s="6" t="s">
        <v>18921</v>
      </c>
      <c r="D18885" s="6"/>
      <c r="E18885" s="6" t="s">
        <v>9</v>
      </c>
      <c r="F18885" s="7">
        <v>38657</v>
      </c>
      <c r="G18885" s="8">
        <v>1</v>
      </c>
      <c r="H18885" s="8">
        <v>1</v>
      </c>
      <c r="I18885" s="8">
        <v>0</v>
      </c>
      <c r="J18885" s="8">
        <v>1</v>
      </c>
      <c r="K18885" s="9">
        <v>3.3</v>
      </c>
      <c r="L18885" s="6" t="s">
        <v>4151</v>
      </c>
    </row>
    <row r="18886" spans="1:12">
      <c r="A18886" s="6" t="s">
        <v>4151</v>
      </c>
      <c r="B18886" s="6"/>
      <c r="C18886" s="6" t="s">
        <v>18922</v>
      </c>
      <c r="D18886" s="6"/>
      <c r="E18886" s="6" t="s">
        <v>9</v>
      </c>
      <c r="F18886" s="7">
        <v>38657</v>
      </c>
      <c r="G18886" s="8">
        <v>1</v>
      </c>
      <c r="H18886" s="8">
        <v>1</v>
      </c>
      <c r="I18886" s="8">
        <v>0</v>
      </c>
      <c r="J18886" s="8">
        <v>1</v>
      </c>
      <c r="K18886" s="9">
        <v>4.55</v>
      </c>
      <c r="L18886" s="6" t="s">
        <v>4151</v>
      </c>
    </row>
    <row r="18887" spans="1:12">
      <c r="A18887" s="6" t="s">
        <v>4151</v>
      </c>
      <c r="B18887" s="6"/>
      <c r="C18887" s="6" t="s">
        <v>18923</v>
      </c>
      <c r="D18887" s="6"/>
      <c r="E18887" s="6" t="s">
        <v>9</v>
      </c>
      <c r="F18887" s="7">
        <v>38657</v>
      </c>
      <c r="G18887" s="8">
        <v>1</v>
      </c>
      <c r="H18887" s="8">
        <v>1</v>
      </c>
      <c r="I18887" s="8">
        <v>0</v>
      </c>
      <c r="J18887" s="8">
        <v>1</v>
      </c>
      <c r="K18887" s="9">
        <v>4.55</v>
      </c>
      <c r="L18887" s="6" t="s">
        <v>4151</v>
      </c>
    </row>
    <row r="18888" spans="1:12">
      <c r="A18888" s="6" t="s">
        <v>4151</v>
      </c>
      <c r="B18888" s="6"/>
      <c r="C18888" s="6" t="s">
        <v>18924</v>
      </c>
      <c r="D18888" s="6"/>
      <c r="E18888" s="6" t="s">
        <v>9</v>
      </c>
      <c r="F18888" s="7">
        <v>38657</v>
      </c>
      <c r="G18888" s="8">
        <v>1</v>
      </c>
      <c r="H18888" s="8">
        <v>1</v>
      </c>
      <c r="I18888" s="8">
        <v>0</v>
      </c>
      <c r="J18888" s="8">
        <v>1</v>
      </c>
      <c r="K18888" s="9">
        <v>1.65</v>
      </c>
      <c r="L18888" s="6" t="s">
        <v>4151</v>
      </c>
    </row>
    <row r="18889" spans="1:12">
      <c r="A18889" s="6" t="s">
        <v>4151</v>
      </c>
      <c r="B18889" s="6"/>
      <c r="C18889" s="6" t="s">
        <v>18925</v>
      </c>
      <c r="D18889" s="6"/>
      <c r="E18889" s="6" t="s">
        <v>9</v>
      </c>
      <c r="F18889" s="7">
        <v>38657</v>
      </c>
      <c r="G18889" s="8">
        <v>1</v>
      </c>
      <c r="H18889" s="8">
        <v>1</v>
      </c>
      <c r="I18889" s="8">
        <v>0</v>
      </c>
      <c r="J18889" s="8">
        <v>1</v>
      </c>
      <c r="K18889" s="9">
        <v>1.65</v>
      </c>
      <c r="L18889" s="6" t="s">
        <v>4151</v>
      </c>
    </row>
    <row r="18890" spans="1:12">
      <c r="A18890" s="6" t="s">
        <v>4151</v>
      </c>
      <c r="B18890" s="6"/>
      <c r="C18890" s="6" t="s">
        <v>18926</v>
      </c>
      <c r="D18890" s="6"/>
      <c r="E18890" s="6" t="s">
        <v>9</v>
      </c>
      <c r="F18890" s="7">
        <v>38657</v>
      </c>
      <c r="G18890" s="8">
        <v>1</v>
      </c>
      <c r="H18890" s="8">
        <v>1</v>
      </c>
      <c r="I18890" s="8">
        <v>0</v>
      </c>
      <c r="J18890" s="8">
        <v>1</v>
      </c>
      <c r="K18890" s="9">
        <v>9.09</v>
      </c>
      <c r="L18890" s="6" t="s">
        <v>4151</v>
      </c>
    </row>
    <row r="18891" spans="1:12">
      <c r="A18891" s="6" t="s">
        <v>4151</v>
      </c>
      <c r="B18891" s="6"/>
      <c r="C18891" s="6" t="s">
        <v>18927</v>
      </c>
      <c r="D18891" s="6"/>
      <c r="E18891" s="6" t="s">
        <v>9</v>
      </c>
      <c r="F18891" s="7">
        <v>38657</v>
      </c>
      <c r="G18891" s="8">
        <v>1</v>
      </c>
      <c r="H18891" s="8">
        <v>1</v>
      </c>
      <c r="I18891" s="8">
        <v>0</v>
      </c>
      <c r="J18891" s="8">
        <v>1</v>
      </c>
      <c r="K18891" s="9">
        <v>39</v>
      </c>
      <c r="L18891" s="6" t="s">
        <v>4151</v>
      </c>
    </row>
    <row r="18892" spans="1:12">
      <c r="A18892" s="6" t="s">
        <v>4151</v>
      </c>
      <c r="B18892" s="6"/>
      <c r="C18892" s="6" t="s">
        <v>18928</v>
      </c>
      <c r="D18892" s="6"/>
      <c r="E18892" s="6" t="s">
        <v>9</v>
      </c>
      <c r="F18892" s="7">
        <v>38657</v>
      </c>
      <c r="G18892" s="8">
        <v>1</v>
      </c>
      <c r="H18892" s="8">
        <v>1</v>
      </c>
      <c r="I18892" s="8">
        <v>0</v>
      </c>
      <c r="J18892" s="8">
        <v>1</v>
      </c>
      <c r="K18892" s="9">
        <v>3.3</v>
      </c>
      <c r="L18892" s="6" t="s">
        <v>4151</v>
      </c>
    </row>
    <row r="18893" spans="1:12">
      <c r="A18893" s="6" t="s">
        <v>4151</v>
      </c>
      <c r="B18893" s="6"/>
      <c r="C18893" s="6" t="s">
        <v>18929</v>
      </c>
      <c r="D18893" s="6"/>
      <c r="E18893" s="6" t="s">
        <v>9</v>
      </c>
      <c r="F18893" s="7">
        <v>38657</v>
      </c>
      <c r="G18893" s="8">
        <v>1</v>
      </c>
      <c r="H18893" s="8">
        <v>1</v>
      </c>
      <c r="I18893" s="8">
        <v>0</v>
      </c>
      <c r="J18893" s="8">
        <v>1</v>
      </c>
      <c r="K18893" s="9">
        <v>9.49</v>
      </c>
      <c r="L18893" s="6" t="s">
        <v>4151</v>
      </c>
    </row>
    <row r="18894" spans="1:12">
      <c r="A18894" s="6" t="s">
        <v>4151</v>
      </c>
      <c r="B18894" s="6"/>
      <c r="C18894" s="6" t="s">
        <v>18930</v>
      </c>
      <c r="D18894" s="6"/>
      <c r="E18894" s="6" t="s">
        <v>9</v>
      </c>
      <c r="F18894" s="7">
        <v>38657</v>
      </c>
      <c r="G18894" s="8">
        <v>1</v>
      </c>
      <c r="H18894" s="8">
        <v>1</v>
      </c>
      <c r="I18894" s="8">
        <v>0</v>
      </c>
      <c r="J18894" s="8">
        <v>1</v>
      </c>
      <c r="K18894" s="9">
        <v>3.3</v>
      </c>
      <c r="L18894" s="6" t="s">
        <v>4151</v>
      </c>
    </row>
    <row r="18895" spans="1:12">
      <c r="A18895" s="6" t="s">
        <v>4151</v>
      </c>
      <c r="B18895" s="6"/>
      <c r="C18895" s="6" t="s">
        <v>18931</v>
      </c>
      <c r="D18895" s="6"/>
      <c r="E18895" s="6" t="s">
        <v>9</v>
      </c>
      <c r="F18895" s="7">
        <v>38657</v>
      </c>
      <c r="G18895" s="8">
        <v>1</v>
      </c>
      <c r="H18895" s="8">
        <v>1</v>
      </c>
      <c r="I18895" s="8">
        <v>0</v>
      </c>
      <c r="J18895" s="8">
        <v>1</v>
      </c>
      <c r="K18895" s="9">
        <v>13</v>
      </c>
      <c r="L18895" s="6" t="s">
        <v>4151</v>
      </c>
    </row>
    <row r="18896" spans="1:12">
      <c r="A18896" s="6" t="s">
        <v>4151</v>
      </c>
      <c r="B18896" s="6"/>
      <c r="C18896" s="6" t="s">
        <v>18932</v>
      </c>
      <c r="D18896" s="6"/>
      <c r="E18896" s="6" t="s">
        <v>9</v>
      </c>
      <c r="F18896" s="7">
        <v>38657</v>
      </c>
      <c r="G18896" s="8">
        <v>1</v>
      </c>
      <c r="H18896" s="8">
        <v>1</v>
      </c>
      <c r="I18896" s="8">
        <v>0</v>
      </c>
      <c r="J18896" s="8">
        <v>1</v>
      </c>
      <c r="K18896" s="9">
        <v>3.3</v>
      </c>
      <c r="L18896" s="6" t="s">
        <v>4151</v>
      </c>
    </row>
    <row r="18897" spans="1:12">
      <c r="A18897" s="6" t="s">
        <v>4151</v>
      </c>
      <c r="B18897" s="6"/>
      <c r="C18897" s="6" t="s">
        <v>18933</v>
      </c>
      <c r="D18897" s="6"/>
      <c r="E18897" s="6" t="s">
        <v>9</v>
      </c>
      <c r="F18897" s="7">
        <v>38657</v>
      </c>
      <c r="G18897" s="8">
        <v>1</v>
      </c>
      <c r="H18897" s="8">
        <v>1</v>
      </c>
      <c r="I18897" s="8">
        <v>0</v>
      </c>
      <c r="J18897" s="8">
        <v>1</v>
      </c>
      <c r="K18897" s="9">
        <v>17</v>
      </c>
      <c r="L18897" s="6" t="s">
        <v>4151</v>
      </c>
    </row>
    <row r="18898" spans="1:12">
      <c r="A18898" s="6" t="s">
        <v>4151</v>
      </c>
      <c r="B18898" s="6"/>
      <c r="C18898" s="6" t="s">
        <v>18934</v>
      </c>
      <c r="D18898" s="6"/>
      <c r="E18898" s="6" t="s">
        <v>9</v>
      </c>
      <c r="F18898" s="7">
        <v>38657</v>
      </c>
      <c r="G18898" s="8">
        <v>1</v>
      </c>
      <c r="H18898" s="8">
        <v>1</v>
      </c>
      <c r="I18898" s="8">
        <v>0</v>
      </c>
      <c r="J18898" s="8">
        <v>1</v>
      </c>
      <c r="K18898" s="9">
        <v>6.55</v>
      </c>
      <c r="L18898" s="6" t="s">
        <v>4151</v>
      </c>
    </row>
    <row r="18899" spans="1:12">
      <c r="A18899" s="6" t="s">
        <v>4151</v>
      </c>
      <c r="B18899" s="6"/>
      <c r="C18899" s="6" t="s">
        <v>18935</v>
      </c>
      <c r="D18899" s="6"/>
      <c r="E18899" s="6" t="s">
        <v>9</v>
      </c>
      <c r="F18899" s="7">
        <v>38657</v>
      </c>
      <c r="G18899" s="8">
        <v>1</v>
      </c>
      <c r="H18899" s="8">
        <v>1</v>
      </c>
      <c r="I18899" s="8">
        <v>0</v>
      </c>
      <c r="J18899" s="8">
        <v>1</v>
      </c>
      <c r="K18899" s="9">
        <v>0.63</v>
      </c>
      <c r="L18899" s="6" t="s">
        <v>4151</v>
      </c>
    </row>
    <row r="18900" spans="1:12">
      <c r="A18900" s="6" t="s">
        <v>4151</v>
      </c>
      <c r="B18900" s="6"/>
      <c r="C18900" s="6" t="s">
        <v>18936</v>
      </c>
      <c r="D18900" s="6"/>
      <c r="E18900" s="6" t="s">
        <v>9</v>
      </c>
      <c r="F18900" s="7">
        <v>38657</v>
      </c>
      <c r="G18900" s="8">
        <v>1</v>
      </c>
      <c r="H18900" s="8">
        <v>1</v>
      </c>
      <c r="I18900" s="8">
        <v>0</v>
      </c>
      <c r="J18900" s="8">
        <v>1</v>
      </c>
      <c r="K18900" s="9">
        <v>0.97</v>
      </c>
      <c r="L18900" s="6" t="s">
        <v>4151</v>
      </c>
    </row>
    <row r="18901" spans="1:12">
      <c r="A18901" s="6" t="s">
        <v>4151</v>
      </c>
      <c r="B18901" s="6"/>
      <c r="C18901" s="6" t="s">
        <v>18937</v>
      </c>
      <c r="D18901" s="6"/>
      <c r="E18901" s="6" t="s">
        <v>9</v>
      </c>
      <c r="F18901" s="7">
        <v>38657</v>
      </c>
      <c r="G18901" s="8">
        <v>1</v>
      </c>
      <c r="H18901" s="8">
        <v>1</v>
      </c>
      <c r="I18901" s="8">
        <v>0</v>
      </c>
      <c r="J18901" s="8">
        <v>1</v>
      </c>
      <c r="K18901" s="9">
        <v>17</v>
      </c>
      <c r="L18901" s="6" t="s">
        <v>4151</v>
      </c>
    </row>
    <row r="18902" spans="1:12">
      <c r="A18902" s="6" t="s">
        <v>4151</v>
      </c>
      <c r="B18902" s="6"/>
      <c r="C18902" s="6" t="s">
        <v>18938</v>
      </c>
      <c r="D18902" s="6"/>
      <c r="E18902" s="6" t="s">
        <v>9</v>
      </c>
      <c r="F18902" s="7">
        <v>38657</v>
      </c>
      <c r="G18902" s="8">
        <v>1</v>
      </c>
      <c r="H18902" s="8">
        <v>1</v>
      </c>
      <c r="I18902" s="8">
        <v>0</v>
      </c>
      <c r="J18902" s="8">
        <v>1</v>
      </c>
      <c r="K18902" s="9">
        <v>3.63</v>
      </c>
      <c r="L18902" s="6" t="s">
        <v>4151</v>
      </c>
    </row>
    <row r="18903" spans="1:12">
      <c r="A18903" s="6" t="s">
        <v>4151</v>
      </c>
      <c r="B18903" s="6"/>
      <c r="C18903" s="6" t="s">
        <v>18939</v>
      </c>
      <c r="D18903" s="6"/>
      <c r="E18903" s="6" t="s">
        <v>9</v>
      </c>
      <c r="F18903" s="7">
        <v>38657</v>
      </c>
      <c r="G18903" s="8">
        <v>1</v>
      </c>
      <c r="H18903" s="8">
        <v>1</v>
      </c>
      <c r="I18903" s="8">
        <v>0</v>
      </c>
      <c r="J18903" s="8">
        <v>1</v>
      </c>
      <c r="K18903" s="9">
        <v>35</v>
      </c>
      <c r="L18903" s="6" t="s">
        <v>4151</v>
      </c>
    </row>
    <row r="18904" spans="1:12">
      <c r="A18904" s="6" t="s">
        <v>4151</v>
      </c>
      <c r="B18904" s="6"/>
      <c r="C18904" s="6" t="s">
        <v>18940</v>
      </c>
      <c r="D18904" s="6"/>
      <c r="E18904" s="6" t="s">
        <v>9</v>
      </c>
      <c r="F18904" s="7">
        <v>38657</v>
      </c>
      <c r="G18904" s="8">
        <v>1</v>
      </c>
      <c r="H18904" s="8">
        <v>1</v>
      </c>
      <c r="I18904" s="8">
        <v>0</v>
      </c>
      <c r="J18904" s="8">
        <v>1</v>
      </c>
      <c r="K18904" s="9">
        <v>0.35</v>
      </c>
      <c r="L18904" s="6" t="s">
        <v>4151</v>
      </c>
    </row>
    <row r="18905" spans="1:12">
      <c r="A18905" s="6" t="s">
        <v>4151</v>
      </c>
      <c r="B18905" s="6"/>
      <c r="C18905" s="6" t="s">
        <v>18941</v>
      </c>
      <c r="D18905" s="6"/>
      <c r="E18905" s="6" t="s">
        <v>9</v>
      </c>
      <c r="F18905" s="7">
        <v>38657</v>
      </c>
      <c r="G18905" s="8">
        <v>1</v>
      </c>
      <c r="H18905" s="8">
        <v>1</v>
      </c>
      <c r="I18905" s="8">
        <v>0</v>
      </c>
      <c r="J18905" s="8">
        <v>1</v>
      </c>
      <c r="K18905" s="9">
        <v>0.12</v>
      </c>
      <c r="L18905" s="6" t="s">
        <v>4151</v>
      </c>
    </row>
    <row r="18906" spans="1:12">
      <c r="A18906" s="6" t="s">
        <v>4151</v>
      </c>
      <c r="B18906" s="6"/>
      <c r="C18906" s="6" t="s">
        <v>18942</v>
      </c>
      <c r="D18906" s="6"/>
      <c r="E18906" s="6" t="s">
        <v>9</v>
      </c>
      <c r="F18906" s="7">
        <v>38657</v>
      </c>
      <c r="G18906" s="8">
        <v>1</v>
      </c>
      <c r="H18906" s="8">
        <v>1</v>
      </c>
      <c r="I18906" s="8">
        <v>0</v>
      </c>
      <c r="J18906" s="8">
        <v>1</v>
      </c>
      <c r="K18906" s="9">
        <v>4.4400000000000004</v>
      </c>
      <c r="L18906" s="6" t="s">
        <v>4151</v>
      </c>
    </row>
    <row r="18907" spans="1:12">
      <c r="A18907" s="6" t="s">
        <v>4151</v>
      </c>
      <c r="B18907" s="6"/>
      <c r="C18907" s="6" t="s">
        <v>18943</v>
      </c>
      <c r="D18907" s="6"/>
      <c r="E18907" s="6" t="s">
        <v>9</v>
      </c>
      <c r="F18907" s="7">
        <v>38657</v>
      </c>
      <c r="G18907" s="8">
        <v>1</v>
      </c>
      <c r="H18907" s="8">
        <v>1</v>
      </c>
      <c r="I18907" s="8">
        <v>0</v>
      </c>
      <c r="J18907" s="8">
        <v>1</v>
      </c>
      <c r="K18907" s="9">
        <v>8.73</v>
      </c>
      <c r="L18907" s="6" t="s">
        <v>4151</v>
      </c>
    </row>
    <row r="18908" spans="1:12">
      <c r="A18908" s="6" t="s">
        <v>4151</v>
      </c>
      <c r="B18908" s="6"/>
      <c r="C18908" s="6" t="s">
        <v>18944</v>
      </c>
      <c r="D18908" s="6"/>
      <c r="E18908" s="6" t="s">
        <v>9</v>
      </c>
      <c r="F18908" s="7">
        <v>38657</v>
      </c>
      <c r="G18908" s="8">
        <v>1</v>
      </c>
      <c r="H18908" s="8">
        <v>1</v>
      </c>
      <c r="I18908" s="8">
        <v>0</v>
      </c>
      <c r="J18908" s="8">
        <v>1</v>
      </c>
      <c r="K18908" s="9">
        <v>9.09</v>
      </c>
      <c r="L18908" s="6" t="s">
        <v>4151</v>
      </c>
    </row>
    <row r="18909" spans="1:12">
      <c r="A18909" s="6" t="s">
        <v>4151</v>
      </c>
      <c r="B18909" s="6"/>
      <c r="C18909" s="6" t="s">
        <v>18945</v>
      </c>
      <c r="D18909" s="6"/>
      <c r="E18909" s="6" t="s">
        <v>9</v>
      </c>
      <c r="F18909" s="7">
        <v>38657</v>
      </c>
      <c r="G18909" s="8">
        <v>1</v>
      </c>
      <c r="H18909" s="8">
        <v>1</v>
      </c>
      <c r="I18909" s="8">
        <v>0</v>
      </c>
      <c r="J18909" s="8">
        <v>1</v>
      </c>
      <c r="K18909" s="9">
        <v>9.09</v>
      </c>
      <c r="L18909" s="6" t="s">
        <v>4151</v>
      </c>
    </row>
    <row r="18910" spans="1:12">
      <c r="A18910" s="6" t="s">
        <v>4151</v>
      </c>
      <c r="B18910" s="6"/>
      <c r="C18910" s="6" t="s">
        <v>18946</v>
      </c>
      <c r="D18910" s="6"/>
      <c r="E18910" s="6" t="s">
        <v>9</v>
      </c>
      <c r="F18910" s="7">
        <v>38657</v>
      </c>
      <c r="G18910" s="8">
        <v>1</v>
      </c>
      <c r="H18910" s="8">
        <v>1</v>
      </c>
      <c r="I18910" s="8">
        <v>0</v>
      </c>
      <c r="J18910" s="8">
        <v>1</v>
      </c>
      <c r="K18910" s="9">
        <v>4.24</v>
      </c>
      <c r="L18910" s="6" t="s">
        <v>4151</v>
      </c>
    </row>
    <row r="18911" spans="1:12">
      <c r="A18911" s="6" t="s">
        <v>4151</v>
      </c>
      <c r="B18911" s="6"/>
      <c r="C18911" s="6" t="s">
        <v>18947</v>
      </c>
      <c r="D18911" s="6"/>
      <c r="E18911" s="6" t="s">
        <v>9</v>
      </c>
      <c r="F18911" s="7">
        <v>38657</v>
      </c>
      <c r="G18911" s="8">
        <v>1</v>
      </c>
      <c r="H18911" s="8">
        <v>1</v>
      </c>
      <c r="I18911" s="8">
        <v>0</v>
      </c>
      <c r="J18911" s="8">
        <v>1</v>
      </c>
      <c r="K18911" s="9">
        <v>2.44</v>
      </c>
      <c r="L18911" s="6" t="s">
        <v>4151</v>
      </c>
    </row>
    <row r="18912" spans="1:12">
      <c r="A18912" s="6" t="s">
        <v>4151</v>
      </c>
      <c r="B18912" s="6"/>
      <c r="C18912" s="6" t="s">
        <v>18948</v>
      </c>
      <c r="D18912" s="6"/>
      <c r="E18912" s="6" t="s">
        <v>9</v>
      </c>
      <c r="F18912" s="7">
        <v>38657</v>
      </c>
      <c r="G18912" s="8">
        <v>1</v>
      </c>
      <c r="H18912" s="8">
        <v>1</v>
      </c>
      <c r="I18912" s="8">
        <v>0</v>
      </c>
      <c r="J18912" s="8">
        <v>1</v>
      </c>
      <c r="K18912" s="9">
        <v>2.4300000000000002</v>
      </c>
      <c r="L18912" s="6" t="s">
        <v>4151</v>
      </c>
    </row>
    <row r="18913" spans="1:12">
      <c r="A18913" s="6" t="s">
        <v>4151</v>
      </c>
      <c r="B18913" s="6"/>
      <c r="C18913" s="6" t="s">
        <v>18949</v>
      </c>
      <c r="D18913" s="6"/>
      <c r="E18913" s="6" t="s">
        <v>9</v>
      </c>
      <c r="F18913" s="7">
        <v>38657</v>
      </c>
      <c r="G18913" s="8">
        <v>1</v>
      </c>
      <c r="H18913" s="8">
        <v>1</v>
      </c>
      <c r="I18913" s="8">
        <v>0</v>
      </c>
      <c r="J18913" s="8">
        <v>1</v>
      </c>
      <c r="K18913" s="9">
        <v>3.81</v>
      </c>
      <c r="L18913" s="6" t="s">
        <v>4151</v>
      </c>
    </row>
    <row r="18914" spans="1:12">
      <c r="A18914" s="6" t="s">
        <v>4151</v>
      </c>
      <c r="B18914" s="6"/>
      <c r="C18914" s="6" t="s">
        <v>18950</v>
      </c>
      <c r="D18914" s="6"/>
      <c r="E18914" s="6" t="s">
        <v>9</v>
      </c>
      <c r="F18914" s="7">
        <v>38657</v>
      </c>
      <c r="G18914" s="8">
        <v>1</v>
      </c>
      <c r="H18914" s="8">
        <v>1</v>
      </c>
      <c r="I18914" s="8">
        <v>0</v>
      </c>
      <c r="J18914" s="8">
        <v>1</v>
      </c>
      <c r="K18914" s="9">
        <v>9.09</v>
      </c>
      <c r="L18914" s="6" t="s">
        <v>4151</v>
      </c>
    </row>
    <row r="18915" spans="1:12">
      <c r="A18915" s="6" t="s">
        <v>4151</v>
      </c>
      <c r="B18915" s="6"/>
      <c r="C18915" s="6" t="s">
        <v>18951</v>
      </c>
      <c r="D18915" s="6"/>
      <c r="E18915" s="6" t="s">
        <v>9</v>
      </c>
      <c r="F18915" s="7">
        <v>38657</v>
      </c>
      <c r="G18915" s="8">
        <v>1</v>
      </c>
      <c r="H18915" s="8">
        <v>1</v>
      </c>
      <c r="I18915" s="8">
        <v>0</v>
      </c>
      <c r="J18915" s="8">
        <v>1</v>
      </c>
      <c r="K18915" s="9">
        <v>9.09</v>
      </c>
      <c r="L18915" s="6" t="s">
        <v>4151</v>
      </c>
    </row>
    <row r="18916" spans="1:12">
      <c r="A18916" s="6" t="s">
        <v>4151</v>
      </c>
      <c r="B18916" s="6"/>
      <c r="C18916" s="6" t="s">
        <v>18952</v>
      </c>
      <c r="D18916" s="6"/>
      <c r="E18916" s="6" t="s">
        <v>9</v>
      </c>
      <c r="F18916" s="7">
        <v>38657</v>
      </c>
      <c r="G18916" s="8">
        <v>1</v>
      </c>
      <c r="H18916" s="8">
        <v>1</v>
      </c>
      <c r="I18916" s="8">
        <v>0</v>
      </c>
      <c r="J18916" s="8">
        <v>1</v>
      </c>
      <c r="K18916" s="9">
        <v>12</v>
      </c>
      <c r="L18916" s="6" t="s">
        <v>4151</v>
      </c>
    </row>
    <row r="18917" spans="1:12">
      <c r="A18917" s="6" t="s">
        <v>4151</v>
      </c>
      <c r="B18917" s="6"/>
      <c r="C18917" s="6" t="s">
        <v>18953</v>
      </c>
      <c r="D18917" s="6"/>
      <c r="E18917" s="6" t="s">
        <v>9</v>
      </c>
      <c r="F18917" s="7">
        <v>38657</v>
      </c>
      <c r="G18917" s="8">
        <v>1</v>
      </c>
      <c r="H18917" s="8">
        <v>1</v>
      </c>
      <c r="I18917" s="8">
        <v>0</v>
      </c>
      <c r="J18917" s="8">
        <v>1</v>
      </c>
      <c r="K18917" s="9">
        <v>2.88</v>
      </c>
      <c r="L18917" s="6" t="s">
        <v>4151</v>
      </c>
    </row>
    <row r="18918" spans="1:12">
      <c r="A18918" s="6" t="s">
        <v>4151</v>
      </c>
      <c r="B18918" s="6"/>
      <c r="C18918" s="6" t="s">
        <v>18954</v>
      </c>
      <c r="D18918" s="6"/>
      <c r="E18918" s="6" t="s">
        <v>9</v>
      </c>
      <c r="F18918" s="7">
        <v>38657</v>
      </c>
      <c r="G18918" s="8">
        <v>1</v>
      </c>
      <c r="H18918" s="8">
        <v>1</v>
      </c>
      <c r="I18918" s="8">
        <v>0</v>
      </c>
      <c r="J18918" s="8">
        <v>1</v>
      </c>
      <c r="K18918" s="9">
        <v>9.09</v>
      </c>
      <c r="L18918" s="6" t="s">
        <v>4151</v>
      </c>
    </row>
    <row r="18919" spans="1:12">
      <c r="A18919" s="6" t="s">
        <v>4151</v>
      </c>
      <c r="B18919" s="6"/>
      <c r="C18919" s="6" t="s">
        <v>18955</v>
      </c>
      <c r="D18919" s="6"/>
      <c r="E18919" s="6" t="s">
        <v>9</v>
      </c>
      <c r="F18919" s="7">
        <v>38657</v>
      </c>
      <c r="G18919" s="8">
        <v>1</v>
      </c>
      <c r="H18919" s="8">
        <v>1</v>
      </c>
      <c r="I18919" s="8">
        <v>0</v>
      </c>
      <c r="J18919" s="8">
        <v>1</v>
      </c>
      <c r="K18919" s="9">
        <v>9.09</v>
      </c>
      <c r="L18919" s="6" t="s">
        <v>4151</v>
      </c>
    </row>
    <row r="18920" spans="1:12">
      <c r="A18920" s="6" t="s">
        <v>4151</v>
      </c>
      <c r="B18920" s="6"/>
      <c r="C18920" s="6" t="s">
        <v>18956</v>
      </c>
      <c r="D18920" s="6"/>
      <c r="E18920" s="6" t="s">
        <v>9</v>
      </c>
      <c r="F18920" s="7">
        <v>38657</v>
      </c>
      <c r="G18920" s="8">
        <v>1</v>
      </c>
      <c r="H18920" s="8">
        <v>1</v>
      </c>
      <c r="I18920" s="8">
        <v>0</v>
      </c>
      <c r="J18920" s="8">
        <v>1</v>
      </c>
      <c r="K18920" s="9">
        <v>4.55</v>
      </c>
      <c r="L18920" s="6" t="s">
        <v>4151</v>
      </c>
    </row>
    <row r="18921" spans="1:12">
      <c r="A18921" s="6" t="s">
        <v>4151</v>
      </c>
      <c r="B18921" s="6"/>
      <c r="C18921" s="6" t="s">
        <v>18957</v>
      </c>
      <c r="D18921" s="6"/>
      <c r="E18921" s="6" t="s">
        <v>9</v>
      </c>
      <c r="F18921" s="7">
        <v>38657</v>
      </c>
      <c r="G18921" s="8">
        <v>1</v>
      </c>
      <c r="H18921" s="8">
        <v>1</v>
      </c>
      <c r="I18921" s="8">
        <v>0</v>
      </c>
      <c r="J18921" s="8">
        <v>1</v>
      </c>
      <c r="K18921" s="9">
        <v>4.55</v>
      </c>
      <c r="L18921" s="6" t="s">
        <v>4151</v>
      </c>
    </row>
    <row r="18922" spans="1:12">
      <c r="A18922" s="6" t="s">
        <v>4151</v>
      </c>
      <c r="B18922" s="6"/>
      <c r="C18922" s="6" t="s">
        <v>18958</v>
      </c>
      <c r="D18922" s="6"/>
      <c r="E18922" s="6" t="s">
        <v>9</v>
      </c>
      <c r="F18922" s="7">
        <v>38657</v>
      </c>
      <c r="G18922" s="8">
        <v>1</v>
      </c>
      <c r="H18922" s="8">
        <v>1</v>
      </c>
      <c r="I18922" s="8">
        <v>0</v>
      </c>
      <c r="J18922" s="8">
        <v>1</v>
      </c>
      <c r="K18922" s="9">
        <v>9.09</v>
      </c>
      <c r="L18922" s="6" t="s">
        <v>4151</v>
      </c>
    </row>
    <row r="18923" spans="1:12">
      <c r="A18923" s="6" t="s">
        <v>4151</v>
      </c>
      <c r="B18923" s="6"/>
      <c r="C18923" s="6" t="s">
        <v>18959</v>
      </c>
      <c r="D18923" s="6"/>
      <c r="E18923" s="6" t="s">
        <v>9</v>
      </c>
      <c r="F18923" s="7">
        <v>38657</v>
      </c>
      <c r="G18923" s="8">
        <v>1</v>
      </c>
      <c r="H18923" s="8">
        <v>1</v>
      </c>
      <c r="I18923" s="8">
        <v>0</v>
      </c>
      <c r="J18923" s="8">
        <v>1</v>
      </c>
      <c r="K18923" s="9">
        <v>4.55</v>
      </c>
      <c r="L18923" s="6" t="s">
        <v>4151</v>
      </c>
    </row>
    <row r="18924" spans="1:12">
      <c r="A18924" s="6" t="s">
        <v>4151</v>
      </c>
      <c r="B18924" s="6"/>
      <c r="C18924" s="6" t="s">
        <v>18960</v>
      </c>
      <c r="D18924" s="6"/>
      <c r="E18924" s="6" t="s">
        <v>9</v>
      </c>
      <c r="F18924" s="7">
        <v>38657</v>
      </c>
      <c r="G18924" s="8">
        <v>1</v>
      </c>
      <c r="H18924" s="8">
        <v>1</v>
      </c>
      <c r="I18924" s="8">
        <v>0</v>
      </c>
      <c r="J18924" s="8">
        <v>1</v>
      </c>
      <c r="K18924" s="9">
        <v>4.32</v>
      </c>
      <c r="L18924" s="6" t="s">
        <v>4151</v>
      </c>
    </row>
    <row r="18925" spans="1:12">
      <c r="A18925" s="6" t="s">
        <v>4151</v>
      </c>
      <c r="B18925" s="6"/>
      <c r="C18925" s="6" t="s">
        <v>18961</v>
      </c>
      <c r="D18925" s="6"/>
      <c r="E18925" s="6" t="s">
        <v>9</v>
      </c>
      <c r="F18925" s="7">
        <v>38657</v>
      </c>
      <c r="G18925" s="8">
        <v>1</v>
      </c>
      <c r="H18925" s="8">
        <v>1</v>
      </c>
      <c r="I18925" s="8">
        <v>0</v>
      </c>
      <c r="J18925" s="8">
        <v>1</v>
      </c>
      <c r="K18925" s="9">
        <v>3.64</v>
      </c>
      <c r="L18925" s="6" t="s">
        <v>4151</v>
      </c>
    </row>
    <row r="18926" spans="1:12">
      <c r="A18926" s="6" t="s">
        <v>4151</v>
      </c>
      <c r="B18926" s="6"/>
      <c r="C18926" s="6" t="s">
        <v>18962</v>
      </c>
      <c r="D18926" s="6"/>
      <c r="E18926" s="6" t="s">
        <v>9</v>
      </c>
      <c r="F18926" s="7">
        <v>38657</v>
      </c>
      <c r="G18926" s="8">
        <v>1</v>
      </c>
      <c r="H18926" s="8">
        <v>1</v>
      </c>
      <c r="I18926" s="8">
        <v>0</v>
      </c>
      <c r="J18926" s="8">
        <v>1</v>
      </c>
      <c r="K18926" s="9">
        <v>2.15</v>
      </c>
      <c r="L18926" s="6" t="s">
        <v>4151</v>
      </c>
    </row>
    <row r="18927" spans="1:12">
      <c r="A18927" s="6" t="s">
        <v>4151</v>
      </c>
      <c r="B18927" s="6"/>
      <c r="C18927" s="6" t="s">
        <v>18963</v>
      </c>
      <c r="D18927" s="6"/>
      <c r="E18927" s="6" t="s">
        <v>9</v>
      </c>
      <c r="F18927" s="7">
        <v>38657</v>
      </c>
      <c r="G18927" s="8">
        <v>1</v>
      </c>
      <c r="H18927" s="8">
        <v>1</v>
      </c>
      <c r="I18927" s="8">
        <v>0</v>
      </c>
      <c r="J18927" s="8">
        <v>1</v>
      </c>
      <c r="K18927" s="9">
        <v>2.76</v>
      </c>
      <c r="L18927" s="6" t="s">
        <v>4151</v>
      </c>
    </row>
    <row r="18928" spans="1:12">
      <c r="A18928" s="6" t="s">
        <v>4151</v>
      </c>
      <c r="B18928" s="6"/>
      <c r="C18928" s="6" t="s">
        <v>18964</v>
      </c>
      <c r="D18928" s="6"/>
      <c r="E18928" s="6" t="s">
        <v>9</v>
      </c>
      <c r="F18928" s="7">
        <v>38657</v>
      </c>
      <c r="G18928" s="8">
        <v>1</v>
      </c>
      <c r="H18928" s="8">
        <v>1</v>
      </c>
      <c r="I18928" s="8">
        <v>0</v>
      </c>
      <c r="J18928" s="8">
        <v>1</v>
      </c>
      <c r="K18928" s="9">
        <v>2.2200000000000002</v>
      </c>
      <c r="L18928" s="6" t="s">
        <v>4151</v>
      </c>
    </row>
    <row r="18929" spans="1:12">
      <c r="A18929" s="6" t="s">
        <v>4151</v>
      </c>
      <c r="B18929" s="6"/>
      <c r="C18929" s="6" t="s">
        <v>18965</v>
      </c>
      <c r="D18929" s="6"/>
      <c r="E18929" s="6" t="s">
        <v>9</v>
      </c>
      <c r="F18929" s="7">
        <v>38657</v>
      </c>
      <c r="G18929" s="8">
        <v>1</v>
      </c>
      <c r="H18929" s="8">
        <v>1</v>
      </c>
      <c r="I18929" s="8">
        <v>0</v>
      </c>
      <c r="J18929" s="8">
        <v>1</v>
      </c>
      <c r="K18929" s="9">
        <v>4.95</v>
      </c>
      <c r="L18929" s="6" t="s">
        <v>4151</v>
      </c>
    </row>
    <row r="18930" spans="1:12">
      <c r="A18930" s="6" t="s">
        <v>4151</v>
      </c>
      <c r="B18930" s="6"/>
      <c r="C18930" s="6" t="s">
        <v>18966</v>
      </c>
      <c r="D18930" s="6"/>
      <c r="E18930" s="6" t="s">
        <v>9</v>
      </c>
      <c r="F18930" s="7">
        <v>38657</v>
      </c>
      <c r="G18930" s="8">
        <v>1</v>
      </c>
      <c r="H18930" s="8">
        <v>1</v>
      </c>
      <c r="I18930" s="8">
        <v>0</v>
      </c>
      <c r="J18930" s="8">
        <v>1</v>
      </c>
      <c r="K18930" s="9">
        <v>2.64</v>
      </c>
      <c r="L18930" s="6" t="s">
        <v>4151</v>
      </c>
    </row>
    <row r="18931" spans="1:12">
      <c r="A18931" s="6" t="s">
        <v>4151</v>
      </c>
      <c r="B18931" s="6"/>
      <c r="C18931" s="6" t="s">
        <v>18967</v>
      </c>
      <c r="D18931" s="6"/>
      <c r="E18931" s="6" t="s">
        <v>9</v>
      </c>
      <c r="F18931" s="7">
        <v>38657</v>
      </c>
      <c r="G18931" s="8">
        <v>1</v>
      </c>
      <c r="H18931" s="8">
        <v>1</v>
      </c>
      <c r="I18931" s="8">
        <v>0</v>
      </c>
      <c r="J18931" s="8">
        <v>1</v>
      </c>
      <c r="K18931" s="9">
        <v>7.11</v>
      </c>
      <c r="L18931" s="6" t="s">
        <v>4151</v>
      </c>
    </row>
    <row r="18932" spans="1:12">
      <c r="A18932" s="6" t="s">
        <v>4151</v>
      </c>
      <c r="B18932" s="6"/>
      <c r="C18932" s="6" t="s">
        <v>18968</v>
      </c>
      <c r="D18932" s="6"/>
      <c r="E18932" s="6" t="s">
        <v>9</v>
      </c>
      <c r="F18932" s="7">
        <v>38657</v>
      </c>
      <c r="G18932" s="8">
        <v>1</v>
      </c>
      <c r="H18932" s="8">
        <v>1</v>
      </c>
      <c r="I18932" s="8">
        <v>0</v>
      </c>
      <c r="J18932" s="8">
        <v>1</v>
      </c>
      <c r="K18932" s="9">
        <v>8.82</v>
      </c>
      <c r="L18932" s="6" t="s">
        <v>4151</v>
      </c>
    </row>
    <row r="18933" spans="1:12">
      <c r="A18933" s="6" t="s">
        <v>4151</v>
      </c>
      <c r="B18933" s="6"/>
      <c r="C18933" s="6" t="s">
        <v>18969</v>
      </c>
      <c r="D18933" s="6"/>
      <c r="E18933" s="6" t="s">
        <v>9</v>
      </c>
      <c r="F18933" s="7">
        <v>38657</v>
      </c>
      <c r="G18933" s="8">
        <v>1</v>
      </c>
      <c r="H18933" s="8">
        <v>1</v>
      </c>
      <c r="I18933" s="8">
        <v>0</v>
      </c>
      <c r="J18933" s="8">
        <v>1</v>
      </c>
      <c r="K18933" s="9">
        <v>4.01</v>
      </c>
      <c r="L18933" s="6" t="s">
        <v>4151</v>
      </c>
    </row>
    <row r="18934" spans="1:12">
      <c r="A18934" s="6" t="s">
        <v>4151</v>
      </c>
      <c r="B18934" s="6"/>
      <c r="C18934" s="6" t="s">
        <v>18970</v>
      </c>
      <c r="D18934" s="6"/>
      <c r="E18934" s="6" t="s">
        <v>9</v>
      </c>
      <c r="F18934" s="7">
        <v>38657</v>
      </c>
      <c r="G18934" s="8">
        <v>1</v>
      </c>
      <c r="H18934" s="8">
        <v>1</v>
      </c>
      <c r="I18934" s="8">
        <v>0</v>
      </c>
      <c r="J18934" s="8">
        <v>1</v>
      </c>
      <c r="K18934" s="9">
        <v>2.57</v>
      </c>
      <c r="L18934" s="6" t="s">
        <v>4151</v>
      </c>
    </row>
    <row r="18935" spans="1:12">
      <c r="A18935" s="6" t="s">
        <v>4151</v>
      </c>
      <c r="B18935" s="6"/>
      <c r="C18935" s="6" t="s">
        <v>18971</v>
      </c>
      <c r="D18935" s="6"/>
      <c r="E18935" s="6" t="s">
        <v>9</v>
      </c>
      <c r="F18935" s="7">
        <v>38657</v>
      </c>
      <c r="G18935" s="8">
        <v>1</v>
      </c>
      <c r="H18935" s="8">
        <v>1</v>
      </c>
      <c r="I18935" s="8">
        <v>0</v>
      </c>
      <c r="J18935" s="8">
        <v>1</v>
      </c>
      <c r="K18935" s="9">
        <v>7.03</v>
      </c>
      <c r="L18935" s="6" t="s">
        <v>4151</v>
      </c>
    </row>
    <row r="18936" spans="1:12">
      <c r="A18936" s="6" t="s">
        <v>4151</v>
      </c>
      <c r="B18936" s="6"/>
      <c r="C18936" s="6" t="s">
        <v>18972</v>
      </c>
      <c r="D18936" s="6"/>
      <c r="E18936" s="6" t="s">
        <v>9</v>
      </c>
      <c r="F18936" s="7">
        <v>38657</v>
      </c>
      <c r="G18936" s="8">
        <v>1</v>
      </c>
      <c r="H18936" s="8">
        <v>1</v>
      </c>
      <c r="I18936" s="8">
        <v>0</v>
      </c>
      <c r="J18936" s="8">
        <v>1</v>
      </c>
      <c r="K18936" s="9">
        <v>0.92</v>
      </c>
      <c r="L18936" s="6" t="s">
        <v>4151</v>
      </c>
    </row>
    <row r="18937" spans="1:12">
      <c r="A18937" s="6" t="s">
        <v>4151</v>
      </c>
      <c r="B18937" s="6"/>
      <c r="C18937" s="6" t="s">
        <v>18973</v>
      </c>
      <c r="D18937" s="6"/>
      <c r="E18937" s="6" t="s">
        <v>9</v>
      </c>
      <c r="F18937" s="7">
        <v>38657</v>
      </c>
      <c r="G18937" s="8">
        <v>1</v>
      </c>
      <c r="H18937" s="8">
        <v>1</v>
      </c>
      <c r="I18937" s="8">
        <v>0</v>
      </c>
      <c r="J18937" s="8">
        <v>1</v>
      </c>
      <c r="K18937" s="9">
        <v>5.46</v>
      </c>
      <c r="L18937" s="6" t="s">
        <v>4151</v>
      </c>
    </row>
    <row r="18938" spans="1:12">
      <c r="A18938" s="6" t="s">
        <v>4151</v>
      </c>
      <c r="B18938" s="6"/>
      <c r="C18938" s="6" t="s">
        <v>18974</v>
      </c>
      <c r="D18938" s="6"/>
      <c r="E18938" s="6" t="s">
        <v>9</v>
      </c>
      <c r="F18938" s="7">
        <v>38657</v>
      </c>
      <c r="G18938" s="8">
        <v>1</v>
      </c>
      <c r="H18938" s="8">
        <v>1</v>
      </c>
      <c r="I18938" s="8">
        <v>0</v>
      </c>
      <c r="J18938" s="8">
        <v>1</v>
      </c>
      <c r="K18938" s="9">
        <v>5.36</v>
      </c>
      <c r="L18938" s="6" t="s">
        <v>4151</v>
      </c>
    </row>
    <row r="18939" spans="1:12">
      <c r="A18939" s="6" t="s">
        <v>4151</v>
      </c>
      <c r="B18939" s="6"/>
      <c r="C18939" s="6" t="s">
        <v>18975</v>
      </c>
      <c r="D18939" s="6"/>
      <c r="E18939" s="6" t="s">
        <v>9</v>
      </c>
      <c r="F18939" s="7">
        <v>38657</v>
      </c>
      <c r="G18939" s="8">
        <v>1</v>
      </c>
      <c r="H18939" s="8">
        <v>1</v>
      </c>
      <c r="I18939" s="8">
        <v>0</v>
      </c>
      <c r="J18939" s="8">
        <v>1</v>
      </c>
      <c r="K18939" s="9">
        <v>5.29</v>
      </c>
      <c r="L18939" s="6" t="s">
        <v>4151</v>
      </c>
    </row>
    <row r="18940" spans="1:12">
      <c r="A18940" s="6" t="s">
        <v>4151</v>
      </c>
      <c r="B18940" s="6"/>
      <c r="C18940" s="6" t="s">
        <v>18976</v>
      </c>
      <c r="D18940" s="6"/>
      <c r="E18940" s="6" t="s">
        <v>9</v>
      </c>
      <c r="F18940" s="7">
        <v>38657</v>
      </c>
      <c r="G18940" s="8">
        <v>1</v>
      </c>
      <c r="H18940" s="8">
        <v>1</v>
      </c>
      <c r="I18940" s="8">
        <v>0</v>
      </c>
      <c r="J18940" s="8">
        <v>1</v>
      </c>
      <c r="K18940" s="9">
        <v>3.19</v>
      </c>
      <c r="L18940" s="6" t="s">
        <v>4151</v>
      </c>
    </row>
    <row r="18941" spans="1:12">
      <c r="A18941" s="6" t="s">
        <v>4151</v>
      </c>
      <c r="B18941" s="6"/>
      <c r="C18941" s="6" t="s">
        <v>18977</v>
      </c>
      <c r="D18941" s="6"/>
      <c r="E18941" s="6" t="s">
        <v>9</v>
      </c>
      <c r="F18941" s="7">
        <v>38657</v>
      </c>
      <c r="G18941" s="8">
        <v>1</v>
      </c>
      <c r="H18941" s="8">
        <v>1</v>
      </c>
      <c r="I18941" s="8">
        <v>0</v>
      </c>
      <c r="J18941" s="8">
        <v>1</v>
      </c>
      <c r="K18941" s="9">
        <v>5.17</v>
      </c>
      <c r="L18941" s="6" t="s">
        <v>4151</v>
      </c>
    </row>
    <row r="18942" spans="1:12">
      <c r="A18942" s="6" t="s">
        <v>4151</v>
      </c>
      <c r="B18942" s="6"/>
      <c r="C18942" s="6" t="s">
        <v>18978</v>
      </c>
      <c r="D18942" s="6"/>
      <c r="E18942" s="6" t="s">
        <v>9</v>
      </c>
      <c r="F18942" s="7">
        <v>38657</v>
      </c>
      <c r="G18942" s="8">
        <v>1</v>
      </c>
      <c r="H18942" s="8">
        <v>1</v>
      </c>
      <c r="I18942" s="8">
        <v>0</v>
      </c>
      <c r="J18942" s="8">
        <v>1</v>
      </c>
      <c r="K18942" s="9">
        <v>14</v>
      </c>
      <c r="L18942" s="6" t="s">
        <v>4151</v>
      </c>
    </row>
    <row r="18943" spans="1:12">
      <c r="A18943" s="6" t="s">
        <v>4151</v>
      </c>
      <c r="B18943" s="6"/>
      <c r="C18943" s="6" t="s">
        <v>18979</v>
      </c>
      <c r="D18943" s="6"/>
      <c r="E18943" s="6" t="s">
        <v>9</v>
      </c>
      <c r="F18943" s="7">
        <v>38657</v>
      </c>
      <c r="G18943" s="8">
        <v>1</v>
      </c>
      <c r="H18943" s="8">
        <v>1</v>
      </c>
      <c r="I18943" s="8">
        <v>0</v>
      </c>
      <c r="J18943" s="8">
        <v>1</v>
      </c>
      <c r="K18943" s="9">
        <v>7.11</v>
      </c>
      <c r="L18943" s="6" t="s">
        <v>4151</v>
      </c>
    </row>
    <row r="18944" spans="1:12">
      <c r="A18944" s="6" t="s">
        <v>4151</v>
      </c>
      <c r="B18944" s="6"/>
      <c r="C18944" s="6" t="s">
        <v>18980</v>
      </c>
      <c r="D18944" s="6"/>
      <c r="E18944" s="6" t="s">
        <v>9</v>
      </c>
      <c r="F18944" s="7">
        <v>38657</v>
      </c>
      <c r="G18944" s="8">
        <v>1</v>
      </c>
      <c r="H18944" s="8">
        <v>1</v>
      </c>
      <c r="I18944" s="8">
        <v>0</v>
      </c>
      <c r="J18944" s="8">
        <v>1</v>
      </c>
      <c r="K18944" s="9">
        <v>8.84</v>
      </c>
      <c r="L18944" s="6" t="s">
        <v>4151</v>
      </c>
    </row>
    <row r="18945" spans="1:12">
      <c r="A18945" s="6" t="s">
        <v>4151</v>
      </c>
      <c r="B18945" s="6"/>
      <c r="C18945" s="6" t="s">
        <v>18981</v>
      </c>
      <c r="D18945" s="6"/>
      <c r="E18945" s="6" t="s">
        <v>9</v>
      </c>
      <c r="F18945" s="7">
        <v>38657</v>
      </c>
      <c r="G18945" s="8">
        <v>1</v>
      </c>
      <c r="H18945" s="8">
        <v>1</v>
      </c>
      <c r="I18945" s="8">
        <v>0</v>
      </c>
      <c r="J18945" s="8">
        <v>1</v>
      </c>
      <c r="K18945" s="9">
        <v>6.63</v>
      </c>
      <c r="L18945" s="6" t="s">
        <v>4151</v>
      </c>
    </row>
    <row r="18946" spans="1:12">
      <c r="A18946" s="6" t="s">
        <v>4151</v>
      </c>
      <c r="B18946" s="6"/>
      <c r="C18946" s="6" t="s">
        <v>18982</v>
      </c>
      <c r="D18946" s="6"/>
      <c r="E18946" s="6" t="s">
        <v>9</v>
      </c>
      <c r="F18946" s="7">
        <v>38657</v>
      </c>
      <c r="G18946" s="8">
        <v>1</v>
      </c>
      <c r="H18946" s="8">
        <v>1</v>
      </c>
      <c r="I18946" s="8">
        <v>0</v>
      </c>
      <c r="J18946" s="8">
        <v>1</v>
      </c>
      <c r="K18946" s="9">
        <v>5.54</v>
      </c>
      <c r="L18946" s="6" t="s">
        <v>4151</v>
      </c>
    </row>
    <row r="18947" spans="1:12">
      <c r="A18947" s="6" t="s">
        <v>4151</v>
      </c>
      <c r="B18947" s="6"/>
      <c r="C18947" s="6" t="s">
        <v>18983</v>
      </c>
      <c r="D18947" s="6"/>
      <c r="E18947" s="6" t="s">
        <v>9</v>
      </c>
      <c r="F18947" s="7">
        <v>38657</v>
      </c>
      <c r="G18947" s="8">
        <v>1</v>
      </c>
      <c r="H18947" s="8">
        <v>1</v>
      </c>
      <c r="I18947" s="8">
        <v>0</v>
      </c>
      <c r="J18947" s="8">
        <v>1</v>
      </c>
      <c r="K18947" s="9">
        <v>3.76</v>
      </c>
      <c r="L18947" s="6" t="s">
        <v>4151</v>
      </c>
    </row>
    <row r="18948" spans="1:12">
      <c r="A18948" s="6" t="s">
        <v>4151</v>
      </c>
      <c r="B18948" s="6"/>
      <c r="C18948" s="6" t="s">
        <v>18984</v>
      </c>
      <c r="D18948" s="6"/>
      <c r="E18948" s="6" t="s">
        <v>9</v>
      </c>
      <c r="F18948" s="7">
        <v>38657</v>
      </c>
      <c r="G18948" s="8">
        <v>1</v>
      </c>
      <c r="H18948" s="8">
        <v>1</v>
      </c>
      <c r="I18948" s="8">
        <v>0</v>
      </c>
      <c r="J18948" s="8">
        <v>1</v>
      </c>
      <c r="K18948" s="9">
        <v>5.95</v>
      </c>
      <c r="L18948" s="6" t="s">
        <v>4151</v>
      </c>
    </row>
    <row r="18949" spans="1:12">
      <c r="A18949" s="6" t="s">
        <v>4151</v>
      </c>
      <c r="B18949" s="6"/>
      <c r="C18949" s="6" t="s">
        <v>18985</v>
      </c>
      <c r="D18949" s="6"/>
      <c r="E18949" s="6" t="s">
        <v>9</v>
      </c>
      <c r="F18949" s="7">
        <v>38657</v>
      </c>
      <c r="G18949" s="8">
        <v>1</v>
      </c>
      <c r="H18949" s="8">
        <v>1</v>
      </c>
      <c r="I18949" s="8">
        <v>0</v>
      </c>
      <c r="J18949" s="8">
        <v>1</v>
      </c>
      <c r="K18949" s="9">
        <v>14</v>
      </c>
      <c r="L18949" s="6" t="s">
        <v>4151</v>
      </c>
    </row>
    <row r="18950" spans="1:12">
      <c r="A18950" s="6" t="s">
        <v>4151</v>
      </c>
      <c r="B18950" s="6"/>
      <c r="C18950" s="6" t="s">
        <v>18986</v>
      </c>
      <c r="D18950" s="6"/>
      <c r="E18950" s="6" t="s">
        <v>9</v>
      </c>
      <c r="F18950" s="7">
        <v>38657</v>
      </c>
      <c r="G18950" s="8">
        <v>1</v>
      </c>
      <c r="H18950" s="8">
        <v>1</v>
      </c>
      <c r="I18950" s="8">
        <v>0</v>
      </c>
      <c r="J18950" s="8">
        <v>1</v>
      </c>
      <c r="K18950" s="9">
        <v>30</v>
      </c>
      <c r="L18950" s="6" t="s">
        <v>4151</v>
      </c>
    </row>
    <row r="18951" spans="1:12">
      <c r="A18951" s="6" t="s">
        <v>4151</v>
      </c>
      <c r="B18951" s="6"/>
      <c r="C18951" s="6" t="s">
        <v>18987</v>
      </c>
      <c r="D18951" s="6"/>
      <c r="E18951" s="6" t="s">
        <v>9</v>
      </c>
      <c r="F18951" s="7">
        <v>38657</v>
      </c>
      <c r="G18951" s="8">
        <v>1</v>
      </c>
      <c r="H18951" s="8">
        <v>1</v>
      </c>
      <c r="I18951" s="8">
        <v>0</v>
      </c>
      <c r="J18951" s="8">
        <v>1</v>
      </c>
      <c r="K18951" s="9">
        <v>30</v>
      </c>
      <c r="L18951" s="6" t="s">
        <v>4151</v>
      </c>
    </row>
    <row r="18952" spans="1:12">
      <c r="A18952" s="6" t="s">
        <v>4151</v>
      </c>
      <c r="B18952" s="6"/>
      <c r="C18952" s="6" t="s">
        <v>18988</v>
      </c>
      <c r="D18952" s="6"/>
      <c r="E18952" s="6" t="s">
        <v>9</v>
      </c>
      <c r="F18952" s="7">
        <v>38657</v>
      </c>
      <c r="G18952" s="8">
        <v>1</v>
      </c>
      <c r="H18952" s="8">
        <v>1</v>
      </c>
      <c r="I18952" s="8">
        <v>0</v>
      </c>
      <c r="J18952" s="8">
        <v>1</v>
      </c>
      <c r="K18952" s="9">
        <v>20</v>
      </c>
      <c r="L18952" s="6" t="s">
        <v>4151</v>
      </c>
    </row>
    <row r="18953" spans="1:12">
      <c r="A18953" s="6" t="s">
        <v>4151</v>
      </c>
      <c r="B18953" s="6"/>
      <c r="C18953" s="6" t="s">
        <v>18989</v>
      </c>
      <c r="D18953" s="6"/>
      <c r="E18953" s="6" t="s">
        <v>9</v>
      </c>
      <c r="F18953" s="7">
        <v>38657</v>
      </c>
      <c r="G18953" s="8">
        <v>1</v>
      </c>
      <c r="H18953" s="8">
        <v>1</v>
      </c>
      <c r="I18953" s="8">
        <v>0</v>
      </c>
      <c r="J18953" s="8">
        <v>1</v>
      </c>
      <c r="K18953" s="9">
        <v>9.07</v>
      </c>
      <c r="L18953" s="6" t="s">
        <v>4151</v>
      </c>
    </row>
    <row r="18954" spans="1:12">
      <c r="A18954" s="6" t="s">
        <v>4151</v>
      </c>
      <c r="B18954" s="6"/>
      <c r="C18954" s="6" t="s">
        <v>18990</v>
      </c>
      <c r="D18954" s="6"/>
      <c r="E18954" s="6" t="s">
        <v>9</v>
      </c>
      <c r="F18954" s="7">
        <v>38657</v>
      </c>
      <c r="G18954" s="8">
        <v>1</v>
      </c>
      <c r="H18954" s="8">
        <v>1</v>
      </c>
      <c r="I18954" s="8">
        <v>0</v>
      </c>
      <c r="J18954" s="8">
        <v>1</v>
      </c>
      <c r="K18954" s="9">
        <v>25</v>
      </c>
      <c r="L18954" s="6" t="s">
        <v>4151</v>
      </c>
    </row>
    <row r="18955" spans="1:12">
      <c r="A18955" s="6" t="s">
        <v>4151</v>
      </c>
      <c r="B18955" s="6"/>
      <c r="C18955" s="6" t="s">
        <v>18991</v>
      </c>
      <c r="D18955" s="6"/>
      <c r="E18955" s="6" t="s">
        <v>9</v>
      </c>
      <c r="F18955" s="7">
        <v>38657</v>
      </c>
      <c r="G18955" s="8">
        <v>1</v>
      </c>
      <c r="H18955" s="8">
        <v>1</v>
      </c>
      <c r="I18955" s="8">
        <v>0</v>
      </c>
      <c r="J18955" s="8">
        <v>1</v>
      </c>
      <c r="K18955" s="9">
        <v>30</v>
      </c>
      <c r="L18955" s="6" t="s">
        <v>4151</v>
      </c>
    </row>
    <row r="18956" spans="1:12">
      <c r="A18956" s="6" t="s">
        <v>4151</v>
      </c>
      <c r="B18956" s="6"/>
      <c r="C18956" s="6" t="s">
        <v>18992</v>
      </c>
      <c r="D18956" s="6"/>
      <c r="E18956" s="6" t="s">
        <v>9</v>
      </c>
      <c r="F18956" s="7">
        <v>38657</v>
      </c>
      <c r="G18956" s="8">
        <v>1</v>
      </c>
      <c r="H18956" s="8">
        <v>1</v>
      </c>
      <c r="I18956" s="8">
        <v>0</v>
      </c>
      <c r="J18956" s="8">
        <v>1</v>
      </c>
      <c r="K18956" s="9">
        <v>29</v>
      </c>
      <c r="L18956" s="6" t="s">
        <v>4151</v>
      </c>
    </row>
    <row r="18957" spans="1:12">
      <c r="A18957" s="6" t="s">
        <v>4151</v>
      </c>
      <c r="B18957" s="6"/>
      <c r="C18957" s="6" t="s">
        <v>18993</v>
      </c>
      <c r="D18957" s="6"/>
      <c r="E18957" s="6" t="s">
        <v>9</v>
      </c>
      <c r="F18957" s="7">
        <v>38657</v>
      </c>
      <c r="G18957" s="8">
        <v>1</v>
      </c>
      <c r="H18957" s="8">
        <v>1</v>
      </c>
      <c r="I18957" s="8">
        <v>0</v>
      </c>
      <c r="J18957" s="8">
        <v>1</v>
      </c>
      <c r="K18957" s="9">
        <v>62</v>
      </c>
      <c r="L18957" s="6" t="s">
        <v>4151</v>
      </c>
    </row>
    <row r="18958" spans="1:12">
      <c r="A18958" s="6" t="s">
        <v>4151</v>
      </c>
      <c r="B18958" s="6"/>
      <c r="C18958" s="6" t="s">
        <v>18994</v>
      </c>
      <c r="D18958" s="6"/>
      <c r="E18958" s="6" t="s">
        <v>9</v>
      </c>
      <c r="F18958" s="7">
        <v>38657</v>
      </c>
      <c r="G18958" s="8">
        <v>1</v>
      </c>
      <c r="H18958" s="8">
        <v>1</v>
      </c>
      <c r="I18958" s="8">
        <v>0</v>
      </c>
      <c r="J18958" s="8">
        <v>1</v>
      </c>
      <c r="K18958" s="9">
        <v>4.9800000000000004</v>
      </c>
      <c r="L18958" s="6" t="s">
        <v>4151</v>
      </c>
    </row>
    <row r="18959" spans="1:12">
      <c r="A18959" s="6" t="s">
        <v>4151</v>
      </c>
      <c r="B18959" s="6"/>
      <c r="C18959" s="6" t="s">
        <v>18995</v>
      </c>
      <c r="D18959" s="6"/>
      <c r="E18959" s="6" t="s">
        <v>9</v>
      </c>
      <c r="F18959" s="7">
        <v>38657</v>
      </c>
      <c r="G18959" s="8">
        <v>1</v>
      </c>
      <c r="H18959" s="8">
        <v>1</v>
      </c>
      <c r="I18959" s="8">
        <v>0</v>
      </c>
      <c r="J18959" s="8">
        <v>1</v>
      </c>
      <c r="K18959" s="9">
        <v>52</v>
      </c>
      <c r="L18959" s="6" t="s">
        <v>4151</v>
      </c>
    </row>
    <row r="18960" spans="1:12">
      <c r="A18960" s="6" t="s">
        <v>4151</v>
      </c>
      <c r="B18960" s="6"/>
      <c r="C18960" s="6" t="s">
        <v>18996</v>
      </c>
      <c r="D18960" s="6"/>
      <c r="E18960" s="6" t="s">
        <v>9</v>
      </c>
      <c r="F18960" s="7">
        <v>38657</v>
      </c>
      <c r="G18960" s="8">
        <v>1</v>
      </c>
      <c r="H18960" s="8">
        <v>1</v>
      </c>
      <c r="I18960" s="8">
        <v>0</v>
      </c>
      <c r="J18960" s="8">
        <v>1</v>
      </c>
      <c r="K18960" s="9">
        <v>1.74</v>
      </c>
      <c r="L18960" s="6" t="s">
        <v>4151</v>
      </c>
    </row>
    <row r="18961" spans="1:12">
      <c r="A18961" s="6" t="s">
        <v>4151</v>
      </c>
      <c r="B18961" s="6"/>
      <c r="C18961" s="6" t="s">
        <v>18997</v>
      </c>
      <c r="D18961" s="6"/>
      <c r="E18961" s="6" t="s">
        <v>9</v>
      </c>
      <c r="F18961" s="7">
        <v>38657</v>
      </c>
      <c r="G18961" s="8">
        <v>1</v>
      </c>
      <c r="H18961" s="8">
        <v>1</v>
      </c>
      <c r="I18961" s="8">
        <v>0</v>
      </c>
      <c r="J18961" s="8">
        <v>1</v>
      </c>
      <c r="K18961" s="9">
        <v>5.82</v>
      </c>
      <c r="L18961" s="6" t="s">
        <v>4151</v>
      </c>
    </row>
    <row r="18962" spans="1:12">
      <c r="A18962" s="6" t="s">
        <v>4151</v>
      </c>
      <c r="B18962" s="6"/>
      <c r="C18962" s="6" t="s">
        <v>18998</v>
      </c>
      <c r="D18962" s="6"/>
      <c r="E18962" s="6" t="s">
        <v>9</v>
      </c>
      <c r="F18962" s="7">
        <v>38657</v>
      </c>
      <c r="G18962" s="8">
        <v>1</v>
      </c>
      <c r="H18962" s="8">
        <v>1</v>
      </c>
      <c r="I18962" s="8">
        <v>0</v>
      </c>
      <c r="J18962" s="8">
        <v>1</v>
      </c>
      <c r="K18962" s="9">
        <v>9.73</v>
      </c>
      <c r="L18962" s="6" t="s">
        <v>4151</v>
      </c>
    </row>
    <row r="18963" spans="1:12">
      <c r="A18963" s="6" t="s">
        <v>4151</v>
      </c>
      <c r="B18963" s="6"/>
      <c r="C18963" s="6" t="s">
        <v>18999</v>
      </c>
      <c r="D18963" s="6"/>
      <c r="E18963" s="6" t="s">
        <v>9</v>
      </c>
      <c r="F18963" s="7">
        <v>38657</v>
      </c>
      <c r="G18963" s="8">
        <v>1</v>
      </c>
      <c r="H18963" s="8">
        <v>1</v>
      </c>
      <c r="I18963" s="8">
        <v>0</v>
      </c>
      <c r="J18963" s="8">
        <v>1</v>
      </c>
      <c r="K18963" s="9">
        <v>22</v>
      </c>
      <c r="L18963" s="6" t="s">
        <v>4151</v>
      </c>
    </row>
    <row r="18964" spans="1:12">
      <c r="A18964" s="6" t="s">
        <v>4151</v>
      </c>
      <c r="B18964" s="6"/>
      <c r="C18964" s="6" t="s">
        <v>19000</v>
      </c>
      <c r="D18964" s="6"/>
      <c r="E18964" s="6" t="s">
        <v>9</v>
      </c>
      <c r="F18964" s="7">
        <v>38657</v>
      </c>
      <c r="G18964" s="8">
        <v>1</v>
      </c>
      <c r="H18964" s="8">
        <v>1</v>
      </c>
      <c r="I18964" s="8">
        <v>0</v>
      </c>
      <c r="J18964" s="8">
        <v>1</v>
      </c>
      <c r="K18964" s="9">
        <v>11</v>
      </c>
      <c r="L18964" s="6" t="s">
        <v>4151</v>
      </c>
    </row>
    <row r="18965" spans="1:12">
      <c r="A18965" s="6" t="s">
        <v>4151</v>
      </c>
      <c r="B18965" s="6"/>
      <c r="C18965" s="6" t="s">
        <v>19001</v>
      </c>
      <c r="D18965" s="6"/>
      <c r="E18965" s="6" t="s">
        <v>9</v>
      </c>
      <c r="F18965" s="7">
        <v>38657</v>
      </c>
      <c r="G18965" s="8">
        <v>1</v>
      </c>
      <c r="H18965" s="8">
        <v>1</v>
      </c>
      <c r="I18965" s="8">
        <v>0</v>
      </c>
      <c r="J18965" s="8">
        <v>1</v>
      </c>
      <c r="K18965" s="9">
        <v>9.09</v>
      </c>
      <c r="L18965" s="6" t="s">
        <v>4151</v>
      </c>
    </row>
    <row r="18966" spans="1:12">
      <c r="A18966" s="6" t="s">
        <v>4151</v>
      </c>
      <c r="B18966" s="6"/>
      <c r="C18966" s="6" t="s">
        <v>19002</v>
      </c>
      <c r="D18966" s="6"/>
      <c r="E18966" s="6" t="s">
        <v>9</v>
      </c>
      <c r="F18966" s="7">
        <v>38657</v>
      </c>
      <c r="G18966" s="8">
        <v>1</v>
      </c>
      <c r="H18966" s="8">
        <v>1</v>
      </c>
      <c r="I18966" s="8">
        <v>0</v>
      </c>
      <c r="J18966" s="8">
        <v>1</v>
      </c>
      <c r="K18966" s="9">
        <v>12.36</v>
      </c>
      <c r="L18966" s="6" t="s">
        <v>4151</v>
      </c>
    </row>
    <row r="18967" spans="1:12">
      <c r="A18967" s="6" t="s">
        <v>4151</v>
      </c>
      <c r="B18967" s="6"/>
      <c r="C18967" s="6" t="s">
        <v>19003</v>
      </c>
      <c r="D18967" s="6"/>
      <c r="E18967" s="6" t="s">
        <v>9</v>
      </c>
      <c r="F18967" s="7">
        <v>38657</v>
      </c>
      <c r="G18967" s="8">
        <v>1</v>
      </c>
      <c r="H18967" s="8">
        <v>1</v>
      </c>
      <c r="I18967" s="8">
        <v>0</v>
      </c>
      <c r="J18967" s="8">
        <v>1</v>
      </c>
      <c r="K18967" s="9">
        <v>12.36</v>
      </c>
      <c r="L18967" s="6" t="s">
        <v>4151</v>
      </c>
    </row>
    <row r="18968" spans="1:12">
      <c r="A18968" s="6" t="s">
        <v>4151</v>
      </c>
      <c r="B18968" s="6"/>
      <c r="C18968" s="6" t="s">
        <v>19004</v>
      </c>
      <c r="D18968" s="6"/>
      <c r="E18968" s="6" t="s">
        <v>9</v>
      </c>
      <c r="F18968" s="7">
        <v>38657</v>
      </c>
      <c r="G18968" s="8">
        <v>1</v>
      </c>
      <c r="H18968" s="8">
        <v>1</v>
      </c>
      <c r="I18968" s="8">
        <v>0</v>
      </c>
      <c r="J18968" s="8">
        <v>1</v>
      </c>
      <c r="K18968" s="9">
        <v>12.02</v>
      </c>
      <c r="L18968" s="6" t="s">
        <v>4151</v>
      </c>
    </row>
    <row r="18969" spans="1:12">
      <c r="A18969" s="6" t="s">
        <v>4151</v>
      </c>
      <c r="B18969" s="6"/>
      <c r="C18969" s="6" t="s">
        <v>19005</v>
      </c>
      <c r="D18969" s="6"/>
      <c r="E18969" s="6" t="s">
        <v>9</v>
      </c>
      <c r="F18969" s="7">
        <v>38657</v>
      </c>
      <c r="G18969" s="8">
        <v>1</v>
      </c>
      <c r="H18969" s="8">
        <v>1</v>
      </c>
      <c r="I18969" s="8">
        <v>0</v>
      </c>
      <c r="J18969" s="8">
        <v>1</v>
      </c>
      <c r="K18969" s="9">
        <v>5.6</v>
      </c>
      <c r="L18969" s="6" t="s">
        <v>4151</v>
      </c>
    </row>
    <row r="18970" spans="1:12">
      <c r="A18970" s="6" t="s">
        <v>4151</v>
      </c>
      <c r="B18970" s="6"/>
      <c r="C18970" s="6" t="s">
        <v>19006</v>
      </c>
      <c r="D18970" s="6"/>
      <c r="E18970" s="6" t="s">
        <v>9</v>
      </c>
      <c r="F18970" s="7">
        <v>38657</v>
      </c>
      <c r="G18970" s="8">
        <v>1</v>
      </c>
      <c r="H18970" s="8">
        <v>1</v>
      </c>
      <c r="I18970" s="8">
        <v>0</v>
      </c>
      <c r="J18970" s="8">
        <v>1</v>
      </c>
      <c r="K18970" s="9">
        <v>9.09</v>
      </c>
      <c r="L18970" s="6" t="s">
        <v>4151</v>
      </c>
    </row>
    <row r="18971" spans="1:12">
      <c r="A18971" s="6" t="s">
        <v>4151</v>
      </c>
      <c r="B18971" s="6"/>
      <c r="C18971" s="6" t="s">
        <v>19007</v>
      </c>
      <c r="D18971" s="6"/>
      <c r="E18971" s="6" t="s">
        <v>9</v>
      </c>
      <c r="F18971" s="7">
        <v>38657</v>
      </c>
      <c r="G18971" s="8">
        <v>1</v>
      </c>
      <c r="H18971" s="8">
        <v>1</v>
      </c>
      <c r="I18971" s="8">
        <v>0</v>
      </c>
      <c r="J18971" s="8">
        <v>1</v>
      </c>
      <c r="K18971" s="9">
        <v>9.09</v>
      </c>
      <c r="L18971" s="6" t="s">
        <v>4151</v>
      </c>
    </row>
    <row r="18972" spans="1:12">
      <c r="A18972" s="6" t="s">
        <v>4151</v>
      </c>
      <c r="B18972" s="6"/>
      <c r="C18972" s="6" t="s">
        <v>19008</v>
      </c>
      <c r="D18972" s="6"/>
      <c r="E18972" s="6" t="s">
        <v>9</v>
      </c>
      <c r="F18972" s="7">
        <v>38657</v>
      </c>
      <c r="G18972" s="8">
        <v>1</v>
      </c>
      <c r="H18972" s="8">
        <v>1</v>
      </c>
      <c r="I18972" s="8">
        <v>0</v>
      </c>
      <c r="J18972" s="8">
        <v>1</v>
      </c>
      <c r="K18972" s="9">
        <v>9.09</v>
      </c>
      <c r="L18972" s="6" t="s">
        <v>4151</v>
      </c>
    </row>
    <row r="18973" spans="1:12">
      <c r="A18973" s="6" t="s">
        <v>4151</v>
      </c>
      <c r="B18973" s="6"/>
      <c r="C18973" s="6" t="s">
        <v>19009</v>
      </c>
      <c r="D18973" s="6"/>
      <c r="E18973" s="6" t="s">
        <v>9</v>
      </c>
      <c r="F18973" s="7">
        <v>38657</v>
      </c>
      <c r="G18973" s="8">
        <v>1</v>
      </c>
      <c r="H18973" s="8">
        <v>1</v>
      </c>
      <c r="I18973" s="8">
        <v>0</v>
      </c>
      <c r="J18973" s="8">
        <v>1</v>
      </c>
      <c r="K18973" s="9">
        <v>7.27</v>
      </c>
      <c r="L18973" s="6" t="s">
        <v>4151</v>
      </c>
    </row>
    <row r="18974" spans="1:12">
      <c r="A18974" s="6" t="s">
        <v>4151</v>
      </c>
      <c r="B18974" s="6"/>
      <c r="C18974" s="6" t="s">
        <v>19010</v>
      </c>
      <c r="D18974" s="6"/>
      <c r="E18974" s="6" t="s">
        <v>9</v>
      </c>
      <c r="F18974" s="7">
        <v>38657</v>
      </c>
      <c r="G18974" s="8">
        <v>1</v>
      </c>
      <c r="H18974" s="8">
        <v>1</v>
      </c>
      <c r="I18974" s="8">
        <v>0</v>
      </c>
      <c r="J18974" s="8">
        <v>1</v>
      </c>
      <c r="K18974" s="9">
        <v>1.82</v>
      </c>
      <c r="L18974" s="6" t="s">
        <v>4151</v>
      </c>
    </row>
    <row r="18975" spans="1:12">
      <c r="A18975" s="6" t="s">
        <v>4151</v>
      </c>
      <c r="B18975" s="6"/>
      <c r="C18975" s="6" t="s">
        <v>19011</v>
      </c>
      <c r="D18975" s="6"/>
      <c r="E18975" s="6" t="s">
        <v>9</v>
      </c>
      <c r="F18975" s="7">
        <v>38657</v>
      </c>
      <c r="G18975" s="8">
        <v>1</v>
      </c>
      <c r="H18975" s="8">
        <v>1</v>
      </c>
      <c r="I18975" s="8">
        <v>0</v>
      </c>
      <c r="J18975" s="8">
        <v>1</v>
      </c>
      <c r="K18975" s="9">
        <v>7</v>
      </c>
      <c r="L18975" s="6" t="s">
        <v>4151</v>
      </c>
    </row>
    <row r="18976" spans="1:12">
      <c r="A18976" s="6" t="s">
        <v>4151</v>
      </c>
      <c r="B18976" s="6"/>
      <c r="C18976" s="6" t="s">
        <v>19012</v>
      </c>
      <c r="D18976" s="6"/>
      <c r="E18976" s="6" t="s">
        <v>9</v>
      </c>
      <c r="F18976" s="7">
        <v>38657</v>
      </c>
      <c r="G18976" s="8">
        <v>1</v>
      </c>
      <c r="H18976" s="8">
        <v>1</v>
      </c>
      <c r="I18976" s="8">
        <v>0</v>
      </c>
      <c r="J18976" s="8">
        <v>1</v>
      </c>
      <c r="K18976" s="9">
        <v>7</v>
      </c>
      <c r="L18976" s="6" t="s">
        <v>4151</v>
      </c>
    </row>
    <row r="18977" spans="1:12">
      <c r="A18977" s="6" t="s">
        <v>4151</v>
      </c>
      <c r="B18977" s="6"/>
      <c r="C18977" s="6" t="s">
        <v>19013</v>
      </c>
      <c r="D18977" s="6"/>
      <c r="E18977" s="6" t="s">
        <v>9</v>
      </c>
      <c r="F18977" s="7">
        <v>38657</v>
      </c>
      <c r="G18977" s="8">
        <v>1</v>
      </c>
      <c r="H18977" s="8">
        <v>1</v>
      </c>
      <c r="I18977" s="8">
        <v>0</v>
      </c>
      <c r="J18977" s="8">
        <v>1</v>
      </c>
      <c r="K18977" s="9">
        <v>9.09</v>
      </c>
      <c r="L18977" s="6" t="s">
        <v>4151</v>
      </c>
    </row>
    <row r="18978" spans="1:12">
      <c r="A18978" s="6" t="s">
        <v>4151</v>
      </c>
      <c r="B18978" s="6"/>
      <c r="C18978" s="6" t="s">
        <v>19014</v>
      </c>
      <c r="D18978" s="6"/>
      <c r="E18978" s="6" t="s">
        <v>9</v>
      </c>
      <c r="F18978" s="7">
        <v>38657</v>
      </c>
      <c r="G18978" s="8">
        <v>1</v>
      </c>
      <c r="H18978" s="8">
        <v>1</v>
      </c>
      <c r="I18978" s="8">
        <v>0</v>
      </c>
      <c r="J18978" s="8">
        <v>1</v>
      </c>
      <c r="K18978" s="9">
        <v>4.55</v>
      </c>
      <c r="L18978" s="6" t="s">
        <v>4151</v>
      </c>
    </row>
    <row r="18979" spans="1:12">
      <c r="A18979" s="6" t="s">
        <v>4151</v>
      </c>
      <c r="B18979" s="6"/>
      <c r="C18979" s="6" t="s">
        <v>19015</v>
      </c>
      <c r="D18979" s="6"/>
      <c r="E18979" s="6" t="s">
        <v>9</v>
      </c>
      <c r="F18979" s="7">
        <v>38657</v>
      </c>
      <c r="G18979" s="8">
        <v>1</v>
      </c>
      <c r="H18979" s="8">
        <v>1</v>
      </c>
      <c r="I18979" s="8">
        <v>0</v>
      </c>
      <c r="J18979" s="8">
        <v>1</v>
      </c>
      <c r="K18979" s="9">
        <v>4.55</v>
      </c>
      <c r="L18979" s="6" t="s">
        <v>4151</v>
      </c>
    </row>
    <row r="18980" spans="1:12">
      <c r="A18980" s="6" t="s">
        <v>4151</v>
      </c>
      <c r="B18980" s="6"/>
      <c r="C18980" s="6" t="s">
        <v>19016</v>
      </c>
      <c r="D18980" s="6"/>
      <c r="E18980" s="6" t="s">
        <v>9</v>
      </c>
      <c r="F18980" s="7">
        <v>38657</v>
      </c>
      <c r="G18980" s="8">
        <v>1</v>
      </c>
      <c r="H18980" s="8">
        <v>1</v>
      </c>
      <c r="I18980" s="8">
        <v>0</v>
      </c>
      <c r="J18980" s="8">
        <v>1</v>
      </c>
      <c r="K18980" s="9">
        <v>7.53</v>
      </c>
      <c r="L18980" s="6" t="s">
        <v>4151</v>
      </c>
    </row>
    <row r="18981" spans="1:12">
      <c r="A18981" s="6" t="s">
        <v>4151</v>
      </c>
      <c r="B18981" s="6"/>
      <c r="C18981" s="6" t="s">
        <v>19017</v>
      </c>
      <c r="D18981" s="6"/>
      <c r="E18981" s="6" t="s">
        <v>9</v>
      </c>
      <c r="F18981" s="7">
        <v>38657</v>
      </c>
      <c r="G18981" s="8">
        <v>1</v>
      </c>
      <c r="H18981" s="8">
        <v>1</v>
      </c>
      <c r="I18981" s="8">
        <v>0</v>
      </c>
      <c r="J18981" s="8">
        <v>1</v>
      </c>
      <c r="K18981" s="9">
        <v>6.06</v>
      </c>
      <c r="L18981" s="6" t="s">
        <v>4151</v>
      </c>
    </row>
    <row r="18982" spans="1:12">
      <c r="A18982" s="6" t="s">
        <v>4151</v>
      </c>
      <c r="B18982" s="6"/>
      <c r="C18982" s="6" t="s">
        <v>19018</v>
      </c>
      <c r="D18982" s="6"/>
      <c r="E18982" s="6" t="s">
        <v>9</v>
      </c>
      <c r="F18982" s="7">
        <v>38657</v>
      </c>
      <c r="G18982" s="8">
        <v>1</v>
      </c>
      <c r="H18982" s="8">
        <v>1</v>
      </c>
      <c r="I18982" s="8">
        <v>0</v>
      </c>
      <c r="J18982" s="8">
        <v>1</v>
      </c>
      <c r="K18982" s="9">
        <v>3.03</v>
      </c>
      <c r="L18982" s="6" t="s">
        <v>4151</v>
      </c>
    </row>
    <row r="18983" spans="1:12">
      <c r="A18983" s="6" t="s">
        <v>4151</v>
      </c>
      <c r="B18983" s="6"/>
      <c r="C18983" s="6" t="s">
        <v>19019</v>
      </c>
      <c r="D18983" s="6"/>
      <c r="E18983" s="6" t="s">
        <v>9</v>
      </c>
      <c r="F18983" s="7">
        <v>38657</v>
      </c>
      <c r="G18983" s="8">
        <v>1</v>
      </c>
      <c r="H18983" s="8">
        <v>1</v>
      </c>
      <c r="I18983" s="8">
        <v>0</v>
      </c>
      <c r="J18983" s="8">
        <v>1</v>
      </c>
      <c r="K18983" s="9">
        <v>3.03</v>
      </c>
      <c r="L18983" s="6" t="s">
        <v>4151</v>
      </c>
    </row>
    <row r="18984" spans="1:12">
      <c r="A18984" s="6" t="s">
        <v>4151</v>
      </c>
      <c r="B18984" s="6"/>
      <c r="C18984" s="6" t="s">
        <v>19020</v>
      </c>
      <c r="D18984" s="6"/>
      <c r="E18984" s="6" t="s">
        <v>9</v>
      </c>
      <c r="F18984" s="7">
        <v>38657</v>
      </c>
      <c r="G18984" s="8">
        <v>1</v>
      </c>
      <c r="H18984" s="8">
        <v>1</v>
      </c>
      <c r="I18984" s="8">
        <v>0</v>
      </c>
      <c r="J18984" s="8">
        <v>1</v>
      </c>
      <c r="K18984" s="9">
        <v>6.06</v>
      </c>
      <c r="L18984" s="6" t="s">
        <v>4151</v>
      </c>
    </row>
    <row r="18985" spans="1:12">
      <c r="A18985" s="6" t="s">
        <v>4151</v>
      </c>
      <c r="B18985" s="6"/>
      <c r="C18985" s="6" t="s">
        <v>19021</v>
      </c>
      <c r="D18985" s="6"/>
      <c r="E18985" s="6" t="s">
        <v>9</v>
      </c>
      <c r="F18985" s="7">
        <v>38657</v>
      </c>
      <c r="G18985" s="8">
        <v>1</v>
      </c>
      <c r="H18985" s="8">
        <v>1</v>
      </c>
      <c r="I18985" s="8">
        <v>0</v>
      </c>
      <c r="J18985" s="8">
        <v>1</v>
      </c>
      <c r="K18985" s="9">
        <v>9.09</v>
      </c>
      <c r="L18985" s="6" t="s">
        <v>4151</v>
      </c>
    </row>
    <row r="18986" spans="1:12">
      <c r="A18986" s="6" t="s">
        <v>4151</v>
      </c>
      <c r="B18986" s="6"/>
      <c r="C18986" s="6" t="s">
        <v>19022</v>
      </c>
      <c r="D18986" s="6"/>
      <c r="E18986" s="6" t="s">
        <v>9</v>
      </c>
      <c r="F18986" s="7">
        <v>38657</v>
      </c>
      <c r="G18986" s="8">
        <v>1</v>
      </c>
      <c r="H18986" s="8">
        <v>1</v>
      </c>
      <c r="I18986" s="8">
        <v>0</v>
      </c>
      <c r="J18986" s="8">
        <v>1</v>
      </c>
      <c r="K18986" s="9">
        <v>9.1999999999999904</v>
      </c>
      <c r="L18986" s="6" t="s">
        <v>4151</v>
      </c>
    </row>
    <row r="18987" spans="1:12">
      <c r="A18987" s="6" t="s">
        <v>4151</v>
      </c>
      <c r="B18987" s="6"/>
      <c r="C18987" s="6" t="s">
        <v>19023</v>
      </c>
      <c r="D18987" s="6"/>
      <c r="E18987" s="6" t="s">
        <v>9</v>
      </c>
      <c r="F18987" s="7">
        <v>38657</v>
      </c>
      <c r="G18987" s="8">
        <v>1</v>
      </c>
      <c r="H18987" s="8">
        <v>1</v>
      </c>
      <c r="I18987" s="8">
        <v>0</v>
      </c>
      <c r="J18987" s="8">
        <v>1</v>
      </c>
      <c r="K18987" s="9">
        <v>7.02</v>
      </c>
      <c r="L18987" s="6" t="s">
        <v>4151</v>
      </c>
    </row>
    <row r="18988" spans="1:12">
      <c r="A18988" s="6" t="s">
        <v>4151</v>
      </c>
      <c r="B18988" s="6"/>
      <c r="C18988" s="6" t="s">
        <v>19024</v>
      </c>
      <c r="D18988" s="6"/>
      <c r="E18988" s="6" t="s">
        <v>9</v>
      </c>
      <c r="F18988" s="7">
        <v>38657</v>
      </c>
      <c r="G18988" s="8">
        <v>1</v>
      </c>
      <c r="H18988" s="8">
        <v>1</v>
      </c>
      <c r="I18988" s="8">
        <v>0</v>
      </c>
      <c r="J18988" s="8">
        <v>1</v>
      </c>
      <c r="K18988" s="9">
        <v>1.38</v>
      </c>
      <c r="L18988" s="6" t="s">
        <v>4151</v>
      </c>
    </row>
    <row r="18989" spans="1:12">
      <c r="A18989" s="6" t="s">
        <v>4151</v>
      </c>
      <c r="B18989" s="6"/>
      <c r="C18989" s="6" t="s">
        <v>19025</v>
      </c>
      <c r="D18989" s="6"/>
      <c r="E18989" s="6" t="s">
        <v>9</v>
      </c>
      <c r="F18989" s="7">
        <v>38657</v>
      </c>
      <c r="G18989" s="8">
        <v>1</v>
      </c>
      <c r="H18989" s="8">
        <v>1</v>
      </c>
      <c r="I18989" s="8">
        <v>0</v>
      </c>
      <c r="J18989" s="8">
        <v>1</v>
      </c>
      <c r="K18989" s="9">
        <v>1.65</v>
      </c>
      <c r="L18989" s="6" t="s">
        <v>4151</v>
      </c>
    </row>
    <row r="18990" spans="1:12">
      <c r="A18990" s="6" t="s">
        <v>4151</v>
      </c>
      <c r="B18990" s="6"/>
      <c r="C18990" s="6" t="s">
        <v>19026</v>
      </c>
      <c r="D18990" s="6"/>
      <c r="E18990" s="6" t="s">
        <v>9</v>
      </c>
      <c r="F18990" s="7">
        <v>38657</v>
      </c>
      <c r="G18990" s="8">
        <v>1</v>
      </c>
      <c r="H18990" s="8">
        <v>1</v>
      </c>
      <c r="I18990" s="8">
        <v>0</v>
      </c>
      <c r="J18990" s="8">
        <v>1</v>
      </c>
      <c r="K18990" s="9">
        <v>30</v>
      </c>
      <c r="L18990" s="6" t="s">
        <v>4151</v>
      </c>
    </row>
    <row r="18991" spans="1:12">
      <c r="A18991" s="6" t="s">
        <v>4151</v>
      </c>
      <c r="B18991" s="6"/>
      <c r="C18991" s="6" t="s">
        <v>19027</v>
      </c>
      <c r="D18991" s="6"/>
      <c r="E18991" s="6" t="s">
        <v>9</v>
      </c>
      <c r="F18991" s="7">
        <v>38657</v>
      </c>
      <c r="G18991" s="8">
        <v>1</v>
      </c>
      <c r="H18991" s="8">
        <v>1</v>
      </c>
      <c r="I18991" s="8">
        <v>0</v>
      </c>
      <c r="J18991" s="8">
        <v>1</v>
      </c>
      <c r="K18991" s="9">
        <v>4.33</v>
      </c>
      <c r="L18991" s="6" t="s">
        <v>4151</v>
      </c>
    </row>
    <row r="18992" spans="1:12">
      <c r="A18992" s="6" t="s">
        <v>4151</v>
      </c>
      <c r="B18992" s="6"/>
      <c r="C18992" s="6" t="s">
        <v>19028</v>
      </c>
      <c r="D18992" s="6"/>
      <c r="E18992" s="6" t="s">
        <v>9</v>
      </c>
      <c r="F18992" s="7">
        <v>38657</v>
      </c>
      <c r="G18992" s="8">
        <v>1</v>
      </c>
      <c r="H18992" s="8">
        <v>1</v>
      </c>
      <c r="I18992" s="8">
        <v>0</v>
      </c>
      <c r="J18992" s="8">
        <v>1</v>
      </c>
      <c r="K18992" s="9">
        <v>18</v>
      </c>
      <c r="L18992" s="6" t="s">
        <v>4151</v>
      </c>
    </row>
    <row r="18993" spans="1:12">
      <c r="A18993" s="6" t="s">
        <v>4151</v>
      </c>
      <c r="B18993" s="6"/>
      <c r="C18993" s="6" t="s">
        <v>19029</v>
      </c>
      <c r="D18993" s="6"/>
      <c r="E18993" s="6" t="s">
        <v>9</v>
      </c>
      <c r="F18993" s="7">
        <v>38657</v>
      </c>
      <c r="G18993" s="8">
        <v>1</v>
      </c>
      <c r="H18993" s="8">
        <v>1</v>
      </c>
      <c r="I18993" s="8">
        <v>0</v>
      </c>
      <c r="J18993" s="8">
        <v>1</v>
      </c>
      <c r="K18993" s="9">
        <v>18</v>
      </c>
      <c r="L18993" s="6" t="s">
        <v>4151</v>
      </c>
    </row>
    <row r="18994" spans="1:12">
      <c r="A18994" s="6" t="s">
        <v>4151</v>
      </c>
      <c r="B18994" s="6"/>
      <c r="C18994" s="6" t="s">
        <v>19030</v>
      </c>
      <c r="D18994" s="6"/>
      <c r="E18994" s="6" t="s">
        <v>9</v>
      </c>
      <c r="F18994" s="7">
        <v>38657</v>
      </c>
      <c r="G18994" s="8">
        <v>1</v>
      </c>
      <c r="H18994" s="8">
        <v>1</v>
      </c>
      <c r="I18994" s="8">
        <v>0</v>
      </c>
      <c r="J18994" s="8">
        <v>1</v>
      </c>
      <c r="K18994" s="9">
        <v>0.76</v>
      </c>
      <c r="L18994" s="6" t="s">
        <v>4151</v>
      </c>
    </row>
    <row r="18995" spans="1:12">
      <c r="A18995" s="6" t="s">
        <v>4151</v>
      </c>
      <c r="B18995" s="6"/>
      <c r="C18995" s="6" t="s">
        <v>19031</v>
      </c>
      <c r="D18995" s="6"/>
      <c r="E18995" s="6" t="s">
        <v>9</v>
      </c>
      <c r="F18995" s="7">
        <v>38657</v>
      </c>
      <c r="G18995" s="8">
        <v>1</v>
      </c>
      <c r="H18995" s="8">
        <v>1</v>
      </c>
      <c r="I18995" s="8">
        <v>0</v>
      </c>
      <c r="J18995" s="8">
        <v>1</v>
      </c>
      <c r="K18995" s="9">
        <v>2.02</v>
      </c>
      <c r="L18995" s="6" t="s">
        <v>4151</v>
      </c>
    </row>
    <row r="18996" spans="1:12">
      <c r="A18996" s="6" t="s">
        <v>4151</v>
      </c>
      <c r="B18996" s="6"/>
      <c r="C18996" s="6" t="s">
        <v>19032</v>
      </c>
      <c r="D18996" s="6"/>
      <c r="E18996" s="6" t="s">
        <v>9</v>
      </c>
      <c r="F18996" s="7">
        <v>38657</v>
      </c>
      <c r="G18996" s="8">
        <v>1</v>
      </c>
      <c r="H18996" s="8">
        <v>1</v>
      </c>
      <c r="I18996" s="8">
        <v>0</v>
      </c>
      <c r="J18996" s="8">
        <v>1</v>
      </c>
      <c r="K18996" s="9">
        <v>0.52</v>
      </c>
      <c r="L18996" s="6" t="s">
        <v>4151</v>
      </c>
    </row>
    <row r="18997" spans="1:12">
      <c r="A18997" s="6" t="s">
        <v>4151</v>
      </c>
      <c r="B18997" s="6"/>
      <c r="C18997" s="6" t="s">
        <v>19033</v>
      </c>
      <c r="D18997" s="6"/>
      <c r="E18997" s="6" t="s">
        <v>9</v>
      </c>
      <c r="F18997" s="7">
        <v>38657</v>
      </c>
      <c r="G18997" s="8">
        <v>1</v>
      </c>
      <c r="H18997" s="8">
        <v>1</v>
      </c>
      <c r="I18997" s="8">
        <v>0</v>
      </c>
      <c r="J18997" s="8">
        <v>1</v>
      </c>
      <c r="K18997" s="9">
        <v>0.69</v>
      </c>
      <c r="L18997" s="6" t="s">
        <v>4151</v>
      </c>
    </row>
    <row r="18998" spans="1:12">
      <c r="A18998" s="6" t="s">
        <v>4151</v>
      </c>
      <c r="B18998" s="6"/>
      <c r="C18998" s="6" t="s">
        <v>19034</v>
      </c>
      <c r="D18998" s="6"/>
      <c r="E18998" s="6" t="s">
        <v>9</v>
      </c>
      <c r="F18998" s="7">
        <v>38657</v>
      </c>
      <c r="G18998" s="8">
        <v>1</v>
      </c>
      <c r="H18998" s="8">
        <v>1</v>
      </c>
      <c r="I18998" s="8">
        <v>0</v>
      </c>
      <c r="J18998" s="8">
        <v>1</v>
      </c>
      <c r="K18998" s="9">
        <v>1.26</v>
      </c>
      <c r="L18998" s="6" t="s">
        <v>4151</v>
      </c>
    </row>
    <row r="18999" spans="1:12">
      <c r="A18999" s="6" t="s">
        <v>4151</v>
      </c>
      <c r="B18999" s="6"/>
      <c r="C18999" s="6" t="s">
        <v>19035</v>
      </c>
      <c r="D18999" s="6"/>
      <c r="E18999" s="6" t="s">
        <v>9</v>
      </c>
      <c r="F18999" s="7">
        <v>38657</v>
      </c>
      <c r="G18999" s="8">
        <v>1</v>
      </c>
      <c r="H18999" s="8">
        <v>1</v>
      </c>
      <c r="I18999" s="8">
        <v>0</v>
      </c>
      <c r="J18999" s="8">
        <v>1</v>
      </c>
      <c r="K18999" s="9">
        <v>0.53</v>
      </c>
      <c r="L18999" s="6" t="s">
        <v>4151</v>
      </c>
    </row>
    <row r="19000" spans="1:12">
      <c r="A19000" s="6" t="s">
        <v>4151</v>
      </c>
      <c r="B19000" s="6"/>
      <c r="C19000" s="6" t="s">
        <v>19036</v>
      </c>
      <c r="D19000" s="6"/>
      <c r="E19000" s="6" t="s">
        <v>9</v>
      </c>
      <c r="F19000" s="7">
        <v>38657</v>
      </c>
      <c r="G19000" s="8">
        <v>1</v>
      </c>
      <c r="H19000" s="8">
        <v>1</v>
      </c>
      <c r="I19000" s="8">
        <v>0</v>
      </c>
      <c r="J19000" s="8">
        <v>1</v>
      </c>
      <c r="K19000" s="9">
        <v>1.2</v>
      </c>
      <c r="L19000" s="6" t="s">
        <v>4151</v>
      </c>
    </row>
    <row r="19001" spans="1:12">
      <c r="A19001" s="6" t="s">
        <v>4151</v>
      </c>
      <c r="B19001" s="6"/>
      <c r="C19001" s="6" t="s">
        <v>19037</v>
      </c>
      <c r="D19001" s="6"/>
      <c r="E19001" s="6" t="s">
        <v>9</v>
      </c>
      <c r="F19001" s="7">
        <v>38657</v>
      </c>
      <c r="G19001" s="8">
        <v>1</v>
      </c>
      <c r="H19001" s="8">
        <v>1</v>
      </c>
      <c r="I19001" s="8">
        <v>0</v>
      </c>
      <c r="J19001" s="8">
        <v>1</v>
      </c>
      <c r="K19001" s="9">
        <v>1.23</v>
      </c>
      <c r="L19001" s="6" t="s">
        <v>4151</v>
      </c>
    </row>
    <row r="19002" spans="1:12">
      <c r="A19002" s="6" t="s">
        <v>4151</v>
      </c>
      <c r="B19002" s="6"/>
      <c r="C19002" s="6" t="s">
        <v>19038</v>
      </c>
      <c r="D19002" s="6"/>
      <c r="E19002" s="6" t="s">
        <v>9</v>
      </c>
      <c r="F19002" s="7">
        <v>38657</v>
      </c>
      <c r="G19002" s="8">
        <v>1</v>
      </c>
      <c r="H19002" s="8">
        <v>1</v>
      </c>
      <c r="I19002" s="8">
        <v>0</v>
      </c>
      <c r="J19002" s="8">
        <v>1</v>
      </c>
      <c r="K19002" s="9">
        <v>1.63</v>
      </c>
      <c r="L19002" s="6" t="s">
        <v>4151</v>
      </c>
    </row>
    <row r="19003" spans="1:12">
      <c r="A19003" s="6" t="s">
        <v>4151</v>
      </c>
      <c r="B19003" s="6"/>
      <c r="C19003" s="6" t="s">
        <v>19039</v>
      </c>
      <c r="D19003" s="6"/>
      <c r="E19003" s="6" t="s">
        <v>9</v>
      </c>
      <c r="F19003" s="7">
        <v>38657</v>
      </c>
      <c r="G19003" s="8">
        <v>1</v>
      </c>
      <c r="H19003" s="8">
        <v>1</v>
      </c>
      <c r="I19003" s="8">
        <v>0</v>
      </c>
      <c r="J19003" s="8">
        <v>1</v>
      </c>
      <c r="K19003" s="9">
        <v>1.56</v>
      </c>
      <c r="L19003" s="6" t="s">
        <v>4151</v>
      </c>
    </row>
    <row r="19004" spans="1:12">
      <c r="A19004" s="6" t="s">
        <v>4151</v>
      </c>
      <c r="B19004" s="6"/>
      <c r="C19004" s="6" t="s">
        <v>19040</v>
      </c>
      <c r="D19004" s="6"/>
      <c r="E19004" s="6" t="s">
        <v>9</v>
      </c>
      <c r="F19004" s="7">
        <v>38657</v>
      </c>
      <c r="G19004" s="8">
        <v>1</v>
      </c>
      <c r="H19004" s="8">
        <v>1</v>
      </c>
      <c r="I19004" s="8">
        <v>0</v>
      </c>
      <c r="J19004" s="8">
        <v>1</v>
      </c>
      <c r="K19004" s="9">
        <v>2.64</v>
      </c>
      <c r="L19004" s="6" t="s">
        <v>4151</v>
      </c>
    </row>
    <row r="19005" spans="1:12">
      <c r="A19005" s="6" t="s">
        <v>4151</v>
      </c>
      <c r="B19005" s="6"/>
      <c r="C19005" s="6" t="s">
        <v>19041</v>
      </c>
      <c r="D19005" s="6"/>
      <c r="E19005" s="6" t="s">
        <v>9</v>
      </c>
      <c r="F19005" s="7">
        <v>38657</v>
      </c>
      <c r="G19005" s="8">
        <v>1</v>
      </c>
      <c r="H19005" s="8">
        <v>1</v>
      </c>
      <c r="I19005" s="8">
        <v>0</v>
      </c>
      <c r="J19005" s="8">
        <v>1</v>
      </c>
      <c r="K19005" s="9">
        <v>101.15</v>
      </c>
      <c r="L19005" s="6" t="s">
        <v>4151</v>
      </c>
    </row>
    <row r="19006" spans="1:12">
      <c r="A19006" s="6" t="s">
        <v>4151</v>
      </c>
      <c r="B19006" s="6"/>
      <c r="C19006" s="6" t="s">
        <v>19042</v>
      </c>
      <c r="D19006" s="6"/>
      <c r="E19006" s="6" t="s">
        <v>9</v>
      </c>
      <c r="F19006" s="7">
        <v>38657</v>
      </c>
      <c r="G19006" s="8">
        <v>1</v>
      </c>
      <c r="H19006" s="8">
        <v>1</v>
      </c>
      <c r="I19006" s="8">
        <v>0</v>
      </c>
      <c r="J19006" s="8">
        <v>1</v>
      </c>
      <c r="K19006" s="9">
        <v>50</v>
      </c>
      <c r="L19006" s="6" t="s">
        <v>4151</v>
      </c>
    </row>
    <row r="19007" spans="1:12">
      <c r="A19007" s="6" t="s">
        <v>4151</v>
      </c>
      <c r="B19007" s="6"/>
      <c r="C19007" s="6" t="s">
        <v>19043</v>
      </c>
      <c r="D19007" s="6"/>
      <c r="E19007" s="6" t="s">
        <v>9</v>
      </c>
      <c r="F19007" s="7">
        <v>38657</v>
      </c>
      <c r="G19007" s="8">
        <v>1</v>
      </c>
      <c r="H19007" s="8">
        <v>1</v>
      </c>
      <c r="I19007" s="8">
        <v>0</v>
      </c>
      <c r="J19007" s="8">
        <v>1</v>
      </c>
      <c r="K19007" s="9">
        <v>18.46</v>
      </c>
      <c r="L19007" s="6" t="s">
        <v>4151</v>
      </c>
    </row>
    <row r="19008" spans="1:12">
      <c r="A19008" s="6" t="s">
        <v>4151</v>
      </c>
      <c r="B19008" s="6"/>
      <c r="C19008" s="6" t="s">
        <v>19044</v>
      </c>
      <c r="D19008" s="6"/>
      <c r="E19008" s="6" t="s">
        <v>9</v>
      </c>
      <c r="F19008" s="7">
        <v>38657</v>
      </c>
      <c r="G19008" s="8">
        <v>1</v>
      </c>
      <c r="H19008" s="8">
        <v>1</v>
      </c>
      <c r="I19008" s="8">
        <v>0</v>
      </c>
      <c r="J19008" s="8">
        <v>1</v>
      </c>
      <c r="K19008" s="9">
        <v>5.46</v>
      </c>
      <c r="L19008" s="6" t="s">
        <v>4151</v>
      </c>
    </row>
    <row r="19009" spans="1:12">
      <c r="A19009" s="6" t="s">
        <v>4151</v>
      </c>
      <c r="B19009" s="6"/>
      <c r="C19009" s="6" t="s">
        <v>19045</v>
      </c>
      <c r="D19009" s="6"/>
      <c r="E19009" s="6" t="s">
        <v>9</v>
      </c>
      <c r="F19009" s="7">
        <v>38657</v>
      </c>
      <c r="G19009" s="8">
        <v>1</v>
      </c>
      <c r="H19009" s="8">
        <v>1</v>
      </c>
      <c r="I19009" s="8">
        <v>0</v>
      </c>
      <c r="J19009" s="8">
        <v>1</v>
      </c>
      <c r="K19009" s="9">
        <v>16</v>
      </c>
      <c r="L19009" s="6" t="s">
        <v>4151</v>
      </c>
    </row>
    <row r="19010" spans="1:12">
      <c r="A19010" s="6" t="s">
        <v>4151</v>
      </c>
      <c r="B19010" s="6"/>
      <c r="C19010" s="6" t="s">
        <v>19046</v>
      </c>
      <c r="D19010" s="6"/>
      <c r="E19010" s="6" t="s">
        <v>9</v>
      </c>
      <c r="F19010" s="7">
        <v>38657</v>
      </c>
      <c r="G19010" s="8">
        <v>1</v>
      </c>
      <c r="H19010" s="8">
        <v>1</v>
      </c>
      <c r="I19010" s="8">
        <v>0</v>
      </c>
      <c r="J19010" s="8">
        <v>1</v>
      </c>
      <c r="K19010" s="9">
        <v>5.68</v>
      </c>
      <c r="L19010" s="6" t="s">
        <v>4151</v>
      </c>
    </row>
    <row r="19011" spans="1:12">
      <c r="A19011" s="6" t="s">
        <v>4151</v>
      </c>
      <c r="B19011" s="6"/>
      <c r="C19011" s="6" t="s">
        <v>19047</v>
      </c>
      <c r="D19011" s="6"/>
      <c r="E19011" s="6" t="s">
        <v>9</v>
      </c>
      <c r="F19011" s="7">
        <v>38657</v>
      </c>
      <c r="G19011" s="8">
        <v>1</v>
      </c>
      <c r="H19011" s="8">
        <v>1</v>
      </c>
      <c r="I19011" s="8">
        <v>0</v>
      </c>
      <c r="J19011" s="8">
        <v>1</v>
      </c>
      <c r="K19011" s="9">
        <v>16</v>
      </c>
      <c r="L19011" s="6" t="s">
        <v>4151</v>
      </c>
    </row>
    <row r="19012" spans="1:12">
      <c r="A19012" s="6" t="s">
        <v>4151</v>
      </c>
      <c r="B19012" s="6"/>
      <c r="C19012" s="6" t="s">
        <v>19048</v>
      </c>
      <c r="D19012" s="6"/>
      <c r="E19012" s="6" t="s">
        <v>9</v>
      </c>
      <c r="F19012" s="7">
        <v>38657</v>
      </c>
      <c r="G19012" s="8">
        <v>1</v>
      </c>
      <c r="H19012" s="8">
        <v>1</v>
      </c>
      <c r="I19012" s="8">
        <v>0</v>
      </c>
      <c r="J19012" s="8">
        <v>1</v>
      </c>
      <c r="K19012" s="9">
        <v>1.35</v>
      </c>
      <c r="L19012" s="6" t="s">
        <v>4151</v>
      </c>
    </row>
    <row r="19013" spans="1:12">
      <c r="A19013" s="6" t="s">
        <v>4151</v>
      </c>
      <c r="B19013" s="6"/>
      <c r="C19013" s="6" t="s">
        <v>19049</v>
      </c>
      <c r="D19013" s="6"/>
      <c r="E19013" s="6" t="s">
        <v>9</v>
      </c>
      <c r="F19013" s="7">
        <v>38657</v>
      </c>
      <c r="G19013" s="8">
        <v>1</v>
      </c>
      <c r="H19013" s="8">
        <v>1</v>
      </c>
      <c r="I19013" s="8">
        <v>0</v>
      </c>
      <c r="J19013" s="8">
        <v>1</v>
      </c>
      <c r="K19013" s="9">
        <v>7.32</v>
      </c>
      <c r="L19013" s="6" t="s">
        <v>4151</v>
      </c>
    </row>
    <row r="19014" spans="1:12">
      <c r="A19014" s="6" t="s">
        <v>4151</v>
      </c>
      <c r="B19014" s="6"/>
      <c r="C19014" s="6" t="s">
        <v>19050</v>
      </c>
      <c r="D19014" s="6"/>
      <c r="E19014" s="6" t="s">
        <v>9</v>
      </c>
      <c r="F19014" s="7">
        <v>38657</v>
      </c>
      <c r="G19014" s="8">
        <v>1</v>
      </c>
      <c r="H19014" s="8">
        <v>1</v>
      </c>
      <c r="I19014" s="8">
        <v>0</v>
      </c>
      <c r="J19014" s="8">
        <v>1</v>
      </c>
      <c r="K19014" s="9">
        <v>4.33</v>
      </c>
      <c r="L19014" s="6" t="s">
        <v>4151</v>
      </c>
    </row>
    <row r="19015" spans="1:12">
      <c r="A19015" s="6" t="s">
        <v>4151</v>
      </c>
      <c r="B19015" s="6"/>
      <c r="C19015" s="6" t="s">
        <v>19051</v>
      </c>
      <c r="D19015" s="6"/>
      <c r="E19015" s="6" t="s">
        <v>9</v>
      </c>
      <c r="F19015" s="7">
        <v>38657</v>
      </c>
      <c r="G19015" s="8">
        <v>1</v>
      </c>
      <c r="H19015" s="8">
        <v>1</v>
      </c>
      <c r="I19015" s="8">
        <v>0</v>
      </c>
      <c r="J19015" s="8">
        <v>1</v>
      </c>
      <c r="K19015" s="9">
        <v>6.5</v>
      </c>
      <c r="L19015" s="6" t="s">
        <v>4151</v>
      </c>
    </row>
    <row r="19016" spans="1:12">
      <c r="A19016" s="6" t="s">
        <v>4151</v>
      </c>
      <c r="B19016" s="6"/>
      <c r="C19016" s="6" t="s">
        <v>19052</v>
      </c>
      <c r="D19016" s="6"/>
      <c r="E19016" s="6" t="s">
        <v>9</v>
      </c>
      <c r="F19016" s="7">
        <v>38657</v>
      </c>
      <c r="G19016" s="8">
        <v>1</v>
      </c>
      <c r="H19016" s="8">
        <v>1</v>
      </c>
      <c r="I19016" s="8">
        <v>0</v>
      </c>
      <c r="J19016" s="8">
        <v>1</v>
      </c>
      <c r="K19016" s="9">
        <v>10</v>
      </c>
      <c r="L19016" s="6" t="s">
        <v>4151</v>
      </c>
    </row>
    <row r="19017" spans="1:12">
      <c r="A19017" s="6" t="s">
        <v>4151</v>
      </c>
      <c r="B19017" s="6"/>
      <c r="C19017" s="6" t="s">
        <v>19053</v>
      </c>
      <c r="D19017" s="6"/>
      <c r="E19017" s="6" t="s">
        <v>9</v>
      </c>
      <c r="F19017" s="7">
        <v>38657</v>
      </c>
      <c r="G19017" s="8">
        <v>1</v>
      </c>
      <c r="H19017" s="8">
        <v>1</v>
      </c>
      <c r="I19017" s="8">
        <v>0</v>
      </c>
      <c r="J19017" s="8">
        <v>1</v>
      </c>
      <c r="K19017" s="9">
        <v>1.28</v>
      </c>
      <c r="L19017" s="6" t="s">
        <v>4151</v>
      </c>
    </row>
    <row r="19018" spans="1:12">
      <c r="A19018" s="6" t="s">
        <v>4151</v>
      </c>
      <c r="B19018" s="6"/>
      <c r="C19018" s="6" t="s">
        <v>19054</v>
      </c>
      <c r="D19018" s="6"/>
      <c r="E19018" s="6" t="s">
        <v>9</v>
      </c>
      <c r="F19018" s="7">
        <v>38657</v>
      </c>
      <c r="G19018" s="8">
        <v>1</v>
      </c>
      <c r="H19018" s="8">
        <v>1</v>
      </c>
      <c r="I19018" s="8">
        <v>0</v>
      </c>
      <c r="J19018" s="8">
        <v>1</v>
      </c>
      <c r="K19018" s="9">
        <v>6.8</v>
      </c>
      <c r="L19018" s="6" t="s">
        <v>4151</v>
      </c>
    </row>
    <row r="19019" spans="1:12">
      <c r="A19019" s="6" t="s">
        <v>4151</v>
      </c>
      <c r="B19019" s="6"/>
      <c r="C19019" s="6" t="s">
        <v>19055</v>
      </c>
      <c r="D19019" s="6"/>
      <c r="E19019" s="6" t="s">
        <v>9</v>
      </c>
      <c r="F19019" s="7">
        <v>38657</v>
      </c>
      <c r="G19019" s="8">
        <v>1</v>
      </c>
      <c r="H19019" s="8">
        <v>1</v>
      </c>
      <c r="I19019" s="8">
        <v>0</v>
      </c>
      <c r="J19019" s="8">
        <v>1</v>
      </c>
      <c r="K19019" s="9">
        <v>4.8099999999999898</v>
      </c>
      <c r="L19019" s="6" t="s">
        <v>4151</v>
      </c>
    </row>
    <row r="19020" spans="1:12">
      <c r="A19020" s="6" t="s">
        <v>4151</v>
      </c>
      <c r="B19020" s="6"/>
      <c r="C19020" s="6" t="s">
        <v>19056</v>
      </c>
      <c r="D19020" s="6"/>
      <c r="E19020" s="6" t="s">
        <v>9</v>
      </c>
      <c r="F19020" s="7">
        <v>38657</v>
      </c>
      <c r="G19020" s="8">
        <v>1</v>
      </c>
      <c r="H19020" s="8">
        <v>1</v>
      </c>
      <c r="I19020" s="8">
        <v>0</v>
      </c>
      <c r="J19020" s="8">
        <v>1</v>
      </c>
      <c r="K19020" s="9">
        <v>2.31</v>
      </c>
      <c r="L19020" s="6" t="s">
        <v>4151</v>
      </c>
    </row>
    <row r="19021" spans="1:12">
      <c r="A19021" s="6" t="s">
        <v>4151</v>
      </c>
      <c r="B19021" s="6"/>
      <c r="C19021" s="6" t="s">
        <v>19057</v>
      </c>
      <c r="D19021" s="6"/>
      <c r="E19021" s="6" t="s">
        <v>9</v>
      </c>
      <c r="F19021" s="7">
        <v>38657</v>
      </c>
      <c r="G19021" s="8">
        <v>1</v>
      </c>
      <c r="H19021" s="8">
        <v>1</v>
      </c>
      <c r="I19021" s="8">
        <v>0</v>
      </c>
      <c r="J19021" s="8">
        <v>1</v>
      </c>
      <c r="K19021" s="9">
        <v>37</v>
      </c>
      <c r="L19021" s="6" t="s">
        <v>4151</v>
      </c>
    </row>
    <row r="19022" spans="1:12">
      <c r="A19022" s="6" t="s">
        <v>4151</v>
      </c>
      <c r="B19022" s="6"/>
      <c r="C19022" s="6" t="s">
        <v>19058</v>
      </c>
      <c r="D19022" s="6"/>
      <c r="E19022" s="6" t="s">
        <v>9</v>
      </c>
      <c r="F19022" s="7">
        <v>38657</v>
      </c>
      <c r="G19022" s="8">
        <v>1</v>
      </c>
      <c r="H19022" s="8">
        <v>1</v>
      </c>
      <c r="I19022" s="8">
        <v>0</v>
      </c>
      <c r="J19022" s="8">
        <v>1</v>
      </c>
      <c r="K19022" s="9">
        <v>100</v>
      </c>
      <c r="L19022" s="6" t="s">
        <v>4151</v>
      </c>
    </row>
    <row r="19023" spans="1:12">
      <c r="A19023" s="6" t="s">
        <v>4151</v>
      </c>
      <c r="B19023" s="6"/>
      <c r="C19023" s="6" t="s">
        <v>19059</v>
      </c>
      <c r="D19023" s="6"/>
      <c r="E19023" s="6" t="s">
        <v>9</v>
      </c>
      <c r="F19023" s="7">
        <v>38657</v>
      </c>
      <c r="G19023" s="8">
        <v>1</v>
      </c>
      <c r="H19023" s="8">
        <v>1</v>
      </c>
      <c r="I19023" s="8">
        <v>0</v>
      </c>
      <c r="J19023" s="8">
        <v>1</v>
      </c>
      <c r="K19023" s="9">
        <v>41</v>
      </c>
      <c r="L19023" s="6" t="s">
        <v>4151</v>
      </c>
    </row>
    <row r="19024" spans="1:12">
      <c r="A19024" s="6" t="s">
        <v>4151</v>
      </c>
      <c r="B19024" s="6"/>
      <c r="C19024" s="6" t="s">
        <v>19060</v>
      </c>
      <c r="D19024" s="6"/>
      <c r="E19024" s="6" t="s">
        <v>9</v>
      </c>
      <c r="F19024" s="7">
        <v>38657</v>
      </c>
      <c r="G19024" s="8">
        <v>1</v>
      </c>
      <c r="H19024" s="8">
        <v>1</v>
      </c>
      <c r="I19024" s="8">
        <v>0</v>
      </c>
      <c r="J19024" s="8">
        <v>1</v>
      </c>
      <c r="K19024" s="9">
        <v>12</v>
      </c>
      <c r="L19024" s="6" t="s">
        <v>4151</v>
      </c>
    </row>
    <row r="19025" spans="1:12">
      <c r="A19025" s="6" t="s">
        <v>4151</v>
      </c>
      <c r="B19025" s="6"/>
      <c r="C19025" s="6" t="s">
        <v>19061</v>
      </c>
      <c r="D19025" s="6"/>
      <c r="E19025" s="6" t="s">
        <v>9</v>
      </c>
      <c r="F19025" s="7">
        <v>38657</v>
      </c>
      <c r="G19025" s="8">
        <v>1</v>
      </c>
      <c r="H19025" s="8">
        <v>1</v>
      </c>
      <c r="I19025" s="8">
        <v>0</v>
      </c>
      <c r="J19025" s="8">
        <v>1</v>
      </c>
      <c r="K19025" s="9">
        <v>13</v>
      </c>
      <c r="L19025" s="6" t="s">
        <v>4151</v>
      </c>
    </row>
    <row r="19026" spans="1:12">
      <c r="A19026" s="6" t="s">
        <v>4151</v>
      </c>
      <c r="B19026" s="6"/>
      <c r="C19026" s="6" t="s">
        <v>19062</v>
      </c>
      <c r="D19026" s="6"/>
      <c r="E19026" s="6" t="s">
        <v>9</v>
      </c>
      <c r="F19026" s="7">
        <v>38657</v>
      </c>
      <c r="G19026" s="8">
        <v>1</v>
      </c>
      <c r="H19026" s="8">
        <v>1</v>
      </c>
      <c r="I19026" s="8">
        <v>0</v>
      </c>
      <c r="J19026" s="8">
        <v>1</v>
      </c>
      <c r="K19026" s="9">
        <v>14</v>
      </c>
      <c r="L19026" s="6" t="s">
        <v>4151</v>
      </c>
    </row>
    <row r="19027" spans="1:12">
      <c r="A19027" s="6" t="s">
        <v>4151</v>
      </c>
      <c r="B19027" s="6"/>
      <c r="C19027" s="6" t="s">
        <v>19063</v>
      </c>
      <c r="D19027" s="6"/>
      <c r="E19027" s="6" t="s">
        <v>9</v>
      </c>
      <c r="F19027" s="7">
        <v>38657</v>
      </c>
      <c r="G19027" s="8">
        <v>1</v>
      </c>
      <c r="H19027" s="8">
        <v>1</v>
      </c>
      <c r="I19027" s="8">
        <v>0</v>
      </c>
      <c r="J19027" s="8">
        <v>1</v>
      </c>
      <c r="K19027" s="9">
        <v>45</v>
      </c>
      <c r="L19027" s="6" t="s">
        <v>4151</v>
      </c>
    </row>
    <row r="19028" spans="1:12">
      <c r="A19028" s="6" t="s">
        <v>4151</v>
      </c>
      <c r="B19028" s="6"/>
      <c r="C19028" s="6" t="s">
        <v>19064</v>
      </c>
      <c r="D19028" s="6"/>
      <c r="E19028" s="6" t="s">
        <v>9</v>
      </c>
      <c r="F19028" s="7">
        <v>38657</v>
      </c>
      <c r="G19028" s="8">
        <v>1</v>
      </c>
      <c r="H19028" s="8">
        <v>1</v>
      </c>
      <c r="I19028" s="8">
        <v>0</v>
      </c>
      <c r="J19028" s="8">
        <v>1</v>
      </c>
      <c r="K19028" s="9">
        <v>43</v>
      </c>
      <c r="L19028" s="6" t="s">
        <v>4151</v>
      </c>
    </row>
    <row r="19029" spans="1:12">
      <c r="A19029" s="6" t="s">
        <v>4151</v>
      </c>
      <c r="B19029" s="6"/>
      <c r="C19029" s="6" t="s">
        <v>19065</v>
      </c>
      <c r="D19029" s="6"/>
      <c r="E19029" s="6" t="s">
        <v>9</v>
      </c>
      <c r="F19029" s="7">
        <v>38657</v>
      </c>
      <c r="G19029" s="8">
        <v>1</v>
      </c>
      <c r="H19029" s="8">
        <v>1</v>
      </c>
      <c r="I19029" s="8">
        <v>0</v>
      </c>
      <c r="J19029" s="8">
        <v>1</v>
      </c>
      <c r="K19029" s="9">
        <v>38</v>
      </c>
      <c r="L19029" s="6" t="s">
        <v>4151</v>
      </c>
    </row>
    <row r="19030" spans="1:12">
      <c r="A19030" s="6" t="s">
        <v>4151</v>
      </c>
      <c r="B19030" s="6"/>
      <c r="C19030" s="6" t="s">
        <v>19066</v>
      </c>
      <c r="D19030" s="6"/>
      <c r="E19030" s="6" t="s">
        <v>9</v>
      </c>
      <c r="F19030" s="7">
        <v>38657</v>
      </c>
      <c r="G19030" s="8">
        <v>1</v>
      </c>
      <c r="H19030" s="8">
        <v>1</v>
      </c>
      <c r="I19030" s="8">
        <v>0</v>
      </c>
      <c r="J19030" s="8">
        <v>1</v>
      </c>
      <c r="K19030" s="9">
        <v>33</v>
      </c>
      <c r="L19030" s="6" t="s">
        <v>4151</v>
      </c>
    </row>
    <row r="19031" spans="1:12">
      <c r="A19031" s="6" t="s">
        <v>4151</v>
      </c>
      <c r="B19031" s="6"/>
      <c r="C19031" s="6" t="s">
        <v>19067</v>
      </c>
      <c r="D19031" s="6"/>
      <c r="E19031" s="6" t="s">
        <v>9</v>
      </c>
      <c r="F19031" s="7">
        <v>38657</v>
      </c>
      <c r="G19031" s="8">
        <v>1</v>
      </c>
      <c r="H19031" s="8">
        <v>1</v>
      </c>
      <c r="I19031" s="8">
        <v>0</v>
      </c>
      <c r="J19031" s="8">
        <v>1</v>
      </c>
      <c r="K19031" s="9">
        <v>3.5</v>
      </c>
      <c r="L19031" s="6" t="s">
        <v>4151</v>
      </c>
    </row>
    <row r="19032" spans="1:12">
      <c r="A19032" s="6" t="s">
        <v>4151</v>
      </c>
      <c r="B19032" s="6"/>
      <c r="C19032" s="6" t="s">
        <v>19068</v>
      </c>
      <c r="D19032" s="6"/>
      <c r="E19032" s="6" t="s">
        <v>9</v>
      </c>
      <c r="F19032" s="7">
        <v>38657</v>
      </c>
      <c r="G19032" s="8">
        <v>1</v>
      </c>
      <c r="H19032" s="8">
        <v>1</v>
      </c>
      <c r="I19032" s="8">
        <v>0</v>
      </c>
      <c r="J19032" s="8">
        <v>1</v>
      </c>
      <c r="K19032" s="9">
        <v>4.2</v>
      </c>
      <c r="L19032" s="6" t="s">
        <v>4151</v>
      </c>
    </row>
    <row r="19033" spans="1:12">
      <c r="A19033" s="6" t="s">
        <v>4151</v>
      </c>
      <c r="B19033" s="6"/>
      <c r="C19033" s="6" t="s">
        <v>19069</v>
      </c>
      <c r="D19033" s="6"/>
      <c r="E19033" s="6" t="s">
        <v>9</v>
      </c>
      <c r="F19033" s="7"/>
      <c r="G19033" s="8">
        <v>1</v>
      </c>
      <c r="H19033" s="8">
        <v>1</v>
      </c>
      <c r="I19033" s="8">
        <v>0</v>
      </c>
      <c r="J19033" s="8">
        <v>1</v>
      </c>
      <c r="K19033" s="9">
        <v>70</v>
      </c>
      <c r="L19033" s="6" t="s">
        <v>4151</v>
      </c>
    </row>
    <row r="19034" spans="1:12">
      <c r="A19034" s="6" t="s">
        <v>4151</v>
      </c>
      <c r="B19034" s="6"/>
      <c r="C19034" s="6" t="s">
        <v>19070</v>
      </c>
      <c r="D19034" s="6"/>
      <c r="E19034" s="6" t="s">
        <v>9</v>
      </c>
      <c r="F19034" s="7"/>
      <c r="G19034" s="8">
        <v>1</v>
      </c>
      <c r="H19034" s="8">
        <v>1</v>
      </c>
      <c r="I19034" s="8">
        <v>0</v>
      </c>
      <c r="J19034" s="8">
        <v>1</v>
      </c>
      <c r="K19034" s="9">
        <v>231</v>
      </c>
      <c r="L19034" s="6" t="s">
        <v>4151</v>
      </c>
    </row>
    <row r="19035" spans="1:12">
      <c r="A19035" s="6" t="s">
        <v>4151</v>
      </c>
      <c r="B19035" s="6"/>
      <c r="C19035" s="6" t="s">
        <v>19071</v>
      </c>
      <c r="D19035" s="6"/>
      <c r="E19035" s="6" t="s">
        <v>9</v>
      </c>
      <c r="F19035" s="7">
        <v>38657</v>
      </c>
      <c r="G19035" s="8">
        <v>1</v>
      </c>
      <c r="H19035" s="8">
        <v>1</v>
      </c>
      <c r="I19035" s="8">
        <v>0</v>
      </c>
      <c r="J19035" s="8">
        <v>1</v>
      </c>
      <c r="K19035" s="9">
        <v>4.8</v>
      </c>
      <c r="L19035" s="6" t="s">
        <v>4151</v>
      </c>
    </row>
    <row r="19036" spans="1:12">
      <c r="A19036" s="6" t="s">
        <v>4151</v>
      </c>
      <c r="B19036" s="6"/>
      <c r="C19036" s="6" t="s">
        <v>19072</v>
      </c>
      <c r="D19036" s="6"/>
      <c r="E19036" s="6" t="s">
        <v>9</v>
      </c>
      <c r="F19036" s="7"/>
      <c r="G19036" s="8">
        <v>1</v>
      </c>
      <c r="H19036" s="8">
        <v>1</v>
      </c>
      <c r="I19036" s="8">
        <v>0</v>
      </c>
      <c r="J19036" s="8">
        <v>1</v>
      </c>
      <c r="K19036" s="9">
        <v>27</v>
      </c>
      <c r="L19036" s="6" t="s">
        <v>4151</v>
      </c>
    </row>
    <row r="19037" spans="1:12">
      <c r="A19037" s="6" t="s">
        <v>4151</v>
      </c>
      <c r="B19037" s="6"/>
      <c r="C19037" s="6" t="s">
        <v>19073</v>
      </c>
      <c r="D19037" s="6"/>
      <c r="E19037" s="6" t="s">
        <v>9</v>
      </c>
      <c r="F19037" s="7"/>
      <c r="G19037" s="8">
        <v>1</v>
      </c>
      <c r="H19037" s="8">
        <v>1</v>
      </c>
      <c r="I19037" s="8">
        <v>0</v>
      </c>
      <c r="J19037" s="8">
        <v>1</v>
      </c>
      <c r="K19037" s="9">
        <v>57</v>
      </c>
      <c r="L19037" s="6" t="s">
        <v>4151</v>
      </c>
    </row>
    <row r="19038" spans="1:12">
      <c r="A19038" s="6" t="s">
        <v>4151</v>
      </c>
      <c r="B19038" s="6"/>
      <c r="C19038" s="6" t="s">
        <v>19074</v>
      </c>
      <c r="D19038" s="6"/>
      <c r="E19038" s="6" t="s">
        <v>9</v>
      </c>
      <c r="F19038" s="7"/>
      <c r="G19038" s="8">
        <v>1</v>
      </c>
      <c r="H19038" s="8">
        <v>1</v>
      </c>
      <c r="I19038" s="8">
        <v>0</v>
      </c>
      <c r="J19038" s="8">
        <v>1</v>
      </c>
      <c r="K19038" s="9">
        <v>647</v>
      </c>
      <c r="L19038" s="6" t="s">
        <v>4151</v>
      </c>
    </row>
    <row r="19039" spans="1:12">
      <c r="A19039" s="6" t="s">
        <v>4151</v>
      </c>
      <c r="B19039" s="6"/>
      <c r="C19039" s="6" t="s">
        <v>19075</v>
      </c>
      <c r="D19039" s="6"/>
      <c r="E19039" s="6" t="s">
        <v>9</v>
      </c>
      <c r="F19039" s="7">
        <v>38657</v>
      </c>
      <c r="G19039" s="8">
        <v>1</v>
      </c>
      <c r="H19039" s="8">
        <v>1</v>
      </c>
      <c r="I19039" s="8">
        <v>0</v>
      </c>
      <c r="J19039" s="8">
        <v>1</v>
      </c>
      <c r="K19039" s="9">
        <v>81</v>
      </c>
      <c r="L19039" s="6" t="s">
        <v>4151</v>
      </c>
    </row>
    <row r="19040" spans="1:12">
      <c r="A19040" s="6" t="s">
        <v>4151</v>
      </c>
      <c r="B19040" s="6"/>
      <c r="C19040" s="6" t="s">
        <v>19076</v>
      </c>
      <c r="D19040" s="6"/>
      <c r="E19040" s="6" t="s">
        <v>9</v>
      </c>
      <c r="F19040" s="7">
        <v>38657</v>
      </c>
      <c r="G19040" s="8">
        <v>1</v>
      </c>
      <c r="H19040" s="8">
        <v>1</v>
      </c>
      <c r="I19040" s="8">
        <v>0</v>
      </c>
      <c r="J19040" s="8">
        <v>1</v>
      </c>
      <c r="K19040" s="9">
        <v>15</v>
      </c>
      <c r="L19040" s="6" t="s">
        <v>4151</v>
      </c>
    </row>
    <row r="19041" spans="1:12">
      <c r="A19041" s="6" t="s">
        <v>4151</v>
      </c>
      <c r="B19041" s="6"/>
      <c r="C19041" s="6" t="s">
        <v>19077</v>
      </c>
      <c r="D19041" s="6"/>
      <c r="E19041" s="6" t="s">
        <v>9</v>
      </c>
      <c r="F19041" s="7">
        <v>38657</v>
      </c>
      <c r="G19041" s="8">
        <v>1</v>
      </c>
      <c r="H19041" s="8">
        <v>1</v>
      </c>
      <c r="I19041" s="8">
        <v>0</v>
      </c>
      <c r="J19041" s="8">
        <v>1</v>
      </c>
      <c r="K19041" s="9">
        <v>10</v>
      </c>
      <c r="L19041" s="6" t="s">
        <v>4151</v>
      </c>
    </row>
    <row r="19042" spans="1:12">
      <c r="A19042" s="6" t="s">
        <v>4151</v>
      </c>
      <c r="B19042" s="6"/>
      <c r="C19042" s="6" t="s">
        <v>19078</v>
      </c>
      <c r="D19042" s="6"/>
      <c r="E19042" s="6" t="s">
        <v>9</v>
      </c>
      <c r="F19042" s="7">
        <v>38657</v>
      </c>
      <c r="G19042" s="8">
        <v>1</v>
      </c>
      <c r="H19042" s="8">
        <v>1</v>
      </c>
      <c r="I19042" s="8">
        <v>0</v>
      </c>
      <c r="J19042" s="8">
        <v>1</v>
      </c>
      <c r="K19042" s="9">
        <v>49</v>
      </c>
      <c r="L19042" s="6" t="s">
        <v>4151</v>
      </c>
    </row>
    <row r="19043" spans="1:12">
      <c r="A19043" s="6" t="s">
        <v>4151</v>
      </c>
      <c r="B19043" s="6"/>
      <c r="C19043" s="6" t="s">
        <v>19079</v>
      </c>
      <c r="D19043" s="6"/>
      <c r="E19043" s="6" t="s">
        <v>9</v>
      </c>
      <c r="F19043" s="7">
        <v>38657</v>
      </c>
      <c r="G19043" s="8">
        <v>1</v>
      </c>
      <c r="H19043" s="8">
        <v>1</v>
      </c>
      <c r="I19043" s="8">
        <v>0</v>
      </c>
      <c r="J19043" s="8">
        <v>1</v>
      </c>
      <c r="K19043" s="9">
        <v>58</v>
      </c>
      <c r="L19043" s="6" t="s">
        <v>4151</v>
      </c>
    </row>
    <row r="19044" spans="1:12">
      <c r="A19044" s="6" t="s">
        <v>4151</v>
      </c>
      <c r="B19044" s="6"/>
      <c r="C19044" s="6" t="s">
        <v>19080</v>
      </c>
      <c r="D19044" s="6"/>
      <c r="E19044" s="6" t="s">
        <v>9</v>
      </c>
      <c r="F19044" s="7">
        <v>38657</v>
      </c>
      <c r="G19044" s="8">
        <v>1</v>
      </c>
      <c r="H19044" s="8">
        <v>1</v>
      </c>
      <c r="I19044" s="8">
        <v>0</v>
      </c>
      <c r="J19044" s="8">
        <v>1</v>
      </c>
      <c r="K19044" s="9">
        <v>136</v>
      </c>
      <c r="L19044" s="6" t="s">
        <v>4151</v>
      </c>
    </row>
    <row r="19045" spans="1:12">
      <c r="A19045" s="6" t="s">
        <v>4151</v>
      </c>
      <c r="B19045" s="6"/>
      <c r="C19045" s="6" t="s">
        <v>19081</v>
      </c>
      <c r="D19045" s="6"/>
      <c r="E19045" s="6" t="s">
        <v>9</v>
      </c>
      <c r="F19045" s="7">
        <v>38657</v>
      </c>
      <c r="G19045" s="8">
        <v>1</v>
      </c>
      <c r="H19045" s="8">
        <v>1</v>
      </c>
      <c r="I19045" s="8">
        <v>0</v>
      </c>
      <c r="J19045" s="8">
        <v>1</v>
      </c>
      <c r="K19045" s="9">
        <v>2.76</v>
      </c>
      <c r="L19045" s="6" t="s">
        <v>4151</v>
      </c>
    </row>
    <row r="19046" spans="1:12">
      <c r="A19046" s="6" t="s">
        <v>4151</v>
      </c>
      <c r="B19046" s="6"/>
      <c r="C19046" s="6" t="s">
        <v>19082</v>
      </c>
      <c r="D19046" s="6"/>
      <c r="E19046" s="6" t="s">
        <v>9</v>
      </c>
      <c r="F19046" s="7">
        <v>38657</v>
      </c>
      <c r="G19046" s="8">
        <v>1</v>
      </c>
      <c r="H19046" s="8">
        <v>1</v>
      </c>
      <c r="I19046" s="8">
        <v>0</v>
      </c>
      <c r="J19046" s="8">
        <v>1</v>
      </c>
      <c r="K19046" s="9">
        <v>143</v>
      </c>
      <c r="L19046" s="6" t="s">
        <v>4151</v>
      </c>
    </row>
    <row r="19047" spans="1:12">
      <c r="A19047" s="6" t="s">
        <v>4151</v>
      </c>
      <c r="B19047" s="6"/>
      <c r="C19047" s="6" t="s">
        <v>19083</v>
      </c>
      <c r="D19047" s="6"/>
      <c r="E19047" s="6" t="s">
        <v>9</v>
      </c>
      <c r="F19047" s="7">
        <v>38657</v>
      </c>
      <c r="G19047" s="8">
        <v>1</v>
      </c>
      <c r="H19047" s="8">
        <v>1</v>
      </c>
      <c r="I19047" s="8">
        <v>0</v>
      </c>
      <c r="J19047" s="8">
        <v>1</v>
      </c>
      <c r="K19047" s="9">
        <v>49</v>
      </c>
      <c r="L19047" s="6" t="s">
        <v>4151</v>
      </c>
    </row>
    <row r="19048" spans="1:12">
      <c r="A19048" s="6" t="s">
        <v>4151</v>
      </c>
      <c r="B19048" s="6"/>
      <c r="C19048" s="6" t="s">
        <v>19084</v>
      </c>
      <c r="D19048" s="6"/>
      <c r="E19048" s="6" t="s">
        <v>9</v>
      </c>
      <c r="F19048" s="7">
        <v>38657</v>
      </c>
      <c r="G19048" s="8">
        <v>1</v>
      </c>
      <c r="H19048" s="8">
        <v>1</v>
      </c>
      <c r="I19048" s="8">
        <v>0</v>
      </c>
      <c r="J19048" s="8">
        <v>1</v>
      </c>
      <c r="K19048" s="9">
        <v>204</v>
      </c>
      <c r="L19048" s="6" t="s">
        <v>4151</v>
      </c>
    </row>
    <row r="19049" spans="1:12">
      <c r="A19049" s="6" t="s">
        <v>4151</v>
      </c>
      <c r="B19049" s="6"/>
      <c r="C19049" s="6" t="s">
        <v>19085</v>
      </c>
      <c r="D19049" s="6"/>
      <c r="E19049" s="6" t="s">
        <v>9</v>
      </c>
      <c r="F19049" s="7">
        <v>38657</v>
      </c>
      <c r="G19049" s="8">
        <v>1</v>
      </c>
      <c r="H19049" s="8">
        <v>1</v>
      </c>
      <c r="I19049" s="8">
        <v>0</v>
      </c>
      <c r="J19049" s="8">
        <v>1</v>
      </c>
      <c r="K19049" s="9">
        <v>50</v>
      </c>
      <c r="L19049" s="6" t="s">
        <v>4151</v>
      </c>
    </row>
    <row r="19050" spans="1:12">
      <c r="A19050" s="6" t="s">
        <v>4151</v>
      </c>
      <c r="B19050" s="6"/>
      <c r="C19050" s="6" t="s">
        <v>19086</v>
      </c>
      <c r="D19050" s="6"/>
      <c r="E19050" s="6" t="s">
        <v>9</v>
      </c>
      <c r="F19050" s="7">
        <v>38657</v>
      </c>
      <c r="G19050" s="8">
        <v>1</v>
      </c>
      <c r="H19050" s="8">
        <v>1</v>
      </c>
      <c r="I19050" s="8">
        <v>0</v>
      </c>
      <c r="J19050" s="8">
        <v>1</v>
      </c>
      <c r="K19050" s="9">
        <v>19</v>
      </c>
      <c r="L19050" s="6" t="s">
        <v>4151</v>
      </c>
    </row>
    <row r="19051" spans="1:12">
      <c r="A19051" s="6" t="s">
        <v>4151</v>
      </c>
      <c r="B19051" s="6"/>
      <c r="C19051" s="6" t="s">
        <v>19087</v>
      </c>
      <c r="D19051" s="6"/>
      <c r="E19051" s="6" t="s">
        <v>9</v>
      </c>
      <c r="F19051" s="7">
        <v>38657</v>
      </c>
      <c r="G19051" s="8">
        <v>1</v>
      </c>
      <c r="H19051" s="8">
        <v>1</v>
      </c>
      <c r="I19051" s="8">
        <v>0</v>
      </c>
      <c r="J19051" s="8">
        <v>1</v>
      </c>
      <c r="K19051" s="9">
        <v>10.17</v>
      </c>
      <c r="L19051" s="6" t="s">
        <v>4151</v>
      </c>
    </row>
    <row r="19052" spans="1:12">
      <c r="A19052" s="6" t="s">
        <v>4151</v>
      </c>
      <c r="B19052" s="6"/>
      <c r="C19052" s="6" t="s">
        <v>19088</v>
      </c>
      <c r="D19052" s="6"/>
      <c r="E19052" s="6" t="s">
        <v>9</v>
      </c>
      <c r="F19052" s="7">
        <v>38657</v>
      </c>
      <c r="G19052" s="8">
        <v>1</v>
      </c>
      <c r="H19052" s="8">
        <v>1</v>
      </c>
      <c r="I19052" s="8">
        <v>0</v>
      </c>
      <c r="J19052" s="8">
        <v>1</v>
      </c>
      <c r="K19052" s="9">
        <v>10.75</v>
      </c>
      <c r="L19052" s="6" t="s">
        <v>4151</v>
      </c>
    </row>
    <row r="19053" spans="1:12">
      <c r="A19053" s="6" t="s">
        <v>4151</v>
      </c>
      <c r="B19053" s="6"/>
      <c r="C19053" s="6" t="s">
        <v>19089</v>
      </c>
      <c r="D19053" s="6"/>
      <c r="E19053" s="6" t="s">
        <v>9</v>
      </c>
      <c r="F19053" s="7">
        <v>38657</v>
      </c>
      <c r="G19053" s="8">
        <v>1</v>
      </c>
      <c r="H19053" s="8">
        <v>1</v>
      </c>
      <c r="I19053" s="8">
        <v>0</v>
      </c>
      <c r="J19053" s="8">
        <v>1</v>
      </c>
      <c r="K19053" s="9">
        <v>2</v>
      </c>
      <c r="L19053" s="6" t="s">
        <v>4151</v>
      </c>
    </row>
    <row r="19054" spans="1:12">
      <c r="A19054" s="6" t="s">
        <v>4151</v>
      </c>
      <c r="B19054" s="6"/>
      <c r="C19054" s="6" t="s">
        <v>19090</v>
      </c>
      <c r="D19054" s="6"/>
      <c r="E19054" s="6" t="s">
        <v>9</v>
      </c>
      <c r="F19054" s="7">
        <v>38657</v>
      </c>
      <c r="G19054" s="8">
        <v>1</v>
      </c>
      <c r="H19054" s="8">
        <v>1</v>
      </c>
      <c r="I19054" s="8">
        <v>0</v>
      </c>
      <c r="J19054" s="8">
        <v>1</v>
      </c>
      <c r="K19054" s="9">
        <v>2.4300000000000002</v>
      </c>
      <c r="L19054" s="6" t="s">
        <v>4151</v>
      </c>
    </row>
    <row r="19055" spans="1:12">
      <c r="A19055" s="6" t="s">
        <v>4151</v>
      </c>
      <c r="B19055" s="6"/>
      <c r="C19055" s="6" t="s">
        <v>19091</v>
      </c>
      <c r="D19055" s="6"/>
      <c r="E19055" s="6" t="s">
        <v>9</v>
      </c>
      <c r="F19055" s="7">
        <v>38657</v>
      </c>
      <c r="G19055" s="8">
        <v>1</v>
      </c>
      <c r="H19055" s="8">
        <v>1</v>
      </c>
      <c r="I19055" s="8">
        <v>0</v>
      </c>
      <c r="J19055" s="8">
        <v>1</v>
      </c>
      <c r="K19055" s="9">
        <v>2.08</v>
      </c>
      <c r="L19055" s="6" t="s">
        <v>4151</v>
      </c>
    </row>
    <row r="19056" spans="1:12">
      <c r="A19056" s="6" t="s">
        <v>4151</v>
      </c>
      <c r="B19056" s="6"/>
      <c r="C19056" s="6" t="s">
        <v>19092</v>
      </c>
      <c r="D19056" s="6"/>
      <c r="E19056" s="6" t="s">
        <v>9</v>
      </c>
      <c r="F19056" s="7">
        <v>38657</v>
      </c>
      <c r="G19056" s="8">
        <v>1</v>
      </c>
      <c r="H19056" s="8">
        <v>1</v>
      </c>
      <c r="I19056" s="8">
        <v>0</v>
      </c>
      <c r="J19056" s="8">
        <v>1</v>
      </c>
      <c r="K19056" s="9">
        <v>5.2</v>
      </c>
      <c r="L19056" s="6" t="s">
        <v>4151</v>
      </c>
    </row>
    <row r="19057" spans="1:12">
      <c r="A19057" s="6" t="s">
        <v>4151</v>
      </c>
      <c r="B19057" s="6"/>
      <c r="C19057" s="6" t="s">
        <v>19093</v>
      </c>
      <c r="D19057" s="6"/>
      <c r="E19057" s="6" t="s">
        <v>9</v>
      </c>
      <c r="F19057" s="7">
        <v>38657</v>
      </c>
      <c r="G19057" s="8">
        <v>1</v>
      </c>
      <c r="H19057" s="8">
        <v>1</v>
      </c>
      <c r="I19057" s="8">
        <v>0</v>
      </c>
      <c r="J19057" s="8">
        <v>1</v>
      </c>
      <c r="K19057" s="9">
        <v>5.77</v>
      </c>
      <c r="L19057" s="6" t="s">
        <v>4151</v>
      </c>
    </row>
    <row r="19058" spans="1:12">
      <c r="A19058" s="6" t="s">
        <v>4151</v>
      </c>
      <c r="B19058" s="6"/>
      <c r="C19058" s="6" t="s">
        <v>19094</v>
      </c>
      <c r="D19058" s="6"/>
      <c r="E19058" s="6" t="s">
        <v>9</v>
      </c>
      <c r="F19058" s="7">
        <v>38657</v>
      </c>
      <c r="G19058" s="8">
        <v>1</v>
      </c>
      <c r="H19058" s="8">
        <v>1</v>
      </c>
      <c r="I19058" s="8">
        <v>0</v>
      </c>
      <c r="J19058" s="8">
        <v>1</v>
      </c>
      <c r="K19058" s="9">
        <v>7.68</v>
      </c>
      <c r="L19058" s="6" t="s">
        <v>4151</v>
      </c>
    </row>
    <row r="19059" spans="1:12">
      <c r="A19059" s="6" t="s">
        <v>4151</v>
      </c>
      <c r="B19059" s="6"/>
      <c r="C19059" s="6" t="s">
        <v>19095</v>
      </c>
      <c r="D19059" s="6"/>
      <c r="E19059" s="6" t="s">
        <v>9</v>
      </c>
      <c r="F19059" s="7">
        <v>38657</v>
      </c>
      <c r="G19059" s="8">
        <v>1</v>
      </c>
      <c r="H19059" s="8">
        <v>1</v>
      </c>
      <c r="I19059" s="8">
        <v>0</v>
      </c>
      <c r="J19059" s="8">
        <v>1</v>
      </c>
      <c r="K19059" s="9">
        <v>72</v>
      </c>
      <c r="L19059" s="6" t="s">
        <v>4151</v>
      </c>
    </row>
    <row r="19060" spans="1:12">
      <c r="A19060" s="6" t="s">
        <v>4151</v>
      </c>
      <c r="B19060" s="6"/>
      <c r="C19060" s="6" t="s">
        <v>19096</v>
      </c>
      <c r="D19060" s="6"/>
      <c r="E19060" s="6" t="s">
        <v>9</v>
      </c>
      <c r="F19060" s="7">
        <v>38657</v>
      </c>
      <c r="G19060" s="8">
        <v>1</v>
      </c>
      <c r="H19060" s="8">
        <v>1</v>
      </c>
      <c r="I19060" s="8">
        <v>0</v>
      </c>
      <c r="J19060" s="8">
        <v>1</v>
      </c>
      <c r="K19060" s="9">
        <v>76</v>
      </c>
      <c r="L19060" s="6" t="s">
        <v>4151</v>
      </c>
    </row>
    <row r="19061" spans="1:12">
      <c r="A19061" s="6" t="s">
        <v>4151</v>
      </c>
      <c r="B19061" s="6"/>
      <c r="C19061" s="6" t="s">
        <v>19097</v>
      </c>
      <c r="D19061" s="6"/>
      <c r="E19061" s="6" t="s">
        <v>9</v>
      </c>
      <c r="F19061" s="7">
        <v>38657</v>
      </c>
      <c r="G19061" s="8">
        <v>1</v>
      </c>
      <c r="H19061" s="8">
        <v>1</v>
      </c>
      <c r="I19061" s="8">
        <v>0</v>
      </c>
      <c r="J19061" s="8">
        <v>1</v>
      </c>
      <c r="K19061" s="9">
        <v>115</v>
      </c>
      <c r="L19061" s="6" t="s">
        <v>4151</v>
      </c>
    </row>
    <row r="19062" spans="1:12">
      <c r="A19062" s="6" t="s">
        <v>4151</v>
      </c>
      <c r="B19062" s="6"/>
      <c r="C19062" s="6" t="s">
        <v>19098</v>
      </c>
      <c r="D19062" s="6"/>
      <c r="E19062" s="6" t="s">
        <v>9</v>
      </c>
      <c r="F19062" s="7">
        <v>38657</v>
      </c>
      <c r="G19062" s="8">
        <v>1</v>
      </c>
      <c r="H19062" s="8">
        <v>1</v>
      </c>
      <c r="I19062" s="8">
        <v>0</v>
      </c>
      <c r="J19062" s="8">
        <v>1</v>
      </c>
      <c r="K19062" s="9">
        <v>174</v>
      </c>
      <c r="L19062" s="6" t="s">
        <v>4151</v>
      </c>
    </row>
    <row r="19063" spans="1:12">
      <c r="A19063" s="6" t="s">
        <v>4151</v>
      </c>
      <c r="B19063" s="6"/>
      <c r="C19063" s="6" t="s">
        <v>19099</v>
      </c>
      <c r="D19063" s="6"/>
      <c r="E19063" s="6" t="s">
        <v>9</v>
      </c>
      <c r="F19063" s="7">
        <v>38657</v>
      </c>
      <c r="G19063" s="8">
        <v>1</v>
      </c>
      <c r="H19063" s="8">
        <v>1</v>
      </c>
      <c r="I19063" s="8">
        <v>0</v>
      </c>
      <c r="J19063" s="8">
        <v>1</v>
      </c>
      <c r="K19063" s="9">
        <v>127</v>
      </c>
      <c r="L19063" s="6" t="s">
        <v>4151</v>
      </c>
    </row>
    <row r="19064" spans="1:12">
      <c r="A19064" s="6" t="s">
        <v>4151</v>
      </c>
      <c r="B19064" s="6"/>
      <c r="C19064" s="6" t="s">
        <v>19100</v>
      </c>
      <c r="D19064" s="6"/>
      <c r="E19064" s="6" t="s">
        <v>9</v>
      </c>
      <c r="F19064" s="7">
        <v>38657</v>
      </c>
      <c r="G19064" s="8">
        <v>1</v>
      </c>
      <c r="H19064" s="8">
        <v>1</v>
      </c>
      <c r="I19064" s="8">
        <v>0</v>
      </c>
      <c r="J19064" s="8">
        <v>1</v>
      </c>
      <c r="K19064" s="9">
        <v>33</v>
      </c>
      <c r="L19064" s="6" t="s">
        <v>4151</v>
      </c>
    </row>
    <row r="19065" spans="1:12">
      <c r="A19065" s="6" t="s">
        <v>4151</v>
      </c>
      <c r="B19065" s="6"/>
      <c r="C19065" s="6" t="s">
        <v>19101</v>
      </c>
      <c r="D19065" s="6"/>
      <c r="E19065" s="6" t="s">
        <v>9</v>
      </c>
      <c r="F19065" s="7">
        <v>38657</v>
      </c>
      <c r="G19065" s="8">
        <v>1</v>
      </c>
      <c r="H19065" s="8">
        <v>1</v>
      </c>
      <c r="I19065" s="8">
        <v>0</v>
      </c>
      <c r="J19065" s="8">
        <v>1</v>
      </c>
      <c r="K19065" s="9">
        <v>9.8000000000000007</v>
      </c>
      <c r="L19065" s="6" t="s">
        <v>4151</v>
      </c>
    </row>
    <row r="19066" spans="1:12">
      <c r="A19066" s="6" t="s">
        <v>4151</v>
      </c>
      <c r="B19066" s="6"/>
      <c r="C19066" s="6" t="s">
        <v>19102</v>
      </c>
      <c r="D19066" s="6"/>
      <c r="E19066" s="6" t="s">
        <v>9</v>
      </c>
      <c r="F19066" s="7">
        <v>38657</v>
      </c>
      <c r="G19066" s="8">
        <v>1</v>
      </c>
      <c r="H19066" s="8">
        <v>1</v>
      </c>
      <c r="I19066" s="8">
        <v>0</v>
      </c>
      <c r="J19066" s="8">
        <v>1</v>
      </c>
      <c r="K19066" s="9">
        <v>38</v>
      </c>
      <c r="L19066" s="6" t="s">
        <v>4151</v>
      </c>
    </row>
    <row r="19067" spans="1:12">
      <c r="A19067" s="6" t="s">
        <v>4151</v>
      </c>
      <c r="B19067" s="6"/>
      <c r="C19067" s="6" t="s">
        <v>19103</v>
      </c>
      <c r="D19067" s="6"/>
      <c r="E19067" s="6" t="s">
        <v>9</v>
      </c>
      <c r="F19067" s="7">
        <v>38657</v>
      </c>
      <c r="G19067" s="8">
        <v>1</v>
      </c>
      <c r="H19067" s="8">
        <v>1</v>
      </c>
      <c r="I19067" s="8">
        <v>0</v>
      </c>
      <c r="J19067" s="8">
        <v>1</v>
      </c>
      <c r="K19067" s="9">
        <v>62</v>
      </c>
      <c r="L19067" s="6" t="s">
        <v>4151</v>
      </c>
    </row>
    <row r="19068" spans="1:12">
      <c r="A19068" s="6" t="s">
        <v>4151</v>
      </c>
      <c r="B19068" s="6"/>
      <c r="C19068" s="6" t="s">
        <v>19104</v>
      </c>
      <c r="D19068" s="6"/>
      <c r="E19068" s="6" t="s">
        <v>9</v>
      </c>
      <c r="F19068" s="7">
        <v>38657</v>
      </c>
      <c r="G19068" s="8">
        <v>1</v>
      </c>
      <c r="H19068" s="8">
        <v>1</v>
      </c>
      <c r="I19068" s="8">
        <v>0</v>
      </c>
      <c r="J19068" s="8">
        <v>1</v>
      </c>
      <c r="K19068" s="9">
        <v>3.69</v>
      </c>
      <c r="L19068" s="6" t="s">
        <v>4151</v>
      </c>
    </row>
    <row r="19069" spans="1:12">
      <c r="A19069" s="6" t="s">
        <v>4151</v>
      </c>
      <c r="B19069" s="6"/>
      <c r="C19069" s="6" t="s">
        <v>19105</v>
      </c>
      <c r="D19069" s="6"/>
      <c r="E19069" s="6" t="s">
        <v>9</v>
      </c>
      <c r="F19069" s="7">
        <v>38657</v>
      </c>
      <c r="G19069" s="8">
        <v>1</v>
      </c>
      <c r="H19069" s="8">
        <v>1</v>
      </c>
      <c r="I19069" s="8">
        <v>0</v>
      </c>
      <c r="J19069" s="8">
        <v>1</v>
      </c>
      <c r="K19069" s="9">
        <v>32</v>
      </c>
      <c r="L19069" s="6" t="s">
        <v>4151</v>
      </c>
    </row>
    <row r="19070" spans="1:12">
      <c r="A19070" s="6" t="s">
        <v>4151</v>
      </c>
      <c r="B19070" s="6"/>
      <c r="C19070" s="6" t="s">
        <v>19106</v>
      </c>
      <c r="D19070" s="6"/>
      <c r="E19070" s="6" t="s">
        <v>9</v>
      </c>
      <c r="F19070" s="7">
        <v>38657</v>
      </c>
      <c r="G19070" s="8">
        <v>1</v>
      </c>
      <c r="H19070" s="8">
        <v>1</v>
      </c>
      <c r="I19070" s="8">
        <v>0</v>
      </c>
      <c r="J19070" s="8">
        <v>1</v>
      </c>
      <c r="K19070" s="9">
        <v>31</v>
      </c>
      <c r="L19070" s="6" t="s">
        <v>4151</v>
      </c>
    </row>
    <row r="19071" spans="1:12">
      <c r="A19071" s="6" t="s">
        <v>4151</v>
      </c>
      <c r="B19071" s="6"/>
      <c r="C19071" s="6" t="s">
        <v>19107</v>
      </c>
      <c r="D19071" s="6"/>
      <c r="E19071" s="6" t="s">
        <v>9</v>
      </c>
      <c r="F19071" s="7">
        <v>38657</v>
      </c>
      <c r="G19071" s="8">
        <v>1</v>
      </c>
      <c r="H19071" s="8">
        <v>1</v>
      </c>
      <c r="I19071" s="8">
        <v>0</v>
      </c>
      <c r="J19071" s="8">
        <v>1</v>
      </c>
      <c r="K19071" s="9">
        <v>21</v>
      </c>
      <c r="L19071" s="6" t="s">
        <v>4151</v>
      </c>
    </row>
    <row r="19072" spans="1:12">
      <c r="A19072" s="6" t="s">
        <v>4151</v>
      </c>
      <c r="B19072" s="6"/>
      <c r="C19072" s="6" t="s">
        <v>19108</v>
      </c>
      <c r="D19072" s="6"/>
      <c r="E19072" s="6" t="s">
        <v>9</v>
      </c>
      <c r="F19072" s="7">
        <v>38657</v>
      </c>
      <c r="G19072" s="8">
        <v>1</v>
      </c>
      <c r="H19072" s="8">
        <v>1</v>
      </c>
      <c r="I19072" s="8">
        <v>0</v>
      </c>
      <c r="J19072" s="8">
        <v>1</v>
      </c>
      <c r="K19072" s="9">
        <v>19</v>
      </c>
      <c r="L19072" s="6" t="s">
        <v>4151</v>
      </c>
    </row>
    <row r="19073" spans="1:12">
      <c r="A19073" s="6" t="s">
        <v>4151</v>
      </c>
      <c r="B19073" s="6"/>
      <c r="C19073" s="6" t="s">
        <v>19109</v>
      </c>
      <c r="D19073" s="6"/>
      <c r="E19073" s="6" t="s">
        <v>9</v>
      </c>
      <c r="F19073" s="7">
        <v>38657</v>
      </c>
      <c r="G19073" s="8">
        <v>1</v>
      </c>
      <c r="H19073" s="8">
        <v>1</v>
      </c>
      <c r="I19073" s="8">
        <v>0</v>
      </c>
      <c r="J19073" s="8">
        <v>1</v>
      </c>
      <c r="K19073" s="9">
        <v>46</v>
      </c>
      <c r="L19073" s="6" t="s">
        <v>4151</v>
      </c>
    </row>
    <row r="19074" spans="1:12">
      <c r="A19074" s="6" t="s">
        <v>4151</v>
      </c>
      <c r="B19074" s="6"/>
      <c r="C19074" s="6" t="s">
        <v>19110</v>
      </c>
      <c r="D19074" s="6"/>
      <c r="E19074" s="6" t="s">
        <v>9</v>
      </c>
      <c r="F19074" s="7">
        <v>38657</v>
      </c>
      <c r="G19074" s="8">
        <v>1</v>
      </c>
      <c r="H19074" s="8">
        <v>1</v>
      </c>
      <c r="I19074" s="8">
        <v>0</v>
      </c>
      <c r="J19074" s="8">
        <v>1</v>
      </c>
      <c r="K19074" s="9">
        <v>1.4</v>
      </c>
      <c r="L19074" s="6" t="s">
        <v>4151</v>
      </c>
    </row>
    <row r="19075" spans="1:12">
      <c r="A19075" s="6" t="s">
        <v>4151</v>
      </c>
      <c r="B19075" s="6"/>
      <c r="C19075" s="6" t="s">
        <v>19111</v>
      </c>
      <c r="D19075" s="6"/>
      <c r="E19075" s="6" t="s">
        <v>9</v>
      </c>
      <c r="F19075" s="7">
        <v>38657</v>
      </c>
      <c r="G19075" s="8">
        <v>1</v>
      </c>
      <c r="H19075" s="8">
        <v>1</v>
      </c>
      <c r="I19075" s="8">
        <v>0</v>
      </c>
      <c r="J19075" s="8">
        <v>1</v>
      </c>
      <c r="K19075" s="9">
        <v>1.73</v>
      </c>
      <c r="L19075" s="6" t="s">
        <v>4151</v>
      </c>
    </row>
    <row r="19076" spans="1:12">
      <c r="A19076" s="6" t="s">
        <v>4151</v>
      </c>
      <c r="B19076" s="6"/>
      <c r="C19076" s="6" t="s">
        <v>19112</v>
      </c>
      <c r="D19076" s="6"/>
      <c r="E19076" s="6" t="s">
        <v>9</v>
      </c>
      <c r="F19076" s="7">
        <v>38657</v>
      </c>
      <c r="G19076" s="8">
        <v>1</v>
      </c>
      <c r="H19076" s="8">
        <v>1</v>
      </c>
      <c r="I19076" s="8">
        <v>0</v>
      </c>
      <c r="J19076" s="8">
        <v>1</v>
      </c>
      <c r="K19076" s="9">
        <v>5.9</v>
      </c>
      <c r="L19076" s="6" t="s">
        <v>4151</v>
      </c>
    </row>
    <row r="19077" spans="1:12">
      <c r="A19077" s="6" t="s">
        <v>4151</v>
      </c>
      <c r="B19077" s="6"/>
      <c r="C19077" s="6" t="s">
        <v>19113</v>
      </c>
      <c r="D19077" s="6"/>
      <c r="E19077" s="6" t="s">
        <v>9</v>
      </c>
      <c r="F19077" s="7">
        <v>38657</v>
      </c>
      <c r="G19077" s="8">
        <v>1</v>
      </c>
      <c r="H19077" s="8">
        <v>1</v>
      </c>
      <c r="I19077" s="8">
        <v>0</v>
      </c>
      <c r="J19077" s="8">
        <v>1</v>
      </c>
      <c r="K19077" s="9">
        <v>55</v>
      </c>
      <c r="L19077" s="6" t="s">
        <v>4151</v>
      </c>
    </row>
    <row r="19078" spans="1:12">
      <c r="A19078" s="6" t="s">
        <v>4151</v>
      </c>
      <c r="B19078" s="6"/>
      <c r="C19078" s="6" t="s">
        <v>19114</v>
      </c>
      <c r="D19078" s="6"/>
      <c r="E19078" s="6" t="s">
        <v>9</v>
      </c>
      <c r="F19078" s="7">
        <v>38657</v>
      </c>
      <c r="G19078" s="8">
        <v>1</v>
      </c>
      <c r="H19078" s="8">
        <v>1</v>
      </c>
      <c r="I19078" s="8">
        <v>0</v>
      </c>
      <c r="J19078" s="8">
        <v>1</v>
      </c>
      <c r="K19078" s="9">
        <v>13</v>
      </c>
      <c r="L19078" s="6" t="s">
        <v>4151</v>
      </c>
    </row>
    <row r="19079" spans="1:12">
      <c r="A19079" s="6" t="s">
        <v>4151</v>
      </c>
      <c r="B19079" s="6"/>
      <c r="C19079" s="6" t="s">
        <v>19115</v>
      </c>
      <c r="D19079" s="6"/>
      <c r="E19079" s="6" t="s">
        <v>9</v>
      </c>
      <c r="F19079" s="7">
        <v>38657</v>
      </c>
      <c r="G19079" s="8">
        <v>1</v>
      </c>
      <c r="H19079" s="8">
        <v>1</v>
      </c>
      <c r="I19079" s="8">
        <v>0</v>
      </c>
      <c r="J19079" s="8">
        <v>1</v>
      </c>
      <c r="K19079" s="9">
        <v>4.43</v>
      </c>
      <c r="L19079" s="6" t="s">
        <v>4151</v>
      </c>
    </row>
    <row r="19080" spans="1:12">
      <c r="A19080" s="6" t="s">
        <v>4151</v>
      </c>
      <c r="B19080" s="6"/>
      <c r="C19080" s="6" t="s">
        <v>19116</v>
      </c>
      <c r="D19080" s="6"/>
      <c r="E19080" s="6" t="s">
        <v>9</v>
      </c>
      <c r="F19080" s="7">
        <v>38657</v>
      </c>
      <c r="G19080" s="8">
        <v>1</v>
      </c>
      <c r="H19080" s="8">
        <v>1</v>
      </c>
      <c r="I19080" s="8">
        <v>0</v>
      </c>
      <c r="J19080" s="8">
        <v>1</v>
      </c>
      <c r="K19080" s="9">
        <v>31</v>
      </c>
      <c r="L19080" s="6" t="s">
        <v>4151</v>
      </c>
    </row>
    <row r="19081" spans="1:12">
      <c r="A19081" s="6" t="s">
        <v>4151</v>
      </c>
      <c r="B19081" s="6"/>
      <c r="C19081" s="6" t="s">
        <v>19117</v>
      </c>
      <c r="D19081" s="6"/>
      <c r="E19081" s="6" t="s">
        <v>9</v>
      </c>
      <c r="F19081" s="7">
        <v>38657</v>
      </c>
      <c r="G19081" s="8">
        <v>1</v>
      </c>
      <c r="H19081" s="8">
        <v>1</v>
      </c>
      <c r="I19081" s="8">
        <v>0</v>
      </c>
      <c r="J19081" s="8">
        <v>1</v>
      </c>
      <c r="K19081" s="9">
        <v>7.34</v>
      </c>
      <c r="L19081" s="6" t="s">
        <v>4151</v>
      </c>
    </row>
    <row r="19082" spans="1:12">
      <c r="A19082" s="6" t="s">
        <v>4151</v>
      </c>
      <c r="B19082" s="6"/>
      <c r="C19082" s="6" t="s">
        <v>19118</v>
      </c>
      <c r="D19082" s="6"/>
      <c r="E19082" s="6" t="s">
        <v>9</v>
      </c>
      <c r="F19082" s="7">
        <v>38657</v>
      </c>
      <c r="G19082" s="8">
        <v>1</v>
      </c>
      <c r="H19082" s="8">
        <v>1</v>
      </c>
      <c r="I19082" s="8">
        <v>0</v>
      </c>
      <c r="J19082" s="8">
        <v>1</v>
      </c>
      <c r="K19082" s="9">
        <v>2.06</v>
      </c>
      <c r="L19082" s="6" t="s">
        <v>4151</v>
      </c>
    </row>
    <row r="19083" spans="1:12">
      <c r="A19083" s="6" t="s">
        <v>4151</v>
      </c>
      <c r="B19083" s="6"/>
      <c r="C19083" s="6" t="s">
        <v>19119</v>
      </c>
      <c r="D19083" s="6"/>
      <c r="E19083" s="6" t="s">
        <v>9</v>
      </c>
      <c r="F19083" s="7">
        <v>38657</v>
      </c>
      <c r="G19083" s="8">
        <v>1</v>
      </c>
      <c r="H19083" s="8">
        <v>1</v>
      </c>
      <c r="I19083" s="8">
        <v>0</v>
      </c>
      <c r="J19083" s="8">
        <v>1</v>
      </c>
      <c r="K19083" s="9">
        <v>3.95</v>
      </c>
      <c r="L19083" s="6" t="s">
        <v>4151</v>
      </c>
    </row>
    <row r="19084" spans="1:12">
      <c r="A19084" s="6" t="s">
        <v>4151</v>
      </c>
      <c r="B19084" s="6"/>
      <c r="C19084" s="6" t="s">
        <v>19120</v>
      </c>
      <c r="D19084" s="6"/>
      <c r="E19084" s="6" t="s">
        <v>9</v>
      </c>
      <c r="F19084" s="7">
        <v>38657</v>
      </c>
      <c r="G19084" s="8">
        <v>1</v>
      </c>
      <c r="H19084" s="8">
        <v>1</v>
      </c>
      <c r="I19084" s="8">
        <v>0</v>
      </c>
      <c r="J19084" s="8">
        <v>1</v>
      </c>
      <c r="K19084" s="9">
        <v>4.1399999999999899</v>
      </c>
      <c r="L19084" s="6" t="s">
        <v>4151</v>
      </c>
    </row>
    <row r="19085" spans="1:12">
      <c r="A19085" s="6" t="s">
        <v>4151</v>
      </c>
      <c r="B19085" s="6"/>
      <c r="C19085" s="6" t="s">
        <v>19121</v>
      </c>
      <c r="D19085" s="6"/>
      <c r="E19085" s="6" t="s">
        <v>9</v>
      </c>
      <c r="F19085" s="7">
        <v>38657</v>
      </c>
      <c r="G19085" s="8">
        <v>1</v>
      </c>
      <c r="H19085" s="8">
        <v>1</v>
      </c>
      <c r="I19085" s="8">
        <v>0</v>
      </c>
      <c r="J19085" s="8">
        <v>1</v>
      </c>
      <c r="K19085" s="9">
        <v>59</v>
      </c>
      <c r="L19085" s="6" t="s">
        <v>4151</v>
      </c>
    </row>
    <row r="19086" spans="1:12">
      <c r="A19086" s="6" t="s">
        <v>4151</v>
      </c>
      <c r="B19086" s="6"/>
      <c r="C19086" s="6" t="s">
        <v>19122</v>
      </c>
      <c r="D19086" s="6"/>
      <c r="E19086" s="6" t="s">
        <v>9</v>
      </c>
      <c r="F19086" s="7">
        <v>38657</v>
      </c>
      <c r="G19086" s="8">
        <v>1</v>
      </c>
      <c r="H19086" s="8">
        <v>1</v>
      </c>
      <c r="I19086" s="8">
        <v>0</v>
      </c>
      <c r="J19086" s="8">
        <v>1</v>
      </c>
      <c r="K19086" s="9">
        <v>30</v>
      </c>
      <c r="L19086" s="6" t="s">
        <v>4151</v>
      </c>
    </row>
    <row r="19087" spans="1:12">
      <c r="A19087" s="6" t="s">
        <v>4151</v>
      </c>
      <c r="B19087" s="6"/>
      <c r="C19087" s="6" t="s">
        <v>19123</v>
      </c>
      <c r="D19087" s="6"/>
      <c r="E19087" s="6" t="s">
        <v>9</v>
      </c>
      <c r="F19087" s="7">
        <v>38657</v>
      </c>
      <c r="G19087" s="8">
        <v>1</v>
      </c>
      <c r="H19087" s="8">
        <v>1</v>
      </c>
      <c r="I19087" s="8">
        <v>0</v>
      </c>
      <c r="J19087" s="8">
        <v>1</v>
      </c>
      <c r="K19087" s="9">
        <v>23</v>
      </c>
      <c r="L19087" s="6" t="s">
        <v>4151</v>
      </c>
    </row>
    <row r="19088" spans="1:12">
      <c r="A19088" s="6" t="s">
        <v>4151</v>
      </c>
      <c r="B19088" s="6"/>
      <c r="C19088" s="6" t="s">
        <v>19124</v>
      </c>
      <c r="D19088" s="6"/>
      <c r="E19088" s="6" t="s">
        <v>9</v>
      </c>
      <c r="F19088" s="7">
        <v>38657</v>
      </c>
      <c r="G19088" s="8">
        <v>1</v>
      </c>
      <c r="H19088" s="8">
        <v>1</v>
      </c>
      <c r="I19088" s="8">
        <v>0</v>
      </c>
      <c r="J19088" s="8">
        <v>1</v>
      </c>
      <c r="K19088" s="9">
        <v>4.7</v>
      </c>
      <c r="L19088" s="6" t="s">
        <v>4151</v>
      </c>
    </row>
    <row r="19089" spans="1:12">
      <c r="A19089" s="6" t="s">
        <v>4151</v>
      </c>
      <c r="B19089" s="6"/>
      <c r="C19089" s="6" t="s">
        <v>19125</v>
      </c>
      <c r="D19089" s="6"/>
      <c r="E19089" s="6" t="s">
        <v>9</v>
      </c>
      <c r="F19089" s="7">
        <v>38657</v>
      </c>
      <c r="G19089" s="8">
        <v>1</v>
      </c>
      <c r="H19089" s="8">
        <v>1</v>
      </c>
      <c r="I19089" s="8">
        <v>0</v>
      </c>
      <c r="J19089" s="8">
        <v>1</v>
      </c>
      <c r="K19089" s="9">
        <v>7.02</v>
      </c>
      <c r="L19089" s="6" t="s">
        <v>4151</v>
      </c>
    </row>
    <row r="19090" spans="1:12">
      <c r="A19090" s="6" t="s">
        <v>4151</v>
      </c>
      <c r="B19090" s="6"/>
      <c r="C19090" s="6" t="s">
        <v>19126</v>
      </c>
      <c r="D19090" s="6"/>
      <c r="E19090" s="6" t="s">
        <v>9</v>
      </c>
      <c r="F19090" s="7">
        <v>38657</v>
      </c>
      <c r="G19090" s="8">
        <v>1</v>
      </c>
      <c r="H19090" s="8">
        <v>1</v>
      </c>
      <c r="I19090" s="8">
        <v>0</v>
      </c>
      <c r="J19090" s="8">
        <v>1</v>
      </c>
      <c r="K19090" s="9">
        <v>7.16</v>
      </c>
      <c r="L19090" s="6" t="s">
        <v>4151</v>
      </c>
    </row>
    <row r="19091" spans="1:12">
      <c r="A19091" s="6" t="s">
        <v>4151</v>
      </c>
      <c r="B19091" s="6"/>
      <c r="C19091" s="6" t="s">
        <v>19127</v>
      </c>
      <c r="D19091" s="6"/>
      <c r="E19091" s="6" t="s">
        <v>9</v>
      </c>
      <c r="F19091" s="7">
        <v>38657</v>
      </c>
      <c r="G19091" s="8">
        <v>1</v>
      </c>
      <c r="H19091" s="8">
        <v>1</v>
      </c>
      <c r="I19091" s="8">
        <v>0</v>
      </c>
      <c r="J19091" s="8">
        <v>1</v>
      </c>
      <c r="K19091" s="9">
        <v>9.4499999999999904</v>
      </c>
      <c r="L19091" s="6" t="s">
        <v>4151</v>
      </c>
    </row>
    <row r="19092" spans="1:12">
      <c r="A19092" s="6" t="s">
        <v>4151</v>
      </c>
      <c r="B19092" s="6"/>
      <c r="C19092" s="6" t="s">
        <v>19128</v>
      </c>
      <c r="D19092" s="6"/>
      <c r="E19092" s="6" t="s">
        <v>9</v>
      </c>
      <c r="F19092" s="7">
        <v>38657</v>
      </c>
      <c r="G19092" s="8">
        <v>1</v>
      </c>
      <c r="H19092" s="8">
        <v>1</v>
      </c>
      <c r="I19092" s="8">
        <v>0</v>
      </c>
      <c r="J19092" s="8">
        <v>1</v>
      </c>
      <c r="K19092" s="9">
        <v>3.4</v>
      </c>
      <c r="L19092" s="6" t="s">
        <v>4151</v>
      </c>
    </row>
    <row r="19093" spans="1:12">
      <c r="A19093" s="6" t="s">
        <v>4151</v>
      </c>
      <c r="B19093" s="6"/>
      <c r="C19093" s="6" t="s">
        <v>19129</v>
      </c>
      <c r="D19093" s="6"/>
      <c r="E19093" s="6" t="s">
        <v>9</v>
      </c>
      <c r="F19093" s="7">
        <v>38657</v>
      </c>
      <c r="G19093" s="8">
        <v>1</v>
      </c>
      <c r="H19093" s="8">
        <v>1</v>
      </c>
      <c r="I19093" s="8">
        <v>0</v>
      </c>
      <c r="J19093" s="8">
        <v>1</v>
      </c>
      <c r="K19093" s="9">
        <v>2.21</v>
      </c>
      <c r="L19093" s="6" t="s">
        <v>4151</v>
      </c>
    </row>
    <row r="19094" spans="1:12">
      <c r="A19094" s="6" t="s">
        <v>4151</v>
      </c>
      <c r="B19094" s="6"/>
      <c r="C19094" s="6" t="s">
        <v>19130</v>
      </c>
      <c r="D19094" s="6"/>
      <c r="E19094" s="6" t="s">
        <v>9</v>
      </c>
      <c r="F19094" s="7">
        <v>38657</v>
      </c>
      <c r="G19094" s="8">
        <v>1</v>
      </c>
      <c r="H19094" s="8">
        <v>1</v>
      </c>
      <c r="I19094" s="8">
        <v>0</v>
      </c>
      <c r="J19094" s="8">
        <v>1</v>
      </c>
      <c r="K19094" s="9">
        <v>17</v>
      </c>
      <c r="L19094" s="6" t="s">
        <v>4151</v>
      </c>
    </row>
    <row r="19095" spans="1:12">
      <c r="A19095" s="6" t="s">
        <v>4151</v>
      </c>
      <c r="B19095" s="6"/>
      <c r="C19095" s="6" t="s">
        <v>19131</v>
      </c>
      <c r="D19095" s="6"/>
      <c r="E19095" s="6" t="s">
        <v>9</v>
      </c>
      <c r="F19095" s="7">
        <v>38657</v>
      </c>
      <c r="G19095" s="8">
        <v>1</v>
      </c>
      <c r="H19095" s="8">
        <v>1</v>
      </c>
      <c r="I19095" s="8">
        <v>0</v>
      </c>
      <c r="J19095" s="8">
        <v>1</v>
      </c>
      <c r="K19095" s="9">
        <v>5.04</v>
      </c>
      <c r="L19095" s="6" t="s">
        <v>4151</v>
      </c>
    </row>
    <row r="19096" spans="1:12">
      <c r="A19096" s="6" t="s">
        <v>4151</v>
      </c>
      <c r="B19096" s="6"/>
      <c r="C19096" s="6" t="s">
        <v>19132</v>
      </c>
      <c r="D19096" s="6"/>
      <c r="E19096" s="6" t="s">
        <v>9</v>
      </c>
      <c r="F19096" s="7">
        <v>38657</v>
      </c>
      <c r="G19096" s="8">
        <v>1</v>
      </c>
      <c r="H19096" s="8">
        <v>1</v>
      </c>
      <c r="I19096" s="8">
        <v>0</v>
      </c>
      <c r="J19096" s="8">
        <v>1</v>
      </c>
      <c r="K19096" s="9">
        <v>26</v>
      </c>
      <c r="L19096" s="6" t="s">
        <v>4151</v>
      </c>
    </row>
    <row r="19097" spans="1:12">
      <c r="A19097" s="6" t="s">
        <v>4151</v>
      </c>
      <c r="B19097" s="6"/>
      <c r="C19097" s="6" t="s">
        <v>19133</v>
      </c>
      <c r="D19097" s="6"/>
      <c r="E19097" s="6" t="s">
        <v>9</v>
      </c>
      <c r="F19097" s="7">
        <v>38657</v>
      </c>
      <c r="G19097" s="8">
        <v>1</v>
      </c>
      <c r="H19097" s="8">
        <v>1</v>
      </c>
      <c r="I19097" s="8">
        <v>0</v>
      </c>
      <c r="J19097" s="8">
        <v>1</v>
      </c>
      <c r="K19097" s="9">
        <v>25</v>
      </c>
      <c r="L19097" s="6" t="s">
        <v>4151</v>
      </c>
    </row>
    <row r="19098" spans="1:12">
      <c r="A19098" s="6" t="s">
        <v>4151</v>
      </c>
      <c r="B19098" s="6"/>
      <c r="C19098" s="6" t="s">
        <v>19134</v>
      </c>
      <c r="D19098" s="6"/>
      <c r="E19098" s="6" t="s">
        <v>9</v>
      </c>
      <c r="F19098" s="7">
        <v>38657</v>
      </c>
      <c r="G19098" s="8">
        <v>1</v>
      </c>
      <c r="H19098" s="8">
        <v>1</v>
      </c>
      <c r="I19098" s="8">
        <v>0</v>
      </c>
      <c r="J19098" s="8">
        <v>1</v>
      </c>
      <c r="K19098" s="9">
        <v>30</v>
      </c>
      <c r="L19098" s="6" t="s">
        <v>4151</v>
      </c>
    </row>
    <row r="19099" spans="1:12">
      <c r="A19099" s="6" t="s">
        <v>4151</v>
      </c>
      <c r="B19099" s="6"/>
      <c r="C19099" s="6" t="s">
        <v>19135</v>
      </c>
      <c r="D19099" s="6"/>
      <c r="E19099" s="6" t="s">
        <v>9</v>
      </c>
      <c r="F19099" s="7">
        <v>38657</v>
      </c>
      <c r="G19099" s="8">
        <v>1</v>
      </c>
      <c r="H19099" s="8">
        <v>1</v>
      </c>
      <c r="I19099" s="8">
        <v>0</v>
      </c>
      <c r="J19099" s="8">
        <v>1</v>
      </c>
      <c r="K19099" s="9">
        <v>17</v>
      </c>
      <c r="L19099" s="6" t="s">
        <v>4151</v>
      </c>
    </row>
    <row r="19100" spans="1:12">
      <c r="A19100" s="6" t="s">
        <v>4151</v>
      </c>
      <c r="B19100" s="6"/>
      <c r="C19100" s="6" t="s">
        <v>19136</v>
      </c>
      <c r="D19100" s="6"/>
      <c r="E19100" s="6" t="s">
        <v>9</v>
      </c>
      <c r="F19100" s="7">
        <v>38657</v>
      </c>
      <c r="G19100" s="8">
        <v>1</v>
      </c>
      <c r="H19100" s="8">
        <v>1</v>
      </c>
      <c r="I19100" s="8">
        <v>0</v>
      </c>
      <c r="J19100" s="8">
        <v>1</v>
      </c>
      <c r="K19100" s="9">
        <v>1.26</v>
      </c>
      <c r="L19100" s="6" t="s">
        <v>4151</v>
      </c>
    </row>
    <row r="19101" spans="1:12">
      <c r="A19101" s="6" t="s">
        <v>4151</v>
      </c>
      <c r="B19101" s="6"/>
      <c r="C19101" s="6" t="s">
        <v>19137</v>
      </c>
      <c r="D19101" s="6"/>
      <c r="E19101" s="6" t="s">
        <v>9</v>
      </c>
      <c r="F19101" s="7">
        <v>38657</v>
      </c>
      <c r="G19101" s="8">
        <v>1</v>
      </c>
      <c r="H19101" s="8">
        <v>1</v>
      </c>
      <c r="I19101" s="8">
        <v>0</v>
      </c>
      <c r="J19101" s="8">
        <v>1</v>
      </c>
      <c r="K19101" s="9">
        <v>5.07</v>
      </c>
      <c r="L19101" s="6" t="s">
        <v>4151</v>
      </c>
    </row>
    <row r="19102" spans="1:12">
      <c r="A19102" s="6" t="s">
        <v>4151</v>
      </c>
      <c r="B19102" s="6"/>
      <c r="C19102" s="6" t="s">
        <v>19138</v>
      </c>
      <c r="D19102" s="6"/>
      <c r="E19102" s="6" t="s">
        <v>9</v>
      </c>
      <c r="F19102" s="7">
        <v>38657</v>
      </c>
      <c r="G19102" s="8">
        <v>1</v>
      </c>
      <c r="H19102" s="8">
        <v>1</v>
      </c>
      <c r="I19102" s="8">
        <v>0</v>
      </c>
      <c r="J19102" s="8">
        <v>1</v>
      </c>
      <c r="K19102" s="9">
        <v>9.3800000000000008</v>
      </c>
      <c r="L19102" s="6" t="s">
        <v>4151</v>
      </c>
    </row>
    <row r="19103" spans="1:12">
      <c r="A19103" s="6" t="s">
        <v>4151</v>
      </c>
      <c r="B19103" s="6"/>
      <c r="C19103" s="6" t="s">
        <v>19139</v>
      </c>
      <c r="D19103" s="6"/>
      <c r="E19103" s="6" t="s">
        <v>9</v>
      </c>
      <c r="F19103" s="7">
        <v>38657</v>
      </c>
      <c r="G19103" s="8">
        <v>1</v>
      </c>
      <c r="H19103" s="8">
        <v>1</v>
      </c>
      <c r="I19103" s="8">
        <v>0</v>
      </c>
      <c r="J19103" s="8">
        <v>1</v>
      </c>
      <c r="K19103" s="9">
        <v>10</v>
      </c>
      <c r="L19103" s="6" t="s">
        <v>4151</v>
      </c>
    </row>
    <row r="19104" spans="1:12">
      <c r="A19104" s="6" t="s">
        <v>4151</v>
      </c>
      <c r="B19104" s="6"/>
      <c r="C19104" s="6" t="s">
        <v>19140</v>
      </c>
      <c r="D19104" s="6"/>
      <c r="E19104" s="6" t="s">
        <v>9</v>
      </c>
      <c r="F19104" s="7">
        <v>38657</v>
      </c>
      <c r="G19104" s="8">
        <v>1</v>
      </c>
      <c r="H19104" s="8">
        <v>1</v>
      </c>
      <c r="I19104" s="8">
        <v>0</v>
      </c>
      <c r="J19104" s="8">
        <v>1</v>
      </c>
      <c r="K19104" s="9">
        <v>2.17</v>
      </c>
      <c r="L19104" s="6" t="s">
        <v>4151</v>
      </c>
    </row>
    <row r="19105" spans="1:12">
      <c r="A19105" s="6" t="s">
        <v>4151</v>
      </c>
      <c r="B19105" s="6"/>
      <c r="C19105" s="6" t="s">
        <v>19141</v>
      </c>
      <c r="D19105" s="6"/>
      <c r="E19105" s="6" t="s">
        <v>9</v>
      </c>
      <c r="F19105" s="7">
        <v>38657</v>
      </c>
      <c r="G19105" s="8">
        <v>1</v>
      </c>
      <c r="H19105" s="8">
        <v>1</v>
      </c>
      <c r="I19105" s="8">
        <v>0</v>
      </c>
      <c r="J19105" s="8">
        <v>1</v>
      </c>
      <c r="K19105" s="9">
        <v>9.75</v>
      </c>
      <c r="L19105" s="6" t="s">
        <v>4151</v>
      </c>
    </row>
    <row r="19106" spans="1:12">
      <c r="A19106" s="6" t="s">
        <v>4151</v>
      </c>
      <c r="B19106" s="6"/>
      <c r="C19106" s="6" t="s">
        <v>19142</v>
      </c>
      <c r="D19106" s="6"/>
      <c r="E19106" s="6" t="s">
        <v>9</v>
      </c>
      <c r="F19106" s="7">
        <v>38657</v>
      </c>
      <c r="G19106" s="8">
        <v>1</v>
      </c>
      <c r="H19106" s="8">
        <v>1</v>
      </c>
      <c r="I19106" s="8">
        <v>0</v>
      </c>
      <c r="J19106" s="8">
        <v>1</v>
      </c>
      <c r="K19106" s="9">
        <v>5.67</v>
      </c>
      <c r="L19106" s="6" t="s">
        <v>4151</v>
      </c>
    </row>
    <row r="19107" spans="1:12">
      <c r="A19107" s="6" t="s">
        <v>4151</v>
      </c>
      <c r="B19107" s="6"/>
      <c r="C19107" s="6" t="s">
        <v>19143</v>
      </c>
      <c r="D19107" s="6"/>
      <c r="E19107" s="6" t="s">
        <v>9</v>
      </c>
      <c r="F19107" s="7">
        <v>38657</v>
      </c>
      <c r="G19107" s="8">
        <v>1</v>
      </c>
      <c r="H19107" s="8">
        <v>1</v>
      </c>
      <c r="I19107" s="8">
        <v>0</v>
      </c>
      <c r="J19107" s="8">
        <v>1</v>
      </c>
      <c r="K19107" s="9">
        <v>14</v>
      </c>
      <c r="L19107" s="6" t="s">
        <v>4151</v>
      </c>
    </row>
    <row r="19108" spans="1:12">
      <c r="A19108" s="6" t="s">
        <v>4151</v>
      </c>
      <c r="B19108" s="6"/>
      <c r="C19108" s="6" t="s">
        <v>19144</v>
      </c>
      <c r="D19108" s="6"/>
      <c r="E19108" s="6" t="s">
        <v>9</v>
      </c>
      <c r="F19108" s="7">
        <v>38657</v>
      </c>
      <c r="G19108" s="8">
        <v>1</v>
      </c>
      <c r="H19108" s="8">
        <v>1</v>
      </c>
      <c r="I19108" s="8">
        <v>0</v>
      </c>
      <c r="J19108" s="8">
        <v>1</v>
      </c>
      <c r="K19108" s="9">
        <v>10</v>
      </c>
      <c r="L19108" s="6" t="s">
        <v>4151</v>
      </c>
    </row>
    <row r="19109" spans="1:12">
      <c r="A19109" s="6" t="s">
        <v>4151</v>
      </c>
      <c r="B19109" s="6"/>
      <c r="C19109" s="6" t="s">
        <v>19145</v>
      </c>
      <c r="D19109" s="6"/>
      <c r="E19109" s="6" t="s">
        <v>9</v>
      </c>
      <c r="F19109" s="7">
        <v>38657</v>
      </c>
      <c r="G19109" s="8">
        <v>1</v>
      </c>
      <c r="H19109" s="8">
        <v>1</v>
      </c>
      <c r="I19109" s="8">
        <v>0</v>
      </c>
      <c r="J19109" s="8">
        <v>1</v>
      </c>
      <c r="K19109" s="9">
        <v>15</v>
      </c>
      <c r="L19109" s="6" t="s">
        <v>4151</v>
      </c>
    </row>
    <row r="19110" spans="1:12">
      <c r="A19110" s="6" t="s">
        <v>4151</v>
      </c>
      <c r="B19110" s="6"/>
      <c r="C19110" s="6" t="s">
        <v>19146</v>
      </c>
      <c r="D19110" s="6"/>
      <c r="E19110" s="6" t="s">
        <v>9</v>
      </c>
      <c r="F19110" s="7">
        <v>38657</v>
      </c>
      <c r="G19110" s="8">
        <v>1</v>
      </c>
      <c r="H19110" s="8">
        <v>1</v>
      </c>
      <c r="I19110" s="8">
        <v>0</v>
      </c>
      <c r="J19110" s="8">
        <v>1</v>
      </c>
      <c r="K19110" s="9">
        <v>8.5</v>
      </c>
      <c r="L19110" s="6" t="s">
        <v>4151</v>
      </c>
    </row>
    <row r="19111" spans="1:12">
      <c r="A19111" s="6" t="s">
        <v>4151</v>
      </c>
      <c r="B19111" s="6"/>
      <c r="C19111" s="6" t="s">
        <v>19147</v>
      </c>
      <c r="D19111" s="6"/>
      <c r="E19111" s="6" t="s">
        <v>9</v>
      </c>
      <c r="F19111" s="7">
        <v>38657</v>
      </c>
      <c r="G19111" s="8">
        <v>1</v>
      </c>
      <c r="H19111" s="8">
        <v>1</v>
      </c>
      <c r="I19111" s="8">
        <v>0</v>
      </c>
      <c r="J19111" s="8">
        <v>1</v>
      </c>
      <c r="K19111" s="9">
        <v>7.7</v>
      </c>
      <c r="L19111" s="6" t="s">
        <v>4151</v>
      </c>
    </row>
    <row r="19112" spans="1:12">
      <c r="A19112" s="6" t="s">
        <v>4151</v>
      </c>
      <c r="B19112" s="6"/>
      <c r="C19112" s="6" t="s">
        <v>19148</v>
      </c>
      <c r="D19112" s="6"/>
      <c r="E19112" s="6" t="s">
        <v>9</v>
      </c>
      <c r="F19112" s="7">
        <v>38657</v>
      </c>
      <c r="G19112" s="8">
        <v>1</v>
      </c>
      <c r="H19112" s="8">
        <v>1</v>
      </c>
      <c r="I19112" s="8">
        <v>0</v>
      </c>
      <c r="J19112" s="8">
        <v>1</v>
      </c>
      <c r="K19112" s="9">
        <v>7.68</v>
      </c>
      <c r="L19112" s="6" t="s">
        <v>4151</v>
      </c>
    </row>
    <row r="19113" spans="1:12">
      <c r="A19113" s="6" t="s">
        <v>4151</v>
      </c>
      <c r="B19113" s="6"/>
      <c r="C19113" s="6" t="s">
        <v>19149</v>
      </c>
      <c r="D19113" s="6"/>
      <c r="E19113" s="6" t="s">
        <v>9</v>
      </c>
      <c r="F19113" s="7">
        <v>38657</v>
      </c>
      <c r="G19113" s="8">
        <v>1</v>
      </c>
      <c r="H19113" s="8">
        <v>1</v>
      </c>
      <c r="I19113" s="8">
        <v>0</v>
      </c>
      <c r="J19113" s="8">
        <v>1</v>
      </c>
      <c r="K19113" s="9">
        <v>13</v>
      </c>
      <c r="L19113" s="6" t="s">
        <v>4151</v>
      </c>
    </row>
    <row r="19114" spans="1:12">
      <c r="A19114" s="6" t="s">
        <v>4151</v>
      </c>
      <c r="B19114" s="6"/>
      <c r="C19114" s="6" t="s">
        <v>19150</v>
      </c>
      <c r="D19114" s="6"/>
      <c r="E19114" s="6" t="s">
        <v>9</v>
      </c>
      <c r="F19114" s="7">
        <v>38657</v>
      </c>
      <c r="G19114" s="8">
        <v>1</v>
      </c>
      <c r="H19114" s="8">
        <v>1</v>
      </c>
      <c r="I19114" s="8">
        <v>0</v>
      </c>
      <c r="J19114" s="8">
        <v>1</v>
      </c>
      <c r="K19114" s="9">
        <v>25</v>
      </c>
      <c r="L19114" s="6" t="s">
        <v>4151</v>
      </c>
    </row>
    <row r="19115" spans="1:12">
      <c r="A19115" s="6" t="s">
        <v>4151</v>
      </c>
      <c r="B19115" s="6"/>
      <c r="C19115" s="6" t="s">
        <v>19151</v>
      </c>
      <c r="D19115" s="6"/>
      <c r="E19115" s="6" t="s">
        <v>9</v>
      </c>
      <c r="F19115" s="7">
        <v>38657</v>
      </c>
      <c r="G19115" s="8">
        <v>1</v>
      </c>
      <c r="H19115" s="8">
        <v>1</v>
      </c>
      <c r="I19115" s="8">
        <v>0</v>
      </c>
      <c r="J19115" s="8">
        <v>1</v>
      </c>
      <c r="K19115" s="9">
        <v>15</v>
      </c>
      <c r="L19115" s="6" t="s">
        <v>4151</v>
      </c>
    </row>
    <row r="19116" spans="1:12">
      <c r="A19116" s="6" t="s">
        <v>4151</v>
      </c>
      <c r="B19116" s="6"/>
      <c r="C19116" s="6" t="s">
        <v>19152</v>
      </c>
      <c r="D19116" s="6"/>
      <c r="E19116" s="6" t="s">
        <v>9</v>
      </c>
      <c r="F19116" s="7">
        <v>38657</v>
      </c>
      <c r="G19116" s="8">
        <v>1</v>
      </c>
      <c r="H19116" s="8">
        <v>1</v>
      </c>
      <c r="I19116" s="8">
        <v>0</v>
      </c>
      <c r="J19116" s="8">
        <v>1</v>
      </c>
      <c r="K19116" s="9">
        <v>11</v>
      </c>
      <c r="L19116" s="6" t="s">
        <v>4151</v>
      </c>
    </row>
    <row r="19117" spans="1:12">
      <c r="A19117" s="6" t="s">
        <v>4151</v>
      </c>
      <c r="B19117" s="6"/>
      <c r="C19117" s="6" t="s">
        <v>19153</v>
      </c>
      <c r="D19117" s="6"/>
      <c r="E19117" s="6" t="s">
        <v>9</v>
      </c>
      <c r="F19117" s="7">
        <v>38657</v>
      </c>
      <c r="G19117" s="8">
        <v>1</v>
      </c>
      <c r="H19117" s="8">
        <v>1</v>
      </c>
      <c r="I19117" s="8">
        <v>0</v>
      </c>
      <c r="J19117" s="8">
        <v>1</v>
      </c>
      <c r="K19117" s="9">
        <v>17</v>
      </c>
      <c r="L19117" s="6" t="s">
        <v>4151</v>
      </c>
    </row>
    <row r="19118" spans="1:12">
      <c r="A19118" s="6" t="s">
        <v>4151</v>
      </c>
      <c r="B19118" s="6"/>
      <c r="C19118" s="6" t="s">
        <v>19154</v>
      </c>
      <c r="D19118" s="6"/>
      <c r="E19118" s="6" t="s">
        <v>9</v>
      </c>
      <c r="F19118" s="7">
        <v>38657</v>
      </c>
      <c r="G19118" s="8">
        <v>1</v>
      </c>
      <c r="H19118" s="8">
        <v>1</v>
      </c>
      <c r="I19118" s="8">
        <v>0</v>
      </c>
      <c r="J19118" s="8">
        <v>1</v>
      </c>
      <c r="K19118" s="9">
        <v>15.81</v>
      </c>
      <c r="L19118" s="6" t="s">
        <v>4151</v>
      </c>
    </row>
    <row r="19119" spans="1:12">
      <c r="A19119" s="6" t="s">
        <v>4151</v>
      </c>
      <c r="B19119" s="6"/>
      <c r="C19119" s="6" t="s">
        <v>19155</v>
      </c>
      <c r="D19119" s="6"/>
      <c r="E19119" s="6" t="s">
        <v>9</v>
      </c>
      <c r="F19119" s="7">
        <v>38657</v>
      </c>
      <c r="G19119" s="8">
        <v>1</v>
      </c>
      <c r="H19119" s="8">
        <v>1</v>
      </c>
      <c r="I19119" s="8">
        <v>0</v>
      </c>
      <c r="J19119" s="8">
        <v>1</v>
      </c>
      <c r="K19119" s="9">
        <v>10</v>
      </c>
      <c r="L19119" s="6" t="s">
        <v>4151</v>
      </c>
    </row>
    <row r="19120" spans="1:12">
      <c r="A19120" s="6" t="s">
        <v>4151</v>
      </c>
      <c r="B19120" s="6"/>
      <c r="C19120" s="6" t="s">
        <v>19156</v>
      </c>
      <c r="D19120" s="6"/>
      <c r="E19120" s="6" t="s">
        <v>9</v>
      </c>
      <c r="F19120" s="7">
        <v>38657</v>
      </c>
      <c r="G19120" s="8">
        <v>1</v>
      </c>
      <c r="H19120" s="8">
        <v>1</v>
      </c>
      <c r="I19120" s="8">
        <v>0</v>
      </c>
      <c r="J19120" s="8">
        <v>1</v>
      </c>
      <c r="K19120" s="9">
        <v>2.4700000000000002</v>
      </c>
      <c r="L19120" s="6" t="s">
        <v>4151</v>
      </c>
    </row>
    <row r="19121" spans="1:12">
      <c r="A19121" s="6" t="s">
        <v>4151</v>
      </c>
      <c r="B19121" s="6"/>
      <c r="C19121" s="6" t="s">
        <v>19157</v>
      </c>
      <c r="D19121" s="6"/>
      <c r="E19121" s="6" t="s">
        <v>9</v>
      </c>
      <c r="F19121" s="7">
        <v>38657</v>
      </c>
      <c r="G19121" s="8">
        <v>1</v>
      </c>
      <c r="H19121" s="8">
        <v>1</v>
      </c>
      <c r="I19121" s="8">
        <v>0</v>
      </c>
      <c r="J19121" s="8">
        <v>1</v>
      </c>
      <c r="K19121" s="9">
        <v>8.74</v>
      </c>
      <c r="L19121" s="6" t="s">
        <v>4151</v>
      </c>
    </row>
    <row r="19122" spans="1:12">
      <c r="A19122" s="6" t="s">
        <v>4151</v>
      </c>
      <c r="B19122" s="6"/>
      <c r="C19122" s="6" t="s">
        <v>19158</v>
      </c>
      <c r="D19122" s="6"/>
      <c r="E19122" s="6" t="s">
        <v>9</v>
      </c>
      <c r="F19122" s="7">
        <v>38657</v>
      </c>
      <c r="G19122" s="8">
        <v>1</v>
      </c>
      <c r="H19122" s="8">
        <v>1</v>
      </c>
      <c r="I19122" s="8">
        <v>0</v>
      </c>
      <c r="J19122" s="8">
        <v>1</v>
      </c>
      <c r="K19122" s="9">
        <v>6.09</v>
      </c>
      <c r="L19122" s="6" t="s">
        <v>4151</v>
      </c>
    </row>
    <row r="19123" spans="1:12">
      <c r="A19123" s="6" t="s">
        <v>4151</v>
      </c>
      <c r="B19123" s="6"/>
      <c r="C19123" s="6" t="s">
        <v>19159</v>
      </c>
      <c r="D19123" s="6"/>
      <c r="E19123" s="6" t="s">
        <v>9</v>
      </c>
      <c r="F19123" s="7">
        <v>38657</v>
      </c>
      <c r="G19123" s="8">
        <v>1</v>
      </c>
      <c r="H19123" s="8">
        <v>1</v>
      </c>
      <c r="I19123" s="8">
        <v>0</v>
      </c>
      <c r="J19123" s="8">
        <v>1</v>
      </c>
      <c r="K19123" s="9">
        <v>8.52</v>
      </c>
      <c r="L19123" s="6" t="s">
        <v>4151</v>
      </c>
    </row>
    <row r="19124" spans="1:12">
      <c r="A19124" s="6" t="s">
        <v>4151</v>
      </c>
      <c r="B19124" s="6"/>
      <c r="C19124" s="6" t="s">
        <v>19160</v>
      </c>
      <c r="D19124" s="6"/>
      <c r="E19124" s="6" t="s">
        <v>9</v>
      </c>
      <c r="F19124" s="7">
        <v>38657</v>
      </c>
      <c r="G19124" s="8">
        <v>1</v>
      </c>
      <c r="H19124" s="8">
        <v>1</v>
      </c>
      <c r="I19124" s="8">
        <v>0</v>
      </c>
      <c r="J19124" s="8">
        <v>1</v>
      </c>
      <c r="K19124" s="9">
        <v>0.89</v>
      </c>
      <c r="L19124" s="6" t="s">
        <v>4151</v>
      </c>
    </row>
    <row r="19125" spans="1:12">
      <c r="A19125" s="6" t="s">
        <v>4151</v>
      </c>
      <c r="B19125" s="6"/>
      <c r="C19125" s="6" t="s">
        <v>19161</v>
      </c>
      <c r="D19125" s="6"/>
      <c r="E19125" s="6" t="s">
        <v>9</v>
      </c>
      <c r="F19125" s="7">
        <v>38657</v>
      </c>
      <c r="G19125" s="8">
        <v>1</v>
      </c>
      <c r="H19125" s="8">
        <v>1</v>
      </c>
      <c r="I19125" s="8">
        <v>0</v>
      </c>
      <c r="J19125" s="8">
        <v>1</v>
      </c>
      <c r="K19125" s="9">
        <v>5.47</v>
      </c>
      <c r="L19125" s="6" t="s">
        <v>4151</v>
      </c>
    </row>
    <row r="19126" spans="1:12">
      <c r="A19126" s="6" t="s">
        <v>4151</v>
      </c>
      <c r="B19126" s="6"/>
      <c r="C19126" s="6" t="s">
        <v>19162</v>
      </c>
      <c r="D19126" s="6"/>
      <c r="E19126" s="6" t="s">
        <v>9</v>
      </c>
      <c r="F19126" s="7">
        <v>38657</v>
      </c>
      <c r="G19126" s="8">
        <v>1</v>
      </c>
      <c r="H19126" s="8">
        <v>1</v>
      </c>
      <c r="I19126" s="8">
        <v>0</v>
      </c>
      <c r="J19126" s="8">
        <v>1</v>
      </c>
      <c r="K19126" s="9">
        <v>7.83</v>
      </c>
      <c r="L19126" s="6" t="s">
        <v>4151</v>
      </c>
    </row>
    <row r="19127" spans="1:12">
      <c r="A19127" s="6" t="s">
        <v>4151</v>
      </c>
      <c r="B19127" s="6"/>
      <c r="C19127" s="6" t="s">
        <v>19163</v>
      </c>
      <c r="D19127" s="6"/>
      <c r="E19127" s="6" t="s">
        <v>9</v>
      </c>
      <c r="F19127" s="7">
        <v>38657</v>
      </c>
      <c r="G19127" s="8">
        <v>1</v>
      </c>
      <c r="H19127" s="8">
        <v>1</v>
      </c>
      <c r="I19127" s="8">
        <v>0</v>
      </c>
      <c r="J19127" s="8">
        <v>1</v>
      </c>
      <c r="K19127" s="9">
        <v>9.24</v>
      </c>
      <c r="L19127" s="6" t="s">
        <v>4151</v>
      </c>
    </row>
    <row r="19128" spans="1:12">
      <c r="A19128" s="6" t="s">
        <v>4151</v>
      </c>
      <c r="B19128" s="6"/>
      <c r="C19128" s="6" t="s">
        <v>19164</v>
      </c>
      <c r="D19128" s="6"/>
      <c r="E19128" s="6" t="s">
        <v>9</v>
      </c>
      <c r="F19128" s="7">
        <v>38657</v>
      </c>
      <c r="G19128" s="8">
        <v>1</v>
      </c>
      <c r="H19128" s="8">
        <v>1</v>
      </c>
      <c r="I19128" s="8">
        <v>0</v>
      </c>
      <c r="J19128" s="8">
        <v>1</v>
      </c>
      <c r="K19128" s="9">
        <v>15</v>
      </c>
      <c r="L19128" s="6" t="s">
        <v>4151</v>
      </c>
    </row>
    <row r="19129" spans="1:12">
      <c r="A19129" s="6" t="s">
        <v>4151</v>
      </c>
      <c r="B19129" s="6"/>
      <c r="C19129" s="6" t="s">
        <v>19165</v>
      </c>
      <c r="D19129" s="6"/>
      <c r="E19129" s="6" t="s">
        <v>9</v>
      </c>
      <c r="F19129" s="7">
        <v>38657</v>
      </c>
      <c r="G19129" s="8">
        <v>1</v>
      </c>
      <c r="H19129" s="8">
        <v>1</v>
      </c>
      <c r="I19129" s="8">
        <v>0</v>
      </c>
      <c r="J19129" s="8">
        <v>1</v>
      </c>
      <c r="K19129" s="9">
        <v>18</v>
      </c>
      <c r="L19129" s="6" t="s">
        <v>4151</v>
      </c>
    </row>
    <row r="19130" spans="1:12">
      <c r="A19130" s="6" t="s">
        <v>4151</v>
      </c>
      <c r="B19130" s="6"/>
      <c r="C19130" s="6" t="s">
        <v>19166</v>
      </c>
      <c r="D19130" s="6"/>
      <c r="E19130" s="6" t="s">
        <v>9</v>
      </c>
      <c r="F19130" s="7">
        <v>38657</v>
      </c>
      <c r="G19130" s="8">
        <v>1</v>
      </c>
      <c r="H19130" s="8">
        <v>1</v>
      </c>
      <c r="I19130" s="8">
        <v>0</v>
      </c>
      <c r="J19130" s="8">
        <v>1</v>
      </c>
      <c r="K19130" s="9">
        <v>13</v>
      </c>
      <c r="L19130" s="6" t="s">
        <v>4151</v>
      </c>
    </row>
    <row r="19131" spans="1:12">
      <c r="A19131" s="6" t="s">
        <v>4151</v>
      </c>
      <c r="B19131" s="6"/>
      <c r="C19131" s="6" t="s">
        <v>19167</v>
      </c>
      <c r="D19131" s="6"/>
      <c r="E19131" s="6" t="s">
        <v>9</v>
      </c>
      <c r="F19131" s="7">
        <v>38657</v>
      </c>
      <c r="G19131" s="8">
        <v>1</v>
      </c>
      <c r="H19131" s="8">
        <v>1</v>
      </c>
      <c r="I19131" s="8">
        <v>0</v>
      </c>
      <c r="J19131" s="8">
        <v>1</v>
      </c>
      <c r="K19131" s="9">
        <v>6.36</v>
      </c>
      <c r="L19131" s="6" t="s">
        <v>4151</v>
      </c>
    </row>
    <row r="19132" spans="1:12">
      <c r="A19132" s="6" t="s">
        <v>4151</v>
      </c>
      <c r="B19132" s="6"/>
      <c r="C19132" s="6" t="s">
        <v>19168</v>
      </c>
      <c r="D19132" s="6"/>
      <c r="E19132" s="6" t="s">
        <v>9</v>
      </c>
      <c r="F19132" s="7">
        <v>38657</v>
      </c>
      <c r="G19132" s="8">
        <v>1</v>
      </c>
      <c r="H19132" s="8">
        <v>1</v>
      </c>
      <c r="I19132" s="8">
        <v>0</v>
      </c>
      <c r="J19132" s="8">
        <v>1</v>
      </c>
      <c r="K19132" s="9">
        <v>9.18</v>
      </c>
      <c r="L19132" s="6" t="s">
        <v>4151</v>
      </c>
    </row>
    <row r="19133" spans="1:12">
      <c r="A19133" s="6" t="s">
        <v>4151</v>
      </c>
      <c r="B19133" s="6"/>
      <c r="C19133" s="6" t="s">
        <v>19169</v>
      </c>
      <c r="D19133" s="6"/>
      <c r="E19133" s="6" t="s">
        <v>9</v>
      </c>
      <c r="F19133" s="7">
        <v>38657</v>
      </c>
      <c r="G19133" s="8">
        <v>1</v>
      </c>
      <c r="H19133" s="8">
        <v>1</v>
      </c>
      <c r="I19133" s="8">
        <v>0</v>
      </c>
      <c r="J19133" s="8">
        <v>1</v>
      </c>
      <c r="K19133" s="9">
        <v>0.63</v>
      </c>
      <c r="L19133" s="6" t="s">
        <v>4151</v>
      </c>
    </row>
    <row r="19134" spans="1:12">
      <c r="A19134" s="6" t="s">
        <v>4151</v>
      </c>
      <c r="B19134" s="6"/>
      <c r="C19134" s="6" t="s">
        <v>19170</v>
      </c>
      <c r="D19134" s="6"/>
      <c r="E19134" s="6" t="s">
        <v>9</v>
      </c>
      <c r="F19134" s="7">
        <v>38657</v>
      </c>
      <c r="G19134" s="8">
        <v>1</v>
      </c>
      <c r="H19134" s="8">
        <v>1</v>
      </c>
      <c r="I19134" s="8">
        <v>0</v>
      </c>
      <c r="J19134" s="8">
        <v>1</v>
      </c>
      <c r="K19134" s="9">
        <v>2.19</v>
      </c>
      <c r="L19134" s="6" t="s">
        <v>4151</v>
      </c>
    </row>
    <row r="19135" spans="1:12">
      <c r="A19135" s="6" t="s">
        <v>4151</v>
      </c>
      <c r="B19135" s="6"/>
      <c r="C19135" s="6" t="s">
        <v>19171</v>
      </c>
      <c r="D19135" s="6"/>
      <c r="E19135" s="6" t="s">
        <v>9</v>
      </c>
      <c r="F19135" s="7">
        <v>38657</v>
      </c>
      <c r="G19135" s="8">
        <v>1</v>
      </c>
      <c r="H19135" s="8">
        <v>1</v>
      </c>
      <c r="I19135" s="8">
        <v>0</v>
      </c>
      <c r="J19135" s="8">
        <v>1</v>
      </c>
      <c r="K19135" s="9">
        <v>0.32</v>
      </c>
      <c r="L19135" s="6" t="s">
        <v>4151</v>
      </c>
    </row>
    <row r="19136" spans="1:12">
      <c r="A19136" s="6" t="s">
        <v>4151</v>
      </c>
      <c r="B19136" s="6"/>
      <c r="C19136" s="6" t="s">
        <v>19172</v>
      </c>
      <c r="D19136" s="6"/>
      <c r="E19136" s="6" t="s">
        <v>9</v>
      </c>
      <c r="F19136" s="7">
        <v>38657</v>
      </c>
      <c r="G19136" s="8">
        <v>1</v>
      </c>
      <c r="H19136" s="8">
        <v>1</v>
      </c>
      <c r="I19136" s="8">
        <v>0</v>
      </c>
      <c r="J19136" s="8">
        <v>1</v>
      </c>
      <c r="K19136" s="9">
        <v>1.98</v>
      </c>
      <c r="L19136" s="6" t="s">
        <v>4151</v>
      </c>
    </row>
    <row r="19137" spans="1:12">
      <c r="A19137" s="6" t="s">
        <v>4151</v>
      </c>
      <c r="B19137" s="6"/>
      <c r="C19137" s="6" t="s">
        <v>19173</v>
      </c>
      <c r="D19137" s="6"/>
      <c r="E19137" s="6" t="s">
        <v>9</v>
      </c>
      <c r="F19137" s="7">
        <v>38657</v>
      </c>
      <c r="G19137" s="8">
        <v>1</v>
      </c>
      <c r="H19137" s="8">
        <v>1</v>
      </c>
      <c r="I19137" s="8">
        <v>0</v>
      </c>
      <c r="J19137" s="8">
        <v>1</v>
      </c>
      <c r="K19137" s="9">
        <v>2.64</v>
      </c>
      <c r="L19137" s="6" t="s">
        <v>4151</v>
      </c>
    </row>
    <row r="19138" spans="1:12">
      <c r="A19138" s="6" t="s">
        <v>4151</v>
      </c>
      <c r="B19138" s="6"/>
      <c r="C19138" s="6" t="s">
        <v>19174</v>
      </c>
      <c r="D19138" s="6"/>
      <c r="E19138" s="6" t="s">
        <v>9</v>
      </c>
      <c r="F19138" s="7">
        <v>38657</v>
      </c>
      <c r="G19138" s="8">
        <v>1</v>
      </c>
      <c r="H19138" s="8">
        <v>1</v>
      </c>
      <c r="I19138" s="8">
        <v>0</v>
      </c>
      <c r="J19138" s="8">
        <v>1</v>
      </c>
      <c r="K19138" s="9">
        <v>8.7899999999999903</v>
      </c>
      <c r="L19138" s="6" t="s">
        <v>4151</v>
      </c>
    </row>
    <row r="19139" spans="1:12">
      <c r="A19139" s="6" t="s">
        <v>4151</v>
      </c>
      <c r="B19139" s="6"/>
      <c r="C19139" s="6" t="s">
        <v>19175</v>
      </c>
      <c r="D19139" s="6"/>
      <c r="E19139" s="6" t="s">
        <v>9</v>
      </c>
      <c r="F19139" s="7">
        <v>38657</v>
      </c>
      <c r="G19139" s="8">
        <v>1</v>
      </c>
      <c r="H19139" s="8">
        <v>1</v>
      </c>
      <c r="I19139" s="8">
        <v>0</v>
      </c>
      <c r="J19139" s="8">
        <v>1</v>
      </c>
      <c r="K19139" s="9">
        <v>12</v>
      </c>
      <c r="L19139" s="6" t="s">
        <v>4151</v>
      </c>
    </row>
    <row r="19140" spans="1:12">
      <c r="A19140" s="6" t="s">
        <v>4151</v>
      </c>
      <c r="B19140" s="6"/>
      <c r="C19140" s="6" t="s">
        <v>19176</v>
      </c>
      <c r="D19140" s="6"/>
      <c r="E19140" s="6" t="s">
        <v>9</v>
      </c>
      <c r="F19140" s="7">
        <v>38657</v>
      </c>
      <c r="G19140" s="8">
        <v>1</v>
      </c>
      <c r="H19140" s="8">
        <v>1</v>
      </c>
      <c r="I19140" s="8">
        <v>0</v>
      </c>
      <c r="J19140" s="8">
        <v>1</v>
      </c>
      <c r="K19140" s="9">
        <v>3.58</v>
      </c>
      <c r="L19140" s="6" t="s">
        <v>4151</v>
      </c>
    </row>
    <row r="19141" spans="1:12">
      <c r="A19141" s="6" t="s">
        <v>4151</v>
      </c>
      <c r="B19141" s="6"/>
      <c r="C19141" s="6" t="s">
        <v>19177</v>
      </c>
      <c r="D19141" s="6"/>
      <c r="E19141" s="6" t="s">
        <v>9</v>
      </c>
      <c r="F19141" s="7">
        <v>38657</v>
      </c>
      <c r="G19141" s="8">
        <v>1</v>
      </c>
      <c r="H19141" s="8">
        <v>1</v>
      </c>
      <c r="I19141" s="8">
        <v>0</v>
      </c>
      <c r="J19141" s="8">
        <v>1</v>
      </c>
      <c r="K19141" s="9">
        <v>1.59</v>
      </c>
      <c r="L19141" s="6" t="s">
        <v>4151</v>
      </c>
    </row>
    <row r="19142" spans="1:12">
      <c r="A19142" s="6" t="s">
        <v>4151</v>
      </c>
      <c r="B19142" s="6"/>
      <c r="C19142" s="6" t="s">
        <v>19178</v>
      </c>
      <c r="D19142" s="6"/>
      <c r="E19142" s="6" t="s">
        <v>9</v>
      </c>
      <c r="F19142" s="7">
        <v>38657</v>
      </c>
      <c r="G19142" s="8">
        <v>1</v>
      </c>
      <c r="H19142" s="8">
        <v>1</v>
      </c>
      <c r="I19142" s="8">
        <v>0</v>
      </c>
      <c r="J19142" s="8">
        <v>1</v>
      </c>
      <c r="K19142" s="9">
        <v>4.96</v>
      </c>
      <c r="L19142" s="6" t="s">
        <v>4151</v>
      </c>
    </row>
    <row r="19143" spans="1:12">
      <c r="A19143" s="6" t="s">
        <v>4151</v>
      </c>
      <c r="B19143" s="6"/>
      <c r="C19143" s="6" t="s">
        <v>19179</v>
      </c>
      <c r="D19143" s="6"/>
      <c r="E19143" s="6" t="s">
        <v>9</v>
      </c>
      <c r="F19143" s="7">
        <v>38657</v>
      </c>
      <c r="G19143" s="8">
        <v>1</v>
      </c>
      <c r="H19143" s="8">
        <v>1</v>
      </c>
      <c r="I19143" s="8">
        <v>0</v>
      </c>
      <c r="J19143" s="8">
        <v>1</v>
      </c>
      <c r="K19143" s="9">
        <v>6.28</v>
      </c>
      <c r="L19143" s="6" t="s">
        <v>4151</v>
      </c>
    </row>
    <row r="19144" spans="1:12">
      <c r="A19144" s="6" t="s">
        <v>4151</v>
      </c>
      <c r="B19144" s="6"/>
      <c r="C19144" s="6" t="s">
        <v>19180</v>
      </c>
      <c r="D19144" s="6"/>
      <c r="E19144" s="6" t="s">
        <v>9</v>
      </c>
      <c r="F19144" s="7">
        <v>38657</v>
      </c>
      <c r="G19144" s="8">
        <v>1</v>
      </c>
      <c r="H19144" s="8">
        <v>1</v>
      </c>
      <c r="I19144" s="8">
        <v>0</v>
      </c>
      <c r="J19144" s="8">
        <v>1</v>
      </c>
      <c r="K19144" s="9">
        <v>3.42</v>
      </c>
      <c r="L19144" s="6" t="s">
        <v>4151</v>
      </c>
    </row>
    <row r="19145" spans="1:12">
      <c r="A19145" s="6" t="s">
        <v>4151</v>
      </c>
      <c r="B19145" s="6"/>
      <c r="C19145" s="6" t="s">
        <v>19181</v>
      </c>
      <c r="D19145" s="6"/>
      <c r="E19145" s="6" t="s">
        <v>9</v>
      </c>
      <c r="F19145" s="7">
        <v>38657</v>
      </c>
      <c r="G19145" s="8">
        <v>1</v>
      </c>
      <c r="H19145" s="8">
        <v>1</v>
      </c>
      <c r="I19145" s="8">
        <v>0</v>
      </c>
      <c r="J19145" s="8">
        <v>1</v>
      </c>
      <c r="K19145" s="9">
        <v>4.28</v>
      </c>
      <c r="L19145" s="6" t="s">
        <v>4151</v>
      </c>
    </row>
    <row r="19146" spans="1:12">
      <c r="A19146" s="6" t="s">
        <v>4151</v>
      </c>
      <c r="B19146" s="6"/>
      <c r="C19146" s="6" t="s">
        <v>19182</v>
      </c>
      <c r="D19146" s="6"/>
      <c r="E19146" s="6" t="s">
        <v>9</v>
      </c>
      <c r="F19146" s="7">
        <v>38657</v>
      </c>
      <c r="G19146" s="8">
        <v>1</v>
      </c>
      <c r="H19146" s="8">
        <v>1</v>
      </c>
      <c r="I19146" s="8">
        <v>0</v>
      </c>
      <c r="J19146" s="8">
        <v>1</v>
      </c>
      <c r="K19146" s="9">
        <v>8.99</v>
      </c>
      <c r="L19146" s="6" t="s">
        <v>4151</v>
      </c>
    </row>
    <row r="19147" spans="1:12">
      <c r="A19147" s="6" t="s">
        <v>4151</v>
      </c>
      <c r="B19147" s="6"/>
      <c r="C19147" s="6" t="s">
        <v>19183</v>
      </c>
      <c r="D19147" s="6"/>
      <c r="E19147" s="6" t="s">
        <v>9</v>
      </c>
      <c r="F19147" s="7">
        <v>38657</v>
      </c>
      <c r="G19147" s="8">
        <v>1</v>
      </c>
      <c r="H19147" s="8">
        <v>1</v>
      </c>
      <c r="I19147" s="8">
        <v>0</v>
      </c>
      <c r="J19147" s="8">
        <v>1</v>
      </c>
      <c r="K19147" s="9">
        <v>4.37</v>
      </c>
      <c r="L19147" s="6" t="s">
        <v>4151</v>
      </c>
    </row>
    <row r="19148" spans="1:12">
      <c r="A19148" s="6" t="s">
        <v>4151</v>
      </c>
      <c r="B19148" s="6"/>
      <c r="C19148" s="6" t="s">
        <v>19184</v>
      </c>
      <c r="D19148" s="6"/>
      <c r="E19148" s="6" t="s">
        <v>9</v>
      </c>
      <c r="F19148" s="7">
        <v>38657</v>
      </c>
      <c r="G19148" s="8">
        <v>1</v>
      </c>
      <c r="H19148" s="8">
        <v>1</v>
      </c>
      <c r="I19148" s="8">
        <v>0</v>
      </c>
      <c r="J19148" s="8">
        <v>1</v>
      </c>
      <c r="K19148" s="9">
        <v>8.3699999999999903</v>
      </c>
      <c r="L19148" s="6" t="s">
        <v>4151</v>
      </c>
    </row>
    <row r="19149" spans="1:12">
      <c r="A19149" s="6" t="s">
        <v>4151</v>
      </c>
      <c r="B19149" s="6"/>
      <c r="C19149" s="6" t="s">
        <v>19185</v>
      </c>
      <c r="D19149" s="6"/>
      <c r="E19149" s="6" t="s">
        <v>9</v>
      </c>
      <c r="F19149" s="7">
        <v>38657</v>
      </c>
      <c r="G19149" s="8">
        <v>1</v>
      </c>
      <c r="H19149" s="8">
        <v>1</v>
      </c>
      <c r="I19149" s="8">
        <v>0</v>
      </c>
      <c r="J19149" s="8">
        <v>1</v>
      </c>
      <c r="K19149" s="9">
        <v>4.68</v>
      </c>
      <c r="L19149" s="6" t="s">
        <v>4151</v>
      </c>
    </row>
    <row r="19150" spans="1:12">
      <c r="A19150" s="6" t="s">
        <v>4151</v>
      </c>
      <c r="B19150" s="6"/>
      <c r="C19150" s="6" t="s">
        <v>19186</v>
      </c>
      <c r="D19150" s="6"/>
      <c r="E19150" s="6" t="s">
        <v>9</v>
      </c>
      <c r="F19150" s="7">
        <v>38657</v>
      </c>
      <c r="G19150" s="8">
        <v>1</v>
      </c>
      <c r="H19150" s="8">
        <v>1</v>
      </c>
      <c r="I19150" s="8">
        <v>0</v>
      </c>
      <c r="J19150" s="8">
        <v>1</v>
      </c>
      <c r="K19150" s="9">
        <v>5.28</v>
      </c>
      <c r="L19150" s="6" t="s">
        <v>4151</v>
      </c>
    </row>
    <row r="19151" spans="1:12">
      <c r="A19151" s="6" t="s">
        <v>4151</v>
      </c>
      <c r="B19151" s="6"/>
      <c r="C19151" s="6" t="s">
        <v>19187</v>
      </c>
      <c r="D19151" s="6"/>
      <c r="E19151" s="6" t="s">
        <v>9</v>
      </c>
      <c r="F19151" s="7">
        <v>38657</v>
      </c>
      <c r="G19151" s="8">
        <v>1</v>
      </c>
      <c r="H19151" s="8">
        <v>1</v>
      </c>
      <c r="I19151" s="8">
        <v>0</v>
      </c>
      <c r="J19151" s="8">
        <v>1</v>
      </c>
      <c r="K19151" s="9">
        <v>7.98</v>
      </c>
      <c r="L19151" s="6" t="s">
        <v>4151</v>
      </c>
    </row>
    <row r="19152" spans="1:12">
      <c r="A19152" s="6" t="s">
        <v>4151</v>
      </c>
      <c r="B19152" s="6"/>
      <c r="C19152" s="6" t="s">
        <v>19188</v>
      </c>
      <c r="D19152" s="6"/>
      <c r="E19152" s="6" t="s">
        <v>9</v>
      </c>
      <c r="F19152" s="7">
        <v>38657</v>
      </c>
      <c r="G19152" s="8">
        <v>1</v>
      </c>
      <c r="H19152" s="8">
        <v>1</v>
      </c>
      <c r="I19152" s="8">
        <v>0</v>
      </c>
      <c r="J19152" s="8">
        <v>1</v>
      </c>
      <c r="K19152" s="9">
        <v>3.78</v>
      </c>
      <c r="L19152" s="6" t="s">
        <v>4151</v>
      </c>
    </row>
    <row r="19153" spans="1:12">
      <c r="A19153" s="6" t="s">
        <v>4151</v>
      </c>
      <c r="B19153" s="6"/>
      <c r="C19153" s="6" t="s">
        <v>19189</v>
      </c>
      <c r="D19153" s="6"/>
      <c r="E19153" s="6" t="s">
        <v>9</v>
      </c>
      <c r="F19153" s="7">
        <v>38657</v>
      </c>
      <c r="G19153" s="8">
        <v>1</v>
      </c>
      <c r="H19153" s="8">
        <v>1</v>
      </c>
      <c r="I19153" s="8">
        <v>0</v>
      </c>
      <c r="J19153" s="8">
        <v>1</v>
      </c>
      <c r="K19153" s="9">
        <v>11</v>
      </c>
      <c r="L19153" s="6" t="s">
        <v>4151</v>
      </c>
    </row>
    <row r="19154" spans="1:12">
      <c r="A19154" s="6" t="s">
        <v>4151</v>
      </c>
      <c r="B19154" s="6"/>
      <c r="C19154" s="6" t="s">
        <v>19190</v>
      </c>
      <c r="D19154" s="6"/>
      <c r="E19154" s="6" t="s">
        <v>9</v>
      </c>
      <c r="F19154" s="7">
        <v>38657</v>
      </c>
      <c r="G19154" s="8">
        <v>1</v>
      </c>
      <c r="H19154" s="8">
        <v>1</v>
      </c>
      <c r="I19154" s="8">
        <v>0</v>
      </c>
      <c r="J19154" s="8">
        <v>1</v>
      </c>
      <c r="K19154" s="9">
        <v>5.89</v>
      </c>
      <c r="L19154" s="6" t="s">
        <v>4151</v>
      </c>
    </row>
    <row r="19155" spans="1:12">
      <c r="A19155" s="6" t="s">
        <v>4151</v>
      </c>
      <c r="B19155" s="6"/>
      <c r="C19155" s="6" t="s">
        <v>19191</v>
      </c>
      <c r="D19155" s="6"/>
      <c r="E19155" s="6" t="s">
        <v>9</v>
      </c>
      <c r="F19155" s="7">
        <v>38657</v>
      </c>
      <c r="G19155" s="8">
        <v>1</v>
      </c>
      <c r="H19155" s="8">
        <v>1</v>
      </c>
      <c r="I19155" s="8">
        <v>0</v>
      </c>
      <c r="J19155" s="8">
        <v>1</v>
      </c>
      <c r="K19155" s="9">
        <v>7.85</v>
      </c>
      <c r="L19155" s="6" t="s">
        <v>4151</v>
      </c>
    </row>
    <row r="19156" spans="1:12">
      <c r="A19156" s="6" t="s">
        <v>4151</v>
      </c>
      <c r="B19156" s="6"/>
      <c r="C19156" s="6" t="s">
        <v>19192</v>
      </c>
      <c r="D19156" s="6"/>
      <c r="E19156" s="6" t="s">
        <v>9</v>
      </c>
      <c r="F19156" s="7">
        <v>38657</v>
      </c>
      <c r="G19156" s="8">
        <v>1</v>
      </c>
      <c r="H19156" s="8">
        <v>1</v>
      </c>
      <c r="I19156" s="8">
        <v>0</v>
      </c>
      <c r="J19156" s="8">
        <v>1</v>
      </c>
      <c r="K19156" s="9">
        <v>6.09</v>
      </c>
      <c r="L19156" s="6" t="s">
        <v>4151</v>
      </c>
    </row>
    <row r="19157" spans="1:12">
      <c r="A19157" s="6" t="s">
        <v>4151</v>
      </c>
      <c r="B19157" s="6"/>
      <c r="C19157" s="6" t="s">
        <v>19193</v>
      </c>
      <c r="D19157" s="6"/>
      <c r="E19157" s="6" t="s">
        <v>9</v>
      </c>
      <c r="F19157" s="7">
        <v>38657</v>
      </c>
      <c r="G19157" s="8">
        <v>1</v>
      </c>
      <c r="H19157" s="8">
        <v>1</v>
      </c>
      <c r="I19157" s="8">
        <v>0</v>
      </c>
      <c r="J19157" s="8">
        <v>1</v>
      </c>
      <c r="K19157" s="9">
        <v>7.63</v>
      </c>
      <c r="L19157" s="6" t="s">
        <v>4151</v>
      </c>
    </row>
    <row r="19158" spans="1:12">
      <c r="A19158" s="6" t="s">
        <v>4151</v>
      </c>
      <c r="B19158" s="6"/>
      <c r="C19158" s="6" t="s">
        <v>19194</v>
      </c>
      <c r="D19158" s="6"/>
      <c r="E19158" s="6" t="s">
        <v>9</v>
      </c>
      <c r="F19158" s="7">
        <v>38657</v>
      </c>
      <c r="G19158" s="8">
        <v>1</v>
      </c>
      <c r="H19158" s="8">
        <v>1</v>
      </c>
      <c r="I19158" s="8">
        <v>0</v>
      </c>
      <c r="J19158" s="8">
        <v>1</v>
      </c>
      <c r="K19158" s="9">
        <v>6.62</v>
      </c>
      <c r="L19158" s="6" t="s">
        <v>4151</v>
      </c>
    </row>
    <row r="19159" spans="1:12">
      <c r="A19159" s="6" t="s">
        <v>4151</v>
      </c>
      <c r="B19159" s="6"/>
      <c r="C19159" s="6" t="s">
        <v>19195</v>
      </c>
      <c r="D19159" s="6"/>
      <c r="E19159" s="6" t="s">
        <v>9</v>
      </c>
      <c r="F19159" s="7">
        <v>38657</v>
      </c>
      <c r="G19159" s="8">
        <v>1</v>
      </c>
      <c r="H19159" s="8">
        <v>1</v>
      </c>
      <c r="I19159" s="8">
        <v>0</v>
      </c>
      <c r="J19159" s="8">
        <v>1</v>
      </c>
      <c r="K19159" s="9">
        <v>7</v>
      </c>
      <c r="L19159" s="6" t="s">
        <v>4151</v>
      </c>
    </row>
    <row r="19160" spans="1:12">
      <c r="A19160" s="6" t="s">
        <v>4151</v>
      </c>
      <c r="B19160" s="6"/>
      <c r="C19160" s="6" t="s">
        <v>19196</v>
      </c>
      <c r="D19160" s="6"/>
      <c r="E19160" s="6" t="s">
        <v>9</v>
      </c>
      <c r="F19160" s="7">
        <v>38657</v>
      </c>
      <c r="G19160" s="8">
        <v>1</v>
      </c>
      <c r="H19160" s="8">
        <v>1</v>
      </c>
      <c r="I19160" s="8">
        <v>0</v>
      </c>
      <c r="J19160" s="8">
        <v>1</v>
      </c>
      <c r="K19160" s="9">
        <v>70</v>
      </c>
      <c r="L19160" s="6" t="s">
        <v>4151</v>
      </c>
    </row>
    <row r="19161" spans="1:12">
      <c r="A19161" s="6" t="s">
        <v>4151</v>
      </c>
      <c r="B19161" s="6"/>
      <c r="C19161" s="6" t="s">
        <v>19197</v>
      </c>
      <c r="D19161" s="6"/>
      <c r="E19161" s="6" t="s">
        <v>9</v>
      </c>
      <c r="F19161" s="7">
        <v>38657</v>
      </c>
      <c r="G19161" s="8">
        <v>1</v>
      </c>
      <c r="H19161" s="8">
        <v>1</v>
      </c>
      <c r="I19161" s="8">
        <v>0</v>
      </c>
      <c r="J19161" s="8">
        <v>1</v>
      </c>
      <c r="K19161" s="9">
        <v>14</v>
      </c>
      <c r="L19161" s="6" t="s">
        <v>4151</v>
      </c>
    </row>
    <row r="19162" spans="1:12">
      <c r="A19162" s="6" t="s">
        <v>4151</v>
      </c>
      <c r="B19162" s="6"/>
      <c r="C19162" s="6" t="s">
        <v>19198</v>
      </c>
      <c r="D19162" s="6"/>
      <c r="E19162" s="6" t="s">
        <v>9</v>
      </c>
      <c r="F19162" s="7">
        <v>38657</v>
      </c>
      <c r="G19162" s="8">
        <v>1</v>
      </c>
      <c r="H19162" s="8">
        <v>1</v>
      </c>
      <c r="I19162" s="8">
        <v>0</v>
      </c>
      <c r="J19162" s="8">
        <v>1</v>
      </c>
      <c r="K19162" s="9">
        <v>8.1999999999999904</v>
      </c>
      <c r="L19162" s="6" t="s">
        <v>4151</v>
      </c>
    </row>
    <row r="19163" spans="1:12">
      <c r="A19163" s="6" t="s">
        <v>4151</v>
      </c>
      <c r="B19163" s="6"/>
      <c r="C19163" s="6" t="s">
        <v>19199</v>
      </c>
      <c r="D19163" s="6"/>
      <c r="E19163" s="6" t="s">
        <v>9</v>
      </c>
      <c r="F19163" s="7">
        <v>38657</v>
      </c>
      <c r="G19163" s="8">
        <v>1</v>
      </c>
      <c r="H19163" s="8">
        <v>1</v>
      </c>
      <c r="I19163" s="8">
        <v>0</v>
      </c>
      <c r="J19163" s="8">
        <v>1</v>
      </c>
      <c r="K19163" s="9">
        <v>6.01</v>
      </c>
      <c r="L19163" s="6" t="s">
        <v>4151</v>
      </c>
    </row>
    <row r="19164" spans="1:12">
      <c r="A19164" s="6" t="s">
        <v>4151</v>
      </c>
      <c r="B19164" s="6"/>
      <c r="C19164" s="6" t="s">
        <v>19200</v>
      </c>
      <c r="D19164" s="6"/>
      <c r="E19164" s="6" t="s">
        <v>9</v>
      </c>
      <c r="F19164" s="7">
        <v>38657</v>
      </c>
      <c r="G19164" s="8">
        <v>1</v>
      </c>
      <c r="H19164" s="8">
        <v>1</v>
      </c>
      <c r="I19164" s="8">
        <v>0</v>
      </c>
      <c r="J19164" s="8">
        <v>1</v>
      </c>
      <c r="K19164" s="9">
        <v>7.95</v>
      </c>
      <c r="L19164" s="6" t="s">
        <v>4151</v>
      </c>
    </row>
    <row r="19165" spans="1:12">
      <c r="A19165" s="6" t="s">
        <v>4151</v>
      </c>
      <c r="B19165" s="6"/>
      <c r="C19165" s="6" t="s">
        <v>19201</v>
      </c>
      <c r="D19165" s="6"/>
      <c r="E19165" s="6" t="s">
        <v>9</v>
      </c>
      <c r="F19165" s="7">
        <v>38657</v>
      </c>
      <c r="G19165" s="8">
        <v>1</v>
      </c>
      <c r="H19165" s="8">
        <v>1</v>
      </c>
      <c r="I19165" s="8">
        <v>0</v>
      </c>
      <c r="J19165" s="8">
        <v>1</v>
      </c>
      <c r="K19165" s="9">
        <v>6.13</v>
      </c>
      <c r="L19165" s="6" t="s">
        <v>4151</v>
      </c>
    </row>
    <row r="19166" spans="1:12">
      <c r="A19166" s="6" t="s">
        <v>4151</v>
      </c>
      <c r="B19166" s="6"/>
      <c r="C19166" s="6" t="s">
        <v>19202</v>
      </c>
      <c r="D19166" s="6"/>
      <c r="E19166" s="6" t="s">
        <v>9</v>
      </c>
      <c r="F19166" s="7"/>
      <c r="G19166" s="8">
        <v>1</v>
      </c>
      <c r="H19166" s="8">
        <v>1</v>
      </c>
      <c r="I19166" s="8">
        <v>0</v>
      </c>
      <c r="J19166" s="8">
        <v>1</v>
      </c>
      <c r="K19166" s="9">
        <v>34</v>
      </c>
      <c r="L19166" s="6" t="s">
        <v>51</v>
      </c>
    </row>
    <row r="19167" spans="1:12">
      <c r="A19167" s="6" t="s">
        <v>4151</v>
      </c>
      <c r="B19167" s="6"/>
      <c r="C19167" s="6" t="s">
        <v>19203</v>
      </c>
      <c r="D19167" s="6"/>
      <c r="E19167" s="6" t="s">
        <v>9</v>
      </c>
      <c r="F19167" s="7">
        <v>38657</v>
      </c>
      <c r="G19167" s="8">
        <v>1</v>
      </c>
      <c r="H19167" s="8">
        <v>1</v>
      </c>
      <c r="I19167" s="8">
        <v>0</v>
      </c>
      <c r="J19167" s="8">
        <v>1</v>
      </c>
      <c r="K19167" s="9">
        <v>1.81</v>
      </c>
      <c r="L19167" s="6" t="s">
        <v>4151</v>
      </c>
    </row>
    <row r="19168" spans="1:12">
      <c r="A19168" s="6" t="s">
        <v>4151</v>
      </c>
      <c r="B19168" s="6"/>
      <c r="C19168" s="6" t="s">
        <v>19204</v>
      </c>
      <c r="D19168" s="6"/>
      <c r="E19168" s="6" t="s">
        <v>9</v>
      </c>
      <c r="F19168" s="7">
        <v>38657</v>
      </c>
      <c r="G19168" s="8">
        <v>1</v>
      </c>
      <c r="H19168" s="8">
        <v>1</v>
      </c>
      <c r="I19168" s="8">
        <v>0</v>
      </c>
      <c r="J19168" s="8">
        <v>1</v>
      </c>
      <c r="K19168" s="9">
        <v>8.7100000000000009</v>
      </c>
      <c r="L19168" s="6" t="s">
        <v>4151</v>
      </c>
    </row>
    <row r="19169" spans="1:12">
      <c r="A19169" s="6" t="s">
        <v>4151</v>
      </c>
      <c r="B19169" s="6"/>
      <c r="C19169" s="6" t="s">
        <v>19205</v>
      </c>
      <c r="D19169" s="6"/>
      <c r="E19169" s="6" t="s">
        <v>9</v>
      </c>
      <c r="F19169" s="7">
        <v>38657</v>
      </c>
      <c r="G19169" s="8">
        <v>1</v>
      </c>
      <c r="H19169" s="8">
        <v>1</v>
      </c>
      <c r="I19169" s="8">
        <v>0</v>
      </c>
      <c r="J19169" s="8">
        <v>1</v>
      </c>
      <c r="K19169" s="9">
        <v>3.03</v>
      </c>
      <c r="L19169" s="6" t="s">
        <v>4151</v>
      </c>
    </row>
    <row r="19170" spans="1:12">
      <c r="A19170" s="6" t="s">
        <v>4151</v>
      </c>
      <c r="B19170" s="6"/>
      <c r="C19170" s="6" t="s">
        <v>19206</v>
      </c>
      <c r="D19170" s="6"/>
      <c r="E19170" s="6" t="s">
        <v>9</v>
      </c>
      <c r="F19170" s="7">
        <v>38657</v>
      </c>
      <c r="G19170" s="8">
        <v>1</v>
      </c>
      <c r="H19170" s="8">
        <v>1</v>
      </c>
      <c r="I19170" s="8">
        <v>0</v>
      </c>
      <c r="J19170" s="8">
        <v>1</v>
      </c>
      <c r="K19170" s="9">
        <v>2.1800000000000002</v>
      </c>
      <c r="L19170" s="6" t="s">
        <v>4151</v>
      </c>
    </row>
    <row r="19171" spans="1:12">
      <c r="A19171" s="6" t="s">
        <v>4151</v>
      </c>
      <c r="B19171" s="6"/>
      <c r="C19171" s="6" t="s">
        <v>19207</v>
      </c>
      <c r="D19171" s="6"/>
      <c r="E19171" s="6" t="s">
        <v>9</v>
      </c>
      <c r="F19171" s="7">
        <v>38657</v>
      </c>
      <c r="G19171" s="8">
        <v>1</v>
      </c>
      <c r="H19171" s="8">
        <v>1</v>
      </c>
      <c r="I19171" s="8">
        <v>0</v>
      </c>
      <c r="J19171" s="8">
        <v>1</v>
      </c>
      <c r="K19171" s="9">
        <v>4.53</v>
      </c>
      <c r="L19171" s="6" t="s">
        <v>4151</v>
      </c>
    </row>
    <row r="19172" spans="1:12">
      <c r="A19172" s="6" t="s">
        <v>4151</v>
      </c>
      <c r="B19172" s="6"/>
      <c r="C19172" s="6" t="s">
        <v>19208</v>
      </c>
      <c r="D19172" s="6"/>
      <c r="E19172" s="6" t="s">
        <v>9</v>
      </c>
      <c r="F19172" s="7">
        <v>38657</v>
      </c>
      <c r="G19172" s="8">
        <v>1</v>
      </c>
      <c r="H19172" s="8">
        <v>1</v>
      </c>
      <c r="I19172" s="8">
        <v>0</v>
      </c>
      <c r="J19172" s="8">
        <v>1</v>
      </c>
      <c r="K19172" s="9">
        <v>2.83</v>
      </c>
      <c r="L19172" s="6" t="s">
        <v>4151</v>
      </c>
    </row>
    <row r="19173" spans="1:12">
      <c r="A19173" s="6" t="s">
        <v>4151</v>
      </c>
      <c r="B19173" s="6"/>
      <c r="C19173" s="6" t="s">
        <v>19209</v>
      </c>
      <c r="D19173" s="6"/>
      <c r="E19173" s="6" t="s">
        <v>9</v>
      </c>
      <c r="F19173" s="7">
        <v>38657</v>
      </c>
      <c r="G19173" s="8">
        <v>1</v>
      </c>
      <c r="H19173" s="8">
        <v>1</v>
      </c>
      <c r="I19173" s="8">
        <v>0</v>
      </c>
      <c r="J19173" s="8">
        <v>1</v>
      </c>
      <c r="K19173" s="9">
        <v>1.32</v>
      </c>
      <c r="L19173" s="6" t="s">
        <v>4151</v>
      </c>
    </row>
    <row r="19174" spans="1:12">
      <c r="A19174" s="6" t="s">
        <v>4151</v>
      </c>
      <c r="B19174" s="6"/>
      <c r="C19174" s="6" t="s">
        <v>19210</v>
      </c>
      <c r="D19174" s="6"/>
      <c r="E19174" s="6" t="s">
        <v>9</v>
      </c>
      <c r="F19174" s="7">
        <v>38657</v>
      </c>
      <c r="G19174" s="8">
        <v>1</v>
      </c>
      <c r="H19174" s="8">
        <v>1</v>
      </c>
      <c r="I19174" s="8">
        <v>0</v>
      </c>
      <c r="J19174" s="8">
        <v>1</v>
      </c>
      <c r="K19174" s="9">
        <v>7.84</v>
      </c>
      <c r="L19174" s="6" t="s">
        <v>4151</v>
      </c>
    </row>
    <row r="19175" spans="1:12">
      <c r="A19175" s="6" t="s">
        <v>4151</v>
      </c>
      <c r="B19175" s="6"/>
      <c r="C19175" s="6" t="s">
        <v>19211</v>
      </c>
      <c r="D19175" s="6"/>
      <c r="E19175" s="6" t="s">
        <v>9</v>
      </c>
      <c r="F19175" s="7">
        <v>38657</v>
      </c>
      <c r="G19175" s="8">
        <v>1</v>
      </c>
      <c r="H19175" s="8">
        <v>1</v>
      </c>
      <c r="I19175" s="8">
        <v>0</v>
      </c>
      <c r="J19175" s="8">
        <v>1</v>
      </c>
      <c r="K19175" s="9">
        <v>7.0000000000000007E-2</v>
      </c>
      <c r="L19175" s="6" t="s">
        <v>4151</v>
      </c>
    </row>
    <row r="19176" spans="1:12">
      <c r="A19176" s="6" t="s">
        <v>4151</v>
      </c>
      <c r="B19176" s="6"/>
      <c r="C19176" s="6" t="s">
        <v>19212</v>
      </c>
      <c r="D19176" s="6"/>
      <c r="E19176" s="6" t="s">
        <v>9</v>
      </c>
      <c r="F19176" s="7">
        <v>38657</v>
      </c>
      <c r="G19176" s="8">
        <v>1</v>
      </c>
      <c r="H19176" s="8">
        <v>1</v>
      </c>
      <c r="I19176" s="8">
        <v>0</v>
      </c>
      <c r="J19176" s="8">
        <v>1</v>
      </c>
      <c r="K19176" s="9">
        <v>3.44</v>
      </c>
      <c r="L19176" s="6" t="s">
        <v>4151</v>
      </c>
    </row>
    <row r="19177" spans="1:12">
      <c r="A19177" s="6" t="s">
        <v>4151</v>
      </c>
      <c r="B19177" s="6"/>
      <c r="C19177" s="6" t="s">
        <v>19213</v>
      </c>
      <c r="D19177" s="6"/>
      <c r="E19177" s="6" t="s">
        <v>9</v>
      </c>
      <c r="F19177" s="7">
        <v>38657</v>
      </c>
      <c r="G19177" s="8">
        <v>1</v>
      </c>
      <c r="H19177" s="8">
        <v>1</v>
      </c>
      <c r="I19177" s="8">
        <v>0</v>
      </c>
      <c r="J19177" s="8">
        <v>1</v>
      </c>
      <c r="K19177" s="9">
        <v>0.83</v>
      </c>
      <c r="L19177" s="6" t="s">
        <v>4151</v>
      </c>
    </row>
    <row r="19178" spans="1:12">
      <c r="A19178" s="6" t="s">
        <v>4151</v>
      </c>
      <c r="B19178" s="6"/>
      <c r="C19178" s="6" t="s">
        <v>19214</v>
      </c>
      <c r="D19178" s="6"/>
      <c r="E19178" s="6" t="s">
        <v>9</v>
      </c>
      <c r="F19178" s="7">
        <v>38657</v>
      </c>
      <c r="G19178" s="8">
        <v>1</v>
      </c>
      <c r="H19178" s="8">
        <v>1</v>
      </c>
      <c r="I19178" s="8">
        <v>0</v>
      </c>
      <c r="J19178" s="8">
        <v>1</v>
      </c>
      <c r="K19178" s="9">
        <v>62</v>
      </c>
      <c r="L19178" s="6" t="s">
        <v>4151</v>
      </c>
    </row>
    <row r="19179" spans="1:12">
      <c r="A19179" s="6" t="s">
        <v>4151</v>
      </c>
      <c r="B19179" s="6"/>
      <c r="C19179" s="6" t="s">
        <v>19215</v>
      </c>
      <c r="D19179" s="6"/>
      <c r="E19179" s="6" t="s">
        <v>9</v>
      </c>
      <c r="F19179" s="7">
        <v>38657</v>
      </c>
      <c r="G19179" s="8">
        <v>1</v>
      </c>
      <c r="H19179" s="8">
        <v>1</v>
      </c>
      <c r="I19179" s="8">
        <v>0</v>
      </c>
      <c r="J19179" s="8">
        <v>1</v>
      </c>
      <c r="K19179" s="9">
        <v>4.47</v>
      </c>
      <c r="L19179" s="6" t="s">
        <v>4151</v>
      </c>
    </row>
    <row r="19180" spans="1:12">
      <c r="A19180" s="6" t="s">
        <v>4151</v>
      </c>
      <c r="B19180" s="6"/>
      <c r="C19180" s="6" t="s">
        <v>19216</v>
      </c>
      <c r="D19180" s="6"/>
      <c r="E19180" s="6" t="s">
        <v>9</v>
      </c>
      <c r="F19180" s="7">
        <v>38657</v>
      </c>
      <c r="G19180" s="8">
        <v>1</v>
      </c>
      <c r="H19180" s="8">
        <v>1</v>
      </c>
      <c r="I19180" s="8">
        <v>0</v>
      </c>
      <c r="J19180" s="8">
        <v>1</v>
      </c>
      <c r="K19180" s="9">
        <v>15</v>
      </c>
      <c r="L19180" s="6" t="s">
        <v>4151</v>
      </c>
    </row>
    <row r="19181" spans="1:12">
      <c r="A19181" s="6" t="s">
        <v>4151</v>
      </c>
      <c r="B19181" s="6"/>
      <c r="C19181" s="6" t="s">
        <v>19217</v>
      </c>
      <c r="D19181" s="6"/>
      <c r="E19181" s="6" t="s">
        <v>9</v>
      </c>
      <c r="F19181" s="7">
        <v>38657</v>
      </c>
      <c r="G19181" s="8">
        <v>1</v>
      </c>
      <c r="H19181" s="8">
        <v>1</v>
      </c>
      <c r="I19181" s="8">
        <v>0</v>
      </c>
      <c r="J19181" s="8">
        <v>1</v>
      </c>
      <c r="K19181" s="9">
        <v>2.62</v>
      </c>
      <c r="L19181" s="6" t="s">
        <v>4151</v>
      </c>
    </row>
    <row r="19182" spans="1:12">
      <c r="A19182" s="6" t="s">
        <v>4151</v>
      </c>
      <c r="B19182" s="6"/>
      <c r="C19182" s="6" t="s">
        <v>19218</v>
      </c>
      <c r="D19182" s="6"/>
      <c r="E19182" s="6" t="s">
        <v>9</v>
      </c>
      <c r="F19182" s="7">
        <v>38657</v>
      </c>
      <c r="G19182" s="8">
        <v>1</v>
      </c>
      <c r="H19182" s="8">
        <v>1</v>
      </c>
      <c r="I19182" s="8">
        <v>0</v>
      </c>
      <c r="J19182" s="8">
        <v>1</v>
      </c>
      <c r="K19182" s="9">
        <v>4.9000000000000004</v>
      </c>
      <c r="L19182" s="6" t="s">
        <v>4151</v>
      </c>
    </row>
    <row r="19183" spans="1:12">
      <c r="A19183" s="6" t="s">
        <v>4151</v>
      </c>
      <c r="B19183" s="6"/>
      <c r="C19183" s="6" t="s">
        <v>19219</v>
      </c>
      <c r="D19183" s="6"/>
      <c r="E19183" s="6" t="s">
        <v>9</v>
      </c>
      <c r="F19183" s="7">
        <v>38657</v>
      </c>
      <c r="G19183" s="8">
        <v>1</v>
      </c>
      <c r="H19183" s="8">
        <v>1</v>
      </c>
      <c r="I19183" s="8">
        <v>0</v>
      </c>
      <c r="J19183" s="8">
        <v>1</v>
      </c>
      <c r="K19183" s="9">
        <v>7.28</v>
      </c>
      <c r="L19183" s="6" t="s">
        <v>4151</v>
      </c>
    </row>
    <row r="19184" spans="1:12">
      <c r="A19184" s="6" t="s">
        <v>4151</v>
      </c>
      <c r="B19184" s="6"/>
      <c r="C19184" s="6" t="s">
        <v>19220</v>
      </c>
      <c r="D19184" s="6"/>
      <c r="E19184" s="6" t="s">
        <v>9</v>
      </c>
      <c r="F19184" s="7">
        <v>38657</v>
      </c>
      <c r="G19184" s="8">
        <v>1</v>
      </c>
      <c r="H19184" s="8">
        <v>1</v>
      </c>
      <c r="I19184" s="8">
        <v>0</v>
      </c>
      <c r="J19184" s="8">
        <v>1</v>
      </c>
      <c r="K19184" s="9">
        <v>13</v>
      </c>
      <c r="L19184" s="6" t="s">
        <v>4151</v>
      </c>
    </row>
    <row r="19185" spans="1:12">
      <c r="A19185" s="6" t="s">
        <v>4151</v>
      </c>
      <c r="B19185" s="6"/>
      <c r="C19185" s="6" t="s">
        <v>19221</v>
      </c>
      <c r="D19185" s="6"/>
      <c r="E19185" s="6" t="s">
        <v>9</v>
      </c>
      <c r="F19185" s="7">
        <v>38657</v>
      </c>
      <c r="G19185" s="8">
        <v>1</v>
      </c>
      <c r="H19185" s="8">
        <v>1</v>
      </c>
      <c r="I19185" s="8">
        <v>0</v>
      </c>
      <c r="J19185" s="8">
        <v>1</v>
      </c>
      <c r="K19185" s="9">
        <v>6.9</v>
      </c>
      <c r="L19185" s="6" t="s">
        <v>4151</v>
      </c>
    </row>
    <row r="19186" spans="1:12">
      <c r="A19186" s="6" t="s">
        <v>4151</v>
      </c>
      <c r="B19186" s="6"/>
      <c r="C19186" s="6" t="s">
        <v>19222</v>
      </c>
      <c r="D19186" s="6"/>
      <c r="E19186" s="6" t="s">
        <v>9</v>
      </c>
      <c r="F19186" s="7">
        <v>38657</v>
      </c>
      <c r="G19186" s="8">
        <v>1</v>
      </c>
      <c r="H19186" s="8">
        <v>1</v>
      </c>
      <c r="I19186" s="8">
        <v>0</v>
      </c>
      <c r="J19186" s="8">
        <v>1</v>
      </c>
      <c r="K19186" s="9">
        <v>13</v>
      </c>
      <c r="L19186" s="6" t="s">
        <v>4151</v>
      </c>
    </row>
    <row r="19187" spans="1:12">
      <c r="A19187" s="6" t="s">
        <v>4151</v>
      </c>
      <c r="B19187" s="6"/>
      <c r="C19187" s="6" t="s">
        <v>19223</v>
      </c>
      <c r="D19187" s="6"/>
      <c r="E19187" s="6" t="s">
        <v>9</v>
      </c>
      <c r="F19187" s="7">
        <v>38657</v>
      </c>
      <c r="G19187" s="8">
        <v>1</v>
      </c>
      <c r="H19187" s="8">
        <v>1</v>
      </c>
      <c r="I19187" s="8">
        <v>0</v>
      </c>
      <c r="J19187" s="8">
        <v>1</v>
      </c>
      <c r="K19187" s="9">
        <v>37</v>
      </c>
      <c r="L19187" s="6" t="s">
        <v>4151</v>
      </c>
    </row>
    <row r="19188" spans="1:12">
      <c r="A19188" s="6" t="s">
        <v>4151</v>
      </c>
      <c r="B19188" s="6"/>
      <c r="C19188" s="6" t="s">
        <v>19224</v>
      </c>
      <c r="D19188" s="6"/>
      <c r="E19188" s="6" t="s">
        <v>9</v>
      </c>
      <c r="F19188" s="7">
        <v>38657</v>
      </c>
      <c r="G19188" s="8">
        <v>1</v>
      </c>
      <c r="H19188" s="8">
        <v>1</v>
      </c>
      <c r="I19188" s="8">
        <v>0</v>
      </c>
      <c r="J19188" s="8">
        <v>1</v>
      </c>
      <c r="K19188" s="9">
        <v>7.38</v>
      </c>
      <c r="L19188" s="6" t="s">
        <v>4151</v>
      </c>
    </row>
    <row r="19189" spans="1:12">
      <c r="A19189" s="6" t="s">
        <v>4151</v>
      </c>
      <c r="B19189" s="6"/>
      <c r="C19189" s="6" t="s">
        <v>19225</v>
      </c>
      <c r="D19189" s="6"/>
      <c r="E19189" s="6" t="s">
        <v>9</v>
      </c>
      <c r="F19189" s="7">
        <v>38657</v>
      </c>
      <c r="G19189" s="8">
        <v>1</v>
      </c>
      <c r="H19189" s="8">
        <v>1</v>
      </c>
      <c r="I19189" s="8">
        <v>0</v>
      </c>
      <c r="J19189" s="8">
        <v>1</v>
      </c>
      <c r="K19189" s="9">
        <v>10</v>
      </c>
      <c r="L19189" s="6" t="s">
        <v>4151</v>
      </c>
    </row>
    <row r="19190" spans="1:12">
      <c r="A19190" s="6" t="s">
        <v>4151</v>
      </c>
      <c r="B19190" s="6"/>
      <c r="C19190" s="6" t="s">
        <v>19226</v>
      </c>
      <c r="D19190" s="6"/>
      <c r="E19190" s="6" t="s">
        <v>9</v>
      </c>
      <c r="F19190" s="7">
        <v>38657</v>
      </c>
      <c r="G19190" s="8">
        <v>1</v>
      </c>
      <c r="H19190" s="8">
        <v>1</v>
      </c>
      <c r="I19190" s="8">
        <v>0</v>
      </c>
      <c r="J19190" s="8">
        <v>1</v>
      </c>
      <c r="K19190" s="9">
        <v>15.06</v>
      </c>
      <c r="L19190" s="6" t="s">
        <v>4151</v>
      </c>
    </row>
    <row r="19191" spans="1:12">
      <c r="A19191" s="6" t="s">
        <v>4151</v>
      </c>
      <c r="B19191" s="6"/>
      <c r="C19191" s="6" t="s">
        <v>19227</v>
      </c>
      <c r="D19191" s="6"/>
      <c r="E19191" s="6" t="s">
        <v>9</v>
      </c>
      <c r="F19191" s="7">
        <v>38657</v>
      </c>
      <c r="G19191" s="8">
        <v>1</v>
      </c>
      <c r="H19191" s="8">
        <v>1</v>
      </c>
      <c r="I19191" s="8">
        <v>0</v>
      </c>
      <c r="J19191" s="8">
        <v>1</v>
      </c>
      <c r="K19191" s="9">
        <v>11</v>
      </c>
      <c r="L19191" s="6" t="s">
        <v>4151</v>
      </c>
    </row>
    <row r="19192" spans="1:12">
      <c r="A19192" s="6" t="s">
        <v>4151</v>
      </c>
      <c r="B19192" s="6"/>
      <c r="C19192" s="6" t="s">
        <v>19228</v>
      </c>
      <c r="D19192" s="6"/>
      <c r="E19192" s="6" t="s">
        <v>9</v>
      </c>
      <c r="F19192" s="7">
        <v>38657</v>
      </c>
      <c r="G19192" s="8">
        <v>1</v>
      </c>
      <c r="H19192" s="8">
        <v>1</v>
      </c>
      <c r="I19192" s="8">
        <v>0</v>
      </c>
      <c r="J19192" s="8">
        <v>1</v>
      </c>
      <c r="K19192" s="9">
        <v>7.92</v>
      </c>
      <c r="L19192" s="6" t="s">
        <v>4151</v>
      </c>
    </row>
    <row r="19193" spans="1:12">
      <c r="A19193" s="6" t="s">
        <v>4151</v>
      </c>
      <c r="B19193" s="6"/>
      <c r="C19193" s="6" t="s">
        <v>19229</v>
      </c>
      <c r="D19193" s="6"/>
      <c r="E19193" s="6" t="s">
        <v>9</v>
      </c>
      <c r="F19193" s="7">
        <v>38657</v>
      </c>
      <c r="G19193" s="8">
        <v>1</v>
      </c>
      <c r="H19193" s="8">
        <v>1</v>
      </c>
      <c r="I19193" s="8">
        <v>0</v>
      </c>
      <c r="J19193" s="8">
        <v>1</v>
      </c>
      <c r="K19193" s="9">
        <v>7.15</v>
      </c>
      <c r="L19193" s="6" t="s">
        <v>4151</v>
      </c>
    </row>
    <row r="19194" spans="1:12">
      <c r="A19194" s="6" t="s">
        <v>4151</v>
      </c>
      <c r="B19194" s="6"/>
      <c r="C19194" s="6" t="s">
        <v>19230</v>
      </c>
      <c r="D19194" s="6"/>
      <c r="E19194" s="6" t="s">
        <v>9</v>
      </c>
      <c r="F19194" s="7">
        <v>38657</v>
      </c>
      <c r="G19194" s="8">
        <v>1</v>
      </c>
      <c r="H19194" s="8">
        <v>1</v>
      </c>
      <c r="I19194" s="8">
        <v>0</v>
      </c>
      <c r="J19194" s="8">
        <v>1</v>
      </c>
      <c r="K19194" s="9">
        <v>7.4</v>
      </c>
      <c r="L19194" s="6" t="s">
        <v>4151</v>
      </c>
    </row>
    <row r="19195" spans="1:12">
      <c r="A19195" s="6" t="s">
        <v>4151</v>
      </c>
      <c r="B19195" s="6"/>
      <c r="C19195" s="6" t="s">
        <v>19231</v>
      </c>
      <c r="D19195" s="6"/>
      <c r="E19195" s="6" t="s">
        <v>9</v>
      </c>
      <c r="F19195" s="7">
        <v>38657</v>
      </c>
      <c r="G19195" s="8">
        <v>1</v>
      </c>
      <c r="H19195" s="8">
        <v>1</v>
      </c>
      <c r="I19195" s="8">
        <v>0</v>
      </c>
      <c r="J19195" s="8">
        <v>1</v>
      </c>
      <c r="K19195" s="9">
        <v>1.1200000000000001</v>
      </c>
      <c r="L19195" s="6" t="s">
        <v>4151</v>
      </c>
    </row>
    <row r="19196" spans="1:12">
      <c r="A19196" s="6" t="s">
        <v>4151</v>
      </c>
      <c r="B19196" s="6"/>
      <c r="C19196" s="6" t="s">
        <v>19232</v>
      </c>
      <c r="D19196" s="6"/>
      <c r="E19196" s="6" t="s">
        <v>9</v>
      </c>
      <c r="F19196" s="7">
        <v>38657</v>
      </c>
      <c r="G19196" s="8">
        <v>1</v>
      </c>
      <c r="H19196" s="8">
        <v>1</v>
      </c>
      <c r="I19196" s="8">
        <v>0</v>
      </c>
      <c r="J19196" s="8">
        <v>1</v>
      </c>
      <c r="K19196" s="9">
        <v>2.39</v>
      </c>
      <c r="L19196" s="6" t="s">
        <v>4151</v>
      </c>
    </row>
    <row r="19197" spans="1:12">
      <c r="A19197" s="6" t="s">
        <v>4151</v>
      </c>
      <c r="B19197" s="6"/>
      <c r="C19197" s="6" t="s">
        <v>19233</v>
      </c>
      <c r="D19197" s="6"/>
      <c r="E19197" s="6" t="s">
        <v>9</v>
      </c>
      <c r="F19197" s="7">
        <v>38657</v>
      </c>
      <c r="G19197" s="8">
        <v>1</v>
      </c>
      <c r="H19197" s="8">
        <v>1</v>
      </c>
      <c r="I19197" s="8">
        <v>0</v>
      </c>
      <c r="J19197" s="8">
        <v>1</v>
      </c>
      <c r="K19197" s="9">
        <v>21</v>
      </c>
      <c r="L19197" s="6" t="s">
        <v>4151</v>
      </c>
    </row>
    <row r="19198" spans="1:12">
      <c r="A19198" s="6" t="s">
        <v>4151</v>
      </c>
      <c r="B19198" s="6"/>
      <c r="C19198" s="6" t="s">
        <v>19234</v>
      </c>
      <c r="D19198" s="6"/>
      <c r="E19198" s="6" t="s">
        <v>9</v>
      </c>
      <c r="F19198" s="7">
        <v>38657</v>
      </c>
      <c r="G19198" s="8">
        <v>1</v>
      </c>
      <c r="H19198" s="8">
        <v>1</v>
      </c>
      <c r="I19198" s="8">
        <v>0</v>
      </c>
      <c r="J19198" s="8">
        <v>1</v>
      </c>
      <c r="K19198" s="9">
        <v>13</v>
      </c>
      <c r="L19198" s="6" t="s">
        <v>4151</v>
      </c>
    </row>
    <row r="19199" spans="1:12">
      <c r="A19199" s="6" t="s">
        <v>4151</v>
      </c>
      <c r="B19199" s="6"/>
      <c r="C19199" s="6" t="s">
        <v>19235</v>
      </c>
      <c r="D19199" s="6"/>
      <c r="E19199" s="6" t="s">
        <v>9</v>
      </c>
      <c r="F19199" s="7">
        <v>38657</v>
      </c>
      <c r="G19199" s="8">
        <v>1</v>
      </c>
      <c r="H19199" s="8">
        <v>1</v>
      </c>
      <c r="I19199" s="8">
        <v>0</v>
      </c>
      <c r="J19199" s="8">
        <v>1</v>
      </c>
      <c r="K19199" s="9">
        <v>30</v>
      </c>
      <c r="L19199" s="6" t="s">
        <v>4151</v>
      </c>
    </row>
    <row r="19200" spans="1:12">
      <c r="A19200" s="6" t="s">
        <v>4151</v>
      </c>
      <c r="B19200" s="6"/>
      <c r="C19200" s="6" t="s">
        <v>19236</v>
      </c>
      <c r="D19200" s="6"/>
      <c r="E19200" s="6" t="s">
        <v>9</v>
      </c>
      <c r="F19200" s="7">
        <v>38657</v>
      </c>
      <c r="G19200" s="8">
        <v>1</v>
      </c>
      <c r="H19200" s="8">
        <v>1</v>
      </c>
      <c r="I19200" s="8">
        <v>0</v>
      </c>
      <c r="J19200" s="8">
        <v>1</v>
      </c>
      <c r="K19200" s="9">
        <v>9.52</v>
      </c>
      <c r="L19200" s="6" t="s">
        <v>4151</v>
      </c>
    </row>
    <row r="19201" spans="1:12">
      <c r="A19201" s="6" t="s">
        <v>4151</v>
      </c>
      <c r="B19201" s="6"/>
      <c r="C19201" s="6" t="s">
        <v>19237</v>
      </c>
      <c r="D19201" s="6"/>
      <c r="E19201" s="6" t="s">
        <v>9</v>
      </c>
      <c r="F19201" s="7">
        <v>38657</v>
      </c>
      <c r="G19201" s="8">
        <v>1</v>
      </c>
      <c r="H19201" s="8">
        <v>1</v>
      </c>
      <c r="I19201" s="8">
        <v>0</v>
      </c>
      <c r="J19201" s="8">
        <v>1</v>
      </c>
      <c r="K19201" s="9">
        <v>9.73</v>
      </c>
      <c r="L19201" s="6" t="s">
        <v>4151</v>
      </c>
    </row>
    <row r="19202" spans="1:12">
      <c r="A19202" s="6" t="s">
        <v>4151</v>
      </c>
      <c r="B19202" s="6"/>
      <c r="C19202" s="6" t="s">
        <v>19238</v>
      </c>
      <c r="D19202" s="6"/>
      <c r="E19202" s="6" t="s">
        <v>9</v>
      </c>
      <c r="F19202" s="7">
        <v>38657</v>
      </c>
      <c r="G19202" s="8">
        <v>1</v>
      </c>
      <c r="H19202" s="8">
        <v>1</v>
      </c>
      <c r="I19202" s="8">
        <v>0</v>
      </c>
      <c r="J19202" s="8">
        <v>1</v>
      </c>
      <c r="K19202" s="9">
        <v>6.01</v>
      </c>
      <c r="L19202" s="6" t="s">
        <v>4151</v>
      </c>
    </row>
    <row r="19203" spans="1:12">
      <c r="A19203" s="6" t="s">
        <v>4151</v>
      </c>
      <c r="B19203" s="6"/>
      <c r="C19203" s="6" t="s">
        <v>19239</v>
      </c>
      <c r="D19203" s="6"/>
      <c r="E19203" s="6" t="s">
        <v>9</v>
      </c>
      <c r="F19203" s="7">
        <v>38657</v>
      </c>
      <c r="G19203" s="8">
        <v>1</v>
      </c>
      <c r="H19203" s="8">
        <v>1</v>
      </c>
      <c r="I19203" s="8">
        <v>0</v>
      </c>
      <c r="J19203" s="8">
        <v>1</v>
      </c>
      <c r="K19203" s="9">
        <v>0.46</v>
      </c>
      <c r="L19203" s="6" t="s">
        <v>4151</v>
      </c>
    </row>
    <row r="19204" spans="1:12">
      <c r="A19204" s="6" t="s">
        <v>4151</v>
      </c>
      <c r="B19204" s="6"/>
      <c r="C19204" s="6" t="s">
        <v>19240</v>
      </c>
      <c r="D19204" s="6"/>
      <c r="E19204" s="6" t="s">
        <v>9</v>
      </c>
      <c r="F19204" s="7">
        <v>38657</v>
      </c>
      <c r="G19204" s="8">
        <v>1</v>
      </c>
      <c r="H19204" s="8">
        <v>1</v>
      </c>
      <c r="I19204" s="8">
        <v>0</v>
      </c>
      <c r="J19204" s="8">
        <v>1</v>
      </c>
      <c r="K19204" s="9">
        <v>8.2899999999999903</v>
      </c>
      <c r="L19204" s="6" t="s">
        <v>4151</v>
      </c>
    </row>
    <row r="19205" spans="1:12">
      <c r="A19205" s="6" t="s">
        <v>4151</v>
      </c>
      <c r="B19205" s="6"/>
      <c r="C19205" s="6" t="s">
        <v>19241</v>
      </c>
      <c r="D19205" s="6"/>
      <c r="E19205" s="6" t="s">
        <v>9</v>
      </c>
      <c r="F19205" s="7">
        <v>38657</v>
      </c>
      <c r="G19205" s="8">
        <v>1</v>
      </c>
      <c r="H19205" s="8">
        <v>1</v>
      </c>
      <c r="I19205" s="8">
        <v>0</v>
      </c>
      <c r="J19205" s="8">
        <v>1</v>
      </c>
      <c r="K19205" s="9">
        <v>5.01</v>
      </c>
      <c r="L19205" s="6" t="s">
        <v>4151</v>
      </c>
    </row>
    <row r="19206" spans="1:12">
      <c r="A19206" s="6" t="s">
        <v>4151</v>
      </c>
      <c r="B19206" s="6"/>
      <c r="C19206" s="6" t="s">
        <v>19242</v>
      </c>
      <c r="D19206" s="6"/>
      <c r="E19206" s="6" t="s">
        <v>9</v>
      </c>
      <c r="F19206" s="7">
        <v>38657</v>
      </c>
      <c r="G19206" s="8">
        <v>1</v>
      </c>
      <c r="H19206" s="8">
        <v>1</v>
      </c>
      <c r="I19206" s="8">
        <v>0</v>
      </c>
      <c r="J19206" s="8">
        <v>1</v>
      </c>
      <c r="K19206" s="9">
        <v>3.06</v>
      </c>
      <c r="L19206" s="6" t="s">
        <v>4151</v>
      </c>
    </row>
    <row r="19207" spans="1:12">
      <c r="A19207" s="6" t="s">
        <v>4151</v>
      </c>
      <c r="B19207" s="6"/>
      <c r="C19207" s="6" t="s">
        <v>19243</v>
      </c>
      <c r="D19207" s="6"/>
      <c r="E19207" s="6" t="s">
        <v>9</v>
      </c>
      <c r="F19207" s="7">
        <v>38657</v>
      </c>
      <c r="G19207" s="8">
        <v>1</v>
      </c>
      <c r="H19207" s="8">
        <v>1</v>
      </c>
      <c r="I19207" s="8">
        <v>0</v>
      </c>
      <c r="J19207" s="8">
        <v>1</v>
      </c>
      <c r="K19207" s="9">
        <v>3.23</v>
      </c>
      <c r="L19207" s="6" t="s">
        <v>4151</v>
      </c>
    </row>
    <row r="19208" spans="1:12">
      <c r="A19208" s="6" t="s">
        <v>4151</v>
      </c>
      <c r="B19208" s="6"/>
      <c r="C19208" s="6" t="s">
        <v>19244</v>
      </c>
      <c r="D19208" s="6"/>
      <c r="E19208" s="6" t="s">
        <v>9</v>
      </c>
      <c r="F19208" s="7">
        <v>38657</v>
      </c>
      <c r="G19208" s="8">
        <v>1</v>
      </c>
      <c r="H19208" s="8">
        <v>1</v>
      </c>
      <c r="I19208" s="8">
        <v>0</v>
      </c>
      <c r="J19208" s="8">
        <v>1</v>
      </c>
      <c r="K19208" s="9">
        <v>3.05</v>
      </c>
      <c r="L19208" s="6" t="s">
        <v>4151</v>
      </c>
    </row>
    <row r="19209" spans="1:12">
      <c r="A19209" s="6" t="s">
        <v>4151</v>
      </c>
      <c r="B19209" s="6"/>
      <c r="C19209" s="6" t="s">
        <v>19245</v>
      </c>
      <c r="D19209" s="6"/>
      <c r="E19209" s="6" t="s">
        <v>9</v>
      </c>
      <c r="F19209" s="7">
        <v>38657</v>
      </c>
      <c r="G19209" s="8">
        <v>1</v>
      </c>
      <c r="H19209" s="8">
        <v>1</v>
      </c>
      <c r="I19209" s="8">
        <v>0</v>
      </c>
      <c r="J19209" s="8">
        <v>1</v>
      </c>
      <c r="K19209" s="9">
        <v>1.58</v>
      </c>
      <c r="L19209" s="6" t="s">
        <v>4151</v>
      </c>
    </row>
    <row r="19210" spans="1:12">
      <c r="A19210" s="6" t="s">
        <v>4151</v>
      </c>
      <c r="B19210" s="6"/>
      <c r="C19210" s="6" t="s">
        <v>19246</v>
      </c>
      <c r="D19210" s="6"/>
      <c r="E19210" s="6" t="s">
        <v>9</v>
      </c>
      <c r="F19210" s="7">
        <v>38657</v>
      </c>
      <c r="G19210" s="8">
        <v>1</v>
      </c>
      <c r="H19210" s="8">
        <v>1</v>
      </c>
      <c r="I19210" s="8">
        <v>0</v>
      </c>
      <c r="J19210" s="8">
        <v>1</v>
      </c>
      <c r="K19210" s="9">
        <v>1.17</v>
      </c>
      <c r="L19210" s="6" t="s">
        <v>4151</v>
      </c>
    </row>
    <row r="19211" spans="1:12">
      <c r="A19211" s="6" t="s">
        <v>4151</v>
      </c>
      <c r="B19211" s="6"/>
      <c r="C19211" s="6" t="s">
        <v>19247</v>
      </c>
      <c r="D19211" s="6"/>
      <c r="E19211" s="6" t="s">
        <v>9</v>
      </c>
      <c r="F19211" s="7">
        <v>38657</v>
      </c>
      <c r="G19211" s="8">
        <v>1</v>
      </c>
      <c r="H19211" s="8">
        <v>1</v>
      </c>
      <c r="I19211" s="8">
        <v>0</v>
      </c>
      <c r="J19211" s="8">
        <v>1</v>
      </c>
      <c r="K19211" s="9">
        <v>1.66</v>
      </c>
      <c r="L19211" s="6" t="s">
        <v>4151</v>
      </c>
    </row>
    <row r="19212" spans="1:12">
      <c r="A19212" s="6" t="s">
        <v>4151</v>
      </c>
      <c r="B19212" s="6"/>
      <c r="C19212" s="6" t="s">
        <v>19248</v>
      </c>
      <c r="D19212" s="6"/>
      <c r="E19212" s="6" t="s">
        <v>9</v>
      </c>
      <c r="F19212" s="7">
        <v>38657</v>
      </c>
      <c r="G19212" s="8">
        <v>1</v>
      </c>
      <c r="H19212" s="8">
        <v>1</v>
      </c>
      <c r="I19212" s="8">
        <v>0</v>
      </c>
      <c r="J19212" s="8">
        <v>1</v>
      </c>
      <c r="K19212" s="9">
        <v>7.8</v>
      </c>
      <c r="L19212" s="6" t="s">
        <v>4151</v>
      </c>
    </row>
    <row r="19213" spans="1:12">
      <c r="A19213" s="6" t="s">
        <v>4151</v>
      </c>
      <c r="B19213" s="6"/>
      <c r="C19213" s="6" t="s">
        <v>19249</v>
      </c>
      <c r="D19213" s="6"/>
      <c r="E19213" s="6" t="s">
        <v>9</v>
      </c>
      <c r="F19213" s="7">
        <v>38657</v>
      </c>
      <c r="G19213" s="8">
        <v>1</v>
      </c>
      <c r="H19213" s="8">
        <v>1</v>
      </c>
      <c r="I19213" s="8">
        <v>0</v>
      </c>
      <c r="J19213" s="8">
        <v>1</v>
      </c>
      <c r="K19213" s="9">
        <v>2.78</v>
      </c>
      <c r="L19213" s="6" t="s">
        <v>4151</v>
      </c>
    </row>
    <row r="19214" spans="1:12">
      <c r="A19214" s="6" t="s">
        <v>4151</v>
      </c>
      <c r="B19214" s="6"/>
      <c r="C19214" s="6" t="s">
        <v>19250</v>
      </c>
      <c r="D19214" s="6"/>
      <c r="E19214" s="6" t="s">
        <v>9</v>
      </c>
      <c r="F19214" s="7">
        <v>38657</v>
      </c>
      <c r="G19214" s="8">
        <v>1</v>
      </c>
      <c r="H19214" s="8">
        <v>1</v>
      </c>
      <c r="I19214" s="8">
        <v>0</v>
      </c>
      <c r="J19214" s="8">
        <v>1</v>
      </c>
      <c r="K19214" s="9">
        <v>1.65</v>
      </c>
      <c r="L19214" s="6" t="s">
        <v>4151</v>
      </c>
    </row>
    <row r="19215" spans="1:12">
      <c r="A19215" s="6" t="s">
        <v>4151</v>
      </c>
      <c r="B19215" s="6"/>
      <c r="C19215" s="6" t="s">
        <v>19251</v>
      </c>
      <c r="D19215" s="6"/>
      <c r="E19215" s="6" t="s">
        <v>9</v>
      </c>
      <c r="F19215" s="7">
        <v>38657</v>
      </c>
      <c r="G19215" s="8">
        <v>1</v>
      </c>
      <c r="H19215" s="8">
        <v>1</v>
      </c>
      <c r="I19215" s="8">
        <v>0</v>
      </c>
      <c r="J19215" s="8">
        <v>1</v>
      </c>
      <c r="K19215" s="9">
        <v>4.09</v>
      </c>
      <c r="L19215" s="6" t="s">
        <v>4151</v>
      </c>
    </row>
    <row r="19216" spans="1:12">
      <c r="A19216" s="6" t="s">
        <v>4151</v>
      </c>
      <c r="B19216" s="6"/>
      <c r="C19216" s="6" t="s">
        <v>19252</v>
      </c>
      <c r="D19216" s="6"/>
      <c r="E19216" s="6" t="s">
        <v>9</v>
      </c>
      <c r="F19216" s="7">
        <v>38657</v>
      </c>
      <c r="G19216" s="8">
        <v>1</v>
      </c>
      <c r="H19216" s="8">
        <v>1</v>
      </c>
      <c r="I19216" s="8">
        <v>0</v>
      </c>
      <c r="J19216" s="8">
        <v>1</v>
      </c>
      <c r="K19216" s="9">
        <v>18</v>
      </c>
      <c r="L19216" s="6" t="s">
        <v>4151</v>
      </c>
    </row>
    <row r="19217" spans="1:12">
      <c r="A19217" s="6" t="s">
        <v>4151</v>
      </c>
      <c r="B19217" s="6"/>
      <c r="C19217" s="6" t="s">
        <v>19253</v>
      </c>
      <c r="D19217" s="6"/>
      <c r="E19217" s="6" t="s">
        <v>9</v>
      </c>
      <c r="F19217" s="7">
        <v>38657</v>
      </c>
      <c r="G19217" s="8">
        <v>1</v>
      </c>
      <c r="H19217" s="8">
        <v>1</v>
      </c>
      <c r="I19217" s="8">
        <v>0</v>
      </c>
      <c r="J19217" s="8">
        <v>1</v>
      </c>
      <c r="K19217" s="9">
        <v>0.49</v>
      </c>
      <c r="L19217" s="6" t="s">
        <v>4151</v>
      </c>
    </row>
    <row r="19218" spans="1:12">
      <c r="A19218" s="6" t="s">
        <v>4151</v>
      </c>
      <c r="B19218" s="6"/>
      <c r="C19218" s="6" t="s">
        <v>19254</v>
      </c>
      <c r="D19218" s="6"/>
      <c r="E19218" s="6" t="s">
        <v>9</v>
      </c>
      <c r="F19218" s="7">
        <v>38657</v>
      </c>
      <c r="G19218" s="8">
        <v>1</v>
      </c>
      <c r="H19218" s="8">
        <v>1</v>
      </c>
      <c r="I19218" s="8">
        <v>0</v>
      </c>
      <c r="J19218" s="8">
        <v>1</v>
      </c>
      <c r="K19218" s="9">
        <v>0.26</v>
      </c>
      <c r="L19218" s="6" t="s">
        <v>4151</v>
      </c>
    </row>
    <row r="19219" spans="1:12">
      <c r="A19219" s="6" t="s">
        <v>4151</v>
      </c>
      <c r="B19219" s="6"/>
      <c r="C19219" s="6" t="s">
        <v>19255</v>
      </c>
      <c r="D19219" s="6"/>
      <c r="E19219" s="6" t="s">
        <v>9</v>
      </c>
      <c r="F19219" s="7">
        <v>38657</v>
      </c>
      <c r="G19219" s="8">
        <v>1</v>
      </c>
      <c r="H19219" s="8">
        <v>1</v>
      </c>
      <c r="I19219" s="8">
        <v>0</v>
      </c>
      <c r="J19219" s="8">
        <v>1</v>
      </c>
      <c r="K19219" s="9">
        <v>1.82</v>
      </c>
      <c r="L19219" s="6" t="s">
        <v>4151</v>
      </c>
    </row>
    <row r="19220" spans="1:12">
      <c r="A19220" s="6" t="s">
        <v>4151</v>
      </c>
      <c r="B19220" s="6"/>
      <c r="C19220" s="6" t="s">
        <v>19256</v>
      </c>
      <c r="D19220" s="6"/>
      <c r="E19220" s="6" t="s">
        <v>9</v>
      </c>
      <c r="F19220" s="7">
        <v>38657</v>
      </c>
      <c r="G19220" s="8">
        <v>1</v>
      </c>
      <c r="H19220" s="8">
        <v>1</v>
      </c>
      <c r="I19220" s="8">
        <v>0</v>
      </c>
      <c r="J19220" s="8">
        <v>1</v>
      </c>
      <c r="K19220" s="9">
        <v>1.44</v>
      </c>
      <c r="L19220" s="6" t="s">
        <v>4151</v>
      </c>
    </row>
    <row r="19221" spans="1:12">
      <c r="A19221" s="6" t="s">
        <v>4151</v>
      </c>
      <c r="B19221" s="6"/>
      <c r="C19221" s="6" t="s">
        <v>19257</v>
      </c>
      <c r="D19221" s="6"/>
      <c r="E19221" s="6" t="s">
        <v>9</v>
      </c>
      <c r="F19221" s="7">
        <v>38657</v>
      </c>
      <c r="G19221" s="8">
        <v>1</v>
      </c>
      <c r="H19221" s="8">
        <v>1</v>
      </c>
      <c r="I19221" s="8">
        <v>0</v>
      </c>
      <c r="J19221" s="8">
        <v>1</v>
      </c>
      <c r="K19221" s="9">
        <v>1.5</v>
      </c>
      <c r="L19221" s="6" t="s">
        <v>4151</v>
      </c>
    </row>
    <row r="19222" spans="1:12">
      <c r="A19222" s="6" t="s">
        <v>4151</v>
      </c>
      <c r="B19222" s="6"/>
      <c r="C19222" s="6" t="s">
        <v>19258</v>
      </c>
      <c r="D19222" s="6"/>
      <c r="E19222" s="6" t="s">
        <v>9</v>
      </c>
      <c r="F19222" s="7">
        <v>38657</v>
      </c>
      <c r="G19222" s="8">
        <v>1</v>
      </c>
      <c r="H19222" s="8">
        <v>1</v>
      </c>
      <c r="I19222" s="8">
        <v>0</v>
      </c>
      <c r="J19222" s="8">
        <v>1</v>
      </c>
      <c r="K19222" s="9">
        <v>4.07</v>
      </c>
      <c r="L19222" s="6" t="s">
        <v>4151</v>
      </c>
    </row>
    <row r="19223" spans="1:12">
      <c r="A19223" s="6" t="s">
        <v>4151</v>
      </c>
      <c r="B19223" s="6"/>
      <c r="C19223" s="6" t="s">
        <v>19259</v>
      </c>
      <c r="D19223" s="6"/>
      <c r="E19223" s="6" t="s">
        <v>9</v>
      </c>
      <c r="F19223" s="7">
        <v>38657</v>
      </c>
      <c r="G19223" s="8">
        <v>1</v>
      </c>
      <c r="H19223" s="8">
        <v>1</v>
      </c>
      <c r="I19223" s="8">
        <v>0</v>
      </c>
      <c r="J19223" s="8">
        <v>1</v>
      </c>
      <c r="K19223" s="9">
        <v>6.38</v>
      </c>
      <c r="L19223" s="6" t="s">
        <v>4151</v>
      </c>
    </row>
    <row r="19224" spans="1:12">
      <c r="A19224" s="6" t="s">
        <v>4151</v>
      </c>
      <c r="B19224" s="6"/>
      <c r="C19224" s="6" t="s">
        <v>19260</v>
      </c>
      <c r="D19224" s="6"/>
      <c r="E19224" s="6" t="s">
        <v>9</v>
      </c>
      <c r="F19224" s="7">
        <v>38657</v>
      </c>
      <c r="G19224" s="8">
        <v>1</v>
      </c>
      <c r="H19224" s="8">
        <v>1</v>
      </c>
      <c r="I19224" s="8">
        <v>0</v>
      </c>
      <c r="J19224" s="8">
        <v>1</v>
      </c>
      <c r="K19224" s="9">
        <v>3.82</v>
      </c>
      <c r="L19224" s="6" t="s">
        <v>4151</v>
      </c>
    </row>
    <row r="19225" spans="1:12">
      <c r="A19225" s="6" t="s">
        <v>4151</v>
      </c>
      <c r="B19225" s="6"/>
      <c r="C19225" s="6" t="s">
        <v>19261</v>
      </c>
      <c r="D19225" s="6"/>
      <c r="E19225" s="6" t="s">
        <v>9</v>
      </c>
      <c r="F19225" s="7">
        <v>38657</v>
      </c>
      <c r="G19225" s="8">
        <v>1</v>
      </c>
      <c r="H19225" s="8">
        <v>1</v>
      </c>
      <c r="I19225" s="8">
        <v>0</v>
      </c>
      <c r="J19225" s="8">
        <v>1</v>
      </c>
      <c r="K19225" s="9">
        <v>3.45</v>
      </c>
      <c r="L19225" s="6" t="s">
        <v>4151</v>
      </c>
    </row>
    <row r="19226" spans="1:12">
      <c r="A19226" s="6" t="s">
        <v>4151</v>
      </c>
      <c r="B19226" s="6"/>
      <c r="C19226" s="6" t="s">
        <v>19262</v>
      </c>
      <c r="D19226" s="6"/>
      <c r="E19226" s="6" t="s">
        <v>9</v>
      </c>
      <c r="F19226" s="7">
        <v>38657</v>
      </c>
      <c r="G19226" s="8">
        <v>1</v>
      </c>
      <c r="H19226" s="8">
        <v>1</v>
      </c>
      <c r="I19226" s="8">
        <v>0</v>
      </c>
      <c r="J19226" s="8">
        <v>1</v>
      </c>
      <c r="K19226" s="9">
        <v>42</v>
      </c>
      <c r="L19226" s="6" t="s">
        <v>4151</v>
      </c>
    </row>
    <row r="19227" spans="1:12">
      <c r="A19227" s="6" t="s">
        <v>4151</v>
      </c>
      <c r="B19227" s="6"/>
      <c r="C19227" s="6" t="s">
        <v>19263</v>
      </c>
      <c r="D19227" s="6"/>
      <c r="E19227" s="6" t="s">
        <v>9</v>
      </c>
      <c r="F19227" s="7">
        <v>38657</v>
      </c>
      <c r="G19227" s="8">
        <v>1</v>
      </c>
      <c r="H19227" s="8">
        <v>1</v>
      </c>
      <c r="I19227" s="8">
        <v>0</v>
      </c>
      <c r="J19227" s="8">
        <v>1</v>
      </c>
      <c r="K19227" s="9">
        <v>10</v>
      </c>
      <c r="L19227" s="6" t="s">
        <v>4151</v>
      </c>
    </row>
    <row r="19228" spans="1:12">
      <c r="A19228" s="6" t="s">
        <v>4151</v>
      </c>
      <c r="B19228" s="6"/>
      <c r="C19228" s="6" t="s">
        <v>19264</v>
      </c>
      <c r="D19228" s="6"/>
      <c r="E19228" s="6" t="s">
        <v>9</v>
      </c>
      <c r="F19228" s="7">
        <v>38657</v>
      </c>
      <c r="G19228" s="8">
        <v>1</v>
      </c>
      <c r="H19228" s="8">
        <v>1</v>
      </c>
      <c r="I19228" s="8">
        <v>0</v>
      </c>
      <c r="J19228" s="8">
        <v>1</v>
      </c>
      <c r="K19228" s="9">
        <v>2.16</v>
      </c>
      <c r="L19228" s="6" t="s">
        <v>4151</v>
      </c>
    </row>
    <row r="19229" spans="1:12">
      <c r="A19229" s="6" t="s">
        <v>4151</v>
      </c>
      <c r="B19229" s="6"/>
      <c r="C19229" s="6" t="s">
        <v>19265</v>
      </c>
      <c r="D19229" s="6"/>
      <c r="E19229" s="6" t="s">
        <v>9</v>
      </c>
      <c r="F19229" s="7">
        <v>38657</v>
      </c>
      <c r="G19229" s="8">
        <v>1</v>
      </c>
      <c r="H19229" s="8">
        <v>1</v>
      </c>
      <c r="I19229" s="8">
        <v>0</v>
      </c>
      <c r="J19229" s="8">
        <v>1</v>
      </c>
      <c r="K19229" s="9">
        <v>53</v>
      </c>
      <c r="L19229" s="6" t="s">
        <v>4151</v>
      </c>
    </row>
    <row r="19230" spans="1:12">
      <c r="A19230" s="6" t="s">
        <v>4151</v>
      </c>
      <c r="B19230" s="6"/>
      <c r="C19230" s="6" t="s">
        <v>19266</v>
      </c>
      <c r="D19230" s="6"/>
      <c r="E19230" s="6" t="s">
        <v>9</v>
      </c>
      <c r="F19230" s="7">
        <v>38657</v>
      </c>
      <c r="G19230" s="8">
        <v>1</v>
      </c>
      <c r="H19230" s="8">
        <v>1</v>
      </c>
      <c r="I19230" s="8">
        <v>0</v>
      </c>
      <c r="J19230" s="8">
        <v>1</v>
      </c>
      <c r="K19230" s="9">
        <v>8.23</v>
      </c>
      <c r="L19230" s="6" t="s">
        <v>4151</v>
      </c>
    </row>
    <row r="19231" spans="1:12">
      <c r="A19231" s="6" t="s">
        <v>4151</v>
      </c>
      <c r="B19231" s="6"/>
      <c r="C19231" s="6" t="s">
        <v>19267</v>
      </c>
      <c r="D19231" s="6"/>
      <c r="E19231" s="6" t="s">
        <v>9</v>
      </c>
      <c r="F19231" s="7">
        <v>38657</v>
      </c>
      <c r="G19231" s="8">
        <v>1</v>
      </c>
      <c r="H19231" s="8">
        <v>1</v>
      </c>
      <c r="I19231" s="8">
        <v>0</v>
      </c>
      <c r="J19231" s="8">
        <v>1</v>
      </c>
      <c r="K19231" s="9">
        <v>2.72</v>
      </c>
      <c r="L19231" s="6" t="s">
        <v>4151</v>
      </c>
    </row>
    <row r="19232" spans="1:12">
      <c r="A19232" s="6" t="s">
        <v>4151</v>
      </c>
      <c r="B19232" s="6"/>
      <c r="C19232" s="6" t="s">
        <v>19268</v>
      </c>
      <c r="D19232" s="6"/>
      <c r="E19232" s="6" t="s">
        <v>9</v>
      </c>
      <c r="F19232" s="7">
        <v>38657</v>
      </c>
      <c r="G19232" s="8">
        <v>1</v>
      </c>
      <c r="H19232" s="8">
        <v>1</v>
      </c>
      <c r="I19232" s="8">
        <v>0</v>
      </c>
      <c r="J19232" s="8">
        <v>1</v>
      </c>
      <c r="K19232" s="9">
        <v>12</v>
      </c>
      <c r="L19232" s="6" t="s">
        <v>4151</v>
      </c>
    </row>
    <row r="19233" spans="1:12">
      <c r="A19233" s="6" t="s">
        <v>4151</v>
      </c>
      <c r="B19233" s="6"/>
      <c r="C19233" s="6" t="s">
        <v>19269</v>
      </c>
      <c r="D19233" s="6"/>
      <c r="E19233" s="6" t="s">
        <v>9</v>
      </c>
      <c r="F19233" s="7">
        <v>38657</v>
      </c>
      <c r="G19233" s="8">
        <v>1</v>
      </c>
      <c r="H19233" s="8">
        <v>1</v>
      </c>
      <c r="I19233" s="8">
        <v>0</v>
      </c>
      <c r="J19233" s="8">
        <v>1</v>
      </c>
      <c r="K19233" s="9">
        <v>6.03</v>
      </c>
      <c r="L19233" s="6" t="s">
        <v>4151</v>
      </c>
    </row>
    <row r="19234" spans="1:12">
      <c r="A19234" s="6" t="s">
        <v>4151</v>
      </c>
      <c r="B19234" s="6"/>
      <c r="C19234" s="6" t="s">
        <v>19270</v>
      </c>
      <c r="D19234" s="6"/>
      <c r="E19234" s="6" t="s">
        <v>9</v>
      </c>
      <c r="F19234" s="7">
        <v>38657</v>
      </c>
      <c r="G19234" s="8">
        <v>1</v>
      </c>
      <c r="H19234" s="8">
        <v>1</v>
      </c>
      <c r="I19234" s="8">
        <v>0</v>
      </c>
      <c r="J19234" s="8">
        <v>1</v>
      </c>
      <c r="K19234" s="9">
        <v>5.33</v>
      </c>
      <c r="L19234" s="6" t="s">
        <v>4151</v>
      </c>
    </row>
    <row r="19235" spans="1:12">
      <c r="A19235" s="6" t="s">
        <v>4151</v>
      </c>
      <c r="B19235" s="6"/>
      <c r="C19235" s="6" t="s">
        <v>19271</v>
      </c>
      <c r="D19235" s="6"/>
      <c r="E19235" s="6" t="s">
        <v>9</v>
      </c>
      <c r="F19235" s="7">
        <v>38657</v>
      </c>
      <c r="G19235" s="8">
        <v>1</v>
      </c>
      <c r="H19235" s="8">
        <v>1</v>
      </c>
      <c r="I19235" s="8">
        <v>0</v>
      </c>
      <c r="J19235" s="8">
        <v>1</v>
      </c>
      <c r="K19235" s="9">
        <v>9.8000000000000007</v>
      </c>
      <c r="L19235" s="6" t="s">
        <v>4151</v>
      </c>
    </row>
    <row r="19236" spans="1:12">
      <c r="A19236" s="6" t="s">
        <v>4151</v>
      </c>
      <c r="B19236" s="6"/>
      <c r="C19236" s="6" t="s">
        <v>19272</v>
      </c>
      <c r="D19236" s="6"/>
      <c r="E19236" s="6" t="s">
        <v>9</v>
      </c>
      <c r="F19236" s="7">
        <v>38657</v>
      </c>
      <c r="G19236" s="8">
        <v>1</v>
      </c>
      <c r="H19236" s="8">
        <v>1</v>
      </c>
      <c r="I19236" s="8">
        <v>0</v>
      </c>
      <c r="J19236" s="8">
        <v>1</v>
      </c>
      <c r="K19236" s="9">
        <v>66</v>
      </c>
      <c r="L19236" s="6" t="s">
        <v>4151</v>
      </c>
    </row>
    <row r="19237" spans="1:12">
      <c r="A19237" s="6" t="s">
        <v>4151</v>
      </c>
      <c r="B19237" s="6"/>
      <c r="C19237" s="6" t="s">
        <v>19273</v>
      </c>
      <c r="D19237" s="6"/>
      <c r="E19237" s="6" t="s">
        <v>9</v>
      </c>
      <c r="F19237" s="7">
        <v>38657</v>
      </c>
      <c r="G19237" s="8">
        <v>1</v>
      </c>
      <c r="H19237" s="8">
        <v>1</v>
      </c>
      <c r="I19237" s="8">
        <v>0</v>
      </c>
      <c r="J19237" s="8">
        <v>1</v>
      </c>
      <c r="K19237" s="9">
        <v>26</v>
      </c>
      <c r="L19237" s="6" t="s">
        <v>4151</v>
      </c>
    </row>
    <row r="19238" spans="1:12">
      <c r="A19238" s="6" t="s">
        <v>4151</v>
      </c>
      <c r="B19238" s="6"/>
      <c r="C19238" s="6" t="s">
        <v>19274</v>
      </c>
      <c r="D19238" s="6"/>
      <c r="E19238" s="6" t="s">
        <v>9</v>
      </c>
      <c r="F19238" s="7">
        <v>38657</v>
      </c>
      <c r="G19238" s="8">
        <v>1</v>
      </c>
      <c r="H19238" s="8">
        <v>1</v>
      </c>
      <c r="I19238" s="8">
        <v>0</v>
      </c>
      <c r="J19238" s="8">
        <v>1</v>
      </c>
      <c r="K19238" s="9">
        <v>8.1</v>
      </c>
      <c r="L19238" s="6" t="s">
        <v>4151</v>
      </c>
    </row>
    <row r="19239" spans="1:12">
      <c r="A19239" s="6" t="s">
        <v>4151</v>
      </c>
      <c r="B19239" s="6"/>
      <c r="C19239" s="6" t="s">
        <v>19275</v>
      </c>
      <c r="D19239" s="6"/>
      <c r="E19239" s="6" t="s">
        <v>9</v>
      </c>
      <c r="F19239" s="7">
        <v>38657</v>
      </c>
      <c r="G19239" s="8">
        <v>1</v>
      </c>
      <c r="H19239" s="8">
        <v>1</v>
      </c>
      <c r="I19239" s="8">
        <v>0</v>
      </c>
      <c r="J19239" s="8">
        <v>1</v>
      </c>
      <c r="K19239" s="9">
        <v>28</v>
      </c>
      <c r="L19239" s="6" t="s">
        <v>4151</v>
      </c>
    </row>
    <row r="19240" spans="1:12">
      <c r="A19240" s="6" t="s">
        <v>4151</v>
      </c>
      <c r="B19240" s="6"/>
      <c r="C19240" s="6" t="s">
        <v>19276</v>
      </c>
      <c r="D19240" s="6"/>
      <c r="E19240" s="6" t="s">
        <v>9</v>
      </c>
      <c r="F19240" s="7">
        <v>38657</v>
      </c>
      <c r="G19240" s="8">
        <v>1</v>
      </c>
      <c r="H19240" s="8">
        <v>1</v>
      </c>
      <c r="I19240" s="8">
        <v>0</v>
      </c>
      <c r="J19240" s="8">
        <v>1</v>
      </c>
      <c r="K19240" s="9">
        <v>1.96</v>
      </c>
      <c r="L19240" s="6" t="s">
        <v>4151</v>
      </c>
    </row>
    <row r="19241" spans="1:12">
      <c r="A19241" s="6" t="s">
        <v>4151</v>
      </c>
      <c r="B19241" s="6"/>
      <c r="C19241" s="6" t="s">
        <v>19277</v>
      </c>
      <c r="D19241" s="6"/>
      <c r="E19241" s="6" t="s">
        <v>9</v>
      </c>
      <c r="F19241" s="7">
        <v>38657</v>
      </c>
      <c r="G19241" s="8">
        <v>1</v>
      </c>
      <c r="H19241" s="8">
        <v>1</v>
      </c>
      <c r="I19241" s="8">
        <v>0</v>
      </c>
      <c r="J19241" s="8">
        <v>1</v>
      </c>
      <c r="K19241" s="9">
        <v>1.94</v>
      </c>
      <c r="L19241" s="6" t="s">
        <v>4151</v>
      </c>
    </row>
    <row r="19242" spans="1:12">
      <c r="A19242" s="6" t="s">
        <v>4151</v>
      </c>
      <c r="B19242" s="6"/>
      <c r="C19242" s="6" t="s">
        <v>19278</v>
      </c>
      <c r="D19242" s="6"/>
      <c r="E19242" s="6" t="s">
        <v>9</v>
      </c>
      <c r="F19242" s="7">
        <v>38657</v>
      </c>
      <c r="G19242" s="8">
        <v>1</v>
      </c>
      <c r="H19242" s="8">
        <v>1</v>
      </c>
      <c r="I19242" s="8">
        <v>0</v>
      </c>
      <c r="J19242" s="8">
        <v>1</v>
      </c>
      <c r="K19242" s="9">
        <v>2.4500000000000002</v>
      </c>
      <c r="L19242" s="6" t="s">
        <v>4151</v>
      </c>
    </row>
    <row r="19243" spans="1:12">
      <c r="A19243" s="6" t="s">
        <v>4151</v>
      </c>
      <c r="B19243" s="6"/>
      <c r="C19243" s="6" t="s">
        <v>19279</v>
      </c>
      <c r="D19243" s="6"/>
      <c r="E19243" s="6" t="s">
        <v>9</v>
      </c>
      <c r="F19243" s="7">
        <v>38657</v>
      </c>
      <c r="G19243" s="8">
        <v>1</v>
      </c>
      <c r="H19243" s="8">
        <v>1</v>
      </c>
      <c r="I19243" s="8">
        <v>0</v>
      </c>
      <c r="J19243" s="8">
        <v>1</v>
      </c>
      <c r="K19243" s="9">
        <v>3.79</v>
      </c>
      <c r="L19243" s="6" t="s">
        <v>4151</v>
      </c>
    </row>
    <row r="19244" spans="1:12">
      <c r="A19244" s="6" t="s">
        <v>4151</v>
      </c>
      <c r="B19244" s="6"/>
      <c r="C19244" s="6" t="s">
        <v>19280</v>
      </c>
      <c r="D19244" s="6"/>
      <c r="E19244" s="6" t="s">
        <v>9</v>
      </c>
      <c r="F19244" s="7">
        <v>38657</v>
      </c>
      <c r="G19244" s="8">
        <v>1</v>
      </c>
      <c r="H19244" s="8">
        <v>1</v>
      </c>
      <c r="I19244" s="8">
        <v>0</v>
      </c>
      <c r="J19244" s="8">
        <v>1</v>
      </c>
      <c r="K19244" s="9">
        <v>0.64</v>
      </c>
      <c r="L19244" s="6" t="s">
        <v>4151</v>
      </c>
    </row>
    <row r="19245" spans="1:12">
      <c r="A19245" s="6" t="s">
        <v>4151</v>
      </c>
      <c r="B19245" s="6"/>
      <c r="C19245" s="6" t="s">
        <v>19281</v>
      </c>
      <c r="D19245" s="6"/>
      <c r="E19245" s="6" t="s">
        <v>9</v>
      </c>
      <c r="F19245" s="7">
        <v>38657</v>
      </c>
      <c r="G19245" s="8">
        <v>1</v>
      </c>
      <c r="H19245" s="8">
        <v>1</v>
      </c>
      <c r="I19245" s="8">
        <v>0</v>
      </c>
      <c r="J19245" s="8">
        <v>1</v>
      </c>
      <c r="K19245" s="9">
        <v>7.23</v>
      </c>
      <c r="L19245" s="6" t="s">
        <v>4151</v>
      </c>
    </row>
    <row r="19246" spans="1:12">
      <c r="A19246" s="6" t="s">
        <v>4151</v>
      </c>
      <c r="B19246" s="6"/>
      <c r="C19246" s="6" t="s">
        <v>19282</v>
      </c>
      <c r="D19246" s="6"/>
      <c r="E19246" s="6" t="s">
        <v>9</v>
      </c>
      <c r="F19246" s="7">
        <v>38657</v>
      </c>
      <c r="G19246" s="8">
        <v>1</v>
      </c>
      <c r="H19246" s="8">
        <v>1</v>
      </c>
      <c r="I19246" s="8">
        <v>0</v>
      </c>
      <c r="J19246" s="8">
        <v>1</v>
      </c>
      <c r="K19246" s="9">
        <v>9.3800000000000008</v>
      </c>
      <c r="L19246" s="6" t="s">
        <v>4151</v>
      </c>
    </row>
    <row r="19247" spans="1:12">
      <c r="A19247" s="6" t="s">
        <v>4151</v>
      </c>
      <c r="B19247" s="6"/>
      <c r="C19247" s="6" t="s">
        <v>19283</v>
      </c>
      <c r="D19247" s="6"/>
      <c r="E19247" s="6" t="s">
        <v>9</v>
      </c>
      <c r="F19247" s="7">
        <v>38657</v>
      </c>
      <c r="G19247" s="8">
        <v>1</v>
      </c>
      <c r="H19247" s="8">
        <v>1</v>
      </c>
      <c r="I19247" s="8">
        <v>0</v>
      </c>
      <c r="J19247" s="8">
        <v>1</v>
      </c>
      <c r="K19247" s="9">
        <v>5.73</v>
      </c>
      <c r="L19247" s="6" t="s">
        <v>4151</v>
      </c>
    </row>
    <row r="19248" spans="1:12">
      <c r="A19248" s="6" t="s">
        <v>4151</v>
      </c>
      <c r="B19248" s="6"/>
      <c r="C19248" s="6" t="s">
        <v>19284</v>
      </c>
      <c r="D19248" s="6"/>
      <c r="E19248" s="6" t="s">
        <v>9</v>
      </c>
      <c r="F19248" s="7">
        <v>38657</v>
      </c>
      <c r="G19248" s="8">
        <v>1</v>
      </c>
      <c r="H19248" s="8">
        <v>1</v>
      </c>
      <c r="I19248" s="8">
        <v>0</v>
      </c>
      <c r="J19248" s="8">
        <v>1</v>
      </c>
      <c r="K19248" s="9">
        <v>34</v>
      </c>
      <c r="L19248" s="6" t="s">
        <v>4151</v>
      </c>
    </row>
    <row r="19249" spans="1:12">
      <c r="A19249" s="6" t="s">
        <v>4151</v>
      </c>
      <c r="B19249" s="6"/>
      <c r="C19249" s="6" t="s">
        <v>19285</v>
      </c>
      <c r="D19249" s="6"/>
      <c r="E19249" s="6" t="s">
        <v>9</v>
      </c>
      <c r="F19249" s="7">
        <v>38657</v>
      </c>
      <c r="G19249" s="8">
        <v>1</v>
      </c>
      <c r="H19249" s="8">
        <v>1</v>
      </c>
      <c r="I19249" s="8">
        <v>0</v>
      </c>
      <c r="J19249" s="8">
        <v>1</v>
      </c>
      <c r="K19249" s="9">
        <v>8.58</v>
      </c>
      <c r="L19249" s="6" t="s">
        <v>4151</v>
      </c>
    </row>
    <row r="19250" spans="1:12">
      <c r="A19250" s="6" t="s">
        <v>4151</v>
      </c>
      <c r="B19250" s="6"/>
      <c r="C19250" s="6" t="s">
        <v>19286</v>
      </c>
      <c r="D19250" s="6"/>
      <c r="E19250" s="6" t="s">
        <v>9</v>
      </c>
      <c r="F19250" s="7">
        <v>38657</v>
      </c>
      <c r="G19250" s="8">
        <v>1</v>
      </c>
      <c r="H19250" s="8">
        <v>1</v>
      </c>
      <c r="I19250" s="8">
        <v>0</v>
      </c>
      <c r="J19250" s="8">
        <v>1</v>
      </c>
      <c r="K19250" s="9">
        <v>8.17</v>
      </c>
      <c r="L19250" s="6" t="s">
        <v>4151</v>
      </c>
    </row>
    <row r="19251" spans="1:12">
      <c r="A19251" s="6" t="s">
        <v>4151</v>
      </c>
      <c r="B19251" s="6"/>
      <c r="C19251" s="6" t="s">
        <v>19287</v>
      </c>
      <c r="D19251" s="6"/>
      <c r="E19251" s="6" t="s">
        <v>9</v>
      </c>
      <c r="F19251" s="7">
        <v>38657</v>
      </c>
      <c r="G19251" s="8">
        <v>1</v>
      </c>
      <c r="H19251" s="8">
        <v>1</v>
      </c>
      <c r="I19251" s="8">
        <v>0</v>
      </c>
      <c r="J19251" s="8">
        <v>1</v>
      </c>
      <c r="K19251" s="9">
        <v>180</v>
      </c>
      <c r="L19251" s="6" t="s">
        <v>4151</v>
      </c>
    </row>
    <row r="19252" spans="1:12">
      <c r="A19252" s="6" t="s">
        <v>4151</v>
      </c>
      <c r="B19252" s="6"/>
      <c r="C19252" s="6" t="s">
        <v>19288</v>
      </c>
      <c r="D19252" s="6"/>
      <c r="E19252" s="6" t="s">
        <v>9</v>
      </c>
      <c r="F19252" s="7">
        <v>38657</v>
      </c>
      <c r="G19252" s="8">
        <v>1</v>
      </c>
      <c r="H19252" s="8">
        <v>1</v>
      </c>
      <c r="I19252" s="8">
        <v>0</v>
      </c>
      <c r="J19252" s="8">
        <v>1</v>
      </c>
      <c r="K19252" s="9">
        <v>14</v>
      </c>
      <c r="L19252" s="6" t="s">
        <v>4151</v>
      </c>
    </row>
    <row r="19253" spans="1:12">
      <c r="A19253" s="6" t="s">
        <v>4151</v>
      </c>
      <c r="B19253" s="6"/>
      <c r="C19253" s="6" t="s">
        <v>19289</v>
      </c>
      <c r="D19253" s="6"/>
      <c r="E19253" s="6" t="s">
        <v>9</v>
      </c>
      <c r="F19253" s="7">
        <v>38657</v>
      </c>
      <c r="G19253" s="8">
        <v>1</v>
      </c>
      <c r="H19253" s="8">
        <v>1</v>
      </c>
      <c r="I19253" s="8">
        <v>0</v>
      </c>
      <c r="J19253" s="8">
        <v>1</v>
      </c>
      <c r="K19253" s="9">
        <v>10</v>
      </c>
      <c r="L19253" s="6" t="s">
        <v>4151</v>
      </c>
    </row>
    <row r="19254" spans="1:12">
      <c r="A19254" s="6" t="s">
        <v>4151</v>
      </c>
      <c r="B19254" s="6"/>
      <c r="C19254" s="6" t="s">
        <v>19290</v>
      </c>
      <c r="D19254" s="6"/>
      <c r="E19254" s="6" t="s">
        <v>9</v>
      </c>
      <c r="F19254" s="7">
        <v>38657</v>
      </c>
      <c r="G19254" s="8">
        <v>1</v>
      </c>
      <c r="H19254" s="8">
        <v>1</v>
      </c>
      <c r="I19254" s="8">
        <v>0</v>
      </c>
      <c r="J19254" s="8">
        <v>1</v>
      </c>
      <c r="K19254" s="9">
        <v>10</v>
      </c>
      <c r="L19254" s="6" t="s">
        <v>4151</v>
      </c>
    </row>
    <row r="19255" spans="1:12">
      <c r="A19255" s="6" t="s">
        <v>4151</v>
      </c>
      <c r="B19255" s="6"/>
      <c r="C19255" s="6" t="s">
        <v>19291</v>
      </c>
      <c r="D19255" s="6"/>
      <c r="E19255" s="6" t="s">
        <v>9</v>
      </c>
      <c r="F19255" s="7">
        <v>38657</v>
      </c>
      <c r="G19255" s="8">
        <v>1</v>
      </c>
      <c r="H19255" s="8">
        <v>1</v>
      </c>
      <c r="I19255" s="8">
        <v>0</v>
      </c>
      <c r="J19255" s="8">
        <v>1</v>
      </c>
      <c r="K19255" s="9">
        <v>21</v>
      </c>
      <c r="L19255" s="6" t="s">
        <v>4151</v>
      </c>
    </row>
    <row r="19256" spans="1:12">
      <c r="A19256" s="6" t="s">
        <v>4151</v>
      </c>
      <c r="B19256" s="6"/>
      <c r="C19256" s="6" t="s">
        <v>19292</v>
      </c>
      <c r="D19256" s="6"/>
      <c r="E19256" s="6" t="s">
        <v>9</v>
      </c>
      <c r="F19256" s="7">
        <v>38657</v>
      </c>
      <c r="G19256" s="8">
        <v>1</v>
      </c>
      <c r="H19256" s="8">
        <v>1</v>
      </c>
      <c r="I19256" s="8">
        <v>0</v>
      </c>
      <c r="J19256" s="8">
        <v>1</v>
      </c>
      <c r="K19256" s="9">
        <v>2.81</v>
      </c>
      <c r="L19256" s="6" t="s">
        <v>4151</v>
      </c>
    </row>
    <row r="19257" spans="1:12">
      <c r="A19257" s="6" t="s">
        <v>4151</v>
      </c>
      <c r="B19257" s="6"/>
      <c r="C19257" s="6" t="s">
        <v>19293</v>
      </c>
      <c r="D19257" s="6"/>
      <c r="E19257" s="6" t="s">
        <v>9</v>
      </c>
      <c r="F19257" s="7">
        <v>38657</v>
      </c>
      <c r="G19257" s="8">
        <v>1</v>
      </c>
      <c r="H19257" s="8">
        <v>1</v>
      </c>
      <c r="I19257" s="8">
        <v>0</v>
      </c>
      <c r="J19257" s="8">
        <v>1</v>
      </c>
      <c r="K19257" s="9">
        <v>19</v>
      </c>
      <c r="L19257" s="6" t="s">
        <v>4151</v>
      </c>
    </row>
    <row r="19258" spans="1:12">
      <c r="A19258" s="6" t="s">
        <v>4151</v>
      </c>
      <c r="B19258" s="6"/>
      <c r="C19258" s="6" t="s">
        <v>19294</v>
      </c>
      <c r="D19258" s="6"/>
      <c r="E19258" s="6" t="s">
        <v>9</v>
      </c>
      <c r="F19258" s="7">
        <v>38657</v>
      </c>
      <c r="G19258" s="8">
        <v>1</v>
      </c>
      <c r="H19258" s="8">
        <v>1</v>
      </c>
      <c r="I19258" s="8">
        <v>0</v>
      </c>
      <c r="J19258" s="8">
        <v>1</v>
      </c>
      <c r="K19258" s="9">
        <v>2.2000000000000002</v>
      </c>
      <c r="L19258" s="6" t="s">
        <v>4151</v>
      </c>
    </row>
    <row r="19259" spans="1:12">
      <c r="A19259" s="6" t="s">
        <v>4151</v>
      </c>
      <c r="B19259" s="6"/>
      <c r="C19259" s="6" t="s">
        <v>19295</v>
      </c>
      <c r="D19259" s="6"/>
      <c r="E19259" s="6" t="s">
        <v>9</v>
      </c>
      <c r="F19259" s="7">
        <v>38657</v>
      </c>
      <c r="G19259" s="8">
        <v>1</v>
      </c>
      <c r="H19259" s="8">
        <v>1</v>
      </c>
      <c r="I19259" s="8">
        <v>0</v>
      </c>
      <c r="J19259" s="8">
        <v>1</v>
      </c>
      <c r="K19259" s="9">
        <v>22</v>
      </c>
      <c r="L19259" s="6" t="s">
        <v>4151</v>
      </c>
    </row>
    <row r="19260" spans="1:12">
      <c r="A19260" s="6" t="s">
        <v>4151</v>
      </c>
      <c r="B19260" s="6"/>
      <c r="C19260" s="6" t="s">
        <v>19296</v>
      </c>
      <c r="D19260" s="6"/>
      <c r="E19260" s="6" t="s">
        <v>9</v>
      </c>
      <c r="F19260" s="7">
        <v>38657</v>
      </c>
      <c r="G19260" s="8">
        <v>1</v>
      </c>
      <c r="H19260" s="8">
        <v>1</v>
      </c>
      <c r="I19260" s="8">
        <v>0</v>
      </c>
      <c r="J19260" s="8">
        <v>1</v>
      </c>
      <c r="K19260" s="9">
        <v>5.44</v>
      </c>
      <c r="L19260" s="6" t="s">
        <v>4151</v>
      </c>
    </row>
    <row r="19261" spans="1:12">
      <c r="A19261" s="6" t="s">
        <v>4151</v>
      </c>
      <c r="B19261" s="6"/>
      <c r="C19261" s="6" t="s">
        <v>19297</v>
      </c>
      <c r="D19261" s="6"/>
      <c r="E19261" s="6" t="s">
        <v>9</v>
      </c>
      <c r="F19261" s="7">
        <v>38657</v>
      </c>
      <c r="G19261" s="8">
        <v>1</v>
      </c>
      <c r="H19261" s="8">
        <v>1</v>
      </c>
      <c r="I19261" s="8">
        <v>0</v>
      </c>
      <c r="J19261" s="8">
        <v>1</v>
      </c>
      <c r="K19261" s="9">
        <v>15.34</v>
      </c>
      <c r="L19261" s="6" t="s">
        <v>4151</v>
      </c>
    </row>
    <row r="19262" spans="1:12">
      <c r="A19262" s="6" t="s">
        <v>4151</v>
      </c>
      <c r="B19262" s="6"/>
      <c r="C19262" s="6" t="s">
        <v>19298</v>
      </c>
      <c r="D19262" s="6"/>
      <c r="E19262" s="6" t="s">
        <v>9</v>
      </c>
      <c r="F19262" s="7">
        <v>38657</v>
      </c>
      <c r="G19262" s="8">
        <v>1</v>
      </c>
      <c r="H19262" s="8">
        <v>1</v>
      </c>
      <c r="I19262" s="8">
        <v>0</v>
      </c>
      <c r="J19262" s="8">
        <v>1</v>
      </c>
      <c r="K19262" s="9">
        <v>22.04</v>
      </c>
      <c r="L19262" s="6" t="s">
        <v>4151</v>
      </c>
    </row>
    <row r="19263" spans="1:12">
      <c r="A19263" s="6" t="s">
        <v>4151</v>
      </c>
      <c r="B19263" s="6"/>
      <c r="C19263" s="6" t="s">
        <v>19299</v>
      </c>
      <c r="D19263" s="6"/>
      <c r="E19263" s="6" t="s">
        <v>9</v>
      </c>
      <c r="F19263" s="7">
        <v>38657</v>
      </c>
      <c r="G19263" s="8">
        <v>1</v>
      </c>
      <c r="H19263" s="8">
        <v>1</v>
      </c>
      <c r="I19263" s="8">
        <v>0</v>
      </c>
      <c r="J19263" s="8">
        <v>1</v>
      </c>
      <c r="K19263" s="9">
        <v>13.17</v>
      </c>
      <c r="L19263" s="6" t="s">
        <v>4151</v>
      </c>
    </row>
    <row r="19264" spans="1:12">
      <c r="A19264" s="6" t="s">
        <v>4151</v>
      </c>
      <c r="B19264" s="6"/>
      <c r="C19264" s="6" t="s">
        <v>19300</v>
      </c>
      <c r="D19264" s="6"/>
      <c r="E19264" s="6" t="s">
        <v>9</v>
      </c>
      <c r="F19264" s="7">
        <v>38657</v>
      </c>
      <c r="G19264" s="8">
        <v>1</v>
      </c>
      <c r="H19264" s="8">
        <v>1</v>
      </c>
      <c r="I19264" s="8">
        <v>0</v>
      </c>
      <c r="J19264" s="8">
        <v>1</v>
      </c>
      <c r="K19264" s="9">
        <v>8.77</v>
      </c>
      <c r="L19264" s="6" t="s">
        <v>4151</v>
      </c>
    </row>
    <row r="19265" spans="1:12">
      <c r="A19265" s="6" t="s">
        <v>4151</v>
      </c>
      <c r="B19265" s="6"/>
      <c r="C19265" s="6" t="s">
        <v>19301</v>
      </c>
      <c r="D19265" s="6"/>
      <c r="E19265" s="6" t="s">
        <v>9</v>
      </c>
      <c r="F19265" s="7">
        <v>38657</v>
      </c>
      <c r="G19265" s="8">
        <v>1</v>
      </c>
      <c r="H19265" s="8">
        <v>1</v>
      </c>
      <c r="I19265" s="8">
        <v>0</v>
      </c>
      <c r="J19265" s="8">
        <v>1</v>
      </c>
      <c r="K19265" s="9">
        <v>21.95</v>
      </c>
      <c r="L19265" s="6" t="s">
        <v>4151</v>
      </c>
    </row>
    <row r="19266" spans="1:12">
      <c r="A19266" s="6" t="s">
        <v>4151</v>
      </c>
      <c r="B19266" s="6"/>
      <c r="C19266" s="6" t="s">
        <v>19302</v>
      </c>
      <c r="D19266" s="6"/>
      <c r="E19266" s="6" t="s">
        <v>9</v>
      </c>
      <c r="F19266" s="7">
        <v>38657</v>
      </c>
      <c r="G19266" s="8">
        <v>1</v>
      </c>
      <c r="H19266" s="8">
        <v>1</v>
      </c>
      <c r="I19266" s="8">
        <v>0</v>
      </c>
      <c r="J19266" s="8">
        <v>1</v>
      </c>
      <c r="K19266" s="9">
        <v>22.04</v>
      </c>
      <c r="L19266" s="6" t="s">
        <v>4151</v>
      </c>
    </row>
    <row r="19267" spans="1:12">
      <c r="A19267" s="6" t="s">
        <v>4151</v>
      </c>
      <c r="B19267" s="6"/>
      <c r="C19267" s="6" t="s">
        <v>19303</v>
      </c>
      <c r="D19267" s="6"/>
      <c r="E19267" s="6" t="s">
        <v>9</v>
      </c>
      <c r="F19267" s="7">
        <v>38657</v>
      </c>
      <c r="G19267" s="8">
        <v>1</v>
      </c>
      <c r="H19267" s="8">
        <v>1</v>
      </c>
      <c r="I19267" s="8">
        <v>0</v>
      </c>
      <c r="J19267" s="8">
        <v>1</v>
      </c>
      <c r="K19267" s="9">
        <v>5.97</v>
      </c>
      <c r="L19267" s="6" t="s">
        <v>4151</v>
      </c>
    </row>
    <row r="19268" spans="1:12">
      <c r="A19268" s="6" t="s">
        <v>4151</v>
      </c>
      <c r="B19268" s="6"/>
      <c r="C19268" s="6" t="s">
        <v>19304</v>
      </c>
      <c r="D19268" s="6"/>
      <c r="E19268" s="6" t="s">
        <v>9</v>
      </c>
      <c r="F19268" s="7">
        <v>38657</v>
      </c>
      <c r="G19268" s="8">
        <v>1</v>
      </c>
      <c r="H19268" s="8">
        <v>1</v>
      </c>
      <c r="I19268" s="8">
        <v>0</v>
      </c>
      <c r="J19268" s="8">
        <v>1</v>
      </c>
      <c r="K19268" s="9">
        <v>20.65</v>
      </c>
      <c r="L19268" s="6" t="s">
        <v>4151</v>
      </c>
    </row>
    <row r="19269" spans="1:12">
      <c r="A19269" s="6" t="s">
        <v>4151</v>
      </c>
      <c r="B19269" s="6"/>
      <c r="C19269" s="6" t="s">
        <v>19305</v>
      </c>
      <c r="D19269" s="6"/>
      <c r="E19269" s="6" t="s">
        <v>9</v>
      </c>
      <c r="F19269" s="7">
        <v>38657</v>
      </c>
      <c r="G19269" s="8">
        <v>1</v>
      </c>
      <c r="H19269" s="8">
        <v>1</v>
      </c>
      <c r="I19269" s="8">
        <v>0</v>
      </c>
      <c r="J19269" s="8">
        <v>1</v>
      </c>
      <c r="K19269" s="9">
        <v>1.38</v>
      </c>
      <c r="L19269" s="6" t="s">
        <v>4151</v>
      </c>
    </row>
    <row r="19270" spans="1:12">
      <c r="A19270" s="6" t="s">
        <v>4151</v>
      </c>
      <c r="B19270" s="6"/>
      <c r="C19270" s="6" t="s">
        <v>19306</v>
      </c>
      <c r="D19270" s="6"/>
      <c r="E19270" s="6" t="s">
        <v>9</v>
      </c>
      <c r="F19270" s="7">
        <v>38657</v>
      </c>
      <c r="G19270" s="8">
        <v>1</v>
      </c>
      <c r="H19270" s="8">
        <v>1</v>
      </c>
      <c r="I19270" s="8">
        <v>0</v>
      </c>
      <c r="J19270" s="8">
        <v>1</v>
      </c>
      <c r="K19270" s="9">
        <v>4.93</v>
      </c>
      <c r="L19270" s="6" t="s">
        <v>4151</v>
      </c>
    </row>
    <row r="19271" spans="1:12">
      <c r="A19271" s="6" t="s">
        <v>4151</v>
      </c>
      <c r="B19271" s="6"/>
      <c r="C19271" s="6" t="s">
        <v>19307</v>
      </c>
      <c r="D19271" s="6"/>
      <c r="E19271" s="6" t="s">
        <v>9</v>
      </c>
      <c r="F19271" s="7">
        <v>38657</v>
      </c>
      <c r="G19271" s="8">
        <v>1</v>
      </c>
      <c r="H19271" s="8">
        <v>1</v>
      </c>
      <c r="I19271" s="8">
        <v>0</v>
      </c>
      <c r="J19271" s="8">
        <v>1</v>
      </c>
      <c r="K19271" s="9">
        <v>17.13</v>
      </c>
      <c r="L19271" s="6" t="s">
        <v>4151</v>
      </c>
    </row>
    <row r="19272" spans="1:12">
      <c r="A19272" s="6" t="s">
        <v>4151</v>
      </c>
      <c r="B19272" s="6"/>
      <c r="C19272" s="6" t="s">
        <v>19308</v>
      </c>
      <c r="D19272" s="6"/>
      <c r="E19272" s="6" t="s">
        <v>9</v>
      </c>
      <c r="F19272" s="7">
        <v>38657</v>
      </c>
      <c r="G19272" s="8">
        <v>1</v>
      </c>
      <c r="H19272" s="8">
        <v>1</v>
      </c>
      <c r="I19272" s="8">
        <v>0</v>
      </c>
      <c r="J19272" s="8">
        <v>1</v>
      </c>
      <c r="K19272" s="9">
        <v>22</v>
      </c>
      <c r="L19272" s="6" t="s">
        <v>4151</v>
      </c>
    </row>
    <row r="19273" spans="1:12">
      <c r="A19273" s="6" t="s">
        <v>4151</v>
      </c>
      <c r="B19273" s="6"/>
      <c r="C19273" s="6" t="s">
        <v>19309</v>
      </c>
      <c r="D19273" s="6"/>
      <c r="E19273" s="6" t="s">
        <v>9</v>
      </c>
      <c r="F19273" s="7">
        <v>38657</v>
      </c>
      <c r="G19273" s="8">
        <v>1</v>
      </c>
      <c r="H19273" s="8">
        <v>1</v>
      </c>
      <c r="I19273" s="8">
        <v>0</v>
      </c>
      <c r="J19273" s="8">
        <v>1</v>
      </c>
      <c r="K19273" s="9">
        <v>9.68</v>
      </c>
      <c r="L19273" s="6" t="s">
        <v>4151</v>
      </c>
    </row>
    <row r="19274" spans="1:12">
      <c r="A19274" s="6" t="s">
        <v>4151</v>
      </c>
      <c r="B19274" s="6"/>
      <c r="C19274" s="6" t="s">
        <v>19310</v>
      </c>
      <c r="D19274" s="6"/>
      <c r="E19274" s="6" t="s">
        <v>9</v>
      </c>
      <c r="F19274" s="7">
        <v>38657</v>
      </c>
      <c r="G19274" s="8">
        <v>1</v>
      </c>
      <c r="H19274" s="8">
        <v>1</v>
      </c>
      <c r="I19274" s="8">
        <v>0</v>
      </c>
      <c r="J19274" s="8">
        <v>1</v>
      </c>
      <c r="K19274" s="9">
        <v>12.31</v>
      </c>
      <c r="L19274" s="6" t="s">
        <v>4151</v>
      </c>
    </row>
    <row r="19275" spans="1:12">
      <c r="A19275" s="6" t="s">
        <v>4151</v>
      </c>
      <c r="B19275" s="6"/>
      <c r="C19275" s="6" t="s">
        <v>19311</v>
      </c>
      <c r="D19275" s="6"/>
      <c r="E19275" s="6" t="s">
        <v>9</v>
      </c>
      <c r="F19275" s="7">
        <v>38657</v>
      </c>
      <c r="G19275" s="8">
        <v>1</v>
      </c>
      <c r="H19275" s="8">
        <v>1</v>
      </c>
      <c r="I19275" s="8">
        <v>0</v>
      </c>
      <c r="J19275" s="8">
        <v>1</v>
      </c>
      <c r="K19275" s="9">
        <v>21.99</v>
      </c>
      <c r="L19275" s="6" t="s">
        <v>4151</v>
      </c>
    </row>
    <row r="19276" spans="1:12">
      <c r="A19276" s="6" t="s">
        <v>4151</v>
      </c>
      <c r="B19276" s="6"/>
      <c r="C19276" s="6" t="s">
        <v>19312</v>
      </c>
      <c r="D19276" s="6"/>
      <c r="E19276" s="6" t="s">
        <v>9</v>
      </c>
      <c r="F19276" s="7">
        <v>38657</v>
      </c>
      <c r="G19276" s="8">
        <v>1</v>
      </c>
      <c r="H19276" s="8">
        <v>1</v>
      </c>
      <c r="I19276" s="8">
        <v>0</v>
      </c>
      <c r="J19276" s="8">
        <v>1</v>
      </c>
      <c r="K19276" s="9">
        <v>21.99</v>
      </c>
      <c r="L19276" s="6" t="s">
        <v>4151</v>
      </c>
    </row>
    <row r="19277" spans="1:12">
      <c r="A19277" s="6" t="s">
        <v>4151</v>
      </c>
      <c r="B19277" s="6"/>
      <c r="C19277" s="6" t="s">
        <v>19313</v>
      </c>
      <c r="D19277" s="6"/>
      <c r="E19277" s="6" t="s">
        <v>9</v>
      </c>
      <c r="F19277" s="7">
        <v>38657</v>
      </c>
      <c r="G19277" s="8">
        <v>1</v>
      </c>
      <c r="H19277" s="8">
        <v>1</v>
      </c>
      <c r="I19277" s="8">
        <v>0</v>
      </c>
      <c r="J19277" s="8">
        <v>1</v>
      </c>
      <c r="K19277" s="9">
        <v>19.14</v>
      </c>
      <c r="L19277" s="6" t="s">
        <v>4151</v>
      </c>
    </row>
    <row r="19278" spans="1:12">
      <c r="A19278" s="6" t="s">
        <v>4151</v>
      </c>
      <c r="B19278" s="6"/>
      <c r="C19278" s="6" t="s">
        <v>19314</v>
      </c>
      <c r="D19278" s="6"/>
      <c r="E19278" s="6" t="s">
        <v>9</v>
      </c>
      <c r="F19278" s="7">
        <v>38657</v>
      </c>
      <c r="G19278" s="8">
        <v>1</v>
      </c>
      <c r="H19278" s="8">
        <v>1</v>
      </c>
      <c r="I19278" s="8">
        <v>0</v>
      </c>
      <c r="J19278" s="8">
        <v>1</v>
      </c>
      <c r="K19278" s="9">
        <v>6.49</v>
      </c>
      <c r="L19278" s="6" t="s">
        <v>4151</v>
      </c>
    </row>
    <row r="19279" spans="1:12">
      <c r="A19279" s="6" t="s">
        <v>4151</v>
      </c>
      <c r="B19279" s="6"/>
      <c r="C19279" s="6" t="s">
        <v>19315</v>
      </c>
      <c r="D19279" s="6"/>
      <c r="E19279" s="6" t="s">
        <v>9</v>
      </c>
      <c r="F19279" s="7">
        <v>38657</v>
      </c>
      <c r="G19279" s="8">
        <v>1</v>
      </c>
      <c r="H19279" s="8">
        <v>1</v>
      </c>
      <c r="I19279" s="8">
        <v>0</v>
      </c>
      <c r="J19279" s="8">
        <v>1</v>
      </c>
      <c r="K19279" s="9">
        <v>2.85</v>
      </c>
      <c r="L19279" s="6" t="s">
        <v>4151</v>
      </c>
    </row>
    <row r="19280" spans="1:12">
      <c r="A19280" s="6" t="s">
        <v>4151</v>
      </c>
      <c r="B19280" s="6"/>
      <c r="C19280" s="6" t="s">
        <v>19316</v>
      </c>
      <c r="D19280" s="6"/>
      <c r="E19280" s="6" t="s">
        <v>9</v>
      </c>
      <c r="F19280" s="7">
        <v>38657</v>
      </c>
      <c r="G19280" s="8">
        <v>1</v>
      </c>
      <c r="H19280" s="8">
        <v>1</v>
      </c>
      <c r="I19280" s="8">
        <v>0</v>
      </c>
      <c r="J19280" s="8">
        <v>1</v>
      </c>
      <c r="K19280" s="9">
        <v>21.99</v>
      </c>
      <c r="L19280" s="6" t="s">
        <v>4151</v>
      </c>
    </row>
    <row r="19281" spans="1:12">
      <c r="A19281" s="6" t="s">
        <v>4151</v>
      </c>
      <c r="B19281" s="6"/>
      <c r="C19281" s="6" t="s">
        <v>19317</v>
      </c>
      <c r="D19281" s="6"/>
      <c r="E19281" s="6" t="s">
        <v>9</v>
      </c>
      <c r="F19281" s="7">
        <v>38657</v>
      </c>
      <c r="G19281" s="8">
        <v>1</v>
      </c>
      <c r="H19281" s="8">
        <v>1</v>
      </c>
      <c r="I19281" s="8">
        <v>0</v>
      </c>
      <c r="J19281" s="8">
        <v>1</v>
      </c>
      <c r="K19281" s="9">
        <v>4.2300000000000004</v>
      </c>
      <c r="L19281" s="6" t="s">
        <v>4151</v>
      </c>
    </row>
    <row r="19282" spans="1:12">
      <c r="A19282" s="6" t="s">
        <v>4151</v>
      </c>
      <c r="B19282" s="6"/>
      <c r="C19282" s="6" t="s">
        <v>19318</v>
      </c>
      <c r="D19282" s="6"/>
      <c r="E19282" s="6" t="s">
        <v>9</v>
      </c>
      <c r="F19282" s="7">
        <v>38657</v>
      </c>
      <c r="G19282" s="8">
        <v>1</v>
      </c>
      <c r="H19282" s="8">
        <v>1</v>
      </c>
      <c r="I19282" s="8">
        <v>0</v>
      </c>
      <c r="J19282" s="8">
        <v>1</v>
      </c>
      <c r="K19282" s="9">
        <v>21</v>
      </c>
      <c r="L19282" s="6" t="s">
        <v>4151</v>
      </c>
    </row>
    <row r="19283" spans="1:12">
      <c r="A19283" s="6" t="s">
        <v>4151</v>
      </c>
      <c r="B19283" s="6"/>
      <c r="C19283" s="6" t="s">
        <v>19319</v>
      </c>
      <c r="D19283" s="6"/>
      <c r="E19283" s="6" t="s">
        <v>9</v>
      </c>
      <c r="F19283" s="7">
        <v>38657</v>
      </c>
      <c r="G19283" s="8">
        <v>1</v>
      </c>
      <c r="H19283" s="8">
        <v>1</v>
      </c>
      <c r="I19283" s="8">
        <v>0</v>
      </c>
      <c r="J19283" s="8">
        <v>1</v>
      </c>
      <c r="K19283" s="9">
        <v>97</v>
      </c>
      <c r="L19283" s="6" t="s">
        <v>4151</v>
      </c>
    </row>
    <row r="19284" spans="1:12">
      <c r="A19284" s="6" t="s">
        <v>4151</v>
      </c>
      <c r="B19284" s="6"/>
      <c r="C19284" s="6" t="s">
        <v>19320</v>
      </c>
      <c r="D19284" s="6"/>
      <c r="E19284" s="6" t="s">
        <v>9</v>
      </c>
      <c r="F19284" s="7">
        <v>38657</v>
      </c>
      <c r="G19284" s="8">
        <v>1</v>
      </c>
      <c r="H19284" s="8">
        <v>1</v>
      </c>
      <c r="I19284" s="8">
        <v>0</v>
      </c>
      <c r="J19284" s="8">
        <v>1</v>
      </c>
      <c r="K19284" s="9">
        <v>4.62</v>
      </c>
      <c r="L19284" s="6" t="s">
        <v>4151</v>
      </c>
    </row>
    <row r="19285" spans="1:12">
      <c r="A19285" s="6" t="s">
        <v>4151</v>
      </c>
      <c r="B19285" s="6"/>
      <c r="C19285" s="6" t="s">
        <v>19321</v>
      </c>
      <c r="D19285" s="6"/>
      <c r="E19285" s="6" t="s">
        <v>9</v>
      </c>
      <c r="F19285" s="7">
        <v>38657</v>
      </c>
      <c r="G19285" s="8">
        <v>1</v>
      </c>
      <c r="H19285" s="8">
        <v>1</v>
      </c>
      <c r="I19285" s="8">
        <v>0</v>
      </c>
      <c r="J19285" s="8">
        <v>1</v>
      </c>
      <c r="K19285" s="9">
        <v>15.39</v>
      </c>
      <c r="L19285" s="6" t="s">
        <v>4151</v>
      </c>
    </row>
    <row r="19286" spans="1:12">
      <c r="A19286" s="6" t="s">
        <v>4151</v>
      </c>
      <c r="B19286" s="6"/>
      <c r="C19286" s="6" t="s">
        <v>19322</v>
      </c>
      <c r="D19286" s="6"/>
      <c r="E19286" s="6" t="s">
        <v>9</v>
      </c>
      <c r="F19286" s="7">
        <v>38657</v>
      </c>
      <c r="G19286" s="8">
        <v>1</v>
      </c>
      <c r="H19286" s="8">
        <v>1</v>
      </c>
      <c r="I19286" s="8">
        <v>0</v>
      </c>
      <c r="J19286" s="8">
        <v>1</v>
      </c>
      <c r="K19286" s="9">
        <v>6.59</v>
      </c>
      <c r="L19286" s="6" t="s">
        <v>4151</v>
      </c>
    </row>
    <row r="19287" spans="1:12">
      <c r="A19287" s="6" t="s">
        <v>4151</v>
      </c>
      <c r="B19287" s="6"/>
      <c r="C19287" s="6" t="s">
        <v>19323</v>
      </c>
      <c r="D19287" s="6"/>
      <c r="E19287" s="6" t="s">
        <v>9</v>
      </c>
      <c r="F19287" s="7">
        <v>38657</v>
      </c>
      <c r="G19287" s="8">
        <v>1</v>
      </c>
      <c r="H19287" s="8">
        <v>1</v>
      </c>
      <c r="I19287" s="8">
        <v>0</v>
      </c>
      <c r="J19287" s="8">
        <v>1</v>
      </c>
      <c r="K19287" s="9">
        <v>10.99</v>
      </c>
      <c r="L19287" s="6" t="s">
        <v>4151</v>
      </c>
    </row>
    <row r="19288" spans="1:12">
      <c r="A19288" s="6" t="s">
        <v>4151</v>
      </c>
      <c r="B19288" s="6"/>
      <c r="C19288" s="6" t="s">
        <v>19324</v>
      </c>
      <c r="D19288" s="6"/>
      <c r="E19288" s="6" t="s">
        <v>9</v>
      </c>
      <c r="F19288" s="7">
        <v>38657</v>
      </c>
      <c r="G19288" s="8">
        <v>1</v>
      </c>
      <c r="H19288" s="8">
        <v>1</v>
      </c>
      <c r="I19288" s="8">
        <v>0</v>
      </c>
      <c r="J19288" s="8">
        <v>1</v>
      </c>
      <c r="K19288" s="9">
        <v>10.99</v>
      </c>
      <c r="L19288" s="6" t="s">
        <v>4151</v>
      </c>
    </row>
    <row r="19289" spans="1:12">
      <c r="A19289" s="6" t="s">
        <v>4151</v>
      </c>
      <c r="B19289" s="6"/>
      <c r="C19289" s="6" t="s">
        <v>19325</v>
      </c>
      <c r="D19289" s="6"/>
      <c r="E19289" s="6" t="s">
        <v>9</v>
      </c>
      <c r="F19289" s="7">
        <v>38657</v>
      </c>
      <c r="G19289" s="8">
        <v>1</v>
      </c>
      <c r="H19289" s="8">
        <v>1</v>
      </c>
      <c r="I19289" s="8">
        <v>0</v>
      </c>
      <c r="J19289" s="8">
        <v>1</v>
      </c>
      <c r="K19289" s="9">
        <v>19</v>
      </c>
      <c r="L19289" s="6" t="s">
        <v>4151</v>
      </c>
    </row>
    <row r="19290" spans="1:12">
      <c r="A19290" s="6" t="s">
        <v>4151</v>
      </c>
      <c r="B19290" s="6"/>
      <c r="C19290" s="6" t="s">
        <v>19326</v>
      </c>
      <c r="D19290" s="6"/>
      <c r="E19290" s="6" t="s">
        <v>9</v>
      </c>
      <c r="F19290" s="7">
        <v>38657</v>
      </c>
      <c r="G19290" s="8">
        <v>1</v>
      </c>
      <c r="H19290" s="8">
        <v>1</v>
      </c>
      <c r="I19290" s="8">
        <v>0</v>
      </c>
      <c r="J19290" s="8">
        <v>1</v>
      </c>
      <c r="K19290" s="9">
        <v>8.76</v>
      </c>
      <c r="L19290" s="6" t="s">
        <v>4151</v>
      </c>
    </row>
    <row r="19291" spans="1:12">
      <c r="A19291" s="6" t="s">
        <v>4151</v>
      </c>
      <c r="B19291" s="6"/>
      <c r="C19291" s="6" t="s">
        <v>19327</v>
      </c>
      <c r="D19291" s="6"/>
      <c r="E19291" s="6" t="s">
        <v>9</v>
      </c>
      <c r="F19291" s="7">
        <v>38657</v>
      </c>
      <c r="G19291" s="8">
        <v>1</v>
      </c>
      <c r="H19291" s="8">
        <v>1</v>
      </c>
      <c r="I19291" s="8">
        <v>0</v>
      </c>
      <c r="J19291" s="8">
        <v>1</v>
      </c>
      <c r="K19291" s="9">
        <v>21.99</v>
      </c>
      <c r="L19291" s="6" t="s">
        <v>4151</v>
      </c>
    </row>
    <row r="19292" spans="1:12">
      <c r="A19292" s="6" t="s">
        <v>4151</v>
      </c>
      <c r="B19292" s="6"/>
      <c r="C19292" s="6" t="s">
        <v>19328</v>
      </c>
      <c r="D19292" s="6"/>
      <c r="E19292" s="6" t="s">
        <v>9</v>
      </c>
      <c r="F19292" s="7">
        <v>38657</v>
      </c>
      <c r="G19292" s="8">
        <v>1</v>
      </c>
      <c r="H19292" s="8">
        <v>1</v>
      </c>
      <c r="I19292" s="8">
        <v>0</v>
      </c>
      <c r="J19292" s="8">
        <v>1</v>
      </c>
      <c r="K19292" s="9">
        <v>21.99</v>
      </c>
      <c r="L19292" s="6" t="s">
        <v>4151</v>
      </c>
    </row>
    <row r="19293" spans="1:12">
      <c r="A19293" s="6" t="s">
        <v>4151</v>
      </c>
      <c r="B19293" s="6"/>
      <c r="C19293" s="6" t="s">
        <v>19329</v>
      </c>
      <c r="D19293" s="6"/>
      <c r="E19293" s="6" t="s">
        <v>9</v>
      </c>
      <c r="F19293" s="7">
        <v>38657</v>
      </c>
      <c r="G19293" s="8">
        <v>1</v>
      </c>
      <c r="H19293" s="8">
        <v>1</v>
      </c>
      <c r="I19293" s="8">
        <v>0</v>
      </c>
      <c r="J19293" s="8">
        <v>1</v>
      </c>
      <c r="K19293" s="9">
        <v>21.99</v>
      </c>
      <c r="L19293" s="6" t="s">
        <v>4151</v>
      </c>
    </row>
    <row r="19294" spans="1:12">
      <c r="A19294" s="6" t="s">
        <v>4151</v>
      </c>
      <c r="B19294" s="6"/>
      <c r="C19294" s="6" t="s">
        <v>19330</v>
      </c>
      <c r="D19294" s="6"/>
      <c r="E19294" s="6" t="s">
        <v>9</v>
      </c>
      <c r="F19294" s="7">
        <v>38657</v>
      </c>
      <c r="G19294" s="8">
        <v>1</v>
      </c>
      <c r="H19294" s="8">
        <v>1</v>
      </c>
      <c r="I19294" s="8">
        <v>0</v>
      </c>
      <c r="J19294" s="8">
        <v>1</v>
      </c>
      <c r="K19294" s="9">
        <v>21.99</v>
      </c>
      <c r="L19294" s="6" t="s">
        <v>4151</v>
      </c>
    </row>
    <row r="19295" spans="1:12">
      <c r="A19295" s="6" t="s">
        <v>4151</v>
      </c>
      <c r="B19295" s="6"/>
      <c r="C19295" s="6" t="s">
        <v>19331</v>
      </c>
      <c r="D19295" s="6"/>
      <c r="E19295" s="6" t="s">
        <v>9</v>
      </c>
      <c r="F19295" s="7">
        <v>38657</v>
      </c>
      <c r="G19295" s="8">
        <v>1</v>
      </c>
      <c r="H19295" s="8">
        <v>1</v>
      </c>
      <c r="I19295" s="8">
        <v>0</v>
      </c>
      <c r="J19295" s="8">
        <v>1</v>
      </c>
      <c r="K19295" s="9">
        <v>6.59</v>
      </c>
      <c r="L19295" s="6" t="s">
        <v>4151</v>
      </c>
    </row>
    <row r="19296" spans="1:12">
      <c r="A19296" s="6" t="s">
        <v>4151</v>
      </c>
      <c r="B19296" s="6"/>
      <c r="C19296" s="6" t="s">
        <v>19332</v>
      </c>
      <c r="D19296" s="6"/>
      <c r="E19296" s="6" t="s">
        <v>9</v>
      </c>
      <c r="F19296" s="7">
        <v>38657</v>
      </c>
      <c r="G19296" s="8">
        <v>1</v>
      </c>
      <c r="H19296" s="8">
        <v>1</v>
      </c>
      <c r="I19296" s="8">
        <v>0</v>
      </c>
      <c r="J19296" s="8">
        <v>1</v>
      </c>
      <c r="K19296" s="9">
        <v>15.39</v>
      </c>
      <c r="L19296" s="6" t="s">
        <v>4151</v>
      </c>
    </row>
    <row r="19297" spans="1:12">
      <c r="A19297" s="6" t="s">
        <v>4151</v>
      </c>
      <c r="B19297" s="6"/>
      <c r="C19297" s="6" t="s">
        <v>19333</v>
      </c>
      <c r="D19297" s="6"/>
      <c r="E19297" s="6" t="s">
        <v>9</v>
      </c>
      <c r="F19297" s="7">
        <v>38657</v>
      </c>
      <c r="G19297" s="8">
        <v>1</v>
      </c>
      <c r="H19297" s="8">
        <v>1</v>
      </c>
      <c r="I19297" s="8">
        <v>0</v>
      </c>
      <c r="J19297" s="8">
        <v>1</v>
      </c>
      <c r="K19297" s="9">
        <v>19.13</v>
      </c>
      <c r="L19297" s="6" t="s">
        <v>4151</v>
      </c>
    </row>
    <row r="19298" spans="1:12">
      <c r="A19298" s="6" t="s">
        <v>4151</v>
      </c>
      <c r="B19298" s="6"/>
      <c r="C19298" s="6" t="s">
        <v>19334</v>
      </c>
      <c r="D19298" s="6"/>
      <c r="E19298" s="6" t="s">
        <v>9</v>
      </c>
      <c r="F19298" s="7">
        <v>38657</v>
      </c>
      <c r="G19298" s="8">
        <v>1</v>
      </c>
      <c r="H19298" s="8">
        <v>1</v>
      </c>
      <c r="I19298" s="8">
        <v>0</v>
      </c>
      <c r="J19298" s="8">
        <v>1</v>
      </c>
      <c r="K19298" s="9">
        <v>14.95</v>
      </c>
      <c r="L19298" s="6" t="s">
        <v>4151</v>
      </c>
    </row>
    <row r="19299" spans="1:12">
      <c r="A19299" s="6" t="s">
        <v>4151</v>
      </c>
      <c r="B19299" s="6"/>
      <c r="C19299" s="6" t="s">
        <v>19335</v>
      </c>
      <c r="D19299" s="6"/>
      <c r="E19299" s="6" t="s">
        <v>9</v>
      </c>
      <c r="F19299" s="7">
        <v>38657</v>
      </c>
      <c r="G19299" s="8">
        <v>1</v>
      </c>
      <c r="H19299" s="8">
        <v>1</v>
      </c>
      <c r="I19299" s="8">
        <v>0</v>
      </c>
      <c r="J19299" s="8">
        <v>1</v>
      </c>
      <c r="K19299" s="9">
        <v>12.1</v>
      </c>
      <c r="L19299" s="6" t="s">
        <v>4151</v>
      </c>
    </row>
    <row r="19300" spans="1:12">
      <c r="A19300" s="6" t="s">
        <v>4151</v>
      </c>
      <c r="B19300" s="6"/>
      <c r="C19300" s="6" t="s">
        <v>19336</v>
      </c>
      <c r="D19300" s="6"/>
      <c r="E19300" s="6" t="s">
        <v>9</v>
      </c>
      <c r="F19300" s="7">
        <v>38657</v>
      </c>
      <c r="G19300" s="8">
        <v>1</v>
      </c>
      <c r="H19300" s="8">
        <v>1</v>
      </c>
      <c r="I19300" s="8">
        <v>0</v>
      </c>
      <c r="J19300" s="8">
        <v>1</v>
      </c>
      <c r="K19300" s="9">
        <v>19.79</v>
      </c>
      <c r="L19300" s="6" t="s">
        <v>4151</v>
      </c>
    </row>
    <row r="19301" spans="1:12">
      <c r="A19301" s="6" t="s">
        <v>4151</v>
      </c>
      <c r="B19301" s="6"/>
      <c r="C19301" s="6" t="s">
        <v>19337</v>
      </c>
      <c r="D19301" s="6"/>
      <c r="E19301" s="6" t="s">
        <v>9</v>
      </c>
      <c r="F19301" s="7">
        <v>38657</v>
      </c>
      <c r="G19301" s="8">
        <v>1</v>
      </c>
      <c r="H19301" s="8">
        <v>1</v>
      </c>
      <c r="I19301" s="8">
        <v>0</v>
      </c>
      <c r="J19301" s="8">
        <v>1</v>
      </c>
      <c r="K19301" s="9">
        <v>3.51</v>
      </c>
      <c r="L19301" s="6" t="s">
        <v>4151</v>
      </c>
    </row>
    <row r="19302" spans="1:12">
      <c r="A19302" s="6" t="s">
        <v>4151</v>
      </c>
      <c r="B19302" s="6"/>
      <c r="C19302" s="6" t="s">
        <v>19338</v>
      </c>
      <c r="D19302" s="6"/>
      <c r="E19302" s="6" t="s">
        <v>9</v>
      </c>
      <c r="F19302" s="7">
        <v>38657</v>
      </c>
      <c r="G19302" s="8">
        <v>1</v>
      </c>
      <c r="H19302" s="8">
        <v>1</v>
      </c>
      <c r="I19302" s="8">
        <v>0</v>
      </c>
      <c r="J19302" s="8">
        <v>1</v>
      </c>
      <c r="K19302" s="9">
        <v>21.99</v>
      </c>
      <c r="L19302" s="6" t="s">
        <v>4151</v>
      </c>
    </row>
    <row r="19303" spans="1:12">
      <c r="A19303" s="6" t="s">
        <v>4151</v>
      </c>
      <c r="B19303" s="6"/>
      <c r="C19303" s="6" t="s">
        <v>19339</v>
      </c>
      <c r="D19303" s="6"/>
      <c r="E19303" s="6" t="s">
        <v>9</v>
      </c>
      <c r="F19303" s="7">
        <v>38657</v>
      </c>
      <c r="G19303" s="8">
        <v>1</v>
      </c>
      <c r="H19303" s="8">
        <v>1</v>
      </c>
      <c r="I19303" s="8">
        <v>0</v>
      </c>
      <c r="J19303" s="8">
        <v>1</v>
      </c>
      <c r="K19303" s="9">
        <v>21.99</v>
      </c>
      <c r="L19303" s="6" t="s">
        <v>4151</v>
      </c>
    </row>
    <row r="19304" spans="1:12">
      <c r="A19304" s="6" t="s">
        <v>4151</v>
      </c>
      <c r="B19304" s="6"/>
      <c r="C19304" s="6" t="s">
        <v>19340</v>
      </c>
      <c r="D19304" s="6"/>
      <c r="E19304" s="6" t="s">
        <v>9</v>
      </c>
      <c r="F19304" s="7">
        <v>38657</v>
      </c>
      <c r="G19304" s="8">
        <v>1</v>
      </c>
      <c r="H19304" s="8">
        <v>1</v>
      </c>
      <c r="I19304" s="8">
        <v>0</v>
      </c>
      <c r="J19304" s="8">
        <v>1</v>
      </c>
      <c r="K19304" s="9">
        <v>21.99</v>
      </c>
      <c r="L19304" s="6" t="s">
        <v>4151</v>
      </c>
    </row>
    <row r="19305" spans="1:12">
      <c r="A19305" s="6" t="s">
        <v>4151</v>
      </c>
      <c r="B19305" s="6"/>
      <c r="C19305" s="6" t="s">
        <v>19341</v>
      </c>
      <c r="D19305" s="6"/>
      <c r="E19305" s="6" t="s">
        <v>9</v>
      </c>
      <c r="F19305" s="7">
        <v>38657</v>
      </c>
      <c r="G19305" s="8">
        <v>1</v>
      </c>
      <c r="H19305" s="8">
        <v>1</v>
      </c>
      <c r="I19305" s="8">
        <v>0</v>
      </c>
      <c r="J19305" s="8">
        <v>1</v>
      </c>
      <c r="K19305" s="9">
        <v>8.7899999999999903</v>
      </c>
      <c r="L19305" s="6" t="s">
        <v>4151</v>
      </c>
    </row>
    <row r="19306" spans="1:12">
      <c r="A19306" s="6" t="s">
        <v>4151</v>
      </c>
      <c r="B19306" s="6"/>
      <c r="C19306" s="6" t="s">
        <v>19342</v>
      </c>
      <c r="D19306" s="6"/>
      <c r="E19306" s="6" t="s">
        <v>9</v>
      </c>
      <c r="F19306" s="7">
        <v>38657</v>
      </c>
      <c r="G19306" s="8">
        <v>1</v>
      </c>
      <c r="H19306" s="8">
        <v>1</v>
      </c>
      <c r="I19306" s="8">
        <v>0</v>
      </c>
      <c r="J19306" s="8">
        <v>1</v>
      </c>
      <c r="K19306" s="9">
        <v>18</v>
      </c>
      <c r="L19306" s="6" t="s">
        <v>4151</v>
      </c>
    </row>
    <row r="19307" spans="1:12">
      <c r="A19307" s="6" t="s">
        <v>4151</v>
      </c>
      <c r="B19307" s="6"/>
      <c r="C19307" s="6" t="s">
        <v>19343</v>
      </c>
      <c r="D19307" s="6"/>
      <c r="E19307" s="6" t="s">
        <v>9</v>
      </c>
      <c r="F19307" s="7">
        <v>38657</v>
      </c>
      <c r="G19307" s="8">
        <v>1</v>
      </c>
      <c r="H19307" s="8">
        <v>1</v>
      </c>
      <c r="I19307" s="8">
        <v>0</v>
      </c>
      <c r="J19307" s="8">
        <v>1</v>
      </c>
      <c r="K19307" s="9">
        <v>19</v>
      </c>
      <c r="L19307" s="6" t="s">
        <v>4151</v>
      </c>
    </row>
    <row r="19308" spans="1:12">
      <c r="A19308" s="6" t="s">
        <v>4151</v>
      </c>
      <c r="B19308" s="6"/>
      <c r="C19308" s="6" t="s">
        <v>19344</v>
      </c>
      <c r="D19308" s="6"/>
      <c r="E19308" s="6" t="s">
        <v>9</v>
      </c>
      <c r="F19308" s="7">
        <v>38657</v>
      </c>
      <c r="G19308" s="8">
        <v>1</v>
      </c>
      <c r="H19308" s="8">
        <v>1</v>
      </c>
      <c r="I19308" s="8">
        <v>0</v>
      </c>
      <c r="J19308" s="8">
        <v>1</v>
      </c>
      <c r="K19308" s="9">
        <v>19</v>
      </c>
      <c r="L19308" s="6" t="s">
        <v>4151</v>
      </c>
    </row>
    <row r="19309" spans="1:12">
      <c r="A19309" s="6" t="s">
        <v>4151</v>
      </c>
      <c r="B19309" s="6"/>
      <c r="C19309" s="6" t="s">
        <v>19345</v>
      </c>
      <c r="D19309" s="6"/>
      <c r="E19309" s="6" t="s">
        <v>9</v>
      </c>
      <c r="F19309" s="7">
        <v>38657</v>
      </c>
      <c r="G19309" s="8">
        <v>1</v>
      </c>
      <c r="H19309" s="8">
        <v>1</v>
      </c>
      <c r="I19309" s="8">
        <v>0</v>
      </c>
      <c r="J19309" s="8">
        <v>1</v>
      </c>
      <c r="K19309" s="9">
        <v>21</v>
      </c>
      <c r="L19309" s="6" t="s">
        <v>4151</v>
      </c>
    </row>
    <row r="19310" spans="1:12">
      <c r="A19310" s="6" t="s">
        <v>4151</v>
      </c>
      <c r="B19310" s="6"/>
      <c r="C19310" s="6" t="s">
        <v>19346</v>
      </c>
      <c r="D19310" s="6"/>
      <c r="E19310" s="6" t="s">
        <v>9</v>
      </c>
      <c r="F19310" s="7">
        <v>38657</v>
      </c>
      <c r="G19310" s="8">
        <v>1</v>
      </c>
      <c r="H19310" s="8">
        <v>1</v>
      </c>
      <c r="I19310" s="8">
        <v>0</v>
      </c>
      <c r="J19310" s="8">
        <v>1</v>
      </c>
      <c r="K19310" s="9">
        <v>13</v>
      </c>
      <c r="L19310" s="6" t="s">
        <v>4151</v>
      </c>
    </row>
    <row r="19311" spans="1:12">
      <c r="A19311" s="6" t="s">
        <v>4151</v>
      </c>
      <c r="B19311" s="6"/>
      <c r="C19311" s="6" t="s">
        <v>19347</v>
      </c>
      <c r="D19311" s="6"/>
      <c r="E19311" s="6" t="s">
        <v>9</v>
      </c>
      <c r="F19311" s="7">
        <v>38657</v>
      </c>
      <c r="G19311" s="8">
        <v>1</v>
      </c>
      <c r="H19311" s="8">
        <v>1</v>
      </c>
      <c r="I19311" s="8">
        <v>0</v>
      </c>
      <c r="J19311" s="8">
        <v>1</v>
      </c>
      <c r="K19311" s="9">
        <v>13</v>
      </c>
      <c r="L19311" s="6" t="s">
        <v>4151</v>
      </c>
    </row>
    <row r="19312" spans="1:12">
      <c r="A19312" s="6" t="s">
        <v>4151</v>
      </c>
      <c r="B19312" s="6"/>
      <c r="C19312" s="6" t="s">
        <v>19348</v>
      </c>
      <c r="D19312" s="6"/>
      <c r="E19312" s="6" t="s">
        <v>9</v>
      </c>
      <c r="F19312" s="7">
        <v>38657</v>
      </c>
      <c r="G19312" s="8">
        <v>1</v>
      </c>
      <c r="H19312" s="8">
        <v>1</v>
      </c>
      <c r="I19312" s="8">
        <v>0</v>
      </c>
      <c r="J19312" s="8">
        <v>1</v>
      </c>
      <c r="K19312" s="9">
        <v>3.76</v>
      </c>
      <c r="L19312" s="6" t="s">
        <v>4151</v>
      </c>
    </row>
    <row r="19313" spans="1:12">
      <c r="A19313" s="6" t="s">
        <v>4151</v>
      </c>
      <c r="B19313" s="6"/>
      <c r="C19313" s="6" t="s">
        <v>19349</v>
      </c>
      <c r="D19313" s="6"/>
      <c r="E19313" s="6" t="s">
        <v>9</v>
      </c>
      <c r="F19313" s="7">
        <v>38657</v>
      </c>
      <c r="G19313" s="8">
        <v>1</v>
      </c>
      <c r="H19313" s="8">
        <v>1</v>
      </c>
      <c r="I19313" s="8">
        <v>0</v>
      </c>
      <c r="J19313" s="8">
        <v>1</v>
      </c>
      <c r="K19313" s="9">
        <v>16</v>
      </c>
      <c r="L19313" s="6" t="s">
        <v>4151</v>
      </c>
    </row>
    <row r="19314" spans="1:12">
      <c r="A19314" s="6" t="s">
        <v>4151</v>
      </c>
      <c r="B19314" s="6"/>
      <c r="C19314" s="6" t="s">
        <v>19350</v>
      </c>
      <c r="D19314" s="6"/>
      <c r="E19314" s="6" t="s">
        <v>9</v>
      </c>
      <c r="F19314" s="7">
        <v>38657</v>
      </c>
      <c r="G19314" s="8">
        <v>1</v>
      </c>
      <c r="H19314" s="8">
        <v>1</v>
      </c>
      <c r="I19314" s="8">
        <v>0</v>
      </c>
      <c r="J19314" s="8">
        <v>1</v>
      </c>
      <c r="K19314" s="9">
        <v>13</v>
      </c>
      <c r="L19314" s="6" t="s">
        <v>4151</v>
      </c>
    </row>
    <row r="19315" spans="1:12">
      <c r="A19315" s="6" t="s">
        <v>4151</v>
      </c>
      <c r="B19315" s="6"/>
      <c r="C19315" s="6" t="s">
        <v>19351</v>
      </c>
      <c r="D19315" s="6"/>
      <c r="E19315" s="6" t="s">
        <v>9</v>
      </c>
      <c r="F19315" s="7">
        <v>38657</v>
      </c>
      <c r="G19315" s="8">
        <v>1</v>
      </c>
      <c r="H19315" s="8">
        <v>1</v>
      </c>
      <c r="I19315" s="8">
        <v>0</v>
      </c>
      <c r="J19315" s="8">
        <v>1</v>
      </c>
      <c r="K19315" s="9">
        <v>23</v>
      </c>
      <c r="L19315" s="6" t="s">
        <v>4151</v>
      </c>
    </row>
    <row r="19316" spans="1:12">
      <c r="A19316" s="6" t="s">
        <v>4151</v>
      </c>
      <c r="B19316" s="6"/>
      <c r="C19316" s="6" t="s">
        <v>19352</v>
      </c>
      <c r="D19316" s="6"/>
      <c r="E19316" s="6" t="s">
        <v>9</v>
      </c>
      <c r="F19316" s="7">
        <v>38657</v>
      </c>
      <c r="G19316" s="8">
        <v>1</v>
      </c>
      <c r="H19316" s="8">
        <v>1</v>
      </c>
      <c r="I19316" s="8">
        <v>0</v>
      </c>
      <c r="J19316" s="8">
        <v>1</v>
      </c>
      <c r="K19316" s="9">
        <v>19</v>
      </c>
      <c r="L19316" s="6" t="s">
        <v>4151</v>
      </c>
    </row>
    <row r="19317" spans="1:12">
      <c r="A19317" s="6" t="s">
        <v>4151</v>
      </c>
      <c r="B19317" s="6"/>
      <c r="C19317" s="6" t="s">
        <v>19353</v>
      </c>
      <c r="D19317" s="6"/>
      <c r="E19317" s="6" t="s">
        <v>9</v>
      </c>
      <c r="F19317" s="7">
        <v>38657</v>
      </c>
      <c r="G19317" s="8">
        <v>1</v>
      </c>
      <c r="H19317" s="8">
        <v>1</v>
      </c>
      <c r="I19317" s="8">
        <v>0</v>
      </c>
      <c r="J19317" s="8">
        <v>1</v>
      </c>
      <c r="K19317" s="9">
        <v>24</v>
      </c>
      <c r="L19317" s="6" t="s">
        <v>4151</v>
      </c>
    </row>
    <row r="19318" spans="1:12">
      <c r="A19318" s="6" t="s">
        <v>4151</v>
      </c>
      <c r="B19318" s="6"/>
      <c r="C19318" s="6" t="s">
        <v>19354</v>
      </c>
      <c r="D19318" s="6"/>
      <c r="E19318" s="6" t="s">
        <v>9</v>
      </c>
      <c r="F19318" s="7">
        <v>38657</v>
      </c>
      <c r="G19318" s="8">
        <v>1</v>
      </c>
      <c r="H19318" s="8">
        <v>1</v>
      </c>
      <c r="I19318" s="8">
        <v>0</v>
      </c>
      <c r="J19318" s="8">
        <v>1</v>
      </c>
      <c r="K19318" s="9">
        <v>18</v>
      </c>
      <c r="L19318" s="6" t="s">
        <v>4151</v>
      </c>
    </row>
    <row r="19319" spans="1:12">
      <c r="A19319" s="6" t="s">
        <v>4151</v>
      </c>
      <c r="B19319" s="6"/>
      <c r="C19319" s="6" t="s">
        <v>19355</v>
      </c>
      <c r="D19319" s="6"/>
      <c r="E19319" s="6" t="s">
        <v>9</v>
      </c>
      <c r="F19319" s="7">
        <v>38657</v>
      </c>
      <c r="G19319" s="8">
        <v>1</v>
      </c>
      <c r="H19319" s="8">
        <v>1</v>
      </c>
      <c r="I19319" s="8">
        <v>0</v>
      </c>
      <c r="J19319" s="8">
        <v>1</v>
      </c>
      <c r="K19319" s="9">
        <v>3.27</v>
      </c>
      <c r="L19319" s="6" t="s">
        <v>4151</v>
      </c>
    </row>
    <row r="19320" spans="1:12">
      <c r="A19320" s="6" t="s">
        <v>4151</v>
      </c>
      <c r="B19320" s="6"/>
      <c r="C19320" s="6" t="s">
        <v>19356</v>
      </c>
      <c r="D19320" s="6"/>
      <c r="E19320" s="6" t="s">
        <v>9</v>
      </c>
      <c r="F19320" s="7">
        <v>38657</v>
      </c>
      <c r="G19320" s="8">
        <v>1</v>
      </c>
      <c r="H19320" s="8">
        <v>1</v>
      </c>
      <c r="I19320" s="8">
        <v>0</v>
      </c>
      <c r="J19320" s="8">
        <v>1</v>
      </c>
      <c r="K19320" s="9">
        <v>21</v>
      </c>
      <c r="L19320" s="6" t="s">
        <v>4151</v>
      </c>
    </row>
    <row r="19321" spans="1:12">
      <c r="A19321" s="6" t="s">
        <v>4151</v>
      </c>
      <c r="B19321" s="6"/>
      <c r="C19321" s="6" t="s">
        <v>19357</v>
      </c>
      <c r="D19321" s="6"/>
      <c r="E19321" s="6" t="s">
        <v>9</v>
      </c>
      <c r="F19321" s="7">
        <v>38657</v>
      </c>
      <c r="G19321" s="8">
        <v>1</v>
      </c>
      <c r="H19321" s="8">
        <v>1</v>
      </c>
      <c r="I19321" s="8">
        <v>0</v>
      </c>
      <c r="J19321" s="8">
        <v>1</v>
      </c>
      <c r="K19321" s="9">
        <v>21</v>
      </c>
      <c r="L19321" s="6" t="s">
        <v>4151</v>
      </c>
    </row>
    <row r="19322" spans="1:12">
      <c r="A19322" s="6" t="s">
        <v>4151</v>
      </c>
      <c r="B19322" s="6"/>
      <c r="C19322" s="6" t="s">
        <v>19358</v>
      </c>
      <c r="D19322" s="6"/>
      <c r="E19322" s="6" t="s">
        <v>9</v>
      </c>
      <c r="F19322" s="7">
        <v>38657</v>
      </c>
      <c r="G19322" s="8">
        <v>1</v>
      </c>
      <c r="H19322" s="8">
        <v>1</v>
      </c>
      <c r="I19322" s="8">
        <v>0</v>
      </c>
      <c r="J19322" s="8">
        <v>1</v>
      </c>
      <c r="K19322" s="9">
        <v>21</v>
      </c>
      <c r="L19322" s="6" t="s">
        <v>4151</v>
      </c>
    </row>
    <row r="19323" spans="1:12">
      <c r="A19323" s="6" t="s">
        <v>4151</v>
      </c>
      <c r="B19323" s="6"/>
      <c r="C19323" s="6" t="s">
        <v>19359</v>
      </c>
      <c r="D19323" s="6"/>
      <c r="E19323" s="6" t="s">
        <v>9</v>
      </c>
      <c r="F19323" s="7">
        <v>38657</v>
      </c>
      <c r="G19323" s="8">
        <v>1</v>
      </c>
      <c r="H19323" s="8">
        <v>1</v>
      </c>
      <c r="I19323" s="8">
        <v>0</v>
      </c>
      <c r="J19323" s="8">
        <v>1</v>
      </c>
      <c r="K19323" s="9">
        <v>0.25</v>
      </c>
      <c r="L19323" s="6" t="s">
        <v>4151</v>
      </c>
    </row>
    <row r="19324" spans="1:12">
      <c r="A19324" s="6" t="s">
        <v>4151</v>
      </c>
      <c r="B19324" s="6"/>
      <c r="C19324" s="6" t="s">
        <v>19360</v>
      </c>
      <c r="D19324" s="6"/>
      <c r="E19324" s="6" t="s">
        <v>9</v>
      </c>
      <c r="F19324" s="7">
        <v>38657</v>
      </c>
      <c r="G19324" s="8">
        <v>1</v>
      </c>
      <c r="H19324" s="8">
        <v>1</v>
      </c>
      <c r="I19324" s="8">
        <v>0</v>
      </c>
      <c r="J19324" s="8">
        <v>1</v>
      </c>
      <c r="K19324" s="9">
        <v>21</v>
      </c>
      <c r="L19324" s="6" t="s">
        <v>4151</v>
      </c>
    </row>
    <row r="19325" spans="1:12">
      <c r="A19325" s="6" t="s">
        <v>4151</v>
      </c>
      <c r="B19325" s="6"/>
      <c r="C19325" s="6" t="s">
        <v>19361</v>
      </c>
      <c r="D19325" s="6"/>
      <c r="E19325" s="6" t="s">
        <v>9</v>
      </c>
      <c r="F19325" s="7">
        <v>38657</v>
      </c>
      <c r="G19325" s="8">
        <v>1</v>
      </c>
      <c r="H19325" s="8">
        <v>1</v>
      </c>
      <c r="I19325" s="8">
        <v>0</v>
      </c>
      <c r="J19325" s="8">
        <v>1</v>
      </c>
      <c r="K19325" s="9">
        <v>6.52</v>
      </c>
      <c r="L19325" s="6" t="s">
        <v>4151</v>
      </c>
    </row>
    <row r="19326" spans="1:12">
      <c r="A19326" s="6" t="s">
        <v>4151</v>
      </c>
      <c r="B19326" s="6"/>
      <c r="C19326" s="6" t="s">
        <v>19362</v>
      </c>
      <c r="D19326" s="6"/>
      <c r="E19326" s="6" t="s">
        <v>9</v>
      </c>
      <c r="F19326" s="7">
        <v>38657</v>
      </c>
      <c r="G19326" s="8">
        <v>1</v>
      </c>
      <c r="H19326" s="8">
        <v>1</v>
      </c>
      <c r="I19326" s="8">
        <v>0</v>
      </c>
      <c r="J19326" s="8">
        <v>1</v>
      </c>
      <c r="K19326" s="9">
        <v>16</v>
      </c>
      <c r="L19326" s="6" t="s">
        <v>4151</v>
      </c>
    </row>
    <row r="19327" spans="1:12">
      <c r="A19327" s="6" t="s">
        <v>4151</v>
      </c>
      <c r="B19327" s="6"/>
      <c r="C19327" s="6" t="s">
        <v>19363</v>
      </c>
      <c r="D19327" s="6"/>
      <c r="E19327" s="6" t="s">
        <v>9</v>
      </c>
      <c r="F19327" s="7">
        <v>38657</v>
      </c>
      <c r="G19327" s="8">
        <v>1</v>
      </c>
      <c r="H19327" s="8">
        <v>1</v>
      </c>
      <c r="I19327" s="8">
        <v>0</v>
      </c>
      <c r="J19327" s="8">
        <v>1</v>
      </c>
      <c r="K19327" s="9">
        <v>2.39</v>
      </c>
      <c r="L19327" s="6" t="s">
        <v>4151</v>
      </c>
    </row>
    <row r="19328" spans="1:12">
      <c r="A19328" s="6" t="s">
        <v>4151</v>
      </c>
      <c r="B19328" s="6"/>
      <c r="C19328" s="6" t="s">
        <v>19364</v>
      </c>
      <c r="D19328" s="6"/>
      <c r="E19328" s="6" t="s">
        <v>9</v>
      </c>
      <c r="F19328" s="7">
        <v>38657</v>
      </c>
      <c r="G19328" s="8">
        <v>1</v>
      </c>
      <c r="H19328" s="8">
        <v>1</v>
      </c>
      <c r="I19328" s="8">
        <v>0</v>
      </c>
      <c r="J19328" s="8">
        <v>1</v>
      </c>
      <c r="K19328" s="9">
        <v>7.15</v>
      </c>
      <c r="L19328" s="6" t="s">
        <v>4151</v>
      </c>
    </row>
    <row r="19329" spans="1:12">
      <c r="A19329" s="6" t="s">
        <v>4151</v>
      </c>
      <c r="B19329" s="6"/>
      <c r="C19329" s="6" t="s">
        <v>19365</v>
      </c>
      <c r="D19329" s="6"/>
      <c r="E19329" s="6" t="s">
        <v>9</v>
      </c>
      <c r="F19329" s="7">
        <v>38657</v>
      </c>
      <c r="G19329" s="8">
        <v>1</v>
      </c>
      <c r="H19329" s="8">
        <v>1</v>
      </c>
      <c r="I19329" s="8">
        <v>0</v>
      </c>
      <c r="J19329" s="8">
        <v>1</v>
      </c>
      <c r="K19329" s="9">
        <v>6.51</v>
      </c>
      <c r="L19329" s="6" t="s">
        <v>4151</v>
      </c>
    </row>
    <row r="19330" spans="1:12">
      <c r="A19330" s="6" t="s">
        <v>4151</v>
      </c>
      <c r="B19330" s="6"/>
      <c r="C19330" s="6" t="s">
        <v>19366</v>
      </c>
      <c r="D19330" s="6"/>
      <c r="E19330" s="6" t="s">
        <v>9</v>
      </c>
      <c r="F19330" s="7">
        <v>38657</v>
      </c>
      <c r="G19330" s="8">
        <v>1</v>
      </c>
      <c r="H19330" s="8">
        <v>1</v>
      </c>
      <c r="I19330" s="8">
        <v>0</v>
      </c>
      <c r="J19330" s="8">
        <v>1</v>
      </c>
      <c r="K19330" s="9">
        <v>26</v>
      </c>
      <c r="L19330" s="6" t="s">
        <v>4151</v>
      </c>
    </row>
    <row r="19331" spans="1:12">
      <c r="A19331" s="6" t="s">
        <v>4151</v>
      </c>
      <c r="B19331" s="6"/>
      <c r="C19331" s="6" t="s">
        <v>19367</v>
      </c>
      <c r="D19331" s="6"/>
      <c r="E19331" s="6" t="s">
        <v>9</v>
      </c>
      <c r="F19331" s="7">
        <v>38657</v>
      </c>
      <c r="G19331" s="8">
        <v>1</v>
      </c>
      <c r="H19331" s="8">
        <v>1</v>
      </c>
      <c r="I19331" s="8">
        <v>0</v>
      </c>
      <c r="J19331" s="8">
        <v>1</v>
      </c>
      <c r="K19331" s="9">
        <v>21</v>
      </c>
      <c r="L19331" s="6" t="s">
        <v>4151</v>
      </c>
    </row>
    <row r="19332" spans="1:12">
      <c r="A19332" s="6" t="s">
        <v>4151</v>
      </c>
      <c r="B19332" s="6"/>
      <c r="C19332" s="6" t="s">
        <v>19368</v>
      </c>
      <c r="D19332" s="6"/>
      <c r="E19332" s="6" t="s">
        <v>9</v>
      </c>
      <c r="F19332" s="7">
        <v>38657</v>
      </c>
      <c r="G19332" s="8">
        <v>1</v>
      </c>
      <c r="H19332" s="8">
        <v>1</v>
      </c>
      <c r="I19332" s="8">
        <v>0</v>
      </c>
      <c r="J19332" s="8">
        <v>1</v>
      </c>
      <c r="K19332" s="9">
        <v>21</v>
      </c>
      <c r="L19332" s="6" t="s">
        <v>4151</v>
      </c>
    </row>
    <row r="19333" spans="1:12">
      <c r="A19333" s="6" t="s">
        <v>4151</v>
      </c>
      <c r="B19333" s="6"/>
      <c r="C19333" s="6" t="s">
        <v>19369</v>
      </c>
      <c r="D19333" s="6"/>
      <c r="E19333" s="6" t="s">
        <v>9</v>
      </c>
      <c r="F19333" s="7">
        <v>38657</v>
      </c>
      <c r="G19333" s="8">
        <v>1</v>
      </c>
      <c r="H19333" s="8">
        <v>1</v>
      </c>
      <c r="I19333" s="8">
        <v>0</v>
      </c>
      <c r="J19333" s="8">
        <v>1</v>
      </c>
      <c r="K19333" s="9">
        <v>9.42</v>
      </c>
      <c r="L19333" s="6" t="s">
        <v>4151</v>
      </c>
    </row>
    <row r="19334" spans="1:12">
      <c r="A19334" s="6" t="s">
        <v>4151</v>
      </c>
      <c r="B19334" s="6"/>
      <c r="C19334" s="6" t="s">
        <v>19370</v>
      </c>
      <c r="D19334" s="6"/>
      <c r="E19334" s="6" t="s">
        <v>9</v>
      </c>
      <c r="F19334" s="7">
        <v>38657</v>
      </c>
      <c r="G19334" s="8">
        <v>1</v>
      </c>
      <c r="H19334" s="8">
        <v>1</v>
      </c>
      <c r="I19334" s="8">
        <v>0</v>
      </c>
      <c r="J19334" s="8">
        <v>1</v>
      </c>
      <c r="K19334" s="9">
        <v>0.49</v>
      </c>
      <c r="L19334" s="6" t="s">
        <v>4151</v>
      </c>
    </row>
    <row r="19335" spans="1:12">
      <c r="A19335" s="6" t="s">
        <v>4151</v>
      </c>
      <c r="B19335" s="6"/>
      <c r="C19335" s="6" t="s">
        <v>19371</v>
      </c>
      <c r="D19335" s="6"/>
      <c r="E19335" s="6" t="s">
        <v>9</v>
      </c>
      <c r="F19335" s="7">
        <v>38657</v>
      </c>
      <c r="G19335" s="8">
        <v>1</v>
      </c>
      <c r="H19335" s="8">
        <v>1</v>
      </c>
      <c r="I19335" s="8">
        <v>0</v>
      </c>
      <c r="J19335" s="8">
        <v>1</v>
      </c>
      <c r="K19335" s="9">
        <v>1.47</v>
      </c>
      <c r="L19335" s="6" t="s">
        <v>4151</v>
      </c>
    </row>
    <row r="19336" spans="1:12">
      <c r="A19336" s="6" t="s">
        <v>4151</v>
      </c>
      <c r="B19336" s="6"/>
      <c r="C19336" s="6" t="s">
        <v>19372</v>
      </c>
      <c r="D19336" s="6"/>
      <c r="E19336" s="6" t="s">
        <v>9</v>
      </c>
      <c r="F19336" s="7">
        <v>38657</v>
      </c>
      <c r="G19336" s="8">
        <v>1</v>
      </c>
      <c r="H19336" s="8">
        <v>1</v>
      </c>
      <c r="I19336" s="8">
        <v>0</v>
      </c>
      <c r="J19336" s="8">
        <v>1</v>
      </c>
      <c r="K19336" s="9">
        <v>13</v>
      </c>
      <c r="L19336" s="6" t="s">
        <v>4151</v>
      </c>
    </row>
    <row r="19337" spans="1:12">
      <c r="A19337" s="6" t="s">
        <v>4151</v>
      </c>
      <c r="B19337" s="6"/>
      <c r="C19337" s="6" t="s">
        <v>19373</v>
      </c>
      <c r="D19337" s="6"/>
      <c r="E19337" s="6" t="s">
        <v>9</v>
      </c>
      <c r="F19337" s="7">
        <v>38657</v>
      </c>
      <c r="G19337" s="8">
        <v>1</v>
      </c>
      <c r="H19337" s="8">
        <v>1</v>
      </c>
      <c r="I19337" s="8">
        <v>0</v>
      </c>
      <c r="J19337" s="8">
        <v>1</v>
      </c>
      <c r="K19337" s="9">
        <v>25</v>
      </c>
      <c r="L19337" s="6" t="s">
        <v>4151</v>
      </c>
    </row>
    <row r="19338" spans="1:12">
      <c r="A19338" s="6" t="s">
        <v>4151</v>
      </c>
      <c r="B19338" s="6"/>
      <c r="C19338" s="6" t="s">
        <v>19374</v>
      </c>
      <c r="D19338" s="6"/>
      <c r="E19338" s="6" t="s">
        <v>9</v>
      </c>
      <c r="F19338" s="7">
        <v>38657</v>
      </c>
      <c r="G19338" s="8">
        <v>1</v>
      </c>
      <c r="H19338" s="8">
        <v>1</v>
      </c>
      <c r="I19338" s="8">
        <v>0</v>
      </c>
      <c r="J19338" s="8">
        <v>1</v>
      </c>
      <c r="K19338" s="9">
        <v>22</v>
      </c>
      <c r="L19338" s="6" t="s">
        <v>4151</v>
      </c>
    </row>
    <row r="19339" spans="1:12">
      <c r="A19339" s="6" t="s">
        <v>4151</v>
      </c>
      <c r="B19339" s="6"/>
      <c r="C19339" s="6" t="s">
        <v>19375</v>
      </c>
      <c r="D19339" s="6"/>
      <c r="E19339" s="6" t="s">
        <v>9</v>
      </c>
      <c r="F19339" s="7">
        <v>38657</v>
      </c>
      <c r="G19339" s="8">
        <v>1</v>
      </c>
      <c r="H19339" s="8">
        <v>1</v>
      </c>
      <c r="I19339" s="8">
        <v>0</v>
      </c>
      <c r="J19339" s="8">
        <v>1</v>
      </c>
      <c r="K19339" s="9">
        <v>14</v>
      </c>
      <c r="L19339" s="6" t="s">
        <v>4151</v>
      </c>
    </row>
    <row r="19340" spans="1:12">
      <c r="A19340" s="6" t="s">
        <v>4151</v>
      </c>
      <c r="B19340" s="6"/>
      <c r="C19340" s="6" t="s">
        <v>19376</v>
      </c>
      <c r="D19340" s="6"/>
      <c r="E19340" s="6" t="s">
        <v>9</v>
      </c>
      <c r="F19340" s="7">
        <v>38657</v>
      </c>
      <c r="G19340" s="8">
        <v>1</v>
      </c>
      <c r="H19340" s="8">
        <v>1</v>
      </c>
      <c r="I19340" s="8">
        <v>0</v>
      </c>
      <c r="J19340" s="8">
        <v>1</v>
      </c>
      <c r="K19340" s="9">
        <v>4.7300000000000004</v>
      </c>
      <c r="L19340" s="6" t="s">
        <v>4151</v>
      </c>
    </row>
    <row r="19341" spans="1:12">
      <c r="A19341" s="6" t="s">
        <v>4151</v>
      </c>
      <c r="B19341" s="6"/>
      <c r="C19341" s="6" t="s">
        <v>19377</v>
      </c>
      <c r="D19341" s="6"/>
      <c r="E19341" s="6" t="s">
        <v>9</v>
      </c>
      <c r="F19341" s="7">
        <v>38657</v>
      </c>
      <c r="G19341" s="8">
        <v>1</v>
      </c>
      <c r="H19341" s="8">
        <v>1</v>
      </c>
      <c r="I19341" s="8">
        <v>0</v>
      </c>
      <c r="J19341" s="8">
        <v>1</v>
      </c>
      <c r="K19341" s="9">
        <v>12</v>
      </c>
      <c r="L19341" s="6" t="s">
        <v>4151</v>
      </c>
    </row>
    <row r="19342" spans="1:12">
      <c r="A19342" s="6" t="s">
        <v>4151</v>
      </c>
      <c r="B19342" s="6"/>
      <c r="C19342" s="6" t="s">
        <v>19378</v>
      </c>
      <c r="D19342" s="6"/>
      <c r="E19342" s="6" t="s">
        <v>9</v>
      </c>
      <c r="F19342" s="7">
        <v>38657</v>
      </c>
      <c r="G19342" s="8">
        <v>1</v>
      </c>
      <c r="H19342" s="8">
        <v>1</v>
      </c>
      <c r="I19342" s="8">
        <v>0</v>
      </c>
      <c r="J19342" s="8">
        <v>1</v>
      </c>
      <c r="K19342" s="9">
        <v>5.94</v>
      </c>
      <c r="L19342" s="6" t="s">
        <v>4151</v>
      </c>
    </row>
    <row r="19343" spans="1:12">
      <c r="A19343" s="6" t="s">
        <v>4151</v>
      </c>
      <c r="B19343" s="6"/>
      <c r="C19343" s="6" t="s">
        <v>19379</v>
      </c>
      <c r="D19343" s="6"/>
      <c r="E19343" s="6" t="s">
        <v>9</v>
      </c>
      <c r="F19343" s="7">
        <v>38657</v>
      </c>
      <c r="G19343" s="8">
        <v>1</v>
      </c>
      <c r="H19343" s="8">
        <v>1</v>
      </c>
      <c r="I19343" s="8">
        <v>0</v>
      </c>
      <c r="J19343" s="8">
        <v>1</v>
      </c>
      <c r="K19343" s="9">
        <v>17</v>
      </c>
      <c r="L19343" s="6" t="s">
        <v>4151</v>
      </c>
    </row>
    <row r="19344" spans="1:12">
      <c r="A19344" s="6" t="s">
        <v>4151</v>
      </c>
      <c r="B19344" s="6"/>
      <c r="C19344" s="6" t="s">
        <v>19380</v>
      </c>
      <c r="D19344" s="6"/>
      <c r="E19344" s="6" t="s">
        <v>9</v>
      </c>
      <c r="F19344" s="7">
        <v>38657</v>
      </c>
      <c r="G19344" s="8">
        <v>1</v>
      </c>
      <c r="H19344" s="8">
        <v>1</v>
      </c>
      <c r="I19344" s="8">
        <v>0</v>
      </c>
      <c r="J19344" s="8">
        <v>1</v>
      </c>
      <c r="K19344" s="9">
        <v>7.42</v>
      </c>
      <c r="L19344" s="6" t="s">
        <v>4151</v>
      </c>
    </row>
    <row r="19345" spans="1:12">
      <c r="A19345" s="6" t="s">
        <v>4151</v>
      </c>
      <c r="B19345" s="6"/>
      <c r="C19345" s="6" t="s">
        <v>19381</v>
      </c>
      <c r="D19345" s="6"/>
      <c r="E19345" s="6" t="s">
        <v>9</v>
      </c>
      <c r="F19345" s="7">
        <v>38657</v>
      </c>
      <c r="G19345" s="8">
        <v>1</v>
      </c>
      <c r="H19345" s="8">
        <v>1</v>
      </c>
      <c r="I19345" s="8">
        <v>0</v>
      </c>
      <c r="J19345" s="8">
        <v>1</v>
      </c>
      <c r="K19345" s="9">
        <v>0.73</v>
      </c>
      <c r="L19345" s="6" t="s">
        <v>4151</v>
      </c>
    </row>
    <row r="19346" spans="1:12">
      <c r="A19346" s="6" t="s">
        <v>4151</v>
      </c>
      <c r="B19346" s="6"/>
      <c r="C19346" s="6" t="s">
        <v>19382</v>
      </c>
      <c r="D19346" s="6"/>
      <c r="E19346" s="6" t="s">
        <v>9</v>
      </c>
      <c r="F19346" s="7">
        <v>38657</v>
      </c>
      <c r="G19346" s="8">
        <v>1</v>
      </c>
      <c r="H19346" s="8">
        <v>1</v>
      </c>
      <c r="I19346" s="8">
        <v>0</v>
      </c>
      <c r="J19346" s="8">
        <v>1</v>
      </c>
      <c r="K19346" s="9">
        <v>6.84</v>
      </c>
      <c r="L19346" s="6" t="s">
        <v>4151</v>
      </c>
    </row>
    <row r="19347" spans="1:12">
      <c r="A19347" s="6" t="s">
        <v>4151</v>
      </c>
      <c r="B19347" s="6"/>
      <c r="C19347" s="6" t="s">
        <v>19383</v>
      </c>
      <c r="D19347" s="6"/>
      <c r="E19347" s="6" t="s">
        <v>9</v>
      </c>
      <c r="F19347" s="7">
        <v>38657</v>
      </c>
      <c r="G19347" s="8">
        <v>1</v>
      </c>
      <c r="H19347" s="8">
        <v>1</v>
      </c>
      <c r="I19347" s="8">
        <v>0</v>
      </c>
      <c r="J19347" s="8">
        <v>1</v>
      </c>
      <c r="K19347" s="9">
        <v>3.32</v>
      </c>
      <c r="L19347" s="6" t="s">
        <v>4151</v>
      </c>
    </row>
    <row r="19348" spans="1:12">
      <c r="A19348" s="6" t="s">
        <v>4151</v>
      </c>
      <c r="B19348" s="6"/>
      <c r="C19348" s="6" t="s">
        <v>19384</v>
      </c>
      <c r="D19348" s="6"/>
      <c r="E19348" s="6" t="s">
        <v>9</v>
      </c>
      <c r="F19348" s="7">
        <v>38657</v>
      </c>
      <c r="G19348" s="8">
        <v>1</v>
      </c>
      <c r="H19348" s="8">
        <v>1</v>
      </c>
      <c r="I19348" s="8">
        <v>0</v>
      </c>
      <c r="J19348" s="8">
        <v>1</v>
      </c>
      <c r="K19348" s="9">
        <v>10</v>
      </c>
      <c r="L19348" s="6" t="s">
        <v>4151</v>
      </c>
    </row>
    <row r="19349" spans="1:12">
      <c r="A19349" s="6" t="s">
        <v>4151</v>
      </c>
      <c r="B19349" s="6"/>
      <c r="C19349" s="6" t="s">
        <v>19385</v>
      </c>
      <c r="D19349" s="6"/>
      <c r="E19349" s="6" t="s">
        <v>9</v>
      </c>
      <c r="F19349" s="7">
        <v>38657</v>
      </c>
      <c r="G19349" s="8">
        <v>1</v>
      </c>
      <c r="H19349" s="8">
        <v>1</v>
      </c>
      <c r="I19349" s="8">
        <v>0</v>
      </c>
      <c r="J19349" s="8">
        <v>1</v>
      </c>
      <c r="K19349" s="9">
        <v>9.52</v>
      </c>
      <c r="L19349" s="6" t="s">
        <v>4151</v>
      </c>
    </row>
    <row r="19350" spans="1:12">
      <c r="A19350" s="6" t="s">
        <v>4151</v>
      </c>
      <c r="B19350" s="6"/>
      <c r="C19350" s="6" t="s">
        <v>19386</v>
      </c>
      <c r="D19350" s="6"/>
      <c r="E19350" s="6" t="s">
        <v>9</v>
      </c>
      <c r="F19350" s="7">
        <v>38657</v>
      </c>
      <c r="G19350" s="8">
        <v>1</v>
      </c>
      <c r="H19350" s="8">
        <v>1</v>
      </c>
      <c r="I19350" s="8">
        <v>0</v>
      </c>
      <c r="J19350" s="8">
        <v>1</v>
      </c>
      <c r="K19350" s="9">
        <v>11</v>
      </c>
      <c r="L19350" s="6" t="s">
        <v>4151</v>
      </c>
    </row>
    <row r="19351" spans="1:12">
      <c r="A19351" s="6" t="s">
        <v>4151</v>
      </c>
      <c r="B19351" s="6"/>
      <c r="C19351" s="6" t="s">
        <v>19387</v>
      </c>
      <c r="D19351" s="6"/>
      <c r="E19351" s="6" t="s">
        <v>9</v>
      </c>
      <c r="F19351" s="7">
        <v>38657</v>
      </c>
      <c r="G19351" s="8">
        <v>1</v>
      </c>
      <c r="H19351" s="8">
        <v>1</v>
      </c>
      <c r="I19351" s="8">
        <v>0</v>
      </c>
      <c r="J19351" s="8">
        <v>1</v>
      </c>
      <c r="K19351" s="9">
        <v>11</v>
      </c>
      <c r="L19351" s="6" t="s">
        <v>4151</v>
      </c>
    </row>
    <row r="19352" spans="1:12">
      <c r="A19352" s="6" t="s">
        <v>4151</v>
      </c>
      <c r="B19352" s="6"/>
      <c r="C19352" s="6" t="s">
        <v>19388</v>
      </c>
      <c r="D19352" s="6"/>
      <c r="E19352" s="6" t="s">
        <v>9</v>
      </c>
      <c r="F19352" s="7">
        <v>38657</v>
      </c>
      <c r="G19352" s="8">
        <v>1</v>
      </c>
      <c r="H19352" s="8">
        <v>1</v>
      </c>
      <c r="I19352" s="8">
        <v>0</v>
      </c>
      <c r="J19352" s="8">
        <v>1</v>
      </c>
      <c r="K19352" s="9">
        <v>23</v>
      </c>
      <c r="L19352" s="6" t="s">
        <v>4151</v>
      </c>
    </row>
    <row r="19353" spans="1:12">
      <c r="A19353" s="6" t="s">
        <v>4151</v>
      </c>
      <c r="B19353" s="6"/>
      <c r="C19353" s="6" t="s">
        <v>19389</v>
      </c>
      <c r="D19353" s="6"/>
      <c r="E19353" s="6" t="s">
        <v>9</v>
      </c>
      <c r="F19353" s="7">
        <v>38657</v>
      </c>
      <c r="G19353" s="8">
        <v>1</v>
      </c>
      <c r="H19353" s="8">
        <v>1</v>
      </c>
      <c r="I19353" s="8">
        <v>0</v>
      </c>
      <c r="J19353" s="8">
        <v>1</v>
      </c>
      <c r="K19353" s="9">
        <v>23</v>
      </c>
      <c r="L19353" s="6" t="s">
        <v>4151</v>
      </c>
    </row>
    <row r="19354" spans="1:12">
      <c r="A19354" s="6" t="s">
        <v>4151</v>
      </c>
      <c r="B19354" s="6"/>
      <c r="C19354" s="6" t="s">
        <v>19390</v>
      </c>
      <c r="D19354" s="6"/>
      <c r="E19354" s="6" t="s">
        <v>9</v>
      </c>
      <c r="F19354" s="7">
        <v>38657</v>
      </c>
      <c r="G19354" s="8">
        <v>1</v>
      </c>
      <c r="H19354" s="8">
        <v>1</v>
      </c>
      <c r="I19354" s="8">
        <v>0</v>
      </c>
      <c r="J19354" s="8">
        <v>1</v>
      </c>
      <c r="K19354" s="9">
        <v>19</v>
      </c>
      <c r="L19354" s="6" t="s">
        <v>4151</v>
      </c>
    </row>
    <row r="19355" spans="1:12">
      <c r="A19355" s="6" t="s">
        <v>4151</v>
      </c>
      <c r="B19355" s="6"/>
      <c r="C19355" s="6" t="s">
        <v>19391</v>
      </c>
      <c r="D19355" s="6"/>
      <c r="E19355" s="6" t="s">
        <v>9</v>
      </c>
      <c r="F19355" s="7">
        <v>38657</v>
      </c>
      <c r="G19355" s="8">
        <v>1</v>
      </c>
      <c r="H19355" s="8">
        <v>1</v>
      </c>
      <c r="I19355" s="8">
        <v>0</v>
      </c>
      <c r="J19355" s="8">
        <v>1</v>
      </c>
      <c r="K19355" s="9">
        <v>21</v>
      </c>
      <c r="L19355" s="6" t="s">
        <v>4151</v>
      </c>
    </row>
    <row r="19356" spans="1:12">
      <c r="A19356" s="6" t="s">
        <v>4151</v>
      </c>
      <c r="B19356" s="6"/>
      <c r="C19356" s="6" t="s">
        <v>19392</v>
      </c>
      <c r="D19356" s="6"/>
      <c r="E19356" s="6" t="s">
        <v>9</v>
      </c>
      <c r="F19356" s="7">
        <v>38657</v>
      </c>
      <c r="G19356" s="8">
        <v>1</v>
      </c>
      <c r="H19356" s="8">
        <v>1</v>
      </c>
      <c r="I19356" s="8">
        <v>0</v>
      </c>
      <c r="J19356" s="8">
        <v>1</v>
      </c>
      <c r="K19356" s="9">
        <v>1.67</v>
      </c>
      <c r="L19356" s="6" t="s">
        <v>4151</v>
      </c>
    </row>
    <row r="19357" spans="1:12">
      <c r="A19357" s="6" t="s">
        <v>4151</v>
      </c>
      <c r="B19357" s="6"/>
      <c r="C19357" s="6" t="s">
        <v>19393</v>
      </c>
      <c r="D19357" s="6"/>
      <c r="E19357" s="6" t="s">
        <v>9</v>
      </c>
      <c r="F19357" s="7">
        <v>38657</v>
      </c>
      <c r="G19357" s="8">
        <v>1</v>
      </c>
      <c r="H19357" s="8">
        <v>1</v>
      </c>
      <c r="I19357" s="8">
        <v>0</v>
      </c>
      <c r="J19357" s="8">
        <v>1</v>
      </c>
      <c r="K19357" s="9">
        <v>29</v>
      </c>
      <c r="L19357" s="6" t="s">
        <v>4151</v>
      </c>
    </row>
    <row r="19358" spans="1:12">
      <c r="A19358" s="6" t="s">
        <v>4151</v>
      </c>
      <c r="B19358" s="6"/>
      <c r="C19358" s="6" t="s">
        <v>19394</v>
      </c>
      <c r="D19358" s="6"/>
      <c r="E19358" s="6" t="s">
        <v>9</v>
      </c>
      <c r="F19358" s="7">
        <v>38657</v>
      </c>
      <c r="G19358" s="8">
        <v>1</v>
      </c>
      <c r="H19358" s="8">
        <v>1</v>
      </c>
      <c r="I19358" s="8">
        <v>0</v>
      </c>
      <c r="J19358" s="8">
        <v>1</v>
      </c>
      <c r="K19358" s="9">
        <v>10</v>
      </c>
      <c r="L19358" s="6" t="s">
        <v>4151</v>
      </c>
    </row>
    <row r="19359" spans="1:12">
      <c r="A19359" s="6" t="s">
        <v>4151</v>
      </c>
      <c r="B19359" s="6"/>
      <c r="C19359" s="6" t="s">
        <v>19395</v>
      </c>
      <c r="D19359" s="6"/>
      <c r="E19359" s="6" t="s">
        <v>9</v>
      </c>
      <c r="F19359" s="7">
        <v>38657</v>
      </c>
      <c r="G19359" s="8">
        <v>1</v>
      </c>
      <c r="H19359" s="8">
        <v>1</v>
      </c>
      <c r="I19359" s="8">
        <v>0</v>
      </c>
      <c r="J19359" s="8">
        <v>1</v>
      </c>
      <c r="K19359" s="9">
        <v>0.35</v>
      </c>
      <c r="L19359" s="6" t="s">
        <v>4151</v>
      </c>
    </row>
    <row r="19360" spans="1:12">
      <c r="A19360" s="6" t="s">
        <v>4151</v>
      </c>
      <c r="B19360" s="6"/>
      <c r="C19360" s="6" t="s">
        <v>19396</v>
      </c>
      <c r="D19360" s="6"/>
      <c r="E19360" s="6" t="s">
        <v>9</v>
      </c>
      <c r="F19360" s="7">
        <v>38657</v>
      </c>
      <c r="G19360" s="8">
        <v>1</v>
      </c>
      <c r="H19360" s="8">
        <v>1</v>
      </c>
      <c r="I19360" s="8">
        <v>0</v>
      </c>
      <c r="J19360" s="8">
        <v>1</v>
      </c>
      <c r="K19360" s="9">
        <v>3.38</v>
      </c>
      <c r="L19360" s="6" t="s">
        <v>4151</v>
      </c>
    </row>
    <row r="19361" spans="1:12">
      <c r="A19361" s="6" t="s">
        <v>4151</v>
      </c>
      <c r="B19361" s="6"/>
      <c r="C19361" s="6" t="s">
        <v>19397</v>
      </c>
      <c r="D19361" s="6"/>
      <c r="E19361" s="6" t="s">
        <v>9</v>
      </c>
      <c r="F19361" s="7">
        <v>38657</v>
      </c>
      <c r="G19361" s="8">
        <v>1</v>
      </c>
      <c r="H19361" s="8">
        <v>1</v>
      </c>
      <c r="I19361" s="8">
        <v>0</v>
      </c>
      <c r="J19361" s="8">
        <v>1</v>
      </c>
      <c r="K19361" s="9">
        <v>22</v>
      </c>
      <c r="L19361" s="6" t="s">
        <v>4151</v>
      </c>
    </row>
    <row r="19362" spans="1:12">
      <c r="A19362" s="6" t="s">
        <v>4151</v>
      </c>
      <c r="B19362" s="6"/>
      <c r="C19362" s="6" t="s">
        <v>19398</v>
      </c>
      <c r="D19362" s="6"/>
      <c r="E19362" s="6" t="s">
        <v>9</v>
      </c>
      <c r="F19362" s="7">
        <v>38657</v>
      </c>
      <c r="G19362" s="8">
        <v>1</v>
      </c>
      <c r="H19362" s="8">
        <v>1</v>
      </c>
      <c r="I19362" s="8">
        <v>0</v>
      </c>
      <c r="J19362" s="8">
        <v>1</v>
      </c>
      <c r="K19362" s="9">
        <v>13</v>
      </c>
      <c r="L19362" s="6" t="s">
        <v>4151</v>
      </c>
    </row>
    <row r="19363" spans="1:12">
      <c r="A19363" s="6" t="s">
        <v>4151</v>
      </c>
      <c r="B19363" s="6"/>
      <c r="C19363" s="6" t="s">
        <v>19399</v>
      </c>
      <c r="D19363" s="6"/>
      <c r="E19363" s="6" t="s">
        <v>9</v>
      </c>
      <c r="F19363" s="7">
        <v>38657</v>
      </c>
      <c r="G19363" s="8">
        <v>1</v>
      </c>
      <c r="H19363" s="8">
        <v>1</v>
      </c>
      <c r="I19363" s="8">
        <v>0</v>
      </c>
      <c r="J19363" s="8">
        <v>1</v>
      </c>
      <c r="K19363" s="9">
        <v>22</v>
      </c>
      <c r="L19363" s="6" t="s">
        <v>4151</v>
      </c>
    </row>
    <row r="19364" spans="1:12">
      <c r="A19364" s="6" t="s">
        <v>4151</v>
      </c>
      <c r="B19364" s="6"/>
      <c r="C19364" s="6" t="s">
        <v>19400</v>
      </c>
      <c r="D19364" s="6"/>
      <c r="E19364" s="6" t="s">
        <v>9</v>
      </c>
      <c r="F19364" s="7">
        <v>38657</v>
      </c>
      <c r="G19364" s="8">
        <v>1</v>
      </c>
      <c r="H19364" s="8">
        <v>1</v>
      </c>
      <c r="I19364" s="8">
        <v>0</v>
      </c>
      <c r="J19364" s="8">
        <v>1</v>
      </c>
      <c r="K19364" s="9">
        <v>24</v>
      </c>
      <c r="L19364" s="6" t="s">
        <v>4151</v>
      </c>
    </row>
    <row r="19365" spans="1:12">
      <c r="A19365" s="6" t="s">
        <v>4151</v>
      </c>
      <c r="B19365" s="6"/>
      <c r="C19365" s="6" t="s">
        <v>19401</v>
      </c>
      <c r="D19365" s="6"/>
      <c r="E19365" s="6" t="s">
        <v>9</v>
      </c>
      <c r="F19365" s="7">
        <v>38657</v>
      </c>
      <c r="G19365" s="8">
        <v>1</v>
      </c>
      <c r="H19365" s="8">
        <v>1</v>
      </c>
      <c r="I19365" s="8">
        <v>0</v>
      </c>
      <c r="J19365" s="8">
        <v>1</v>
      </c>
      <c r="K19365" s="9">
        <v>16</v>
      </c>
      <c r="L19365" s="6" t="s">
        <v>4151</v>
      </c>
    </row>
    <row r="19366" spans="1:12">
      <c r="A19366" s="6" t="s">
        <v>4151</v>
      </c>
      <c r="B19366" s="6"/>
      <c r="C19366" s="6" t="s">
        <v>19402</v>
      </c>
      <c r="D19366" s="6"/>
      <c r="E19366" s="6" t="s">
        <v>9</v>
      </c>
      <c r="F19366" s="7">
        <v>38657</v>
      </c>
      <c r="G19366" s="8">
        <v>1</v>
      </c>
      <c r="H19366" s="8">
        <v>1</v>
      </c>
      <c r="I19366" s="8">
        <v>0</v>
      </c>
      <c r="J19366" s="8">
        <v>1</v>
      </c>
      <c r="K19366" s="9">
        <v>15</v>
      </c>
      <c r="L19366" s="6" t="s">
        <v>4151</v>
      </c>
    </row>
    <row r="19367" spans="1:12">
      <c r="A19367" s="6" t="s">
        <v>4151</v>
      </c>
      <c r="B19367" s="6"/>
      <c r="C19367" s="6" t="s">
        <v>19403</v>
      </c>
      <c r="D19367" s="6"/>
      <c r="E19367" s="6" t="s">
        <v>9</v>
      </c>
      <c r="F19367" s="7">
        <v>38657</v>
      </c>
      <c r="G19367" s="8">
        <v>1</v>
      </c>
      <c r="H19367" s="8">
        <v>1</v>
      </c>
      <c r="I19367" s="8">
        <v>0</v>
      </c>
      <c r="J19367" s="8">
        <v>1</v>
      </c>
      <c r="K19367" s="9">
        <v>1.36</v>
      </c>
      <c r="L19367" s="6" t="s">
        <v>4151</v>
      </c>
    </row>
    <row r="19368" spans="1:12">
      <c r="A19368" s="6" t="s">
        <v>4151</v>
      </c>
      <c r="B19368" s="6"/>
      <c r="C19368" s="6" t="s">
        <v>19404</v>
      </c>
      <c r="D19368" s="6"/>
      <c r="E19368" s="6" t="s">
        <v>9</v>
      </c>
      <c r="F19368" s="7">
        <v>38657</v>
      </c>
      <c r="G19368" s="8">
        <v>1</v>
      </c>
      <c r="H19368" s="8">
        <v>1</v>
      </c>
      <c r="I19368" s="8">
        <v>0</v>
      </c>
      <c r="J19368" s="8">
        <v>1</v>
      </c>
      <c r="K19368" s="9">
        <v>6.58</v>
      </c>
      <c r="L19368" s="6" t="s">
        <v>4151</v>
      </c>
    </row>
    <row r="19369" spans="1:12">
      <c r="A19369" s="6" t="s">
        <v>4151</v>
      </c>
      <c r="B19369" s="6"/>
      <c r="C19369" s="6" t="s">
        <v>19405</v>
      </c>
      <c r="D19369" s="6"/>
      <c r="E19369" s="6" t="s">
        <v>9</v>
      </c>
      <c r="F19369" s="7">
        <v>38657</v>
      </c>
      <c r="G19369" s="8">
        <v>1</v>
      </c>
      <c r="H19369" s="8">
        <v>1</v>
      </c>
      <c r="I19369" s="8">
        <v>0</v>
      </c>
      <c r="J19369" s="8">
        <v>1</v>
      </c>
      <c r="K19369" s="9">
        <v>22</v>
      </c>
      <c r="L19369" s="6" t="s">
        <v>4151</v>
      </c>
    </row>
    <row r="19370" spans="1:12">
      <c r="A19370" s="6" t="s">
        <v>4151</v>
      </c>
      <c r="B19370" s="6"/>
      <c r="C19370" s="6" t="s">
        <v>19406</v>
      </c>
      <c r="D19370" s="6"/>
      <c r="E19370" s="6" t="s">
        <v>9</v>
      </c>
      <c r="F19370" s="7">
        <v>38657</v>
      </c>
      <c r="G19370" s="8">
        <v>1</v>
      </c>
      <c r="H19370" s="8">
        <v>1</v>
      </c>
      <c r="I19370" s="8">
        <v>0</v>
      </c>
      <c r="J19370" s="8">
        <v>1</v>
      </c>
      <c r="K19370" s="9">
        <v>11</v>
      </c>
      <c r="L19370" s="6" t="s">
        <v>4151</v>
      </c>
    </row>
    <row r="19371" spans="1:12">
      <c r="A19371" s="6" t="s">
        <v>4151</v>
      </c>
      <c r="B19371" s="6"/>
      <c r="C19371" s="6" t="s">
        <v>19407</v>
      </c>
      <c r="D19371" s="6"/>
      <c r="E19371" s="6" t="s">
        <v>9</v>
      </c>
      <c r="F19371" s="7">
        <v>38657</v>
      </c>
      <c r="G19371" s="8">
        <v>1</v>
      </c>
      <c r="H19371" s="8">
        <v>1</v>
      </c>
      <c r="I19371" s="8">
        <v>0</v>
      </c>
      <c r="J19371" s="8">
        <v>1</v>
      </c>
      <c r="K19371" s="9">
        <v>11</v>
      </c>
      <c r="L19371" s="6" t="s">
        <v>4151</v>
      </c>
    </row>
    <row r="19372" spans="1:12">
      <c r="A19372" s="6" t="s">
        <v>4151</v>
      </c>
      <c r="B19372" s="6"/>
      <c r="C19372" s="6" t="s">
        <v>19408</v>
      </c>
      <c r="D19372" s="6"/>
      <c r="E19372" s="6" t="s">
        <v>9</v>
      </c>
      <c r="F19372" s="7">
        <v>38657</v>
      </c>
      <c r="G19372" s="8">
        <v>1</v>
      </c>
      <c r="H19372" s="8">
        <v>1</v>
      </c>
      <c r="I19372" s="8">
        <v>0</v>
      </c>
      <c r="J19372" s="8">
        <v>1</v>
      </c>
      <c r="K19372" s="9">
        <v>3.69</v>
      </c>
      <c r="L19372" s="6" t="s">
        <v>4151</v>
      </c>
    </row>
    <row r="19373" spans="1:12">
      <c r="A19373" s="6" t="s">
        <v>4151</v>
      </c>
      <c r="B19373" s="6"/>
      <c r="C19373" s="6" t="s">
        <v>19409</v>
      </c>
      <c r="D19373" s="6"/>
      <c r="E19373" s="6" t="s">
        <v>9</v>
      </c>
      <c r="F19373" s="7">
        <v>38657</v>
      </c>
      <c r="G19373" s="8">
        <v>1</v>
      </c>
      <c r="H19373" s="8">
        <v>1</v>
      </c>
      <c r="I19373" s="8">
        <v>0</v>
      </c>
      <c r="J19373" s="8">
        <v>1</v>
      </c>
      <c r="K19373" s="9">
        <v>21</v>
      </c>
      <c r="L19373" s="6" t="s">
        <v>4151</v>
      </c>
    </row>
    <row r="19374" spans="1:12">
      <c r="A19374" s="6" t="s">
        <v>4151</v>
      </c>
      <c r="B19374" s="6"/>
      <c r="C19374" s="6" t="s">
        <v>19410</v>
      </c>
      <c r="D19374" s="6"/>
      <c r="E19374" s="6" t="s">
        <v>9</v>
      </c>
      <c r="F19374" s="7">
        <v>38657</v>
      </c>
      <c r="G19374" s="8">
        <v>1</v>
      </c>
      <c r="H19374" s="8">
        <v>1</v>
      </c>
      <c r="I19374" s="8">
        <v>0</v>
      </c>
      <c r="J19374" s="8">
        <v>1</v>
      </c>
      <c r="K19374" s="9">
        <v>21</v>
      </c>
      <c r="L19374" s="6" t="s">
        <v>4151</v>
      </c>
    </row>
    <row r="19375" spans="1:12">
      <c r="A19375" s="6" t="s">
        <v>4151</v>
      </c>
      <c r="B19375" s="6"/>
      <c r="C19375" s="6" t="s">
        <v>19411</v>
      </c>
      <c r="D19375" s="6"/>
      <c r="E19375" s="6" t="s">
        <v>9</v>
      </c>
      <c r="F19375" s="7">
        <v>38657</v>
      </c>
      <c r="G19375" s="8">
        <v>1</v>
      </c>
      <c r="H19375" s="8">
        <v>1</v>
      </c>
      <c r="I19375" s="8">
        <v>0</v>
      </c>
      <c r="J19375" s="8">
        <v>1</v>
      </c>
      <c r="K19375" s="9">
        <v>14</v>
      </c>
      <c r="L19375" s="6" t="s">
        <v>4151</v>
      </c>
    </row>
    <row r="19376" spans="1:12">
      <c r="A19376" s="6" t="s">
        <v>4151</v>
      </c>
      <c r="B19376" s="6"/>
      <c r="C19376" s="6" t="s">
        <v>19412</v>
      </c>
      <c r="D19376" s="6"/>
      <c r="E19376" s="6" t="s">
        <v>9</v>
      </c>
      <c r="F19376" s="7">
        <v>38657</v>
      </c>
      <c r="G19376" s="8">
        <v>1</v>
      </c>
      <c r="H19376" s="8">
        <v>1</v>
      </c>
      <c r="I19376" s="8">
        <v>0</v>
      </c>
      <c r="J19376" s="8">
        <v>1</v>
      </c>
      <c r="K19376" s="9">
        <v>50</v>
      </c>
      <c r="L19376" s="6" t="s">
        <v>4151</v>
      </c>
    </row>
    <row r="19377" spans="1:12">
      <c r="A19377" s="6" t="s">
        <v>4151</v>
      </c>
      <c r="B19377" s="6"/>
      <c r="C19377" s="6" t="s">
        <v>19413</v>
      </c>
      <c r="D19377" s="6"/>
      <c r="E19377" s="6" t="s">
        <v>9</v>
      </c>
      <c r="F19377" s="7">
        <v>38657</v>
      </c>
      <c r="G19377" s="8">
        <v>1</v>
      </c>
      <c r="H19377" s="8">
        <v>1</v>
      </c>
      <c r="I19377" s="8">
        <v>0</v>
      </c>
      <c r="J19377" s="8">
        <v>1</v>
      </c>
      <c r="K19377" s="9">
        <v>28</v>
      </c>
      <c r="L19377" s="6" t="s">
        <v>4151</v>
      </c>
    </row>
    <row r="19378" spans="1:12">
      <c r="A19378" s="6" t="s">
        <v>4151</v>
      </c>
      <c r="B19378" s="6"/>
      <c r="C19378" s="6" t="s">
        <v>19414</v>
      </c>
      <c r="D19378" s="6"/>
      <c r="E19378" s="6" t="s">
        <v>9</v>
      </c>
      <c r="F19378" s="7">
        <v>38657</v>
      </c>
      <c r="G19378" s="8">
        <v>1</v>
      </c>
      <c r="H19378" s="8">
        <v>1</v>
      </c>
      <c r="I19378" s="8">
        <v>0</v>
      </c>
      <c r="J19378" s="8">
        <v>1</v>
      </c>
      <c r="K19378" s="9">
        <v>4.28</v>
      </c>
      <c r="L19378" s="6" t="s">
        <v>4151</v>
      </c>
    </row>
    <row r="19379" spans="1:12">
      <c r="A19379" s="6" t="s">
        <v>4151</v>
      </c>
      <c r="B19379" s="6"/>
      <c r="C19379" s="6" t="s">
        <v>19415</v>
      </c>
      <c r="D19379" s="6"/>
      <c r="E19379" s="6" t="s">
        <v>9</v>
      </c>
      <c r="F19379" s="7">
        <v>38657</v>
      </c>
      <c r="G19379" s="8">
        <v>1</v>
      </c>
      <c r="H19379" s="8">
        <v>1</v>
      </c>
      <c r="I19379" s="8">
        <v>0</v>
      </c>
      <c r="J19379" s="8">
        <v>1</v>
      </c>
      <c r="K19379" s="9">
        <v>27</v>
      </c>
      <c r="L19379" s="6" t="s">
        <v>4151</v>
      </c>
    </row>
    <row r="19380" spans="1:12">
      <c r="A19380" s="6" t="s">
        <v>4151</v>
      </c>
      <c r="B19380" s="6"/>
      <c r="C19380" s="6" t="s">
        <v>19416</v>
      </c>
      <c r="D19380" s="6"/>
      <c r="E19380" s="6" t="s">
        <v>9</v>
      </c>
      <c r="F19380" s="7">
        <v>38657</v>
      </c>
      <c r="G19380" s="8">
        <v>1</v>
      </c>
      <c r="H19380" s="8">
        <v>1</v>
      </c>
      <c r="I19380" s="8">
        <v>0</v>
      </c>
      <c r="J19380" s="8">
        <v>1</v>
      </c>
      <c r="K19380" s="9">
        <v>25</v>
      </c>
      <c r="L19380" s="6" t="s">
        <v>4151</v>
      </c>
    </row>
    <row r="19381" spans="1:12">
      <c r="A19381" s="6" t="s">
        <v>4151</v>
      </c>
      <c r="B19381" s="6"/>
      <c r="C19381" s="6" t="s">
        <v>19417</v>
      </c>
      <c r="D19381" s="6"/>
      <c r="E19381" s="6" t="s">
        <v>9</v>
      </c>
      <c r="F19381" s="7">
        <v>38657</v>
      </c>
      <c r="G19381" s="8">
        <v>1</v>
      </c>
      <c r="H19381" s="8">
        <v>1</v>
      </c>
      <c r="I19381" s="8">
        <v>0</v>
      </c>
      <c r="J19381" s="8">
        <v>1</v>
      </c>
      <c r="K19381" s="9">
        <v>24</v>
      </c>
      <c r="L19381" s="6" t="s">
        <v>4151</v>
      </c>
    </row>
    <row r="19382" spans="1:12">
      <c r="A19382" s="6" t="s">
        <v>4151</v>
      </c>
      <c r="B19382" s="6"/>
      <c r="C19382" s="6" t="s">
        <v>19418</v>
      </c>
      <c r="D19382" s="6"/>
      <c r="E19382" s="6" t="s">
        <v>9</v>
      </c>
      <c r="F19382" s="7">
        <v>38657</v>
      </c>
      <c r="G19382" s="8">
        <v>1</v>
      </c>
      <c r="H19382" s="8">
        <v>1</v>
      </c>
      <c r="I19382" s="8">
        <v>0</v>
      </c>
      <c r="J19382" s="8">
        <v>1</v>
      </c>
      <c r="K19382" s="9">
        <v>23</v>
      </c>
      <c r="L19382" s="6" t="s">
        <v>4151</v>
      </c>
    </row>
    <row r="19383" spans="1:12">
      <c r="A19383" s="6" t="s">
        <v>4151</v>
      </c>
      <c r="B19383" s="6"/>
      <c r="C19383" s="6" t="s">
        <v>19419</v>
      </c>
      <c r="D19383" s="6"/>
      <c r="E19383" s="6" t="s">
        <v>9</v>
      </c>
      <c r="F19383" s="7">
        <v>38657</v>
      </c>
      <c r="G19383" s="8">
        <v>1</v>
      </c>
      <c r="H19383" s="8">
        <v>1</v>
      </c>
      <c r="I19383" s="8">
        <v>0</v>
      </c>
      <c r="J19383" s="8">
        <v>1</v>
      </c>
      <c r="K19383" s="9">
        <v>23</v>
      </c>
      <c r="L19383" s="6" t="s">
        <v>4151</v>
      </c>
    </row>
    <row r="19384" spans="1:12">
      <c r="A19384" s="6" t="s">
        <v>4151</v>
      </c>
      <c r="B19384" s="6"/>
      <c r="C19384" s="6" t="s">
        <v>19420</v>
      </c>
      <c r="D19384" s="6"/>
      <c r="E19384" s="6" t="s">
        <v>9</v>
      </c>
      <c r="F19384" s="7">
        <v>38657</v>
      </c>
      <c r="G19384" s="8">
        <v>1</v>
      </c>
      <c r="H19384" s="8">
        <v>1</v>
      </c>
      <c r="I19384" s="8">
        <v>0</v>
      </c>
      <c r="J19384" s="8">
        <v>1</v>
      </c>
      <c r="K19384" s="9">
        <v>5.5</v>
      </c>
      <c r="L19384" s="6" t="s">
        <v>4151</v>
      </c>
    </row>
    <row r="19385" spans="1:12">
      <c r="A19385" s="6" t="s">
        <v>4151</v>
      </c>
      <c r="B19385" s="6"/>
      <c r="C19385" s="6" t="s">
        <v>19421</v>
      </c>
      <c r="D19385" s="6"/>
      <c r="E19385" s="6" t="s">
        <v>9</v>
      </c>
      <c r="F19385" s="7">
        <v>38657</v>
      </c>
      <c r="G19385" s="8">
        <v>1</v>
      </c>
      <c r="H19385" s="8">
        <v>1</v>
      </c>
      <c r="I19385" s="8">
        <v>0</v>
      </c>
      <c r="J19385" s="8">
        <v>1</v>
      </c>
      <c r="K19385" s="9">
        <v>14</v>
      </c>
      <c r="L19385" s="6" t="s">
        <v>4151</v>
      </c>
    </row>
    <row r="19386" spans="1:12">
      <c r="A19386" s="6" t="s">
        <v>4151</v>
      </c>
      <c r="B19386" s="6"/>
      <c r="C19386" s="6" t="s">
        <v>19422</v>
      </c>
      <c r="D19386" s="6"/>
      <c r="E19386" s="6" t="s">
        <v>9</v>
      </c>
      <c r="F19386" s="7">
        <v>38657</v>
      </c>
      <c r="G19386" s="8">
        <v>1</v>
      </c>
      <c r="H19386" s="8">
        <v>1</v>
      </c>
      <c r="I19386" s="8">
        <v>0</v>
      </c>
      <c r="J19386" s="8">
        <v>1</v>
      </c>
      <c r="K19386" s="9">
        <v>12</v>
      </c>
      <c r="L19386" s="6" t="s">
        <v>4151</v>
      </c>
    </row>
    <row r="19387" spans="1:12">
      <c r="A19387" s="6" t="s">
        <v>4151</v>
      </c>
      <c r="B19387" s="6"/>
      <c r="C19387" s="6" t="s">
        <v>19423</v>
      </c>
      <c r="D19387" s="6"/>
      <c r="E19387" s="6" t="s">
        <v>9</v>
      </c>
      <c r="F19387" s="7">
        <v>38657</v>
      </c>
      <c r="G19387" s="8">
        <v>1</v>
      </c>
      <c r="H19387" s="8">
        <v>1</v>
      </c>
      <c r="I19387" s="8">
        <v>0</v>
      </c>
      <c r="J19387" s="8">
        <v>1</v>
      </c>
      <c r="K19387" s="9">
        <v>14</v>
      </c>
      <c r="L19387" s="6" t="s">
        <v>4151</v>
      </c>
    </row>
    <row r="19388" spans="1:12">
      <c r="A19388" s="6" t="s">
        <v>4151</v>
      </c>
      <c r="B19388" s="6"/>
      <c r="C19388" s="6" t="s">
        <v>19424</v>
      </c>
      <c r="D19388" s="6"/>
      <c r="E19388" s="6" t="s">
        <v>9</v>
      </c>
      <c r="F19388" s="7">
        <v>38657</v>
      </c>
      <c r="G19388" s="8">
        <v>1</v>
      </c>
      <c r="H19388" s="8">
        <v>1</v>
      </c>
      <c r="I19388" s="8">
        <v>0</v>
      </c>
      <c r="J19388" s="8">
        <v>1</v>
      </c>
      <c r="K19388" s="9">
        <v>7.36</v>
      </c>
      <c r="L19388" s="6" t="s">
        <v>4151</v>
      </c>
    </row>
    <row r="19389" spans="1:12">
      <c r="A19389" s="6" t="s">
        <v>4151</v>
      </c>
      <c r="B19389" s="6"/>
      <c r="C19389" s="6" t="s">
        <v>19425</v>
      </c>
      <c r="D19389" s="6"/>
      <c r="E19389" s="6" t="s">
        <v>9</v>
      </c>
      <c r="F19389" s="7">
        <v>38657</v>
      </c>
      <c r="G19389" s="8">
        <v>1</v>
      </c>
      <c r="H19389" s="8">
        <v>1</v>
      </c>
      <c r="I19389" s="8">
        <v>0</v>
      </c>
      <c r="J19389" s="8">
        <v>1</v>
      </c>
      <c r="K19389" s="9">
        <v>0.67</v>
      </c>
      <c r="L19389" s="6" t="s">
        <v>4151</v>
      </c>
    </row>
    <row r="19390" spans="1:12">
      <c r="A19390" s="6" t="s">
        <v>4151</v>
      </c>
      <c r="B19390" s="6"/>
      <c r="C19390" s="6" t="s">
        <v>19426</v>
      </c>
      <c r="D19390" s="6"/>
      <c r="E19390" s="6" t="s">
        <v>9</v>
      </c>
      <c r="F19390" s="7">
        <v>38657</v>
      </c>
      <c r="G19390" s="8">
        <v>1</v>
      </c>
      <c r="H19390" s="8">
        <v>1</v>
      </c>
      <c r="I19390" s="8">
        <v>0</v>
      </c>
      <c r="J19390" s="8">
        <v>1</v>
      </c>
      <c r="K19390" s="9">
        <v>22</v>
      </c>
      <c r="L19390" s="6" t="s">
        <v>4151</v>
      </c>
    </row>
    <row r="19391" spans="1:12">
      <c r="A19391" s="6" t="s">
        <v>4151</v>
      </c>
      <c r="B19391" s="6"/>
      <c r="C19391" s="6" t="s">
        <v>19427</v>
      </c>
      <c r="D19391" s="6"/>
      <c r="E19391" s="6" t="s">
        <v>9</v>
      </c>
      <c r="F19391" s="7">
        <v>38657</v>
      </c>
      <c r="G19391" s="8">
        <v>1</v>
      </c>
      <c r="H19391" s="8">
        <v>1</v>
      </c>
      <c r="I19391" s="8">
        <v>0</v>
      </c>
      <c r="J19391" s="8">
        <v>1</v>
      </c>
      <c r="K19391" s="9">
        <v>22</v>
      </c>
      <c r="L19391" s="6" t="s">
        <v>4151</v>
      </c>
    </row>
    <row r="19392" spans="1:12">
      <c r="A19392" s="6" t="s">
        <v>4151</v>
      </c>
      <c r="B19392" s="6"/>
      <c r="C19392" s="6" t="s">
        <v>19428</v>
      </c>
      <c r="D19392" s="6"/>
      <c r="E19392" s="6" t="s">
        <v>9</v>
      </c>
      <c r="F19392" s="7">
        <v>38657</v>
      </c>
      <c r="G19392" s="8">
        <v>1</v>
      </c>
      <c r="H19392" s="8">
        <v>1</v>
      </c>
      <c r="I19392" s="8">
        <v>0</v>
      </c>
      <c r="J19392" s="8">
        <v>1</v>
      </c>
      <c r="K19392" s="9">
        <v>4.41</v>
      </c>
      <c r="L19392" s="6" t="s">
        <v>4151</v>
      </c>
    </row>
    <row r="19393" spans="1:12">
      <c r="A19393" s="6" t="s">
        <v>4151</v>
      </c>
      <c r="B19393" s="6"/>
      <c r="C19393" s="6" t="s">
        <v>19429</v>
      </c>
      <c r="D19393" s="6"/>
      <c r="E19393" s="6" t="s">
        <v>9</v>
      </c>
      <c r="F19393" s="7">
        <v>38657</v>
      </c>
      <c r="G19393" s="8">
        <v>1</v>
      </c>
      <c r="H19393" s="8">
        <v>1</v>
      </c>
      <c r="I19393" s="8">
        <v>0</v>
      </c>
      <c r="J19393" s="8">
        <v>1</v>
      </c>
      <c r="K19393" s="9">
        <v>17</v>
      </c>
      <c r="L19393" s="6" t="s">
        <v>4151</v>
      </c>
    </row>
    <row r="19394" spans="1:12">
      <c r="A19394" s="6" t="s">
        <v>4151</v>
      </c>
      <c r="B19394" s="6"/>
      <c r="C19394" s="6" t="s">
        <v>19430</v>
      </c>
      <c r="D19394" s="6"/>
      <c r="E19394" s="6" t="s">
        <v>9</v>
      </c>
      <c r="F19394" s="7">
        <v>38657</v>
      </c>
      <c r="G19394" s="8">
        <v>1</v>
      </c>
      <c r="H19394" s="8">
        <v>1</v>
      </c>
      <c r="I19394" s="8">
        <v>0</v>
      </c>
      <c r="J19394" s="8">
        <v>1</v>
      </c>
      <c r="K19394" s="9">
        <v>22</v>
      </c>
      <c r="L19394" s="6" t="s">
        <v>4151</v>
      </c>
    </row>
    <row r="19395" spans="1:12">
      <c r="A19395" s="6" t="s">
        <v>4151</v>
      </c>
      <c r="B19395" s="6"/>
      <c r="C19395" s="6" t="s">
        <v>19431</v>
      </c>
      <c r="D19395" s="6"/>
      <c r="E19395" s="6" t="s">
        <v>9</v>
      </c>
      <c r="F19395" s="7">
        <v>38657</v>
      </c>
      <c r="G19395" s="8">
        <v>1</v>
      </c>
      <c r="H19395" s="8">
        <v>1</v>
      </c>
      <c r="I19395" s="8">
        <v>0</v>
      </c>
      <c r="J19395" s="8">
        <v>1</v>
      </c>
      <c r="K19395" s="9">
        <v>21</v>
      </c>
      <c r="L19395" s="6" t="s">
        <v>4151</v>
      </c>
    </row>
    <row r="19396" spans="1:12">
      <c r="A19396" s="6" t="s">
        <v>4151</v>
      </c>
      <c r="B19396" s="6"/>
      <c r="C19396" s="6" t="s">
        <v>19432</v>
      </c>
      <c r="D19396" s="6"/>
      <c r="E19396" s="6" t="s">
        <v>9</v>
      </c>
      <c r="F19396" s="7">
        <v>38657</v>
      </c>
      <c r="G19396" s="8">
        <v>1</v>
      </c>
      <c r="H19396" s="8">
        <v>1</v>
      </c>
      <c r="I19396" s="8">
        <v>0</v>
      </c>
      <c r="J19396" s="8">
        <v>1</v>
      </c>
      <c r="K19396" s="9">
        <v>0.81</v>
      </c>
      <c r="L19396" s="6" t="s">
        <v>4151</v>
      </c>
    </row>
    <row r="19397" spans="1:12">
      <c r="A19397" s="6" t="s">
        <v>4151</v>
      </c>
      <c r="B19397" s="6"/>
      <c r="C19397" s="6" t="s">
        <v>19433</v>
      </c>
      <c r="D19397" s="6"/>
      <c r="E19397" s="6" t="s">
        <v>9</v>
      </c>
      <c r="F19397" s="7">
        <v>38657</v>
      </c>
      <c r="G19397" s="8">
        <v>1</v>
      </c>
      <c r="H19397" s="8">
        <v>1</v>
      </c>
      <c r="I19397" s="8">
        <v>0</v>
      </c>
      <c r="J19397" s="8">
        <v>1</v>
      </c>
      <c r="K19397" s="9">
        <v>8.77</v>
      </c>
      <c r="L19397" s="6" t="s">
        <v>4151</v>
      </c>
    </row>
    <row r="19398" spans="1:12">
      <c r="A19398" s="6" t="s">
        <v>4151</v>
      </c>
      <c r="B19398" s="6"/>
      <c r="C19398" s="6" t="s">
        <v>19434</v>
      </c>
      <c r="D19398" s="6"/>
      <c r="E19398" s="6" t="s">
        <v>9</v>
      </c>
      <c r="F19398" s="7">
        <v>38657</v>
      </c>
      <c r="G19398" s="8">
        <v>1</v>
      </c>
      <c r="H19398" s="8">
        <v>1</v>
      </c>
      <c r="I19398" s="8">
        <v>0</v>
      </c>
      <c r="J19398" s="8">
        <v>1</v>
      </c>
      <c r="K19398" s="9">
        <v>13</v>
      </c>
      <c r="L19398" s="6" t="s">
        <v>4151</v>
      </c>
    </row>
    <row r="19399" spans="1:12">
      <c r="A19399" s="6" t="s">
        <v>4151</v>
      </c>
      <c r="B19399" s="6"/>
      <c r="C19399" s="6" t="s">
        <v>19435</v>
      </c>
      <c r="D19399" s="6"/>
      <c r="E19399" s="6" t="s">
        <v>9</v>
      </c>
      <c r="F19399" s="7">
        <v>38657</v>
      </c>
      <c r="G19399" s="8">
        <v>1</v>
      </c>
      <c r="H19399" s="8">
        <v>1</v>
      </c>
      <c r="I19399" s="8">
        <v>0</v>
      </c>
      <c r="J19399" s="8">
        <v>1</v>
      </c>
      <c r="K19399" s="9">
        <v>15</v>
      </c>
      <c r="L19399" s="6" t="s">
        <v>4151</v>
      </c>
    </row>
    <row r="19400" spans="1:12">
      <c r="A19400" s="6" t="s">
        <v>4151</v>
      </c>
      <c r="B19400" s="6"/>
      <c r="C19400" s="6" t="s">
        <v>19436</v>
      </c>
      <c r="D19400" s="6"/>
      <c r="E19400" s="6" t="s">
        <v>9</v>
      </c>
      <c r="F19400" s="7">
        <v>38657</v>
      </c>
      <c r="G19400" s="8">
        <v>1</v>
      </c>
      <c r="H19400" s="8">
        <v>1</v>
      </c>
      <c r="I19400" s="8">
        <v>0</v>
      </c>
      <c r="J19400" s="8">
        <v>1</v>
      </c>
      <c r="K19400" s="9">
        <v>18</v>
      </c>
      <c r="L19400" s="6" t="s">
        <v>4151</v>
      </c>
    </row>
    <row r="19401" spans="1:12">
      <c r="A19401" s="6" t="s">
        <v>4151</v>
      </c>
      <c r="B19401" s="6"/>
      <c r="C19401" s="6" t="s">
        <v>19437</v>
      </c>
      <c r="D19401" s="6"/>
      <c r="E19401" s="6" t="s">
        <v>9</v>
      </c>
      <c r="F19401" s="7">
        <v>38657</v>
      </c>
      <c r="G19401" s="8">
        <v>1</v>
      </c>
      <c r="H19401" s="8">
        <v>1</v>
      </c>
      <c r="I19401" s="8">
        <v>0</v>
      </c>
      <c r="J19401" s="8">
        <v>1</v>
      </c>
      <c r="K19401" s="9">
        <v>1.88</v>
      </c>
      <c r="L19401" s="6" t="s">
        <v>4151</v>
      </c>
    </row>
    <row r="19402" spans="1:12">
      <c r="A19402" s="6" t="s">
        <v>4151</v>
      </c>
      <c r="B19402" s="6"/>
      <c r="C19402" s="6" t="s">
        <v>19438</v>
      </c>
      <c r="D19402" s="6"/>
      <c r="E19402" s="6" t="s">
        <v>9</v>
      </c>
      <c r="F19402" s="7">
        <v>38657</v>
      </c>
      <c r="G19402" s="8">
        <v>1</v>
      </c>
      <c r="H19402" s="8">
        <v>1</v>
      </c>
      <c r="I19402" s="8">
        <v>0</v>
      </c>
      <c r="J19402" s="8">
        <v>1</v>
      </c>
      <c r="K19402" s="9">
        <v>6.59</v>
      </c>
      <c r="L19402" s="6" t="s">
        <v>4151</v>
      </c>
    </row>
    <row r="19403" spans="1:12">
      <c r="A19403" s="6" t="s">
        <v>4151</v>
      </c>
      <c r="B19403" s="6"/>
      <c r="C19403" s="6" t="s">
        <v>19439</v>
      </c>
      <c r="D19403" s="6"/>
      <c r="E19403" s="6" t="s">
        <v>9</v>
      </c>
      <c r="F19403" s="7">
        <v>38657</v>
      </c>
      <c r="G19403" s="8">
        <v>1</v>
      </c>
      <c r="H19403" s="8">
        <v>1</v>
      </c>
      <c r="I19403" s="8">
        <v>0</v>
      </c>
      <c r="J19403" s="8">
        <v>1</v>
      </c>
      <c r="K19403" s="9">
        <v>22</v>
      </c>
      <c r="L19403" s="6" t="s">
        <v>4151</v>
      </c>
    </row>
    <row r="19404" spans="1:12">
      <c r="A19404" s="6" t="s">
        <v>4151</v>
      </c>
      <c r="B19404" s="6"/>
      <c r="C19404" s="6" t="s">
        <v>19440</v>
      </c>
      <c r="D19404" s="6"/>
      <c r="E19404" s="6" t="s">
        <v>9</v>
      </c>
      <c r="F19404" s="7">
        <v>38657</v>
      </c>
      <c r="G19404" s="8">
        <v>1</v>
      </c>
      <c r="H19404" s="8">
        <v>1</v>
      </c>
      <c r="I19404" s="8">
        <v>0</v>
      </c>
      <c r="J19404" s="8">
        <v>1</v>
      </c>
      <c r="K19404" s="9">
        <v>22</v>
      </c>
      <c r="L19404" s="6" t="s">
        <v>4151</v>
      </c>
    </row>
    <row r="19405" spans="1:12">
      <c r="A19405" s="6" t="s">
        <v>4151</v>
      </c>
      <c r="B19405" s="6"/>
      <c r="C19405" s="6" t="s">
        <v>19441</v>
      </c>
      <c r="D19405" s="6"/>
      <c r="E19405" s="6" t="s">
        <v>9</v>
      </c>
      <c r="F19405" s="7">
        <v>38657</v>
      </c>
      <c r="G19405" s="8">
        <v>1</v>
      </c>
      <c r="H19405" s="8">
        <v>1</v>
      </c>
      <c r="I19405" s="8">
        <v>0</v>
      </c>
      <c r="J19405" s="8">
        <v>1</v>
      </c>
      <c r="K19405" s="9">
        <v>22</v>
      </c>
      <c r="L19405" s="6" t="s">
        <v>4151</v>
      </c>
    </row>
    <row r="19406" spans="1:12">
      <c r="A19406" s="6" t="s">
        <v>4151</v>
      </c>
      <c r="B19406" s="6"/>
      <c r="C19406" s="6" t="s">
        <v>19442</v>
      </c>
      <c r="D19406" s="6"/>
      <c r="E19406" s="6" t="s">
        <v>9</v>
      </c>
      <c r="F19406" s="7">
        <v>38657</v>
      </c>
      <c r="G19406" s="8">
        <v>1</v>
      </c>
      <c r="H19406" s="8">
        <v>1</v>
      </c>
      <c r="I19406" s="8">
        <v>0</v>
      </c>
      <c r="J19406" s="8">
        <v>1</v>
      </c>
      <c r="K19406" s="9">
        <v>10</v>
      </c>
      <c r="L19406" s="6" t="s">
        <v>4151</v>
      </c>
    </row>
    <row r="19407" spans="1:12">
      <c r="A19407" s="6" t="s">
        <v>4151</v>
      </c>
      <c r="B19407" s="6"/>
      <c r="C19407" s="6" t="s">
        <v>19443</v>
      </c>
      <c r="D19407" s="6"/>
      <c r="E19407" s="6" t="s">
        <v>9</v>
      </c>
      <c r="F19407" s="7">
        <v>38657</v>
      </c>
      <c r="G19407" s="8">
        <v>1</v>
      </c>
      <c r="H19407" s="8">
        <v>1</v>
      </c>
      <c r="I19407" s="8">
        <v>0</v>
      </c>
      <c r="J19407" s="8">
        <v>1</v>
      </c>
      <c r="K19407" s="9">
        <v>15</v>
      </c>
      <c r="L19407" s="6" t="s">
        <v>4151</v>
      </c>
    </row>
    <row r="19408" spans="1:12">
      <c r="A19408" s="6" t="s">
        <v>4151</v>
      </c>
      <c r="B19408" s="6"/>
      <c r="C19408" s="6" t="s">
        <v>19444</v>
      </c>
      <c r="D19408" s="6"/>
      <c r="E19408" s="6" t="s">
        <v>9</v>
      </c>
      <c r="F19408" s="7">
        <v>38657</v>
      </c>
      <c r="G19408" s="8">
        <v>1</v>
      </c>
      <c r="H19408" s="8">
        <v>1</v>
      </c>
      <c r="I19408" s="8">
        <v>0</v>
      </c>
      <c r="J19408" s="8">
        <v>1</v>
      </c>
      <c r="K19408" s="9">
        <v>15</v>
      </c>
      <c r="L19408" s="6" t="s">
        <v>4151</v>
      </c>
    </row>
    <row r="19409" spans="1:12">
      <c r="A19409" s="6" t="s">
        <v>4151</v>
      </c>
      <c r="B19409" s="6"/>
      <c r="C19409" s="6" t="s">
        <v>19445</v>
      </c>
      <c r="D19409" s="6"/>
      <c r="E19409" s="6" t="s">
        <v>9</v>
      </c>
      <c r="F19409" s="7">
        <v>38657</v>
      </c>
      <c r="G19409" s="8">
        <v>1</v>
      </c>
      <c r="H19409" s="8">
        <v>1</v>
      </c>
      <c r="I19409" s="8">
        <v>0</v>
      </c>
      <c r="J19409" s="8">
        <v>1</v>
      </c>
      <c r="K19409" s="9">
        <v>22</v>
      </c>
      <c r="L19409" s="6" t="s">
        <v>4151</v>
      </c>
    </row>
    <row r="19410" spans="1:12">
      <c r="A19410" s="6" t="s">
        <v>4151</v>
      </c>
      <c r="B19410" s="6"/>
      <c r="C19410" s="6" t="s">
        <v>19446</v>
      </c>
      <c r="D19410" s="6"/>
      <c r="E19410" s="6" t="s">
        <v>9</v>
      </c>
      <c r="F19410" s="7">
        <v>38657</v>
      </c>
      <c r="G19410" s="8">
        <v>1</v>
      </c>
      <c r="H19410" s="8">
        <v>1</v>
      </c>
      <c r="I19410" s="8">
        <v>0</v>
      </c>
      <c r="J19410" s="8">
        <v>1</v>
      </c>
      <c r="K19410" s="9">
        <v>14</v>
      </c>
      <c r="L19410" s="6" t="s">
        <v>4151</v>
      </c>
    </row>
    <row r="19411" spans="1:12">
      <c r="A19411" s="6" t="s">
        <v>4151</v>
      </c>
      <c r="B19411" s="6"/>
      <c r="C19411" s="6" t="s">
        <v>19447</v>
      </c>
      <c r="D19411" s="6"/>
      <c r="E19411" s="6" t="s">
        <v>9</v>
      </c>
      <c r="F19411" s="7">
        <v>38657</v>
      </c>
      <c r="G19411" s="8">
        <v>1</v>
      </c>
      <c r="H19411" s="8">
        <v>1</v>
      </c>
      <c r="I19411" s="8">
        <v>0</v>
      </c>
      <c r="J19411" s="8">
        <v>1</v>
      </c>
      <c r="K19411" s="9">
        <v>27</v>
      </c>
      <c r="L19411" s="6" t="s">
        <v>4151</v>
      </c>
    </row>
    <row r="19412" spans="1:12">
      <c r="A19412" s="6" t="s">
        <v>4151</v>
      </c>
      <c r="B19412" s="6"/>
      <c r="C19412" s="6" t="s">
        <v>19448</v>
      </c>
      <c r="D19412" s="6"/>
      <c r="E19412" s="6" t="s">
        <v>9</v>
      </c>
      <c r="F19412" s="7">
        <v>38657</v>
      </c>
      <c r="G19412" s="8">
        <v>1</v>
      </c>
      <c r="H19412" s="8">
        <v>1</v>
      </c>
      <c r="I19412" s="8">
        <v>0</v>
      </c>
      <c r="J19412" s="8">
        <v>1</v>
      </c>
      <c r="K19412" s="9">
        <v>4.38</v>
      </c>
      <c r="L19412" s="6" t="s">
        <v>4151</v>
      </c>
    </row>
    <row r="19413" spans="1:12">
      <c r="A19413" s="6" t="s">
        <v>4151</v>
      </c>
      <c r="B19413" s="6"/>
      <c r="C19413" s="6" t="s">
        <v>19449</v>
      </c>
      <c r="D19413" s="6"/>
      <c r="E19413" s="6" t="s">
        <v>9</v>
      </c>
      <c r="F19413" s="7">
        <v>38657</v>
      </c>
      <c r="G19413" s="8">
        <v>1</v>
      </c>
      <c r="H19413" s="8">
        <v>1</v>
      </c>
      <c r="I19413" s="8">
        <v>0</v>
      </c>
      <c r="J19413" s="8">
        <v>1</v>
      </c>
      <c r="K19413" s="9">
        <v>17</v>
      </c>
      <c r="L19413" s="6" t="s">
        <v>4151</v>
      </c>
    </row>
    <row r="19414" spans="1:12">
      <c r="A19414" s="6" t="s">
        <v>4151</v>
      </c>
      <c r="B19414" s="6"/>
      <c r="C19414" s="6" t="s">
        <v>19450</v>
      </c>
      <c r="D19414" s="6"/>
      <c r="E19414" s="6" t="s">
        <v>9</v>
      </c>
      <c r="F19414" s="7">
        <v>38657</v>
      </c>
      <c r="G19414" s="8">
        <v>1</v>
      </c>
      <c r="H19414" s="8">
        <v>1</v>
      </c>
      <c r="I19414" s="8">
        <v>0</v>
      </c>
      <c r="J19414" s="8">
        <v>1</v>
      </c>
      <c r="K19414" s="9">
        <v>19</v>
      </c>
      <c r="L19414" s="6" t="s">
        <v>4151</v>
      </c>
    </row>
    <row r="19415" spans="1:12">
      <c r="A19415" s="6" t="s">
        <v>4151</v>
      </c>
      <c r="B19415" s="6"/>
      <c r="C19415" s="6" t="s">
        <v>19451</v>
      </c>
      <c r="D19415" s="6"/>
      <c r="E19415" s="6" t="s">
        <v>9</v>
      </c>
      <c r="F19415" s="7">
        <v>38657</v>
      </c>
      <c r="G19415" s="8">
        <v>1</v>
      </c>
      <c r="H19415" s="8">
        <v>1</v>
      </c>
      <c r="I19415" s="8">
        <v>0</v>
      </c>
      <c r="J19415" s="8">
        <v>1</v>
      </c>
      <c r="K19415" s="9">
        <v>22</v>
      </c>
      <c r="L19415" s="6" t="s">
        <v>4151</v>
      </c>
    </row>
    <row r="19416" spans="1:12">
      <c r="A19416" s="6" t="s">
        <v>4151</v>
      </c>
      <c r="B19416" s="6"/>
      <c r="C19416" s="6" t="s">
        <v>19452</v>
      </c>
      <c r="D19416" s="6"/>
      <c r="E19416" s="6" t="s">
        <v>9</v>
      </c>
      <c r="F19416" s="7">
        <v>38657</v>
      </c>
      <c r="G19416" s="8">
        <v>1</v>
      </c>
      <c r="H19416" s="8">
        <v>1</v>
      </c>
      <c r="I19416" s="8">
        <v>0</v>
      </c>
      <c r="J19416" s="8">
        <v>1</v>
      </c>
      <c r="K19416" s="9">
        <v>3.74</v>
      </c>
      <c r="L19416" s="6" t="s">
        <v>4151</v>
      </c>
    </row>
    <row r="19417" spans="1:12">
      <c r="A19417" s="6" t="s">
        <v>4151</v>
      </c>
      <c r="B19417" s="6"/>
      <c r="C19417" s="6" t="s">
        <v>19453</v>
      </c>
      <c r="D19417" s="6"/>
      <c r="E19417" s="6" t="s">
        <v>9</v>
      </c>
      <c r="F19417" s="7">
        <v>38657</v>
      </c>
      <c r="G19417" s="8">
        <v>1</v>
      </c>
      <c r="H19417" s="8">
        <v>1</v>
      </c>
      <c r="I19417" s="8">
        <v>0</v>
      </c>
      <c r="J19417" s="8">
        <v>1</v>
      </c>
      <c r="K19417" s="9">
        <v>22</v>
      </c>
      <c r="L19417" s="6" t="s">
        <v>4151</v>
      </c>
    </row>
    <row r="19418" spans="1:12">
      <c r="A19418" s="6" t="s">
        <v>4151</v>
      </c>
      <c r="B19418" s="6"/>
      <c r="C19418" s="6" t="s">
        <v>19454</v>
      </c>
      <c r="D19418" s="6"/>
      <c r="E19418" s="6" t="s">
        <v>9</v>
      </c>
      <c r="F19418" s="7">
        <v>38657</v>
      </c>
      <c r="G19418" s="8">
        <v>1</v>
      </c>
      <c r="H19418" s="8">
        <v>1</v>
      </c>
      <c r="I19418" s="8">
        <v>0</v>
      </c>
      <c r="J19418" s="8">
        <v>1</v>
      </c>
      <c r="K19418" s="9">
        <v>3.75</v>
      </c>
      <c r="L19418" s="6" t="s">
        <v>4151</v>
      </c>
    </row>
    <row r="19419" spans="1:12">
      <c r="A19419" s="6" t="s">
        <v>4151</v>
      </c>
      <c r="B19419" s="6"/>
      <c r="C19419" s="6" t="s">
        <v>19455</v>
      </c>
      <c r="D19419" s="6"/>
      <c r="E19419" s="6" t="s">
        <v>9</v>
      </c>
      <c r="F19419" s="7">
        <v>38657</v>
      </c>
      <c r="G19419" s="8">
        <v>1</v>
      </c>
      <c r="H19419" s="8">
        <v>1</v>
      </c>
      <c r="I19419" s="8">
        <v>0</v>
      </c>
      <c r="J19419" s="8">
        <v>1</v>
      </c>
      <c r="K19419" s="9">
        <v>21</v>
      </c>
      <c r="L19419" s="6" t="s">
        <v>4151</v>
      </c>
    </row>
    <row r="19420" spans="1:12">
      <c r="A19420" s="6" t="s">
        <v>4151</v>
      </c>
      <c r="B19420" s="6"/>
      <c r="C19420" s="6" t="s">
        <v>19456</v>
      </c>
      <c r="D19420" s="6"/>
      <c r="E19420" s="6" t="s">
        <v>9</v>
      </c>
      <c r="F19420" s="7">
        <v>38657</v>
      </c>
      <c r="G19420" s="8">
        <v>1</v>
      </c>
      <c r="H19420" s="8">
        <v>1</v>
      </c>
      <c r="I19420" s="8">
        <v>0</v>
      </c>
      <c r="J19420" s="8">
        <v>1</v>
      </c>
      <c r="K19420" s="9">
        <v>15</v>
      </c>
      <c r="L19420" s="6" t="s">
        <v>4151</v>
      </c>
    </row>
    <row r="19421" spans="1:12">
      <c r="A19421" s="6" t="s">
        <v>4151</v>
      </c>
      <c r="B19421" s="6"/>
      <c r="C19421" s="6" t="s">
        <v>19457</v>
      </c>
      <c r="D19421" s="6"/>
      <c r="E19421" s="6" t="s">
        <v>9</v>
      </c>
      <c r="F19421" s="7">
        <v>38657</v>
      </c>
      <c r="G19421" s="8">
        <v>1</v>
      </c>
      <c r="H19421" s="8">
        <v>1</v>
      </c>
      <c r="I19421" s="8">
        <v>0</v>
      </c>
      <c r="J19421" s="8">
        <v>1</v>
      </c>
      <c r="K19421" s="9">
        <v>5.18</v>
      </c>
      <c r="L19421" s="6" t="s">
        <v>4151</v>
      </c>
    </row>
    <row r="19422" spans="1:12">
      <c r="A19422" s="6" t="s">
        <v>4151</v>
      </c>
      <c r="B19422" s="6"/>
      <c r="C19422" s="6" t="s">
        <v>19458</v>
      </c>
      <c r="D19422" s="6"/>
      <c r="E19422" s="6" t="s">
        <v>9</v>
      </c>
      <c r="F19422" s="7">
        <v>38657</v>
      </c>
      <c r="G19422" s="8">
        <v>1</v>
      </c>
      <c r="H19422" s="8">
        <v>1</v>
      </c>
      <c r="I19422" s="8">
        <v>0</v>
      </c>
      <c r="J19422" s="8">
        <v>1</v>
      </c>
      <c r="K19422" s="9">
        <v>10</v>
      </c>
      <c r="L19422" s="6" t="s">
        <v>4151</v>
      </c>
    </row>
    <row r="19423" spans="1:12">
      <c r="A19423" s="6" t="s">
        <v>4151</v>
      </c>
      <c r="B19423" s="6"/>
      <c r="C19423" s="6" t="s">
        <v>19459</v>
      </c>
      <c r="D19423" s="6"/>
      <c r="E19423" s="6" t="s">
        <v>9</v>
      </c>
      <c r="F19423" s="7">
        <v>38657</v>
      </c>
      <c r="G19423" s="8">
        <v>1</v>
      </c>
      <c r="H19423" s="8">
        <v>1</v>
      </c>
      <c r="I19423" s="8">
        <v>0</v>
      </c>
      <c r="J19423" s="8">
        <v>1</v>
      </c>
      <c r="K19423" s="9">
        <v>0.19</v>
      </c>
      <c r="L19423" s="6" t="s">
        <v>4151</v>
      </c>
    </row>
    <row r="19424" spans="1:12">
      <c r="A19424" s="6" t="s">
        <v>4151</v>
      </c>
      <c r="B19424" s="6"/>
      <c r="C19424" s="6" t="s">
        <v>19460</v>
      </c>
      <c r="D19424" s="6"/>
      <c r="E19424" s="6" t="s">
        <v>9</v>
      </c>
      <c r="F19424" s="7">
        <v>38657</v>
      </c>
      <c r="G19424" s="8">
        <v>1</v>
      </c>
      <c r="H19424" s="8">
        <v>1</v>
      </c>
      <c r="I19424" s="8">
        <v>0</v>
      </c>
      <c r="J19424" s="8">
        <v>1</v>
      </c>
      <c r="K19424" s="9">
        <v>22</v>
      </c>
      <c r="L19424" s="6" t="s">
        <v>4151</v>
      </c>
    </row>
    <row r="19425" spans="1:12">
      <c r="A19425" s="6" t="s">
        <v>4151</v>
      </c>
      <c r="B19425" s="6"/>
      <c r="C19425" s="6" t="s">
        <v>19461</v>
      </c>
      <c r="D19425" s="6"/>
      <c r="E19425" s="6" t="s">
        <v>9</v>
      </c>
      <c r="F19425" s="7">
        <v>38657</v>
      </c>
      <c r="G19425" s="8">
        <v>1</v>
      </c>
      <c r="H19425" s="8">
        <v>1</v>
      </c>
      <c r="I19425" s="8">
        <v>0</v>
      </c>
      <c r="J19425" s="8">
        <v>1</v>
      </c>
      <c r="K19425" s="9">
        <v>22</v>
      </c>
      <c r="L19425" s="6" t="s">
        <v>4151</v>
      </c>
    </row>
    <row r="19426" spans="1:12">
      <c r="A19426" s="6" t="s">
        <v>4151</v>
      </c>
      <c r="B19426" s="6"/>
      <c r="C19426" s="6" t="s">
        <v>19462</v>
      </c>
      <c r="D19426" s="6"/>
      <c r="E19426" s="6" t="s">
        <v>9</v>
      </c>
      <c r="F19426" s="7">
        <v>38657</v>
      </c>
      <c r="G19426" s="8">
        <v>1</v>
      </c>
      <c r="H19426" s="8">
        <v>1</v>
      </c>
      <c r="I19426" s="8">
        <v>0</v>
      </c>
      <c r="J19426" s="8">
        <v>1</v>
      </c>
      <c r="K19426" s="9">
        <v>13</v>
      </c>
      <c r="L19426" s="6" t="s">
        <v>4151</v>
      </c>
    </row>
    <row r="19427" spans="1:12">
      <c r="A19427" s="6" t="s">
        <v>4151</v>
      </c>
      <c r="B19427" s="6"/>
      <c r="C19427" s="6" t="s">
        <v>19463</v>
      </c>
      <c r="D19427" s="6"/>
      <c r="E19427" s="6" t="s">
        <v>9</v>
      </c>
      <c r="F19427" s="7">
        <v>38657</v>
      </c>
      <c r="G19427" s="8">
        <v>1</v>
      </c>
      <c r="H19427" s="8">
        <v>1</v>
      </c>
      <c r="I19427" s="8">
        <v>0</v>
      </c>
      <c r="J19427" s="8">
        <v>1</v>
      </c>
      <c r="K19427" s="9">
        <v>24</v>
      </c>
      <c r="L19427" s="6" t="s">
        <v>4151</v>
      </c>
    </row>
    <row r="19428" spans="1:12">
      <c r="A19428" s="6" t="s">
        <v>4151</v>
      </c>
      <c r="B19428" s="6"/>
      <c r="C19428" s="6" t="s">
        <v>19464</v>
      </c>
      <c r="D19428" s="6"/>
      <c r="E19428" s="6" t="s">
        <v>9</v>
      </c>
      <c r="F19428" s="7">
        <v>38657</v>
      </c>
      <c r="G19428" s="8">
        <v>1</v>
      </c>
      <c r="H19428" s="8">
        <v>1</v>
      </c>
      <c r="I19428" s="8">
        <v>0</v>
      </c>
      <c r="J19428" s="8">
        <v>1</v>
      </c>
      <c r="K19428" s="9">
        <v>22</v>
      </c>
      <c r="L19428" s="6" t="s">
        <v>4151</v>
      </c>
    </row>
    <row r="19429" spans="1:12">
      <c r="A19429" s="6" t="s">
        <v>4151</v>
      </c>
      <c r="B19429" s="6"/>
      <c r="C19429" s="6" t="s">
        <v>19465</v>
      </c>
      <c r="D19429" s="6"/>
      <c r="E19429" s="6" t="s">
        <v>9</v>
      </c>
      <c r="F19429" s="7">
        <v>38657</v>
      </c>
      <c r="G19429" s="8">
        <v>1</v>
      </c>
      <c r="H19429" s="8">
        <v>1</v>
      </c>
      <c r="I19429" s="8">
        <v>0</v>
      </c>
      <c r="J19429" s="8">
        <v>1</v>
      </c>
      <c r="K19429" s="9">
        <v>41</v>
      </c>
      <c r="L19429" s="6" t="s">
        <v>4151</v>
      </c>
    </row>
    <row r="19430" spans="1:12">
      <c r="A19430" s="6" t="s">
        <v>4151</v>
      </c>
      <c r="B19430" s="6"/>
      <c r="C19430" s="6" t="s">
        <v>19466</v>
      </c>
      <c r="D19430" s="6"/>
      <c r="E19430" s="6" t="s">
        <v>9</v>
      </c>
      <c r="F19430" s="7">
        <v>38657</v>
      </c>
      <c r="G19430" s="8">
        <v>1</v>
      </c>
      <c r="H19430" s="8">
        <v>1</v>
      </c>
      <c r="I19430" s="8">
        <v>0</v>
      </c>
      <c r="J19430" s="8">
        <v>1</v>
      </c>
      <c r="K19430" s="9">
        <v>22</v>
      </c>
      <c r="L19430" s="6" t="s">
        <v>4151</v>
      </c>
    </row>
    <row r="19431" spans="1:12">
      <c r="A19431" s="6" t="s">
        <v>4151</v>
      </c>
      <c r="B19431" s="6"/>
      <c r="C19431" s="6" t="s">
        <v>19467</v>
      </c>
      <c r="D19431" s="6"/>
      <c r="E19431" s="6" t="s">
        <v>9</v>
      </c>
      <c r="F19431" s="7">
        <v>38657</v>
      </c>
      <c r="G19431" s="8">
        <v>1</v>
      </c>
      <c r="H19431" s="8">
        <v>1</v>
      </c>
      <c r="I19431" s="8">
        <v>0</v>
      </c>
      <c r="J19431" s="8">
        <v>1</v>
      </c>
      <c r="K19431" s="9">
        <v>22</v>
      </c>
      <c r="L19431" s="6" t="s">
        <v>4151</v>
      </c>
    </row>
    <row r="19432" spans="1:12">
      <c r="A19432" s="6" t="s">
        <v>4151</v>
      </c>
      <c r="B19432" s="6"/>
      <c r="C19432" s="6" t="s">
        <v>19468</v>
      </c>
      <c r="D19432" s="6"/>
      <c r="E19432" s="6" t="s">
        <v>9</v>
      </c>
      <c r="F19432" s="7">
        <v>38657</v>
      </c>
      <c r="G19432" s="8">
        <v>1</v>
      </c>
      <c r="H19432" s="8">
        <v>1</v>
      </c>
      <c r="I19432" s="8">
        <v>0</v>
      </c>
      <c r="J19432" s="8">
        <v>1</v>
      </c>
      <c r="K19432" s="9">
        <v>22</v>
      </c>
      <c r="L19432" s="6" t="s">
        <v>4151</v>
      </c>
    </row>
    <row r="19433" spans="1:12">
      <c r="A19433" s="6" t="s">
        <v>4151</v>
      </c>
      <c r="B19433" s="6"/>
      <c r="C19433" s="6" t="s">
        <v>19469</v>
      </c>
      <c r="D19433" s="6"/>
      <c r="E19433" s="6" t="s">
        <v>9</v>
      </c>
      <c r="F19433" s="7">
        <v>38657</v>
      </c>
      <c r="G19433" s="8">
        <v>1</v>
      </c>
      <c r="H19433" s="8">
        <v>1</v>
      </c>
      <c r="I19433" s="8">
        <v>0</v>
      </c>
      <c r="J19433" s="8">
        <v>1</v>
      </c>
      <c r="K19433" s="9">
        <v>5.25</v>
      </c>
      <c r="L19433" s="6" t="s">
        <v>4151</v>
      </c>
    </row>
    <row r="19434" spans="1:12">
      <c r="A19434" s="6" t="s">
        <v>4151</v>
      </c>
      <c r="B19434" s="6"/>
      <c r="C19434" s="6" t="s">
        <v>19470</v>
      </c>
      <c r="D19434" s="6"/>
      <c r="E19434" s="6" t="s">
        <v>9</v>
      </c>
      <c r="F19434" s="7">
        <v>38657</v>
      </c>
      <c r="G19434" s="8">
        <v>1</v>
      </c>
      <c r="H19434" s="8">
        <v>1</v>
      </c>
      <c r="I19434" s="8">
        <v>0</v>
      </c>
      <c r="J19434" s="8">
        <v>1</v>
      </c>
      <c r="K19434" s="9">
        <v>30.29</v>
      </c>
      <c r="L19434" s="6" t="s">
        <v>4151</v>
      </c>
    </row>
    <row r="19435" spans="1:12">
      <c r="A19435" s="6" t="s">
        <v>4151</v>
      </c>
      <c r="B19435" s="6"/>
      <c r="C19435" s="6" t="s">
        <v>19471</v>
      </c>
      <c r="D19435" s="6"/>
      <c r="E19435" s="6" t="s">
        <v>9</v>
      </c>
      <c r="F19435" s="7">
        <v>38657</v>
      </c>
      <c r="G19435" s="8">
        <v>1</v>
      </c>
      <c r="H19435" s="8">
        <v>1</v>
      </c>
      <c r="I19435" s="8">
        <v>0</v>
      </c>
      <c r="J19435" s="8">
        <v>1</v>
      </c>
      <c r="K19435" s="9">
        <v>37</v>
      </c>
      <c r="L19435" s="6" t="s">
        <v>4151</v>
      </c>
    </row>
    <row r="19436" spans="1:12">
      <c r="A19436" s="6" t="s">
        <v>4151</v>
      </c>
      <c r="B19436" s="6"/>
      <c r="C19436" s="6" t="s">
        <v>19472</v>
      </c>
      <c r="D19436" s="6"/>
      <c r="E19436" s="6" t="s">
        <v>9</v>
      </c>
      <c r="F19436" s="7">
        <v>38657</v>
      </c>
      <c r="G19436" s="8">
        <v>1</v>
      </c>
      <c r="H19436" s="8">
        <v>1</v>
      </c>
      <c r="I19436" s="8">
        <v>0</v>
      </c>
      <c r="J19436" s="8">
        <v>1</v>
      </c>
      <c r="K19436" s="9">
        <v>13</v>
      </c>
      <c r="L19436" s="6" t="s">
        <v>4151</v>
      </c>
    </row>
    <row r="19437" spans="1:12">
      <c r="A19437" s="6" t="s">
        <v>4151</v>
      </c>
      <c r="B19437" s="6"/>
      <c r="C19437" s="6" t="s">
        <v>19473</v>
      </c>
      <c r="D19437" s="6"/>
      <c r="E19437" s="6" t="s">
        <v>9</v>
      </c>
      <c r="F19437" s="7">
        <v>38657</v>
      </c>
      <c r="G19437" s="8">
        <v>1</v>
      </c>
      <c r="H19437" s="8">
        <v>1</v>
      </c>
      <c r="I19437" s="8">
        <v>0</v>
      </c>
      <c r="J19437" s="8">
        <v>1</v>
      </c>
      <c r="K19437" s="9">
        <v>3.9</v>
      </c>
      <c r="L19437" s="6" t="s">
        <v>4151</v>
      </c>
    </row>
    <row r="19438" spans="1:12">
      <c r="A19438" s="6" t="s">
        <v>4151</v>
      </c>
      <c r="B19438" s="6"/>
      <c r="C19438" s="6" t="s">
        <v>19474</v>
      </c>
      <c r="D19438" s="6"/>
      <c r="E19438" s="6" t="s">
        <v>9</v>
      </c>
      <c r="F19438" s="7">
        <v>38657</v>
      </c>
      <c r="G19438" s="8">
        <v>1</v>
      </c>
      <c r="H19438" s="8">
        <v>1</v>
      </c>
      <c r="I19438" s="8">
        <v>0</v>
      </c>
      <c r="J19438" s="8">
        <v>1</v>
      </c>
      <c r="K19438" s="9">
        <v>3.25</v>
      </c>
      <c r="L19438" s="6" t="s">
        <v>4151</v>
      </c>
    </row>
    <row r="19439" spans="1:12">
      <c r="A19439" s="6" t="s">
        <v>4151</v>
      </c>
      <c r="B19439" s="6"/>
      <c r="C19439" s="6" t="s">
        <v>19475</v>
      </c>
      <c r="D19439" s="6"/>
      <c r="E19439" s="6" t="s">
        <v>9</v>
      </c>
      <c r="F19439" s="7">
        <v>38657</v>
      </c>
      <c r="G19439" s="8">
        <v>1</v>
      </c>
      <c r="H19439" s="8">
        <v>1</v>
      </c>
      <c r="I19439" s="8">
        <v>0</v>
      </c>
      <c r="J19439" s="8">
        <v>1</v>
      </c>
      <c r="K19439" s="9">
        <v>24</v>
      </c>
      <c r="L19439" s="6" t="s">
        <v>4151</v>
      </c>
    </row>
    <row r="19440" spans="1:12">
      <c r="A19440" s="6" t="s">
        <v>4151</v>
      </c>
      <c r="B19440" s="6"/>
      <c r="C19440" s="6" t="s">
        <v>19476</v>
      </c>
      <c r="D19440" s="6"/>
      <c r="E19440" s="6" t="s">
        <v>9</v>
      </c>
      <c r="F19440" s="7">
        <v>38657</v>
      </c>
      <c r="G19440" s="8">
        <v>1</v>
      </c>
      <c r="H19440" s="8">
        <v>1</v>
      </c>
      <c r="I19440" s="8">
        <v>0</v>
      </c>
      <c r="J19440" s="8">
        <v>1</v>
      </c>
      <c r="K19440" s="9">
        <v>57</v>
      </c>
      <c r="L19440" s="6" t="s">
        <v>4151</v>
      </c>
    </row>
    <row r="19441" spans="1:12">
      <c r="A19441" s="6" t="s">
        <v>4151</v>
      </c>
      <c r="B19441" s="6"/>
      <c r="C19441" s="6" t="s">
        <v>19477</v>
      </c>
      <c r="D19441" s="6"/>
      <c r="E19441" s="6" t="s">
        <v>9</v>
      </c>
      <c r="F19441" s="7">
        <v>38657</v>
      </c>
      <c r="G19441" s="8">
        <v>1</v>
      </c>
      <c r="H19441" s="8">
        <v>1</v>
      </c>
      <c r="I19441" s="8">
        <v>0</v>
      </c>
      <c r="J19441" s="8">
        <v>1</v>
      </c>
      <c r="K19441" s="9">
        <v>13</v>
      </c>
      <c r="L19441" s="6" t="s">
        <v>4151</v>
      </c>
    </row>
    <row r="19442" spans="1:12">
      <c r="A19442" s="6" t="s">
        <v>4151</v>
      </c>
      <c r="B19442" s="6"/>
      <c r="C19442" s="6" t="s">
        <v>19478</v>
      </c>
      <c r="D19442" s="6"/>
      <c r="E19442" s="6" t="s">
        <v>9</v>
      </c>
      <c r="F19442" s="7">
        <v>38657</v>
      </c>
      <c r="G19442" s="8">
        <v>1</v>
      </c>
      <c r="H19442" s="8">
        <v>1</v>
      </c>
      <c r="I19442" s="8">
        <v>0</v>
      </c>
      <c r="J19442" s="8">
        <v>1</v>
      </c>
      <c r="K19442" s="9">
        <v>10</v>
      </c>
      <c r="L19442" s="6" t="s">
        <v>4151</v>
      </c>
    </row>
    <row r="19443" spans="1:12">
      <c r="A19443" s="6" t="s">
        <v>4151</v>
      </c>
      <c r="B19443" s="6"/>
      <c r="C19443" s="6" t="s">
        <v>19479</v>
      </c>
      <c r="D19443" s="6"/>
      <c r="E19443" s="6" t="s">
        <v>9</v>
      </c>
      <c r="F19443" s="7">
        <v>38657</v>
      </c>
      <c r="G19443" s="8">
        <v>1</v>
      </c>
      <c r="H19443" s="8">
        <v>1</v>
      </c>
      <c r="I19443" s="8">
        <v>0</v>
      </c>
      <c r="J19443" s="8">
        <v>1</v>
      </c>
      <c r="K19443" s="9">
        <v>12</v>
      </c>
      <c r="L19443" s="6" t="s">
        <v>4151</v>
      </c>
    </row>
    <row r="19444" spans="1:12">
      <c r="A19444" s="6" t="s">
        <v>4151</v>
      </c>
      <c r="B19444" s="6"/>
      <c r="C19444" s="6" t="s">
        <v>19480</v>
      </c>
      <c r="D19444" s="6"/>
      <c r="E19444" s="6" t="s">
        <v>9</v>
      </c>
      <c r="F19444" s="7">
        <v>38657</v>
      </c>
      <c r="G19444" s="8">
        <v>1</v>
      </c>
      <c r="H19444" s="8">
        <v>1</v>
      </c>
      <c r="I19444" s="8">
        <v>0</v>
      </c>
      <c r="J19444" s="8">
        <v>1</v>
      </c>
      <c r="K19444" s="9">
        <v>1.28</v>
      </c>
      <c r="L19444" s="6" t="s">
        <v>4151</v>
      </c>
    </row>
    <row r="19445" spans="1:12">
      <c r="A19445" s="6" t="s">
        <v>4151</v>
      </c>
      <c r="B19445" s="6"/>
      <c r="C19445" s="6" t="s">
        <v>19481</v>
      </c>
      <c r="D19445" s="6"/>
      <c r="E19445" s="6" t="s">
        <v>9</v>
      </c>
      <c r="F19445" s="7">
        <v>38657</v>
      </c>
      <c r="G19445" s="8">
        <v>1</v>
      </c>
      <c r="H19445" s="8">
        <v>1</v>
      </c>
      <c r="I19445" s="8">
        <v>0</v>
      </c>
      <c r="J19445" s="8">
        <v>1</v>
      </c>
      <c r="K19445" s="9">
        <v>7.29</v>
      </c>
      <c r="L19445" s="6" t="s">
        <v>4151</v>
      </c>
    </row>
    <row r="19446" spans="1:12">
      <c r="A19446" s="6" t="s">
        <v>4151</v>
      </c>
      <c r="B19446" s="6"/>
      <c r="C19446" s="6" t="s">
        <v>19482</v>
      </c>
      <c r="D19446" s="6"/>
      <c r="E19446" s="6" t="s">
        <v>9</v>
      </c>
      <c r="F19446" s="7">
        <v>38657</v>
      </c>
      <c r="G19446" s="8">
        <v>1</v>
      </c>
      <c r="H19446" s="8">
        <v>1</v>
      </c>
      <c r="I19446" s="8">
        <v>0</v>
      </c>
      <c r="J19446" s="8">
        <v>1</v>
      </c>
      <c r="K19446" s="9">
        <v>9.66</v>
      </c>
      <c r="L19446" s="6" t="s">
        <v>4151</v>
      </c>
    </row>
    <row r="19447" spans="1:12">
      <c r="A19447" s="6" t="s">
        <v>4151</v>
      </c>
      <c r="B19447" s="6"/>
      <c r="C19447" s="6" t="s">
        <v>19483</v>
      </c>
      <c r="D19447" s="6"/>
      <c r="E19447" s="6" t="s">
        <v>9</v>
      </c>
      <c r="F19447" s="7">
        <v>38657</v>
      </c>
      <c r="G19447" s="8">
        <v>1</v>
      </c>
      <c r="H19447" s="8">
        <v>1</v>
      </c>
      <c r="I19447" s="8">
        <v>0</v>
      </c>
      <c r="J19447" s="8">
        <v>1</v>
      </c>
      <c r="K19447" s="9">
        <v>7.27</v>
      </c>
      <c r="L19447" s="6" t="s">
        <v>4151</v>
      </c>
    </row>
    <row r="19448" spans="1:12">
      <c r="A19448" s="6" t="s">
        <v>4151</v>
      </c>
      <c r="B19448" s="6"/>
      <c r="C19448" s="6" t="s">
        <v>19484</v>
      </c>
      <c r="D19448" s="6"/>
      <c r="E19448" s="6" t="s">
        <v>9</v>
      </c>
      <c r="F19448" s="7">
        <v>38657</v>
      </c>
      <c r="G19448" s="8">
        <v>1</v>
      </c>
      <c r="H19448" s="8">
        <v>1</v>
      </c>
      <c r="I19448" s="8">
        <v>0</v>
      </c>
      <c r="J19448" s="8">
        <v>1</v>
      </c>
      <c r="K19448" s="9">
        <v>11</v>
      </c>
      <c r="L19448" s="6" t="s">
        <v>4151</v>
      </c>
    </row>
    <row r="19449" spans="1:12">
      <c r="A19449" s="6" t="s">
        <v>4151</v>
      </c>
      <c r="B19449" s="6"/>
      <c r="C19449" s="6" t="s">
        <v>19485</v>
      </c>
      <c r="D19449" s="6"/>
      <c r="E19449" s="6" t="s">
        <v>9</v>
      </c>
      <c r="F19449" s="7">
        <v>38657</v>
      </c>
      <c r="G19449" s="8">
        <v>1</v>
      </c>
      <c r="H19449" s="8">
        <v>1</v>
      </c>
      <c r="I19449" s="8">
        <v>0</v>
      </c>
      <c r="J19449" s="8">
        <v>1</v>
      </c>
      <c r="K19449" s="9">
        <v>3</v>
      </c>
      <c r="L19449" s="6" t="s">
        <v>4151</v>
      </c>
    </row>
    <row r="19450" spans="1:12">
      <c r="A19450" s="6" t="s">
        <v>4151</v>
      </c>
      <c r="B19450" s="6"/>
      <c r="C19450" s="6" t="s">
        <v>19486</v>
      </c>
      <c r="D19450" s="6"/>
      <c r="E19450" s="6" t="s">
        <v>9</v>
      </c>
      <c r="F19450" s="7">
        <v>38657</v>
      </c>
      <c r="G19450" s="8">
        <v>1</v>
      </c>
      <c r="H19450" s="8">
        <v>1</v>
      </c>
      <c r="I19450" s="8">
        <v>0</v>
      </c>
      <c r="J19450" s="8">
        <v>1</v>
      </c>
      <c r="K19450" s="9">
        <v>9.1199999999999903</v>
      </c>
      <c r="L19450" s="6" t="s">
        <v>4151</v>
      </c>
    </row>
    <row r="19451" spans="1:12">
      <c r="A19451" s="6" t="s">
        <v>4151</v>
      </c>
      <c r="B19451" s="6"/>
      <c r="C19451" s="6" t="s">
        <v>19487</v>
      </c>
      <c r="D19451" s="6"/>
      <c r="E19451" s="6" t="s">
        <v>9</v>
      </c>
      <c r="F19451" s="7">
        <v>38657</v>
      </c>
      <c r="G19451" s="8">
        <v>1</v>
      </c>
      <c r="H19451" s="8">
        <v>1</v>
      </c>
      <c r="I19451" s="8">
        <v>0</v>
      </c>
      <c r="J19451" s="8">
        <v>1</v>
      </c>
      <c r="K19451" s="9">
        <v>7.58</v>
      </c>
      <c r="L19451" s="6" t="s">
        <v>4151</v>
      </c>
    </row>
    <row r="19452" spans="1:12">
      <c r="A19452" s="6" t="s">
        <v>4151</v>
      </c>
      <c r="B19452" s="6"/>
      <c r="C19452" s="6" t="s">
        <v>19488</v>
      </c>
      <c r="D19452" s="6"/>
      <c r="E19452" s="6" t="s">
        <v>9</v>
      </c>
      <c r="F19452" s="7">
        <v>38657</v>
      </c>
      <c r="G19452" s="8">
        <v>1</v>
      </c>
      <c r="H19452" s="8">
        <v>1</v>
      </c>
      <c r="I19452" s="8">
        <v>0</v>
      </c>
      <c r="J19452" s="8">
        <v>1</v>
      </c>
      <c r="K19452" s="9">
        <v>8.19</v>
      </c>
      <c r="L19452" s="6" t="s">
        <v>4151</v>
      </c>
    </row>
    <row r="19453" spans="1:12">
      <c r="A19453" s="6" t="s">
        <v>4151</v>
      </c>
      <c r="B19453" s="6"/>
      <c r="C19453" s="6" t="s">
        <v>19489</v>
      </c>
      <c r="D19453" s="6"/>
      <c r="E19453" s="6" t="s">
        <v>9</v>
      </c>
      <c r="F19453" s="7">
        <v>38657</v>
      </c>
      <c r="G19453" s="8">
        <v>1</v>
      </c>
      <c r="H19453" s="8">
        <v>1</v>
      </c>
      <c r="I19453" s="8">
        <v>0</v>
      </c>
      <c r="J19453" s="8">
        <v>1</v>
      </c>
      <c r="K19453" s="9">
        <v>9.65</v>
      </c>
      <c r="L19453" s="6" t="s">
        <v>4151</v>
      </c>
    </row>
    <row r="19454" spans="1:12">
      <c r="A19454" s="6" t="s">
        <v>4151</v>
      </c>
      <c r="B19454" s="6"/>
      <c r="C19454" s="6" t="s">
        <v>19490</v>
      </c>
      <c r="D19454" s="6"/>
      <c r="E19454" s="6" t="s">
        <v>9</v>
      </c>
      <c r="F19454" s="7"/>
      <c r="G19454" s="8">
        <v>1</v>
      </c>
      <c r="H19454" s="8">
        <v>1</v>
      </c>
      <c r="I19454" s="8">
        <v>0</v>
      </c>
      <c r="J19454" s="8">
        <v>1</v>
      </c>
      <c r="K19454" s="9">
        <v>25</v>
      </c>
      <c r="L19454" s="6" t="s">
        <v>4151</v>
      </c>
    </row>
    <row r="19455" spans="1:12">
      <c r="A19455" s="6" t="s">
        <v>4151</v>
      </c>
      <c r="B19455" s="6"/>
      <c r="C19455" s="6" t="s">
        <v>19491</v>
      </c>
      <c r="D19455" s="6"/>
      <c r="E19455" s="6" t="s">
        <v>9</v>
      </c>
      <c r="F19455" s="7">
        <v>38657</v>
      </c>
      <c r="G19455" s="8">
        <v>1</v>
      </c>
      <c r="H19455" s="8">
        <v>1</v>
      </c>
      <c r="I19455" s="8">
        <v>0</v>
      </c>
      <c r="J19455" s="8">
        <v>1</v>
      </c>
      <c r="K19455" s="9">
        <v>0.18</v>
      </c>
      <c r="L19455" s="6" t="s">
        <v>4151</v>
      </c>
    </row>
    <row r="19456" spans="1:12">
      <c r="A19456" s="6" t="s">
        <v>4151</v>
      </c>
      <c r="B19456" s="6"/>
      <c r="C19456" s="6" t="s">
        <v>19492</v>
      </c>
      <c r="D19456" s="6"/>
      <c r="E19456" s="6" t="s">
        <v>9</v>
      </c>
      <c r="F19456" s="7">
        <v>38657</v>
      </c>
      <c r="G19456" s="8">
        <v>1</v>
      </c>
      <c r="H19456" s="8">
        <v>1</v>
      </c>
      <c r="I19456" s="8">
        <v>0</v>
      </c>
      <c r="J19456" s="8">
        <v>1</v>
      </c>
      <c r="K19456" s="9">
        <v>6.39</v>
      </c>
      <c r="L19456" s="6" t="s">
        <v>4151</v>
      </c>
    </row>
    <row r="19457" spans="1:12">
      <c r="A19457" s="6" t="s">
        <v>4151</v>
      </c>
      <c r="B19457" s="6"/>
      <c r="C19457" s="6" t="s">
        <v>19493</v>
      </c>
      <c r="D19457" s="6"/>
      <c r="E19457" s="6" t="s">
        <v>9</v>
      </c>
      <c r="F19457" s="7">
        <v>38657</v>
      </c>
      <c r="G19457" s="8">
        <v>1</v>
      </c>
      <c r="H19457" s="8">
        <v>1</v>
      </c>
      <c r="I19457" s="8">
        <v>0</v>
      </c>
      <c r="J19457" s="8">
        <v>1</v>
      </c>
      <c r="K19457" s="9">
        <v>2.96</v>
      </c>
      <c r="L19457" s="6" t="s">
        <v>4151</v>
      </c>
    </row>
    <row r="19458" spans="1:12">
      <c r="A19458" s="6" t="s">
        <v>4151</v>
      </c>
      <c r="B19458" s="6"/>
      <c r="C19458" s="6" t="s">
        <v>19494</v>
      </c>
      <c r="D19458" s="6"/>
      <c r="E19458" s="6" t="s">
        <v>9</v>
      </c>
      <c r="F19458" s="7">
        <v>38657</v>
      </c>
      <c r="G19458" s="8">
        <v>1</v>
      </c>
      <c r="H19458" s="8">
        <v>1</v>
      </c>
      <c r="I19458" s="8">
        <v>0</v>
      </c>
      <c r="J19458" s="8">
        <v>1</v>
      </c>
      <c r="K19458" s="9">
        <v>1.1200000000000001</v>
      </c>
      <c r="L19458" s="6" t="s">
        <v>4151</v>
      </c>
    </row>
    <row r="19459" spans="1:12">
      <c r="A19459" s="6" t="s">
        <v>4151</v>
      </c>
      <c r="B19459" s="6"/>
      <c r="C19459" s="6" t="s">
        <v>19495</v>
      </c>
      <c r="D19459" s="6"/>
      <c r="E19459" s="6" t="s">
        <v>9</v>
      </c>
      <c r="F19459" s="7">
        <v>38657</v>
      </c>
      <c r="G19459" s="8">
        <v>1</v>
      </c>
      <c r="H19459" s="8">
        <v>1</v>
      </c>
      <c r="I19459" s="8">
        <v>0</v>
      </c>
      <c r="J19459" s="8">
        <v>1</v>
      </c>
      <c r="K19459" s="9">
        <v>1.94</v>
      </c>
      <c r="L19459" s="6" t="s">
        <v>4151</v>
      </c>
    </row>
    <row r="19460" spans="1:12">
      <c r="A19460" s="6" t="s">
        <v>4151</v>
      </c>
      <c r="B19460" s="6"/>
      <c r="C19460" s="6" t="s">
        <v>19496</v>
      </c>
      <c r="D19460" s="6"/>
      <c r="E19460" s="6" t="s">
        <v>9</v>
      </c>
      <c r="F19460" s="7">
        <v>38657</v>
      </c>
      <c r="G19460" s="8">
        <v>1</v>
      </c>
      <c r="H19460" s="8">
        <v>1</v>
      </c>
      <c r="I19460" s="8">
        <v>0</v>
      </c>
      <c r="J19460" s="8">
        <v>1</v>
      </c>
      <c r="K19460" s="9">
        <v>4.43</v>
      </c>
      <c r="L19460" s="6" t="s">
        <v>4151</v>
      </c>
    </row>
    <row r="19461" spans="1:12">
      <c r="A19461" s="6" t="s">
        <v>4151</v>
      </c>
      <c r="B19461" s="6"/>
      <c r="C19461" s="6" t="s">
        <v>19497</v>
      </c>
      <c r="D19461" s="6"/>
      <c r="E19461" s="6" t="s">
        <v>9</v>
      </c>
      <c r="F19461" s="7">
        <v>38657</v>
      </c>
      <c r="G19461" s="8">
        <v>1</v>
      </c>
      <c r="H19461" s="8">
        <v>1</v>
      </c>
      <c r="I19461" s="8">
        <v>0</v>
      </c>
      <c r="J19461" s="8">
        <v>1</v>
      </c>
      <c r="K19461" s="9">
        <v>0.24</v>
      </c>
      <c r="L19461" s="6" t="s">
        <v>4151</v>
      </c>
    </row>
    <row r="19462" spans="1:12">
      <c r="A19462" s="6" t="s">
        <v>4151</v>
      </c>
      <c r="B19462" s="6"/>
      <c r="C19462" s="6" t="s">
        <v>19498</v>
      </c>
      <c r="D19462" s="6"/>
      <c r="E19462" s="6" t="s">
        <v>9</v>
      </c>
      <c r="F19462" s="7">
        <v>38657</v>
      </c>
      <c r="G19462" s="8">
        <v>1</v>
      </c>
      <c r="H19462" s="8">
        <v>1</v>
      </c>
      <c r="I19462" s="8">
        <v>0</v>
      </c>
      <c r="J19462" s="8">
        <v>1</v>
      </c>
      <c r="K19462" s="9">
        <v>3.26</v>
      </c>
      <c r="L19462" s="6" t="s">
        <v>4151</v>
      </c>
    </row>
    <row r="19463" spans="1:12">
      <c r="A19463" s="6" t="s">
        <v>4151</v>
      </c>
      <c r="B19463" s="6"/>
      <c r="C19463" s="6" t="s">
        <v>19499</v>
      </c>
      <c r="D19463" s="6"/>
      <c r="E19463" s="6" t="s">
        <v>9</v>
      </c>
      <c r="F19463" s="7">
        <v>38657</v>
      </c>
      <c r="G19463" s="8">
        <v>1</v>
      </c>
      <c r="H19463" s="8">
        <v>1</v>
      </c>
      <c r="I19463" s="8">
        <v>0</v>
      </c>
      <c r="J19463" s="8">
        <v>1</v>
      </c>
      <c r="K19463" s="9">
        <v>1.4</v>
      </c>
      <c r="L19463" s="6" t="s">
        <v>4151</v>
      </c>
    </row>
    <row r="19464" spans="1:12">
      <c r="A19464" s="6" t="s">
        <v>4151</v>
      </c>
      <c r="B19464" s="6"/>
      <c r="C19464" s="6" t="s">
        <v>19500</v>
      </c>
      <c r="D19464" s="6"/>
      <c r="E19464" s="6" t="s">
        <v>9</v>
      </c>
      <c r="F19464" s="7">
        <v>38657</v>
      </c>
      <c r="G19464" s="8">
        <v>1</v>
      </c>
      <c r="H19464" s="8">
        <v>1</v>
      </c>
      <c r="I19464" s="8">
        <v>0</v>
      </c>
      <c r="J19464" s="8">
        <v>1</v>
      </c>
      <c r="K19464" s="9">
        <v>2.14</v>
      </c>
      <c r="L19464" s="6" t="s">
        <v>4151</v>
      </c>
    </row>
    <row r="19465" spans="1:12">
      <c r="A19465" s="6" t="s">
        <v>4151</v>
      </c>
      <c r="B19465" s="6"/>
      <c r="C19465" s="6" t="s">
        <v>19501</v>
      </c>
      <c r="D19465" s="6"/>
      <c r="E19465" s="6" t="s">
        <v>9</v>
      </c>
      <c r="F19465" s="7">
        <v>38657</v>
      </c>
      <c r="G19465" s="8">
        <v>1</v>
      </c>
      <c r="H19465" s="8">
        <v>1</v>
      </c>
      <c r="I19465" s="8">
        <v>0</v>
      </c>
      <c r="J19465" s="8">
        <v>1</v>
      </c>
      <c r="K19465" s="9">
        <v>1.3</v>
      </c>
      <c r="L19465" s="6" t="s">
        <v>4151</v>
      </c>
    </row>
    <row r="19466" spans="1:12">
      <c r="A19466" s="6" t="s">
        <v>4151</v>
      </c>
      <c r="B19466" s="6"/>
      <c r="C19466" s="6" t="s">
        <v>19502</v>
      </c>
      <c r="D19466" s="6"/>
      <c r="E19466" s="6" t="s">
        <v>9</v>
      </c>
      <c r="F19466" s="7">
        <v>38657</v>
      </c>
      <c r="G19466" s="8">
        <v>1</v>
      </c>
      <c r="H19466" s="8">
        <v>1</v>
      </c>
      <c r="I19466" s="8">
        <v>0</v>
      </c>
      <c r="J19466" s="8">
        <v>1</v>
      </c>
      <c r="K19466" s="9">
        <v>0.84</v>
      </c>
      <c r="L19466" s="6" t="s">
        <v>4151</v>
      </c>
    </row>
    <row r="19467" spans="1:12">
      <c r="A19467" s="6" t="s">
        <v>4151</v>
      </c>
      <c r="B19467" s="6"/>
      <c r="C19467" s="6" t="s">
        <v>19503</v>
      </c>
      <c r="D19467" s="6"/>
      <c r="E19467" s="6" t="s">
        <v>9</v>
      </c>
      <c r="F19467" s="7">
        <v>38657</v>
      </c>
      <c r="G19467" s="8">
        <v>1</v>
      </c>
      <c r="H19467" s="8">
        <v>1</v>
      </c>
      <c r="I19467" s="8">
        <v>0</v>
      </c>
      <c r="J19467" s="8">
        <v>1</v>
      </c>
      <c r="K19467" s="9">
        <v>2.91</v>
      </c>
      <c r="L19467" s="6" t="s">
        <v>4151</v>
      </c>
    </row>
    <row r="19468" spans="1:12">
      <c r="A19468" s="6" t="s">
        <v>4151</v>
      </c>
      <c r="B19468" s="6"/>
      <c r="C19468" s="6" t="s">
        <v>19504</v>
      </c>
      <c r="D19468" s="6"/>
      <c r="E19468" s="6" t="s">
        <v>9</v>
      </c>
      <c r="F19468" s="7">
        <v>38657</v>
      </c>
      <c r="G19468" s="8">
        <v>1</v>
      </c>
      <c r="H19468" s="8">
        <v>1</v>
      </c>
      <c r="I19468" s="8">
        <v>0</v>
      </c>
      <c r="J19468" s="8">
        <v>1</v>
      </c>
      <c r="K19468" s="9">
        <v>0.83</v>
      </c>
      <c r="L19468" s="6" t="s">
        <v>4151</v>
      </c>
    </row>
    <row r="19469" spans="1:12">
      <c r="A19469" s="6" t="s">
        <v>4151</v>
      </c>
      <c r="B19469" s="6"/>
      <c r="C19469" s="6" t="s">
        <v>19505</v>
      </c>
      <c r="D19469" s="6"/>
      <c r="E19469" s="6" t="s">
        <v>9</v>
      </c>
      <c r="F19469" s="7">
        <v>38657</v>
      </c>
      <c r="G19469" s="8">
        <v>1</v>
      </c>
      <c r="H19469" s="8">
        <v>1</v>
      </c>
      <c r="I19469" s="8">
        <v>0</v>
      </c>
      <c r="J19469" s="8">
        <v>1</v>
      </c>
      <c r="K19469" s="9">
        <v>0.79</v>
      </c>
      <c r="L19469" s="6" t="s">
        <v>4151</v>
      </c>
    </row>
    <row r="19470" spans="1:12">
      <c r="A19470" s="6" t="s">
        <v>4151</v>
      </c>
      <c r="B19470" s="6"/>
      <c r="C19470" s="6" t="s">
        <v>19506</v>
      </c>
      <c r="D19470" s="6"/>
      <c r="E19470" s="6" t="s">
        <v>9</v>
      </c>
      <c r="F19470" s="7">
        <v>38657</v>
      </c>
      <c r="G19470" s="8">
        <v>1</v>
      </c>
      <c r="H19470" s="8">
        <v>1</v>
      </c>
      <c r="I19470" s="8">
        <v>0</v>
      </c>
      <c r="J19470" s="8">
        <v>1</v>
      </c>
      <c r="K19470" s="9">
        <v>0.09</v>
      </c>
      <c r="L19470" s="6" t="s">
        <v>4151</v>
      </c>
    </row>
    <row r="19471" spans="1:12">
      <c r="A19471" s="6" t="s">
        <v>4151</v>
      </c>
      <c r="B19471" s="6"/>
      <c r="C19471" s="6" t="s">
        <v>19507</v>
      </c>
      <c r="D19471" s="6"/>
      <c r="E19471" s="6" t="s">
        <v>9</v>
      </c>
      <c r="F19471" s="7">
        <v>38657</v>
      </c>
      <c r="G19471" s="8">
        <v>1</v>
      </c>
      <c r="H19471" s="8">
        <v>1</v>
      </c>
      <c r="I19471" s="8">
        <v>0</v>
      </c>
      <c r="J19471" s="8">
        <v>1</v>
      </c>
      <c r="K19471" s="9">
        <v>0.22</v>
      </c>
      <c r="L19471" s="6" t="s">
        <v>4151</v>
      </c>
    </row>
    <row r="19472" spans="1:12">
      <c r="A19472" s="6" t="s">
        <v>4151</v>
      </c>
      <c r="B19472" s="6"/>
      <c r="C19472" s="6" t="s">
        <v>19508</v>
      </c>
      <c r="D19472" s="6"/>
      <c r="E19472" s="6" t="s">
        <v>9</v>
      </c>
      <c r="F19472" s="7">
        <v>38657</v>
      </c>
      <c r="G19472" s="8">
        <v>1</v>
      </c>
      <c r="H19472" s="8">
        <v>1</v>
      </c>
      <c r="I19472" s="8">
        <v>0</v>
      </c>
      <c r="J19472" s="8">
        <v>1</v>
      </c>
      <c r="K19472" s="9">
        <v>0.25</v>
      </c>
      <c r="L19472" s="6" t="s">
        <v>4151</v>
      </c>
    </row>
    <row r="19473" spans="1:12">
      <c r="A19473" s="6" t="s">
        <v>4151</v>
      </c>
      <c r="B19473" s="6"/>
      <c r="C19473" s="6" t="s">
        <v>19509</v>
      </c>
      <c r="D19473" s="6"/>
      <c r="E19473" s="6" t="s">
        <v>9</v>
      </c>
      <c r="F19473" s="7">
        <v>38657</v>
      </c>
      <c r="G19473" s="8">
        <v>1</v>
      </c>
      <c r="H19473" s="8">
        <v>1</v>
      </c>
      <c r="I19473" s="8">
        <v>0</v>
      </c>
      <c r="J19473" s="8">
        <v>1</v>
      </c>
      <c r="K19473" s="9">
        <v>0.54</v>
      </c>
      <c r="L19473" s="6" t="s">
        <v>4151</v>
      </c>
    </row>
    <row r="19474" spans="1:12">
      <c r="A19474" s="6" t="s">
        <v>4151</v>
      </c>
      <c r="B19474" s="6"/>
      <c r="C19474" s="6" t="s">
        <v>19510</v>
      </c>
      <c r="D19474" s="6"/>
      <c r="E19474" s="6" t="s">
        <v>9</v>
      </c>
      <c r="F19474" s="7">
        <v>38657</v>
      </c>
      <c r="G19474" s="8">
        <v>1</v>
      </c>
      <c r="H19474" s="8">
        <v>1</v>
      </c>
      <c r="I19474" s="8">
        <v>0</v>
      </c>
      <c r="J19474" s="8">
        <v>1</v>
      </c>
      <c r="K19474" s="9">
        <v>1.74</v>
      </c>
      <c r="L19474" s="6" t="s">
        <v>4151</v>
      </c>
    </row>
    <row r="19475" spans="1:12">
      <c r="A19475" s="6" t="s">
        <v>4151</v>
      </c>
      <c r="B19475" s="6"/>
      <c r="C19475" s="6" t="s">
        <v>19511</v>
      </c>
      <c r="D19475" s="6"/>
      <c r="E19475" s="6" t="s">
        <v>9</v>
      </c>
      <c r="F19475" s="7">
        <v>38657</v>
      </c>
      <c r="G19475" s="8">
        <v>1</v>
      </c>
      <c r="H19475" s="8">
        <v>1</v>
      </c>
      <c r="I19475" s="8">
        <v>0</v>
      </c>
      <c r="J19475" s="8">
        <v>1</v>
      </c>
      <c r="K19475" s="9">
        <v>0.53</v>
      </c>
      <c r="L19475" s="6" t="s">
        <v>4151</v>
      </c>
    </row>
    <row r="19476" spans="1:12">
      <c r="A19476" s="6" t="s">
        <v>4151</v>
      </c>
      <c r="B19476" s="6"/>
      <c r="C19476" s="6" t="s">
        <v>19512</v>
      </c>
      <c r="D19476" s="6"/>
      <c r="E19476" s="6" t="s">
        <v>9</v>
      </c>
      <c r="F19476" s="7">
        <v>38657</v>
      </c>
      <c r="G19476" s="8">
        <v>1</v>
      </c>
      <c r="H19476" s="8">
        <v>1</v>
      </c>
      <c r="I19476" s="8">
        <v>0</v>
      </c>
      <c r="J19476" s="8">
        <v>1</v>
      </c>
      <c r="K19476" s="9">
        <v>9.99</v>
      </c>
      <c r="L19476" s="6" t="s">
        <v>4151</v>
      </c>
    </row>
    <row r="19477" spans="1:12">
      <c r="A19477" s="6" t="s">
        <v>4151</v>
      </c>
      <c r="B19477" s="6"/>
      <c r="C19477" s="6" t="s">
        <v>19513</v>
      </c>
      <c r="D19477" s="6"/>
      <c r="E19477" s="6" t="s">
        <v>9</v>
      </c>
      <c r="F19477" s="7">
        <v>38657</v>
      </c>
      <c r="G19477" s="8">
        <v>1</v>
      </c>
      <c r="H19477" s="8">
        <v>1</v>
      </c>
      <c r="I19477" s="8">
        <v>0</v>
      </c>
      <c r="J19477" s="8">
        <v>1</v>
      </c>
      <c r="K19477" s="9">
        <v>3.88</v>
      </c>
      <c r="L19477" s="6" t="s">
        <v>4151</v>
      </c>
    </row>
    <row r="19478" spans="1:12">
      <c r="A19478" s="6" t="s">
        <v>4151</v>
      </c>
      <c r="B19478" s="6"/>
      <c r="C19478" s="6" t="s">
        <v>19514</v>
      </c>
      <c r="D19478" s="6"/>
      <c r="E19478" s="6" t="s">
        <v>9</v>
      </c>
      <c r="F19478" s="7">
        <v>38657</v>
      </c>
      <c r="G19478" s="8">
        <v>1</v>
      </c>
      <c r="H19478" s="8">
        <v>1</v>
      </c>
      <c r="I19478" s="8">
        <v>0</v>
      </c>
      <c r="J19478" s="8">
        <v>1</v>
      </c>
      <c r="K19478" s="9">
        <v>4.4800000000000004</v>
      </c>
      <c r="L19478" s="6" t="s">
        <v>4151</v>
      </c>
    </row>
    <row r="19479" spans="1:12">
      <c r="A19479" s="6" t="s">
        <v>4151</v>
      </c>
      <c r="B19479" s="6"/>
      <c r="C19479" s="6" t="s">
        <v>19515</v>
      </c>
      <c r="D19479" s="6"/>
      <c r="E19479" s="6" t="s">
        <v>9</v>
      </c>
      <c r="F19479" s="7">
        <v>38657</v>
      </c>
      <c r="G19479" s="8">
        <v>1</v>
      </c>
      <c r="H19479" s="8">
        <v>1</v>
      </c>
      <c r="I19479" s="8">
        <v>0</v>
      </c>
      <c r="J19479" s="8">
        <v>1</v>
      </c>
      <c r="K19479" s="9">
        <v>7.04</v>
      </c>
      <c r="L19479" s="6" t="s">
        <v>4151</v>
      </c>
    </row>
    <row r="19480" spans="1:12">
      <c r="A19480" s="6" t="s">
        <v>4151</v>
      </c>
      <c r="B19480" s="6"/>
      <c r="C19480" s="6" t="s">
        <v>19516</v>
      </c>
      <c r="D19480" s="6"/>
      <c r="E19480" s="6" t="s">
        <v>9</v>
      </c>
      <c r="F19480" s="7">
        <v>38657</v>
      </c>
      <c r="G19480" s="8">
        <v>1</v>
      </c>
      <c r="H19480" s="8">
        <v>1</v>
      </c>
      <c r="I19480" s="8">
        <v>0</v>
      </c>
      <c r="J19480" s="8">
        <v>1</v>
      </c>
      <c r="K19480" s="9">
        <v>5.88</v>
      </c>
      <c r="L19480" s="6" t="s">
        <v>4151</v>
      </c>
    </row>
    <row r="19481" spans="1:12">
      <c r="A19481" s="6" t="s">
        <v>4151</v>
      </c>
      <c r="B19481" s="6"/>
      <c r="C19481" s="6" t="s">
        <v>19517</v>
      </c>
      <c r="D19481" s="6"/>
      <c r="E19481" s="6" t="s">
        <v>9</v>
      </c>
      <c r="F19481" s="7">
        <v>38657</v>
      </c>
      <c r="G19481" s="8">
        <v>1</v>
      </c>
      <c r="H19481" s="8">
        <v>1</v>
      </c>
      <c r="I19481" s="8">
        <v>0</v>
      </c>
      <c r="J19481" s="8">
        <v>1</v>
      </c>
      <c r="K19481" s="9">
        <v>5.61</v>
      </c>
      <c r="L19481" s="6" t="s">
        <v>4151</v>
      </c>
    </row>
    <row r="19482" spans="1:12">
      <c r="A19482" s="6" t="s">
        <v>4151</v>
      </c>
      <c r="B19482" s="6"/>
      <c r="C19482" s="6" t="s">
        <v>19518</v>
      </c>
      <c r="D19482" s="6"/>
      <c r="E19482" s="6" t="s">
        <v>9</v>
      </c>
      <c r="F19482" s="7">
        <v>38657</v>
      </c>
      <c r="G19482" s="8">
        <v>1</v>
      </c>
      <c r="H19482" s="8">
        <v>1</v>
      </c>
      <c r="I19482" s="8">
        <v>0</v>
      </c>
      <c r="J19482" s="8">
        <v>1</v>
      </c>
      <c r="K19482" s="9">
        <v>3.99</v>
      </c>
      <c r="L19482" s="6" t="s">
        <v>4151</v>
      </c>
    </row>
    <row r="19483" spans="1:12">
      <c r="A19483" s="6" t="s">
        <v>4151</v>
      </c>
      <c r="B19483" s="6"/>
      <c r="C19483" s="6" t="s">
        <v>19519</v>
      </c>
      <c r="D19483" s="6"/>
      <c r="E19483" s="6" t="s">
        <v>9</v>
      </c>
      <c r="F19483" s="7">
        <v>38657</v>
      </c>
      <c r="G19483" s="8">
        <v>1</v>
      </c>
      <c r="H19483" s="8">
        <v>1</v>
      </c>
      <c r="I19483" s="8">
        <v>0</v>
      </c>
      <c r="J19483" s="8">
        <v>1</v>
      </c>
      <c r="K19483" s="9">
        <v>11</v>
      </c>
      <c r="L19483" s="6" t="s">
        <v>4151</v>
      </c>
    </row>
    <row r="19484" spans="1:12">
      <c r="A19484" s="6" t="s">
        <v>4151</v>
      </c>
      <c r="B19484" s="6"/>
      <c r="C19484" s="6" t="s">
        <v>19520</v>
      </c>
      <c r="D19484" s="6"/>
      <c r="E19484" s="6" t="s">
        <v>9</v>
      </c>
      <c r="F19484" s="7">
        <v>38657</v>
      </c>
      <c r="G19484" s="8">
        <v>1</v>
      </c>
      <c r="H19484" s="8">
        <v>1</v>
      </c>
      <c r="I19484" s="8">
        <v>0</v>
      </c>
      <c r="J19484" s="8">
        <v>1</v>
      </c>
      <c r="K19484" s="9">
        <v>1.26</v>
      </c>
      <c r="L19484" s="6" t="s">
        <v>4151</v>
      </c>
    </row>
    <row r="19485" spans="1:12">
      <c r="A19485" s="6" t="s">
        <v>4151</v>
      </c>
      <c r="B19485" s="6"/>
      <c r="C19485" s="6" t="s">
        <v>19521</v>
      </c>
      <c r="D19485" s="6"/>
      <c r="E19485" s="6" t="s">
        <v>9</v>
      </c>
      <c r="F19485" s="7">
        <v>38657</v>
      </c>
      <c r="G19485" s="8">
        <v>1</v>
      </c>
      <c r="H19485" s="8">
        <v>1</v>
      </c>
      <c r="I19485" s="8">
        <v>0</v>
      </c>
      <c r="J19485" s="8">
        <v>1</v>
      </c>
      <c r="K19485" s="9">
        <v>0.98</v>
      </c>
      <c r="L19485" s="6" t="s">
        <v>4151</v>
      </c>
    </row>
    <row r="19486" spans="1:12">
      <c r="A19486" s="6" t="s">
        <v>4151</v>
      </c>
      <c r="B19486" s="6"/>
      <c r="C19486" s="6" t="s">
        <v>19522</v>
      </c>
      <c r="D19486" s="6"/>
      <c r="E19486" s="6" t="s">
        <v>9</v>
      </c>
      <c r="F19486" s="7">
        <v>38657</v>
      </c>
      <c r="G19486" s="8">
        <v>1</v>
      </c>
      <c r="H19486" s="8">
        <v>1</v>
      </c>
      <c r="I19486" s="8">
        <v>0</v>
      </c>
      <c r="J19486" s="8">
        <v>1</v>
      </c>
      <c r="K19486" s="9">
        <v>4.32</v>
      </c>
      <c r="L19486" s="6" t="s">
        <v>4151</v>
      </c>
    </row>
    <row r="19487" spans="1:12">
      <c r="A19487" s="6" t="s">
        <v>4151</v>
      </c>
      <c r="B19487" s="6"/>
      <c r="C19487" s="6" t="s">
        <v>19523</v>
      </c>
      <c r="D19487" s="6"/>
      <c r="E19487" s="6" t="s">
        <v>9</v>
      </c>
      <c r="F19487" s="7">
        <v>38657</v>
      </c>
      <c r="G19487" s="8">
        <v>1</v>
      </c>
      <c r="H19487" s="8">
        <v>1</v>
      </c>
      <c r="I19487" s="8">
        <v>0</v>
      </c>
      <c r="J19487" s="8">
        <v>1</v>
      </c>
      <c r="K19487" s="9">
        <v>13</v>
      </c>
      <c r="L19487" s="6" t="s">
        <v>4151</v>
      </c>
    </row>
    <row r="19488" spans="1:12">
      <c r="A19488" s="6" t="s">
        <v>4151</v>
      </c>
      <c r="B19488" s="6"/>
      <c r="C19488" s="6" t="s">
        <v>19524</v>
      </c>
      <c r="D19488" s="6"/>
      <c r="E19488" s="6" t="s">
        <v>9</v>
      </c>
      <c r="F19488" s="7">
        <v>38657</v>
      </c>
      <c r="G19488" s="8">
        <v>1</v>
      </c>
      <c r="H19488" s="8">
        <v>1</v>
      </c>
      <c r="I19488" s="8">
        <v>0</v>
      </c>
      <c r="J19488" s="8">
        <v>1</v>
      </c>
      <c r="K19488" s="9">
        <v>0.5</v>
      </c>
      <c r="L19488" s="6" t="s">
        <v>4151</v>
      </c>
    </row>
    <row r="19489" spans="1:12">
      <c r="A19489" s="6" t="s">
        <v>4151</v>
      </c>
      <c r="B19489" s="6"/>
      <c r="C19489" s="6" t="s">
        <v>19525</v>
      </c>
      <c r="D19489" s="6"/>
      <c r="E19489" s="6" t="s">
        <v>9</v>
      </c>
      <c r="F19489" s="7">
        <v>38657</v>
      </c>
      <c r="G19489" s="8">
        <v>1</v>
      </c>
      <c r="H19489" s="8">
        <v>1</v>
      </c>
      <c r="I19489" s="8">
        <v>0</v>
      </c>
      <c r="J19489" s="8">
        <v>1</v>
      </c>
      <c r="K19489" s="9">
        <v>5.67</v>
      </c>
      <c r="L19489" s="6" t="s">
        <v>4151</v>
      </c>
    </row>
    <row r="19490" spans="1:12">
      <c r="A19490" s="6" t="s">
        <v>4151</v>
      </c>
      <c r="B19490" s="6"/>
      <c r="C19490" s="6" t="s">
        <v>19526</v>
      </c>
      <c r="D19490" s="6"/>
      <c r="E19490" s="6" t="s">
        <v>9</v>
      </c>
      <c r="F19490" s="7">
        <v>38657</v>
      </c>
      <c r="G19490" s="8">
        <v>1</v>
      </c>
      <c r="H19490" s="8">
        <v>1</v>
      </c>
      <c r="I19490" s="8">
        <v>0</v>
      </c>
      <c r="J19490" s="8">
        <v>1</v>
      </c>
      <c r="K19490" s="9">
        <v>3.72</v>
      </c>
      <c r="L19490" s="6" t="s">
        <v>4151</v>
      </c>
    </row>
    <row r="19491" spans="1:12">
      <c r="A19491" s="6" t="s">
        <v>4151</v>
      </c>
      <c r="B19491" s="6"/>
      <c r="C19491" s="6" t="s">
        <v>19527</v>
      </c>
      <c r="D19491" s="6"/>
      <c r="E19491" s="6" t="s">
        <v>9</v>
      </c>
      <c r="F19491" s="7">
        <v>38657</v>
      </c>
      <c r="G19491" s="8">
        <v>1</v>
      </c>
      <c r="H19491" s="8">
        <v>1</v>
      </c>
      <c r="I19491" s="8">
        <v>0</v>
      </c>
      <c r="J19491" s="8">
        <v>1</v>
      </c>
      <c r="K19491" s="9">
        <v>0.81</v>
      </c>
      <c r="L19491" s="6" t="s">
        <v>4151</v>
      </c>
    </row>
    <row r="19492" spans="1:12">
      <c r="A19492" s="6" t="s">
        <v>4151</v>
      </c>
      <c r="B19492" s="6"/>
      <c r="C19492" s="6" t="s">
        <v>19528</v>
      </c>
      <c r="D19492" s="6"/>
      <c r="E19492" s="6" t="s">
        <v>9</v>
      </c>
      <c r="F19492" s="7">
        <v>38657</v>
      </c>
      <c r="G19492" s="8">
        <v>1</v>
      </c>
      <c r="H19492" s="8">
        <v>1</v>
      </c>
      <c r="I19492" s="8">
        <v>0</v>
      </c>
      <c r="J19492" s="8">
        <v>1</v>
      </c>
      <c r="K19492" s="9">
        <v>4.8</v>
      </c>
      <c r="L19492" s="6" t="s">
        <v>4151</v>
      </c>
    </row>
    <row r="19493" spans="1:12">
      <c r="A19493" s="6" t="s">
        <v>4151</v>
      </c>
      <c r="B19493" s="6"/>
      <c r="C19493" s="6" t="s">
        <v>19529</v>
      </c>
      <c r="D19493" s="6"/>
      <c r="E19493" s="6" t="s">
        <v>9</v>
      </c>
      <c r="F19493" s="7">
        <v>38657</v>
      </c>
      <c r="G19493" s="8">
        <v>1</v>
      </c>
      <c r="H19493" s="8">
        <v>1</v>
      </c>
      <c r="I19493" s="8">
        <v>0</v>
      </c>
      <c r="J19493" s="8">
        <v>1</v>
      </c>
      <c r="K19493" s="9">
        <v>7.44</v>
      </c>
      <c r="L19493" s="6" t="s">
        <v>4151</v>
      </c>
    </row>
    <row r="19494" spans="1:12">
      <c r="A19494" s="6" t="s">
        <v>4151</v>
      </c>
      <c r="B19494" s="6"/>
      <c r="C19494" s="6" t="s">
        <v>19530</v>
      </c>
      <c r="D19494" s="6"/>
      <c r="E19494" s="6" t="s">
        <v>9</v>
      </c>
      <c r="F19494" s="7">
        <v>38657</v>
      </c>
      <c r="G19494" s="8">
        <v>1</v>
      </c>
      <c r="H19494" s="8">
        <v>1</v>
      </c>
      <c r="I19494" s="8">
        <v>0</v>
      </c>
      <c r="J19494" s="8">
        <v>1</v>
      </c>
      <c r="K19494" s="9">
        <v>3.75</v>
      </c>
      <c r="L19494" s="6" t="s">
        <v>4151</v>
      </c>
    </row>
    <row r="19495" spans="1:12">
      <c r="A19495" s="6" t="s">
        <v>4151</v>
      </c>
      <c r="B19495" s="6"/>
      <c r="C19495" s="6" t="s">
        <v>19531</v>
      </c>
      <c r="D19495" s="6"/>
      <c r="E19495" s="6" t="s">
        <v>9</v>
      </c>
      <c r="F19495" s="7">
        <v>38657</v>
      </c>
      <c r="G19495" s="8">
        <v>1</v>
      </c>
      <c r="H19495" s="8">
        <v>1</v>
      </c>
      <c r="I19495" s="8">
        <v>0</v>
      </c>
      <c r="J19495" s="8">
        <v>1</v>
      </c>
      <c r="K19495" s="9">
        <v>3.5</v>
      </c>
      <c r="L19495" s="6" t="s">
        <v>4151</v>
      </c>
    </row>
    <row r="19496" spans="1:12">
      <c r="A19496" s="6" t="s">
        <v>4151</v>
      </c>
      <c r="B19496" s="6"/>
      <c r="C19496" s="6" t="s">
        <v>19532</v>
      </c>
      <c r="D19496" s="6"/>
      <c r="E19496" s="6" t="s">
        <v>9</v>
      </c>
      <c r="F19496" s="7">
        <v>38657</v>
      </c>
      <c r="G19496" s="8">
        <v>1</v>
      </c>
      <c r="H19496" s="8">
        <v>1</v>
      </c>
      <c r="I19496" s="8">
        <v>0</v>
      </c>
      <c r="J19496" s="8">
        <v>1</v>
      </c>
      <c r="K19496" s="9">
        <v>26</v>
      </c>
      <c r="L19496" s="6" t="s">
        <v>4151</v>
      </c>
    </row>
    <row r="19497" spans="1:12">
      <c r="A19497" s="6" t="s">
        <v>4151</v>
      </c>
      <c r="B19497" s="6"/>
      <c r="C19497" s="6" t="s">
        <v>19533</v>
      </c>
      <c r="D19497" s="6"/>
      <c r="E19497" s="6" t="s">
        <v>9</v>
      </c>
      <c r="F19497" s="7">
        <v>38657</v>
      </c>
      <c r="G19497" s="8">
        <v>1</v>
      </c>
      <c r="H19497" s="8">
        <v>1</v>
      </c>
      <c r="I19497" s="8">
        <v>0</v>
      </c>
      <c r="J19497" s="8">
        <v>1</v>
      </c>
      <c r="K19497" s="9">
        <v>47</v>
      </c>
      <c r="L19497" s="6" t="s">
        <v>4151</v>
      </c>
    </row>
    <row r="19498" spans="1:12">
      <c r="A19498" s="6" t="s">
        <v>4151</v>
      </c>
      <c r="B19498" s="6"/>
      <c r="C19498" s="6" t="s">
        <v>19534</v>
      </c>
      <c r="D19498" s="6"/>
      <c r="E19498" s="6" t="s">
        <v>9</v>
      </c>
      <c r="F19498" s="7">
        <v>38657</v>
      </c>
      <c r="G19498" s="8">
        <v>1</v>
      </c>
      <c r="H19498" s="8">
        <v>1</v>
      </c>
      <c r="I19498" s="8">
        <v>0</v>
      </c>
      <c r="J19498" s="8">
        <v>1</v>
      </c>
      <c r="K19498" s="9">
        <v>17</v>
      </c>
      <c r="L19498" s="6" t="s">
        <v>4151</v>
      </c>
    </row>
    <row r="19499" spans="1:12">
      <c r="A19499" s="6" t="s">
        <v>4151</v>
      </c>
      <c r="B19499" s="6"/>
      <c r="C19499" s="6" t="s">
        <v>19535</v>
      </c>
      <c r="D19499" s="6"/>
      <c r="E19499" s="6" t="s">
        <v>9</v>
      </c>
      <c r="F19499" s="7">
        <v>38657</v>
      </c>
      <c r="G19499" s="8">
        <v>1</v>
      </c>
      <c r="H19499" s="8">
        <v>1</v>
      </c>
      <c r="I19499" s="8">
        <v>0</v>
      </c>
      <c r="J19499" s="8">
        <v>1</v>
      </c>
      <c r="K19499" s="9">
        <v>29</v>
      </c>
      <c r="L19499" s="6" t="s">
        <v>4151</v>
      </c>
    </row>
    <row r="19500" spans="1:12">
      <c r="A19500" s="6" t="s">
        <v>4151</v>
      </c>
      <c r="B19500" s="6"/>
      <c r="C19500" s="6" t="s">
        <v>19536</v>
      </c>
      <c r="D19500" s="6"/>
      <c r="E19500" s="6" t="s">
        <v>9</v>
      </c>
      <c r="F19500" s="7">
        <v>38657</v>
      </c>
      <c r="G19500" s="8">
        <v>1</v>
      </c>
      <c r="H19500" s="8">
        <v>1</v>
      </c>
      <c r="I19500" s="8">
        <v>0</v>
      </c>
      <c r="J19500" s="8">
        <v>1</v>
      </c>
      <c r="K19500" s="9">
        <v>5.89</v>
      </c>
      <c r="L19500" s="6" t="s">
        <v>4151</v>
      </c>
    </row>
    <row r="19501" spans="1:12">
      <c r="A19501" s="6" t="s">
        <v>4151</v>
      </c>
      <c r="B19501" s="6"/>
      <c r="C19501" s="6" t="s">
        <v>19537</v>
      </c>
      <c r="D19501" s="6"/>
      <c r="E19501" s="6" t="s">
        <v>9</v>
      </c>
      <c r="F19501" s="7">
        <v>38657</v>
      </c>
      <c r="G19501" s="8">
        <v>1</v>
      </c>
      <c r="H19501" s="8">
        <v>1</v>
      </c>
      <c r="I19501" s="8">
        <v>0</v>
      </c>
      <c r="J19501" s="8">
        <v>1</v>
      </c>
      <c r="K19501" s="9">
        <v>19</v>
      </c>
      <c r="L19501" s="6" t="s">
        <v>4151</v>
      </c>
    </row>
    <row r="19502" spans="1:12">
      <c r="A19502" s="6" t="s">
        <v>4151</v>
      </c>
      <c r="B19502" s="6"/>
      <c r="C19502" s="6" t="s">
        <v>19538</v>
      </c>
      <c r="D19502" s="6"/>
      <c r="E19502" s="6" t="s">
        <v>9</v>
      </c>
      <c r="F19502" s="7">
        <v>38657</v>
      </c>
      <c r="G19502" s="8">
        <v>1</v>
      </c>
      <c r="H19502" s="8">
        <v>1</v>
      </c>
      <c r="I19502" s="8">
        <v>0</v>
      </c>
      <c r="J19502" s="8">
        <v>1</v>
      </c>
      <c r="K19502" s="9">
        <v>9.43</v>
      </c>
      <c r="L19502" s="6" t="s">
        <v>4151</v>
      </c>
    </row>
    <row r="19503" spans="1:12">
      <c r="A19503" s="6" t="s">
        <v>4151</v>
      </c>
      <c r="B19503" s="6"/>
      <c r="C19503" s="6" t="s">
        <v>19539</v>
      </c>
      <c r="D19503" s="6"/>
      <c r="E19503" s="6" t="s">
        <v>9</v>
      </c>
      <c r="F19503" s="7">
        <v>38657</v>
      </c>
      <c r="G19503" s="8">
        <v>1</v>
      </c>
      <c r="H19503" s="8">
        <v>1</v>
      </c>
      <c r="I19503" s="8">
        <v>0</v>
      </c>
      <c r="J19503" s="8">
        <v>1</v>
      </c>
      <c r="K19503" s="9">
        <v>6.48</v>
      </c>
      <c r="L19503" s="6" t="s">
        <v>4151</v>
      </c>
    </row>
    <row r="19504" spans="1:12">
      <c r="A19504" s="6" t="s">
        <v>4151</v>
      </c>
      <c r="B19504" s="6"/>
      <c r="C19504" s="6" t="s">
        <v>19540</v>
      </c>
      <c r="D19504" s="6"/>
      <c r="E19504" s="6" t="s">
        <v>9</v>
      </c>
      <c r="F19504" s="7">
        <v>38657</v>
      </c>
      <c r="G19504" s="8">
        <v>1</v>
      </c>
      <c r="H19504" s="8">
        <v>1</v>
      </c>
      <c r="I19504" s="8">
        <v>0</v>
      </c>
      <c r="J19504" s="8">
        <v>1</v>
      </c>
      <c r="K19504" s="9">
        <v>2.73</v>
      </c>
      <c r="L19504" s="6" t="s">
        <v>4151</v>
      </c>
    </row>
    <row r="19505" spans="1:12">
      <c r="A19505" s="6" t="s">
        <v>4151</v>
      </c>
      <c r="B19505" s="6"/>
      <c r="C19505" s="6" t="s">
        <v>19541</v>
      </c>
      <c r="D19505" s="6"/>
      <c r="E19505" s="6" t="s">
        <v>9</v>
      </c>
      <c r="F19505" s="7">
        <v>38657</v>
      </c>
      <c r="G19505" s="8">
        <v>1</v>
      </c>
      <c r="H19505" s="8">
        <v>1</v>
      </c>
      <c r="I19505" s="8">
        <v>0</v>
      </c>
      <c r="J19505" s="8">
        <v>1</v>
      </c>
      <c r="K19505" s="9">
        <v>1.23</v>
      </c>
      <c r="L19505" s="6" t="s">
        <v>4151</v>
      </c>
    </row>
    <row r="19506" spans="1:12">
      <c r="A19506" s="6" t="s">
        <v>4151</v>
      </c>
      <c r="B19506" s="6"/>
      <c r="C19506" s="6" t="s">
        <v>19542</v>
      </c>
      <c r="D19506" s="6"/>
      <c r="E19506" s="6" t="s">
        <v>9</v>
      </c>
      <c r="F19506" s="7">
        <v>38657</v>
      </c>
      <c r="G19506" s="8">
        <v>1</v>
      </c>
      <c r="H19506" s="8">
        <v>1</v>
      </c>
      <c r="I19506" s="8">
        <v>0</v>
      </c>
      <c r="J19506" s="8">
        <v>1</v>
      </c>
      <c r="K19506" s="9">
        <v>7.71</v>
      </c>
      <c r="L19506" s="6" t="s">
        <v>4151</v>
      </c>
    </row>
    <row r="19507" spans="1:12">
      <c r="A19507" s="6" t="s">
        <v>4151</v>
      </c>
      <c r="B19507" s="6"/>
      <c r="C19507" s="6" t="s">
        <v>19543</v>
      </c>
      <c r="D19507" s="6"/>
      <c r="E19507" s="6" t="s">
        <v>9</v>
      </c>
      <c r="F19507" s="7">
        <v>38657</v>
      </c>
      <c r="G19507" s="8">
        <v>1</v>
      </c>
      <c r="H19507" s="8">
        <v>1</v>
      </c>
      <c r="I19507" s="8">
        <v>0</v>
      </c>
      <c r="J19507" s="8">
        <v>1</v>
      </c>
      <c r="K19507" s="9">
        <v>5.53</v>
      </c>
      <c r="L19507" s="6" t="s">
        <v>4151</v>
      </c>
    </row>
    <row r="19508" spans="1:12">
      <c r="A19508" s="6" t="s">
        <v>4151</v>
      </c>
      <c r="B19508" s="6"/>
      <c r="C19508" s="6" t="s">
        <v>19544</v>
      </c>
      <c r="D19508" s="6"/>
      <c r="E19508" s="6" t="s">
        <v>9</v>
      </c>
      <c r="F19508" s="7">
        <v>38657</v>
      </c>
      <c r="G19508" s="8">
        <v>1</v>
      </c>
      <c r="H19508" s="8">
        <v>1</v>
      </c>
      <c r="I19508" s="8">
        <v>0</v>
      </c>
      <c r="J19508" s="8">
        <v>1</v>
      </c>
      <c r="K19508" s="9">
        <v>5.47</v>
      </c>
      <c r="L19508" s="6" t="s">
        <v>4151</v>
      </c>
    </row>
    <row r="19509" spans="1:12">
      <c r="A19509" s="6" t="s">
        <v>4151</v>
      </c>
      <c r="B19509" s="6"/>
      <c r="C19509" s="6" t="s">
        <v>19545</v>
      </c>
      <c r="D19509" s="6"/>
      <c r="E19509" s="6" t="s">
        <v>9</v>
      </c>
      <c r="F19509" s="7">
        <v>38657</v>
      </c>
      <c r="G19509" s="8">
        <v>1</v>
      </c>
      <c r="H19509" s="8">
        <v>1</v>
      </c>
      <c r="I19509" s="8">
        <v>0</v>
      </c>
      <c r="J19509" s="8">
        <v>1</v>
      </c>
      <c r="K19509" s="9">
        <v>37</v>
      </c>
      <c r="L19509" s="6" t="s">
        <v>4151</v>
      </c>
    </row>
    <row r="19510" spans="1:12">
      <c r="A19510" s="6" t="s">
        <v>4151</v>
      </c>
      <c r="B19510" s="6"/>
      <c r="C19510" s="6" t="s">
        <v>19546</v>
      </c>
      <c r="D19510" s="6"/>
      <c r="E19510" s="6" t="s">
        <v>9</v>
      </c>
      <c r="F19510" s="7">
        <v>38657</v>
      </c>
      <c r="G19510" s="8">
        <v>1</v>
      </c>
      <c r="H19510" s="8">
        <v>1</v>
      </c>
      <c r="I19510" s="8">
        <v>0</v>
      </c>
      <c r="J19510" s="8">
        <v>1</v>
      </c>
      <c r="K19510" s="9">
        <v>47</v>
      </c>
      <c r="L19510" s="6" t="s">
        <v>4151</v>
      </c>
    </row>
    <row r="19511" spans="1:12">
      <c r="A19511" s="6" t="s">
        <v>4151</v>
      </c>
      <c r="B19511" s="6"/>
      <c r="C19511" s="6" t="s">
        <v>19547</v>
      </c>
      <c r="D19511" s="6"/>
      <c r="E19511" s="6" t="s">
        <v>9</v>
      </c>
      <c r="F19511" s="7">
        <v>38657</v>
      </c>
      <c r="G19511" s="8">
        <v>1</v>
      </c>
      <c r="H19511" s="8">
        <v>1</v>
      </c>
      <c r="I19511" s="8">
        <v>0</v>
      </c>
      <c r="J19511" s="8">
        <v>1</v>
      </c>
      <c r="K19511" s="9">
        <v>45</v>
      </c>
      <c r="L19511" s="6" t="s">
        <v>4151</v>
      </c>
    </row>
    <row r="19512" spans="1:12">
      <c r="A19512" s="6" t="s">
        <v>4151</v>
      </c>
      <c r="B19512" s="6"/>
      <c r="C19512" s="6" t="s">
        <v>19548</v>
      </c>
      <c r="D19512" s="6"/>
      <c r="E19512" s="6" t="s">
        <v>9</v>
      </c>
      <c r="F19512" s="7">
        <v>38657</v>
      </c>
      <c r="G19512" s="8">
        <v>1</v>
      </c>
      <c r="H19512" s="8">
        <v>1</v>
      </c>
      <c r="I19512" s="8">
        <v>0</v>
      </c>
      <c r="J19512" s="8">
        <v>1</v>
      </c>
      <c r="K19512" s="9">
        <v>1.61</v>
      </c>
      <c r="L19512" s="6" t="s">
        <v>4151</v>
      </c>
    </row>
    <row r="19513" spans="1:12">
      <c r="A19513" s="6" t="s">
        <v>4151</v>
      </c>
      <c r="B19513" s="6"/>
      <c r="C19513" s="6" t="s">
        <v>19549</v>
      </c>
      <c r="D19513" s="6"/>
      <c r="E19513" s="6" t="s">
        <v>9</v>
      </c>
      <c r="F19513" s="7">
        <v>38657</v>
      </c>
      <c r="G19513" s="8">
        <v>1</v>
      </c>
      <c r="H19513" s="8">
        <v>1</v>
      </c>
      <c r="I19513" s="8">
        <v>0</v>
      </c>
      <c r="J19513" s="8">
        <v>1</v>
      </c>
      <c r="K19513" s="9">
        <v>6.39</v>
      </c>
      <c r="L19513" s="6" t="s">
        <v>4151</v>
      </c>
    </row>
    <row r="19514" spans="1:12">
      <c r="A19514" s="6" t="s">
        <v>4151</v>
      </c>
      <c r="B19514" s="6"/>
      <c r="C19514" s="6" t="s">
        <v>19550</v>
      </c>
      <c r="D19514" s="6"/>
      <c r="E19514" s="6" t="s">
        <v>9</v>
      </c>
      <c r="F19514" s="7">
        <v>38657</v>
      </c>
      <c r="G19514" s="8">
        <v>1</v>
      </c>
      <c r="H19514" s="8">
        <v>1</v>
      </c>
      <c r="I19514" s="8">
        <v>0</v>
      </c>
      <c r="J19514" s="8">
        <v>1</v>
      </c>
      <c r="K19514" s="9">
        <v>47</v>
      </c>
      <c r="L19514" s="6" t="s">
        <v>4151</v>
      </c>
    </row>
    <row r="19515" spans="1:12">
      <c r="A19515" s="6" t="s">
        <v>4151</v>
      </c>
      <c r="B19515" s="6"/>
      <c r="C19515" s="6" t="s">
        <v>19551</v>
      </c>
      <c r="D19515" s="6"/>
      <c r="E19515" s="6" t="s">
        <v>9</v>
      </c>
      <c r="F19515" s="7">
        <v>38657</v>
      </c>
      <c r="G19515" s="8">
        <v>1</v>
      </c>
      <c r="H19515" s="8">
        <v>1</v>
      </c>
      <c r="I19515" s="8">
        <v>0</v>
      </c>
      <c r="J19515" s="8">
        <v>1</v>
      </c>
      <c r="K19515" s="9">
        <v>84</v>
      </c>
      <c r="L19515" s="6" t="s">
        <v>4151</v>
      </c>
    </row>
    <row r="19516" spans="1:12">
      <c r="A19516" s="6" t="s">
        <v>4151</v>
      </c>
      <c r="B19516" s="6"/>
      <c r="C19516" s="6" t="s">
        <v>19552</v>
      </c>
      <c r="D19516" s="6"/>
      <c r="E19516" s="6" t="s">
        <v>9</v>
      </c>
      <c r="F19516" s="7">
        <v>38657</v>
      </c>
      <c r="G19516" s="8">
        <v>1</v>
      </c>
      <c r="H19516" s="8">
        <v>1</v>
      </c>
      <c r="I19516" s="8">
        <v>0</v>
      </c>
      <c r="J19516" s="8">
        <v>1</v>
      </c>
      <c r="K19516" s="9">
        <v>5.4</v>
      </c>
      <c r="L19516" s="6" t="s">
        <v>4151</v>
      </c>
    </row>
    <row r="19517" spans="1:12">
      <c r="A19517" s="6" t="s">
        <v>4151</v>
      </c>
      <c r="B19517" s="6"/>
      <c r="C19517" s="6" t="s">
        <v>19553</v>
      </c>
      <c r="D19517" s="6"/>
      <c r="E19517" s="6" t="s">
        <v>9</v>
      </c>
      <c r="F19517" s="7">
        <v>38657</v>
      </c>
      <c r="G19517" s="8">
        <v>1</v>
      </c>
      <c r="H19517" s="8">
        <v>1</v>
      </c>
      <c r="I19517" s="8">
        <v>0</v>
      </c>
      <c r="J19517" s="8">
        <v>1</v>
      </c>
      <c r="K19517" s="9">
        <v>5.55</v>
      </c>
      <c r="L19517" s="6" t="s">
        <v>4151</v>
      </c>
    </row>
    <row r="19518" spans="1:12">
      <c r="A19518" s="6" t="s">
        <v>4151</v>
      </c>
      <c r="B19518" s="6"/>
      <c r="C19518" s="6" t="s">
        <v>19554</v>
      </c>
      <c r="D19518" s="6"/>
      <c r="E19518" s="6" t="s">
        <v>9</v>
      </c>
      <c r="F19518" s="7">
        <v>38657</v>
      </c>
      <c r="G19518" s="8">
        <v>1</v>
      </c>
      <c r="H19518" s="8">
        <v>1</v>
      </c>
      <c r="I19518" s="8">
        <v>0</v>
      </c>
      <c r="J19518" s="8">
        <v>1</v>
      </c>
      <c r="K19518" s="9">
        <v>6.39</v>
      </c>
      <c r="L19518" s="6" t="s">
        <v>4151</v>
      </c>
    </row>
    <row r="19519" spans="1:12">
      <c r="A19519" s="6" t="s">
        <v>4151</v>
      </c>
      <c r="B19519" s="6"/>
      <c r="C19519" s="6" t="s">
        <v>19555</v>
      </c>
      <c r="D19519" s="6"/>
      <c r="E19519" s="6" t="s">
        <v>9</v>
      </c>
      <c r="F19519" s="7">
        <v>38657</v>
      </c>
      <c r="G19519" s="8">
        <v>1</v>
      </c>
      <c r="H19519" s="8">
        <v>1</v>
      </c>
      <c r="I19519" s="8">
        <v>0</v>
      </c>
      <c r="J19519" s="8">
        <v>1</v>
      </c>
      <c r="K19519" s="9">
        <v>0.82</v>
      </c>
      <c r="L19519" s="6" t="s">
        <v>4151</v>
      </c>
    </row>
    <row r="19520" spans="1:12">
      <c r="A19520" s="6" t="s">
        <v>4151</v>
      </c>
      <c r="B19520" s="6"/>
      <c r="C19520" s="6" t="s">
        <v>19556</v>
      </c>
      <c r="D19520" s="6"/>
      <c r="E19520" s="6" t="s">
        <v>9</v>
      </c>
      <c r="F19520" s="7">
        <v>38657</v>
      </c>
      <c r="G19520" s="8">
        <v>1</v>
      </c>
      <c r="H19520" s="8">
        <v>1</v>
      </c>
      <c r="I19520" s="8">
        <v>0</v>
      </c>
      <c r="J19520" s="8">
        <v>1</v>
      </c>
      <c r="K19520" s="9">
        <v>21</v>
      </c>
      <c r="L19520" s="6" t="s">
        <v>4151</v>
      </c>
    </row>
    <row r="19521" spans="1:12">
      <c r="A19521" s="6" t="s">
        <v>4151</v>
      </c>
      <c r="B19521" s="6"/>
      <c r="C19521" s="6" t="s">
        <v>19557</v>
      </c>
      <c r="D19521" s="6"/>
      <c r="E19521" s="6" t="s">
        <v>9</v>
      </c>
      <c r="F19521" s="7">
        <v>38657</v>
      </c>
      <c r="G19521" s="8">
        <v>1</v>
      </c>
      <c r="H19521" s="8">
        <v>1</v>
      </c>
      <c r="I19521" s="8">
        <v>0</v>
      </c>
      <c r="J19521" s="8">
        <v>1</v>
      </c>
      <c r="K19521" s="9">
        <v>7.31</v>
      </c>
      <c r="L19521" s="6" t="s">
        <v>4151</v>
      </c>
    </row>
    <row r="19522" spans="1:12">
      <c r="A19522" s="6" t="s">
        <v>4151</v>
      </c>
      <c r="B19522" s="6"/>
      <c r="C19522" s="6" t="s">
        <v>19558</v>
      </c>
      <c r="D19522" s="6"/>
      <c r="E19522" s="6" t="s">
        <v>9</v>
      </c>
      <c r="F19522" s="7">
        <v>38657</v>
      </c>
      <c r="G19522" s="8">
        <v>1</v>
      </c>
      <c r="H19522" s="8">
        <v>1</v>
      </c>
      <c r="I19522" s="8">
        <v>0</v>
      </c>
      <c r="J19522" s="8">
        <v>1</v>
      </c>
      <c r="K19522" s="9">
        <v>1.33</v>
      </c>
      <c r="L19522" s="6" t="s">
        <v>4151</v>
      </c>
    </row>
    <row r="19523" spans="1:12">
      <c r="A19523" s="6" t="s">
        <v>4151</v>
      </c>
      <c r="B19523" s="6"/>
      <c r="C19523" s="6" t="s">
        <v>19559</v>
      </c>
      <c r="D19523" s="6"/>
      <c r="E19523" s="6" t="s">
        <v>9</v>
      </c>
      <c r="F19523" s="7">
        <v>38657</v>
      </c>
      <c r="G19523" s="8">
        <v>1</v>
      </c>
      <c r="H19523" s="8">
        <v>1</v>
      </c>
      <c r="I19523" s="8">
        <v>0</v>
      </c>
      <c r="J19523" s="8">
        <v>1</v>
      </c>
      <c r="K19523" s="9">
        <v>4.6399999999999899</v>
      </c>
      <c r="L19523" s="6" t="s">
        <v>4151</v>
      </c>
    </row>
    <row r="19524" spans="1:12">
      <c r="A19524" s="6" t="s">
        <v>4151</v>
      </c>
      <c r="B19524" s="6"/>
      <c r="C19524" s="6" t="s">
        <v>19560</v>
      </c>
      <c r="D19524" s="6"/>
      <c r="E19524" s="6" t="s">
        <v>9</v>
      </c>
      <c r="F19524" s="7">
        <v>38657</v>
      </c>
      <c r="G19524" s="8">
        <v>1</v>
      </c>
      <c r="H19524" s="8">
        <v>1</v>
      </c>
      <c r="I19524" s="8">
        <v>0</v>
      </c>
      <c r="J19524" s="8">
        <v>1</v>
      </c>
      <c r="K19524" s="9">
        <v>17</v>
      </c>
      <c r="L19524" s="6" t="s">
        <v>4151</v>
      </c>
    </row>
    <row r="19525" spans="1:12">
      <c r="A19525" s="6" t="s">
        <v>4151</v>
      </c>
      <c r="B19525" s="6"/>
      <c r="C19525" s="6" t="s">
        <v>19561</v>
      </c>
      <c r="D19525" s="6"/>
      <c r="E19525" s="6" t="s">
        <v>9</v>
      </c>
      <c r="F19525" s="7">
        <v>38657</v>
      </c>
      <c r="G19525" s="8">
        <v>1</v>
      </c>
      <c r="H19525" s="8">
        <v>1</v>
      </c>
      <c r="I19525" s="8">
        <v>0</v>
      </c>
      <c r="J19525" s="8">
        <v>1</v>
      </c>
      <c r="K19525" s="9">
        <v>23</v>
      </c>
      <c r="L19525" s="6" t="s">
        <v>4151</v>
      </c>
    </row>
    <row r="19526" spans="1:12">
      <c r="A19526" s="6" t="s">
        <v>4151</v>
      </c>
      <c r="B19526" s="6"/>
      <c r="C19526" s="6" t="s">
        <v>19562</v>
      </c>
      <c r="D19526" s="6"/>
      <c r="E19526" s="6" t="s">
        <v>9</v>
      </c>
      <c r="F19526" s="7">
        <v>38657</v>
      </c>
      <c r="G19526" s="8">
        <v>1</v>
      </c>
      <c r="H19526" s="8">
        <v>1</v>
      </c>
      <c r="I19526" s="8">
        <v>0</v>
      </c>
      <c r="J19526" s="8">
        <v>1</v>
      </c>
      <c r="K19526" s="9">
        <v>46</v>
      </c>
      <c r="L19526" s="6" t="s">
        <v>4151</v>
      </c>
    </row>
    <row r="19527" spans="1:12">
      <c r="A19527" s="6" t="s">
        <v>4151</v>
      </c>
      <c r="B19527" s="6"/>
      <c r="C19527" s="6" t="s">
        <v>19563</v>
      </c>
      <c r="D19527" s="6"/>
      <c r="E19527" s="6" t="s">
        <v>9</v>
      </c>
      <c r="F19527" s="7">
        <v>38657</v>
      </c>
      <c r="G19527" s="8">
        <v>1</v>
      </c>
      <c r="H19527" s="8">
        <v>1</v>
      </c>
      <c r="I19527" s="8">
        <v>0</v>
      </c>
      <c r="J19527" s="8">
        <v>1</v>
      </c>
      <c r="K19527" s="9">
        <v>2.94</v>
      </c>
      <c r="L19527" s="6" t="s">
        <v>4151</v>
      </c>
    </row>
    <row r="19528" spans="1:12">
      <c r="A19528" s="6" t="s">
        <v>4151</v>
      </c>
      <c r="B19528" s="6"/>
      <c r="C19528" s="6" t="s">
        <v>19564</v>
      </c>
      <c r="D19528" s="6"/>
      <c r="E19528" s="6" t="s">
        <v>9</v>
      </c>
      <c r="F19528" s="7">
        <v>38657</v>
      </c>
      <c r="G19528" s="8">
        <v>1</v>
      </c>
      <c r="H19528" s="8">
        <v>1</v>
      </c>
      <c r="I19528" s="8">
        <v>0</v>
      </c>
      <c r="J19528" s="8">
        <v>1</v>
      </c>
      <c r="K19528" s="9">
        <v>12</v>
      </c>
      <c r="L19528" s="6" t="s">
        <v>4151</v>
      </c>
    </row>
    <row r="19529" spans="1:12">
      <c r="A19529" s="6" t="s">
        <v>4151</v>
      </c>
      <c r="B19529" s="6"/>
      <c r="C19529" s="6" t="s">
        <v>19565</v>
      </c>
      <c r="D19529" s="6"/>
      <c r="E19529" s="6" t="s">
        <v>9</v>
      </c>
      <c r="F19529" s="7">
        <v>38657</v>
      </c>
      <c r="G19529" s="8">
        <v>1</v>
      </c>
      <c r="H19529" s="8">
        <v>1</v>
      </c>
      <c r="I19529" s="8">
        <v>0</v>
      </c>
      <c r="J19529" s="8">
        <v>1</v>
      </c>
      <c r="K19529" s="9">
        <v>6.54</v>
      </c>
      <c r="L19529" s="6" t="s">
        <v>4151</v>
      </c>
    </row>
    <row r="19530" spans="1:12">
      <c r="A19530" s="6" t="s">
        <v>4151</v>
      </c>
      <c r="B19530" s="6"/>
      <c r="C19530" s="6" t="s">
        <v>19566</v>
      </c>
      <c r="D19530" s="6"/>
      <c r="E19530" s="6" t="s">
        <v>9</v>
      </c>
      <c r="F19530" s="7">
        <v>38657</v>
      </c>
      <c r="G19530" s="8">
        <v>1</v>
      </c>
      <c r="H19530" s="8">
        <v>1</v>
      </c>
      <c r="I19530" s="8">
        <v>0</v>
      </c>
      <c r="J19530" s="8">
        <v>1</v>
      </c>
      <c r="K19530" s="9">
        <v>1.63</v>
      </c>
      <c r="L19530" s="6" t="s">
        <v>4151</v>
      </c>
    </row>
    <row r="19531" spans="1:12">
      <c r="A19531" s="6" t="s">
        <v>4151</v>
      </c>
      <c r="B19531" s="6"/>
      <c r="C19531" s="6" t="s">
        <v>19567</v>
      </c>
      <c r="D19531" s="6"/>
      <c r="E19531" s="6" t="s">
        <v>9</v>
      </c>
      <c r="F19531" s="7">
        <v>38657</v>
      </c>
      <c r="G19531" s="8">
        <v>1</v>
      </c>
      <c r="H19531" s="8">
        <v>1</v>
      </c>
      <c r="I19531" s="8">
        <v>0</v>
      </c>
      <c r="J19531" s="8">
        <v>1</v>
      </c>
      <c r="K19531" s="9">
        <v>2.5499999999999901</v>
      </c>
      <c r="L19531" s="6" t="s">
        <v>4151</v>
      </c>
    </row>
    <row r="19532" spans="1:12">
      <c r="A19532" s="6" t="s">
        <v>4151</v>
      </c>
      <c r="B19532" s="6"/>
      <c r="C19532" s="6" t="s">
        <v>19568</v>
      </c>
      <c r="D19532" s="6"/>
      <c r="E19532" s="6" t="s">
        <v>9</v>
      </c>
      <c r="F19532" s="7">
        <v>38657</v>
      </c>
      <c r="G19532" s="8">
        <v>1</v>
      </c>
      <c r="H19532" s="8">
        <v>1</v>
      </c>
      <c r="I19532" s="8">
        <v>0</v>
      </c>
      <c r="J19532" s="8">
        <v>1</v>
      </c>
      <c r="K19532" s="9">
        <v>5.66</v>
      </c>
      <c r="L19532" s="6" t="s">
        <v>4151</v>
      </c>
    </row>
    <row r="19533" spans="1:12">
      <c r="A19533" s="6" t="s">
        <v>4151</v>
      </c>
      <c r="B19533" s="6"/>
      <c r="C19533" s="6" t="s">
        <v>19569</v>
      </c>
      <c r="D19533" s="6"/>
      <c r="E19533" s="6" t="s">
        <v>9</v>
      </c>
      <c r="F19533" s="7">
        <v>38657</v>
      </c>
      <c r="G19533" s="8">
        <v>1</v>
      </c>
      <c r="H19533" s="8">
        <v>1</v>
      </c>
      <c r="I19533" s="8">
        <v>0</v>
      </c>
      <c r="J19533" s="8">
        <v>1</v>
      </c>
      <c r="K19533" s="9">
        <v>4.28</v>
      </c>
      <c r="L19533" s="6" t="s">
        <v>4151</v>
      </c>
    </row>
    <row r="19534" spans="1:12">
      <c r="A19534" s="6" t="s">
        <v>4151</v>
      </c>
      <c r="B19534" s="6"/>
      <c r="C19534" s="6" t="s">
        <v>19570</v>
      </c>
      <c r="D19534" s="6"/>
      <c r="E19534" s="6" t="s">
        <v>9</v>
      </c>
      <c r="F19534" s="7">
        <v>38657</v>
      </c>
      <c r="G19534" s="8">
        <v>1</v>
      </c>
      <c r="H19534" s="8">
        <v>1</v>
      </c>
      <c r="I19534" s="8">
        <v>0</v>
      </c>
      <c r="J19534" s="8">
        <v>1</v>
      </c>
      <c r="K19534" s="9">
        <v>1.29</v>
      </c>
      <c r="L19534" s="6" t="s">
        <v>4151</v>
      </c>
    </row>
    <row r="19535" spans="1:12">
      <c r="A19535" s="6" t="s">
        <v>4151</v>
      </c>
      <c r="B19535" s="6"/>
      <c r="C19535" s="6" t="s">
        <v>19571</v>
      </c>
      <c r="D19535" s="6"/>
      <c r="E19535" s="6" t="s">
        <v>9</v>
      </c>
      <c r="F19535" s="7">
        <v>38657</v>
      </c>
      <c r="G19535" s="8">
        <v>1</v>
      </c>
      <c r="H19535" s="8">
        <v>1</v>
      </c>
      <c r="I19535" s="8">
        <v>0</v>
      </c>
      <c r="J19535" s="8">
        <v>1</v>
      </c>
      <c r="K19535" s="9">
        <v>5.28</v>
      </c>
      <c r="L19535" s="6" t="s">
        <v>4151</v>
      </c>
    </row>
    <row r="19536" spans="1:12">
      <c r="A19536" s="6" t="s">
        <v>4151</v>
      </c>
      <c r="B19536" s="6"/>
      <c r="C19536" s="6" t="s">
        <v>19572</v>
      </c>
      <c r="D19536" s="6"/>
      <c r="E19536" s="6" t="s">
        <v>9</v>
      </c>
      <c r="F19536" s="7">
        <v>38657</v>
      </c>
      <c r="G19536" s="8">
        <v>1</v>
      </c>
      <c r="H19536" s="8">
        <v>1</v>
      </c>
      <c r="I19536" s="8">
        <v>0</v>
      </c>
      <c r="J19536" s="8">
        <v>1</v>
      </c>
      <c r="K19536" s="9">
        <v>20</v>
      </c>
      <c r="L19536" s="6" t="s">
        <v>4151</v>
      </c>
    </row>
    <row r="19537" spans="1:12">
      <c r="A19537" s="6" t="s">
        <v>4151</v>
      </c>
      <c r="B19537" s="6"/>
      <c r="C19537" s="6" t="s">
        <v>19573</v>
      </c>
      <c r="D19537" s="6"/>
      <c r="E19537" s="6" t="s">
        <v>9</v>
      </c>
      <c r="F19537" s="7">
        <v>38657</v>
      </c>
      <c r="G19537" s="8">
        <v>1</v>
      </c>
      <c r="H19537" s="8">
        <v>1</v>
      </c>
      <c r="I19537" s="8">
        <v>0</v>
      </c>
      <c r="J19537" s="8">
        <v>1</v>
      </c>
      <c r="K19537" s="9">
        <v>45</v>
      </c>
      <c r="L19537" s="6" t="s">
        <v>4151</v>
      </c>
    </row>
    <row r="19538" spans="1:12">
      <c r="A19538" s="6" t="s">
        <v>4151</v>
      </c>
      <c r="B19538" s="6"/>
      <c r="C19538" s="6" t="s">
        <v>19574</v>
      </c>
      <c r="D19538" s="6"/>
      <c r="E19538" s="6" t="s">
        <v>9</v>
      </c>
      <c r="F19538" s="7">
        <v>38657</v>
      </c>
      <c r="G19538" s="8">
        <v>1</v>
      </c>
      <c r="H19538" s="8">
        <v>1</v>
      </c>
      <c r="I19538" s="8">
        <v>0</v>
      </c>
      <c r="J19538" s="8">
        <v>1</v>
      </c>
      <c r="K19538" s="9">
        <v>29</v>
      </c>
      <c r="L19538" s="6" t="s">
        <v>4151</v>
      </c>
    </row>
    <row r="19539" spans="1:12">
      <c r="A19539" s="6" t="s">
        <v>4151</v>
      </c>
      <c r="B19539" s="6"/>
      <c r="C19539" s="6" t="s">
        <v>19575</v>
      </c>
      <c r="D19539" s="6"/>
      <c r="E19539" s="6" t="s">
        <v>9</v>
      </c>
      <c r="F19539" s="7">
        <v>38657</v>
      </c>
      <c r="G19539" s="8">
        <v>1</v>
      </c>
      <c r="H19539" s="8">
        <v>1</v>
      </c>
      <c r="I19539" s="8">
        <v>0</v>
      </c>
      <c r="J19539" s="8">
        <v>1</v>
      </c>
      <c r="K19539" s="9">
        <v>35</v>
      </c>
      <c r="L19539" s="6" t="s">
        <v>4151</v>
      </c>
    </row>
    <row r="19540" spans="1:12">
      <c r="A19540" s="6" t="s">
        <v>4151</v>
      </c>
      <c r="B19540" s="6"/>
      <c r="C19540" s="6" t="s">
        <v>19576</v>
      </c>
      <c r="D19540" s="6"/>
      <c r="E19540" s="6" t="s">
        <v>9</v>
      </c>
      <c r="F19540" s="7">
        <v>38657</v>
      </c>
      <c r="G19540" s="8">
        <v>1</v>
      </c>
      <c r="H19540" s="8">
        <v>1</v>
      </c>
      <c r="I19540" s="8">
        <v>0</v>
      </c>
      <c r="J19540" s="8">
        <v>1</v>
      </c>
      <c r="K19540" s="9">
        <v>1.45</v>
      </c>
      <c r="L19540" s="6" t="s">
        <v>4151</v>
      </c>
    </row>
    <row r="19541" spans="1:12">
      <c r="A19541" s="6" t="s">
        <v>4151</v>
      </c>
      <c r="B19541" s="6"/>
      <c r="C19541" s="6" t="s">
        <v>19577</v>
      </c>
      <c r="D19541" s="6"/>
      <c r="E19541" s="6" t="s">
        <v>9</v>
      </c>
      <c r="F19541" s="7">
        <v>38657</v>
      </c>
      <c r="G19541" s="8">
        <v>1</v>
      </c>
      <c r="H19541" s="8">
        <v>1</v>
      </c>
      <c r="I19541" s="8">
        <v>0</v>
      </c>
      <c r="J19541" s="8">
        <v>1</v>
      </c>
      <c r="K19541" s="9">
        <v>13</v>
      </c>
      <c r="L19541" s="6" t="s">
        <v>4151</v>
      </c>
    </row>
    <row r="19542" spans="1:12">
      <c r="A19542" s="6" t="s">
        <v>4151</v>
      </c>
      <c r="B19542" s="6"/>
      <c r="C19542" s="6" t="s">
        <v>19578</v>
      </c>
      <c r="D19542" s="6"/>
      <c r="E19542" s="6" t="s">
        <v>9</v>
      </c>
      <c r="F19542" s="7">
        <v>38657</v>
      </c>
      <c r="G19542" s="8">
        <v>1</v>
      </c>
      <c r="H19542" s="8">
        <v>1</v>
      </c>
      <c r="I19542" s="8">
        <v>0</v>
      </c>
      <c r="J19542" s="8">
        <v>1</v>
      </c>
      <c r="K19542" s="9">
        <v>5.54</v>
      </c>
      <c r="L19542" s="6" t="s">
        <v>4151</v>
      </c>
    </row>
    <row r="19543" spans="1:12">
      <c r="A19543" s="6" t="s">
        <v>4151</v>
      </c>
      <c r="B19543" s="6"/>
      <c r="C19543" s="6" t="s">
        <v>19579</v>
      </c>
      <c r="D19543" s="6"/>
      <c r="E19543" s="6" t="s">
        <v>9</v>
      </c>
      <c r="F19543" s="7">
        <v>38657</v>
      </c>
      <c r="G19543" s="8">
        <v>1</v>
      </c>
      <c r="H19543" s="8">
        <v>1</v>
      </c>
      <c r="I19543" s="8">
        <v>0</v>
      </c>
      <c r="J19543" s="8">
        <v>1</v>
      </c>
      <c r="K19543" s="9">
        <v>7.09</v>
      </c>
      <c r="L19543" s="6" t="s">
        <v>4151</v>
      </c>
    </row>
    <row r="19544" spans="1:12">
      <c r="A19544" s="6" t="s">
        <v>4151</v>
      </c>
      <c r="B19544" s="6"/>
      <c r="C19544" s="6" t="s">
        <v>19580</v>
      </c>
      <c r="D19544" s="6"/>
      <c r="E19544" s="6" t="s">
        <v>9</v>
      </c>
      <c r="F19544" s="7">
        <v>38657</v>
      </c>
      <c r="G19544" s="8">
        <v>1</v>
      </c>
      <c r="H19544" s="8">
        <v>1</v>
      </c>
      <c r="I19544" s="8">
        <v>0</v>
      </c>
      <c r="J19544" s="8">
        <v>1</v>
      </c>
      <c r="K19544" s="9">
        <v>34</v>
      </c>
      <c r="L19544" s="6" t="s">
        <v>4151</v>
      </c>
    </row>
    <row r="19545" spans="1:12">
      <c r="A19545" s="6" t="s">
        <v>4151</v>
      </c>
      <c r="B19545" s="6"/>
      <c r="C19545" s="6" t="s">
        <v>19581</v>
      </c>
      <c r="D19545" s="6"/>
      <c r="E19545" s="6" t="s">
        <v>9</v>
      </c>
      <c r="F19545" s="7">
        <v>38657</v>
      </c>
      <c r="G19545" s="8">
        <v>1</v>
      </c>
      <c r="H19545" s="8">
        <v>1</v>
      </c>
      <c r="I19545" s="8">
        <v>0</v>
      </c>
      <c r="J19545" s="8">
        <v>1</v>
      </c>
      <c r="K19545" s="9">
        <v>4.96</v>
      </c>
      <c r="L19545" s="6" t="s">
        <v>4151</v>
      </c>
    </row>
    <row r="19546" spans="1:12">
      <c r="A19546" s="6" t="s">
        <v>4151</v>
      </c>
      <c r="B19546" s="6"/>
      <c r="C19546" s="6" t="s">
        <v>19582</v>
      </c>
      <c r="D19546" s="6"/>
      <c r="E19546" s="6" t="s">
        <v>9</v>
      </c>
      <c r="F19546" s="7">
        <v>38657</v>
      </c>
      <c r="G19546" s="8">
        <v>1</v>
      </c>
      <c r="H19546" s="8">
        <v>1</v>
      </c>
      <c r="I19546" s="8">
        <v>0</v>
      </c>
      <c r="J19546" s="8">
        <v>1</v>
      </c>
      <c r="K19546" s="9">
        <v>47</v>
      </c>
      <c r="L19546" s="6" t="s">
        <v>4151</v>
      </c>
    </row>
    <row r="19547" spans="1:12">
      <c r="A19547" s="6" t="s">
        <v>4151</v>
      </c>
      <c r="B19547" s="6"/>
      <c r="C19547" s="6" t="s">
        <v>19583</v>
      </c>
      <c r="D19547" s="6"/>
      <c r="E19547" s="6" t="s">
        <v>9</v>
      </c>
      <c r="F19547" s="7">
        <v>38657</v>
      </c>
      <c r="G19547" s="8">
        <v>1</v>
      </c>
      <c r="H19547" s="8">
        <v>1</v>
      </c>
      <c r="I19547" s="8">
        <v>0</v>
      </c>
      <c r="J19547" s="8">
        <v>1</v>
      </c>
      <c r="K19547" s="9">
        <v>41</v>
      </c>
      <c r="L19547" s="6" t="s">
        <v>4151</v>
      </c>
    </row>
    <row r="19548" spans="1:12">
      <c r="A19548" s="6" t="s">
        <v>4151</v>
      </c>
      <c r="B19548" s="6"/>
      <c r="C19548" s="6" t="s">
        <v>19584</v>
      </c>
      <c r="D19548" s="6"/>
      <c r="E19548" s="6" t="s">
        <v>9</v>
      </c>
      <c r="F19548" s="7">
        <v>38657</v>
      </c>
      <c r="G19548" s="8">
        <v>1</v>
      </c>
      <c r="H19548" s="8">
        <v>1</v>
      </c>
      <c r="I19548" s="8">
        <v>0</v>
      </c>
      <c r="J19548" s="8">
        <v>1</v>
      </c>
      <c r="K19548" s="9">
        <v>2.71</v>
      </c>
      <c r="L19548" s="6" t="s">
        <v>4151</v>
      </c>
    </row>
    <row r="19549" spans="1:12">
      <c r="A19549" s="6" t="s">
        <v>4151</v>
      </c>
      <c r="B19549" s="6"/>
      <c r="C19549" s="6" t="s">
        <v>19585</v>
      </c>
      <c r="D19549" s="6"/>
      <c r="E19549" s="6" t="s">
        <v>9</v>
      </c>
      <c r="F19549" s="7">
        <v>38657</v>
      </c>
      <c r="G19549" s="8">
        <v>1</v>
      </c>
      <c r="H19549" s="8">
        <v>1</v>
      </c>
      <c r="I19549" s="8">
        <v>0</v>
      </c>
      <c r="J19549" s="8">
        <v>1</v>
      </c>
      <c r="K19549" s="9">
        <v>2.21</v>
      </c>
      <c r="L19549" s="6" t="s">
        <v>4151</v>
      </c>
    </row>
    <row r="19550" spans="1:12">
      <c r="A19550" s="6" t="s">
        <v>4151</v>
      </c>
      <c r="B19550" s="6"/>
      <c r="C19550" s="6" t="s">
        <v>19586</v>
      </c>
      <c r="D19550" s="6"/>
      <c r="E19550" s="6" t="s">
        <v>9</v>
      </c>
      <c r="F19550" s="7">
        <v>38657</v>
      </c>
      <c r="G19550" s="8">
        <v>1</v>
      </c>
      <c r="H19550" s="8">
        <v>1</v>
      </c>
      <c r="I19550" s="8">
        <v>0</v>
      </c>
      <c r="J19550" s="8">
        <v>1</v>
      </c>
      <c r="K19550" s="9">
        <v>47</v>
      </c>
      <c r="L19550" s="6" t="s">
        <v>4151</v>
      </c>
    </row>
    <row r="19551" spans="1:12">
      <c r="A19551" s="6" t="s">
        <v>4151</v>
      </c>
      <c r="B19551" s="6"/>
      <c r="C19551" s="6" t="s">
        <v>19587</v>
      </c>
      <c r="D19551" s="6"/>
      <c r="E19551" s="6" t="s">
        <v>9</v>
      </c>
      <c r="F19551" s="7">
        <v>38657</v>
      </c>
      <c r="G19551" s="8">
        <v>1</v>
      </c>
      <c r="H19551" s="8">
        <v>1</v>
      </c>
      <c r="I19551" s="8">
        <v>0</v>
      </c>
      <c r="J19551" s="8">
        <v>1</v>
      </c>
      <c r="K19551" s="9">
        <v>14</v>
      </c>
      <c r="L19551" s="6" t="s">
        <v>4151</v>
      </c>
    </row>
    <row r="19552" spans="1:12">
      <c r="A19552" s="6" t="s">
        <v>4151</v>
      </c>
      <c r="B19552" s="6"/>
      <c r="C19552" s="6" t="s">
        <v>19588</v>
      </c>
      <c r="D19552" s="6"/>
      <c r="E19552" s="6" t="s">
        <v>9</v>
      </c>
      <c r="F19552" s="7">
        <v>38657</v>
      </c>
      <c r="G19552" s="8">
        <v>1</v>
      </c>
      <c r="H19552" s="8">
        <v>1</v>
      </c>
      <c r="I19552" s="8">
        <v>0</v>
      </c>
      <c r="J19552" s="8">
        <v>1</v>
      </c>
      <c r="K19552" s="9">
        <v>34</v>
      </c>
      <c r="L19552" s="6" t="s">
        <v>4151</v>
      </c>
    </row>
    <row r="19553" spans="1:12">
      <c r="A19553" s="6" t="s">
        <v>4151</v>
      </c>
      <c r="B19553" s="6"/>
      <c r="C19553" s="6" t="s">
        <v>19589</v>
      </c>
      <c r="D19553" s="6"/>
      <c r="E19553" s="6" t="s">
        <v>9</v>
      </c>
      <c r="F19553" s="7">
        <v>38657</v>
      </c>
      <c r="G19553" s="8">
        <v>1</v>
      </c>
      <c r="H19553" s="8">
        <v>1</v>
      </c>
      <c r="I19553" s="8">
        <v>0</v>
      </c>
      <c r="J19553" s="8">
        <v>1</v>
      </c>
      <c r="K19553" s="9">
        <v>12</v>
      </c>
      <c r="L19553" s="6" t="s">
        <v>4151</v>
      </c>
    </row>
    <row r="19554" spans="1:12">
      <c r="A19554" s="6" t="s">
        <v>4151</v>
      </c>
      <c r="B19554" s="6"/>
      <c r="C19554" s="6" t="s">
        <v>19590</v>
      </c>
      <c r="D19554" s="6"/>
      <c r="E19554" s="6" t="s">
        <v>9</v>
      </c>
      <c r="F19554" s="7">
        <v>38657</v>
      </c>
      <c r="G19554" s="8">
        <v>1</v>
      </c>
      <c r="H19554" s="8">
        <v>1</v>
      </c>
      <c r="I19554" s="8">
        <v>0</v>
      </c>
      <c r="J19554" s="8">
        <v>1</v>
      </c>
      <c r="K19554" s="9">
        <v>2.7</v>
      </c>
      <c r="L19554" s="6" t="s">
        <v>4151</v>
      </c>
    </row>
    <row r="19555" spans="1:12">
      <c r="A19555" s="6" t="s">
        <v>4151</v>
      </c>
      <c r="B19555" s="6"/>
      <c r="C19555" s="6" t="s">
        <v>19591</v>
      </c>
      <c r="D19555" s="6"/>
      <c r="E19555" s="6" t="s">
        <v>9</v>
      </c>
      <c r="F19555" s="7">
        <v>38657</v>
      </c>
      <c r="G19555" s="8">
        <v>1</v>
      </c>
      <c r="H19555" s="8">
        <v>1</v>
      </c>
      <c r="I19555" s="8">
        <v>0</v>
      </c>
      <c r="J19555" s="8">
        <v>1</v>
      </c>
      <c r="K19555" s="9">
        <v>32</v>
      </c>
      <c r="L19555" s="6" t="s">
        <v>4151</v>
      </c>
    </row>
    <row r="19556" spans="1:12">
      <c r="A19556" s="6" t="s">
        <v>4151</v>
      </c>
      <c r="B19556" s="6"/>
      <c r="C19556" s="6" t="s">
        <v>19592</v>
      </c>
      <c r="D19556" s="6"/>
      <c r="E19556" s="6" t="s">
        <v>9</v>
      </c>
      <c r="F19556" s="7">
        <v>38657</v>
      </c>
      <c r="G19556" s="8">
        <v>1</v>
      </c>
      <c r="H19556" s="8">
        <v>1</v>
      </c>
      <c r="I19556" s="8">
        <v>0</v>
      </c>
      <c r="J19556" s="8">
        <v>1</v>
      </c>
      <c r="K19556" s="9">
        <v>10.14</v>
      </c>
      <c r="L19556" s="6" t="s">
        <v>4151</v>
      </c>
    </row>
    <row r="19557" spans="1:12">
      <c r="A19557" s="6" t="s">
        <v>4151</v>
      </c>
      <c r="B19557" s="6"/>
      <c r="C19557" s="6" t="s">
        <v>19593</v>
      </c>
      <c r="D19557" s="6"/>
      <c r="E19557" s="6" t="s">
        <v>9</v>
      </c>
      <c r="F19557" s="7">
        <v>38657</v>
      </c>
      <c r="G19557" s="8">
        <v>1</v>
      </c>
      <c r="H19557" s="8">
        <v>1</v>
      </c>
      <c r="I19557" s="8">
        <v>0</v>
      </c>
      <c r="J19557" s="8">
        <v>1</v>
      </c>
      <c r="K19557" s="9">
        <v>13</v>
      </c>
      <c r="L19557" s="6" t="s">
        <v>4151</v>
      </c>
    </row>
    <row r="19558" spans="1:12">
      <c r="A19558" s="6" t="s">
        <v>4151</v>
      </c>
      <c r="B19558" s="6"/>
      <c r="C19558" s="6" t="s">
        <v>19594</v>
      </c>
      <c r="D19558" s="6"/>
      <c r="E19558" s="6" t="s">
        <v>9</v>
      </c>
      <c r="F19558" s="7">
        <v>38657</v>
      </c>
      <c r="G19558" s="8">
        <v>1</v>
      </c>
      <c r="H19558" s="8">
        <v>1</v>
      </c>
      <c r="I19558" s="8">
        <v>0</v>
      </c>
      <c r="J19558" s="8">
        <v>1</v>
      </c>
      <c r="K19558" s="9">
        <v>16</v>
      </c>
      <c r="L19558" s="6" t="s">
        <v>4151</v>
      </c>
    </row>
    <row r="19559" spans="1:12">
      <c r="A19559" s="6" t="s">
        <v>4151</v>
      </c>
      <c r="B19559" s="6"/>
      <c r="C19559" s="6" t="s">
        <v>19595</v>
      </c>
      <c r="D19559" s="6"/>
      <c r="E19559" s="6" t="s">
        <v>9</v>
      </c>
      <c r="F19559" s="7">
        <v>38657</v>
      </c>
      <c r="G19559" s="8">
        <v>1</v>
      </c>
      <c r="H19559" s="8">
        <v>1</v>
      </c>
      <c r="I19559" s="8">
        <v>0</v>
      </c>
      <c r="J19559" s="8">
        <v>1</v>
      </c>
      <c r="K19559" s="9">
        <v>28</v>
      </c>
      <c r="L19559" s="6" t="s">
        <v>4151</v>
      </c>
    </row>
    <row r="19560" spans="1:12">
      <c r="A19560" s="6" t="s">
        <v>4151</v>
      </c>
      <c r="B19560" s="6"/>
      <c r="C19560" s="6" t="s">
        <v>19596</v>
      </c>
      <c r="D19560" s="6"/>
      <c r="E19560" s="6" t="s">
        <v>9</v>
      </c>
      <c r="F19560" s="7">
        <v>38657</v>
      </c>
      <c r="G19560" s="8">
        <v>1</v>
      </c>
      <c r="H19560" s="8">
        <v>1</v>
      </c>
      <c r="I19560" s="8">
        <v>0</v>
      </c>
      <c r="J19560" s="8">
        <v>1</v>
      </c>
      <c r="K19560" s="9">
        <v>12</v>
      </c>
      <c r="L19560" s="6" t="s">
        <v>4151</v>
      </c>
    </row>
    <row r="19561" spans="1:12">
      <c r="A19561" s="6" t="s">
        <v>4151</v>
      </c>
      <c r="B19561" s="6"/>
      <c r="C19561" s="6" t="s">
        <v>19597</v>
      </c>
      <c r="D19561" s="6"/>
      <c r="E19561" s="6" t="s">
        <v>9</v>
      </c>
      <c r="F19561" s="7">
        <v>38657</v>
      </c>
      <c r="G19561" s="8">
        <v>1</v>
      </c>
      <c r="H19561" s="8">
        <v>1</v>
      </c>
      <c r="I19561" s="8">
        <v>0</v>
      </c>
      <c r="J19561" s="8">
        <v>1</v>
      </c>
      <c r="K19561" s="9">
        <v>2.63</v>
      </c>
      <c r="L19561" s="6" t="s">
        <v>4151</v>
      </c>
    </row>
    <row r="19562" spans="1:12">
      <c r="A19562" s="6" t="s">
        <v>4151</v>
      </c>
      <c r="B19562" s="6"/>
      <c r="C19562" s="6" t="s">
        <v>19598</v>
      </c>
      <c r="D19562" s="6"/>
      <c r="E19562" s="6" t="s">
        <v>9</v>
      </c>
      <c r="F19562" s="7">
        <v>38657</v>
      </c>
      <c r="G19562" s="8">
        <v>1</v>
      </c>
      <c r="H19562" s="8">
        <v>1</v>
      </c>
      <c r="I19562" s="8">
        <v>0</v>
      </c>
      <c r="J19562" s="8">
        <v>1</v>
      </c>
      <c r="K19562" s="9">
        <v>0.08</v>
      </c>
      <c r="L19562" s="6" t="s">
        <v>4151</v>
      </c>
    </row>
    <row r="19563" spans="1:12">
      <c r="A19563" s="6" t="s">
        <v>4151</v>
      </c>
      <c r="B19563" s="6"/>
      <c r="C19563" s="6" t="s">
        <v>19599</v>
      </c>
      <c r="D19563" s="6"/>
      <c r="E19563" s="6" t="s">
        <v>9</v>
      </c>
      <c r="F19563" s="7">
        <v>38657</v>
      </c>
      <c r="G19563" s="8">
        <v>1</v>
      </c>
      <c r="H19563" s="8">
        <v>1</v>
      </c>
      <c r="I19563" s="8">
        <v>0</v>
      </c>
      <c r="J19563" s="8">
        <v>1</v>
      </c>
      <c r="K19563" s="9">
        <v>29</v>
      </c>
      <c r="L19563" s="6" t="s">
        <v>4151</v>
      </c>
    </row>
    <row r="19564" spans="1:12">
      <c r="A19564" s="6" t="s">
        <v>4151</v>
      </c>
      <c r="B19564" s="6"/>
      <c r="C19564" s="6" t="s">
        <v>19600</v>
      </c>
      <c r="D19564" s="6"/>
      <c r="E19564" s="6" t="s">
        <v>9</v>
      </c>
      <c r="F19564" s="7">
        <v>38657</v>
      </c>
      <c r="G19564" s="8">
        <v>1</v>
      </c>
      <c r="H19564" s="8">
        <v>1</v>
      </c>
      <c r="I19564" s="8">
        <v>0</v>
      </c>
      <c r="J19564" s="8">
        <v>1</v>
      </c>
      <c r="K19564" s="9">
        <v>8.9499999999999904</v>
      </c>
      <c r="L19564" s="6" t="s">
        <v>4151</v>
      </c>
    </row>
    <row r="19565" spans="1:12">
      <c r="A19565" s="6" t="s">
        <v>4151</v>
      </c>
      <c r="B19565" s="6"/>
      <c r="C19565" s="6" t="s">
        <v>19601</v>
      </c>
      <c r="D19565" s="6"/>
      <c r="E19565" s="6" t="s">
        <v>9</v>
      </c>
      <c r="F19565" s="7">
        <v>38657</v>
      </c>
      <c r="G19565" s="8">
        <v>1</v>
      </c>
      <c r="H19565" s="8">
        <v>1</v>
      </c>
      <c r="I19565" s="8">
        <v>0</v>
      </c>
      <c r="J19565" s="8">
        <v>1</v>
      </c>
      <c r="K19565" s="9">
        <v>2.58</v>
      </c>
      <c r="L19565" s="6" t="s">
        <v>4151</v>
      </c>
    </row>
    <row r="19566" spans="1:12">
      <c r="A19566" s="6" t="s">
        <v>4151</v>
      </c>
      <c r="B19566" s="6"/>
      <c r="C19566" s="6" t="s">
        <v>19602</v>
      </c>
      <c r="D19566" s="6"/>
      <c r="E19566" s="6" t="s">
        <v>9</v>
      </c>
      <c r="F19566" s="7">
        <v>38657</v>
      </c>
      <c r="G19566" s="8">
        <v>1</v>
      </c>
      <c r="H19566" s="8">
        <v>1</v>
      </c>
      <c r="I19566" s="8">
        <v>0</v>
      </c>
      <c r="J19566" s="8">
        <v>1</v>
      </c>
      <c r="K19566" s="9">
        <v>8.4700000000000006</v>
      </c>
      <c r="L19566" s="6" t="s">
        <v>4151</v>
      </c>
    </row>
    <row r="19567" spans="1:12">
      <c r="A19567" s="6" t="s">
        <v>4151</v>
      </c>
      <c r="B19567" s="6"/>
      <c r="C19567" s="6" t="s">
        <v>19603</v>
      </c>
      <c r="D19567" s="6"/>
      <c r="E19567" s="6" t="s">
        <v>9</v>
      </c>
      <c r="F19567" s="7">
        <v>38657</v>
      </c>
      <c r="G19567" s="8">
        <v>1</v>
      </c>
      <c r="H19567" s="8">
        <v>1</v>
      </c>
      <c r="I19567" s="8">
        <v>0</v>
      </c>
      <c r="J19567" s="8">
        <v>1</v>
      </c>
      <c r="K19567" s="9">
        <v>6.73</v>
      </c>
      <c r="L19567" s="6" t="s">
        <v>4151</v>
      </c>
    </row>
    <row r="19568" spans="1:12">
      <c r="A19568" s="6" t="s">
        <v>4151</v>
      </c>
      <c r="B19568" s="6"/>
      <c r="C19568" s="6" t="s">
        <v>19604</v>
      </c>
      <c r="D19568" s="6"/>
      <c r="E19568" s="6" t="s">
        <v>9</v>
      </c>
      <c r="F19568" s="7">
        <v>38657</v>
      </c>
      <c r="G19568" s="8">
        <v>1</v>
      </c>
      <c r="H19568" s="8">
        <v>1</v>
      </c>
      <c r="I19568" s="8">
        <v>0</v>
      </c>
      <c r="J19568" s="8">
        <v>1</v>
      </c>
      <c r="K19568" s="9">
        <v>59</v>
      </c>
      <c r="L19568" s="6" t="s">
        <v>4151</v>
      </c>
    </row>
    <row r="19569" spans="1:12">
      <c r="A19569" s="6" t="s">
        <v>4151</v>
      </c>
      <c r="B19569" s="6"/>
      <c r="C19569" s="6" t="s">
        <v>19605</v>
      </c>
      <c r="D19569" s="6"/>
      <c r="E19569" s="6" t="s">
        <v>9</v>
      </c>
      <c r="F19569" s="7">
        <v>38657</v>
      </c>
      <c r="G19569" s="8">
        <v>1</v>
      </c>
      <c r="H19569" s="8">
        <v>1</v>
      </c>
      <c r="I19569" s="8">
        <v>0</v>
      </c>
      <c r="J19569" s="8">
        <v>1</v>
      </c>
      <c r="K19569" s="9">
        <v>18.600000000000001</v>
      </c>
      <c r="L19569" s="6" t="s">
        <v>4151</v>
      </c>
    </row>
    <row r="19570" spans="1:12">
      <c r="A19570" s="6" t="s">
        <v>4151</v>
      </c>
      <c r="B19570" s="6"/>
      <c r="C19570" s="6" t="s">
        <v>19606</v>
      </c>
      <c r="D19570" s="6"/>
      <c r="E19570" s="6" t="s">
        <v>9</v>
      </c>
      <c r="F19570" s="7">
        <v>38657</v>
      </c>
      <c r="G19570" s="8">
        <v>1</v>
      </c>
      <c r="H19570" s="8">
        <v>1</v>
      </c>
      <c r="I19570" s="8">
        <v>0</v>
      </c>
      <c r="J19570" s="8">
        <v>1</v>
      </c>
      <c r="K19570" s="9">
        <v>56</v>
      </c>
      <c r="L19570" s="6" t="s">
        <v>4151</v>
      </c>
    </row>
    <row r="19571" spans="1:12">
      <c r="A19571" s="6" t="s">
        <v>4151</v>
      </c>
      <c r="B19571" s="6"/>
      <c r="C19571" s="6" t="s">
        <v>19607</v>
      </c>
      <c r="D19571" s="6"/>
      <c r="E19571" s="6" t="s">
        <v>9</v>
      </c>
      <c r="F19571" s="7">
        <v>38657</v>
      </c>
      <c r="G19571" s="8">
        <v>1</v>
      </c>
      <c r="H19571" s="8">
        <v>1</v>
      </c>
      <c r="I19571" s="8">
        <v>0</v>
      </c>
      <c r="J19571" s="8">
        <v>1</v>
      </c>
      <c r="K19571" s="9">
        <v>18</v>
      </c>
      <c r="L19571" s="6" t="s">
        <v>4151</v>
      </c>
    </row>
    <row r="19572" spans="1:12">
      <c r="A19572" s="6" t="s">
        <v>4151</v>
      </c>
      <c r="B19572" s="6"/>
      <c r="C19572" s="6" t="s">
        <v>19608</v>
      </c>
      <c r="D19572" s="6"/>
      <c r="E19572" s="6" t="s">
        <v>9</v>
      </c>
      <c r="F19572" s="7">
        <v>38657</v>
      </c>
      <c r="G19572" s="8">
        <v>1</v>
      </c>
      <c r="H19572" s="8">
        <v>1</v>
      </c>
      <c r="I19572" s="8">
        <v>0</v>
      </c>
      <c r="J19572" s="8">
        <v>1</v>
      </c>
      <c r="K19572" s="9">
        <v>54</v>
      </c>
      <c r="L19572" s="6" t="s">
        <v>4151</v>
      </c>
    </row>
    <row r="19573" spans="1:12">
      <c r="A19573" s="6" t="s">
        <v>4151</v>
      </c>
      <c r="B19573" s="6"/>
      <c r="C19573" s="6" t="s">
        <v>19609</v>
      </c>
      <c r="D19573" s="6"/>
      <c r="E19573" s="6" t="s">
        <v>9</v>
      </c>
      <c r="F19573" s="7">
        <v>38657</v>
      </c>
      <c r="G19573" s="8">
        <v>1</v>
      </c>
      <c r="H19573" s="8">
        <v>1</v>
      </c>
      <c r="I19573" s="8">
        <v>0</v>
      </c>
      <c r="J19573" s="8">
        <v>1</v>
      </c>
      <c r="K19573" s="9">
        <v>18</v>
      </c>
      <c r="L19573" s="6" t="s">
        <v>4151</v>
      </c>
    </row>
    <row r="19574" spans="1:12">
      <c r="A19574" s="6" t="s">
        <v>4151</v>
      </c>
      <c r="B19574" s="6"/>
      <c r="C19574" s="6" t="s">
        <v>19610</v>
      </c>
      <c r="D19574" s="6"/>
      <c r="E19574" s="6" t="s">
        <v>9</v>
      </c>
      <c r="F19574" s="7">
        <v>38657</v>
      </c>
      <c r="G19574" s="8">
        <v>1</v>
      </c>
      <c r="H19574" s="8">
        <v>1</v>
      </c>
      <c r="I19574" s="8">
        <v>0</v>
      </c>
      <c r="J19574" s="8">
        <v>1</v>
      </c>
      <c r="K19574" s="9">
        <v>34</v>
      </c>
      <c r="L19574" s="6" t="s">
        <v>4151</v>
      </c>
    </row>
    <row r="19575" spans="1:12">
      <c r="A19575" s="6" t="s">
        <v>4151</v>
      </c>
      <c r="B19575" s="6"/>
      <c r="C19575" s="6" t="s">
        <v>19611</v>
      </c>
      <c r="D19575" s="6"/>
      <c r="E19575" s="6" t="s">
        <v>9</v>
      </c>
      <c r="F19575" s="7">
        <v>38657</v>
      </c>
      <c r="G19575" s="8">
        <v>1</v>
      </c>
      <c r="H19575" s="8">
        <v>1</v>
      </c>
      <c r="I19575" s="8">
        <v>0</v>
      </c>
      <c r="J19575" s="8">
        <v>1</v>
      </c>
      <c r="K19575" s="9">
        <v>12</v>
      </c>
      <c r="L19575" s="6" t="s">
        <v>4151</v>
      </c>
    </row>
    <row r="19576" spans="1:12">
      <c r="A19576" s="6" t="s">
        <v>4151</v>
      </c>
      <c r="B19576" s="6"/>
      <c r="C19576" s="6" t="s">
        <v>19612</v>
      </c>
      <c r="D19576" s="6"/>
      <c r="E19576" s="6" t="s">
        <v>9</v>
      </c>
      <c r="F19576" s="7">
        <v>38657</v>
      </c>
      <c r="G19576" s="8">
        <v>1</v>
      </c>
      <c r="H19576" s="8">
        <v>1</v>
      </c>
      <c r="I19576" s="8">
        <v>0</v>
      </c>
      <c r="J19576" s="8">
        <v>1</v>
      </c>
      <c r="K19576" s="9">
        <v>19</v>
      </c>
      <c r="L19576" s="6" t="s">
        <v>4151</v>
      </c>
    </row>
    <row r="19577" spans="1:12">
      <c r="A19577" s="6" t="s">
        <v>4151</v>
      </c>
      <c r="B19577" s="6"/>
      <c r="C19577" s="6" t="s">
        <v>19613</v>
      </c>
      <c r="D19577" s="6"/>
      <c r="E19577" s="6" t="s">
        <v>9</v>
      </c>
      <c r="F19577" s="7">
        <v>38657</v>
      </c>
      <c r="G19577" s="8">
        <v>1</v>
      </c>
      <c r="H19577" s="8">
        <v>1</v>
      </c>
      <c r="I19577" s="8">
        <v>0</v>
      </c>
      <c r="J19577" s="8">
        <v>1</v>
      </c>
      <c r="K19577" s="9">
        <v>7.08</v>
      </c>
      <c r="L19577" s="6" t="s">
        <v>4151</v>
      </c>
    </row>
    <row r="19578" spans="1:12">
      <c r="A19578" s="6" t="s">
        <v>4151</v>
      </c>
      <c r="B19578" s="6"/>
      <c r="C19578" s="6" t="s">
        <v>19614</v>
      </c>
      <c r="D19578" s="6"/>
      <c r="E19578" s="6" t="s">
        <v>9</v>
      </c>
      <c r="F19578" s="7">
        <v>38657</v>
      </c>
      <c r="G19578" s="8">
        <v>1</v>
      </c>
      <c r="H19578" s="8">
        <v>1</v>
      </c>
      <c r="I19578" s="8">
        <v>0</v>
      </c>
      <c r="J19578" s="8">
        <v>1</v>
      </c>
      <c r="K19578" s="9">
        <v>7.55</v>
      </c>
      <c r="L19578" s="6" t="s">
        <v>4151</v>
      </c>
    </row>
    <row r="19579" spans="1:12">
      <c r="A19579" s="6" t="s">
        <v>4151</v>
      </c>
      <c r="B19579" s="6"/>
      <c r="C19579" s="6" t="s">
        <v>19615</v>
      </c>
      <c r="D19579" s="6"/>
      <c r="E19579" s="6" t="s">
        <v>9</v>
      </c>
      <c r="F19579" s="7">
        <v>38657</v>
      </c>
      <c r="G19579" s="8">
        <v>1</v>
      </c>
      <c r="H19579" s="8">
        <v>1</v>
      </c>
      <c r="I19579" s="8">
        <v>0</v>
      </c>
      <c r="J19579" s="8">
        <v>1</v>
      </c>
      <c r="K19579" s="9">
        <v>7</v>
      </c>
      <c r="L19579" s="6" t="s">
        <v>4151</v>
      </c>
    </row>
    <row r="19580" spans="1:12">
      <c r="A19580" s="6" t="s">
        <v>4151</v>
      </c>
      <c r="B19580" s="6"/>
      <c r="C19580" s="6" t="s">
        <v>19616</v>
      </c>
      <c r="D19580" s="6"/>
      <c r="E19580" s="6" t="s">
        <v>9</v>
      </c>
      <c r="F19580" s="7">
        <v>38657</v>
      </c>
      <c r="G19580" s="8">
        <v>1</v>
      </c>
      <c r="H19580" s="8">
        <v>1</v>
      </c>
      <c r="I19580" s="8">
        <v>0</v>
      </c>
      <c r="J19580" s="8">
        <v>1</v>
      </c>
      <c r="K19580" s="9">
        <v>18</v>
      </c>
      <c r="L19580" s="6" t="s">
        <v>4151</v>
      </c>
    </row>
    <row r="19581" spans="1:12">
      <c r="A19581" s="6" t="s">
        <v>4151</v>
      </c>
      <c r="B19581" s="6"/>
      <c r="C19581" s="6" t="s">
        <v>19617</v>
      </c>
      <c r="D19581" s="6"/>
      <c r="E19581" s="6" t="s">
        <v>9</v>
      </c>
      <c r="F19581" s="7">
        <v>38657</v>
      </c>
      <c r="G19581" s="8">
        <v>1</v>
      </c>
      <c r="H19581" s="8">
        <v>1</v>
      </c>
      <c r="I19581" s="8">
        <v>0</v>
      </c>
      <c r="J19581" s="8">
        <v>1</v>
      </c>
      <c r="K19581" s="9">
        <v>17</v>
      </c>
      <c r="L19581" s="6" t="s">
        <v>4151</v>
      </c>
    </row>
    <row r="19582" spans="1:12">
      <c r="A19582" s="6" t="s">
        <v>4151</v>
      </c>
      <c r="B19582" s="6"/>
      <c r="C19582" s="6" t="s">
        <v>19618</v>
      </c>
      <c r="D19582" s="6"/>
      <c r="E19582" s="6" t="s">
        <v>9</v>
      </c>
      <c r="F19582" s="7">
        <v>38657</v>
      </c>
      <c r="G19582" s="8">
        <v>1</v>
      </c>
      <c r="H19582" s="8">
        <v>1</v>
      </c>
      <c r="I19582" s="8">
        <v>0</v>
      </c>
      <c r="J19582" s="8">
        <v>1</v>
      </c>
      <c r="K19582" s="9">
        <v>14</v>
      </c>
      <c r="L19582" s="6" t="s">
        <v>4151</v>
      </c>
    </row>
    <row r="19583" spans="1:12">
      <c r="A19583" s="6" t="s">
        <v>4151</v>
      </c>
      <c r="B19583" s="6"/>
      <c r="C19583" s="6" t="s">
        <v>19619</v>
      </c>
      <c r="D19583" s="6"/>
      <c r="E19583" s="6" t="s">
        <v>9</v>
      </c>
      <c r="F19583" s="7">
        <v>38657</v>
      </c>
      <c r="G19583" s="8">
        <v>1</v>
      </c>
      <c r="H19583" s="8">
        <v>1</v>
      </c>
      <c r="I19583" s="8">
        <v>0</v>
      </c>
      <c r="J19583" s="8">
        <v>1</v>
      </c>
      <c r="K19583" s="9">
        <v>0.85</v>
      </c>
      <c r="L19583" s="6" t="s">
        <v>4151</v>
      </c>
    </row>
    <row r="19584" spans="1:12">
      <c r="A19584" s="6" t="s">
        <v>4151</v>
      </c>
      <c r="B19584" s="6"/>
      <c r="C19584" s="6" t="s">
        <v>19620</v>
      </c>
      <c r="D19584" s="6"/>
      <c r="E19584" s="6" t="s">
        <v>9</v>
      </c>
      <c r="F19584" s="7">
        <v>38657</v>
      </c>
      <c r="G19584" s="8">
        <v>1</v>
      </c>
      <c r="H19584" s="8">
        <v>1</v>
      </c>
      <c r="I19584" s="8">
        <v>0</v>
      </c>
      <c r="J19584" s="8">
        <v>1</v>
      </c>
      <c r="K19584" s="9">
        <v>5.91</v>
      </c>
      <c r="L19584" s="6" t="s">
        <v>4151</v>
      </c>
    </row>
    <row r="19585" spans="1:12">
      <c r="A19585" s="6" t="s">
        <v>4151</v>
      </c>
      <c r="B19585" s="6"/>
      <c r="C19585" s="6" t="s">
        <v>19621</v>
      </c>
      <c r="D19585" s="6"/>
      <c r="E19585" s="6" t="s">
        <v>9</v>
      </c>
      <c r="F19585" s="7">
        <v>38657</v>
      </c>
      <c r="G19585" s="8">
        <v>1</v>
      </c>
      <c r="H19585" s="8">
        <v>1</v>
      </c>
      <c r="I19585" s="8">
        <v>0</v>
      </c>
      <c r="J19585" s="8">
        <v>1</v>
      </c>
      <c r="K19585" s="9">
        <v>5.97</v>
      </c>
      <c r="L19585" s="6" t="s">
        <v>4151</v>
      </c>
    </row>
    <row r="19586" spans="1:12">
      <c r="A19586" s="6" t="s">
        <v>4151</v>
      </c>
      <c r="B19586" s="6"/>
      <c r="C19586" s="6" t="s">
        <v>19622</v>
      </c>
      <c r="D19586" s="6"/>
      <c r="E19586" s="6" t="s">
        <v>9</v>
      </c>
      <c r="F19586" s="7">
        <v>38657</v>
      </c>
      <c r="G19586" s="8">
        <v>1</v>
      </c>
      <c r="H19586" s="8">
        <v>1</v>
      </c>
      <c r="I19586" s="8">
        <v>0</v>
      </c>
      <c r="J19586" s="8">
        <v>1</v>
      </c>
      <c r="K19586" s="9">
        <v>17</v>
      </c>
      <c r="L19586" s="6" t="s">
        <v>4151</v>
      </c>
    </row>
    <row r="19587" spans="1:12">
      <c r="A19587" s="6" t="s">
        <v>4151</v>
      </c>
      <c r="B19587" s="6"/>
      <c r="C19587" s="6" t="s">
        <v>19623</v>
      </c>
      <c r="D19587" s="6"/>
      <c r="E19587" s="6" t="s">
        <v>9</v>
      </c>
      <c r="F19587" s="7">
        <v>38657</v>
      </c>
      <c r="G19587" s="8">
        <v>1</v>
      </c>
      <c r="H19587" s="8">
        <v>1</v>
      </c>
      <c r="I19587" s="8">
        <v>0</v>
      </c>
      <c r="J19587" s="8">
        <v>1</v>
      </c>
      <c r="K19587" s="9">
        <v>3.3</v>
      </c>
      <c r="L19587" s="6" t="s">
        <v>4151</v>
      </c>
    </row>
    <row r="19588" spans="1:12">
      <c r="A19588" s="6" t="s">
        <v>4151</v>
      </c>
      <c r="B19588" s="6"/>
      <c r="C19588" s="6" t="s">
        <v>19624</v>
      </c>
      <c r="D19588" s="6"/>
      <c r="E19588" s="6" t="s">
        <v>9</v>
      </c>
      <c r="F19588" s="7">
        <v>38657</v>
      </c>
      <c r="G19588" s="8">
        <v>1</v>
      </c>
      <c r="H19588" s="8">
        <v>1</v>
      </c>
      <c r="I19588" s="8">
        <v>0</v>
      </c>
      <c r="J19588" s="8">
        <v>1</v>
      </c>
      <c r="K19588" s="9">
        <v>17</v>
      </c>
      <c r="L19588" s="6" t="s">
        <v>4151</v>
      </c>
    </row>
    <row r="19589" spans="1:12">
      <c r="A19589" s="6" t="s">
        <v>4151</v>
      </c>
      <c r="B19589" s="6"/>
      <c r="C19589" s="6" t="s">
        <v>19625</v>
      </c>
      <c r="D19589" s="6"/>
      <c r="E19589" s="6" t="s">
        <v>9</v>
      </c>
      <c r="F19589" s="7">
        <v>38657</v>
      </c>
      <c r="G19589" s="8">
        <v>1</v>
      </c>
      <c r="H19589" s="8">
        <v>1</v>
      </c>
      <c r="I19589" s="8">
        <v>0</v>
      </c>
      <c r="J19589" s="8">
        <v>1</v>
      </c>
      <c r="K19589" s="9">
        <v>5.08</v>
      </c>
      <c r="L19589" s="6" t="s">
        <v>4151</v>
      </c>
    </row>
    <row r="19590" spans="1:12">
      <c r="A19590" s="6" t="s">
        <v>4151</v>
      </c>
      <c r="B19590" s="6"/>
      <c r="C19590" s="6" t="s">
        <v>19626</v>
      </c>
      <c r="D19590" s="6"/>
      <c r="E19590" s="6" t="s">
        <v>9</v>
      </c>
      <c r="F19590" s="7">
        <v>38657</v>
      </c>
      <c r="G19590" s="8">
        <v>1</v>
      </c>
      <c r="H19590" s="8">
        <v>1</v>
      </c>
      <c r="I19590" s="8">
        <v>0</v>
      </c>
      <c r="J19590" s="8">
        <v>1</v>
      </c>
      <c r="K19590" s="9">
        <v>6.15</v>
      </c>
      <c r="L19590" s="6" t="s">
        <v>4151</v>
      </c>
    </row>
    <row r="19591" spans="1:12">
      <c r="A19591" s="6" t="s">
        <v>4151</v>
      </c>
      <c r="B19591" s="6"/>
      <c r="C19591" s="6" t="s">
        <v>19627</v>
      </c>
      <c r="D19591" s="6"/>
      <c r="E19591" s="6" t="s">
        <v>9</v>
      </c>
      <c r="F19591" s="7">
        <v>38657</v>
      </c>
      <c r="G19591" s="8">
        <v>1</v>
      </c>
      <c r="H19591" s="8">
        <v>1</v>
      </c>
      <c r="I19591" s="8">
        <v>0</v>
      </c>
      <c r="J19591" s="8">
        <v>1</v>
      </c>
      <c r="K19591" s="9">
        <v>26</v>
      </c>
      <c r="L19591" s="6" t="s">
        <v>4151</v>
      </c>
    </row>
    <row r="19592" spans="1:12">
      <c r="A19592" s="6" t="s">
        <v>4151</v>
      </c>
      <c r="B19592" s="6"/>
      <c r="C19592" s="6" t="s">
        <v>19628</v>
      </c>
      <c r="D19592" s="6"/>
      <c r="E19592" s="6" t="s">
        <v>9</v>
      </c>
      <c r="F19592" s="7">
        <v>38657</v>
      </c>
      <c r="G19592" s="8">
        <v>1</v>
      </c>
      <c r="H19592" s="8">
        <v>1</v>
      </c>
      <c r="I19592" s="8">
        <v>0</v>
      </c>
      <c r="J19592" s="8">
        <v>1</v>
      </c>
      <c r="K19592" s="9">
        <v>9.4600000000000009</v>
      </c>
      <c r="L19592" s="6" t="s">
        <v>4151</v>
      </c>
    </row>
    <row r="19593" spans="1:12">
      <c r="A19593" s="6" t="s">
        <v>4151</v>
      </c>
      <c r="B19593" s="6"/>
      <c r="C19593" s="6" t="s">
        <v>19629</v>
      </c>
      <c r="D19593" s="6"/>
      <c r="E19593" s="6" t="s">
        <v>9</v>
      </c>
      <c r="F19593" s="7">
        <v>38657</v>
      </c>
      <c r="G19593" s="8">
        <v>1</v>
      </c>
      <c r="H19593" s="8">
        <v>1</v>
      </c>
      <c r="I19593" s="8">
        <v>0</v>
      </c>
      <c r="J19593" s="8">
        <v>1</v>
      </c>
      <c r="K19593" s="9">
        <v>18</v>
      </c>
      <c r="L19593" s="6" t="s">
        <v>4151</v>
      </c>
    </row>
    <row r="19594" spans="1:12">
      <c r="A19594" s="6" t="s">
        <v>4151</v>
      </c>
      <c r="B19594" s="6"/>
      <c r="C19594" s="6" t="s">
        <v>19630</v>
      </c>
      <c r="D19594" s="6"/>
      <c r="E19594" s="6" t="s">
        <v>9</v>
      </c>
      <c r="F19594" s="7">
        <v>38657</v>
      </c>
      <c r="G19594" s="8">
        <v>1</v>
      </c>
      <c r="H19594" s="8">
        <v>1</v>
      </c>
      <c r="I19594" s="8">
        <v>0</v>
      </c>
      <c r="J19594" s="8">
        <v>1</v>
      </c>
      <c r="K19594" s="9">
        <v>13</v>
      </c>
      <c r="L19594" s="6" t="s">
        <v>4151</v>
      </c>
    </row>
    <row r="19595" spans="1:12">
      <c r="A19595" s="6" t="s">
        <v>4151</v>
      </c>
      <c r="B19595" s="6"/>
      <c r="C19595" s="6" t="s">
        <v>19631</v>
      </c>
      <c r="D19595" s="6"/>
      <c r="E19595" s="6" t="s">
        <v>9</v>
      </c>
      <c r="F19595" s="7">
        <v>38657</v>
      </c>
      <c r="G19595" s="8">
        <v>1</v>
      </c>
      <c r="H19595" s="8">
        <v>1</v>
      </c>
      <c r="I19595" s="8">
        <v>0</v>
      </c>
      <c r="J19595" s="8">
        <v>1</v>
      </c>
      <c r="K19595" s="9">
        <v>8.73</v>
      </c>
      <c r="L19595" s="6" t="s">
        <v>4151</v>
      </c>
    </row>
    <row r="19596" spans="1:12">
      <c r="A19596" s="6" t="s">
        <v>4151</v>
      </c>
      <c r="B19596" s="6"/>
      <c r="C19596" s="6" t="s">
        <v>19632</v>
      </c>
      <c r="D19596" s="6"/>
      <c r="E19596" s="6" t="s">
        <v>9</v>
      </c>
      <c r="F19596" s="7">
        <v>38657</v>
      </c>
      <c r="G19596" s="8">
        <v>1</v>
      </c>
      <c r="H19596" s="8">
        <v>1</v>
      </c>
      <c r="I19596" s="8">
        <v>0</v>
      </c>
      <c r="J19596" s="8">
        <v>1</v>
      </c>
      <c r="K19596" s="9">
        <v>23</v>
      </c>
      <c r="L19596" s="6" t="s">
        <v>4151</v>
      </c>
    </row>
    <row r="19597" spans="1:12">
      <c r="A19597" s="6" t="s">
        <v>4151</v>
      </c>
      <c r="B19597" s="6"/>
      <c r="C19597" s="6" t="s">
        <v>19633</v>
      </c>
      <c r="D19597" s="6"/>
      <c r="E19597" s="6" t="s">
        <v>9</v>
      </c>
      <c r="F19597" s="7">
        <v>38657</v>
      </c>
      <c r="G19597" s="8">
        <v>1</v>
      </c>
      <c r="H19597" s="8">
        <v>1</v>
      </c>
      <c r="I19597" s="8">
        <v>0</v>
      </c>
      <c r="J19597" s="8">
        <v>1</v>
      </c>
      <c r="K19597" s="9">
        <v>27</v>
      </c>
      <c r="L19597" s="6" t="s">
        <v>4151</v>
      </c>
    </row>
    <row r="19598" spans="1:12">
      <c r="A19598" s="6" t="s">
        <v>4151</v>
      </c>
      <c r="B19598" s="6"/>
      <c r="C19598" s="6" t="s">
        <v>19634</v>
      </c>
      <c r="D19598" s="6"/>
      <c r="E19598" s="6" t="s">
        <v>9</v>
      </c>
      <c r="F19598" s="7">
        <v>38657</v>
      </c>
      <c r="G19598" s="8">
        <v>1</v>
      </c>
      <c r="H19598" s="8">
        <v>1</v>
      </c>
      <c r="I19598" s="8">
        <v>0</v>
      </c>
      <c r="J19598" s="8">
        <v>1</v>
      </c>
      <c r="K19598" s="9">
        <v>0.62</v>
      </c>
      <c r="L19598" s="6" t="s">
        <v>4151</v>
      </c>
    </row>
    <row r="19599" spans="1:12">
      <c r="A19599" s="6" t="s">
        <v>4151</v>
      </c>
      <c r="B19599" s="6"/>
      <c r="C19599" s="6" t="s">
        <v>19635</v>
      </c>
      <c r="D19599" s="6"/>
      <c r="E19599" s="6" t="s">
        <v>9</v>
      </c>
      <c r="F19599" s="7">
        <v>38657</v>
      </c>
      <c r="G19599" s="8">
        <v>1</v>
      </c>
      <c r="H19599" s="8">
        <v>1</v>
      </c>
      <c r="I19599" s="8">
        <v>0</v>
      </c>
      <c r="J19599" s="8">
        <v>1</v>
      </c>
      <c r="K19599" s="9">
        <v>7.81</v>
      </c>
      <c r="L19599" s="6" t="s">
        <v>4151</v>
      </c>
    </row>
    <row r="19600" spans="1:12">
      <c r="A19600" s="6" t="s">
        <v>4151</v>
      </c>
      <c r="B19600" s="6"/>
      <c r="C19600" s="6" t="s">
        <v>19636</v>
      </c>
      <c r="D19600" s="6"/>
      <c r="E19600" s="6" t="s">
        <v>9</v>
      </c>
      <c r="F19600" s="7">
        <v>38657</v>
      </c>
      <c r="G19600" s="8">
        <v>1</v>
      </c>
      <c r="H19600" s="8">
        <v>1</v>
      </c>
      <c r="I19600" s="8">
        <v>0</v>
      </c>
      <c r="J19600" s="8">
        <v>1</v>
      </c>
      <c r="K19600" s="9">
        <v>1.23</v>
      </c>
      <c r="L19600" s="6" t="s">
        <v>4151</v>
      </c>
    </row>
    <row r="19601" spans="1:12">
      <c r="A19601" s="6" t="s">
        <v>4151</v>
      </c>
      <c r="B19601" s="6"/>
      <c r="C19601" s="6" t="s">
        <v>19637</v>
      </c>
      <c r="D19601" s="6"/>
      <c r="E19601" s="6" t="s">
        <v>9</v>
      </c>
      <c r="F19601" s="7">
        <v>38657</v>
      </c>
      <c r="G19601" s="8">
        <v>1</v>
      </c>
      <c r="H19601" s="8">
        <v>1</v>
      </c>
      <c r="I19601" s="8">
        <v>0</v>
      </c>
      <c r="J19601" s="8">
        <v>1</v>
      </c>
      <c r="K19601" s="9">
        <v>7.81</v>
      </c>
      <c r="L19601" s="6" t="s">
        <v>4151</v>
      </c>
    </row>
    <row r="19602" spans="1:12">
      <c r="A19602" s="6" t="s">
        <v>4151</v>
      </c>
      <c r="B19602" s="6"/>
      <c r="C19602" s="6" t="s">
        <v>19638</v>
      </c>
      <c r="D19602" s="6"/>
      <c r="E19602" s="6" t="s">
        <v>9</v>
      </c>
      <c r="F19602" s="7">
        <v>38657</v>
      </c>
      <c r="G19602" s="8">
        <v>1</v>
      </c>
      <c r="H19602" s="8">
        <v>1</v>
      </c>
      <c r="I19602" s="8">
        <v>0</v>
      </c>
      <c r="J19602" s="8">
        <v>1</v>
      </c>
      <c r="K19602" s="9">
        <v>7.81</v>
      </c>
      <c r="L19602" s="6" t="s">
        <v>4151</v>
      </c>
    </row>
    <row r="19603" spans="1:12">
      <c r="A19603" s="6" t="s">
        <v>4151</v>
      </c>
      <c r="B19603" s="6"/>
      <c r="C19603" s="6" t="s">
        <v>19639</v>
      </c>
      <c r="D19603" s="6"/>
      <c r="E19603" s="6" t="s">
        <v>9</v>
      </c>
      <c r="F19603" s="7">
        <v>38657</v>
      </c>
      <c r="G19603" s="8">
        <v>1</v>
      </c>
      <c r="H19603" s="8">
        <v>1</v>
      </c>
      <c r="I19603" s="8">
        <v>0</v>
      </c>
      <c r="J19603" s="8">
        <v>1</v>
      </c>
      <c r="K19603" s="9">
        <v>19</v>
      </c>
      <c r="L19603" s="6" t="s">
        <v>4151</v>
      </c>
    </row>
    <row r="19604" spans="1:12">
      <c r="A19604" s="6" t="s">
        <v>4151</v>
      </c>
      <c r="B19604" s="6"/>
      <c r="C19604" s="6" t="s">
        <v>19640</v>
      </c>
      <c r="D19604" s="6"/>
      <c r="E19604" s="6" t="s">
        <v>9</v>
      </c>
      <c r="F19604" s="7">
        <v>38657</v>
      </c>
      <c r="G19604" s="8">
        <v>1</v>
      </c>
      <c r="H19604" s="8">
        <v>1</v>
      </c>
      <c r="I19604" s="8">
        <v>0</v>
      </c>
      <c r="J19604" s="8">
        <v>1</v>
      </c>
      <c r="K19604" s="9">
        <v>18</v>
      </c>
      <c r="L19604" s="6" t="s">
        <v>4151</v>
      </c>
    </row>
    <row r="19605" spans="1:12">
      <c r="A19605" s="6" t="s">
        <v>4151</v>
      </c>
      <c r="B19605" s="6"/>
      <c r="C19605" s="6" t="s">
        <v>19641</v>
      </c>
      <c r="D19605" s="6"/>
      <c r="E19605" s="6" t="s">
        <v>9</v>
      </c>
      <c r="F19605" s="7">
        <v>38657</v>
      </c>
      <c r="G19605" s="8">
        <v>1</v>
      </c>
      <c r="H19605" s="8">
        <v>1</v>
      </c>
      <c r="I19605" s="8">
        <v>0</v>
      </c>
      <c r="J19605" s="8">
        <v>1</v>
      </c>
      <c r="K19605" s="9">
        <v>18</v>
      </c>
      <c r="L19605" s="6" t="s">
        <v>4151</v>
      </c>
    </row>
    <row r="19606" spans="1:12">
      <c r="A19606" s="6" t="s">
        <v>4151</v>
      </c>
      <c r="B19606" s="6"/>
      <c r="C19606" s="6" t="s">
        <v>19642</v>
      </c>
      <c r="D19606" s="6"/>
      <c r="E19606" s="6" t="s">
        <v>9</v>
      </c>
      <c r="F19606" s="7">
        <v>38657</v>
      </c>
      <c r="G19606" s="8">
        <v>1</v>
      </c>
      <c r="H19606" s="8">
        <v>1</v>
      </c>
      <c r="I19606" s="8">
        <v>0</v>
      </c>
      <c r="J19606" s="8">
        <v>1</v>
      </c>
      <c r="K19606" s="9">
        <v>17</v>
      </c>
      <c r="L19606" s="6" t="s">
        <v>4151</v>
      </c>
    </row>
    <row r="19607" spans="1:12">
      <c r="A19607" s="6" t="s">
        <v>4151</v>
      </c>
      <c r="B19607" s="6"/>
      <c r="C19607" s="6" t="s">
        <v>19643</v>
      </c>
      <c r="D19607" s="6"/>
      <c r="E19607" s="6" t="s">
        <v>9</v>
      </c>
      <c r="F19607" s="7">
        <v>38657</v>
      </c>
      <c r="G19607" s="8">
        <v>1</v>
      </c>
      <c r="H19607" s="8">
        <v>1</v>
      </c>
      <c r="I19607" s="8">
        <v>0</v>
      </c>
      <c r="J19607" s="8">
        <v>1</v>
      </c>
      <c r="K19607" s="9">
        <v>0.32</v>
      </c>
      <c r="L19607" s="6" t="s">
        <v>4151</v>
      </c>
    </row>
    <row r="19608" spans="1:12">
      <c r="A19608" s="6" t="s">
        <v>4151</v>
      </c>
      <c r="B19608" s="6"/>
      <c r="C19608" s="6" t="s">
        <v>19644</v>
      </c>
      <c r="D19608" s="6"/>
      <c r="E19608" s="6" t="s">
        <v>9</v>
      </c>
      <c r="F19608" s="7">
        <v>38657</v>
      </c>
      <c r="G19608" s="8">
        <v>1</v>
      </c>
      <c r="H19608" s="8">
        <v>1</v>
      </c>
      <c r="I19608" s="8">
        <v>0</v>
      </c>
      <c r="J19608" s="8">
        <v>1</v>
      </c>
      <c r="K19608" s="9">
        <v>4.5199999999999898</v>
      </c>
      <c r="L19608" s="6" t="s">
        <v>4151</v>
      </c>
    </row>
    <row r="19609" spans="1:12">
      <c r="A19609" s="6" t="s">
        <v>4151</v>
      </c>
      <c r="B19609" s="6"/>
      <c r="C19609" s="6" t="s">
        <v>19645</v>
      </c>
      <c r="D19609" s="6"/>
      <c r="E19609" s="6" t="s">
        <v>9</v>
      </c>
      <c r="F19609" s="7">
        <v>38657</v>
      </c>
      <c r="G19609" s="8">
        <v>1</v>
      </c>
      <c r="H19609" s="8">
        <v>1</v>
      </c>
      <c r="I19609" s="8">
        <v>0</v>
      </c>
      <c r="J19609" s="8">
        <v>1</v>
      </c>
      <c r="K19609" s="9">
        <v>18</v>
      </c>
      <c r="L19609" s="6" t="s">
        <v>4151</v>
      </c>
    </row>
    <row r="19610" spans="1:12">
      <c r="A19610" s="6" t="s">
        <v>4151</v>
      </c>
      <c r="B19610" s="6"/>
      <c r="C19610" s="6" t="s">
        <v>19646</v>
      </c>
      <c r="D19610" s="6"/>
      <c r="E19610" s="6" t="s">
        <v>9</v>
      </c>
      <c r="F19610" s="7">
        <v>38657</v>
      </c>
      <c r="G19610" s="8">
        <v>1</v>
      </c>
      <c r="H19610" s="8">
        <v>1</v>
      </c>
      <c r="I19610" s="8">
        <v>0</v>
      </c>
      <c r="J19610" s="8">
        <v>1</v>
      </c>
      <c r="K19610" s="9">
        <v>15</v>
      </c>
      <c r="L19610" s="6" t="s">
        <v>4151</v>
      </c>
    </row>
    <row r="19611" spans="1:12">
      <c r="A19611" s="6" t="s">
        <v>4151</v>
      </c>
      <c r="B19611" s="6"/>
      <c r="C19611" s="6" t="s">
        <v>19647</v>
      </c>
      <c r="D19611" s="6"/>
      <c r="E19611" s="6" t="s">
        <v>9</v>
      </c>
      <c r="F19611" s="7">
        <v>38657</v>
      </c>
      <c r="G19611" s="8">
        <v>1</v>
      </c>
      <c r="H19611" s="8">
        <v>1</v>
      </c>
      <c r="I19611" s="8">
        <v>0</v>
      </c>
      <c r="J19611" s="8">
        <v>1</v>
      </c>
      <c r="K19611" s="9">
        <v>5.0199999999999898</v>
      </c>
      <c r="L19611" s="6" t="s">
        <v>4151</v>
      </c>
    </row>
    <row r="19612" spans="1:12">
      <c r="A19612" s="6" t="s">
        <v>4151</v>
      </c>
      <c r="B19612" s="6"/>
      <c r="C19612" s="6" t="s">
        <v>19648</v>
      </c>
      <c r="D19612" s="6"/>
      <c r="E19612" s="6" t="s">
        <v>9</v>
      </c>
      <c r="F19612" s="7">
        <v>38657</v>
      </c>
      <c r="G19612" s="8">
        <v>1</v>
      </c>
      <c r="H19612" s="8">
        <v>1</v>
      </c>
      <c r="I19612" s="8">
        <v>0</v>
      </c>
      <c r="J19612" s="8">
        <v>1</v>
      </c>
      <c r="K19612" s="9">
        <v>6.38</v>
      </c>
      <c r="L19612" s="6" t="s">
        <v>4151</v>
      </c>
    </row>
    <row r="19613" spans="1:12">
      <c r="A19613" s="6" t="s">
        <v>4151</v>
      </c>
      <c r="B19613" s="6"/>
      <c r="C19613" s="6" t="s">
        <v>19649</v>
      </c>
      <c r="D19613" s="6"/>
      <c r="E19613" s="6" t="s">
        <v>9</v>
      </c>
      <c r="F19613" s="7">
        <v>38657</v>
      </c>
      <c r="G19613" s="8">
        <v>1</v>
      </c>
      <c r="H19613" s="8">
        <v>1</v>
      </c>
      <c r="I19613" s="8">
        <v>0</v>
      </c>
      <c r="J19613" s="8">
        <v>1</v>
      </c>
      <c r="K19613" s="9">
        <v>2.97</v>
      </c>
      <c r="L19613" s="6" t="s">
        <v>4151</v>
      </c>
    </row>
    <row r="19614" spans="1:12">
      <c r="A19614" s="6" t="s">
        <v>4151</v>
      </c>
      <c r="B19614" s="6"/>
      <c r="C19614" s="6" t="s">
        <v>19650</v>
      </c>
      <c r="D19614" s="6"/>
      <c r="E19614" s="6" t="s">
        <v>9</v>
      </c>
      <c r="F19614" s="7">
        <v>38657</v>
      </c>
      <c r="G19614" s="8">
        <v>1</v>
      </c>
      <c r="H19614" s="8">
        <v>1</v>
      </c>
      <c r="I19614" s="8">
        <v>0</v>
      </c>
      <c r="J19614" s="8">
        <v>1</v>
      </c>
      <c r="K19614" s="9">
        <v>0.89</v>
      </c>
      <c r="L19614" s="6" t="s">
        <v>4151</v>
      </c>
    </row>
    <row r="19615" spans="1:12">
      <c r="A19615" s="6" t="s">
        <v>4151</v>
      </c>
      <c r="B19615" s="6"/>
      <c r="C19615" s="6" t="s">
        <v>19651</v>
      </c>
      <c r="D19615" s="6"/>
      <c r="E19615" s="6" t="s">
        <v>9</v>
      </c>
      <c r="F19615" s="7">
        <v>38657</v>
      </c>
      <c r="G19615" s="8">
        <v>1</v>
      </c>
      <c r="H19615" s="8">
        <v>1</v>
      </c>
      <c r="I19615" s="8">
        <v>0</v>
      </c>
      <c r="J19615" s="8">
        <v>1</v>
      </c>
      <c r="K19615" s="9">
        <v>15</v>
      </c>
      <c r="L19615" s="6" t="s">
        <v>4151</v>
      </c>
    </row>
    <row r="19616" spans="1:12">
      <c r="A19616" s="6" t="s">
        <v>4151</v>
      </c>
      <c r="B19616" s="6"/>
      <c r="C19616" s="6" t="s">
        <v>19652</v>
      </c>
      <c r="D19616" s="6"/>
      <c r="E19616" s="6" t="s">
        <v>9</v>
      </c>
      <c r="F19616" s="7">
        <v>38657</v>
      </c>
      <c r="G19616" s="8">
        <v>1</v>
      </c>
      <c r="H19616" s="8">
        <v>1</v>
      </c>
      <c r="I19616" s="8">
        <v>0</v>
      </c>
      <c r="J19616" s="8">
        <v>1</v>
      </c>
      <c r="K19616" s="9">
        <v>4.71</v>
      </c>
      <c r="L19616" s="6" t="s">
        <v>4151</v>
      </c>
    </row>
    <row r="19617" spans="1:12">
      <c r="A19617" s="6" t="s">
        <v>4151</v>
      </c>
      <c r="B19617" s="6"/>
      <c r="C19617" s="6" t="s">
        <v>19653</v>
      </c>
      <c r="D19617" s="6"/>
      <c r="E19617" s="6" t="s">
        <v>9</v>
      </c>
      <c r="F19617" s="7">
        <v>38657</v>
      </c>
      <c r="G19617" s="8">
        <v>1</v>
      </c>
      <c r="H19617" s="8">
        <v>1</v>
      </c>
      <c r="I19617" s="8">
        <v>0</v>
      </c>
      <c r="J19617" s="8">
        <v>1</v>
      </c>
      <c r="K19617" s="9">
        <v>35</v>
      </c>
      <c r="L19617" s="6" t="s">
        <v>4151</v>
      </c>
    </row>
    <row r="19618" spans="1:12">
      <c r="A19618" s="6" t="s">
        <v>4151</v>
      </c>
      <c r="B19618" s="6"/>
      <c r="C19618" s="6" t="s">
        <v>19654</v>
      </c>
      <c r="D19618" s="6"/>
      <c r="E19618" s="6" t="s">
        <v>9</v>
      </c>
      <c r="F19618" s="7">
        <v>38657</v>
      </c>
      <c r="G19618" s="8">
        <v>1</v>
      </c>
      <c r="H19618" s="8">
        <v>1</v>
      </c>
      <c r="I19618" s="8">
        <v>0</v>
      </c>
      <c r="J19618" s="8">
        <v>1</v>
      </c>
      <c r="K19618" s="9">
        <v>11</v>
      </c>
      <c r="L19618" s="6" t="s">
        <v>4151</v>
      </c>
    </row>
    <row r="19619" spans="1:12">
      <c r="A19619" s="6" t="s">
        <v>4151</v>
      </c>
      <c r="B19619" s="6"/>
      <c r="C19619" s="6" t="s">
        <v>19655</v>
      </c>
      <c r="D19619" s="6"/>
      <c r="E19619" s="6" t="s">
        <v>9</v>
      </c>
      <c r="F19619" s="7">
        <v>38657</v>
      </c>
      <c r="G19619" s="8">
        <v>1</v>
      </c>
      <c r="H19619" s="8">
        <v>1</v>
      </c>
      <c r="I19619" s="8">
        <v>0</v>
      </c>
      <c r="J19619" s="8">
        <v>1</v>
      </c>
      <c r="K19619" s="9">
        <v>46</v>
      </c>
      <c r="L19619" s="6" t="s">
        <v>4151</v>
      </c>
    </row>
    <row r="19620" spans="1:12">
      <c r="A19620" s="6" t="s">
        <v>4151</v>
      </c>
      <c r="B19620" s="6"/>
      <c r="C19620" s="6" t="s">
        <v>19656</v>
      </c>
      <c r="D19620" s="6"/>
      <c r="E19620" s="6" t="s">
        <v>9</v>
      </c>
      <c r="F19620" s="7">
        <v>38657</v>
      </c>
      <c r="G19620" s="8">
        <v>1</v>
      </c>
      <c r="H19620" s="8">
        <v>1</v>
      </c>
      <c r="I19620" s="8">
        <v>0</v>
      </c>
      <c r="J19620" s="8">
        <v>1</v>
      </c>
      <c r="K19620" s="9">
        <v>15</v>
      </c>
      <c r="L19620" s="6" t="s">
        <v>4151</v>
      </c>
    </row>
    <row r="19621" spans="1:12">
      <c r="A19621" s="6" t="s">
        <v>4151</v>
      </c>
      <c r="B19621" s="6"/>
      <c r="C19621" s="6" t="s">
        <v>19657</v>
      </c>
      <c r="D19621" s="6"/>
      <c r="E19621" s="6" t="s">
        <v>9</v>
      </c>
      <c r="F19621" s="7">
        <v>38657</v>
      </c>
      <c r="G19621" s="8">
        <v>1</v>
      </c>
      <c r="H19621" s="8">
        <v>1</v>
      </c>
      <c r="I19621" s="8">
        <v>0</v>
      </c>
      <c r="J19621" s="8">
        <v>1</v>
      </c>
      <c r="K19621" s="9">
        <v>29</v>
      </c>
      <c r="L19621" s="6" t="s">
        <v>4151</v>
      </c>
    </row>
    <row r="19622" spans="1:12">
      <c r="A19622" s="6" t="s">
        <v>4151</v>
      </c>
      <c r="B19622" s="6"/>
      <c r="C19622" s="6" t="s">
        <v>19658</v>
      </c>
      <c r="D19622" s="6"/>
      <c r="E19622" s="6" t="s">
        <v>9</v>
      </c>
      <c r="F19622" s="7">
        <v>38657</v>
      </c>
      <c r="G19622" s="8">
        <v>1</v>
      </c>
      <c r="H19622" s="8">
        <v>1</v>
      </c>
      <c r="I19622" s="8">
        <v>0</v>
      </c>
      <c r="J19622" s="8">
        <v>1</v>
      </c>
      <c r="K19622" s="9">
        <v>3.3</v>
      </c>
      <c r="L19622" s="6" t="s">
        <v>4151</v>
      </c>
    </row>
    <row r="19623" spans="1:12">
      <c r="A19623" s="6" t="s">
        <v>4151</v>
      </c>
      <c r="B19623" s="6"/>
      <c r="C19623" s="6" t="s">
        <v>19659</v>
      </c>
      <c r="D19623" s="6"/>
      <c r="E19623" s="6" t="s">
        <v>9</v>
      </c>
      <c r="F19623" s="7">
        <v>38657</v>
      </c>
      <c r="G19623" s="8">
        <v>1</v>
      </c>
      <c r="H19623" s="8">
        <v>1</v>
      </c>
      <c r="I19623" s="8">
        <v>0</v>
      </c>
      <c r="J19623" s="8">
        <v>1</v>
      </c>
      <c r="K19623" s="9">
        <v>2.4900000000000002</v>
      </c>
      <c r="L19623" s="6" t="s">
        <v>4151</v>
      </c>
    </row>
    <row r="19624" spans="1:12">
      <c r="A19624" s="6" t="s">
        <v>4151</v>
      </c>
      <c r="B19624" s="6"/>
      <c r="C19624" s="6" t="s">
        <v>19660</v>
      </c>
      <c r="D19624" s="6"/>
      <c r="E19624" s="6" t="s">
        <v>9</v>
      </c>
      <c r="F19624" s="7">
        <v>38657</v>
      </c>
      <c r="G19624" s="8">
        <v>1</v>
      </c>
      <c r="H19624" s="8">
        <v>1</v>
      </c>
      <c r="I19624" s="8">
        <v>0</v>
      </c>
      <c r="J19624" s="8">
        <v>1</v>
      </c>
      <c r="K19624" s="9">
        <v>10</v>
      </c>
      <c r="L19624" s="6" t="s">
        <v>4151</v>
      </c>
    </row>
    <row r="19625" spans="1:12">
      <c r="A19625" s="6" t="s">
        <v>4151</v>
      </c>
      <c r="B19625" s="6"/>
      <c r="C19625" s="6" t="s">
        <v>19661</v>
      </c>
      <c r="D19625" s="6"/>
      <c r="E19625" s="6" t="s">
        <v>9</v>
      </c>
      <c r="F19625" s="7">
        <v>38657</v>
      </c>
      <c r="G19625" s="8">
        <v>1</v>
      </c>
      <c r="H19625" s="8">
        <v>1</v>
      </c>
      <c r="I19625" s="8">
        <v>0</v>
      </c>
      <c r="J19625" s="8">
        <v>1</v>
      </c>
      <c r="K19625" s="9">
        <v>74</v>
      </c>
      <c r="L19625" s="6" t="s">
        <v>4151</v>
      </c>
    </row>
    <row r="19626" spans="1:12">
      <c r="A19626" s="6" t="s">
        <v>4151</v>
      </c>
      <c r="B19626" s="6"/>
      <c r="C19626" s="6" t="s">
        <v>19662</v>
      </c>
      <c r="D19626" s="6"/>
      <c r="E19626" s="6" t="s">
        <v>9</v>
      </c>
      <c r="F19626" s="7">
        <v>38657</v>
      </c>
      <c r="G19626" s="8">
        <v>1</v>
      </c>
      <c r="H19626" s="8">
        <v>1</v>
      </c>
      <c r="I19626" s="8">
        <v>0</v>
      </c>
      <c r="J19626" s="8">
        <v>1</v>
      </c>
      <c r="K19626" s="9">
        <v>26</v>
      </c>
      <c r="L19626" s="6" t="s">
        <v>4151</v>
      </c>
    </row>
    <row r="19627" spans="1:12">
      <c r="A19627" s="6" t="s">
        <v>4151</v>
      </c>
      <c r="B19627" s="6"/>
      <c r="C19627" s="6" t="s">
        <v>19663</v>
      </c>
      <c r="D19627" s="6"/>
      <c r="E19627" s="6" t="s">
        <v>9</v>
      </c>
      <c r="F19627" s="7">
        <v>38657</v>
      </c>
      <c r="G19627" s="8">
        <v>1</v>
      </c>
      <c r="H19627" s="8">
        <v>1</v>
      </c>
      <c r="I19627" s="8">
        <v>0</v>
      </c>
      <c r="J19627" s="8">
        <v>1</v>
      </c>
      <c r="K19627" s="9">
        <v>17</v>
      </c>
      <c r="L19627" s="6" t="s">
        <v>4151</v>
      </c>
    </row>
    <row r="19628" spans="1:12">
      <c r="A19628" s="6" t="s">
        <v>4151</v>
      </c>
      <c r="B19628" s="6"/>
      <c r="C19628" s="6" t="s">
        <v>19664</v>
      </c>
      <c r="D19628" s="6"/>
      <c r="E19628" s="6" t="s">
        <v>9</v>
      </c>
      <c r="F19628" s="7">
        <v>38657</v>
      </c>
      <c r="G19628" s="8">
        <v>1</v>
      </c>
      <c r="H19628" s="8">
        <v>1</v>
      </c>
      <c r="I19628" s="8">
        <v>0</v>
      </c>
      <c r="J19628" s="8">
        <v>1</v>
      </c>
      <c r="K19628" s="9">
        <v>6.4</v>
      </c>
      <c r="L19628" s="6" t="s">
        <v>4151</v>
      </c>
    </row>
    <row r="19629" spans="1:12">
      <c r="A19629" s="6" t="s">
        <v>4151</v>
      </c>
      <c r="B19629" s="6"/>
      <c r="C19629" s="6" t="s">
        <v>19665</v>
      </c>
      <c r="D19629" s="6"/>
      <c r="E19629" s="6" t="s">
        <v>9</v>
      </c>
      <c r="F19629" s="7">
        <v>38657</v>
      </c>
      <c r="G19629" s="8">
        <v>1</v>
      </c>
      <c r="H19629" s="8">
        <v>1</v>
      </c>
      <c r="I19629" s="8">
        <v>0</v>
      </c>
      <c r="J19629" s="8">
        <v>1</v>
      </c>
      <c r="K19629" s="9">
        <v>91</v>
      </c>
      <c r="L19629" s="6" t="s">
        <v>4151</v>
      </c>
    </row>
    <row r="19630" spans="1:12">
      <c r="A19630" s="6" t="s">
        <v>4151</v>
      </c>
      <c r="B19630" s="6"/>
      <c r="C19630" s="6" t="s">
        <v>19666</v>
      </c>
      <c r="D19630" s="6"/>
      <c r="E19630" s="6" t="s">
        <v>9</v>
      </c>
      <c r="F19630" s="7">
        <v>38657</v>
      </c>
      <c r="G19630" s="8">
        <v>1</v>
      </c>
      <c r="H19630" s="8">
        <v>1</v>
      </c>
      <c r="I19630" s="8">
        <v>0</v>
      </c>
      <c r="J19630" s="8">
        <v>1</v>
      </c>
      <c r="K19630" s="9">
        <v>20</v>
      </c>
      <c r="L19630" s="6" t="s">
        <v>4151</v>
      </c>
    </row>
    <row r="19631" spans="1:12">
      <c r="A19631" s="6" t="s">
        <v>4151</v>
      </c>
      <c r="B19631" s="6"/>
      <c r="C19631" s="6" t="s">
        <v>19667</v>
      </c>
      <c r="D19631" s="6"/>
      <c r="E19631" s="6" t="s">
        <v>9</v>
      </c>
      <c r="F19631" s="7">
        <v>38657</v>
      </c>
      <c r="G19631" s="8">
        <v>1</v>
      </c>
      <c r="H19631" s="8">
        <v>1</v>
      </c>
      <c r="I19631" s="8">
        <v>0</v>
      </c>
      <c r="J19631" s="8">
        <v>1</v>
      </c>
      <c r="K19631" s="9">
        <v>14</v>
      </c>
      <c r="L19631" s="6" t="s">
        <v>4151</v>
      </c>
    </row>
    <row r="19632" spans="1:12">
      <c r="A19632" s="6" t="s">
        <v>4151</v>
      </c>
      <c r="B19632" s="6"/>
      <c r="C19632" s="6" t="s">
        <v>19668</v>
      </c>
      <c r="D19632" s="6"/>
      <c r="E19632" s="6" t="s">
        <v>9</v>
      </c>
      <c r="F19632" s="7">
        <v>38657</v>
      </c>
      <c r="G19632" s="8">
        <v>1</v>
      </c>
      <c r="H19632" s="8">
        <v>1</v>
      </c>
      <c r="I19632" s="8">
        <v>0</v>
      </c>
      <c r="J19632" s="8">
        <v>1</v>
      </c>
      <c r="K19632" s="9">
        <v>64</v>
      </c>
      <c r="L19632" s="6" t="s">
        <v>4151</v>
      </c>
    </row>
    <row r="19633" spans="1:12">
      <c r="A19633" s="6" t="s">
        <v>4151</v>
      </c>
      <c r="B19633" s="6"/>
      <c r="C19633" s="6" t="s">
        <v>19669</v>
      </c>
      <c r="D19633" s="6"/>
      <c r="E19633" s="6" t="s">
        <v>9</v>
      </c>
      <c r="F19633" s="7">
        <v>38657</v>
      </c>
      <c r="G19633" s="8">
        <v>1</v>
      </c>
      <c r="H19633" s="8">
        <v>1</v>
      </c>
      <c r="I19633" s="8">
        <v>0</v>
      </c>
      <c r="J19633" s="8">
        <v>1</v>
      </c>
      <c r="K19633" s="9">
        <v>30</v>
      </c>
      <c r="L19633" s="6" t="s">
        <v>4151</v>
      </c>
    </row>
    <row r="19634" spans="1:12">
      <c r="A19634" s="6" t="s">
        <v>4151</v>
      </c>
      <c r="B19634" s="6"/>
      <c r="C19634" s="6" t="s">
        <v>19670</v>
      </c>
      <c r="D19634" s="6"/>
      <c r="E19634" s="6" t="s">
        <v>9</v>
      </c>
      <c r="F19634" s="7">
        <v>38657</v>
      </c>
      <c r="G19634" s="8">
        <v>1</v>
      </c>
      <c r="H19634" s="8">
        <v>1</v>
      </c>
      <c r="I19634" s="8">
        <v>0</v>
      </c>
      <c r="J19634" s="8">
        <v>1</v>
      </c>
      <c r="K19634" s="9">
        <v>5.75</v>
      </c>
      <c r="L19634" s="6" t="s">
        <v>4151</v>
      </c>
    </row>
    <row r="19635" spans="1:12">
      <c r="A19635" s="6" t="s">
        <v>4151</v>
      </c>
      <c r="B19635" s="6"/>
      <c r="C19635" s="6" t="s">
        <v>19671</v>
      </c>
      <c r="D19635" s="6"/>
      <c r="E19635" s="6" t="s">
        <v>9</v>
      </c>
      <c r="F19635" s="7">
        <v>38657</v>
      </c>
      <c r="G19635" s="8">
        <v>1</v>
      </c>
      <c r="H19635" s="8">
        <v>1</v>
      </c>
      <c r="I19635" s="8">
        <v>0</v>
      </c>
      <c r="J19635" s="8">
        <v>1</v>
      </c>
      <c r="K19635" s="9">
        <v>27</v>
      </c>
      <c r="L19635" s="6" t="s">
        <v>4151</v>
      </c>
    </row>
    <row r="19636" spans="1:12">
      <c r="A19636" s="6" t="s">
        <v>4151</v>
      </c>
      <c r="B19636" s="6"/>
      <c r="C19636" s="6" t="s">
        <v>19672</v>
      </c>
      <c r="D19636" s="6"/>
      <c r="E19636" s="6" t="s">
        <v>9</v>
      </c>
      <c r="F19636" s="7">
        <v>38657</v>
      </c>
      <c r="G19636" s="8">
        <v>1</v>
      </c>
      <c r="H19636" s="8">
        <v>1</v>
      </c>
      <c r="I19636" s="8">
        <v>0</v>
      </c>
      <c r="J19636" s="8">
        <v>1</v>
      </c>
      <c r="K19636" s="9">
        <v>12</v>
      </c>
      <c r="L19636" s="6" t="s">
        <v>4151</v>
      </c>
    </row>
    <row r="19637" spans="1:12">
      <c r="A19637" s="6" t="s">
        <v>4151</v>
      </c>
      <c r="B19637" s="6"/>
      <c r="C19637" s="6" t="s">
        <v>19673</v>
      </c>
      <c r="D19637" s="6"/>
      <c r="E19637" s="6" t="s">
        <v>9</v>
      </c>
      <c r="F19637" s="7">
        <v>38657</v>
      </c>
      <c r="G19637" s="8">
        <v>1</v>
      </c>
      <c r="H19637" s="8">
        <v>1</v>
      </c>
      <c r="I19637" s="8">
        <v>0</v>
      </c>
      <c r="J19637" s="8">
        <v>1</v>
      </c>
      <c r="K19637" s="9">
        <v>4.82</v>
      </c>
      <c r="L19637" s="6" t="s">
        <v>4151</v>
      </c>
    </row>
    <row r="19638" spans="1:12">
      <c r="A19638" s="6" t="s">
        <v>4151</v>
      </c>
      <c r="B19638" s="6"/>
      <c r="C19638" s="6" t="s">
        <v>19674</v>
      </c>
      <c r="D19638" s="6"/>
      <c r="E19638" s="6" t="s">
        <v>9</v>
      </c>
      <c r="F19638" s="7">
        <v>38657</v>
      </c>
      <c r="G19638" s="8">
        <v>1</v>
      </c>
      <c r="H19638" s="8">
        <v>1</v>
      </c>
      <c r="I19638" s="8">
        <v>0</v>
      </c>
      <c r="J19638" s="8">
        <v>1</v>
      </c>
      <c r="K19638" s="9">
        <v>11</v>
      </c>
      <c r="L19638" s="6" t="s">
        <v>4151</v>
      </c>
    </row>
    <row r="19639" spans="1:12">
      <c r="A19639" s="6" t="s">
        <v>4151</v>
      </c>
      <c r="B19639" s="6"/>
      <c r="C19639" s="6" t="s">
        <v>19675</v>
      </c>
      <c r="D19639" s="6"/>
      <c r="E19639" s="6" t="s">
        <v>9</v>
      </c>
      <c r="F19639" s="7">
        <v>38657</v>
      </c>
      <c r="G19639" s="8">
        <v>1</v>
      </c>
      <c r="H19639" s="8">
        <v>1</v>
      </c>
      <c r="I19639" s="8">
        <v>0</v>
      </c>
      <c r="J19639" s="8">
        <v>1</v>
      </c>
      <c r="K19639" s="9">
        <v>1.34</v>
      </c>
      <c r="L19639" s="6" t="s">
        <v>4151</v>
      </c>
    </row>
    <row r="19640" spans="1:12">
      <c r="A19640" s="6" t="s">
        <v>4151</v>
      </c>
      <c r="B19640" s="6"/>
      <c r="C19640" s="6" t="s">
        <v>19676</v>
      </c>
      <c r="D19640" s="6"/>
      <c r="E19640" s="6" t="s">
        <v>9</v>
      </c>
      <c r="F19640" s="7">
        <v>38657</v>
      </c>
      <c r="G19640" s="8">
        <v>1</v>
      </c>
      <c r="H19640" s="8">
        <v>1</v>
      </c>
      <c r="I19640" s="8">
        <v>0</v>
      </c>
      <c r="J19640" s="8">
        <v>1</v>
      </c>
      <c r="K19640" s="9">
        <v>59</v>
      </c>
      <c r="L19640" s="6" t="s">
        <v>4151</v>
      </c>
    </row>
    <row r="19641" spans="1:12">
      <c r="A19641" s="6" t="s">
        <v>4151</v>
      </c>
      <c r="B19641" s="6"/>
      <c r="C19641" s="6" t="s">
        <v>19677</v>
      </c>
      <c r="D19641" s="6"/>
      <c r="E19641" s="6" t="s">
        <v>9</v>
      </c>
      <c r="F19641" s="7">
        <v>38657</v>
      </c>
      <c r="G19641" s="8">
        <v>1</v>
      </c>
      <c r="H19641" s="8">
        <v>1</v>
      </c>
      <c r="I19641" s="8">
        <v>0</v>
      </c>
      <c r="J19641" s="8">
        <v>1</v>
      </c>
      <c r="K19641" s="9">
        <v>29</v>
      </c>
      <c r="L19641" s="6" t="s">
        <v>4151</v>
      </c>
    </row>
    <row r="19642" spans="1:12">
      <c r="A19642" s="6" t="s">
        <v>4151</v>
      </c>
      <c r="B19642" s="6"/>
      <c r="C19642" s="6" t="s">
        <v>19678</v>
      </c>
      <c r="D19642" s="6"/>
      <c r="E19642" s="6" t="s">
        <v>9</v>
      </c>
      <c r="F19642" s="7">
        <v>38657</v>
      </c>
      <c r="G19642" s="8">
        <v>1</v>
      </c>
      <c r="H19642" s="8">
        <v>1</v>
      </c>
      <c r="I19642" s="8">
        <v>0</v>
      </c>
      <c r="J19642" s="8">
        <v>1</v>
      </c>
      <c r="K19642" s="9">
        <v>37</v>
      </c>
      <c r="L19642" s="6" t="s">
        <v>4151</v>
      </c>
    </row>
    <row r="19643" spans="1:12">
      <c r="A19643" s="6" t="s">
        <v>4151</v>
      </c>
      <c r="B19643" s="6"/>
      <c r="C19643" s="6" t="s">
        <v>19679</v>
      </c>
      <c r="D19643" s="6"/>
      <c r="E19643" s="6" t="s">
        <v>9</v>
      </c>
      <c r="F19643" s="7">
        <v>38657</v>
      </c>
      <c r="G19643" s="8">
        <v>1</v>
      </c>
      <c r="H19643" s="8">
        <v>1</v>
      </c>
      <c r="I19643" s="8">
        <v>0</v>
      </c>
      <c r="J19643" s="8">
        <v>1</v>
      </c>
      <c r="K19643" s="9">
        <v>37</v>
      </c>
      <c r="L19643" s="6" t="s">
        <v>4151</v>
      </c>
    </row>
    <row r="19644" spans="1:12">
      <c r="A19644" s="6" t="s">
        <v>4151</v>
      </c>
      <c r="B19644" s="6"/>
      <c r="C19644" s="6" t="s">
        <v>19680</v>
      </c>
      <c r="D19644" s="6"/>
      <c r="E19644" s="6" t="s">
        <v>9</v>
      </c>
      <c r="F19644" s="7">
        <v>38657</v>
      </c>
      <c r="G19644" s="8">
        <v>1</v>
      </c>
      <c r="H19644" s="8">
        <v>1</v>
      </c>
      <c r="I19644" s="8">
        <v>0</v>
      </c>
      <c r="J19644" s="8">
        <v>1</v>
      </c>
      <c r="K19644" s="9">
        <v>42</v>
      </c>
      <c r="L19644" s="6" t="s">
        <v>4151</v>
      </c>
    </row>
    <row r="19645" spans="1:12">
      <c r="A19645" s="6" t="s">
        <v>4151</v>
      </c>
      <c r="B19645" s="6"/>
      <c r="C19645" s="6" t="s">
        <v>19681</v>
      </c>
      <c r="D19645" s="6"/>
      <c r="E19645" s="6" t="s">
        <v>9</v>
      </c>
      <c r="F19645" s="7">
        <v>38657</v>
      </c>
      <c r="G19645" s="8">
        <v>1</v>
      </c>
      <c r="H19645" s="8">
        <v>1</v>
      </c>
      <c r="I19645" s="8">
        <v>0</v>
      </c>
      <c r="J19645" s="8">
        <v>1</v>
      </c>
      <c r="K19645" s="9">
        <v>5.45</v>
      </c>
      <c r="L19645" s="6" t="s">
        <v>4151</v>
      </c>
    </row>
    <row r="19646" spans="1:12">
      <c r="A19646" s="6" t="s">
        <v>4151</v>
      </c>
      <c r="B19646" s="6"/>
      <c r="C19646" s="6" t="s">
        <v>19682</v>
      </c>
      <c r="D19646" s="6"/>
      <c r="E19646" s="6" t="s">
        <v>9</v>
      </c>
      <c r="F19646" s="7">
        <v>38657</v>
      </c>
      <c r="G19646" s="8">
        <v>1</v>
      </c>
      <c r="H19646" s="8">
        <v>1</v>
      </c>
      <c r="I19646" s="8">
        <v>0</v>
      </c>
      <c r="J19646" s="8">
        <v>1</v>
      </c>
      <c r="K19646" s="9">
        <v>49</v>
      </c>
      <c r="L19646" s="6" t="s">
        <v>4151</v>
      </c>
    </row>
    <row r="19647" spans="1:12">
      <c r="A19647" s="6" t="s">
        <v>4151</v>
      </c>
      <c r="B19647" s="6"/>
      <c r="C19647" s="6" t="s">
        <v>19683</v>
      </c>
      <c r="D19647" s="6"/>
      <c r="E19647" s="6" t="s">
        <v>9</v>
      </c>
      <c r="F19647" s="7">
        <v>38657</v>
      </c>
      <c r="G19647" s="8">
        <v>1</v>
      </c>
      <c r="H19647" s="8">
        <v>1</v>
      </c>
      <c r="I19647" s="8">
        <v>0</v>
      </c>
      <c r="J19647" s="8">
        <v>1</v>
      </c>
      <c r="K19647" s="9">
        <v>7.27</v>
      </c>
      <c r="L19647" s="6" t="s">
        <v>4151</v>
      </c>
    </row>
    <row r="19648" spans="1:12">
      <c r="A19648" s="6" t="s">
        <v>4151</v>
      </c>
      <c r="B19648" s="6"/>
      <c r="C19648" s="6" t="s">
        <v>19684</v>
      </c>
      <c r="D19648" s="6"/>
      <c r="E19648" s="6" t="s">
        <v>9</v>
      </c>
      <c r="F19648" s="7">
        <v>38657</v>
      </c>
      <c r="G19648" s="8">
        <v>1</v>
      </c>
      <c r="H19648" s="8">
        <v>1</v>
      </c>
      <c r="I19648" s="8">
        <v>0</v>
      </c>
      <c r="J19648" s="8">
        <v>1</v>
      </c>
      <c r="K19648" s="9">
        <v>42</v>
      </c>
      <c r="L19648" s="6" t="s">
        <v>4151</v>
      </c>
    </row>
    <row r="19649" spans="1:12">
      <c r="A19649" s="6" t="s">
        <v>4151</v>
      </c>
      <c r="B19649" s="6"/>
      <c r="C19649" s="6" t="s">
        <v>19685</v>
      </c>
      <c r="D19649" s="6"/>
      <c r="E19649" s="6" t="s">
        <v>9</v>
      </c>
      <c r="F19649" s="7">
        <v>38657</v>
      </c>
      <c r="G19649" s="8">
        <v>1</v>
      </c>
      <c r="H19649" s="8">
        <v>1</v>
      </c>
      <c r="I19649" s="8">
        <v>0</v>
      </c>
      <c r="J19649" s="8">
        <v>1</v>
      </c>
      <c r="K19649" s="9">
        <v>36</v>
      </c>
      <c r="L19649" s="6" t="s">
        <v>4151</v>
      </c>
    </row>
    <row r="19650" spans="1:12">
      <c r="A19650" s="6" t="s">
        <v>4151</v>
      </c>
      <c r="B19650" s="6"/>
      <c r="C19650" s="6" t="s">
        <v>19686</v>
      </c>
      <c r="D19650" s="6"/>
      <c r="E19650" s="6" t="s">
        <v>9</v>
      </c>
      <c r="F19650" s="7">
        <v>38657</v>
      </c>
      <c r="G19650" s="8">
        <v>1</v>
      </c>
      <c r="H19650" s="8">
        <v>1</v>
      </c>
      <c r="I19650" s="8">
        <v>0</v>
      </c>
      <c r="J19650" s="8">
        <v>1</v>
      </c>
      <c r="K19650" s="9">
        <v>19</v>
      </c>
      <c r="L19650" s="6" t="s">
        <v>4151</v>
      </c>
    </row>
    <row r="19651" spans="1:12">
      <c r="A19651" s="6" t="s">
        <v>4151</v>
      </c>
      <c r="B19651" s="6"/>
      <c r="C19651" s="6" t="s">
        <v>19687</v>
      </c>
      <c r="D19651" s="6"/>
      <c r="E19651" s="6" t="s">
        <v>9</v>
      </c>
      <c r="F19651" s="7">
        <v>38657</v>
      </c>
      <c r="G19651" s="8">
        <v>1</v>
      </c>
      <c r="H19651" s="8">
        <v>1</v>
      </c>
      <c r="I19651" s="8">
        <v>0</v>
      </c>
      <c r="J19651" s="8">
        <v>1</v>
      </c>
      <c r="K19651" s="9">
        <v>50</v>
      </c>
      <c r="L19651" s="6" t="s">
        <v>4151</v>
      </c>
    </row>
    <row r="19652" spans="1:12">
      <c r="A19652" s="6" t="s">
        <v>4151</v>
      </c>
      <c r="B19652" s="6"/>
      <c r="C19652" s="6" t="s">
        <v>19688</v>
      </c>
      <c r="D19652" s="6"/>
      <c r="E19652" s="6" t="s">
        <v>9</v>
      </c>
      <c r="F19652" s="7">
        <v>38657</v>
      </c>
      <c r="G19652" s="8">
        <v>1</v>
      </c>
      <c r="H19652" s="8">
        <v>1</v>
      </c>
      <c r="I19652" s="8">
        <v>0</v>
      </c>
      <c r="J19652" s="8">
        <v>1</v>
      </c>
      <c r="K19652" s="9">
        <v>51</v>
      </c>
      <c r="L19652" s="6" t="s">
        <v>4151</v>
      </c>
    </row>
    <row r="19653" spans="1:12">
      <c r="A19653" s="6" t="s">
        <v>4151</v>
      </c>
      <c r="B19653" s="6"/>
      <c r="C19653" s="6" t="s">
        <v>19689</v>
      </c>
      <c r="D19653" s="6"/>
      <c r="E19653" s="6" t="s">
        <v>9</v>
      </c>
      <c r="F19653" s="7">
        <v>38657</v>
      </c>
      <c r="G19653" s="8">
        <v>1</v>
      </c>
      <c r="H19653" s="8">
        <v>1</v>
      </c>
      <c r="I19653" s="8">
        <v>0</v>
      </c>
      <c r="J19653" s="8">
        <v>1</v>
      </c>
      <c r="K19653" s="9">
        <v>7.18</v>
      </c>
      <c r="L19653" s="6" t="s">
        <v>4151</v>
      </c>
    </row>
    <row r="19654" spans="1:12">
      <c r="A19654" s="6" t="s">
        <v>4151</v>
      </c>
      <c r="B19654" s="6"/>
      <c r="C19654" s="6" t="s">
        <v>19690</v>
      </c>
      <c r="D19654" s="6"/>
      <c r="E19654" s="6" t="s">
        <v>9</v>
      </c>
      <c r="F19654" s="7">
        <v>38657</v>
      </c>
      <c r="G19654" s="8">
        <v>1</v>
      </c>
      <c r="H19654" s="8">
        <v>1</v>
      </c>
      <c r="I19654" s="8">
        <v>0</v>
      </c>
      <c r="J19654" s="8">
        <v>1</v>
      </c>
      <c r="K19654" s="9">
        <v>10</v>
      </c>
      <c r="L19654" s="6" t="s">
        <v>4151</v>
      </c>
    </row>
    <row r="19655" spans="1:12">
      <c r="A19655" s="6" t="s">
        <v>4151</v>
      </c>
      <c r="B19655" s="6"/>
      <c r="C19655" s="6" t="s">
        <v>19691</v>
      </c>
      <c r="D19655" s="6"/>
      <c r="E19655" s="6" t="s">
        <v>9</v>
      </c>
      <c r="F19655" s="7">
        <v>38657</v>
      </c>
      <c r="G19655" s="8">
        <v>1</v>
      </c>
      <c r="H19655" s="8">
        <v>1</v>
      </c>
      <c r="I19655" s="8">
        <v>0</v>
      </c>
      <c r="J19655" s="8">
        <v>1</v>
      </c>
      <c r="K19655" s="9">
        <v>6.51</v>
      </c>
      <c r="L19655" s="6" t="s">
        <v>4151</v>
      </c>
    </row>
    <row r="19656" spans="1:12">
      <c r="A19656" s="6" t="s">
        <v>4151</v>
      </c>
      <c r="B19656" s="6"/>
      <c r="C19656" s="6" t="s">
        <v>19692</v>
      </c>
      <c r="D19656" s="6"/>
      <c r="E19656" s="6" t="s">
        <v>9</v>
      </c>
      <c r="F19656" s="7">
        <v>38657</v>
      </c>
      <c r="G19656" s="8">
        <v>1</v>
      </c>
      <c r="H19656" s="8">
        <v>1</v>
      </c>
      <c r="I19656" s="8">
        <v>0</v>
      </c>
      <c r="J19656" s="8">
        <v>1</v>
      </c>
      <c r="K19656" s="9">
        <v>3.64</v>
      </c>
      <c r="L19656" s="6" t="s">
        <v>4151</v>
      </c>
    </row>
    <row r="19657" spans="1:12">
      <c r="A19657" s="6" t="s">
        <v>4151</v>
      </c>
      <c r="B19657" s="6"/>
      <c r="C19657" s="6" t="s">
        <v>19693</v>
      </c>
      <c r="D19657" s="6"/>
      <c r="E19657" s="6" t="s">
        <v>9</v>
      </c>
      <c r="F19657" s="7">
        <v>38657</v>
      </c>
      <c r="G19657" s="8">
        <v>1</v>
      </c>
      <c r="H19657" s="8">
        <v>1</v>
      </c>
      <c r="I19657" s="8">
        <v>0</v>
      </c>
      <c r="J19657" s="8">
        <v>1</v>
      </c>
      <c r="K19657" s="9">
        <v>7.81</v>
      </c>
      <c r="L19657" s="6" t="s">
        <v>4151</v>
      </c>
    </row>
    <row r="19658" spans="1:12">
      <c r="A19658" s="6" t="s">
        <v>4151</v>
      </c>
      <c r="B19658" s="6"/>
      <c r="C19658" s="6" t="s">
        <v>19694</v>
      </c>
      <c r="D19658" s="6"/>
      <c r="E19658" s="6" t="s">
        <v>9</v>
      </c>
      <c r="F19658" s="7">
        <v>38657</v>
      </c>
      <c r="G19658" s="8">
        <v>1</v>
      </c>
      <c r="H19658" s="8">
        <v>1</v>
      </c>
      <c r="I19658" s="8">
        <v>0</v>
      </c>
      <c r="J19658" s="8">
        <v>1</v>
      </c>
      <c r="K19658" s="9">
        <v>7.81</v>
      </c>
      <c r="L19658" s="6" t="s">
        <v>4151</v>
      </c>
    </row>
    <row r="19659" spans="1:12">
      <c r="A19659" s="6" t="s">
        <v>4151</v>
      </c>
      <c r="B19659" s="6"/>
      <c r="C19659" s="6" t="s">
        <v>19695</v>
      </c>
      <c r="D19659" s="6"/>
      <c r="E19659" s="6" t="s">
        <v>9</v>
      </c>
      <c r="F19659" s="7">
        <v>38657</v>
      </c>
      <c r="G19659" s="8">
        <v>1</v>
      </c>
      <c r="H19659" s="8">
        <v>1</v>
      </c>
      <c r="I19659" s="8">
        <v>0</v>
      </c>
      <c r="J19659" s="8">
        <v>1</v>
      </c>
      <c r="K19659" s="9">
        <v>6.66</v>
      </c>
      <c r="L19659" s="6" t="s">
        <v>4151</v>
      </c>
    </row>
    <row r="19660" spans="1:12">
      <c r="A19660" s="6" t="s">
        <v>4151</v>
      </c>
      <c r="B19660" s="6"/>
      <c r="C19660" s="6" t="s">
        <v>19696</v>
      </c>
      <c r="D19660" s="6"/>
      <c r="E19660" s="6" t="s">
        <v>9</v>
      </c>
      <c r="F19660" s="7">
        <v>38657</v>
      </c>
      <c r="G19660" s="8">
        <v>1</v>
      </c>
      <c r="H19660" s="8">
        <v>1</v>
      </c>
      <c r="I19660" s="8">
        <v>0</v>
      </c>
      <c r="J19660" s="8">
        <v>1</v>
      </c>
      <c r="K19660" s="9">
        <v>20</v>
      </c>
      <c r="L19660" s="6" t="s">
        <v>4151</v>
      </c>
    </row>
    <row r="19661" spans="1:12">
      <c r="A19661" s="6" t="s">
        <v>4151</v>
      </c>
      <c r="B19661" s="6"/>
      <c r="C19661" s="6" t="s">
        <v>19697</v>
      </c>
      <c r="D19661" s="6"/>
      <c r="E19661" s="6" t="s">
        <v>9</v>
      </c>
      <c r="F19661" s="7">
        <v>38657</v>
      </c>
      <c r="G19661" s="8">
        <v>1</v>
      </c>
      <c r="H19661" s="8">
        <v>1</v>
      </c>
      <c r="I19661" s="8">
        <v>0</v>
      </c>
      <c r="J19661" s="8">
        <v>1</v>
      </c>
      <c r="K19661" s="9">
        <v>14</v>
      </c>
      <c r="L19661" s="6" t="s">
        <v>4151</v>
      </c>
    </row>
    <row r="19662" spans="1:12">
      <c r="A19662" s="6" t="s">
        <v>4151</v>
      </c>
      <c r="B19662" s="6"/>
      <c r="C19662" s="6" t="s">
        <v>19698</v>
      </c>
      <c r="D19662" s="6"/>
      <c r="E19662" s="6" t="s">
        <v>9</v>
      </c>
      <c r="F19662" s="7">
        <v>38657</v>
      </c>
      <c r="G19662" s="8">
        <v>1</v>
      </c>
      <c r="H19662" s="8">
        <v>1</v>
      </c>
      <c r="I19662" s="8">
        <v>0</v>
      </c>
      <c r="J19662" s="8">
        <v>1</v>
      </c>
      <c r="K19662" s="9">
        <v>41</v>
      </c>
      <c r="L19662" s="6" t="s">
        <v>4151</v>
      </c>
    </row>
    <row r="19663" spans="1:12">
      <c r="A19663" s="6" t="s">
        <v>4151</v>
      </c>
      <c r="B19663" s="6"/>
      <c r="C19663" s="6" t="s">
        <v>19699</v>
      </c>
      <c r="D19663" s="6"/>
      <c r="E19663" s="6" t="s">
        <v>9</v>
      </c>
      <c r="F19663" s="7">
        <v>38657</v>
      </c>
      <c r="G19663" s="8">
        <v>1</v>
      </c>
      <c r="H19663" s="8">
        <v>1</v>
      </c>
      <c r="I19663" s="8">
        <v>0</v>
      </c>
      <c r="J19663" s="8">
        <v>1</v>
      </c>
      <c r="K19663" s="9">
        <v>28</v>
      </c>
      <c r="L19663" s="6" t="s">
        <v>4151</v>
      </c>
    </row>
    <row r="19664" spans="1:12">
      <c r="A19664" s="6" t="s">
        <v>4151</v>
      </c>
      <c r="B19664" s="6"/>
      <c r="C19664" s="6" t="s">
        <v>19700</v>
      </c>
      <c r="D19664" s="6"/>
      <c r="E19664" s="6" t="s">
        <v>9</v>
      </c>
      <c r="F19664" s="7">
        <v>38657</v>
      </c>
      <c r="G19664" s="8">
        <v>1</v>
      </c>
      <c r="H19664" s="8">
        <v>1</v>
      </c>
      <c r="I19664" s="8">
        <v>0</v>
      </c>
      <c r="J19664" s="8">
        <v>1</v>
      </c>
      <c r="K19664" s="9">
        <v>55</v>
      </c>
      <c r="L19664" s="6" t="s">
        <v>4151</v>
      </c>
    </row>
    <row r="19665" spans="1:12">
      <c r="A19665" s="6" t="s">
        <v>4151</v>
      </c>
      <c r="B19665" s="6"/>
      <c r="C19665" s="6" t="s">
        <v>19701</v>
      </c>
      <c r="D19665" s="6"/>
      <c r="E19665" s="6" t="s">
        <v>9</v>
      </c>
      <c r="F19665" s="7">
        <v>38657</v>
      </c>
      <c r="G19665" s="8">
        <v>1</v>
      </c>
      <c r="H19665" s="8">
        <v>1</v>
      </c>
      <c r="I19665" s="8">
        <v>0</v>
      </c>
      <c r="J19665" s="8">
        <v>1</v>
      </c>
      <c r="K19665" s="9">
        <v>55</v>
      </c>
      <c r="L19665" s="6" t="s">
        <v>4151</v>
      </c>
    </row>
    <row r="19666" spans="1:12">
      <c r="A19666" s="6" t="s">
        <v>4151</v>
      </c>
      <c r="B19666" s="6"/>
      <c r="C19666" s="6" t="s">
        <v>19702</v>
      </c>
      <c r="D19666" s="6"/>
      <c r="E19666" s="6" t="s">
        <v>9</v>
      </c>
      <c r="F19666" s="7">
        <v>38657</v>
      </c>
      <c r="G19666" s="8">
        <v>1</v>
      </c>
      <c r="H19666" s="8">
        <v>1</v>
      </c>
      <c r="I19666" s="8">
        <v>0</v>
      </c>
      <c r="J19666" s="8">
        <v>1</v>
      </c>
      <c r="K19666" s="9">
        <v>55</v>
      </c>
      <c r="L19666" s="6" t="s">
        <v>4151</v>
      </c>
    </row>
    <row r="19667" spans="1:12">
      <c r="A19667" s="6" t="s">
        <v>4151</v>
      </c>
      <c r="B19667" s="6"/>
      <c r="C19667" s="6" t="s">
        <v>19703</v>
      </c>
      <c r="D19667" s="6"/>
      <c r="E19667" s="6" t="s">
        <v>9</v>
      </c>
      <c r="F19667" s="7">
        <v>38657</v>
      </c>
      <c r="G19667" s="8">
        <v>1</v>
      </c>
      <c r="H19667" s="8">
        <v>1</v>
      </c>
      <c r="I19667" s="8">
        <v>0</v>
      </c>
      <c r="J19667" s="8">
        <v>1</v>
      </c>
      <c r="K19667" s="9">
        <v>8.61</v>
      </c>
      <c r="L19667" s="6" t="s">
        <v>4151</v>
      </c>
    </row>
    <row r="19668" spans="1:12">
      <c r="A19668" s="6" t="s">
        <v>4151</v>
      </c>
      <c r="B19668" s="6"/>
      <c r="C19668" s="6" t="s">
        <v>19704</v>
      </c>
      <c r="D19668" s="6"/>
      <c r="E19668" s="6" t="s">
        <v>9</v>
      </c>
      <c r="F19668" s="7">
        <v>38657</v>
      </c>
      <c r="G19668" s="8">
        <v>1</v>
      </c>
      <c r="H19668" s="8">
        <v>1</v>
      </c>
      <c r="I19668" s="8">
        <v>0</v>
      </c>
      <c r="J19668" s="8">
        <v>1</v>
      </c>
      <c r="K19668" s="9">
        <v>55</v>
      </c>
      <c r="L19668" s="6" t="s">
        <v>4151</v>
      </c>
    </row>
    <row r="19669" spans="1:12">
      <c r="A19669" s="6" t="s">
        <v>4151</v>
      </c>
      <c r="B19669" s="6"/>
      <c r="C19669" s="6" t="s">
        <v>19705</v>
      </c>
      <c r="D19669" s="6"/>
      <c r="E19669" s="6" t="s">
        <v>9</v>
      </c>
      <c r="F19669" s="7">
        <v>38657</v>
      </c>
      <c r="G19669" s="8">
        <v>1</v>
      </c>
      <c r="H19669" s="8">
        <v>1</v>
      </c>
      <c r="I19669" s="8">
        <v>0</v>
      </c>
      <c r="J19669" s="8">
        <v>1</v>
      </c>
      <c r="K19669" s="9">
        <v>3.51</v>
      </c>
      <c r="L19669" s="6" t="s">
        <v>4151</v>
      </c>
    </row>
    <row r="19670" spans="1:12">
      <c r="A19670" s="6" t="s">
        <v>4151</v>
      </c>
      <c r="B19670" s="6"/>
      <c r="C19670" s="6" t="s">
        <v>19706</v>
      </c>
      <c r="D19670" s="6"/>
      <c r="E19670" s="6" t="s">
        <v>9</v>
      </c>
      <c r="F19670" s="7">
        <v>38657</v>
      </c>
      <c r="G19670" s="8">
        <v>1</v>
      </c>
      <c r="H19670" s="8">
        <v>1</v>
      </c>
      <c r="I19670" s="8">
        <v>0</v>
      </c>
      <c r="J19670" s="8">
        <v>1</v>
      </c>
      <c r="K19670" s="9">
        <v>37</v>
      </c>
      <c r="L19670" s="6" t="s">
        <v>4151</v>
      </c>
    </row>
    <row r="19671" spans="1:12">
      <c r="A19671" s="6" t="s">
        <v>4151</v>
      </c>
      <c r="B19671" s="6"/>
      <c r="C19671" s="6" t="s">
        <v>19707</v>
      </c>
      <c r="D19671" s="6"/>
      <c r="E19671" s="6" t="s">
        <v>9</v>
      </c>
      <c r="F19671" s="7">
        <v>38657</v>
      </c>
      <c r="G19671" s="8">
        <v>1</v>
      </c>
      <c r="H19671" s="8">
        <v>1</v>
      </c>
      <c r="I19671" s="8">
        <v>0</v>
      </c>
      <c r="J19671" s="8">
        <v>1</v>
      </c>
      <c r="K19671" s="9">
        <v>37</v>
      </c>
      <c r="L19671" s="6" t="s">
        <v>4151</v>
      </c>
    </row>
    <row r="19672" spans="1:12">
      <c r="A19672" s="6" t="s">
        <v>4151</v>
      </c>
      <c r="B19672" s="6"/>
      <c r="C19672" s="6" t="s">
        <v>19708</v>
      </c>
      <c r="D19672" s="6"/>
      <c r="E19672" s="6" t="s">
        <v>9</v>
      </c>
      <c r="F19672" s="7">
        <v>38657</v>
      </c>
      <c r="G19672" s="8">
        <v>1</v>
      </c>
      <c r="H19672" s="8">
        <v>1</v>
      </c>
      <c r="I19672" s="8">
        <v>0</v>
      </c>
      <c r="J19672" s="8">
        <v>1</v>
      </c>
      <c r="K19672" s="9">
        <v>29</v>
      </c>
      <c r="L19672" s="6" t="s">
        <v>4151</v>
      </c>
    </row>
    <row r="19673" spans="1:12">
      <c r="A19673" s="6" t="s">
        <v>4151</v>
      </c>
      <c r="B19673" s="6"/>
      <c r="C19673" s="6" t="s">
        <v>19709</v>
      </c>
      <c r="D19673" s="6"/>
      <c r="E19673" s="6" t="s">
        <v>9</v>
      </c>
      <c r="F19673" s="7">
        <v>38657</v>
      </c>
      <c r="G19673" s="8">
        <v>1</v>
      </c>
      <c r="H19673" s="8">
        <v>1</v>
      </c>
      <c r="I19673" s="8">
        <v>0</v>
      </c>
      <c r="J19673" s="8">
        <v>1</v>
      </c>
      <c r="K19673" s="9">
        <v>21</v>
      </c>
      <c r="L19673" s="6" t="s">
        <v>4151</v>
      </c>
    </row>
    <row r="19674" spans="1:12">
      <c r="A19674" s="6" t="s">
        <v>4151</v>
      </c>
      <c r="B19674" s="6"/>
      <c r="C19674" s="6" t="s">
        <v>19710</v>
      </c>
      <c r="D19674" s="6"/>
      <c r="E19674" s="6" t="s">
        <v>9</v>
      </c>
      <c r="F19674" s="7">
        <v>38657</v>
      </c>
      <c r="G19674" s="8">
        <v>1</v>
      </c>
      <c r="H19674" s="8">
        <v>1</v>
      </c>
      <c r="I19674" s="8">
        <v>0</v>
      </c>
      <c r="J19674" s="8">
        <v>1</v>
      </c>
      <c r="K19674" s="9">
        <v>12</v>
      </c>
      <c r="L19674" s="6" t="s">
        <v>4151</v>
      </c>
    </row>
    <row r="19675" spans="1:12">
      <c r="A19675" s="6" t="s">
        <v>4151</v>
      </c>
      <c r="B19675" s="6"/>
      <c r="C19675" s="6" t="s">
        <v>19711</v>
      </c>
      <c r="D19675" s="6"/>
      <c r="E19675" s="6" t="s">
        <v>9</v>
      </c>
      <c r="F19675" s="7">
        <v>38657</v>
      </c>
      <c r="G19675" s="8">
        <v>1</v>
      </c>
      <c r="H19675" s="8">
        <v>1</v>
      </c>
      <c r="I19675" s="8">
        <v>0</v>
      </c>
      <c r="J19675" s="8">
        <v>1</v>
      </c>
      <c r="K19675" s="9">
        <v>15</v>
      </c>
      <c r="L19675" s="6" t="s">
        <v>4151</v>
      </c>
    </row>
    <row r="19676" spans="1:12">
      <c r="A19676" s="6" t="s">
        <v>4151</v>
      </c>
      <c r="B19676" s="6"/>
      <c r="C19676" s="6" t="s">
        <v>19712</v>
      </c>
      <c r="D19676" s="6"/>
      <c r="E19676" s="6" t="s">
        <v>9</v>
      </c>
      <c r="F19676" s="7">
        <v>38657</v>
      </c>
      <c r="G19676" s="8">
        <v>1</v>
      </c>
      <c r="H19676" s="8">
        <v>1</v>
      </c>
      <c r="I19676" s="8">
        <v>0</v>
      </c>
      <c r="J19676" s="8">
        <v>1</v>
      </c>
      <c r="K19676" s="9">
        <v>19</v>
      </c>
      <c r="L19676" s="6" t="s">
        <v>4151</v>
      </c>
    </row>
    <row r="19677" spans="1:12">
      <c r="A19677" s="6" t="s">
        <v>4151</v>
      </c>
      <c r="B19677" s="6"/>
      <c r="C19677" s="6" t="s">
        <v>19713</v>
      </c>
      <c r="D19677" s="6"/>
      <c r="E19677" s="6" t="s">
        <v>9</v>
      </c>
      <c r="F19677" s="7">
        <v>38657</v>
      </c>
      <c r="G19677" s="8">
        <v>1</v>
      </c>
      <c r="H19677" s="8">
        <v>1</v>
      </c>
      <c r="I19677" s="8">
        <v>0</v>
      </c>
      <c r="J19677" s="8">
        <v>1</v>
      </c>
      <c r="K19677" s="9">
        <v>35</v>
      </c>
      <c r="L19677" s="6" t="s">
        <v>4151</v>
      </c>
    </row>
    <row r="19678" spans="1:12">
      <c r="A19678" s="6" t="s">
        <v>4151</v>
      </c>
      <c r="B19678" s="6"/>
      <c r="C19678" s="6" t="s">
        <v>19714</v>
      </c>
      <c r="D19678" s="6"/>
      <c r="E19678" s="6" t="s">
        <v>9</v>
      </c>
      <c r="F19678" s="7">
        <v>38657</v>
      </c>
      <c r="G19678" s="8">
        <v>1</v>
      </c>
      <c r="H19678" s="8">
        <v>1</v>
      </c>
      <c r="I19678" s="8">
        <v>0</v>
      </c>
      <c r="J19678" s="8">
        <v>1</v>
      </c>
      <c r="K19678" s="9">
        <v>7.3</v>
      </c>
      <c r="L19678" s="6" t="s">
        <v>4151</v>
      </c>
    </row>
    <row r="19679" spans="1:12">
      <c r="A19679" s="6" t="s">
        <v>4151</v>
      </c>
      <c r="B19679" s="6"/>
      <c r="C19679" s="6" t="s">
        <v>19715</v>
      </c>
      <c r="D19679" s="6"/>
      <c r="E19679" s="6" t="s">
        <v>9</v>
      </c>
      <c r="F19679" s="7">
        <v>38657</v>
      </c>
      <c r="G19679" s="8">
        <v>1</v>
      </c>
      <c r="H19679" s="8">
        <v>1</v>
      </c>
      <c r="I19679" s="8">
        <v>0</v>
      </c>
      <c r="J19679" s="8">
        <v>1</v>
      </c>
      <c r="K19679" s="9">
        <v>55</v>
      </c>
      <c r="L19679" s="6" t="s">
        <v>4151</v>
      </c>
    </row>
    <row r="19680" spans="1:12">
      <c r="A19680" s="6" t="s">
        <v>4151</v>
      </c>
      <c r="B19680" s="6"/>
      <c r="C19680" s="6" t="s">
        <v>19716</v>
      </c>
      <c r="D19680" s="6"/>
      <c r="E19680" s="6" t="s">
        <v>9</v>
      </c>
      <c r="F19680" s="7">
        <v>38657</v>
      </c>
      <c r="G19680" s="8">
        <v>1</v>
      </c>
      <c r="H19680" s="8">
        <v>1</v>
      </c>
      <c r="I19680" s="8">
        <v>0</v>
      </c>
      <c r="J19680" s="8">
        <v>1</v>
      </c>
      <c r="K19680" s="9">
        <v>54</v>
      </c>
      <c r="L19680" s="6" t="s">
        <v>4151</v>
      </c>
    </row>
    <row r="19681" spans="1:12">
      <c r="A19681" s="6" t="s">
        <v>4151</v>
      </c>
      <c r="B19681" s="6"/>
      <c r="C19681" s="6" t="s">
        <v>19717</v>
      </c>
      <c r="D19681" s="6"/>
      <c r="E19681" s="6" t="s">
        <v>9</v>
      </c>
      <c r="F19681" s="7">
        <v>38657</v>
      </c>
      <c r="G19681" s="8">
        <v>1</v>
      </c>
      <c r="H19681" s="8">
        <v>1</v>
      </c>
      <c r="I19681" s="8">
        <v>0</v>
      </c>
      <c r="J19681" s="8">
        <v>1</v>
      </c>
      <c r="K19681" s="9">
        <v>26</v>
      </c>
      <c r="L19681" s="6" t="s">
        <v>4151</v>
      </c>
    </row>
    <row r="19682" spans="1:12">
      <c r="A19682" s="6" t="s">
        <v>4151</v>
      </c>
      <c r="B19682" s="6"/>
      <c r="C19682" s="6" t="s">
        <v>19718</v>
      </c>
      <c r="D19682" s="6"/>
      <c r="E19682" s="6" t="s">
        <v>9</v>
      </c>
      <c r="F19682" s="7">
        <v>38657</v>
      </c>
      <c r="G19682" s="8">
        <v>1</v>
      </c>
      <c r="H19682" s="8">
        <v>1</v>
      </c>
      <c r="I19682" s="8">
        <v>0</v>
      </c>
      <c r="J19682" s="8">
        <v>1</v>
      </c>
      <c r="K19682" s="9">
        <v>17</v>
      </c>
      <c r="L19682" s="6" t="s">
        <v>4151</v>
      </c>
    </row>
    <row r="19683" spans="1:12">
      <c r="A19683" s="6" t="s">
        <v>4151</v>
      </c>
      <c r="B19683" s="6"/>
      <c r="C19683" s="6" t="s">
        <v>19719</v>
      </c>
      <c r="D19683" s="6"/>
      <c r="E19683" s="6" t="s">
        <v>9</v>
      </c>
      <c r="F19683" s="7">
        <v>38657</v>
      </c>
      <c r="G19683" s="8">
        <v>1</v>
      </c>
      <c r="H19683" s="8">
        <v>1</v>
      </c>
      <c r="I19683" s="8">
        <v>0</v>
      </c>
      <c r="J19683" s="8">
        <v>1</v>
      </c>
      <c r="K19683" s="9">
        <v>54</v>
      </c>
      <c r="L19683" s="6" t="s">
        <v>4151</v>
      </c>
    </row>
    <row r="19684" spans="1:12">
      <c r="A19684" s="6" t="s">
        <v>4151</v>
      </c>
      <c r="B19684" s="6"/>
      <c r="C19684" s="6" t="s">
        <v>19720</v>
      </c>
      <c r="D19684" s="6"/>
      <c r="E19684" s="6" t="s">
        <v>9</v>
      </c>
      <c r="F19684" s="7">
        <v>38657</v>
      </c>
      <c r="G19684" s="8">
        <v>1</v>
      </c>
      <c r="H19684" s="8">
        <v>1</v>
      </c>
      <c r="I19684" s="8">
        <v>0</v>
      </c>
      <c r="J19684" s="8">
        <v>1</v>
      </c>
      <c r="K19684" s="9">
        <v>17</v>
      </c>
      <c r="L19684" s="6" t="s">
        <v>4151</v>
      </c>
    </row>
    <row r="19685" spans="1:12">
      <c r="A19685" s="6" t="s">
        <v>4151</v>
      </c>
      <c r="B19685" s="6"/>
      <c r="C19685" s="6" t="s">
        <v>19721</v>
      </c>
      <c r="D19685" s="6"/>
      <c r="E19685" s="6" t="s">
        <v>9</v>
      </c>
      <c r="F19685" s="7">
        <v>38657</v>
      </c>
      <c r="G19685" s="8">
        <v>1</v>
      </c>
      <c r="H19685" s="8">
        <v>1</v>
      </c>
      <c r="I19685" s="8">
        <v>0</v>
      </c>
      <c r="J19685" s="8">
        <v>1</v>
      </c>
      <c r="K19685" s="9">
        <v>19</v>
      </c>
      <c r="L19685" s="6" t="s">
        <v>4151</v>
      </c>
    </row>
    <row r="19686" spans="1:12">
      <c r="A19686" s="6" t="s">
        <v>4151</v>
      </c>
      <c r="B19686" s="6"/>
      <c r="C19686" s="6" t="s">
        <v>19722</v>
      </c>
      <c r="D19686" s="6"/>
      <c r="E19686" s="6" t="s">
        <v>9</v>
      </c>
      <c r="F19686" s="7">
        <v>38657</v>
      </c>
      <c r="G19686" s="8">
        <v>1</v>
      </c>
      <c r="H19686" s="8">
        <v>1</v>
      </c>
      <c r="I19686" s="8">
        <v>0</v>
      </c>
      <c r="J19686" s="8">
        <v>1</v>
      </c>
      <c r="K19686" s="9">
        <v>3.87</v>
      </c>
      <c r="L19686" s="6" t="s">
        <v>4151</v>
      </c>
    </row>
    <row r="19687" spans="1:12">
      <c r="A19687" s="6" t="s">
        <v>4151</v>
      </c>
      <c r="B19687" s="6"/>
      <c r="C19687" s="6" t="s">
        <v>19723</v>
      </c>
      <c r="D19687" s="6"/>
      <c r="E19687" s="6" t="s">
        <v>9</v>
      </c>
      <c r="F19687" s="7">
        <v>38657</v>
      </c>
      <c r="G19687" s="8">
        <v>1</v>
      </c>
      <c r="H19687" s="8">
        <v>1</v>
      </c>
      <c r="I19687" s="8">
        <v>0</v>
      </c>
      <c r="J19687" s="8">
        <v>1</v>
      </c>
      <c r="K19687" s="9">
        <v>16</v>
      </c>
      <c r="L19687" s="6" t="s">
        <v>4151</v>
      </c>
    </row>
    <row r="19688" spans="1:12">
      <c r="A19688" s="6" t="s">
        <v>4151</v>
      </c>
      <c r="B19688" s="6"/>
      <c r="C19688" s="6" t="s">
        <v>19724</v>
      </c>
      <c r="D19688" s="6"/>
      <c r="E19688" s="6" t="s">
        <v>9</v>
      </c>
      <c r="F19688" s="7">
        <v>38657</v>
      </c>
      <c r="G19688" s="8">
        <v>1</v>
      </c>
      <c r="H19688" s="8">
        <v>1</v>
      </c>
      <c r="I19688" s="8">
        <v>0</v>
      </c>
      <c r="J19688" s="8">
        <v>1</v>
      </c>
      <c r="K19688" s="9">
        <v>2.4900000000000002</v>
      </c>
      <c r="L19688" s="6" t="s">
        <v>4151</v>
      </c>
    </row>
    <row r="19689" spans="1:12">
      <c r="A19689" s="6" t="s">
        <v>4151</v>
      </c>
      <c r="B19689" s="6"/>
      <c r="C19689" s="6" t="s">
        <v>19725</v>
      </c>
      <c r="D19689" s="6"/>
      <c r="E19689" s="6" t="s">
        <v>9</v>
      </c>
      <c r="F19689" s="7">
        <v>38657</v>
      </c>
      <c r="G19689" s="8">
        <v>1</v>
      </c>
      <c r="H19689" s="8">
        <v>1</v>
      </c>
      <c r="I19689" s="8">
        <v>0</v>
      </c>
      <c r="J19689" s="8">
        <v>1</v>
      </c>
      <c r="K19689" s="9">
        <v>1.86</v>
      </c>
      <c r="L19689" s="6" t="s">
        <v>4151</v>
      </c>
    </row>
    <row r="19690" spans="1:12">
      <c r="A19690" s="6" t="s">
        <v>4151</v>
      </c>
      <c r="B19690" s="6"/>
      <c r="C19690" s="6" t="s">
        <v>19726</v>
      </c>
      <c r="D19690" s="6"/>
      <c r="E19690" s="6" t="s">
        <v>9</v>
      </c>
      <c r="F19690" s="7">
        <v>38657</v>
      </c>
      <c r="G19690" s="8">
        <v>1</v>
      </c>
      <c r="H19690" s="8">
        <v>1</v>
      </c>
      <c r="I19690" s="8">
        <v>0</v>
      </c>
      <c r="J19690" s="8">
        <v>1</v>
      </c>
      <c r="K19690" s="9">
        <v>8.5</v>
      </c>
      <c r="L19690" s="6" t="s">
        <v>4151</v>
      </c>
    </row>
    <row r="19691" spans="1:12">
      <c r="A19691" s="6" t="s">
        <v>4151</v>
      </c>
      <c r="B19691" s="6"/>
      <c r="C19691" s="6" t="s">
        <v>19727</v>
      </c>
      <c r="D19691" s="6"/>
      <c r="E19691" s="6" t="s">
        <v>9</v>
      </c>
      <c r="F19691" s="7">
        <v>38657</v>
      </c>
      <c r="G19691" s="8">
        <v>1</v>
      </c>
      <c r="H19691" s="8">
        <v>1</v>
      </c>
      <c r="I19691" s="8">
        <v>0</v>
      </c>
      <c r="J19691" s="8">
        <v>1</v>
      </c>
      <c r="K19691" s="9">
        <v>3.47</v>
      </c>
      <c r="L19691" s="6" t="s">
        <v>4151</v>
      </c>
    </row>
    <row r="19692" spans="1:12">
      <c r="A19692" s="6" t="s">
        <v>4151</v>
      </c>
      <c r="B19692" s="6"/>
      <c r="C19692" s="6" t="s">
        <v>19728</v>
      </c>
      <c r="D19692" s="6"/>
      <c r="E19692" s="6" t="s">
        <v>9</v>
      </c>
      <c r="F19692" s="7">
        <v>38657</v>
      </c>
      <c r="G19692" s="8">
        <v>1</v>
      </c>
      <c r="H19692" s="8">
        <v>1</v>
      </c>
      <c r="I19692" s="8">
        <v>0</v>
      </c>
      <c r="J19692" s="8">
        <v>1</v>
      </c>
      <c r="K19692" s="9">
        <v>33</v>
      </c>
      <c r="L19692" s="6" t="s">
        <v>4151</v>
      </c>
    </row>
    <row r="19693" spans="1:12">
      <c r="A19693" s="6" t="s">
        <v>4151</v>
      </c>
      <c r="B19693" s="6"/>
      <c r="C19693" s="6" t="s">
        <v>19729</v>
      </c>
      <c r="D19693" s="6"/>
      <c r="E19693" s="6" t="s">
        <v>9</v>
      </c>
      <c r="F19693" s="7">
        <v>38657</v>
      </c>
      <c r="G19693" s="8">
        <v>1</v>
      </c>
      <c r="H19693" s="8">
        <v>1</v>
      </c>
      <c r="I19693" s="8">
        <v>0</v>
      </c>
      <c r="J19693" s="8">
        <v>1</v>
      </c>
      <c r="K19693" s="9">
        <v>10</v>
      </c>
      <c r="L19693" s="6" t="s">
        <v>4151</v>
      </c>
    </row>
    <row r="19694" spans="1:12">
      <c r="A19694" s="6" t="s">
        <v>4151</v>
      </c>
      <c r="B19694" s="6"/>
      <c r="C19694" s="6" t="s">
        <v>19730</v>
      </c>
      <c r="D19694" s="6"/>
      <c r="E19694" s="6" t="s">
        <v>9</v>
      </c>
      <c r="F19694" s="7">
        <v>38657</v>
      </c>
      <c r="G19694" s="8">
        <v>1</v>
      </c>
      <c r="H19694" s="8">
        <v>1</v>
      </c>
      <c r="I19694" s="8">
        <v>0</v>
      </c>
      <c r="J19694" s="8">
        <v>1</v>
      </c>
      <c r="K19694" s="9">
        <v>16</v>
      </c>
      <c r="L19694" s="6" t="s">
        <v>4151</v>
      </c>
    </row>
    <row r="19695" spans="1:12">
      <c r="A19695" s="6" t="s">
        <v>4151</v>
      </c>
      <c r="B19695" s="6"/>
      <c r="C19695" s="6" t="s">
        <v>19731</v>
      </c>
      <c r="D19695" s="6"/>
      <c r="E19695" s="6" t="s">
        <v>9</v>
      </c>
      <c r="F19695" s="7">
        <v>38657</v>
      </c>
      <c r="G19695" s="8">
        <v>1</v>
      </c>
      <c r="H19695" s="8">
        <v>1</v>
      </c>
      <c r="I19695" s="8">
        <v>0</v>
      </c>
      <c r="J19695" s="8">
        <v>1</v>
      </c>
      <c r="K19695" s="9">
        <v>12</v>
      </c>
      <c r="L19695" s="6" t="s">
        <v>4151</v>
      </c>
    </row>
    <row r="19696" spans="1:12">
      <c r="A19696" s="6" t="s">
        <v>4151</v>
      </c>
      <c r="B19696" s="6"/>
      <c r="C19696" s="6" t="s">
        <v>19732</v>
      </c>
      <c r="D19696" s="6"/>
      <c r="E19696" s="6" t="s">
        <v>9</v>
      </c>
      <c r="F19696" s="7">
        <v>38657</v>
      </c>
      <c r="G19696" s="8">
        <v>1</v>
      </c>
      <c r="H19696" s="8">
        <v>1</v>
      </c>
      <c r="I19696" s="8">
        <v>0</v>
      </c>
      <c r="J19696" s="8">
        <v>1</v>
      </c>
      <c r="K19696" s="9">
        <v>203</v>
      </c>
      <c r="L19696" s="6" t="s">
        <v>4151</v>
      </c>
    </row>
    <row r="19697" spans="1:12">
      <c r="A19697" s="6" t="s">
        <v>4151</v>
      </c>
      <c r="B19697" s="6"/>
      <c r="C19697" s="6" t="s">
        <v>19733</v>
      </c>
      <c r="D19697" s="6"/>
      <c r="E19697" s="6" t="s">
        <v>9</v>
      </c>
      <c r="F19697" s="7">
        <v>38657</v>
      </c>
      <c r="G19697" s="8">
        <v>1</v>
      </c>
      <c r="H19697" s="8">
        <v>1</v>
      </c>
      <c r="I19697" s="8">
        <v>0</v>
      </c>
      <c r="J19697" s="8">
        <v>1</v>
      </c>
      <c r="K19697" s="9">
        <v>49</v>
      </c>
      <c r="L19697" s="6" t="s">
        <v>4151</v>
      </c>
    </row>
    <row r="19698" spans="1:12">
      <c r="A19698" s="6" t="s">
        <v>4151</v>
      </c>
      <c r="B19698" s="6"/>
      <c r="C19698" s="6" t="s">
        <v>19734</v>
      </c>
      <c r="D19698" s="6"/>
      <c r="E19698" s="6" t="s">
        <v>9</v>
      </c>
      <c r="F19698" s="7">
        <v>38657</v>
      </c>
      <c r="G19698" s="8">
        <v>1</v>
      </c>
      <c r="H19698" s="8">
        <v>1</v>
      </c>
      <c r="I19698" s="8">
        <v>0</v>
      </c>
      <c r="J19698" s="8">
        <v>1</v>
      </c>
      <c r="K19698" s="9">
        <v>52</v>
      </c>
      <c r="L19698" s="6" t="s">
        <v>4151</v>
      </c>
    </row>
    <row r="19699" spans="1:12">
      <c r="A19699" s="6" t="s">
        <v>4151</v>
      </c>
      <c r="B19699" s="6"/>
      <c r="C19699" s="6" t="s">
        <v>19735</v>
      </c>
      <c r="D19699" s="6"/>
      <c r="E19699" s="6" t="s">
        <v>9</v>
      </c>
      <c r="F19699" s="7">
        <v>38657</v>
      </c>
      <c r="G19699" s="8">
        <v>1</v>
      </c>
      <c r="H19699" s="8">
        <v>1</v>
      </c>
      <c r="I19699" s="8">
        <v>0</v>
      </c>
      <c r="J19699" s="8">
        <v>1</v>
      </c>
      <c r="K19699" s="9">
        <v>12</v>
      </c>
      <c r="L19699" s="6" t="s">
        <v>4151</v>
      </c>
    </row>
    <row r="19700" spans="1:12">
      <c r="A19700" s="6" t="s">
        <v>4151</v>
      </c>
      <c r="B19700" s="6"/>
      <c r="C19700" s="6" t="s">
        <v>19736</v>
      </c>
      <c r="D19700" s="6"/>
      <c r="E19700" s="6" t="s">
        <v>9</v>
      </c>
      <c r="F19700" s="7">
        <v>38657</v>
      </c>
      <c r="G19700" s="8">
        <v>1</v>
      </c>
      <c r="H19700" s="8">
        <v>1</v>
      </c>
      <c r="I19700" s="8">
        <v>0</v>
      </c>
      <c r="J19700" s="8">
        <v>1</v>
      </c>
      <c r="K19700" s="9">
        <v>6.69</v>
      </c>
      <c r="L19700" s="6" t="s">
        <v>4151</v>
      </c>
    </row>
    <row r="19701" spans="1:12">
      <c r="A19701" s="6" t="s">
        <v>4151</v>
      </c>
      <c r="B19701" s="6"/>
      <c r="C19701" s="6" t="s">
        <v>19737</v>
      </c>
      <c r="D19701" s="6"/>
      <c r="E19701" s="6" t="s">
        <v>9</v>
      </c>
      <c r="F19701" s="7">
        <v>38657</v>
      </c>
      <c r="G19701" s="8">
        <v>1</v>
      </c>
      <c r="H19701" s="8">
        <v>1</v>
      </c>
      <c r="I19701" s="8">
        <v>0</v>
      </c>
      <c r="J19701" s="8">
        <v>1</v>
      </c>
      <c r="K19701" s="9">
        <v>55</v>
      </c>
      <c r="L19701" s="6" t="s">
        <v>4151</v>
      </c>
    </row>
    <row r="19702" spans="1:12">
      <c r="A19702" s="6" t="s">
        <v>4151</v>
      </c>
      <c r="B19702" s="6"/>
      <c r="C19702" s="6" t="s">
        <v>19738</v>
      </c>
      <c r="D19702" s="6"/>
      <c r="E19702" s="6" t="s">
        <v>9</v>
      </c>
      <c r="F19702" s="7">
        <v>38657</v>
      </c>
      <c r="G19702" s="8">
        <v>1</v>
      </c>
      <c r="H19702" s="8">
        <v>1</v>
      </c>
      <c r="I19702" s="8">
        <v>0</v>
      </c>
      <c r="J19702" s="8">
        <v>1</v>
      </c>
      <c r="K19702" s="9">
        <v>55</v>
      </c>
      <c r="L19702" s="6" t="s">
        <v>4151</v>
      </c>
    </row>
    <row r="19703" spans="1:12">
      <c r="A19703" s="6" t="s">
        <v>4151</v>
      </c>
      <c r="B19703" s="6"/>
      <c r="C19703" s="6" t="s">
        <v>19739</v>
      </c>
      <c r="D19703" s="6"/>
      <c r="E19703" s="6" t="s">
        <v>9</v>
      </c>
      <c r="F19703" s="7">
        <v>38657</v>
      </c>
      <c r="G19703" s="8">
        <v>1</v>
      </c>
      <c r="H19703" s="8">
        <v>1</v>
      </c>
      <c r="I19703" s="8">
        <v>0</v>
      </c>
      <c r="J19703" s="8">
        <v>1</v>
      </c>
      <c r="K19703" s="9">
        <v>54</v>
      </c>
      <c r="L19703" s="6" t="s">
        <v>4151</v>
      </c>
    </row>
    <row r="19704" spans="1:12">
      <c r="A19704" s="6" t="s">
        <v>4151</v>
      </c>
      <c r="B19704" s="6"/>
      <c r="C19704" s="6" t="s">
        <v>19740</v>
      </c>
      <c r="D19704" s="6"/>
      <c r="E19704" s="6" t="s">
        <v>9</v>
      </c>
      <c r="F19704" s="7">
        <v>38657</v>
      </c>
      <c r="G19704" s="8">
        <v>1</v>
      </c>
      <c r="H19704" s="8">
        <v>1</v>
      </c>
      <c r="I19704" s="8">
        <v>0</v>
      </c>
      <c r="J19704" s="8">
        <v>1</v>
      </c>
      <c r="K19704" s="9">
        <v>14</v>
      </c>
      <c r="L19704" s="6" t="s">
        <v>4151</v>
      </c>
    </row>
    <row r="19705" spans="1:12">
      <c r="A19705" s="6" t="s">
        <v>4151</v>
      </c>
      <c r="B19705" s="6"/>
      <c r="C19705" s="6" t="s">
        <v>19741</v>
      </c>
      <c r="D19705" s="6"/>
      <c r="E19705" s="6" t="s">
        <v>9</v>
      </c>
      <c r="F19705" s="7">
        <v>38657</v>
      </c>
      <c r="G19705" s="8">
        <v>1</v>
      </c>
      <c r="H19705" s="8">
        <v>1</v>
      </c>
      <c r="I19705" s="8">
        <v>0</v>
      </c>
      <c r="J19705" s="8">
        <v>1</v>
      </c>
      <c r="K19705" s="9">
        <v>60</v>
      </c>
      <c r="L19705" s="6" t="s">
        <v>4151</v>
      </c>
    </row>
    <row r="19706" spans="1:12">
      <c r="A19706" s="6" t="s">
        <v>4151</v>
      </c>
      <c r="B19706" s="6"/>
      <c r="C19706" s="6" t="s">
        <v>19742</v>
      </c>
      <c r="D19706" s="6"/>
      <c r="E19706" s="6" t="s">
        <v>9</v>
      </c>
      <c r="F19706" s="7">
        <v>38657</v>
      </c>
      <c r="G19706" s="8">
        <v>1</v>
      </c>
      <c r="H19706" s="8">
        <v>1</v>
      </c>
      <c r="I19706" s="8">
        <v>0</v>
      </c>
      <c r="J19706" s="8">
        <v>1</v>
      </c>
      <c r="K19706" s="9">
        <v>24</v>
      </c>
      <c r="L19706" s="6" t="s">
        <v>4151</v>
      </c>
    </row>
    <row r="19707" spans="1:12">
      <c r="A19707" s="6" t="s">
        <v>4151</v>
      </c>
      <c r="B19707" s="6"/>
      <c r="C19707" s="6" t="s">
        <v>19743</v>
      </c>
      <c r="D19707" s="6"/>
      <c r="E19707" s="6" t="s">
        <v>9</v>
      </c>
      <c r="F19707" s="7">
        <v>38657</v>
      </c>
      <c r="G19707" s="8">
        <v>1</v>
      </c>
      <c r="H19707" s="8">
        <v>1</v>
      </c>
      <c r="I19707" s="8">
        <v>0</v>
      </c>
      <c r="J19707" s="8">
        <v>1</v>
      </c>
      <c r="K19707" s="9">
        <v>6.49</v>
      </c>
      <c r="L19707" s="6" t="s">
        <v>4151</v>
      </c>
    </row>
    <row r="19708" spans="1:12">
      <c r="A19708" s="6" t="s">
        <v>4151</v>
      </c>
      <c r="B19708" s="6"/>
      <c r="C19708" s="6" t="s">
        <v>19744</v>
      </c>
      <c r="D19708" s="6"/>
      <c r="E19708" s="6" t="s">
        <v>9</v>
      </c>
      <c r="F19708" s="7">
        <v>38657</v>
      </c>
      <c r="G19708" s="8">
        <v>1</v>
      </c>
      <c r="H19708" s="8">
        <v>1</v>
      </c>
      <c r="I19708" s="8">
        <v>0</v>
      </c>
      <c r="J19708" s="8">
        <v>1</v>
      </c>
      <c r="K19708" s="9">
        <v>16</v>
      </c>
      <c r="L19708" s="6" t="s">
        <v>4151</v>
      </c>
    </row>
    <row r="19709" spans="1:12">
      <c r="A19709" s="6" t="s">
        <v>4151</v>
      </c>
      <c r="B19709" s="6"/>
      <c r="C19709" s="6" t="s">
        <v>19745</v>
      </c>
      <c r="D19709" s="6"/>
      <c r="E19709" s="6" t="s">
        <v>9</v>
      </c>
      <c r="F19709" s="7">
        <v>38657</v>
      </c>
      <c r="G19709" s="8">
        <v>1</v>
      </c>
      <c r="H19709" s="8">
        <v>1</v>
      </c>
      <c r="I19709" s="8">
        <v>0</v>
      </c>
      <c r="J19709" s="8">
        <v>1</v>
      </c>
      <c r="K19709" s="9">
        <v>3.9</v>
      </c>
      <c r="L19709" s="6" t="s">
        <v>4151</v>
      </c>
    </row>
    <row r="19710" spans="1:12">
      <c r="A19710" s="6" t="s">
        <v>4151</v>
      </c>
      <c r="B19710" s="6"/>
      <c r="C19710" s="6" t="s">
        <v>19746</v>
      </c>
      <c r="D19710" s="6"/>
      <c r="E19710" s="6" t="s">
        <v>9</v>
      </c>
      <c r="F19710" s="7">
        <v>38657</v>
      </c>
      <c r="G19710" s="8">
        <v>1</v>
      </c>
      <c r="H19710" s="8">
        <v>1</v>
      </c>
      <c r="I19710" s="8">
        <v>0</v>
      </c>
      <c r="J19710" s="8">
        <v>1</v>
      </c>
      <c r="K19710" s="9">
        <v>48</v>
      </c>
      <c r="L19710" s="6" t="s">
        <v>4151</v>
      </c>
    </row>
    <row r="19711" spans="1:12">
      <c r="A19711" s="6" t="s">
        <v>4151</v>
      </c>
      <c r="B19711" s="6"/>
      <c r="C19711" s="6" t="s">
        <v>19747</v>
      </c>
      <c r="D19711" s="6"/>
      <c r="E19711" s="6" t="s">
        <v>9</v>
      </c>
      <c r="F19711" s="7">
        <v>38657</v>
      </c>
      <c r="G19711" s="8">
        <v>1</v>
      </c>
      <c r="H19711" s="8">
        <v>1</v>
      </c>
      <c r="I19711" s="8">
        <v>0</v>
      </c>
      <c r="J19711" s="8">
        <v>1</v>
      </c>
      <c r="K19711" s="9">
        <v>3.1</v>
      </c>
      <c r="L19711" s="6" t="s">
        <v>4151</v>
      </c>
    </row>
    <row r="19712" spans="1:12">
      <c r="A19712" s="6" t="s">
        <v>4151</v>
      </c>
      <c r="B19712" s="6"/>
      <c r="C19712" s="6" t="s">
        <v>19748</v>
      </c>
      <c r="D19712" s="6"/>
      <c r="E19712" s="6" t="s">
        <v>9</v>
      </c>
      <c r="F19712" s="7">
        <v>38657</v>
      </c>
      <c r="G19712" s="8">
        <v>1</v>
      </c>
      <c r="H19712" s="8">
        <v>1</v>
      </c>
      <c r="I19712" s="8">
        <v>0</v>
      </c>
      <c r="J19712" s="8">
        <v>1</v>
      </c>
      <c r="K19712" s="9">
        <v>27</v>
      </c>
      <c r="L19712" s="6" t="s">
        <v>4151</v>
      </c>
    </row>
    <row r="19713" spans="1:12">
      <c r="A19713" s="6" t="s">
        <v>4151</v>
      </c>
      <c r="B19713" s="6"/>
      <c r="C19713" s="6" t="s">
        <v>19749</v>
      </c>
      <c r="D19713" s="6"/>
      <c r="E19713" s="6" t="s">
        <v>9</v>
      </c>
      <c r="F19713" s="7">
        <v>38657</v>
      </c>
      <c r="G19713" s="8">
        <v>1</v>
      </c>
      <c r="H19713" s="8">
        <v>1</v>
      </c>
      <c r="I19713" s="8">
        <v>0</v>
      </c>
      <c r="J19713" s="8">
        <v>1</v>
      </c>
      <c r="K19713" s="9">
        <v>68</v>
      </c>
      <c r="L19713" s="6" t="s">
        <v>4151</v>
      </c>
    </row>
    <row r="19714" spans="1:12">
      <c r="A19714" s="6" t="s">
        <v>4151</v>
      </c>
      <c r="B19714" s="6"/>
      <c r="C19714" s="6" t="s">
        <v>19750</v>
      </c>
      <c r="D19714" s="6"/>
      <c r="E19714" s="6" t="s">
        <v>9</v>
      </c>
      <c r="F19714" s="7">
        <v>38657</v>
      </c>
      <c r="G19714" s="8">
        <v>1</v>
      </c>
      <c r="H19714" s="8">
        <v>1</v>
      </c>
      <c r="I19714" s="8">
        <v>0</v>
      </c>
      <c r="J19714" s="8">
        <v>1</v>
      </c>
      <c r="K19714" s="9">
        <v>55</v>
      </c>
      <c r="L19714" s="6" t="s">
        <v>4151</v>
      </c>
    </row>
    <row r="19715" spans="1:12">
      <c r="A19715" s="6" t="s">
        <v>4151</v>
      </c>
      <c r="B19715" s="6"/>
      <c r="C19715" s="6" t="s">
        <v>19751</v>
      </c>
      <c r="D19715" s="6"/>
      <c r="E19715" s="6" t="s">
        <v>9</v>
      </c>
      <c r="F19715" s="7">
        <v>38657</v>
      </c>
      <c r="G19715" s="8">
        <v>1</v>
      </c>
      <c r="H19715" s="8">
        <v>1</v>
      </c>
      <c r="I19715" s="8">
        <v>0</v>
      </c>
      <c r="J19715" s="8">
        <v>1</v>
      </c>
      <c r="K19715" s="9">
        <v>41</v>
      </c>
      <c r="L19715" s="6" t="s">
        <v>4151</v>
      </c>
    </row>
    <row r="19716" spans="1:12">
      <c r="A19716" s="6" t="s">
        <v>4151</v>
      </c>
      <c r="B19716" s="6"/>
      <c r="C19716" s="6" t="s">
        <v>19752</v>
      </c>
      <c r="D19716" s="6"/>
      <c r="E19716" s="6" t="s">
        <v>9</v>
      </c>
      <c r="F19716" s="7">
        <v>38657</v>
      </c>
      <c r="G19716" s="8">
        <v>1</v>
      </c>
      <c r="H19716" s="8">
        <v>1</v>
      </c>
      <c r="I19716" s="8">
        <v>0</v>
      </c>
      <c r="J19716" s="8">
        <v>1</v>
      </c>
      <c r="K19716" s="9">
        <v>26</v>
      </c>
      <c r="L19716" s="6" t="s">
        <v>4151</v>
      </c>
    </row>
    <row r="19717" spans="1:12">
      <c r="A19717" s="6" t="s">
        <v>4151</v>
      </c>
      <c r="B19717" s="6"/>
      <c r="C19717" s="6" t="s">
        <v>19753</v>
      </c>
      <c r="D19717" s="6"/>
      <c r="E19717" s="6" t="s">
        <v>9</v>
      </c>
      <c r="F19717" s="7">
        <v>38657</v>
      </c>
      <c r="G19717" s="8">
        <v>1</v>
      </c>
      <c r="H19717" s="8">
        <v>1</v>
      </c>
      <c r="I19717" s="8">
        <v>0</v>
      </c>
      <c r="J19717" s="8">
        <v>1</v>
      </c>
      <c r="K19717" s="9">
        <v>54</v>
      </c>
      <c r="L19717" s="6" t="s">
        <v>4151</v>
      </c>
    </row>
    <row r="19718" spans="1:12">
      <c r="A19718" s="6" t="s">
        <v>4151</v>
      </c>
      <c r="B19718" s="6"/>
      <c r="C19718" s="6" t="s">
        <v>19754</v>
      </c>
      <c r="D19718" s="6"/>
      <c r="E19718" s="6" t="s">
        <v>9</v>
      </c>
      <c r="F19718" s="7">
        <v>38657</v>
      </c>
      <c r="G19718" s="8">
        <v>1</v>
      </c>
      <c r="H19718" s="8">
        <v>1</v>
      </c>
      <c r="I19718" s="8">
        <v>0</v>
      </c>
      <c r="J19718" s="8">
        <v>1</v>
      </c>
      <c r="K19718" s="9">
        <v>41</v>
      </c>
      <c r="L19718" s="6" t="s">
        <v>4151</v>
      </c>
    </row>
    <row r="19719" spans="1:12">
      <c r="A19719" s="6" t="s">
        <v>4151</v>
      </c>
      <c r="B19719" s="6"/>
      <c r="C19719" s="6" t="s">
        <v>19755</v>
      </c>
      <c r="D19719" s="6"/>
      <c r="E19719" s="6" t="s">
        <v>9</v>
      </c>
      <c r="F19719" s="7">
        <v>38657</v>
      </c>
      <c r="G19719" s="8">
        <v>1</v>
      </c>
      <c r="H19719" s="8">
        <v>1</v>
      </c>
      <c r="I19719" s="8">
        <v>0</v>
      </c>
      <c r="J19719" s="8">
        <v>1</v>
      </c>
      <c r="K19719" s="9">
        <v>51</v>
      </c>
      <c r="L19719" s="6" t="s">
        <v>4151</v>
      </c>
    </row>
    <row r="19720" spans="1:12">
      <c r="A19720" s="6" t="s">
        <v>4151</v>
      </c>
      <c r="B19720" s="6"/>
      <c r="C19720" s="6" t="s">
        <v>19756</v>
      </c>
      <c r="D19720" s="6"/>
      <c r="E19720" s="6" t="s">
        <v>9</v>
      </c>
      <c r="F19720" s="7">
        <v>38657</v>
      </c>
      <c r="G19720" s="8">
        <v>1</v>
      </c>
      <c r="H19720" s="8">
        <v>1</v>
      </c>
      <c r="I19720" s="8">
        <v>0</v>
      </c>
      <c r="J19720" s="8">
        <v>1</v>
      </c>
      <c r="K19720" s="9">
        <v>3.72</v>
      </c>
      <c r="L19720" s="6" t="s">
        <v>4151</v>
      </c>
    </row>
    <row r="19721" spans="1:12">
      <c r="A19721" s="6" t="s">
        <v>4151</v>
      </c>
      <c r="B19721" s="6"/>
      <c r="C19721" s="6" t="s">
        <v>19757</v>
      </c>
      <c r="D19721" s="6"/>
      <c r="E19721" s="6" t="s">
        <v>9</v>
      </c>
      <c r="F19721" s="7">
        <v>38657</v>
      </c>
      <c r="G19721" s="8">
        <v>1</v>
      </c>
      <c r="H19721" s="8">
        <v>1</v>
      </c>
      <c r="I19721" s="8">
        <v>0</v>
      </c>
      <c r="J19721" s="8">
        <v>1</v>
      </c>
      <c r="K19721" s="9">
        <v>54</v>
      </c>
      <c r="L19721" s="6" t="s">
        <v>4151</v>
      </c>
    </row>
    <row r="19722" spans="1:12">
      <c r="A19722" s="6" t="s">
        <v>4151</v>
      </c>
      <c r="B19722" s="6"/>
      <c r="C19722" s="6" t="s">
        <v>19758</v>
      </c>
      <c r="D19722" s="6"/>
      <c r="E19722" s="6" t="s">
        <v>9</v>
      </c>
      <c r="F19722" s="7">
        <v>38657</v>
      </c>
      <c r="G19722" s="8">
        <v>1</v>
      </c>
      <c r="H19722" s="8">
        <v>1</v>
      </c>
      <c r="I19722" s="8">
        <v>0</v>
      </c>
      <c r="J19722" s="8">
        <v>1</v>
      </c>
      <c r="K19722" s="9">
        <v>1.28</v>
      </c>
      <c r="L19722" s="6" t="s">
        <v>4151</v>
      </c>
    </row>
    <row r="19723" spans="1:12">
      <c r="A19723" s="6" t="s">
        <v>4151</v>
      </c>
      <c r="B19723" s="6"/>
      <c r="C19723" s="6" t="s">
        <v>19759</v>
      </c>
      <c r="D19723" s="6"/>
      <c r="E19723" s="6" t="s">
        <v>9</v>
      </c>
      <c r="F19723" s="7">
        <v>38657</v>
      </c>
      <c r="G19723" s="8">
        <v>1</v>
      </c>
      <c r="H19723" s="8">
        <v>1</v>
      </c>
      <c r="I19723" s="8">
        <v>0</v>
      </c>
      <c r="J19723" s="8">
        <v>1</v>
      </c>
      <c r="K19723" s="9">
        <v>56</v>
      </c>
      <c r="L19723" s="6" t="s">
        <v>4151</v>
      </c>
    </row>
    <row r="19724" spans="1:12">
      <c r="A19724" s="6" t="s">
        <v>4151</v>
      </c>
      <c r="B19724" s="6"/>
      <c r="C19724" s="6" t="s">
        <v>19760</v>
      </c>
      <c r="D19724" s="6"/>
      <c r="E19724" s="6" t="s">
        <v>9</v>
      </c>
      <c r="F19724" s="7">
        <v>38657</v>
      </c>
      <c r="G19724" s="8">
        <v>1</v>
      </c>
      <c r="H19724" s="8">
        <v>1</v>
      </c>
      <c r="I19724" s="8">
        <v>0</v>
      </c>
      <c r="J19724" s="8">
        <v>1</v>
      </c>
      <c r="K19724" s="9">
        <v>54</v>
      </c>
      <c r="L19724" s="6" t="s">
        <v>4151</v>
      </c>
    </row>
    <row r="19725" spans="1:12">
      <c r="A19725" s="6" t="s">
        <v>4151</v>
      </c>
      <c r="B19725" s="6"/>
      <c r="C19725" s="6" t="s">
        <v>19761</v>
      </c>
      <c r="D19725" s="6"/>
      <c r="E19725" s="6" t="s">
        <v>9</v>
      </c>
      <c r="F19725" s="7">
        <v>38657</v>
      </c>
      <c r="G19725" s="8">
        <v>1</v>
      </c>
      <c r="H19725" s="8">
        <v>1</v>
      </c>
      <c r="I19725" s="8">
        <v>0</v>
      </c>
      <c r="J19725" s="8">
        <v>1</v>
      </c>
      <c r="K19725" s="9">
        <v>26</v>
      </c>
      <c r="L19725" s="6" t="s">
        <v>4151</v>
      </c>
    </row>
    <row r="19726" spans="1:12">
      <c r="A19726" s="6" t="s">
        <v>4151</v>
      </c>
      <c r="B19726" s="6"/>
      <c r="C19726" s="6" t="s">
        <v>19762</v>
      </c>
      <c r="D19726" s="6"/>
      <c r="E19726" s="6" t="s">
        <v>9</v>
      </c>
      <c r="F19726" s="7">
        <v>38657</v>
      </c>
      <c r="G19726" s="8">
        <v>1</v>
      </c>
      <c r="H19726" s="8">
        <v>1</v>
      </c>
      <c r="I19726" s="8">
        <v>0</v>
      </c>
      <c r="J19726" s="8">
        <v>1</v>
      </c>
      <c r="K19726" s="9">
        <v>30</v>
      </c>
      <c r="L19726" s="6" t="s">
        <v>4151</v>
      </c>
    </row>
    <row r="19727" spans="1:12">
      <c r="A19727" s="6" t="s">
        <v>4151</v>
      </c>
      <c r="B19727" s="6"/>
      <c r="C19727" s="6" t="s">
        <v>19763</v>
      </c>
      <c r="D19727" s="6"/>
      <c r="E19727" s="6" t="s">
        <v>9</v>
      </c>
      <c r="F19727" s="7">
        <v>38657</v>
      </c>
      <c r="G19727" s="8">
        <v>1</v>
      </c>
      <c r="H19727" s="8">
        <v>1</v>
      </c>
      <c r="I19727" s="8">
        <v>0</v>
      </c>
      <c r="J19727" s="8">
        <v>1</v>
      </c>
      <c r="K19727" s="9">
        <v>53</v>
      </c>
      <c r="L19727" s="6" t="s">
        <v>4151</v>
      </c>
    </row>
    <row r="19728" spans="1:12">
      <c r="A19728" s="6" t="s">
        <v>4151</v>
      </c>
      <c r="B19728" s="6"/>
      <c r="C19728" s="6" t="s">
        <v>19764</v>
      </c>
      <c r="D19728" s="6"/>
      <c r="E19728" s="6" t="s">
        <v>9</v>
      </c>
      <c r="F19728" s="7">
        <v>38657</v>
      </c>
      <c r="G19728" s="8">
        <v>1</v>
      </c>
      <c r="H19728" s="8">
        <v>1</v>
      </c>
      <c r="I19728" s="8">
        <v>0</v>
      </c>
      <c r="J19728" s="8">
        <v>1</v>
      </c>
      <c r="K19728" s="9">
        <v>26</v>
      </c>
      <c r="L19728" s="6" t="s">
        <v>4151</v>
      </c>
    </row>
    <row r="19729" spans="1:12">
      <c r="A19729" s="6" t="s">
        <v>4151</v>
      </c>
      <c r="B19729" s="6"/>
      <c r="C19729" s="6" t="s">
        <v>19765</v>
      </c>
      <c r="D19729" s="6"/>
      <c r="E19729" s="6" t="s">
        <v>9</v>
      </c>
      <c r="F19729" s="7">
        <v>38657</v>
      </c>
      <c r="G19729" s="8">
        <v>1</v>
      </c>
      <c r="H19729" s="8">
        <v>1</v>
      </c>
      <c r="I19729" s="8">
        <v>0</v>
      </c>
      <c r="J19729" s="8">
        <v>1</v>
      </c>
      <c r="K19729" s="9">
        <v>21</v>
      </c>
      <c r="L19729" s="6" t="s">
        <v>4151</v>
      </c>
    </row>
    <row r="19730" spans="1:12">
      <c r="A19730" s="6" t="s">
        <v>4151</v>
      </c>
      <c r="B19730" s="6"/>
      <c r="C19730" s="6" t="s">
        <v>19766</v>
      </c>
      <c r="D19730" s="6"/>
      <c r="E19730" s="6" t="s">
        <v>9</v>
      </c>
      <c r="F19730" s="7">
        <v>38657</v>
      </c>
      <c r="G19730" s="8">
        <v>1</v>
      </c>
      <c r="H19730" s="8">
        <v>1</v>
      </c>
      <c r="I19730" s="8">
        <v>0</v>
      </c>
      <c r="J19730" s="8">
        <v>1</v>
      </c>
      <c r="K19730" s="9">
        <v>17</v>
      </c>
      <c r="L19730" s="6" t="s">
        <v>4151</v>
      </c>
    </row>
    <row r="19731" spans="1:12">
      <c r="A19731" s="6" t="s">
        <v>4151</v>
      </c>
      <c r="B19731" s="6"/>
      <c r="C19731" s="6" t="s">
        <v>19767</v>
      </c>
      <c r="D19731" s="6"/>
      <c r="E19731" s="6" t="s">
        <v>9</v>
      </c>
      <c r="F19731" s="7">
        <v>38657</v>
      </c>
      <c r="G19731" s="8">
        <v>1</v>
      </c>
      <c r="H19731" s="8">
        <v>1</v>
      </c>
      <c r="I19731" s="8">
        <v>0</v>
      </c>
      <c r="J19731" s="8">
        <v>1</v>
      </c>
      <c r="K19731" s="9">
        <v>14</v>
      </c>
      <c r="L19731" s="6" t="s">
        <v>4151</v>
      </c>
    </row>
    <row r="19732" spans="1:12">
      <c r="A19732" s="6" t="s">
        <v>4151</v>
      </c>
      <c r="B19732" s="6"/>
      <c r="C19732" s="6" t="s">
        <v>19768</v>
      </c>
      <c r="D19732" s="6"/>
      <c r="E19732" s="6" t="s">
        <v>9</v>
      </c>
      <c r="F19732" s="7">
        <v>38657</v>
      </c>
      <c r="G19732" s="8">
        <v>1</v>
      </c>
      <c r="H19732" s="8">
        <v>1</v>
      </c>
      <c r="I19732" s="8">
        <v>0</v>
      </c>
      <c r="J19732" s="8">
        <v>1</v>
      </c>
      <c r="K19732" s="9">
        <v>39</v>
      </c>
      <c r="L19732" s="6" t="s">
        <v>4151</v>
      </c>
    </row>
    <row r="19733" spans="1:12">
      <c r="A19733" s="6" t="s">
        <v>4151</v>
      </c>
      <c r="B19733" s="6"/>
      <c r="C19733" s="6" t="s">
        <v>19769</v>
      </c>
      <c r="D19733" s="6"/>
      <c r="E19733" s="6" t="s">
        <v>9</v>
      </c>
      <c r="F19733" s="7">
        <v>38657</v>
      </c>
      <c r="G19733" s="8">
        <v>1</v>
      </c>
      <c r="H19733" s="8">
        <v>1</v>
      </c>
      <c r="I19733" s="8">
        <v>0</v>
      </c>
      <c r="J19733" s="8">
        <v>1</v>
      </c>
      <c r="K19733" s="9">
        <v>9.91</v>
      </c>
      <c r="L19733" s="6" t="s">
        <v>4151</v>
      </c>
    </row>
    <row r="19734" spans="1:12">
      <c r="A19734" s="6" t="s">
        <v>4151</v>
      </c>
      <c r="B19734" s="6"/>
      <c r="C19734" s="6" t="s">
        <v>19770</v>
      </c>
      <c r="D19734" s="6"/>
      <c r="E19734" s="6" t="s">
        <v>9</v>
      </c>
      <c r="F19734" s="7">
        <v>38657</v>
      </c>
      <c r="G19734" s="8">
        <v>1</v>
      </c>
      <c r="H19734" s="8">
        <v>1</v>
      </c>
      <c r="I19734" s="8">
        <v>0</v>
      </c>
      <c r="J19734" s="8">
        <v>1</v>
      </c>
      <c r="K19734" s="9">
        <v>0.59</v>
      </c>
      <c r="L19734" s="6" t="s">
        <v>4151</v>
      </c>
    </row>
    <row r="19735" spans="1:12">
      <c r="A19735" s="6" t="s">
        <v>4151</v>
      </c>
      <c r="B19735" s="6"/>
      <c r="C19735" s="6" t="s">
        <v>19771</v>
      </c>
      <c r="D19735" s="6"/>
      <c r="E19735" s="6" t="s">
        <v>9</v>
      </c>
      <c r="F19735" s="7">
        <v>38657</v>
      </c>
      <c r="G19735" s="8">
        <v>1</v>
      </c>
      <c r="H19735" s="8">
        <v>1</v>
      </c>
      <c r="I19735" s="8">
        <v>0</v>
      </c>
      <c r="J19735" s="8">
        <v>1</v>
      </c>
      <c r="K19735" s="9">
        <v>55</v>
      </c>
      <c r="L19735" s="6" t="s">
        <v>4151</v>
      </c>
    </row>
    <row r="19736" spans="1:12">
      <c r="A19736" s="6" t="s">
        <v>4151</v>
      </c>
      <c r="B19736" s="6"/>
      <c r="C19736" s="6" t="s">
        <v>19772</v>
      </c>
      <c r="D19736" s="6"/>
      <c r="E19736" s="6" t="s">
        <v>9</v>
      </c>
      <c r="F19736" s="7">
        <v>38657</v>
      </c>
      <c r="G19736" s="8">
        <v>1</v>
      </c>
      <c r="H19736" s="8">
        <v>1</v>
      </c>
      <c r="I19736" s="8">
        <v>0</v>
      </c>
      <c r="J19736" s="8">
        <v>1</v>
      </c>
      <c r="K19736" s="9">
        <v>2.76</v>
      </c>
      <c r="L19736" s="6" t="s">
        <v>4151</v>
      </c>
    </row>
    <row r="19737" spans="1:12">
      <c r="A19737" s="6" t="s">
        <v>4151</v>
      </c>
      <c r="B19737" s="6"/>
      <c r="C19737" s="6" t="s">
        <v>19773</v>
      </c>
      <c r="D19737" s="6"/>
      <c r="E19737" s="6" t="s">
        <v>9</v>
      </c>
      <c r="F19737" s="7">
        <v>38657</v>
      </c>
      <c r="G19737" s="8">
        <v>1</v>
      </c>
      <c r="H19737" s="8">
        <v>1</v>
      </c>
      <c r="I19737" s="8">
        <v>0</v>
      </c>
      <c r="J19737" s="8">
        <v>1</v>
      </c>
      <c r="K19737" s="9">
        <v>1.36</v>
      </c>
      <c r="L19737" s="6" t="s">
        <v>4151</v>
      </c>
    </row>
    <row r="19738" spans="1:12">
      <c r="A19738" s="6" t="s">
        <v>4151</v>
      </c>
      <c r="B19738" s="6"/>
      <c r="C19738" s="6" t="s">
        <v>19774</v>
      </c>
      <c r="D19738" s="6"/>
      <c r="E19738" s="6" t="s">
        <v>9</v>
      </c>
      <c r="F19738" s="7">
        <v>38657</v>
      </c>
      <c r="G19738" s="8">
        <v>1</v>
      </c>
      <c r="H19738" s="8">
        <v>1</v>
      </c>
      <c r="I19738" s="8">
        <v>0</v>
      </c>
      <c r="J19738" s="8">
        <v>1</v>
      </c>
      <c r="K19738" s="9">
        <v>331</v>
      </c>
      <c r="L19738" s="6" t="s">
        <v>4151</v>
      </c>
    </row>
    <row r="19739" spans="1:12">
      <c r="A19739" s="6" t="s">
        <v>4151</v>
      </c>
      <c r="B19739" s="6"/>
      <c r="C19739" s="6" t="s">
        <v>19775</v>
      </c>
      <c r="D19739" s="6"/>
      <c r="E19739" s="6" t="s">
        <v>9</v>
      </c>
      <c r="F19739" s="7"/>
      <c r="G19739" s="8">
        <v>1</v>
      </c>
      <c r="H19739" s="8">
        <v>1</v>
      </c>
      <c r="I19739" s="8">
        <v>0</v>
      </c>
      <c r="J19739" s="8">
        <v>1</v>
      </c>
      <c r="K19739" s="9">
        <v>76</v>
      </c>
      <c r="L19739" s="6" t="s">
        <v>4151</v>
      </c>
    </row>
    <row r="19740" spans="1:12">
      <c r="A19740" s="6" t="s">
        <v>4151</v>
      </c>
      <c r="B19740" s="6"/>
      <c r="C19740" s="6" t="s">
        <v>19776</v>
      </c>
      <c r="D19740" s="6"/>
      <c r="E19740" s="6" t="s">
        <v>9</v>
      </c>
      <c r="F19740" s="7"/>
      <c r="G19740" s="8">
        <v>1</v>
      </c>
      <c r="H19740" s="8">
        <v>1</v>
      </c>
      <c r="I19740" s="8">
        <v>0</v>
      </c>
      <c r="J19740" s="8">
        <v>1</v>
      </c>
      <c r="K19740" s="9">
        <v>183</v>
      </c>
      <c r="L19740" s="6" t="s">
        <v>4151</v>
      </c>
    </row>
    <row r="19741" spans="1:12">
      <c r="A19741" s="6" t="s">
        <v>4151</v>
      </c>
      <c r="B19741" s="6"/>
      <c r="C19741" s="6" t="s">
        <v>19777</v>
      </c>
      <c r="D19741" s="6"/>
      <c r="E19741" s="6" t="s">
        <v>9</v>
      </c>
      <c r="F19741" s="7"/>
      <c r="G19741" s="8">
        <v>1</v>
      </c>
      <c r="H19741" s="8">
        <v>1</v>
      </c>
      <c r="I19741" s="8">
        <v>0</v>
      </c>
      <c r="J19741" s="8">
        <v>1</v>
      </c>
      <c r="K19741" s="9">
        <v>142</v>
      </c>
      <c r="L19741" s="6" t="s">
        <v>4151</v>
      </c>
    </row>
    <row r="19742" spans="1:12">
      <c r="A19742" s="6" t="s">
        <v>4151</v>
      </c>
      <c r="B19742" s="6"/>
      <c r="C19742" s="6" t="s">
        <v>19778</v>
      </c>
      <c r="D19742" s="6"/>
      <c r="E19742" s="6" t="s">
        <v>9</v>
      </c>
      <c r="F19742" s="7"/>
      <c r="G19742" s="8">
        <v>1</v>
      </c>
      <c r="H19742" s="8">
        <v>1</v>
      </c>
      <c r="I19742" s="8">
        <v>0</v>
      </c>
      <c r="J19742" s="8">
        <v>1</v>
      </c>
      <c r="K19742" s="9">
        <v>28</v>
      </c>
      <c r="L19742" s="6" t="s">
        <v>4151</v>
      </c>
    </row>
    <row r="19743" spans="1:12">
      <c r="A19743" s="6" t="s">
        <v>4151</v>
      </c>
      <c r="B19743" s="6"/>
      <c r="C19743" s="6" t="s">
        <v>19779</v>
      </c>
      <c r="D19743" s="6"/>
      <c r="E19743" s="6" t="s">
        <v>9</v>
      </c>
      <c r="F19743" s="7">
        <v>38657</v>
      </c>
      <c r="G19743" s="8">
        <v>1</v>
      </c>
      <c r="H19743" s="8">
        <v>1</v>
      </c>
      <c r="I19743" s="8">
        <v>0</v>
      </c>
      <c r="J19743" s="8">
        <v>1</v>
      </c>
      <c r="K19743" s="9">
        <v>353</v>
      </c>
      <c r="L19743" s="6" t="s">
        <v>4151</v>
      </c>
    </row>
    <row r="19744" spans="1:12">
      <c r="A19744" s="6" t="s">
        <v>4151</v>
      </c>
      <c r="B19744" s="6"/>
      <c r="C19744" s="6" t="s">
        <v>19780</v>
      </c>
      <c r="D19744" s="6"/>
      <c r="E19744" s="6" t="s">
        <v>9</v>
      </c>
      <c r="F19744" s="7">
        <v>38657</v>
      </c>
      <c r="G19744" s="8">
        <v>1</v>
      </c>
      <c r="H19744" s="8">
        <v>1</v>
      </c>
      <c r="I19744" s="8">
        <v>0</v>
      </c>
      <c r="J19744" s="8">
        <v>1</v>
      </c>
      <c r="K19744" s="9">
        <v>32</v>
      </c>
      <c r="L19744" s="6" t="s">
        <v>4151</v>
      </c>
    </row>
    <row r="19745" spans="1:12">
      <c r="A19745" s="6" t="s">
        <v>4151</v>
      </c>
      <c r="B19745" s="6"/>
      <c r="C19745" s="6" t="s">
        <v>19781</v>
      </c>
      <c r="D19745" s="6"/>
      <c r="E19745" s="6" t="s">
        <v>9</v>
      </c>
      <c r="F19745" s="7">
        <v>38657</v>
      </c>
      <c r="G19745" s="8">
        <v>1</v>
      </c>
      <c r="H19745" s="8">
        <v>1</v>
      </c>
      <c r="I19745" s="8">
        <v>0</v>
      </c>
      <c r="J19745" s="8">
        <v>1</v>
      </c>
      <c r="K19745" s="9">
        <v>2.14</v>
      </c>
      <c r="L19745" s="6" t="s">
        <v>4151</v>
      </c>
    </row>
    <row r="19746" spans="1:12">
      <c r="A19746" s="6" t="s">
        <v>4151</v>
      </c>
      <c r="B19746" s="6"/>
      <c r="C19746" s="6" t="s">
        <v>19782</v>
      </c>
      <c r="D19746" s="6"/>
      <c r="E19746" s="6" t="s">
        <v>9</v>
      </c>
      <c r="F19746" s="7">
        <v>38657</v>
      </c>
      <c r="G19746" s="8">
        <v>1</v>
      </c>
      <c r="H19746" s="8">
        <v>1</v>
      </c>
      <c r="I19746" s="8">
        <v>0</v>
      </c>
      <c r="J19746" s="8">
        <v>1</v>
      </c>
      <c r="K19746" s="9">
        <v>166</v>
      </c>
      <c r="L19746" s="6" t="s">
        <v>4151</v>
      </c>
    </row>
    <row r="19747" spans="1:12">
      <c r="A19747" s="6" t="s">
        <v>4151</v>
      </c>
      <c r="B19747" s="6"/>
      <c r="C19747" s="6" t="s">
        <v>19783</v>
      </c>
      <c r="D19747" s="6"/>
      <c r="E19747" s="6" t="s">
        <v>9</v>
      </c>
      <c r="F19747" s="7">
        <v>38657</v>
      </c>
      <c r="G19747" s="8">
        <v>1</v>
      </c>
      <c r="H19747" s="8">
        <v>1</v>
      </c>
      <c r="I19747" s="8">
        <v>0</v>
      </c>
      <c r="J19747" s="8">
        <v>1</v>
      </c>
      <c r="K19747" s="9">
        <v>96</v>
      </c>
      <c r="L19747" s="6" t="s">
        <v>4151</v>
      </c>
    </row>
    <row r="19748" spans="1:12">
      <c r="A19748" s="6" t="s">
        <v>4151</v>
      </c>
      <c r="B19748" s="6"/>
      <c r="C19748" s="6" t="s">
        <v>19784</v>
      </c>
      <c r="D19748" s="6"/>
      <c r="E19748" s="6" t="s">
        <v>9</v>
      </c>
      <c r="F19748" s="7">
        <v>38657</v>
      </c>
      <c r="G19748" s="8">
        <v>1</v>
      </c>
      <c r="H19748" s="8">
        <v>1</v>
      </c>
      <c r="I19748" s="8">
        <v>0</v>
      </c>
      <c r="J19748" s="8">
        <v>1</v>
      </c>
      <c r="K19748" s="9">
        <v>122</v>
      </c>
      <c r="L19748" s="6" t="s">
        <v>4151</v>
      </c>
    </row>
    <row r="19749" spans="1:12">
      <c r="A19749" s="6" t="s">
        <v>4151</v>
      </c>
      <c r="B19749" s="6"/>
      <c r="C19749" s="6" t="s">
        <v>19785</v>
      </c>
      <c r="D19749" s="6"/>
      <c r="E19749" s="6" t="s">
        <v>9</v>
      </c>
      <c r="F19749" s="7">
        <v>38657</v>
      </c>
      <c r="G19749" s="8">
        <v>1</v>
      </c>
      <c r="H19749" s="8">
        <v>1</v>
      </c>
      <c r="I19749" s="8">
        <v>0</v>
      </c>
      <c r="J19749" s="8">
        <v>1</v>
      </c>
      <c r="K19749" s="9">
        <v>1.02</v>
      </c>
      <c r="L19749" s="6" t="s">
        <v>4151</v>
      </c>
    </row>
    <row r="19750" spans="1:12">
      <c r="A19750" s="6" t="s">
        <v>4151</v>
      </c>
      <c r="B19750" s="6"/>
      <c r="C19750" s="6" t="s">
        <v>19786</v>
      </c>
      <c r="D19750" s="6"/>
      <c r="E19750" s="6" t="s">
        <v>9</v>
      </c>
      <c r="F19750" s="7">
        <v>38657</v>
      </c>
      <c r="G19750" s="8">
        <v>1</v>
      </c>
      <c r="H19750" s="8">
        <v>1</v>
      </c>
      <c r="I19750" s="8">
        <v>0</v>
      </c>
      <c r="J19750" s="8">
        <v>1</v>
      </c>
      <c r="K19750" s="9">
        <v>181</v>
      </c>
      <c r="L19750" s="6" t="s">
        <v>4151</v>
      </c>
    </row>
    <row r="19751" spans="1:12">
      <c r="A19751" s="6" t="s">
        <v>4151</v>
      </c>
      <c r="B19751" s="6"/>
      <c r="C19751" s="6" t="s">
        <v>19787</v>
      </c>
      <c r="D19751" s="6"/>
      <c r="E19751" s="6" t="s">
        <v>9</v>
      </c>
      <c r="F19751" s="7">
        <v>38657</v>
      </c>
      <c r="G19751" s="8">
        <v>1</v>
      </c>
      <c r="H19751" s="8">
        <v>1</v>
      </c>
      <c r="I19751" s="8">
        <v>0</v>
      </c>
      <c r="J19751" s="8">
        <v>1</v>
      </c>
      <c r="K19751" s="9">
        <v>42</v>
      </c>
      <c r="L19751" s="6" t="s">
        <v>4151</v>
      </c>
    </row>
    <row r="19752" spans="1:12">
      <c r="A19752" s="6" t="s">
        <v>4151</v>
      </c>
      <c r="B19752" s="6"/>
      <c r="C19752" s="6" t="s">
        <v>19788</v>
      </c>
      <c r="D19752" s="6"/>
      <c r="E19752" s="6" t="s">
        <v>9</v>
      </c>
      <c r="F19752" s="7">
        <v>38657</v>
      </c>
      <c r="G19752" s="8">
        <v>1</v>
      </c>
      <c r="H19752" s="8">
        <v>1</v>
      </c>
      <c r="I19752" s="8">
        <v>0</v>
      </c>
      <c r="J19752" s="8">
        <v>1</v>
      </c>
      <c r="K19752" s="9">
        <v>98</v>
      </c>
      <c r="L19752" s="6" t="s">
        <v>4151</v>
      </c>
    </row>
    <row r="19753" spans="1:12">
      <c r="A19753" s="6" t="s">
        <v>4151</v>
      </c>
      <c r="B19753" s="6"/>
      <c r="C19753" s="6" t="s">
        <v>19789</v>
      </c>
      <c r="D19753" s="6"/>
      <c r="E19753" s="6" t="s">
        <v>9</v>
      </c>
      <c r="F19753" s="7">
        <v>38657</v>
      </c>
      <c r="G19753" s="8">
        <v>1</v>
      </c>
      <c r="H19753" s="8">
        <v>1</v>
      </c>
      <c r="I19753" s="8">
        <v>0</v>
      </c>
      <c r="J19753" s="8">
        <v>1</v>
      </c>
      <c r="K19753" s="9">
        <v>17</v>
      </c>
      <c r="L19753" s="6" t="s">
        <v>4151</v>
      </c>
    </row>
    <row r="19754" spans="1:12">
      <c r="A19754" s="6" t="s">
        <v>4151</v>
      </c>
      <c r="B19754" s="6"/>
      <c r="C19754" s="6" t="s">
        <v>19790</v>
      </c>
      <c r="D19754" s="6"/>
      <c r="E19754" s="6" t="s">
        <v>9</v>
      </c>
      <c r="F19754" s="7">
        <v>38657</v>
      </c>
      <c r="G19754" s="8">
        <v>1</v>
      </c>
      <c r="H19754" s="8">
        <v>1</v>
      </c>
      <c r="I19754" s="8">
        <v>0</v>
      </c>
      <c r="J19754" s="8">
        <v>1</v>
      </c>
      <c r="K19754" s="9">
        <v>189</v>
      </c>
      <c r="L19754" s="6" t="s">
        <v>4151</v>
      </c>
    </row>
    <row r="19755" spans="1:12">
      <c r="A19755" s="6" t="s">
        <v>4151</v>
      </c>
      <c r="B19755" s="6"/>
      <c r="C19755" s="6" t="s">
        <v>19791</v>
      </c>
      <c r="D19755" s="6"/>
      <c r="E19755" s="6" t="s">
        <v>9</v>
      </c>
      <c r="F19755" s="7">
        <v>38657</v>
      </c>
      <c r="G19755" s="8">
        <v>1</v>
      </c>
      <c r="H19755" s="8">
        <v>1</v>
      </c>
      <c r="I19755" s="8">
        <v>0</v>
      </c>
      <c r="J19755" s="8">
        <v>1</v>
      </c>
      <c r="K19755" s="9">
        <v>146</v>
      </c>
      <c r="L19755" s="6" t="s">
        <v>4151</v>
      </c>
    </row>
    <row r="19756" spans="1:12">
      <c r="A19756" s="6" t="s">
        <v>4151</v>
      </c>
      <c r="B19756" s="6"/>
      <c r="C19756" s="6" t="s">
        <v>19792</v>
      </c>
      <c r="D19756" s="6"/>
      <c r="E19756" s="6" t="s">
        <v>9</v>
      </c>
      <c r="F19756" s="7">
        <v>38657</v>
      </c>
      <c r="G19756" s="8">
        <v>1</v>
      </c>
      <c r="H19756" s="8">
        <v>1</v>
      </c>
      <c r="I19756" s="8">
        <v>0</v>
      </c>
      <c r="J19756" s="8">
        <v>1</v>
      </c>
      <c r="K19756" s="9">
        <v>0.85</v>
      </c>
      <c r="L19756" s="6" t="s">
        <v>4151</v>
      </c>
    </row>
    <row r="19757" spans="1:12">
      <c r="A19757" s="6" t="s">
        <v>4151</v>
      </c>
      <c r="B19757" s="6"/>
      <c r="C19757" s="6" t="s">
        <v>19793</v>
      </c>
      <c r="D19757" s="6"/>
      <c r="E19757" s="6" t="s">
        <v>9</v>
      </c>
      <c r="F19757" s="7">
        <v>38657</v>
      </c>
      <c r="G19757" s="8">
        <v>1</v>
      </c>
      <c r="H19757" s="8">
        <v>1</v>
      </c>
      <c r="I19757" s="8">
        <v>0</v>
      </c>
      <c r="J19757" s="8">
        <v>1</v>
      </c>
      <c r="K19757" s="9">
        <v>1.43</v>
      </c>
      <c r="L19757" s="6" t="s">
        <v>4151</v>
      </c>
    </row>
    <row r="19758" spans="1:12">
      <c r="A19758" s="6" t="s">
        <v>4151</v>
      </c>
      <c r="B19758" s="6"/>
      <c r="C19758" s="6" t="s">
        <v>19794</v>
      </c>
      <c r="D19758" s="6"/>
      <c r="E19758" s="6" t="s">
        <v>9</v>
      </c>
      <c r="F19758" s="7">
        <v>38657</v>
      </c>
      <c r="G19758" s="8">
        <v>1</v>
      </c>
      <c r="H19758" s="8">
        <v>1</v>
      </c>
      <c r="I19758" s="8">
        <v>0</v>
      </c>
      <c r="J19758" s="8">
        <v>1</v>
      </c>
      <c r="K19758" s="9">
        <v>158</v>
      </c>
      <c r="L19758" s="6" t="s">
        <v>4151</v>
      </c>
    </row>
    <row r="19759" spans="1:12">
      <c r="A19759" s="6" t="s">
        <v>4151</v>
      </c>
      <c r="B19759" s="6"/>
      <c r="C19759" s="6" t="s">
        <v>19795</v>
      </c>
      <c r="D19759" s="6"/>
      <c r="E19759" s="6" t="s">
        <v>9</v>
      </c>
      <c r="F19759" s="7">
        <v>38657</v>
      </c>
      <c r="G19759" s="8">
        <v>1</v>
      </c>
      <c r="H19759" s="8">
        <v>1</v>
      </c>
      <c r="I19759" s="8">
        <v>0</v>
      </c>
      <c r="J19759" s="8">
        <v>1</v>
      </c>
      <c r="K19759" s="9">
        <v>35</v>
      </c>
      <c r="L19759" s="6" t="s">
        <v>4151</v>
      </c>
    </row>
    <row r="19760" spans="1:12">
      <c r="A19760" s="6" t="s">
        <v>4151</v>
      </c>
      <c r="B19760" s="6"/>
      <c r="C19760" s="6" t="s">
        <v>19796</v>
      </c>
      <c r="D19760" s="6"/>
      <c r="E19760" s="6" t="s">
        <v>9</v>
      </c>
      <c r="F19760" s="7">
        <v>38657</v>
      </c>
      <c r="G19760" s="8">
        <v>1</v>
      </c>
      <c r="H19760" s="8">
        <v>1</v>
      </c>
      <c r="I19760" s="8">
        <v>0</v>
      </c>
      <c r="J19760" s="8">
        <v>1</v>
      </c>
      <c r="K19760" s="9">
        <v>12</v>
      </c>
      <c r="L19760" s="6" t="s">
        <v>4151</v>
      </c>
    </row>
    <row r="19761" spans="1:12">
      <c r="A19761" s="6" t="s">
        <v>4151</v>
      </c>
      <c r="B19761" s="6"/>
      <c r="C19761" s="6" t="s">
        <v>19797</v>
      </c>
      <c r="D19761" s="6"/>
      <c r="E19761" s="6" t="s">
        <v>9</v>
      </c>
      <c r="F19761" s="7">
        <v>38657</v>
      </c>
      <c r="G19761" s="8">
        <v>1</v>
      </c>
      <c r="H19761" s="8">
        <v>1</v>
      </c>
      <c r="I19761" s="8">
        <v>0</v>
      </c>
      <c r="J19761" s="8">
        <v>1</v>
      </c>
      <c r="K19761" s="9">
        <v>37</v>
      </c>
      <c r="L19761" s="6" t="s">
        <v>4151</v>
      </c>
    </row>
    <row r="19762" spans="1:12">
      <c r="A19762" s="6" t="s">
        <v>4151</v>
      </c>
      <c r="B19762" s="6"/>
      <c r="C19762" s="6" t="s">
        <v>19798</v>
      </c>
      <c r="D19762" s="6"/>
      <c r="E19762" s="6" t="s">
        <v>9</v>
      </c>
      <c r="F19762" s="7">
        <v>38657</v>
      </c>
      <c r="G19762" s="8">
        <v>1</v>
      </c>
      <c r="H19762" s="8">
        <v>1</v>
      </c>
      <c r="I19762" s="8">
        <v>0</v>
      </c>
      <c r="J19762" s="8">
        <v>1</v>
      </c>
      <c r="K19762" s="9">
        <v>45.72</v>
      </c>
      <c r="L19762" s="6" t="s">
        <v>4151</v>
      </c>
    </row>
    <row r="19763" spans="1:12">
      <c r="A19763" s="6" t="s">
        <v>4151</v>
      </c>
      <c r="B19763" s="6"/>
      <c r="C19763" s="6" t="s">
        <v>19799</v>
      </c>
      <c r="D19763" s="6"/>
      <c r="E19763" s="6" t="s">
        <v>9</v>
      </c>
      <c r="F19763" s="7">
        <v>38657</v>
      </c>
      <c r="G19763" s="8">
        <v>1</v>
      </c>
      <c r="H19763" s="8">
        <v>1</v>
      </c>
      <c r="I19763" s="8">
        <v>0</v>
      </c>
      <c r="J19763" s="8">
        <v>1</v>
      </c>
      <c r="K19763" s="9">
        <v>2.73</v>
      </c>
      <c r="L19763" s="6" t="s">
        <v>4151</v>
      </c>
    </row>
    <row r="19764" spans="1:12">
      <c r="A19764" s="6" t="s">
        <v>4151</v>
      </c>
      <c r="B19764" s="6"/>
      <c r="C19764" s="6" t="s">
        <v>19800</v>
      </c>
      <c r="D19764" s="6"/>
      <c r="E19764" s="6" t="s">
        <v>9</v>
      </c>
      <c r="F19764" s="7">
        <v>38657</v>
      </c>
      <c r="G19764" s="8">
        <v>1</v>
      </c>
      <c r="H19764" s="8">
        <v>1</v>
      </c>
      <c r="I19764" s="8">
        <v>0</v>
      </c>
      <c r="J19764" s="8">
        <v>1</v>
      </c>
      <c r="K19764" s="9">
        <v>10</v>
      </c>
      <c r="L19764" s="6" t="s">
        <v>4151</v>
      </c>
    </row>
    <row r="19765" spans="1:12">
      <c r="A19765" s="6" t="s">
        <v>4151</v>
      </c>
      <c r="B19765" s="6"/>
      <c r="C19765" s="6" t="s">
        <v>19801</v>
      </c>
      <c r="D19765" s="6"/>
      <c r="E19765" s="6" t="s">
        <v>9</v>
      </c>
      <c r="F19765" s="7">
        <v>38657</v>
      </c>
      <c r="G19765" s="8">
        <v>1</v>
      </c>
      <c r="H19765" s="8">
        <v>1</v>
      </c>
      <c r="I19765" s="8">
        <v>0</v>
      </c>
      <c r="J19765" s="8">
        <v>1</v>
      </c>
      <c r="K19765" s="9">
        <v>38</v>
      </c>
      <c r="L19765" s="6" t="s">
        <v>4151</v>
      </c>
    </row>
    <row r="19766" spans="1:12">
      <c r="A19766" s="6" t="s">
        <v>4151</v>
      </c>
      <c r="B19766" s="6"/>
      <c r="C19766" s="6" t="s">
        <v>19802</v>
      </c>
      <c r="D19766" s="6"/>
      <c r="E19766" s="6" t="s">
        <v>9</v>
      </c>
      <c r="F19766" s="7">
        <v>38657</v>
      </c>
      <c r="G19766" s="8">
        <v>1</v>
      </c>
      <c r="H19766" s="8">
        <v>1</v>
      </c>
      <c r="I19766" s="8">
        <v>0</v>
      </c>
      <c r="J19766" s="8">
        <v>1</v>
      </c>
      <c r="K19766" s="9">
        <v>39</v>
      </c>
      <c r="L19766" s="6" t="s">
        <v>4151</v>
      </c>
    </row>
    <row r="19767" spans="1:12">
      <c r="A19767" s="6" t="s">
        <v>4151</v>
      </c>
      <c r="B19767" s="6"/>
      <c r="C19767" s="6" t="s">
        <v>19803</v>
      </c>
      <c r="D19767" s="6"/>
      <c r="E19767" s="6" t="s">
        <v>9</v>
      </c>
      <c r="F19767" s="7">
        <v>38657</v>
      </c>
      <c r="G19767" s="8">
        <v>1</v>
      </c>
      <c r="H19767" s="8">
        <v>1</v>
      </c>
      <c r="I19767" s="8">
        <v>0</v>
      </c>
      <c r="J19767" s="8">
        <v>1</v>
      </c>
      <c r="K19767" s="9">
        <v>3.1</v>
      </c>
      <c r="L19767" s="6" t="s">
        <v>4151</v>
      </c>
    </row>
    <row r="19768" spans="1:12">
      <c r="A19768" s="6" t="s">
        <v>4151</v>
      </c>
      <c r="B19768" s="6"/>
      <c r="C19768" s="6" t="s">
        <v>19804</v>
      </c>
      <c r="D19768" s="6"/>
      <c r="E19768" s="6" t="s">
        <v>9</v>
      </c>
      <c r="F19768" s="7">
        <v>38657</v>
      </c>
      <c r="G19768" s="8">
        <v>1</v>
      </c>
      <c r="H19768" s="8">
        <v>1</v>
      </c>
      <c r="I19768" s="8">
        <v>0</v>
      </c>
      <c r="J19768" s="8">
        <v>1</v>
      </c>
      <c r="K19768" s="9">
        <v>2.63</v>
      </c>
      <c r="L19768" s="6" t="s">
        <v>4151</v>
      </c>
    </row>
    <row r="19769" spans="1:12">
      <c r="A19769" s="6" t="s">
        <v>4151</v>
      </c>
      <c r="B19769" s="6"/>
      <c r="C19769" s="6" t="s">
        <v>19805</v>
      </c>
      <c r="D19769" s="6"/>
      <c r="E19769" s="6" t="s">
        <v>9</v>
      </c>
      <c r="F19769" s="7">
        <v>38657</v>
      </c>
      <c r="G19769" s="8">
        <v>1</v>
      </c>
      <c r="H19769" s="8">
        <v>1</v>
      </c>
      <c r="I19769" s="8">
        <v>0</v>
      </c>
      <c r="J19769" s="8">
        <v>1</v>
      </c>
      <c r="K19769" s="9">
        <v>1.38</v>
      </c>
      <c r="L19769" s="6" t="s">
        <v>4151</v>
      </c>
    </row>
    <row r="19770" spans="1:12">
      <c r="A19770" s="6" t="s">
        <v>4151</v>
      </c>
      <c r="B19770" s="6"/>
      <c r="C19770" s="6" t="s">
        <v>19806</v>
      </c>
      <c r="D19770" s="6"/>
      <c r="E19770" s="6" t="s">
        <v>9</v>
      </c>
      <c r="F19770" s="7">
        <v>38657</v>
      </c>
      <c r="G19770" s="8">
        <v>1</v>
      </c>
      <c r="H19770" s="8">
        <v>1</v>
      </c>
      <c r="I19770" s="8">
        <v>0</v>
      </c>
      <c r="J19770" s="8">
        <v>1</v>
      </c>
      <c r="K19770" s="9">
        <v>1.38</v>
      </c>
      <c r="L19770" s="6" t="s">
        <v>4151</v>
      </c>
    </row>
    <row r="19771" spans="1:12">
      <c r="A19771" s="6" t="s">
        <v>4151</v>
      </c>
      <c r="B19771" s="6"/>
      <c r="C19771" s="6" t="s">
        <v>19807</v>
      </c>
      <c r="D19771" s="6"/>
      <c r="E19771" s="6" t="s">
        <v>9</v>
      </c>
      <c r="F19771" s="7">
        <v>38657</v>
      </c>
      <c r="G19771" s="8">
        <v>1</v>
      </c>
      <c r="H19771" s="8">
        <v>1</v>
      </c>
      <c r="I19771" s="8">
        <v>0</v>
      </c>
      <c r="J19771" s="8">
        <v>1</v>
      </c>
      <c r="K19771" s="9">
        <v>43</v>
      </c>
      <c r="L19771" s="6" t="s">
        <v>4151</v>
      </c>
    </row>
    <row r="19772" spans="1:12">
      <c r="A19772" s="6" t="s">
        <v>4151</v>
      </c>
      <c r="B19772" s="6"/>
      <c r="C19772" s="6" t="s">
        <v>19808</v>
      </c>
      <c r="D19772" s="6"/>
      <c r="E19772" s="6" t="s">
        <v>9</v>
      </c>
      <c r="F19772" s="7">
        <v>38657</v>
      </c>
      <c r="G19772" s="8">
        <v>1</v>
      </c>
      <c r="H19772" s="8">
        <v>1</v>
      </c>
      <c r="I19772" s="8">
        <v>0</v>
      </c>
      <c r="J19772" s="8">
        <v>1</v>
      </c>
      <c r="K19772" s="9">
        <v>24</v>
      </c>
      <c r="L19772" s="6" t="s">
        <v>4151</v>
      </c>
    </row>
    <row r="19773" spans="1:12">
      <c r="A19773" s="6" t="s">
        <v>4151</v>
      </c>
      <c r="B19773" s="6"/>
      <c r="C19773" s="6" t="s">
        <v>19809</v>
      </c>
      <c r="D19773" s="6"/>
      <c r="E19773" s="6" t="s">
        <v>9</v>
      </c>
      <c r="F19773" s="7">
        <v>38657</v>
      </c>
      <c r="G19773" s="8">
        <v>1</v>
      </c>
      <c r="H19773" s="8">
        <v>1</v>
      </c>
      <c r="I19773" s="8">
        <v>0</v>
      </c>
      <c r="J19773" s="8">
        <v>1</v>
      </c>
      <c r="K19773" s="9">
        <v>27</v>
      </c>
      <c r="L19773" s="6" t="s">
        <v>4151</v>
      </c>
    </row>
    <row r="19774" spans="1:12">
      <c r="A19774" s="6" t="s">
        <v>4151</v>
      </c>
      <c r="B19774" s="6"/>
      <c r="C19774" s="6" t="s">
        <v>19810</v>
      </c>
      <c r="D19774" s="6"/>
      <c r="E19774" s="6" t="s">
        <v>9</v>
      </c>
      <c r="F19774" s="7">
        <v>38657</v>
      </c>
      <c r="G19774" s="8">
        <v>1</v>
      </c>
      <c r="H19774" s="8">
        <v>1</v>
      </c>
      <c r="I19774" s="8">
        <v>0</v>
      </c>
      <c r="J19774" s="8">
        <v>1</v>
      </c>
      <c r="K19774" s="9">
        <v>26</v>
      </c>
      <c r="L19774" s="6" t="s">
        <v>4151</v>
      </c>
    </row>
    <row r="19775" spans="1:12">
      <c r="A19775" s="6" t="s">
        <v>4151</v>
      </c>
      <c r="B19775" s="6"/>
      <c r="C19775" s="6" t="s">
        <v>19811</v>
      </c>
      <c r="D19775" s="6"/>
      <c r="E19775" s="6" t="s">
        <v>9</v>
      </c>
      <c r="F19775" s="7">
        <v>38657</v>
      </c>
      <c r="G19775" s="8">
        <v>1</v>
      </c>
      <c r="H19775" s="8">
        <v>1</v>
      </c>
      <c r="I19775" s="8">
        <v>0</v>
      </c>
      <c r="J19775" s="8">
        <v>1</v>
      </c>
      <c r="K19775" s="9">
        <v>12</v>
      </c>
      <c r="L19775" s="6" t="s">
        <v>4151</v>
      </c>
    </row>
    <row r="19776" spans="1:12">
      <c r="A19776" s="6" t="s">
        <v>4151</v>
      </c>
      <c r="B19776" s="6"/>
      <c r="C19776" s="6" t="s">
        <v>19812</v>
      </c>
      <c r="D19776" s="6"/>
      <c r="E19776" s="6" t="s">
        <v>9</v>
      </c>
      <c r="F19776" s="7">
        <v>38657</v>
      </c>
      <c r="G19776" s="8">
        <v>1</v>
      </c>
      <c r="H19776" s="8">
        <v>1</v>
      </c>
      <c r="I19776" s="8">
        <v>0</v>
      </c>
      <c r="J19776" s="8">
        <v>1</v>
      </c>
      <c r="K19776" s="9">
        <v>18</v>
      </c>
      <c r="L19776" s="6" t="s">
        <v>4151</v>
      </c>
    </row>
    <row r="19777" spans="1:12">
      <c r="A19777" s="6" t="s">
        <v>4151</v>
      </c>
      <c r="B19777" s="6"/>
      <c r="C19777" s="6" t="s">
        <v>19813</v>
      </c>
      <c r="D19777" s="6"/>
      <c r="E19777" s="6" t="s">
        <v>9</v>
      </c>
      <c r="F19777" s="7">
        <v>38657</v>
      </c>
      <c r="G19777" s="8">
        <v>1</v>
      </c>
      <c r="H19777" s="8">
        <v>1</v>
      </c>
      <c r="I19777" s="8">
        <v>0</v>
      </c>
      <c r="J19777" s="8">
        <v>1</v>
      </c>
      <c r="K19777" s="9">
        <v>8.19</v>
      </c>
      <c r="L19777" s="6" t="s">
        <v>4151</v>
      </c>
    </row>
    <row r="19778" spans="1:12">
      <c r="A19778" s="6" t="s">
        <v>4151</v>
      </c>
      <c r="B19778" s="6"/>
      <c r="C19778" s="6" t="s">
        <v>19814</v>
      </c>
      <c r="D19778" s="6"/>
      <c r="E19778" s="6" t="s">
        <v>9</v>
      </c>
      <c r="F19778" s="7">
        <v>38657</v>
      </c>
      <c r="G19778" s="8">
        <v>1</v>
      </c>
      <c r="H19778" s="8">
        <v>1</v>
      </c>
      <c r="I19778" s="8">
        <v>0</v>
      </c>
      <c r="J19778" s="8">
        <v>1</v>
      </c>
      <c r="K19778" s="9">
        <v>2.1800000000000002</v>
      </c>
      <c r="L19778" s="6" t="s">
        <v>4151</v>
      </c>
    </row>
    <row r="19779" spans="1:12">
      <c r="A19779" s="6" t="s">
        <v>4151</v>
      </c>
      <c r="B19779" s="6"/>
      <c r="C19779" s="6" t="s">
        <v>19815</v>
      </c>
      <c r="D19779" s="6"/>
      <c r="E19779" s="6" t="s">
        <v>9</v>
      </c>
      <c r="F19779" s="7">
        <v>38657</v>
      </c>
      <c r="G19779" s="8">
        <v>1</v>
      </c>
      <c r="H19779" s="8">
        <v>1</v>
      </c>
      <c r="I19779" s="8">
        <v>0</v>
      </c>
      <c r="J19779" s="8">
        <v>1</v>
      </c>
      <c r="K19779" s="9">
        <v>7.63</v>
      </c>
      <c r="L19779" s="6" t="s">
        <v>4151</v>
      </c>
    </row>
    <row r="19780" spans="1:12">
      <c r="A19780" s="6" t="s">
        <v>4151</v>
      </c>
      <c r="B19780" s="6"/>
      <c r="C19780" s="6" t="s">
        <v>19816</v>
      </c>
      <c r="D19780" s="6"/>
      <c r="E19780" s="6" t="s">
        <v>9</v>
      </c>
      <c r="F19780" s="7">
        <v>38657</v>
      </c>
      <c r="G19780" s="8">
        <v>1</v>
      </c>
      <c r="H19780" s="8">
        <v>1</v>
      </c>
      <c r="I19780" s="8">
        <v>0</v>
      </c>
      <c r="J19780" s="8">
        <v>1</v>
      </c>
      <c r="K19780" s="9">
        <v>7.6</v>
      </c>
      <c r="L19780" s="6" t="s">
        <v>4151</v>
      </c>
    </row>
    <row r="19781" spans="1:12">
      <c r="A19781" s="6" t="s">
        <v>4151</v>
      </c>
      <c r="B19781" s="6"/>
      <c r="C19781" s="6" t="s">
        <v>19817</v>
      </c>
      <c r="D19781" s="6"/>
      <c r="E19781" s="6" t="s">
        <v>9</v>
      </c>
      <c r="F19781" s="7">
        <v>38657</v>
      </c>
      <c r="G19781" s="8">
        <v>1</v>
      </c>
      <c r="H19781" s="8">
        <v>1</v>
      </c>
      <c r="I19781" s="8">
        <v>0</v>
      </c>
      <c r="J19781" s="8">
        <v>1</v>
      </c>
      <c r="K19781" s="9">
        <v>4.46</v>
      </c>
      <c r="L19781" s="6" t="s">
        <v>4151</v>
      </c>
    </row>
    <row r="19782" spans="1:12">
      <c r="A19782" s="6" t="s">
        <v>4151</v>
      </c>
      <c r="B19782" s="6"/>
      <c r="C19782" s="6" t="s">
        <v>19818</v>
      </c>
      <c r="D19782" s="6"/>
      <c r="E19782" s="6" t="s">
        <v>9</v>
      </c>
      <c r="F19782" s="7">
        <v>38657</v>
      </c>
      <c r="G19782" s="8">
        <v>1</v>
      </c>
      <c r="H19782" s="8">
        <v>1</v>
      </c>
      <c r="I19782" s="8">
        <v>0</v>
      </c>
      <c r="J19782" s="8">
        <v>1</v>
      </c>
      <c r="K19782" s="9">
        <v>10</v>
      </c>
      <c r="L19782" s="6" t="s">
        <v>4151</v>
      </c>
    </row>
    <row r="19783" spans="1:12">
      <c r="A19783" s="6" t="s">
        <v>4151</v>
      </c>
      <c r="B19783" s="6"/>
      <c r="C19783" s="6" t="s">
        <v>19819</v>
      </c>
      <c r="D19783" s="6"/>
      <c r="E19783" s="6" t="s">
        <v>9</v>
      </c>
      <c r="F19783" s="7">
        <v>38657</v>
      </c>
      <c r="G19783" s="8">
        <v>1</v>
      </c>
      <c r="H19783" s="8">
        <v>1</v>
      </c>
      <c r="I19783" s="8">
        <v>0</v>
      </c>
      <c r="J19783" s="8">
        <v>1</v>
      </c>
      <c r="K19783" s="9">
        <v>43</v>
      </c>
      <c r="L19783" s="6" t="s">
        <v>4151</v>
      </c>
    </row>
    <row r="19784" spans="1:12">
      <c r="A19784" s="6" t="s">
        <v>4151</v>
      </c>
      <c r="B19784" s="6"/>
      <c r="C19784" s="6" t="s">
        <v>19820</v>
      </c>
      <c r="D19784" s="6"/>
      <c r="E19784" s="6" t="s">
        <v>9</v>
      </c>
      <c r="F19784" s="7">
        <v>38657</v>
      </c>
      <c r="G19784" s="8">
        <v>1</v>
      </c>
      <c r="H19784" s="8">
        <v>1</v>
      </c>
      <c r="I19784" s="8">
        <v>0</v>
      </c>
      <c r="J19784" s="8">
        <v>1</v>
      </c>
      <c r="K19784" s="9">
        <v>1.6</v>
      </c>
      <c r="L19784" s="6" t="s">
        <v>4151</v>
      </c>
    </row>
    <row r="19785" spans="1:12">
      <c r="A19785" s="6" t="s">
        <v>4151</v>
      </c>
      <c r="B19785" s="6"/>
      <c r="C19785" s="6" t="s">
        <v>19821</v>
      </c>
      <c r="D19785" s="6"/>
      <c r="E19785" s="6" t="s">
        <v>9</v>
      </c>
      <c r="F19785" s="7">
        <v>38657</v>
      </c>
      <c r="G19785" s="8">
        <v>1</v>
      </c>
      <c r="H19785" s="8">
        <v>1</v>
      </c>
      <c r="I19785" s="8">
        <v>0</v>
      </c>
      <c r="J19785" s="8">
        <v>1</v>
      </c>
      <c r="K19785" s="9">
        <v>1.52</v>
      </c>
      <c r="L19785" s="6" t="s">
        <v>4151</v>
      </c>
    </row>
    <row r="19786" spans="1:12">
      <c r="A19786" s="6" t="s">
        <v>4151</v>
      </c>
      <c r="B19786" s="6"/>
      <c r="C19786" s="6" t="s">
        <v>19822</v>
      </c>
      <c r="D19786" s="6"/>
      <c r="E19786" s="6" t="s">
        <v>9</v>
      </c>
      <c r="F19786" s="7">
        <v>38657</v>
      </c>
      <c r="G19786" s="8">
        <v>1</v>
      </c>
      <c r="H19786" s="8">
        <v>1</v>
      </c>
      <c r="I19786" s="8">
        <v>0</v>
      </c>
      <c r="J19786" s="8">
        <v>1</v>
      </c>
      <c r="K19786" s="9">
        <v>24</v>
      </c>
      <c r="L19786" s="6" t="s">
        <v>4151</v>
      </c>
    </row>
    <row r="19787" spans="1:12">
      <c r="A19787" s="6" t="s">
        <v>4151</v>
      </c>
      <c r="B19787" s="6"/>
      <c r="C19787" s="6" t="s">
        <v>19823</v>
      </c>
      <c r="D19787" s="6"/>
      <c r="E19787" s="6" t="s">
        <v>9</v>
      </c>
      <c r="F19787" s="7">
        <v>38657</v>
      </c>
      <c r="G19787" s="8">
        <v>1</v>
      </c>
      <c r="H19787" s="8">
        <v>1</v>
      </c>
      <c r="I19787" s="8">
        <v>0</v>
      </c>
      <c r="J19787" s="8">
        <v>1</v>
      </c>
      <c r="K19787" s="9">
        <v>4.51</v>
      </c>
      <c r="L19787" s="6" t="s">
        <v>4151</v>
      </c>
    </row>
    <row r="19788" spans="1:12">
      <c r="A19788" s="6" t="s">
        <v>4151</v>
      </c>
      <c r="B19788" s="6"/>
      <c r="C19788" s="6" t="s">
        <v>19824</v>
      </c>
      <c r="D19788" s="6"/>
      <c r="E19788" s="6" t="s">
        <v>9</v>
      </c>
      <c r="F19788" s="7">
        <v>38657</v>
      </c>
      <c r="G19788" s="8">
        <v>1</v>
      </c>
      <c r="H19788" s="8">
        <v>1</v>
      </c>
      <c r="I19788" s="8">
        <v>0</v>
      </c>
      <c r="J19788" s="8">
        <v>1</v>
      </c>
      <c r="K19788" s="9">
        <v>4.49</v>
      </c>
      <c r="L19788" s="6" t="s">
        <v>4151</v>
      </c>
    </row>
    <row r="19789" spans="1:12">
      <c r="A19789" s="6" t="s">
        <v>4151</v>
      </c>
      <c r="B19789" s="6"/>
      <c r="C19789" s="6" t="s">
        <v>19825</v>
      </c>
      <c r="D19789" s="6"/>
      <c r="E19789" s="6" t="s">
        <v>9</v>
      </c>
      <c r="F19789" s="7">
        <v>38657</v>
      </c>
      <c r="G19789" s="8">
        <v>1</v>
      </c>
      <c r="H19789" s="8">
        <v>1</v>
      </c>
      <c r="I19789" s="8">
        <v>0</v>
      </c>
      <c r="J19789" s="8">
        <v>1</v>
      </c>
      <c r="K19789" s="9">
        <v>42</v>
      </c>
      <c r="L19789" s="6" t="s">
        <v>4151</v>
      </c>
    </row>
    <row r="19790" spans="1:12">
      <c r="A19790" s="6" t="s">
        <v>4151</v>
      </c>
      <c r="B19790" s="6"/>
      <c r="C19790" s="6" t="s">
        <v>19826</v>
      </c>
      <c r="D19790" s="6"/>
      <c r="E19790" s="6" t="s">
        <v>9</v>
      </c>
      <c r="F19790" s="7">
        <v>38657</v>
      </c>
      <c r="G19790" s="8">
        <v>1</v>
      </c>
      <c r="H19790" s="8">
        <v>1</v>
      </c>
      <c r="I19790" s="8">
        <v>0</v>
      </c>
      <c r="J19790" s="8">
        <v>1</v>
      </c>
      <c r="K19790" s="9">
        <v>2.88</v>
      </c>
      <c r="L19790" s="6" t="s">
        <v>4151</v>
      </c>
    </row>
    <row r="19791" spans="1:12">
      <c r="A19791" s="6" t="s">
        <v>4151</v>
      </c>
      <c r="B19791" s="6"/>
      <c r="C19791" s="6" t="s">
        <v>19827</v>
      </c>
      <c r="D19791" s="6"/>
      <c r="E19791" s="6" t="s">
        <v>9</v>
      </c>
      <c r="F19791" s="7">
        <v>38657</v>
      </c>
      <c r="G19791" s="8">
        <v>1</v>
      </c>
      <c r="H19791" s="8">
        <v>1</v>
      </c>
      <c r="I19791" s="8">
        <v>0</v>
      </c>
      <c r="J19791" s="8">
        <v>1</v>
      </c>
      <c r="K19791" s="9">
        <v>2.4700000000000002</v>
      </c>
      <c r="L19791" s="6" t="s">
        <v>4151</v>
      </c>
    </row>
    <row r="19792" spans="1:12">
      <c r="A19792" s="6" t="s">
        <v>4151</v>
      </c>
      <c r="B19792" s="6"/>
      <c r="C19792" s="6" t="s">
        <v>19828</v>
      </c>
      <c r="D19792" s="6"/>
      <c r="E19792" s="6" t="s">
        <v>9</v>
      </c>
      <c r="F19792" s="7">
        <v>38657</v>
      </c>
      <c r="G19792" s="8">
        <v>1</v>
      </c>
      <c r="H19792" s="8">
        <v>1</v>
      </c>
      <c r="I19792" s="8">
        <v>0</v>
      </c>
      <c r="J19792" s="8">
        <v>1</v>
      </c>
      <c r="K19792" s="9">
        <v>18</v>
      </c>
      <c r="L19792" s="6" t="s">
        <v>4151</v>
      </c>
    </row>
    <row r="19793" spans="1:12">
      <c r="A19793" s="6" t="s">
        <v>4151</v>
      </c>
      <c r="B19793" s="6"/>
      <c r="C19793" s="6" t="s">
        <v>19829</v>
      </c>
      <c r="D19793" s="6"/>
      <c r="E19793" s="6" t="s">
        <v>9</v>
      </c>
      <c r="F19793" s="7">
        <v>38657</v>
      </c>
      <c r="G19793" s="8">
        <v>1</v>
      </c>
      <c r="H19793" s="8">
        <v>1</v>
      </c>
      <c r="I19793" s="8">
        <v>0</v>
      </c>
      <c r="J19793" s="8">
        <v>1</v>
      </c>
      <c r="K19793" s="9">
        <v>1.27</v>
      </c>
      <c r="L19793" s="6" t="s">
        <v>4151</v>
      </c>
    </row>
    <row r="19794" spans="1:12">
      <c r="A19794" s="6" t="s">
        <v>4151</v>
      </c>
      <c r="B19794" s="6"/>
      <c r="C19794" s="6" t="s">
        <v>19830</v>
      </c>
      <c r="D19794" s="6"/>
      <c r="E19794" s="6" t="s">
        <v>9</v>
      </c>
      <c r="F19794" s="7">
        <v>38657</v>
      </c>
      <c r="G19794" s="8">
        <v>1</v>
      </c>
      <c r="H19794" s="8">
        <v>1</v>
      </c>
      <c r="I19794" s="8">
        <v>0</v>
      </c>
      <c r="J19794" s="8">
        <v>1</v>
      </c>
      <c r="K19794" s="9">
        <v>1.93</v>
      </c>
      <c r="L19794" s="6" t="s">
        <v>4151</v>
      </c>
    </row>
    <row r="19795" spans="1:12">
      <c r="A19795" s="6" t="s">
        <v>4151</v>
      </c>
      <c r="B19795" s="6"/>
      <c r="C19795" s="6" t="s">
        <v>19831</v>
      </c>
      <c r="D19795" s="6"/>
      <c r="E19795" s="6" t="s">
        <v>9</v>
      </c>
      <c r="F19795" s="7">
        <v>38657</v>
      </c>
      <c r="G19795" s="8">
        <v>1</v>
      </c>
      <c r="H19795" s="8">
        <v>1</v>
      </c>
      <c r="I19795" s="8">
        <v>0</v>
      </c>
      <c r="J19795" s="8">
        <v>1</v>
      </c>
      <c r="K19795" s="9">
        <v>0.9</v>
      </c>
      <c r="L19795" s="6" t="s">
        <v>4151</v>
      </c>
    </row>
    <row r="19796" spans="1:12">
      <c r="A19796" s="6" t="s">
        <v>4151</v>
      </c>
      <c r="B19796" s="6"/>
      <c r="C19796" s="6" t="s">
        <v>19832</v>
      </c>
      <c r="D19796" s="6"/>
      <c r="E19796" s="6" t="s">
        <v>9</v>
      </c>
      <c r="F19796" s="7">
        <v>38657</v>
      </c>
      <c r="G19796" s="8">
        <v>1</v>
      </c>
      <c r="H19796" s="8">
        <v>1</v>
      </c>
      <c r="I19796" s="8">
        <v>0</v>
      </c>
      <c r="J19796" s="8">
        <v>1</v>
      </c>
      <c r="K19796" s="9">
        <v>36</v>
      </c>
      <c r="L19796" s="6" t="s">
        <v>4151</v>
      </c>
    </row>
    <row r="19797" spans="1:12">
      <c r="A19797" s="6" t="s">
        <v>4151</v>
      </c>
      <c r="B19797" s="6"/>
      <c r="C19797" s="6" t="s">
        <v>19833</v>
      </c>
      <c r="D19797" s="6"/>
      <c r="E19797" s="6" t="s">
        <v>9</v>
      </c>
      <c r="F19797" s="7">
        <v>38657</v>
      </c>
      <c r="G19797" s="8">
        <v>1</v>
      </c>
      <c r="H19797" s="8">
        <v>1</v>
      </c>
      <c r="I19797" s="8">
        <v>0</v>
      </c>
      <c r="J19797" s="8">
        <v>1</v>
      </c>
      <c r="K19797" s="9">
        <v>5.08</v>
      </c>
      <c r="L19797" s="6" t="s">
        <v>4151</v>
      </c>
    </row>
    <row r="19798" spans="1:12">
      <c r="A19798" s="6" t="s">
        <v>4151</v>
      </c>
      <c r="B19798" s="6"/>
      <c r="C19798" s="6" t="s">
        <v>19834</v>
      </c>
      <c r="D19798" s="6"/>
      <c r="E19798" s="6" t="s">
        <v>9</v>
      </c>
      <c r="F19798" s="7">
        <v>38657</v>
      </c>
      <c r="G19798" s="8">
        <v>1</v>
      </c>
      <c r="H19798" s="8">
        <v>1</v>
      </c>
      <c r="I19798" s="8">
        <v>0</v>
      </c>
      <c r="J19798" s="8">
        <v>1</v>
      </c>
      <c r="K19798" s="9">
        <v>8.39</v>
      </c>
      <c r="L19798" s="6" t="s">
        <v>4151</v>
      </c>
    </row>
    <row r="19799" spans="1:12">
      <c r="A19799" s="6" t="s">
        <v>4151</v>
      </c>
      <c r="B19799" s="6"/>
      <c r="C19799" s="6" t="s">
        <v>19835</v>
      </c>
      <c r="D19799" s="6"/>
      <c r="E19799" s="6" t="s">
        <v>9</v>
      </c>
      <c r="F19799" s="7">
        <v>38657</v>
      </c>
      <c r="G19799" s="8">
        <v>1</v>
      </c>
      <c r="H19799" s="8">
        <v>1</v>
      </c>
      <c r="I19799" s="8">
        <v>0</v>
      </c>
      <c r="J19799" s="8">
        <v>1</v>
      </c>
      <c r="K19799" s="9">
        <v>8.19</v>
      </c>
      <c r="L19799" s="6" t="s">
        <v>4151</v>
      </c>
    </row>
    <row r="19800" spans="1:12">
      <c r="A19800" s="6" t="s">
        <v>4151</v>
      </c>
      <c r="B19800" s="6"/>
      <c r="C19800" s="6" t="s">
        <v>19836</v>
      </c>
      <c r="D19800" s="6"/>
      <c r="E19800" s="6" t="s">
        <v>9</v>
      </c>
      <c r="F19800" s="7">
        <v>38657</v>
      </c>
      <c r="G19800" s="8">
        <v>1</v>
      </c>
      <c r="H19800" s="8">
        <v>1</v>
      </c>
      <c r="I19800" s="8">
        <v>0</v>
      </c>
      <c r="J19800" s="8">
        <v>1</v>
      </c>
      <c r="K19800" s="9">
        <v>89</v>
      </c>
      <c r="L19800" s="6" t="s">
        <v>4151</v>
      </c>
    </row>
    <row r="19801" spans="1:12">
      <c r="A19801" s="6" t="s">
        <v>4151</v>
      </c>
      <c r="B19801" s="6"/>
      <c r="C19801" s="6" t="s">
        <v>19837</v>
      </c>
      <c r="D19801" s="6"/>
      <c r="E19801" s="6" t="s">
        <v>9</v>
      </c>
      <c r="F19801" s="7">
        <v>38657</v>
      </c>
      <c r="G19801" s="8">
        <v>1</v>
      </c>
      <c r="H19801" s="8">
        <v>1</v>
      </c>
      <c r="I19801" s="8">
        <v>0</v>
      </c>
      <c r="J19801" s="8">
        <v>1</v>
      </c>
      <c r="K19801" s="9">
        <v>8.19</v>
      </c>
      <c r="L19801" s="6" t="s">
        <v>4151</v>
      </c>
    </row>
    <row r="19802" spans="1:12">
      <c r="A19802" s="6" t="s">
        <v>4151</v>
      </c>
      <c r="B19802" s="6"/>
      <c r="C19802" s="6" t="s">
        <v>19838</v>
      </c>
      <c r="D19802" s="6"/>
      <c r="E19802" s="6" t="s">
        <v>9</v>
      </c>
      <c r="F19802" s="7">
        <v>38657</v>
      </c>
      <c r="G19802" s="8">
        <v>1</v>
      </c>
      <c r="H19802" s="8">
        <v>1</v>
      </c>
      <c r="I19802" s="8">
        <v>0</v>
      </c>
      <c r="J19802" s="8">
        <v>1</v>
      </c>
      <c r="K19802" s="9">
        <v>8.19</v>
      </c>
      <c r="L19802" s="6" t="s">
        <v>4151</v>
      </c>
    </row>
    <row r="19803" spans="1:12">
      <c r="A19803" s="6" t="s">
        <v>4151</v>
      </c>
      <c r="B19803" s="6"/>
      <c r="C19803" s="6" t="s">
        <v>19839</v>
      </c>
      <c r="D19803" s="6"/>
      <c r="E19803" s="6" t="s">
        <v>9</v>
      </c>
      <c r="F19803" s="7">
        <v>38657</v>
      </c>
      <c r="G19803" s="8">
        <v>1</v>
      </c>
      <c r="H19803" s="8">
        <v>1</v>
      </c>
      <c r="I19803" s="8">
        <v>0</v>
      </c>
      <c r="J19803" s="8">
        <v>1</v>
      </c>
      <c r="K19803" s="9">
        <v>4.99</v>
      </c>
      <c r="L19803" s="6" t="s">
        <v>4151</v>
      </c>
    </row>
    <row r="19804" spans="1:12">
      <c r="A19804" s="6" t="s">
        <v>4151</v>
      </c>
      <c r="B19804" s="6"/>
      <c r="C19804" s="6" t="s">
        <v>19840</v>
      </c>
      <c r="D19804" s="6"/>
      <c r="E19804" s="6" t="s">
        <v>9</v>
      </c>
      <c r="F19804" s="7">
        <v>38657</v>
      </c>
      <c r="G19804" s="8">
        <v>1</v>
      </c>
      <c r="H19804" s="8">
        <v>1</v>
      </c>
      <c r="I19804" s="8">
        <v>0</v>
      </c>
      <c r="J19804" s="8">
        <v>1</v>
      </c>
      <c r="K19804" s="9">
        <v>8.75</v>
      </c>
      <c r="L19804" s="6" t="s">
        <v>4151</v>
      </c>
    </row>
    <row r="19805" spans="1:12">
      <c r="A19805" s="6" t="s">
        <v>4151</v>
      </c>
      <c r="B19805" s="6"/>
      <c r="C19805" s="6" t="s">
        <v>19841</v>
      </c>
      <c r="D19805" s="6"/>
      <c r="E19805" s="6" t="s">
        <v>9</v>
      </c>
      <c r="F19805" s="7">
        <v>38657</v>
      </c>
      <c r="G19805" s="8">
        <v>1</v>
      </c>
      <c r="H19805" s="8">
        <v>1</v>
      </c>
      <c r="I19805" s="8">
        <v>0</v>
      </c>
      <c r="J19805" s="8">
        <v>1</v>
      </c>
      <c r="K19805" s="9">
        <v>0.16</v>
      </c>
      <c r="L19805" s="6" t="s">
        <v>4151</v>
      </c>
    </row>
    <row r="19806" spans="1:12">
      <c r="A19806" s="6" t="s">
        <v>4151</v>
      </c>
      <c r="B19806" s="6"/>
      <c r="C19806" s="6" t="s">
        <v>19842</v>
      </c>
      <c r="D19806" s="6"/>
      <c r="E19806" s="6" t="s">
        <v>9</v>
      </c>
      <c r="F19806" s="7">
        <v>38657</v>
      </c>
      <c r="G19806" s="8">
        <v>1</v>
      </c>
      <c r="H19806" s="8">
        <v>1</v>
      </c>
      <c r="I19806" s="8">
        <v>0</v>
      </c>
      <c r="J19806" s="8">
        <v>1</v>
      </c>
      <c r="K19806" s="9">
        <v>33</v>
      </c>
      <c r="L19806" s="6" t="s">
        <v>4151</v>
      </c>
    </row>
    <row r="19807" spans="1:12">
      <c r="A19807" s="6" t="s">
        <v>4151</v>
      </c>
      <c r="B19807" s="6"/>
      <c r="C19807" s="6" t="s">
        <v>19843</v>
      </c>
      <c r="D19807" s="6"/>
      <c r="E19807" s="6" t="s">
        <v>9</v>
      </c>
      <c r="F19807" s="7">
        <v>38657</v>
      </c>
      <c r="G19807" s="8">
        <v>1</v>
      </c>
      <c r="H19807" s="8">
        <v>1</v>
      </c>
      <c r="I19807" s="8">
        <v>0</v>
      </c>
      <c r="J19807" s="8">
        <v>1</v>
      </c>
      <c r="K19807" s="9">
        <v>7.37</v>
      </c>
      <c r="L19807" s="6" t="s">
        <v>4151</v>
      </c>
    </row>
    <row r="19808" spans="1:12">
      <c r="A19808" s="6" t="s">
        <v>4151</v>
      </c>
      <c r="B19808" s="6"/>
      <c r="C19808" s="6" t="s">
        <v>19844</v>
      </c>
      <c r="D19808" s="6"/>
      <c r="E19808" s="6" t="s">
        <v>9</v>
      </c>
      <c r="F19808" s="7">
        <v>38657</v>
      </c>
      <c r="G19808" s="8">
        <v>1</v>
      </c>
      <c r="H19808" s="8">
        <v>1</v>
      </c>
      <c r="I19808" s="8">
        <v>0</v>
      </c>
      <c r="J19808" s="8">
        <v>1</v>
      </c>
      <c r="K19808" s="9">
        <v>38</v>
      </c>
      <c r="L19808" s="6" t="s">
        <v>4151</v>
      </c>
    </row>
    <row r="19809" spans="1:12">
      <c r="A19809" s="6" t="s">
        <v>4151</v>
      </c>
      <c r="B19809" s="6"/>
      <c r="C19809" s="6" t="s">
        <v>19845</v>
      </c>
      <c r="D19809" s="6"/>
      <c r="E19809" s="6" t="s">
        <v>9</v>
      </c>
      <c r="F19809" s="7">
        <v>38657</v>
      </c>
      <c r="G19809" s="8">
        <v>1</v>
      </c>
      <c r="H19809" s="8">
        <v>1</v>
      </c>
      <c r="I19809" s="8">
        <v>0</v>
      </c>
      <c r="J19809" s="8">
        <v>1</v>
      </c>
      <c r="K19809" s="9">
        <v>18</v>
      </c>
      <c r="L19809" s="6" t="s">
        <v>4151</v>
      </c>
    </row>
    <row r="19810" spans="1:12">
      <c r="A19810" s="6" t="s">
        <v>4151</v>
      </c>
      <c r="B19810" s="6"/>
      <c r="C19810" s="6" t="s">
        <v>19846</v>
      </c>
      <c r="D19810" s="6"/>
      <c r="E19810" s="6" t="s">
        <v>9</v>
      </c>
      <c r="F19810" s="7">
        <v>38657</v>
      </c>
      <c r="G19810" s="8">
        <v>1</v>
      </c>
      <c r="H19810" s="8">
        <v>1</v>
      </c>
      <c r="I19810" s="8">
        <v>0</v>
      </c>
      <c r="J19810" s="8">
        <v>1</v>
      </c>
      <c r="K19810" s="9">
        <v>7.15</v>
      </c>
      <c r="L19810" s="6" t="s">
        <v>4151</v>
      </c>
    </row>
    <row r="19811" spans="1:12">
      <c r="A19811" s="6" t="s">
        <v>4151</v>
      </c>
      <c r="B19811" s="6"/>
      <c r="C19811" s="6" t="s">
        <v>19847</v>
      </c>
      <c r="D19811" s="6"/>
      <c r="E19811" s="6" t="s">
        <v>9</v>
      </c>
      <c r="F19811" s="7">
        <v>38657</v>
      </c>
      <c r="G19811" s="8">
        <v>1</v>
      </c>
      <c r="H19811" s="8">
        <v>1</v>
      </c>
      <c r="I19811" s="8">
        <v>0</v>
      </c>
      <c r="J19811" s="8">
        <v>1</v>
      </c>
      <c r="K19811" s="9">
        <v>62</v>
      </c>
      <c r="L19811" s="6" t="s">
        <v>4151</v>
      </c>
    </row>
    <row r="19812" spans="1:12">
      <c r="A19812" s="6" t="s">
        <v>4151</v>
      </c>
      <c r="B19812" s="6"/>
      <c r="C19812" s="6" t="s">
        <v>19848</v>
      </c>
      <c r="D19812" s="6"/>
      <c r="E19812" s="6" t="s">
        <v>9</v>
      </c>
      <c r="F19812" s="7">
        <v>38657</v>
      </c>
      <c r="G19812" s="8">
        <v>1</v>
      </c>
      <c r="H19812" s="8">
        <v>1</v>
      </c>
      <c r="I19812" s="8">
        <v>0</v>
      </c>
      <c r="J19812" s="8">
        <v>1</v>
      </c>
      <c r="K19812" s="9">
        <v>17</v>
      </c>
      <c r="L19812" s="6" t="s">
        <v>4151</v>
      </c>
    </row>
    <row r="19813" spans="1:12">
      <c r="A19813" s="6" t="s">
        <v>4151</v>
      </c>
      <c r="B19813" s="6"/>
      <c r="C19813" s="6" t="s">
        <v>19849</v>
      </c>
      <c r="D19813" s="6"/>
      <c r="E19813" s="6" t="s">
        <v>9</v>
      </c>
      <c r="F19813" s="7">
        <v>38657</v>
      </c>
      <c r="G19813" s="8">
        <v>1</v>
      </c>
      <c r="H19813" s="8">
        <v>1</v>
      </c>
      <c r="I19813" s="8">
        <v>0</v>
      </c>
      <c r="J19813" s="8">
        <v>1</v>
      </c>
      <c r="K19813" s="9">
        <v>1.88</v>
      </c>
      <c r="L19813" s="6" t="s">
        <v>4151</v>
      </c>
    </row>
    <row r="19814" spans="1:12">
      <c r="A19814" s="6" t="s">
        <v>4151</v>
      </c>
      <c r="B19814" s="6"/>
      <c r="C19814" s="6" t="s">
        <v>19850</v>
      </c>
      <c r="D19814" s="6"/>
      <c r="E19814" s="6" t="s">
        <v>9</v>
      </c>
      <c r="F19814" s="7">
        <v>38657</v>
      </c>
      <c r="G19814" s="8">
        <v>1</v>
      </c>
      <c r="H19814" s="8">
        <v>1</v>
      </c>
      <c r="I19814" s="8">
        <v>0</v>
      </c>
      <c r="J19814" s="8">
        <v>1</v>
      </c>
      <c r="K19814" s="9">
        <v>10</v>
      </c>
      <c r="L19814" s="6" t="s">
        <v>4151</v>
      </c>
    </row>
    <row r="19815" spans="1:12">
      <c r="A19815" s="6" t="s">
        <v>4151</v>
      </c>
      <c r="B19815" s="6"/>
      <c r="C19815" s="6" t="s">
        <v>19851</v>
      </c>
      <c r="D19815" s="6"/>
      <c r="E19815" s="6" t="s">
        <v>9</v>
      </c>
      <c r="F19815" s="7">
        <v>38657</v>
      </c>
      <c r="G19815" s="8">
        <v>1</v>
      </c>
      <c r="H19815" s="8">
        <v>1</v>
      </c>
      <c r="I19815" s="8">
        <v>0</v>
      </c>
      <c r="J19815" s="8">
        <v>1</v>
      </c>
      <c r="K19815" s="9">
        <v>6.68</v>
      </c>
      <c r="L19815" s="6" t="s">
        <v>4151</v>
      </c>
    </row>
    <row r="19816" spans="1:12">
      <c r="A19816" s="6" t="s">
        <v>4151</v>
      </c>
      <c r="B19816" s="6"/>
      <c r="C19816" s="6" t="s">
        <v>19852</v>
      </c>
      <c r="D19816" s="6"/>
      <c r="E19816" s="6" t="s">
        <v>9</v>
      </c>
      <c r="F19816" s="7">
        <v>38657</v>
      </c>
      <c r="G19816" s="8">
        <v>1</v>
      </c>
      <c r="H19816" s="8">
        <v>1</v>
      </c>
      <c r="I19816" s="8">
        <v>0</v>
      </c>
      <c r="J19816" s="8">
        <v>1</v>
      </c>
      <c r="K19816" s="9">
        <v>4.2</v>
      </c>
      <c r="L19816" s="6" t="s">
        <v>4151</v>
      </c>
    </row>
    <row r="19817" spans="1:12">
      <c r="A19817" s="6" t="s">
        <v>4151</v>
      </c>
      <c r="B19817" s="6"/>
      <c r="C19817" s="6" t="s">
        <v>19853</v>
      </c>
      <c r="D19817" s="6"/>
      <c r="E19817" s="6" t="s">
        <v>9</v>
      </c>
      <c r="F19817" s="7">
        <v>38657</v>
      </c>
      <c r="G19817" s="8">
        <v>1</v>
      </c>
      <c r="H19817" s="8">
        <v>1</v>
      </c>
      <c r="I19817" s="8">
        <v>0</v>
      </c>
      <c r="J19817" s="8">
        <v>1</v>
      </c>
      <c r="K19817" s="9">
        <v>2.15</v>
      </c>
      <c r="L19817" s="6" t="s">
        <v>4151</v>
      </c>
    </row>
    <row r="19818" spans="1:12">
      <c r="A19818" s="6" t="s">
        <v>4151</v>
      </c>
      <c r="B19818" s="6"/>
      <c r="C19818" s="6" t="s">
        <v>19854</v>
      </c>
      <c r="D19818" s="6"/>
      <c r="E19818" s="6" t="s">
        <v>9</v>
      </c>
      <c r="F19818" s="7">
        <v>38657</v>
      </c>
      <c r="G19818" s="8">
        <v>1</v>
      </c>
      <c r="H19818" s="8">
        <v>1</v>
      </c>
      <c r="I19818" s="8">
        <v>0</v>
      </c>
      <c r="J19818" s="8">
        <v>1</v>
      </c>
      <c r="K19818" s="9">
        <v>2.23</v>
      </c>
      <c r="L19818" s="6" t="s">
        <v>4151</v>
      </c>
    </row>
    <row r="19819" spans="1:12">
      <c r="A19819" s="6" t="s">
        <v>4151</v>
      </c>
      <c r="B19819" s="6"/>
      <c r="C19819" s="6" t="s">
        <v>19855</v>
      </c>
      <c r="D19819" s="6"/>
      <c r="E19819" s="6" t="s">
        <v>9</v>
      </c>
      <c r="F19819" s="7">
        <v>38657</v>
      </c>
      <c r="G19819" s="8">
        <v>1</v>
      </c>
      <c r="H19819" s="8">
        <v>1</v>
      </c>
      <c r="I19819" s="8">
        <v>0</v>
      </c>
      <c r="J19819" s="8">
        <v>1</v>
      </c>
      <c r="K19819" s="9">
        <v>2.25999999999999</v>
      </c>
      <c r="L19819" s="6" t="s">
        <v>4151</v>
      </c>
    </row>
    <row r="19820" spans="1:12">
      <c r="A19820" s="6" t="s">
        <v>4151</v>
      </c>
      <c r="B19820" s="6"/>
      <c r="C19820" s="6" t="s">
        <v>19856</v>
      </c>
      <c r="D19820" s="6"/>
      <c r="E19820" s="6" t="s">
        <v>9</v>
      </c>
      <c r="F19820" s="7">
        <v>38657</v>
      </c>
      <c r="G19820" s="8">
        <v>1</v>
      </c>
      <c r="H19820" s="8">
        <v>1</v>
      </c>
      <c r="I19820" s="8">
        <v>0</v>
      </c>
      <c r="J19820" s="8">
        <v>1</v>
      </c>
      <c r="K19820" s="9">
        <v>2.27999999999999</v>
      </c>
      <c r="L19820" s="6" t="s">
        <v>4151</v>
      </c>
    </row>
    <row r="19821" spans="1:12">
      <c r="A19821" s="6" t="s">
        <v>4151</v>
      </c>
      <c r="B19821" s="6"/>
      <c r="C19821" s="6" t="s">
        <v>19857</v>
      </c>
      <c r="D19821" s="6"/>
      <c r="E19821" s="6" t="s">
        <v>9</v>
      </c>
      <c r="F19821" s="7">
        <v>38657</v>
      </c>
      <c r="G19821" s="8">
        <v>1</v>
      </c>
      <c r="H19821" s="8">
        <v>1</v>
      </c>
      <c r="I19821" s="8">
        <v>0</v>
      </c>
      <c r="J19821" s="8">
        <v>1</v>
      </c>
      <c r="K19821" s="9">
        <v>2.25999999999999</v>
      </c>
      <c r="L19821" s="6" t="s">
        <v>4151</v>
      </c>
    </row>
    <row r="19822" spans="1:12">
      <c r="A19822" s="6" t="s">
        <v>4151</v>
      </c>
      <c r="B19822" s="6"/>
      <c r="C19822" s="6" t="s">
        <v>19858</v>
      </c>
      <c r="D19822" s="6"/>
      <c r="E19822" s="6" t="s">
        <v>9</v>
      </c>
      <c r="F19822" s="7">
        <v>38657</v>
      </c>
      <c r="G19822" s="8">
        <v>1</v>
      </c>
      <c r="H19822" s="8">
        <v>1</v>
      </c>
      <c r="I19822" s="8">
        <v>0</v>
      </c>
      <c r="J19822" s="8">
        <v>1</v>
      </c>
      <c r="K19822" s="9">
        <v>138</v>
      </c>
      <c r="L19822" s="6" t="s">
        <v>4151</v>
      </c>
    </row>
    <row r="19823" spans="1:12">
      <c r="A19823" s="6" t="s">
        <v>4151</v>
      </c>
      <c r="B19823" s="6"/>
      <c r="C19823" s="6" t="s">
        <v>19859</v>
      </c>
      <c r="D19823" s="6"/>
      <c r="E19823" s="6" t="s">
        <v>9</v>
      </c>
      <c r="F19823" s="7">
        <v>38657</v>
      </c>
      <c r="G19823" s="8">
        <v>1</v>
      </c>
      <c r="H19823" s="8">
        <v>1</v>
      </c>
      <c r="I19823" s="8">
        <v>0</v>
      </c>
      <c r="J19823" s="8">
        <v>1</v>
      </c>
      <c r="K19823" s="9">
        <v>2.44</v>
      </c>
      <c r="L19823" s="6" t="s">
        <v>4151</v>
      </c>
    </row>
    <row r="19824" spans="1:12">
      <c r="A19824" s="6" t="s">
        <v>4151</v>
      </c>
      <c r="B19824" s="6"/>
      <c r="C19824" s="6" t="s">
        <v>19860</v>
      </c>
      <c r="D19824" s="6"/>
      <c r="E19824" s="6" t="s">
        <v>9</v>
      </c>
      <c r="F19824" s="7">
        <v>38657</v>
      </c>
      <c r="G19824" s="8">
        <v>1</v>
      </c>
      <c r="H19824" s="8">
        <v>1</v>
      </c>
      <c r="I19824" s="8">
        <v>0</v>
      </c>
      <c r="J19824" s="8">
        <v>1</v>
      </c>
      <c r="K19824" s="9">
        <v>5.72</v>
      </c>
      <c r="L19824" s="6" t="s">
        <v>4151</v>
      </c>
    </row>
    <row r="19825" spans="1:12">
      <c r="A19825" s="6" t="s">
        <v>4151</v>
      </c>
      <c r="B19825" s="6"/>
      <c r="C19825" s="6" t="s">
        <v>19861</v>
      </c>
      <c r="D19825" s="6"/>
      <c r="E19825" s="6" t="s">
        <v>9</v>
      </c>
      <c r="F19825" s="7">
        <v>38657</v>
      </c>
      <c r="G19825" s="8">
        <v>1</v>
      </c>
      <c r="H19825" s="8">
        <v>1</v>
      </c>
      <c r="I19825" s="8">
        <v>0</v>
      </c>
      <c r="J19825" s="8">
        <v>1</v>
      </c>
      <c r="K19825" s="9">
        <v>14</v>
      </c>
      <c r="L19825" s="6" t="s">
        <v>4151</v>
      </c>
    </row>
    <row r="19826" spans="1:12">
      <c r="A19826" s="6" t="s">
        <v>4151</v>
      </c>
      <c r="B19826" s="6"/>
      <c r="C19826" s="6" t="s">
        <v>19862</v>
      </c>
      <c r="D19826" s="6"/>
      <c r="E19826" s="6" t="s">
        <v>9</v>
      </c>
      <c r="F19826" s="7">
        <v>38657</v>
      </c>
      <c r="G19826" s="8">
        <v>1</v>
      </c>
      <c r="H19826" s="8">
        <v>1</v>
      </c>
      <c r="I19826" s="8">
        <v>0</v>
      </c>
      <c r="J19826" s="8">
        <v>1</v>
      </c>
      <c r="K19826" s="9">
        <v>7.7</v>
      </c>
      <c r="L19826" s="6" t="s">
        <v>4151</v>
      </c>
    </row>
    <row r="19827" spans="1:12">
      <c r="A19827" s="6" t="s">
        <v>4151</v>
      </c>
      <c r="B19827" s="6"/>
      <c r="C19827" s="6" t="s">
        <v>19863</v>
      </c>
      <c r="D19827" s="6"/>
      <c r="E19827" s="6" t="s">
        <v>9</v>
      </c>
      <c r="F19827" s="7">
        <v>38657</v>
      </c>
      <c r="G19827" s="8">
        <v>1</v>
      </c>
      <c r="H19827" s="8">
        <v>1</v>
      </c>
      <c r="I19827" s="8">
        <v>0</v>
      </c>
      <c r="J19827" s="8">
        <v>1</v>
      </c>
      <c r="K19827" s="9">
        <v>17</v>
      </c>
      <c r="L19827" s="6" t="s">
        <v>4151</v>
      </c>
    </row>
    <row r="19828" spans="1:12">
      <c r="A19828" s="6" t="s">
        <v>4151</v>
      </c>
      <c r="B19828" s="6"/>
      <c r="C19828" s="6" t="s">
        <v>19864</v>
      </c>
      <c r="D19828" s="6"/>
      <c r="E19828" s="6" t="s">
        <v>9</v>
      </c>
      <c r="F19828" s="7">
        <v>38657</v>
      </c>
      <c r="G19828" s="8">
        <v>1</v>
      </c>
      <c r="H19828" s="8">
        <v>1</v>
      </c>
      <c r="I19828" s="8">
        <v>0</v>
      </c>
      <c r="J19828" s="8">
        <v>1</v>
      </c>
      <c r="K19828" s="9">
        <v>2.73</v>
      </c>
      <c r="L19828" s="6" t="s">
        <v>4151</v>
      </c>
    </row>
    <row r="19829" spans="1:12">
      <c r="A19829" s="6" t="s">
        <v>4151</v>
      </c>
      <c r="B19829" s="6"/>
      <c r="C19829" s="6" t="s">
        <v>19865</v>
      </c>
      <c r="D19829" s="6"/>
      <c r="E19829" s="6" t="s">
        <v>9</v>
      </c>
      <c r="F19829" s="7">
        <v>38657</v>
      </c>
      <c r="G19829" s="8">
        <v>1</v>
      </c>
      <c r="H19829" s="8">
        <v>1</v>
      </c>
      <c r="I19829" s="8">
        <v>0</v>
      </c>
      <c r="J19829" s="8">
        <v>1</v>
      </c>
      <c r="K19829" s="9">
        <v>16</v>
      </c>
      <c r="L19829" s="6" t="s">
        <v>4151</v>
      </c>
    </row>
    <row r="19830" spans="1:12">
      <c r="A19830" s="6" t="s">
        <v>4151</v>
      </c>
      <c r="B19830" s="6"/>
      <c r="C19830" s="6" t="s">
        <v>19866</v>
      </c>
      <c r="D19830" s="6"/>
      <c r="E19830" s="6" t="s">
        <v>9</v>
      </c>
      <c r="F19830" s="7">
        <v>38657</v>
      </c>
      <c r="G19830" s="8">
        <v>1</v>
      </c>
      <c r="H19830" s="8">
        <v>1</v>
      </c>
      <c r="I19830" s="8">
        <v>0</v>
      </c>
      <c r="J19830" s="8">
        <v>1</v>
      </c>
      <c r="K19830" s="9">
        <v>2.65</v>
      </c>
      <c r="L19830" s="6" t="s">
        <v>4151</v>
      </c>
    </row>
    <row r="19831" spans="1:12">
      <c r="A19831" s="6" t="s">
        <v>4151</v>
      </c>
      <c r="B19831" s="6"/>
      <c r="C19831" s="6" t="s">
        <v>19867</v>
      </c>
      <c r="D19831" s="6"/>
      <c r="E19831" s="6" t="s">
        <v>9</v>
      </c>
      <c r="F19831" s="7">
        <v>38657</v>
      </c>
      <c r="G19831" s="8">
        <v>1</v>
      </c>
      <c r="H19831" s="8">
        <v>1</v>
      </c>
      <c r="I19831" s="8">
        <v>0</v>
      </c>
      <c r="J19831" s="8">
        <v>1</v>
      </c>
      <c r="K19831" s="9">
        <v>6.3</v>
      </c>
      <c r="L19831" s="6" t="s">
        <v>4151</v>
      </c>
    </row>
    <row r="19832" spans="1:12">
      <c r="A19832" s="6" t="s">
        <v>4151</v>
      </c>
      <c r="B19832" s="6"/>
      <c r="C19832" s="6" t="s">
        <v>19868</v>
      </c>
      <c r="D19832" s="6"/>
      <c r="E19832" s="6" t="s">
        <v>9</v>
      </c>
      <c r="F19832" s="7">
        <v>39525</v>
      </c>
      <c r="G19832" s="8">
        <v>1</v>
      </c>
      <c r="H19832" s="8">
        <v>1</v>
      </c>
      <c r="I19832" s="8">
        <v>0</v>
      </c>
      <c r="J19832" s="8">
        <v>1</v>
      </c>
      <c r="K19832" s="9">
        <v>21</v>
      </c>
      <c r="L19832" s="6" t="s">
        <v>4151</v>
      </c>
    </row>
    <row r="19833" spans="1:12">
      <c r="A19833" s="6" t="s">
        <v>4151</v>
      </c>
      <c r="B19833" s="6"/>
      <c r="C19833" s="6" t="s">
        <v>19869</v>
      </c>
      <c r="D19833" s="6"/>
      <c r="E19833" s="6" t="s">
        <v>9</v>
      </c>
      <c r="F19833" s="7">
        <v>38657</v>
      </c>
      <c r="G19833" s="8">
        <v>1</v>
      </c>
      <c r="H19833" s="8">
        <v>1</v>
      </c>
      <c r="I19833" s="8">
        <v>0</v>
      </c>
      <c r="J19833" s="8">
        <v>1</v>
      </c>
      <c r="K19833" s="9">
        <v>135</v>
      </c>
      <c r="L19833" s="6" t="s">
        <v>4151</v>
      </c>
    </row>
    <row r="19834" spans="1:12">
      <c r="A19834" s="6" t="s">
        <v>4151</v>
      </c>
      <c r="B19834" s="6"/>
      <c r="C19834" s="6" t="s">
        <v>19870</v>
      </c>
      <c r="D19834" s="6"/>
      <c r="E19834" s="6" t="s">
        <v>9</v>
      </c>
      <c r="F19834" s="7">
        <v>39525</v>
      </c>
      <c r="G19834" s="8">
        <v>1</v>
      </c>
      <c r="H19834" s="8">
        <v>1</v>
      </c>
      <c r="I19834" s="8">
        <v>0</v>
      </c>
      <c r="J19834" s="8">
        <v>1</v>
      </c>
      <c r="K19834" s="9">
        <v>27</v>
      </c>
      <c r="L19834" s="6" t="s">
        <v>4151</v>
      </c>
    </row>
    <row r="19835" spans="1:12">
      <c r="A19835" s="6" t="s">
        <v>4151</v>
      </c>
      <c r="B19835" s="6"/>
      <c r="C19835" s="6" t="s">
        <v>19871</v>
      </c>
      <c r="D19835" s="6"/>
      <c r="E19835" s="6" t="s">
        <v>9</v>
      </c>
      <c r="F19835" s="7">
        <v>38657</v>
      </c>
      <c r="G19835" s="8">
        <v>1</v>
      </c>
      <c r="H19835" s="8">
        <v>1</v>
      </c>
      <c r="I19835" s="8">
        <v>0</v>
      </c>
      <c r="J19835" s="8">
        <v>1</v>
      </c>
      <c r="K19835" s="9">
        <v>142</v>
      </c>
      <c r="L19835" s="6" t="s">
        <v>4151</v>
      </c>
    </row>
    <row r="19836" spans="1:12">
      <c r="A19836" s="6" t="s">
        <v>4151</v>
      </c>
      <c r="B19836" s="6"/>
      <c r="C19836" s="6" t="s">
        <v>19872</v>
      </c>
      <c r="D19836" s="6"/>
      <c r="E19836" s="6" t="s">
        <v>9</v>
      </c>
      <c r="F19836" s="7">
        <v>38657</v>
      </c>
      <c r="G19836" s="8">
        <v>1</v>
      </c>
      <c r="H19836" s="8">
        <v>1</v>
      </c>
      <c r="I19836" s="8">
        <v>0</v>
      </c>
      <c r="J19836" s="8">
        <v>1</v>
      </c>
      <c r="K19836" s="9">
        <v>49</v>
      </c>
      <c r="L19836" s="6" t="s">
        <v>4151</v>
      </c>
    </row>
    <row r="19837" spans="1:12">
      <c r="A19837" s="6" t="s">
        <v>4151</v>
      </c>
      <c r="B19837" s="6"/>
      <c r="C19837" s="6" t="s">
        <v>19873</v>
      </c>
      <c r="D19837" s="6"/>
      <c r="E19837" s="6" t="s">
        <v>9</v>
      </c>
      <c r="F19837" s="7">
        <v>38657</v>
      </c>
      <c r="G19837" s="8">
        <v>1</v>
      </c>
      <c r="H19837" s="8">
        <v>1</v>
      </c>
      <c r="I19837" s="8">
        <v>0</v>
      </c>
      <c r="J19837" s="8">
        <v>1</v>
      </c>
      <c r="K19837" s="9">
        <v>23</v>
      </c>
      <c r="L19837" s="6" t="s">
        <v>4151</v>
      </c>
    </row>
    <row r="19838" spans="1:12">
      <c r="A19838" s="6" t="s">
        <v>4151</v>
      </c>
      <c r="B19838" s="6"/>
      <c r="C19838" s="6" t="s">
        <v>19874</v>
      </c>
      <c r="D19838" s="6"/>
      <c r="E19838" s="6" t="s">
        <v>9</v>
      </c>
      <c r="F19838" s="7">
        <v>38657</v>
      </c>
      <c r="G19838" s="8">
        <v>1</v>
      </c>
      <c r="H19838" s="8">
        <v>1</v>
      </c>
      <c r="I19838" s="8">
        <v>0</v>
      </c>
      <c r="J19838" s="8">
        <v>1</v>
      </c>
      <c r="K19838" s="9">
        <v>1.5</v>
      </c>
      <c r="L19838" s="6" t="s">
        <v>4151</v>
      </c>
    </row>
    <row r="19839" spans="1:12">
      <c r="A19839" s="6" t="s">
        <v>4151</v>
      </c>
      <c r="B19839" s="6"/>
      <c r="C19839" s="6" t="s">
        <v>19875</v>
      </c>
      <c r="D19839" s="6"/>
      <c r="E19839" s="6" t="s">
        <v>9</v>
      </c>
      <c r="F19839" s="7">
        <v>38657</v>
      </c>
      <c r="G19839" s="8">
        <v>1</v>
      </c>
      <c r="H19839" s="8">
        <v>1</v>
      </c>
      <c r="I19839" s="8">
        <v>0</v>
      </c>
      <c r="J19839" s="8">
        <v>1</v>
      </c>
      <c r="K19839" s="9">
        <v>10</v>
      </c>
      <c r="L19839" s="6" t="s">
        <v>4151</v>
      </c>
    </row>
    <row r="19840" spans="1:12">
      <c r="A19840" s="6" t="s">
        <v>4151</v>
      </c>
      <c r="B19840" s="6"/>
      <c r="C19840" s="6" t="s">
        <v>19876</v>
      </c>
      <c r="D19840" s="6"/>
      <c r="E19840" s="6" t="s">
        <v>9</v>
      </c>
      <c r="F19840" s="7">
        <v>38657</v>
      </c>
      <c r="G19840" s="8">
        <v>1</v>
      </c>
      <c r="H19840" s="8">
        <v>1</v>
      </c>
      <c r="I19840" s="8">
        <v>0</v>
      </c>
      <c r="J19840" s="8">
        <v>1</v>
      </c>
      <c r="K19840" s="9">
        <v>1.42</v>
      </c>
      <c r="L19840" s="6" t="s">
        <v>4151</v>
      </c>
    </row>
    <row r="19841" spans="1:12">
      <c r="A19841" s="6" t="s">
        <v>4151</v>
      </c>
      <c r="B19841" s="6"/>
      <c r="C19841" s="6" t="s">
        <v>19877</v>
      </c>
      <c r="D19841" s="6"/>
      <c r="E19841" s="6" t="s">
        <v>9</v>
      </c>
      <c r="F19841" s="7">
        <v>38657</v>
      </c>
      <c r="G19841" s="8">
        <v>1</v>
      </c>
      <c r="H19841" s="8">
        <v>1</v>
      </c>
      <c r="I19841" s="8">
        <v>0</v>
      </c>
      <c r="J19841" s="8">
        <v>1</v>
      </c>
      <c r="K19841" s="9">
        <v>6.13</v>
      </c>
      <c r="L19841" s="6" t="s">
        <v>4151</v>
      </c>
    </row>
    <row r="19842" spans="1:12">
      <c r="A19842" s="6" t="s">
        <v>4151</v>
      </c>
      <c r="B19842" s="6"/>
      <c r="C19842" s="6" t="s">
        <v>19878</v>
      </c>
      <c r="D19842" s="6"/>
      <c r="E19842" s="6" t="s">
        <v>9</v>
      </c>
      <c r="F19842" s="7">
        <v>38657</v>
      </c>
      <c r="G19842" s="8">
        <v>1</v>
      </c>
      <c r="H19842" s="8">
        <v>1</v>
      </c>
      <c r="I19842" s="8">
        <v>0</v>
      </c>
      <c r="J19842" s="8">
        <v>1</v>
      </c>
      <c r="K19842" s="9">
        <v>4.22</v>
      </c>
      <c r="L19842" s="6" t="s">
        <v>4151</v>
      </c>
    </row>
    <row r="19843" spans="1:12">
      <c r="A19843" s="6" t="s">
        <v>4151</v>
      </c>
      <c r="B19843" s="6"/>
      <c r="C19843" s="6" t="s">
        <v>19879</v>
      </c>
      <c r="D19843" s="6"/>
      <c r="E19843" s="6" t="s">
        <v>9</v>
      </c>
      <c r="F19843" s="7">
        <v>38657</v>
      </c>
      <c r="G19843" s="8">
        <v>1</v>
      </c>
      <c r="H19843" s="8">
        <v>1</v>
      </c>
      <c r="I19843" s="8">
        <v>0</v>
      </c>
      <c r="J19843" s="8">
        <v>1</v>
      </c>
      <c r="K19843" s="9">
        <v>20</v>
      </c>
      <c r="L19843" s="6" t="s">
        <v>4151</v>
      </c>
    </row>
    <row r="19844" spans="1:12">
      <c r="A19844" s="6" t="s">
        <v>4151</v>
      </c>
      <c r="B19844" s="6"/>
      <c r="C19844" s="6" t="s">
        <v>19880</v>
      </c>
      <c r="D19844" s="6"/>
      <c r="E19844" s="6" t="s">
        <v>9</v>
      </c>
      <c r="F19844" s="7">
        <v>38657</v>
      </c>
      <c r="G19844" s="8">
        <v>1</v>
      </c>
      <c r="H19844" s="8">
        <v>1</v>
      </c>
      <c r="I19844" s="8">
        <v>0</v>
      </c>
      <c r="J19844" s="8">
        <v>1</v>
      </c>
      <c r="K19844" s="9">
        <v>19.440000000000001</v>
      </c>
      <c r="L19844" s="6" t="s">
        <v>4151</v>
      </c>
    </row>
    <row r="19845" spans="1:12">
      <c r="A19845" s="6" t="s">
        <v>4151</v>
      </c>
      <c r="B19845" s="6"/>
      <c r="C19845" s="6" t="s">
        <v>19881</v>
      </c>
      <c r="D19845" s="6"/>
      <c r="E19845" s="6" t="s">
        <v>9</v>
      </c>
      <c r="F19845" s="7">
        <v>38657</v>
      </c>
      <c r="G19845" s="8">
        <v>1</v>
      </c>
      <c r="H19845" s="8">
        <v>1</v>
      </c>
      <c r="I19845" s="8">
        <v>0</v>
      </c>
      <c r="J19845" s="8">
        <v>1</v>
      </c>
      <c r="K19845" s="9">
        <v>3.3</v>
      </c>
      <c r="L19845" s="6" t="s">
        <v>4151</v>
      </c>
    </row>
    <row r="19846" spans="1:12">
      <c r="A19846" s="6" t="s">
        <v>4151</v>
      </c>
      <c r="B19846" s="6"/>
      <c r="C19846" s="6" t="s">
        <v>19882</v>
      </c>
      <c r="D19846" s="6"/>
      <c r="E19846" s="6" t="s">
        <v>9</v>
      </c>
      <c r="F19846" s="7">
        <v>38657</v>
      </c>
      <c r="G19846" s="8">
        <v>1</v>
      </c>
      <c r="H19846" s="8">
        <v>1</v>
      </c>
      <c r="I19846" s="8">
        <v>0</v>
      </c>
      <c r="J19846" s="8">
        <v>1</v>
      </c>
      <c r="K19846" s="9">
        <v>2.84</v>
      </c>
      <c r="L19846" s="6" t="s">
        <v>4151</v>
      </c>
    </row>
    <row r="19847" spans="1:12">
      <c r="A19847" s="6" t="s">
        <v>4151</v>
      </c>
      <c r="B19847" s="6"/>
      <c r="C19847" s="6" t="s">
        <v>19883</v>
      </c>
      <c r="D19847" s="6"/>
      <c r="E19847" s="6" t="s">
        <v>9</v>
      </c>
      <c r="F19847" s="7">
        <v>38657</v>
      </c>
      <c r="G19847" s="8">
        <v>1</v>
      </c>
      <c r="H19847" s="8">
        <v>1</v>
      </c>
      <c r="I19847" s="8">
        <v>0</v>
      </c>
      <c r="J19847" s="8">
        <v>1</v>
      </c>
      <c r="K19847" s="9">
        <v>4.5999999999999899</v>
      </c>
      <c r="L19847" s="6" t="s">
        <v>4151</v>
      </c>
    </row>
    <row r="19848" spans="1:12">
      <c r="A19848" s="6" t="s">
        <v>4151</v>
      </c>
      <c r="B19848" s="6"/>
      <c r="C19848" s="6" t="s">
        <v>19884</v>
      </c>
      <c r="D19848" s="6"/>
      <c r="E19848" s="6" t="s">
        <v>9</v>
      </c>
      <c r="F19848" s="7">
        <v>38657</v>
      </c>
      <c r="G19848" s="8">
        <v>1</v>
      </c>
      <c r="H19848" s="8">
        <v>1</v>
      </c>
      <c r="I19848" s="8">
        <v>0</v>
      </c>
      <c r="J19848" s="8">
        <v>1</v>
      </c>
      <c r="K19848" s="9">
        <v>15</v>
      </c>
      <c r="L19848" s="6" t="s">
        <v>4151</v>
      </c>
    </row>
    <row r="19849" spans="1:12">
      <c r="A19849" s="6" t="s">
        <v>4151</v>
      </c>
      <c r="B19849" s="6"/>
      <c r="C19849" s="6" t="s">
        <v>19885</v>
      </c>
      <c r="D19849" s="6"/>
      <c r="E19849" s="6" t="s">
        <v>9</v>
      </c>
      <c r="F19849" s="7">
        <v>38657</v>
      </c>
      <c r="G19849" s="8">
        <v>1</v>
      </c>
      <c r="H19849" s="8">
        <v>1</v>
      </c>
      <c r="I19849" s="8">
        <v>0</v>
      </c>
      <c r="J19849" s="8">
        <v>1</v>
      </c>
      <c r="K19849" s="9">
        <v>6.2</v>
      </c>
      <c r="L19849" s="6" t="s">
        <v>4151</v>
      </c>
    </row>
    <row r="19850" spans="1:12">
      <c r="A19850" s="6" t="s">
        <v>4151</v>
      </c>
      <c r="B19850" s="6"/>
      <c r="C19850" s="6" t="s">
        <v>19886</v>
      </c>
      <c r="D19850" s="6"/>
      <c r="E19850" s="6" t="s">
        <v>9</v>
      </c>
      <c r="F19850" s="7">
        <v>38657</v>
      </c>
      <c r="G19850" s="8">
        <v>1</v>
      </c>
      <c r="H19850" s="8">
        <v>1</v>
      </c>
      <c r="I19850" s="8">
        <v>0</v>
      </c>
      <c r="J19850" s="8">
        <v>1</v>
      </c>
      <c r="K19850" s="9">
        <v>6.95</v>
      </c>
      <c r="L19850" s="6" t="s">
        <v>4151</v>
      </c>
    </row>
    <row r="19851" spans="1:12">
      <c r="A19851" s="6" t="s">
        <v>4151</v>
      </c>
      <c r="B19851" s="6"/>
      <c r="C19851" s="6" t="s">
        <v>19887</v>
      </c>
      <c r="D19851" s="6"/>
      <c r="E19851" s="6" t="s">
        <v>9</v>
      </c>
      <c r="F19851" s="7">
        <v>38657</v>
      </c>
      <c r="G19851" s="8">
        <v>1</v>
      </c>
      <c r="H19851" s="8">
        <v>1</v>
      </c>
      <c r="I19851" s="8">
        <v>0</v>
      </c>
      <c r="J19851" s="8">
        <v>1</v>
      </c>
      <c r="K19851" s="9">
        <v>17</v>
      </c>
      <c r="L19851" s="6" t="s">
        <v>4151</v>
      </c>
    </row>
    <row r="19852" spans="1:12">
      <c r="A19852" s="6" t="s">
        <v>4151</v>
      </c>
      <c r="B19852" s="6"/>
      <c r="C19852" s="6" t="s">
        <v>19888</v>
      </c>
      <c r="D19852" s="6"/>
      <c r="E19852" s="6" t="s">
        <v>9</v>
      </c>
      <c r="F19852" s="7">
        <v>38657</v>
      </c>
      <c r="G19852" s="8">
        <v>1</v>
      </c>
      <c r="H19852" s="8">
        <v>1</v>
      </c>
      <c r="I19852" s="8">
        <v>0</v>
      </c>
      <c r="J19852" s="8">
        <v>1</v>
      </c>
      <c r="K19852" s="9">
        <v>28</v>
      </c>
      <c r="L19852" s="6" t="s">
        <v>4151</v>
      </c>
    </row>
    <row r="19853" spans="1:12">
      <c r="A19853" s="6" t="s">
        <v>4151</v>
      </c>
      <c r="B19853" s="6"/>
      <c r="C19853" s="6" t="s">
        <v>19889</v>
      </c>
      <c r="D19853" s="6"/>
      <c r="E19853" s="6" t="s">
        <v>9</v>
      </c>
      <c r="F19853" s="7">
        <v>38657</v>
      </c>
      <c r="G19853" s="8">
        <v>1</v>
      </c>
      <c r="H19853" s="8">
        <v>1</v>
      </c>
      <c r="I19853" s="8">
        <v>0</v>
      </c>
      <c r="J19853" s="8">
        <v>1</v>
      </c>
      <c r="K19853" s="9">
        <v>20</v>
      </c>
      <c r="L19853" s="6" t="s">
        <v>4151</v>
      </c>
    </row>
    <row r="19854" spans="1:12">
      <c r="A19854" s="6" t="s">
        <v>4151</v>
      </c>
      <c r="B19854" s="6"/>
      <c r="C19854" s="6" t="s">
        <v>19890</v>
      </c>
      <c r="D19854" s="6"/>
      <c r="E19854" s="6" t="s">
        <v>9</v>
      </c>
      <c r="F19854" s="7">
        <v>38657</v>
      </c>
      <c r="G19854" s="8">
        <v>1</v>
      </c>
      <c r="H19854" s="8">
        <v>1</v>
      </c>
      <c r="I19854" s="8">
        <v>0</v>
      </c>
      <c r="J19854" s="8">
        <v>1</v>
      </c>
      <c r="K19854" s="9">
        <v>21</v>
      </c>
      <c r="L19854" s="6" t="s">
        <v>4151</v>
      </c>
    </row>
    <row r="19855" spans="1:12">
      <c r="A19855" s="6" t="s">
        <v>4151</v>
      </c>
      <c r="B19855" s="6"/>
      <c r="C19855" s="6" t="s">
        <v>19891</v>
      </c>
      <c r="D19855" s="6"/>
      <c r="E19855" s="6" t="s">
        <v>9</v>
      </c>
      <c r="F19855" s="7">
        <v>39525</v>
      </c>
      <c r="G19855" s="8">
        <v>1</v>
      </c>
      <c r="H19855" s="8">
        <v>1</v>
      </c>
      <c r="I19855" s="8">
        <v>0</v>
      </c>
      <c r="J19855" s="8">
        <v>1</v>
      </c>
      <c r="K19855" s="9">
        <v>1.76</v>
      </c>
      <c r="L19855" s="6" t="s">
        <v>4151</v>
      </c>
    </row>
    <row r="19856" spans="1:12">
      <c r="A19856" s="6" t="s">
        <v>4151</v>
      </c>
      <c r="B19856" s="6"/>
      <c r="C19856" s="6" t="s">
        <v>19892</v>
      </c>
      <c r="D19856" s="6"/>
      <c r="E19856" s="6" t="s">
        <v>9</v>
      </c>
      <c r="F19856" s="7">
        <v>38657</v>
      </c>
      <c r="G19856" s="8">
        <v>1</v>
      </c>
      <c r="H19856" s="8">
        <v>1</v>
      </c>
      <c r="I19856" s="8">
        <v>0</v>
      </c>
      <c r="J19856" s="8">
        <v>1</v>
      </c>
      <c r="K19856" s="9">
        <v>3.17</v>
      </c>
      <c r="L19856" s="6" t="s">
        <v>4151</v>
      </c>
    </row>
    <row r="19857" spans="1:12">
      <c r="A19857" s="6" t="s">
        <v>4151</v>
      </c>
      <c r="B19857" s="6"/>
      <c r="C19857" s="6" t="s">
        <v>19893</v>
      </c>
      <c r="D19857" s="6"/>
      <c r="E19857" s="6" t="s">
        <v>9</v>
      </c>
      <c r="F19857" s="7">
        <v>38657</v>
      </c>
      <c r="G19857" s="8">
        <v>1</v>
      </c>
      <c r="H19857" s="8">
        <v>1</v>
      </c>
      <c r="I19857" s="8">
        <v>0</v>
      </c>
      <c r="J19857" s="8">
        <v>1</v>
      </c>
      <c r="K19857" s="9">
        <v>12</v>
      </c>
      <c r="L19857" s="6" t="s">
        <v>4151</v>
      </c>
    </row>
    <row r="19858" spans="1:12">
      <c r="A19858" s="6" t="s">
        <v>4151</v>
      </c>
      <c r="B19858" s="6"/>
      <c r="C19858" s="6" t="s">
        <v>19894</v>
      </c>
      <c r="D19858" s="6"/>
      <c r="E19858" s="6" t="s">
        <v>9</v>
      </c>
      <c r="F19858" s="7">
        <v>38657</v>
      </c>
      <c r="G19858" s="8">
        <v>1</v>
      </c>
      <c r="H19858" s="8">
        <v>1</v>
      </c>
      <c r="I19858" s="8">
        <v>0</v>
      </c>
      <c r="J19858" s="8">
        <v>1</v>
      </c>
      <c r="K19858" s="9">
        <v>16</v>
      </c>
      <c r="L19858" s="6" t="s">
        <v>4151</v>
      </c>
    </row>
    <row r="19859" spans="1:12">
      <c r="A19859" s="6" t="s">
        <v>4151</v>
      </c>
      <c r="B19859" s="6"/>
      <c r="C19859" s="6" t="s">
        <v>19895</v>
      </c>
      <c r="D19859" s="6"/>
      <c r="E19859" s="6" t="s">
        <v>9</v>
      </c>
      <c r="F19859" s="7">
        <v>38657</v>
      </c>
      <c r="G19859" s="8">
        <v>1</v>
      </c>
      <c r="H19859" s="8">
        <v>1</v>
      </c>
      <c r="I19859" s="8">
        <v>0</v>
      </c>
      <c r="J19859" s="8">
        <v>1</v>
      </c>
      <c r="K19859" s="9">
        <v>7.13</v>
      </c>
      <c r="L19859" s="6" t="s">
        <v>4151</v>
      </c>
    </row>
    <row r="19860" spans="1:12">
      <c r="A19860" s="6" t="s">
        <v>4151</v>
      </c>
      <c r="B19860" s="6"/>
      <c r="C19860" s="6" t="s">
        <v>19896</v>
      </c>
      <c r="D19860" s="6"/>
      <c r="E19860" s="6" t="s">
        <v>9</v>
      </c>
      <c r="F19860" s="7">
        <v>38657</v>
      </c>
      <c r="G19860" s="8">
        <v>1</v>
      </c>
      <c r="H19860" s="8">
        <v>1</v>
      </c>
      <c r="I19860" s="8">
        <v>0</v>
      </c>
      <c r="J19860" s="8">
        <v>1</v>
      </c>
      <c r="K19860" s="9">
        <v>9.26</v>
      </c>
      <c r="L19860" s="6" t="s">
        <v>4151</v>
      </c>
    </row>
    <row r="19861" spans="1:12">
      <c r="A19861" s="6" t="s">
        <v>4151</v>
      </c>
      <c r="B19861" s="6"/>
      <c r="C19861" s="6" t="s">
        <v>19897</v>
      </c>
      <c r="D19861" s="6"/>
      <c r="E19861" s="6" t="s">
        <v>9</v>
      </c>
      <c r="F19861" s="7">
        <v>38657</v>
      </c>
      <c r="G19861" s="8">
        <v>1</v>
      </c>
      <c r="H19861" s="8">
        <v>1</v>
      </c>
      <c r="I19861" s="8">
        <v>0</v>
      </c>
      <c r="J19861" s="8">
        <v>1</v>
      </c>
      <c r="K19861" s="9">
        <v>2.4</v>
      </c>
      <c r="L19861" s="6" t="s">
        <v>4151</v>
      </c>
    </row>
    <row r="19862" spans="1:12">
      <c r="A19862" s="6" t="s">
        <v>4151</v>
      </c>
      <c r="B19862" s="6"/>
      <c r="C19862" s="6" t="s">
        <v>19898</v>
      </c>
      <c r="D19862" s="6"/>
      <c r="E19862" s="6" t="s">
        <v>9</v>
      </c>
      <c r="F19862" s="7">
        <v>38657</v>
      </c>
      <c r="G19862" s="8">
        <v>1</v>
      </c>
      <c r="H19862" s="8">
        <v>1</v>
      </c>
      <c r="I19862" s="8">
        <v>0</v>
      </c>
      <c r="J19862" s="8">
        <v>1</v>
      </c>
      <c r="K19862" s="9">
        <v>9.31</v>
      </c>
      <c r="L19862" s="6" t="s">
        <v>4151</v>
      </c>
    </row>
    <row r="19863" spans="1:12">
      <c r="A19863" s="6" t="s">
        <v>4151</v>
      </c>
      <c r="B19863" s="6"/>
      <c r="C19863" s="6" t="s">
        <v>19899</v>
      </c>
      <c r="D19863" s="6"/>
      <c r="E19863" s="6" t="s">
        <v>9</v>
      </c>
      <c r="F19863" s="7">
        <v>38657</v>
      </c>
      <c r="G19863" s="8">
        <v>1</v>
      </c>
      <c r="H19863" s="8">
        <v>1</v>
      </c>
      <c r="I19863" s="8">
        <v>0</v>
      </c>
      <c r="J19863" s="8">
        <v>1</v>
      </c>
      <c r="K19863" s="9">
        <v>17</v>
      </c>
      <c r="L19863" s="6" t="s">
        <v>4151</v>
      </c>
    </row>
    <row r="19864" spans="1:12">
      <c r="A19864" s="6" t="s">
        <v>4151</v>
      </c>
      <c r="B19864" s="6"/>
      <c r="C19864" s="6" t="s">
        <v>19900</v>
      </c>
      <c r="D19864" s="6"/>
      <c r="E19864" s="6" t="s">
        <v>9</v>
      </c>
      <c r="F19864" s="7">
        <v>38657</v>
      </c>
      <c r="G19864" s="8">
        <v>1</v>
      </c>
      <c r="H19864" s="8">
        <v>1</v>
      </c>
      <c r="I19864" s="8">
        <v>0</v>
      </c>
      <c r="J19864" s="8">
        <v>1</v>
      </c>
      <c r="K19864" s="9">
        <v>4.2300000000000004</v>
      </c>
      <c r="L19864" s="6" t="s">
        <v>4151</v>
      </c>
    </row>
    <row r="19865" spans="1:12">
      <c r="A19865" s="6" t="s">
        <v>4151</v>
      </c>
      <c r="B19865" s="6"/>
      <c r="C19865" s="6" t="s">
        <v>19901</v>
      </c>
      <c r="D19865" s="6"/>
      <c r="E19865" s="6" t="s">
        <v>9</v>
      </c>
      <c r="F19865" s="7">
        <v>38657</v>
      </c>
      <c r="G19865" s="8">
        <v>1</v>
      </c>
      <c r="H19865" s="8">
        <v>1</v>
      </c>
      <c r="I19865" s="8">
        <v>0</v>
      </c>
      <c r="J19865" s="8">
        <v>1</v>
      </c>
      <c r="K19865" s="9">
        <v>1.2</v>
      </c>
      <c r="L19865" s="6" t="s">
        <v>4151</v>
      </c>
    </row>
    <row r="19866" spans="1:12">
      <c r="A19866" s="6" t="s">
        <v>4151</v>
      </c>
      <c r="B19866" s="6"/>
      <c r="C19866" s="6" t="s">
        <v>19902</v>
      </c>
      <c r="D19866" s="6"/>
      <c r="E19866" s="6" t="s">
        <v>9</v>
      </c>
      <c r="F19866" s="7">
        <v>38657</v>
      </c>
      <c r="G19866" s="8">
        <v>1</v>
      </c>
      <c r="H19866" s="8">
        <v>1</v>
      </c>
      <c r="I19866" s="8">
        <v>0</v>
      </c>
      <c r="J19866" s="8">
        <v>1</v>
      </c>
      <c r="K19866" s="9">
        <v>1.35</v>
      </c>
      <c r="L19866" s="6" t="s">
        <v>4151</v>
      </c>
    </row>
    <row r="19867" spans="1:12">
      <c r="A19867" s="6" t="s">
        <v>4151</v>
      </c>
      <c r="B19867" s="6"/>
      <c r="C19867" s="6" t="s">
        <v>19903</v>
      </c>
      <c r="D19867" s="6"/>
      <c r="E19867" s="6" t="s">
        <v>9</v>
      </c>
      <c r="F19867" s="7">
        <v>38657</v>
      </c>
      <c r="G19867" s="8">
        <v>1</v>
      </c>
      <c r="H19867" s="8">
        <v>1</v>
      </c>
      <c r="I19867" s="8">
        <v>0</v>
      </c>
      <c r="J19867" s="8">
        <v>1</v>
      </c>
      <c r="K19867" s="9">
        <v>6.72</v>
      </c>
      <c r="L19867" s="6" t="s">
        <v>4151</v>
      </c>
    </row>
    <row r="19868" spans="1:12">
      <c r="A19868" s="6" t="s">
        <v>4151</v>
      </c>
      <c r="B19868" s="6"/>
      <c r="C19868" s="6" t="s">
        <v>19904</v>
      </c>
      <c r="D19868" s="6"/>
      <c r="E19868" s="6" t="s">
        <v>9</v>
      </c>
      <c r="F19868" s="7">
        <v>38657</v>
      </c>
      <c r="G19868" s="8">
        <v>1</v>
      </c>
      <c r="H19868" s="8">
        <v>1</v>
      </c>
      <c r="I19868" s="8">
        <v>0</v>
      </c>
      <c r="J19868" s="8">
        <v>1</v>
      </c>
      <c r="K19868" s="9">
        <v>4.7699999999999898</v>
      </c>
      <c r="L19868" s="6" t="s">
        <v>4151</v>
      </c>
    </row>
    <row r="19869" spans="1:12">
      <c r="A19869" s="6" t="s">
        <v>4151</v>
      </c>
      <c r="B19869" s="6"/>
      <c r="C19869" s="6" t="s">
        <v>19905</v>
      </c>
      <c r="D19869" s="6"/>
      <c r="E19869" s="6" t="s">
        <v>9</v>
      </c>
      <c r="F19869" s="7">
        <v>38657</v>
      </c>
      <c r="G19869" s="8">
        <v>1</v>
      </c>
      <c r="H19869" s="8">
        <v>1</v>
      </c>
      <c r="I19869" s="8">
        <v>0</v>
      </c>
      <c r="J19869" s="8">
        <v>1</v>
      </c>
      <c r="K19869" s="9">
        <v>18.02</v>
      </c>
      <c r="L19869" s="6" t="s">
        <v>4151</v>
      </c>
    </row>
    <row r="19870" spans="1:12">
      <c r="A19870" s="6" t="s">
        <v>4151</v>
      </c>
      <c r="B19870" s="6"/>
      <c r="C19870" s="6" t="s">
        <v>19906</v>
      </c>
      <c r="D19870" s="6"/>
      <c r="E19870" s="6" t="s">
        <v>9</v>
      </c>
      <c r="F19870" s="7">
        <v>38657</v>
      </c>
      <c r="G19870" s="8">
        <v>1</v>
      </c>
      <c r="H19870" s="8">
        <v>1</v>
      </c>
      <c r="I19870" s="8">
        <v>0</v>
      </c>
      <c r="J19870" s="8">
        <v>1</v>
      </c>
      <c r="K19870" s="9">
        <v>3.42</v>
      </c>
      <c r="L19870" s="6" t="s">
        <v>4151</v>
      </c>
    </row>
    <row r="19871" spans="1:12">
      <c r="A19871" s="6" t="s">
        <v>4151</v>
      </c>
      <c r="B19871" s="6"/>
      <c r="C19871" s="6" t="s">
        <v>19907</v>
      </c>
      <c r="D19871" s="6"/>
      <c r="E19871" s="6" t="s">
        <v>9</v>
      </c>
      <c r="F19871" s="7">
        <v>38657</v>
      </c>
      <c r="G19871" s="8">
        <v>1</v>
      </c>
      <c r="H19871" s="8">
        <v>1</v>
      </c>
      <c r="I19871" s="8">
        <v>0</v>
      </c>
      <c r="J19871" s="8">
        <v>1</v>
      </c>
      <c r="K19871" s="9">
        <v>21</v>
      </c>
      <c r="L19871" s="6" t="s">
        <v>4151</v>
      </c>
    </row>
    <row r="19872" spans="1:12">
      <c r="A19872" s="6" t="s">
        <v>4151</v>
      </c>
      <c r="B19872" s="6"/>
      <c r="C19872" s="6" t="s">
        <v>19908</v>
      </c>
      <c r="D19872" s="6"/>
      <c r="E19872" s="6" t="s">
        <v>9</v>
      </c>
      <c r="F19872" s="7">
        <v>38657</v>
      </c>
      <c r="G19872" s="8">
        <v>1</v>
      </c>
      <c r="H19872" s="8">
        <v>1</v>
      </c>
      <c r="I19872" s="8">
        <v>0</v>
      </c>
      <c r="J19872" s="8">
        <v>1</v>
      </c>
      <c r="K19872" s="9">
        <v>7.92</v>
      </c>
      <c r="L19872" s="6" t="s">
        <v>4151</v>
      </c>
    </row>
    <row r="19873" spans="1:12">
      <c r="A19873" s="6" t="s">
        <v>4151</v>
      </c>
      <c r="B19873" s="6"/>
      <c r="C19873" s="6" t="s">
        <v>19909</v>
      </c>
      <c r="D19873" s="6"/>
      <c r="E19873" s="6" t="s">
        <v>9</v>
      </c>
      <c r="F19873" s="7">
        <v>38657</v>
      </c>
      <c r="G19873" s="8">
        <v>1</v>
      </c>
      <c r="H19873" s="8">
        <v>1</v>
      </c>
      <c r="I19873" s="8">
        <v>0</v>
      </c>
      <c r="J19873" s="8">
        <v>1</v>
      </c>
      <c r="K19873" s="9">
        <v>14</v>
      </c>
      <c r="L19873" s="6" t="s">
        <v>4151</v>
      </c>
    </row>
    <row r="19874" spans="1:12">
      <c r="A19874" s="6" t="s">
        <v>4151</v>
      </c>
      <c r="B19874" s="6"/>
      <c r="C19874" s="6" t="s">
        <v>19910</v>
      </c>
      <c r="D19874" s="6"/>
      <c r="E19874" s="6" t="s">
        <v>9</v>
      </c>
      <c r="F19874" s="7">
        <v>38657</v>
      </c>
      <c r="G19874" s="8">
        <v>1</v>
      </c>
      <c r="H19874" s="8">
        <v>1</v>
      </c>
      <c r="I19874" s="8">
        <v>0</v>
      </c>
      <c r="J19874" s="8">
        <v>1</v>
      </c>
      <c r="K19874" s="9">
        <v>22</v>
      </c>
      <c r="L19874" s="6" t="s">
        <v>4151</v>
      </c>
    </row>
    <row r="19875" spans="1:12">
      <c r="A19875" s="6" t="s">
        <v>4151</v>
      </c>
      <c r="B19875" s="6"/>
      <c r="C19875" s="6" t="s">
        <v>19911</v>
      </c>
      <c r="D19875" s="6"/>
      <c r="E19875" s="6" t="s">
        <v>9</v>
      </c>
      <c r="F19875" s="7">
        <v>38657</v>
      </c>
      <c r="G19875" s="8">
        <v>1</v>
      </c>
      <c r="H19875" s="8">
        <v>1</v>
      </c>
      <c r="I19875" s="8">
        <v>0</v>
      </c>
      <c r="J19875" s="8">
        <v>1</v>
      </c>
      <c r="K19875" s="9">
        <v>20</v>
      </c>
      <c r="L19875" s="6" t="s">
        <v>4151</v>
      </c>
    </row>
    <row r="19876" spans="1:12">
      <c r="A19876" s="6" t="s">
        <v>4151</v>
      </c>
      <c r="B19876" s="6"/>
      <c r="C19876" s="6" t="s">
        <v>19912</v>
      </c>
      <c r="D19876" s="6"/>
      <c r="E19876" s="6" t="s">
        <v>9</v>
      </c>
      <c r="F19876" s="7">
        <v>38657</v>
      </c>
      <c r="G19876" s="8">
        <v>1</v>
      </c>
      <c r="H19876" s="8">
        <v>1</v>
      </c>
      <c r="I19876" s="8">
        <v>0</v>
      </c>
      <c r="J19876" s="8">
        <v>1</v>
      </c>
      <c r="K19876" s="9">
        <v>2.93</v>
      </c>
      <c r="L19876" s="6" t="s">
        <v>4151</v>
      </c>
    </row>
    <row r="19877" spans="1:12">
      <c r="A19877" s="6" t="s">
        <v>4151</v>
      </c>
      <c r="B19877" s="6"/>
      <c r="C19877" s="6" t="s">
        <v>19913</v>
      </c>
      <c r="D19877" s="6"/>
      <c r="E19877" s="6" t="s">
        <v>9</v>
      </c>
      <c r="F19877" s="7">
        <v>38657</v>
      </c>
      <c r="G19877" s="8">
        <v>1</v>
      </c>
      <c r="H19877" s="8">
        <v>1</v>
      </c>
      <c r="I19877" s="8">
        <v>0</v>
      </c>
      <c r="J19877" s="8">
        <v>1</v>
      </c>
      <c r="K19877" s="9">
        <v>9.2899999999999903</v>
      </c>
      <c r="L19877" s="6" t="s">
        <v>4151</v>
      </c>
    </row>
    <row r="19878" spans="1:12">
      <c r="A19878" s="6" t="s">
        <v>4151</v>
      </c>
      <c r="B19878" s="6"/>
      <c r="C19878" s="6" t="s">
        <v>19914</v>
      </c>
      <c r="D19878" s="6"/>
      <c r="E19878" s="6" t="s">
        <v>9</v>
      </c>
      <c r="F19878" s="7">
        <v>38657</v>
      </c>
      <c r="G19878" s="8">
        <v>1</v>
      </c>
      <c r="H19878" s="8">
        <v>1</v>
      </c>
      <c r="I19878" s="8">
        <v>0</v>
      </c>
      <c r="J19878" s="8">
        <v>1</v>
      </c>
      <c r="K19878" s="9">
        <v>5.83</v>
      </c>
      <c r="L19878" s="6" t="s">
        <v>4151</v>
      </c>
    </row>
    <row r="19879" spans="1:12">
      <c r="A19879" s="6" t="s">
        <v>4151</v>
      </c>
      <c r="B19879" s="6"/>
      <c r="C19879" s="6" t="s">
        <v>19915</v>
      </c>
      <c r="D19879" s="6"/>
      <c r="E19879" s="6" t="s">
        <v>9</v>
      </c>
      <c r="F19879" s="7">
        <v>38657</v>
      </c>
      <c r="G19879" s="8">
        <v>1</v>
      </c>
      <c r="H19879" s="8">
        <v>1</v>
      </c>
      <c r="I19879" s="8">
        <v>0</v>
      </c>
      <c r="J19879" s="8">
        <v>1</v>
      </c>
      <c r="K19879" s="9">
        <v>42</v>
      </c>
      <c r="L19879" s="6" t="s">
        <v>4151</v>
      </c>
    </row>
    <row r="19880" spans="1:12">
      <c r="A19880" s="6" t="s">
        <v>4151</v>
      </c>
      <c r="B19880" s="6"/>
      <c r="C19880" s="6" t="s">
        <v>19916</v>
      </c>
      <c r="D19880" s="6"/>
      <c r="E19880" s="6" t="s">
        <v>9</v>
      </c>
      <c r="F19880" s="7">
        <v>38657</v>
      </c>
      <c r="G19880" s="8">
        <v>1</v>
      </c>
      <c r="H19880" s="8">
        <v>1</v>
      </c>
      <c r="I19880" s="8">
        <v>0</v>
      </c>
      <c r="J19880" s="8">
        <v>1</v>
      </c>
      <c r="K19880" s="9">
        <v>5.34</v>
      </c>
      <c r="L19880" s="6" t="s">
        <v>4151</v>
      </c>
    </row>
    <row r="19881" spans="1:12">
      <c r="A19881" s="6" t="s">
        <v>4151</v>
      </c>
      <c r="B19881" s="6"/>
      <c r="C19881" s="6" t="s">
        <v>19917</v>
      </c>
      <c r="D19881" s="6"/>
      <c r="E19881" s="6" t="s">
        <v>9</v>
      </c>
      <c r="F19881" s="7">
        <v>38657</v>
      </c>
      <c r="G19881" s="8">
        <v>1</v>
      </c>
      <c r="H19881" s="8">
        <v>1</v>
      </c>
      <c r="I19881" s="8">
        <v>0</v>
      </c>
      <c r="J19881" s="8">
        <v>1</v>
      </c>
      <c r="K19881" s="9">
        <v>6.25</v>
      </c>
      <c r="L19881" s="6" t="s">
        <v>4151</v>
      </c>
    </row>
    <row r="19882" spans="1:12">
      <c r="A19882" s="6" t="s">
        <v>4151</v>
      </c>
      <c r="B19882" s="6"/>
      <c r="C19882" s="6" t="s">
        <v>19918</v>
      </c>
      <c r="D19882" s="6"/>
      <c r="E19882" s="6" t="s">
        <v>9</v>
      </c>
      <c r="F19882" s="7">
        <v>38657</v>
      </c>
      <c r="G19882" s="8">
        <v>1</v>
      </c>
      <c r="H19882" s="8">
        <v>1</v>
      </c>
      <c r="I19882" s="8">
        <v>0</v>
      </c>
      <c r="J19882" s="8">
        <v>1</v>
      </c>
      <c r="K19882" s="9">
        <v>4.25</v>
      </c>
      <c r="L19882" s="6" t="s">
        <v>4151</v>
      </c>
    </row>
    <row r="19883" spans="1:12">
      <c r="A19883" s="6" t="s">
        <v>4151</v>
      </c>
      <c r="B19883" s="6"/>
      <c r="C19883" s="6" t="s">
        <v>19919</v>
      </c>
      <c r="D19883" s="6"/>
      <c r="E19883" s="6" t="s">
        <v>9</v>
      </c>
      <c r="F19883" s="7">
        <v>38657</v>
      </c>
      <c r="G19883" s="8">
        <v>1</v>
      </c>
      <c r="H19883" s="8">
        <v>1</v>
      </c>
      <c r="I19883" s="8">
        <v>0</v>
      </c>
      <c r="J19883" s="8">
        <v>1</v>
      </c>
      <c r="K19883" s="9">
        <v>4.3</v>
      </c>
      <c r="L19883" s="6" t="s">
        <v>4151</v>
      </c>
    </row>
    <row r="19884" spans="1:12">
      <c r="A19884" s="6" t="s">
        <v>4151</v>
      </c>
      <c r="B19884" s="6"/>
      <c r="C19884" s="6" t="s">
        <v>19920</v>
      </c>
      <c r="D19884" s="6"/>
      <c r="E19884" s="6" t="s">
        <v>9</v>
      </c>
      <c r="F19884" s="7">
        <v>38657</v>
      </c>
      <c r="G19884" s="8">
        <v>1</v>
      </c>
      <c r="H19884" s="8">
        <v>1</v>
      </c>
      <c r="I19884" s="8">
        <v>0</v>
      </c>
      <c r="J19884" s="8">
        <v>1</v>
      </c>
      <c r="K19884" s="9">
        <v>8.17</v>
      </c>
      <c r="L19884" s="6" t="s">
        <v>4151</v>
      </c>
    </row>
    <row r="19885" spans="1:12">
      <c r="A19885" s="6" t="s">
        <v>4151</v>
      </c>
      <c r="B19885" s="6"/>
      <c r="C19885" s="6" t="s">
        <v>19921</v>
      </c>
      <c r="D19885" s="6"/>
      <c r="E19885" s="6" t="s">
        <v>9</v>
      </c>
      <c r="F19885" s="7">
        <v>38657</v>
      </c>
      <c r="G19885" s="8">
        <v>1</v>
      </c>
      <c r="H19885" s="8">
        <v>1</v>
      </c>
      <c r="I19885" s="8">
        <v>0</v>
      </c>
      <c r="J19885" s="8">
        <v>1</v>
      </c>
      <c r="K19885" s="9">
        <v>4.83</v>
      </c>
      <c r="L19885" s="6" t="s">
        <v>4151</v>
      </c>
    </row>
    <row r="19886" spans="1:12">
      <c r="A19886" s="6" t="s">
        <v>4151</v>
      </c>
      <c r="B19886" s="6"/>
      <c r="C19886" s="6" t="s">
        <v>19922</v>
      </c>
      <c r="D19886" s="6"/>
      <c r="E19886" s="6" t="s">
        <v>9</v>
      </c>
      <c r="F19886" s="7">
        <v>38657</v>
      </c>
      <c r="G19886" s="8">
        <v>1</v>
      </c>
      <c r="H19886" s="8">
        <v>1</v>
      </c>
      <c r="I19886" s="8">
        <v>0</v>
      </c>
      <c r="J19886" s="8">
        <v>1</v>
      </c>
      <c r="K19886" s="9">
        <v>8.35</v>
      </c>
      <c r="L19886" s="6" t="s">
        <v>4151</v>
      </c>
    </row>
    <row r="19887" spans="1:12">
      <c r="A19887" s="6" t="s">
        <v>4151</v>
      </c>
      <c r="B19887" s="6"/>
      <c r="C19887" s="6" t="s">
        <v>19923</v>
      </c>
      <c r="D19887" s="6"/>
      <c r="E19887" s="6" t="s">
        <v>9</v>
      </c>
      <c r="F19887" s="7">
        <v>38657</v>
      </c>
      <c r="G19887" s="8">
        <v>1</v>
      </c>
      <c r="H19887" s="8">
        <v>1</v>
      </c>
      <c r="I19887" s="8">
        <v>0</v>
      </c>
      <c r="J19887" s="8">
        <v>1</v>
      </c>
      <c r="K19887" s="9">
        <v>4.05</v>
      </c>
      <c r="L19887" s="6" t="s">
        <v>4151</v>
      </c>
    </row>
    <row r="19888" spans="1:12">
      <c r="A19888" s="6" t="s">
        <v>4151</v>
      </c>
      <c r="B19888" s="6"/>
      <c r="C19888" s="6" t="s">
        <v>19924</v>
      </c>
      <c r="D19888" s="6"/>
      <c r="E19888" s="6" t="s">
        <v>9</v>
      </c>
      <c r="F19888" s="7">
        <v>38657</v>
      </c>
      <c r="G19888" s="8">
        <v>1</v>
      </c>
      <c r="H19888" s="8">
        <v>1</v>
      </c>
      <c r="I19888" s="8">
        <v>0</v>
      </c>
      <c r="J19888" s="8">
        <v>1</v>
      </c>
      <c r="K19888" s="9">
        <v>7.95</v>
      </c>
      <c r="L19888" s="6" t="s">
        <v>4151</v>
      </c>
    </row>
    <row r="19889" spans="1:12">
      <c r="A19889" s="6" t="s">
        <v>4151</v>
      </c>
      <c r="B19889" s="6"/>
      <c r="C19889" s="6" t="s">
        <v>19925</v>
      </c>
      <c r="D19889" s="6"/>
      <c r="E19889" s="6" t="s">
        <v>9</v>
      </c>
      <c r="F19889" s="7">
        <v>38657</v>
      </c>
      <c r="G19889" s="8">
        <v>1</v>
      </c>
      <c r="H19889" s="8">
        <v>1</v>
      </c>
      <c r="I19889" s="8">
        <v>0</v>
      </c>
      <c r="J19889" s="8">
        <v>1</v>
      </c>
      <c r="K19889" s="9">
        <v>2.82</v>
      </c>
      <c r="L19889" s="6" t="s">
        <v>4151</v>
      </c>
    </row>
    <row r="19890" spans="1:12">
      <c r="A19890" s="6" t="s">
        <v>4151</v>
      </c>
      <c r="B19890" s="6"/>
      <c r="C19890" s="6" t="s">
        <v>19926</v>
      </c>
      <c r="D19890" s="6"/>
      <c r="E19890" s="6" t="s">
        <v>9</v>
      </c>
      <c r="F19890" s="7">
        <v>38657</v>
      </c>
      <c r="G19890" s="8">
        <v>1</v>
      </c>
      <c r="H19890" s="8">
        <v>1</v>
      </c>
      <c r="I19890" s="8">
        <v>0</v>
      </c>
      <c r="J19890" s="8">
        <v>1</v>
      </c>
      <c r="K19890" s="9">
        <v>37</v>
      </c>
      <c r="L19890" s="6" t="s">
        <v>4151</v>
      </c>
    </row>
    <row r="19891" spans="1:12">
      <c r="A19891" s="6" t="s">
        <v>4151</v>
      </c>
      <c r="B19891" s="6"/>
      <c r="C19891" s="6" t="s">
        <v>19927</v>
      </c>
      <c r="D19891" s="6"/>
      <c r="E19891" s="6" t="s">
        <v>9</v>
      </c>
      <c r="F19891" s="7">
        <v>38657</v>
      </c>
      <c r="G19891" s="8">
        <v>1</v>
      </c>
      <c r="H19891" s="8">
        <v>1</v>
      </c>
      <c r="I19891" s="8">
        <v>0</v>
      </c>
      <c r="J19891" s="8">
        <v>1</v>
      </c>
      <c r="K19891" s="9">
        <v>3.37</v>
      </c>
      <c r="L19891" s="6" t="s">
        <v>4151</v>
      </c>
    </row>
    <row r="19892" spans="1:12">
      <c r="A19892" s="6" t="s">
        <v>4151</v>
      </c>
      <c r="B19892" s="6"/>
      <c r="C19892" s="6" t="s">
        <v>19928</v>
      </c>
      <c r="D19892" s="6"/>
      <c r="E19892" s="6" t="s">
        <v>9</v>
      </c>
      <c r="F19892" s="7">
        <v>38657</v>
      </c>
      <c r="G19892" s="8">
        <v>1</v>
      </c>
      <c r="H19892" s="8">
        <v>1</v>
      </c>
      <c r="I19892" s="8">
        <v>0</v>
      </c>
      <c r="J19892" s="8">
        <v>1</v>
      </c>
      <c r="K19892" s="9">
        <v>5.79</v>
      </c>
      <c r="L19892" s="6" t="s">
        <v>4151</v>
      </c>
    </row>
    <row r="19893" spans="1:12">
      <c r="A19893" s="6" t="s">
        <v>4151</v>
      </c>
      <c r="B19893" s="6"/>
      <c r="C19893" s="6" t="s">
        <v>19929</v>
      </c>
      <c r="D19893" s="6"/>
      <c r="E19893" s="6" t="s">
        <v>9</v>
      </c>
      <c r="F19893" s="7">
        <v>38657</v>
      </c>
      <c r="G19893" s="8">
        <v>1</v>
      </c>
      <c r="H19893" s="8">
        <v>1</v>
      </c>
      <c r="I19893" s="8">
        <v>0</v>
      </c>
      <c r="J19893" s="8">
        <v>1</v>
      </c>
      <c r="K19893" s="9">
        <v>5.82</v>
      </c>
      <c r="L19893" s="6" t="s">
        <v>4151</v>
      </c>
    </row>
    <row r="19894" spans="1:12">
      <c r="A19894" s="6" t="s">
        <v>4151</v>
      </c>
      <c r="B19894" s="6"/>
      <c r="C19894" s="6" t="s">
        <v>19930</v>
      </c>
      <c r="D19894" s="6"/>
      <c r="E19894" s="6" t="s">
        <v>9</v>
      </c>
      <c r="F19894" s="7">
        <v>38657</v>
      </c>
      <c r="G19894" s="8">
        <v>1</v>
      </c>
      <c r="H19894" s="8">
        <v>1</v>
      </c>
      <c r="I19894" s="8">
        <v>0</v>
      </c>
      <c r="J19894" s="8">
        <v>1</v>
      </c>
      <c r="K19894" s="9">
        <v>2.85</v>
      </c>
      <c r="L19894" s="6" t="s">
        <v>4151</v>
      </c>
    </row>
    <row r="19895" spans="1:12">
      <c r="A19895" s="6" t="s">
        <v>4151</v>
      </c>
      <c r="B19895" s="6"/>
      <c r="C19895" s="6" t="s">
        <v>19931</v>
      </c>
      <c r="D19895" s="6"/>
      <c r="E19895" s="6" t="s">
        <v>9</v>
      </c>
      <c r="F19895" s="7">
        <v>38657</v>
      </c>
      <c r="G19895" s="8">
        <v>1</v>
      </c>
      <c r="H19895" s="8">
        <v>1</v>
      </c>
      <c r="I19895" s="8">
        <v>0</v>
      </c>
      <c r="J19895" s="8">
        <v>1</v>
      </c>
      <c r="K19895" s="9">
        <v>8.24</v>
      </c>
      <c r="L19895" s="6" t="s">
        <v>4151</v>
      </c>
    </row>
    <row r="19896" spans="1:12">
      <c r="A19896" s="6" t="s">
        <v>4151</v>
      </c>
      <c r="B19896" s="6"/>
      <c r="C19896" s="6" t="s">
        <v>19932</v>
      </c>
      <c r="D19896" s="6"/>
      <c r="E19896" s="6" t="s">
        <v>9</v>
      </c>
      <c r="F19896" s="7">
        <v>38657</v>
      </c>
      <c r="G19896" s="8">
        <v>1</v>
      </c>
      <c r="H19896" s="8">
        <v>1</v>
      </c>
      <c r="I19896" s="8">
        <v>0</v>
      </c>
      <c r="J19896" s="8">
        <v>1</v>
      </c>
      <c r="K19896" s="9">
        <v>10</v>
      </c>
      <c r="L19896" s="6" t="s">
        <v>4151</v>
      </c>
    </row>
    <row r="19897" spans="1:12">
      <c r="A19897" s="6" t="s">
        <v>4151</v>
      </c>
      <c r="B19897" s="6"/>
      <c r="C19897" s="6" t="s">
        <v>19933</v>
      </c>
      <c r="D19897" s="6"/>
      <c r="E19897" s="6" t="s">
        <v>9</v>
      </c>
      <c r="F19897" s="7">
        <v>38657</v>
      </c>
      <c r="G19897" s="8">
        <v>1</v>
      </c>
      <c r="H19897" s="8">
        <v>1</v>
      </c>
      <c r="I19897" s="8">
        <v>0</v>
      </c>
      <c r="J19897" s="8">
        <v>1</v>
      </c>
      <c r="K19897" s="9">
        <v>10</v>
      </c>
      <c r="L19897" s="6" t="s">
        <v>4151</v>
      </c>
    </row>
    <row r="19898" spans="1:12">
      <c r="A19898" s="6" t="s">
        <v>4151</v>
      </c>
      <c r="B19898" s="6"/>
      <c r="C19898" s="6" t="s">
        <v>19934</v>
      </c>
      <c r="D19898" s="6"/>
      <c r="E19898" s="6" t="s">
        <v>9</v>
      </c>
      <c r="F19898" s="7">
        <v>38657</v>
      </c>
      <c r="G19898" s="8">
        <v>1</v>
      </c>
      <c r="H19898" s="8">
        <v>1</v>
      </c>
      <c r="I19898" s="8">
        <v>0</v>
      </c>
      <c r="J19898" s="8">
        <v>1</v>
      </c>
      <c r="K19898" s="9">
        <v>3.26</v>
      </c>
      <c r="L19898" s="6" t="s">
        <v>4151</v>
      </c>
    </row>
    <row r="19899" spans="1:12">
      <c r="A19899" s="6" t="s">
        <v>4151</v>
      </c>
      <c r="B19899" s="6"/>
      <c r="C19899" s="6" t="s">
        <v>19935</v>
      </c>
      <c r="D19899" s="6"/>
      <c r="E19899" s="6" t="s">
        <v>9</v>
      </c>
      <c r="F19899" s="7">
        <v>38657</v>
      </c>
      <c r="G19899" s="8">
        <v>1</v>
      </c>
      <c r="H19899" s="8">
        <v>1</v>
      </c>
      <c r="I19899" s="8">
        <v>0</v>
      </c>
      <c r="J19899" s="8">
        <v>1</v>
      </c>
      <c r="K19899" s="9">
        <v>7.91</v>
      </c>
      <c r="L19899" s="6" t="s">
        <v>4151</v>
      </c>
    </row>
    <row r="19900" spans="1:12">
      <c r="A19900" s="6" t="s">
        <v>4151</v>
      </c>
      <c r="B19900" s="6"/>
      <c r="C19900" s="6" t="s">
        <v>19936</v>
      </c>
      <c r="D19900" s="6"/>
      <c r="E19900" s="6" t="s">
        <v>9</v>
      </c>
      <c r="F19900" s="7">
        <v>38657</v>
      </c>
      <c r="G19900" s="8">
        <v>1</v>
      </c>
      <c r="H19900" s="8">
        <v>1</v>
      </c>
      <c r="I19900" s="8">
        <v>0</v>
      </c>
      <c r="J19900" s="8">
        <v>1</v>
      </c>
      <c r="K19900" s="9">
        <v>10</v>
      </c>
      <c r="L19900" s="6" t="s">
        <v>4151</v>
      </c>
    </row>
    <row r="19901" spans="1:12">
      <c r="A19901" s="6" t="s">
        <v>4151</v>
      </c>
      <c r="B19901" s="6"/>
      <c r="C19901" s="6" t="s">
        <v>19937</v>
      </c>
      <c r="D19901" s="6"/>
      <c r="E19901" s="6" t="s">
        <v>9</v>
      </c>
      <c r="F19901" s="7">
        <v>38657</v>
      </c>
      <c r="G19901" s="8">
        <v>1</v>
      </c>
      <c r="H19901" s="8">
        <v>1</v>
      </c>
      <c r="I19901" s="8">
        <v>0</v>
      </c>
      <c r="J19901" s="8">
        <v>1</v>
      </c>
      <c r="K19901" s="9">
        <v>12</v>
      </c>
      <c r="L19901" s="6" t="s">
        <v>4151</v>
      </c>
    </row>
    <row r="19902" spans="1:12">
      <c r="A19902" s="6" t="s">
        <v>4151</v>
      </c>
      <c r="B19902" s="6"/>
      <c r="C19902" s="6" t="s">
        <v>19938</v>
      </c>
      <c r="D19902" s="6"/>
      <c r="E19902" s="6" t="s">
        <v>9</v>
      </c>
      <c r="F19902" s="7">
        <v>38657</v>
      </c>
      <c r="G19902" s="8">
        <v>1</v>
      </c>
      <c r="H19902" s="8">
        <v>1</v>
      </c>
      <c r="I19902" s="8">
        <v>0</v>
      </c>
      <c r="J19902" s="8">
        <v>1</v>
      </c>
      <c r="K19902" s="9">
        <v>1.51</v>
      </c>
      <c r="L19902" s="6" t="s">
        <v>4151</v>
      </c>
    </row>
    <row r="19903" spans="1:12">
      <c r="A19903" s="6" t="s">
        <v>4151</v>
      </c>
      <c r="B19903" s="6"/>
      <c r="C19903" s="6" t="s">
        <v>19939</v>
      </c>
      <c r="D19903" s="6"/>
      <c r="E19903" s="6" t="s">
        <v>9</v>
      </c>
      <c r="F19903" s="7">
        <v>38657</v>
      </c>
      <c r="G19903" s="8">
        <v>1</v>
      </c>
      <c r="H19903" s="8">
        <v>1</v>
      </c>
      <c r="I19903" s="8">
        <v>0</v>
      </c>
      <c r="J19903" s="8">
        <v>1</v>
      </c>
      <c r="K19903" s="9">
        <v>9.49</v>
      </c>
      <c r="L19903" s="6" t="s">
        <v>4151</v>
      </c>
    </row>
    <row r="19904" spans="1:12">
      <c r="A19904" s="6" t="s">
        <v>4151</v>
      </c>
      <c r="B19904" s="6"/>
      <c r="C19904" s="6" t="s">
        <v>19940</v>
      </c>
      <c r="D19904" s="6"/>
      <c r="E19904" s="6" t="s">
        <v>9</v>
      </c>
      <c r="F19904" s="7">
        <v>38657</v>
      </c>
      <c r="G19904" s="8">
        <v>1</v>
      </c>
      <c r="H19904" s="8">
        <v>1</v>
      </c>
      <c r="I19904" s="8">
        <v>0</v>
      </c>
      <c r="J19904" s="8">
        <v>1</v>
      </c>
      <c r="K19904" s="9">
        <v>39</v>
      </c>
      <c r="L19904" s="6" t="s">
        <v>4151</v>
      </c>
    </row>
    <row r="19905" spans="1:12">
      <c r="A19905" s="6" t="s">
        <v>4151</v>
      </c>
      <c r="B19905" s="6"/>
      <c r="C19905" s="6" t="s">
        <v>19941</v>
      </c>
      <c r="D19905" s="6"/>
      <c r="E19905" s="6" t="s">
        <v>9</v>
      </c>
      <c r="F19905" s="7">
        <v>38657</v>
      </c>
      <c r="G19905" s="8">
        <v>1</v>
      </c>
      <c r="H19905" s="8">
        <v>1</v>
      </c>
      <c r="I19905" s="8">
        <v>0</v>
      </c>
      <c r="J19905" s="8">
        <v>1</v>
      </c>
      <c r="K19905" s="9">
        <v>6.77</v>
      </c>
      <c r="L19905" s="6" t="s">
        <v>4151</v>
      </c>
    </row>
    <row r="19906" spans="1:12">
      <c r="A19906" s="6" t="s">
        <v>4151</v>
      </c>
      <c r="B19906" s="6"/>
      <c r="C19906" s="6" t="s">
        <v>19942</v>
      </c>
      <c r="D19906" s="6"/>
      <c r="E19906" s="6" t="s">
        <v>9</v>
      </c>
      <c r="F19906" s="7">
        <v>38657</v>
      </c>
      <c r="G19906" s="8">
        <v>1</v>
      </c>
      <c r="H19906" s="8">
        <v>1</v>
      </c>
      <c r="I19906" s="8">
        <v>0</v>
      </c>
      <c r="J19906" s="8">
        <v>1</v>
      </c>
      <c r="K19906" s="9">
        <v>16</v>
      </c>
      <c r="L19906" s="6" t="s">
        <v>4151</v>
      </c>
    </row>
    <row r="19907" spans="1:12">
      <c r="A19907" s="6" t="s">
        <v>4151</v>
      </c>
      <c r="B19907" s="6"/>
      <c r="C19907" s="6" t="s">
        <v>19943</v>
      </c>
      <c r="D19907" s="6"/>
      <c r="E19907" s="6" t="s">
        <v>9</v>
      </c>
      <c r="F19907" s="7">
        <v>38657</v>
      </c>
      <c r="G19907" s="8">
        <v>1</v>
      </c>
      <c r="H19907" s="8">
        <v>1</v>
      </c>
      <c r="I19907" s="8">
        <v>0</v>
      </c>
      <c r="J19907" s="8">
        <v>1</v>
      </c>
      <c r="K19907" s="9">
        <v>11</v>
      </c>
      <c r="L19907" s="6" t="s">
        <v>4151</v>
      </c>
    </row>
    <row r="19908" spans="1:12">
      <c r="A19908" s="6" t="s">
        <v>4151</v>
      </c>
      <c r="B19908" s="6"/>
      <c r="C19908" s="6" t="s">
        <v>19944</v>
      </c>
      <c r="D19908" s="6"/>
      <c r="E19908" s="6" t="s">
        <v>9</v>
      </c>
      <c r="F19908" s="7">
        <v>38657</v>
      </c>
      <c r="G19908" s="8">
        <v>1</v>
      </c>
      <c r="H19908" s="8">
        <v>1</v>
      </c>
      <c r="I19908" s="8">
        <v>0</v>
      </c>
      <c r="J19908" s="8">
        <v>1</v>
      </c>
      <c r="K19908" s="9">
        <v>3.3</v>
      </c>
      <c r="L19908" s="6" t="s">
        <v>4151</v>
      </c>
    </row>
    <row r="19909" spans="1:12">
      <c r="A19909" s="6" t="s">
        <v>4151</v>
      </c>
      <c r="B19909" s="6"/>
      <c r="C19909" s="6" t="s">
        <v>19945</v>
      </c>
      <c r="D19909" s="6"/>
      <c r="E19909" s="6" t="s">
        <v>9</v>
      </c>
      <c r="F19909" s="7">
        <v>38657</v>
      </c>
      <c r="G19909" s="8">
        <v>1</v>
      </c>
      <c r="H19909" s="8">
        <v>1</v>
      </c>
      <c r="I19909" s="8">
        <v>0</v>
      </c>
      <c r="J19909" s="8">
        <v>1</v>
      </c>
      <c r="K19909" s="9">
        <v>6.54</v>
      </c>
      <c r="L19909" s="6" t="s">
        <v>4151</v>
      </c>
    </row>
    <row r="19910" spans="1:12">
      <c r="A19910" s="6" t="s">
        <v>4151</v>
      </c>
      <c r="B19910" s="6"/>
      <c r="C19910" s="6" t="s">
        <v>19946</v>
      </c>
      <c r="D19910" s="6"/>
      <c r="E19910" s="6" t="s">
        <v>9</v>
      </c>
      <c r="F19910" s="7">
        <v>38657</v>
      </c>
      <c r="G19910" s="8">
        <v>1</v>
      </c>
      <c r="H19910" s="8">
        <v>1</v>
      </c>
      <c r="I19910" s="8">
        <v>0</v>
      </c>
      <c r="J19910" s="8">
        <v>1</v>
      </c>
      <c r="K19910" s="9">
        <v>22</v>
      </c>
      <c r="L19910" s="6" t="s">
        <v>4151</v>
      </c>
    </row>
    <row r="19911" spans="1:12">
      <c r="A19911" s="6" t="s">
        <v>4151</v>
      </c>
      <c r="B19911" s="6"/>
      <c r="C19911" s="6" t="s">
        <v>19947</v>
      </c>
      <c r="D19911" s="6"/>
      <c r="E19911" s="6" t="s">
        <v>9</v>
      </c>
      <c r="F19911" s="7">
        <v>38657</v>
      </c>
      <c r="G19911" s="8">
        <v>1</v>
      </c>
      <c r="H19911" s="8">
        <v>1</v>
      </c>
      <c r="I19911" s="8">
        <v>0</v>
      </c>
      <c r="J19911" s="8">
        <v>1</v>
      </c>
      <c r="K19911" s="9">
        <v>18</v>
      </c>
      <c r="L19911" s="6" t="s">
        <v>4151</v>
      </c>
    </row>
    <row r="19912" spans="1:12">
      <c r="A19912" s="6" t="s">
        <v>4151</v>
      </c>
      <c r="B19912" s="6"/>
      <c r="C19912" s="6" t="s">
        <v>19948</v>
      </c>
      <c r="D19912" s="6"/>
      <c r="E19912" s="6" t="s">
        <v>9</v>
      </c>
      <c r="F19912" s="7">
        <v>38657</v>
      </c>
      <c r="G19912" s="8">
        <v>1</v>
      </c>
      <c r="H19912" s="8">
        <v>1</v>
      </c>
      <c r="I19912" s="8">
        <v>0</v>
      </c>
      <c r="J19912" s="8">
        <v>1</v>
      </c>
      <c r="K19912" s="9">
        <v>155</v>
      </c>
      <c r="L19912" s="6" t="s">
        <v>4151</v>
      </c>
    </row>
    <row r="19913" spans="1:12">
      <c r="A19913" s="6" t="s">
        <v>4151</v>
      </c>
      <c r="B19913" s="6"/>
      <c r="C19913" s="6" t="s">
        <v>19949</v>
      </c>
      <c r="D19913" s="6"/>
      <c r="E19913" s="6" t="s">
        <v>9</v>
      </c>
      <c r="F19913" s="7">
        <v>38657</v>
      </c>
      <c r="G19913" s="8">
        <v>1</v>
      </c>
      <c r="H19913" s="8">
        <v>1</v>
      </c>
      <c r="I19913" s="8">
        <v>0</v>
      </c>
      <c r="J19913" s="8">
        <v>1</v>
      </c>
      <c r="K19913" s="9">
        <v>8.5500000000000007</v>
      </c>
      <c r="L19913" s="6" t="s">
        <v>4151</v>
      </c>
    </row>
    <row r="19914" spans="1:12">
      <c r="A19914" s="6" t="s">
        <v>4151</v>
      </c>
      <c r="B19914" s="6"/>
      <c r="C19914" s="6" t="s">
        <v>19950</v>
      </c>
      <c r="D19914" s="6"/>
      <c r="E19914" s="6" t="s">
        <v>9</v>
      </c>
      <c r="F19914" s="7">
        <v>38657</v>
      </c>
      <c r="G19914" s="8">
        <v>1</v>
      </c>
      <c r="H19914" s="8">
        <v>1</v>
      </c>
      <c r="I19914" s="8">
        <v>0</v>
      </c>
      <c r="J19914" s="8">
        <v>1</v>
      </c>
      <c r="K19914" s="9">
        <v>9.6300000000000008</v>
      </c>
      <c r="L19914" s="6" t="s">
        <v>4151</v>
      </c>
    </row>
    <row r="19915" spans="1:12">
      <c r="A19915" s="6" t="s">
        <v>4151</v>
      </c>
      <c r="B19915" s="6"/>
      <c r="C19915" s="6" t="s">
        <v>19951</v>
      </c>
      <c r="D19915" s="6"/>
      <c r="E19915" s="6" t="s">
        <v>9</v>
      </c>
      <c r="F19915" s="7">
        <v>38657</v>
      </c>
      <c r="G19915" s="8">
        <v>1</v>
      </c>
      <c r="H19915" s="8">
        <v>1</v>
      </c>
      <c r="I19915" s="8">
        <v>0</v>
      </c>
      <c r="J19915" s="8">
        <v>1</v>
      </c>
      <c r="K19915" s="9">
        <v>43</v>
      </c>
      <c r="L19915" s="6" t="s">
        <v>4151</v>
      </c>
    </row>
    <row r="19916" spans="1:12">
      <c r="A19916" s="6" t="s">
        <v>4151</v>
      </c>
      <c r="B19916" s="6"/>
      <c r="C19916" s="6" t="s">
        <v>19952</v>
      </c>
      <c r="D19916" s="6"/>
      <c r="E19916" s="6" t="s">
        <v>9</v>
      </c>
      <c r="F19916" s="7">
        <v>38657</v>
      </c>
      <c r="G19916" s="8">
        <v>1</v>
      </c>
      <c r="H19916" s="8">
        <v>1</v>
      </c>
      <c r="I19916" s="8">
        <v>0</v>
      </c>
      <c r="J19916" s="8">
        <v>1</v>
      </c>
      <c r="K19916" s="9">
        <v>14</v>
      </c>
      <c r="L19916" s="6" t="s">
        <v>4151</v>
      </c>
    </row>
    <row r="19917" spans="1:12">
      <c r="A19917" s="6" t="s">
        <v>4151</v>
      </c>
      <c r="B19917" s="6"/>
      <c r="C19917" s="6" t="s">
        <v>19953</v>
      </c>
      <c r="D19917" s="6"/>
      <c r="E19917" s="6" t="s">
        <v>9</v>
      </c>
      <c r="F19917" s="7">
        <v>38657</v>
      </c>
      <c r="G19917" s="8">
        <v>1</v>
      </c>
      <c r="H19917" s="8">
        <v>1</v>
      </c>
      <c r="I19917" s="8">
        <v>0</v>
      </c>
      <c r="J19917" s="8">
        <v>1</v>
      </c>
      <c r="K19917" s="9">
        <v>28</v>
      </c>
      <c r="L19917" s="6" t="s">
        <v>4151</v>
      </c>
    </row>
    <row r="19918" spans="1:12">
      <c r="A19918" s="6" t="s">
        <v>4151</v>
      </c>
      <c r="B19918" s="6"/>
      <c r="C19918" s="6" t="s">
        <v>19954</v>
      </c>
      <c r="D19918" s="6"/>
      <c r="E19918" s="6" t="s">
        <v>9</v>
      </c>
      <c r="F19918" s="7">
        <v>38657</v>
      </c>
      <c r="G19918" s="8">
        <v>1</v>
      </c>
      <c r="H19918" s="8">
        <v>1</v>
      </c>
      <c r="I19918" s="8">
        <v>0</v>
      </c>
      <c r="J19918" s="8">
        <v>1</v>
      </c>
      <c r="K19918" s="9">
        <v>13</v>
      </c>
      <c r="L19918" s="6" t="s">
        <v>4151</v>
      </c>
    </row>
    <row r="19919" spans="1:12">
      <c r="A19919" s="6" t="s">
        <v>4151</v>
      </c>
      <c r="B19919" s="6"/>
      <c r="C19919" s="6" t="s">
        <v>19955</v>
      </c>
      <c r="D19919" s="6"/>
      <c r="E19919" s="6" t="s">
        <v>9</v>
      </c>
      <c r="F19919" s="7">
        <v>38657</v>
      </c>
      <c r="G19919" s="8">
        <v>1</v>
      </c>
      <c r="H19919" s="8">
        <v>1</v>
      </c>
      <c r="I19919" s="8">
        <v>0</v>
      </c>
      <c r="J19919" s="8">
        <v>1</v>
      </c>
      <c r="K19919" s="9">
        <v>3.1</v>
      </c>
      <c r="L19919" s="6" t="s">
        <v>4151</v>
      </c>
    </row>
    <row r="19920" spans="1:12">
      <c r="A19920" s="6" t="s">
        <v>4151</v>
      </c>
      <c r="B19920" s="6"/>
      <c r="C19920" s="6" t="s">
        <v>19956</v>
      </c>
      <c r="D19920" s="6"/>
      <c r="E19920" s="6" t="s">
        <v>9</v>
      </c>
      <c r="F19920" s="7">
        <v>38657</v>
      </c>
      <c r="G19920" s="8">
        <v>1</v>
      </c>
      <c r="H19920" s="8">
        <v>1</v>
      </c>
      <c r="I19920" s="8">
        <v>0</v>
      </c>
      <c r="J19920" s="8">
        <v>1</v>
      </c>
      <c r="K19920" s="9">
        <v>40</v>
      </c>
      <c r="L19920" s="6" t="s">
        <v>4151</v>
      </c>
    </row>
    <row r="19921" spans="1:12">
      <c r="A19921" s="6" t="s">
        <v>4151</v>
      </c>
      <c r="B19921" s="6"/>
      <c r="C19921" s="6" t="s">
        <v>19957</v>
      </c>
      <c r="D19921" s="6"/>
      <c r="E19921" s="6" t="s">
        <v>9</v>
      </c>
      <c r="F19921" s="7">
        <v>38657</v>
      </c>
      <c r="G19921" s="8">
        <v>1</v>
      </c>
      <c r="H19921" s="8">
        <v>1</v>
      </c>
      <c r="I19921" s="8">
        <v>0</v>
      </c>
      <c r="J19921" s="8">
        <v>1</v>
      </c>
      <c r="K19921" s="9">
        <v>0.42</v>
      </c>
      <c r="L19921" s="6" t="s">
        <v>4151</v>
      </c>
    </row>
    <row r="19922" spans="1:12">
      <c r="A19922" s="6" t="s">
        <v>4151</v>
      </c>
      <c r="B19922" s="6"/>
      <c r="C19922" s="6" t="s">
        <v>19958</v>
      </c>
      <c r="D19922" s="6"/>
      <c r="E19922" s="6" t="s">
        <v>9</v>
      </c>
      <c r="F19922" s="7">
        <v>38657</v>
      </c>
      <c r="G19922" s="8">
        <v>1</v>
      </c>
      <c r="H19922" s="8">
        <v>1</v>
      </c>
      <c r="I19922" s="8">
        <v>0</v>
      </c>
      <c r="J19922" s="8">
        <v>1</v>
      </c>
      <c r="K19922" s="9">
        <v>4.18</v>
      </c>
      <c r="L19922" s="6" t="s">
        <v>4151</v>
      </c>
    </row>
    <row r="19923" spans="1:12">
      <c r="A19923" s="6" t="s">
        <v>4151</v>
      </c>
      <c r="B19923" s="6"/>
      <c r="C19923" s="6" t="s">
        <v>19959</v>
      </c>
      <c r="D19923" s="6"/>
      <c r="E19923" s="6" t="s">
        <v>9</v>
      </c>
      <c r="F19923" s="7">
        <v>38657</v>
      </c>
      <c r="G19923" s="8">
        <v>1</v>
      </c>
      <c r="H19923" s="8">
        <v>1</v>
      </c>
      <c r="I19923" s="8">
        <v>0</v>
      </c>
      <c r="J19923" s="8">
        <v>1</v>
      </c>
      <c r="K19923" s="9">
        <v>8.7899999999999903</v>
      </c>
      <c r="L19923" s="6" t="s">
        <v>4151</v>
      </c>
    </row>
    <row r="19924" spans="1:12">
      <c r="A19924" s="6" t="s">
        <v>4151</v>
      </c>
      <c r="B19924" s="6"/>
      <c r="C19924" s="6" t="s">
        <v>19960</v>
      </c>
      <c r="D19924" s="6"/>
      <c r="E19924" s="6" t="s">
        <v>9</v>
      </c>
      <c r="F19924" s="7">
        <v>38657</v>
      </c>
      <c r="G19924" s="8">
        <v>1</v>
      </c>
      <c r="H19924" s="8">
        <v>1</v>
      </c>
      <c r="I19924" s="8">
        <v>0</v>
      </c>
      <c r="J19924" s="8">
        <v>1</v>
      </c>
      <c r="K19924" s="9">
        <v>17</v>
      </c>
      <c r="L19924" s="6" t="s">
        <v>4151</v>
      </c>
    </row>
    <row r="19925" spans="1:12">
      <c r="A19925" s="6" t="s">
        <v>4151</v>
      </c>
      <c r="B19925" s="6"/>
      <c r="C19925" s="6" t="s">
        <v>19961</v>
      </c>
      <c r="D19925" s="6"/>
      <c r="E19925" s="6" t="s">
        <v>9</v>
      </c>
      <c r="F19925" s="7">
        <v>38657</v>
      </c>
      <c r="G19925" s="8">
        <v>1</v>
      </c>
      <c r="H19925" s="8">
        <v>1</v>
      </c>
      <c r="I19925" s="8">
        <v>0</v>
      </c>
      <c r="J19925" s="8">
        <v>1</v>
      </c>
      <c r="K19925" s="9">
        <v>0.7</v>
      </c>
      <c r="L19925" s="6" t="s">
        <v>4151</v>
      </c>
    </row>
    <row r="19926" spans="1:12">
      <c r="A19926" s="6" t="s">
        <v>4151</v>
      </c>
      <c r="B19926" s="6"/>
      <c r="C19926" s="6" t="s">
        <v>19962</v>
      </c>
      <c r="D19926" s="6"/>
      <c r="E19926" s="6" t="s">
        <v>9</v>
      </c>
      <c r="F19926" s="7">
        <v>38657</v>
      </c>
      <c r="G19926" s="8">
        <v>1</v>
      </c>
      <c r="H19926" s="8">
        <v>1</v>
      </c>
      <c r="I19926" s="8">
        <v>0</v>
      </c>
      <c r="J19926" s="8">
        <v>1</v>
      </c>
      <c r="K19926" s="9">
        <v>2.77</v>
      </c>
      <c r="L19926" s="6" t="s">
        <v>4151</v>
      </c>
    </row>
    <row r="19927" spans="1:12">
      <c r="A19927" s="6" t="s">
        <v>4151</v>
      </c>
      <c r="B19927" s="6"/>
      <c r="C19927" s="6" t="s">
        <v>19963</v>
      </c>
      <c r="D19927" s="6"/>
      <c r="E19927" s="6" t="s">
        <v>9</v>
      </c>
      <c r="F19927" s="7">
        <v>38657</v>
      </c>
      <c r="G19927" s="8">
        <v>1</v>
      </c>
      <c r="H19927" s="8">
        <v>1</v>
      </c>
      <c r="I19927" s="8">
        <v>0</v>
      </c>
      <c r="J19927" s="8">
        <v>1</v>
      </c>
      <c r="K19927" s="9">
        <v>9.9</v>
      </c>
      <c r="L19927" s="6" t="s">
        <v>4151</v>
      </c>
    </row>
    <row r="19928" spans="1:12">
      <c r="A19928" s="6" t="s">
        <v>4151</v>
      </c>
      <c r="B19928" s="6"/>
      <c r="C19928" s="6" t="s">
        <v>19964</v>
      </c>
      <c r="D19928" s="6"/>
      <c r="E19928" s="6" t="s">
        <v>9</v>
      </c>
      <c r="F19928" s="7">
        <v>38657</v>
      </c>
      <c r="G19928" s="8">
        <v>1</v>
      </c>
      <c r="H19928" s="8">
        <v>1</v>
      </c>
      <c r="I19928" s="8">
        <v>0</v>
      </c>
      <c r="J19928" s="8">
        <v>1</v>
      </c>
      <c r="K19928" s="9">
        <v>9.9</v>
      </c>
      <c r="L19928" s="6" t="s">
        <v>4151</v>
      </c>
    </row>
    <row r="19929" spans="1:12">
      <c r="A19929" s="6" t="s">
        <v>4151</v>
      </c>
      <c r="B19929" s="6"/>
      <c r="C19929" s="6" t="s">
        <v>19965</v>
      </c>
      <c r="D19929" s="6"/>
      <c r="E19929" s="6" t="s">
        <v>9</v>
      </c>
      <c r="F19929" s="7">
        <v>38657</v>
      </c>
      <c r="G19929" s="8">
        <v>1</v>
      </c>
      <c r="H19929" s="8">
        <v>1</v>
      </c>
      <c r="I19929" s="8">
        <v>0</v>
      </c>
      <c r="J19929" s="8">
        <v>1</v>
      </c>
      <c r="K19929" s="9">
        <v>22</v>
      </c>
      <c r="L19929" s="6" t="s">
        <v>4151</v>
      </c>
    </row>
    <row r="19930" spans="1:12">
      <c r="A19930" s="6" t="s">
        <v>4151</v>
      </c>
      <c r="B19930" s="6"/>
      <c r="C19930" s="6" t="s">
        <v>19966</v>
      </c>
      <c r="D19930" s="6"/>
      <c r="E19930" s="6" t="s">
        <v>9</v>
      </c>
      <c r="F19930" s="7">
        <v>38657</v>
      </c>
      <c r="G19930" s="8">
        <v>1</v>
      </c>
      <c r="H19930" s="8">
        <v>1</v>
      </c>
      <c r="I19930" s="8">
        <v>0</v>
      </c>
      <c r="J19930" s="8">
        <v>1</v>
      </c>
      <c r="K19930" s="9">
        <v>22</v>
      </c>
      <c r="L19930" s="6" t="s">
        <v>4151</v>
      </c>
    </row>
    <row r="19931" spans="1:12">
      <c r="A19931" s="6" t="s">
        <v>4151</v>
      </c>
      <c r="B19931" s="6"/>
      <c r="C19931" s="6" t="s">
        <v>19967</v>
      </c>
      <c r="D19931" s="6"/>
      <c r="E19931" s="6" t="s">
        <v>9</v>
      </c>
      <c r="F19931" s="7">
        <v>38657</v>
      </c>
      <c r="G19931" s="8">
        <v>1</v>
      </c>
      <c r="H19931" s="8">
        <v>1</v>
      </c>
      <c r="I19931" s="8">
        <v>0</v>
      </c>
      <c r="J19931" s="8">
        <v>1</v>
      </c>
      <c r="K19931" s="9">
        <v>16</v>
      </c>
      <c r="L19931" s="6" t="s">
        <v>4151</v>
      </c>
    </row>
    <row r="19932" spans="1:12">
      <c r="A19932" s="6" t="s">
        <v>4151</v>
      </c>
      <c r="B19932" s="6"/>
      <c r="C19932" s="6" t="s">
        <v>19968</v>
      </c>
      <c r="D19932" s="6"/>
      <c r="E19932" s="6" t="s">
        <v>9</v>
      </c>
      <c r="F19932" s="7">
        <v>38657</v>
      </c>
      <c r="G19932" s="8">
        <v>1</v>
      </c>
      <c r="H19932" s="8">
        <v>1</v>
      </c>
      <c r="I19932" s="8">
        <v>0</v>
      </c>
      <c r="J19932" s="8">
        <v>1</v>
      </c>
      <c r="K19932" s="9">
        <v>2.64</v>
      </c>
      <c r="L19932" s="6" t="s">
        <v>4151</v>
      </c>
    </row>
    <row r="19933" spans="1:12">
      <c r="A19933" s="6" t="s">
        <v>4151</v>
      </c>
      <c r="B19933" s="6"/>
      <c r="C19933" s="6" t="s">
        <v>19969</v>
      </c>
      <c r="D19933" s="6"/>
      <c r="E19933" s="6" t="s">
        <v>9</v>
      </c>
      <c r="F19933" s="7">
        <v>38657</v>
      </c>
      <c r="G19933" s="8">
        <v>1</v>
      </c>
      <c r="H19933" s="8">
        <v>1</v>
      </c>
      <c r="I19933" s="8">
        <v>0</v>
      </c>
      <c r="J19933" s="8">
        <v>1</v>
      </c>
      <c r="K19933" s="9">
        <v>16</v>
      </c>
      <c r="L19933" s="6" t="s">
        <v>4151</v>
      </c>
    </row>
    <row r="19934" spans="1:12">
      <c r="A19934" s="6" t="s">
        <v>4151</v>
      </c>
      <c r="B19934" s="6"/>
      <c r="C19934" s="6" t="s">
        <v>19970</v>
      </c>
      <c r="D19934" s="6"/>
      <c r="E19934" s="6" t="s">
        <v>9</v>
      </c>
      <c r="F19934" s="7">
        <v>38657</v>
      </c>
      <c r="G19934" s="8">
        <v>1</v>
      </c>
      <c r="H19934" s="8">
        <v>1</v>
      </c>
      <c r="I19934" s="8">
        <v>0</v>
      </c>
      <c r="J19934" s="8">
        <v>1</v>
      </c>
      <c r="K19934" s="9">
        <v>4.7300000000000004</v>
      </c>
      <c r="L19934" s="6" t="s">
        <v>4151</v>
      </c>
    </row>
    <row r="19935" spans="1:12">
      <c r="A19935" s="6" t="s">
        <v>4151</v>
      </c>
      <c r="B19935" s="6"/>
      <c r="C19935" s="6" t="s">
        <v>19971</v>
      </c>
      <c r="D19935" s="6"/>
      <c r="E19935" s="6" t="s">
        <v>9</v>
      </c>
      <c r="F19935" s="7">
        <v>38657</v>
      </c>
      <c r="G19935" s="8">
        <v>1</v>
      </c>
      <c r="H19935" s="8">
        <v>1</v>
      </c>
      <c r="I19935" s="8">
        <v>0</v>
      </c>
      <c r="J19935" s="8">
        <v>1</v>
      </c>
      <c r="K19935" s="9">
        <v>20</v>
      </c>
      <c r="L19935" s="6" t="s">
        <v>4151</v>
      </c>
    </row>
    <row r="19936" spans="1:12">
      <c r="A19936" s="6" t="s">
        <v>4151</v>
      </c>
      <c r="B19936" s="6"/>
      <c r="C19936" s="6" t="s">
        <v>19972</v>
      </c>
      <c r="D19936" s="6"/>
      <c r="E19936" s="6" t="s">
        <v>9</v>
      </c>
      <c r="F19936" s="7">
        <v>38657</v>
      </c>
      <c r="G19936" s="8">
        <v>1</v>
      </c>
      <c r="H19936" s="8">
        <v>1</v>
      </c>
      <c r="I19936" s="8">
        <v>0</v>
      </c>
      <c r="J19936" s="8">
        <v>1</v>
      </c>
      <c r="K19936" s="9">
        <v>11</v>
      </c>
      <c r="L19936" s="6" t="s">
        <v>4151</v>
      </c>
    </row>
    <row r="19937" spans="1:12">
      <c r="A19937" s="6" t="s">
        <v>4151</v>
      </c>
      <c r="B19937" s="6"/>
      <c r="C19937" s="6" t="s">
        <v>19973</v>
      </c>
      <c r="D19937" s="6"/>
      <c r="E19937" s="6" t="s">
        <v>9</v>
      </c>
      <c r="F19937" s="7">
        <v>38657</v>
      </c>
      <c r="G19937" s="8">
        <v>1</v>
      </c>
      <c r="H19937" s="8">
        <v>1</v>
      </c>
      <c r="I19937" s="8">
        <v>0</v>
      </c>
      <c r="J19937" s="8">
        <v>1</v>
      </c>
      <c r="K19937" s="9">
        <v>9.5</v>
      </c>
      <c r="L19937" s="6" t="s">
        <v>4151</v>
      </c>
    </row>
    <row r="19938" spans="1:12">
      <c r="A19938" s="6" t="s">
        <v>4151</v>
      </c>
      <c r="B19938" s="6"/>
      <c r="C19938" s="6" t="s">
        <v>19974</v>
      </c>
      <c r="D19938" s="6"/>
      <c r="E19938" s="6" t="s">
        <v>9</v>
      </c>
      <c r="F19938" s="7">
        <v>38657</v>
      </c>
      <c r="G19938" s="8">
        <v>1</v>
      </c>
      <c r="H19938" s="8">
        <v>1</v>
      </c>
      <c r="I19938" s="8">
        <v>0</v>
      </c>
      <c r="J19938" s="8">
        <v>1</v>
      </c>
      <c r="K19938" s="9">
        <v>16</v>
      </c>
      <c r="L19938" s="6" t="s">
        <v>4151</v>
      </c>
    </row>
    <row r="19939" spans="1:12">
      <c r="A19939" s="6" t="s">
        <v>4151</v>
      </c>
      <c r="B19939" s="6"/>
      <c r="C19939" s="6" t="s">
        <v>19975</v>
      </c>
      <c r="D19939" s="6"/>
      <c r="E19939" s="6" t="s">
        <v>9</v>
      </c>
      <c r="F19939" s="7">
        <v>38657</v>
      </c>
      <c r="G19939" s="8">
        <v>1</v>
      </c>
      <c r="H19939" s="8">
        <v>1</v>
      </c>
      <c r="I19939" s="8">
        <v>0</v>
      </c>
      <c r="J19939" s="8">
        <v>1</v>
      </c>
      <c r="K19939" s="9">
        <v>54</v>
      </c>
      <c r="L19939" s="6" t="s">
        <v>4151</v>
      </c>
    </row>
    <row r="19940" spans="1:12">
      <c r="A19940" s="6" t="s">
        <v>4151</v>
      </c>
      <c r="B19940" s="6"/>
      <c r="C19940" s="6" t="s">
        <v>19976</v>
      </c>
      <c r="D19940" s="6"/>
      <c r="E19940" s="6" t="s">
        <v>9</v>
      </c>
      <c r="F19940" s="7">
        <v>38657</v>
      </c>
      <c r="G19940" s="8">
        <v>1</v>
      </c>
      <c r="H19940" s="8">
        <v>1</v>
      </c>
      <c r="I19940" s="8">
        <v>0</v>
      </c>
      <c r="J19940" s="8">
        <v>1</v>
      </c>
      <c r="K19940" s="9">
        <v>4.72</v>
      </c>
      <c r="L19940" s="6" t="s">
        <v>4151</v>
      </c>
    </row>
    <row r="19941" spans="1:12">
      <c r="A19941" s="6" t="s">
        <v>4151</v>
      </c>
      <c r="B19941" s="6"/>
      <c r="C19941" s="6" t="s">
        <v>19977</v>
      </c>
      <c r="D19941" s="6"/>
      <c r="E19941" s="6" t="s">
        <v>9</v>
      </c>
      <c r="F19941" s="7">
        <v>38657</v>
      </c>
      <c r="G19941" s="8">
        <v>1</v>
      </c>
      <c r="H19941" s="8">
        <v>1</v>
      </c>
      <c r="I19941" s="8">
        <v>0</v>
      </c>
      <c r="J19941" s="8">
        <v>1</v>
      </c>
      <c r="K19941" s="9">
        <v>27</v>
      </c>
      <c r="L19941" s="6" t="s">
        <v>4151</v>
      </c>
    </row>
    <row r="19942" spans="1:12">
      <c r="A19942" s="6" t="s">
        <v>4151</v>
      </c>
      <c r="B19942" s="6"/>
      <c r="C19942" s="6" t="s">
        <v>19978</v>
      </c>
      <c r="D19942" s="6"/>
      <c r="E19942" s="6" t="s">
        <v>9</v>
      </c>
      <c r="F19942" s="7">
        <v>38657</v>
      </c>
      <c r="G19942" s="8">
        <v>1</v>
      </c>
      <c r="H19942" s="8">
        <v>1</v>
      </c>
      <c r="I19942" s="8">
        <v>0</v>
      </c>
      <c r="J19942" s="8">
        <v>1</v>
      </c>
      <c r="K19942" s="9">
        <v>2.5</v>
      </c>
      <c r="L19942" s="6" t="s">
        <v>4151</v>
      </c>
    </row>
    <row r="19943" spans="1:12">
      <c r="A19943" s="6" t="s">
        <v>4151</v>
      </c>
      <c r="B19943" s="6"/>
      <c r="C19943" s="6" t="s">
        <v>19979</v>
      </c>
      <c r="D19943" s="6"/>
      <c r="E19943" s="6" t="s">
        <v>9</v>
      </c>
      <c r="F19943" s="7">
        <v>38657</v>
      </c>
      <c r="G19943" s="8">
        <v>1</v>
      </c>
      <c r="H19943" s="8">
        <v>1</v>
      </c>
      <c r="I19943" s="8">
        <v>0</v>
      </c>
      <c r="J19943" s="8">
        <v>1</v>
      </c>
      <c r="K19943" s="9">
        <v>7.22</v>
      </c>
      <c r="L19943" s="6" t="s">
        <v>4151</v>
      </c>
    </row>
    <row r="19944" spans="1:12">
      <c r="A19944" s="6" t="s">
        <v>4151</v>
      </c>
      <c r="B19944" s="6"/>
      <c r="C19944" s="6" t="s">
        <v>19980</v>
      </c>
      <c r="D19944" s="6"/>
      <c r="E19944" s="6" t="s">
        <v>9</v>
      </c>
      <c r="F19944" s="7">
        <v>38657</v>
      </c>
      <c r="G19944" s="8">
        <v>1</v>
      </c>
      <c r="H19944" s="8">
        <v>1</v>
      </c>
      <c r="I19944" s="8">
        <v>0</v>
      </c>
      <c r="J19944" s="8">
        <v>1</v>
      </c>
      <c r="K19944" s="9">
        <v>4.8499999999999899</v>
      </c>
      <c r="L19944" s="6" t="s">
        <v>4151</v>
      </c>
    </row>
    <row r="19945" spans="1:12">
      <c r="A19945" s="6" t="s">
        <v>4151</v>
      </c>
      <c r="B19945" s="6"/>
      <c r="C19945" s="6" t="s">
        <v>19981</v>
      </c>
      <c r="D19945" s="6"/>
      <c r="E19945" s="6" t="s">
        <v>9</v>
      </c>
      <c r="F19945" s="7">
        <v>38657</v>
      </c>
      <c r="G19945" s="8">
        <v>1</v>
      </c>
      <c r="H19945" s="8">
        <v>1</v>
      </c>
      <c r="I19945" s="8">
        <v>0</v>
      </c>
      <c r="J19945" s="8">
        <v>1</v>
      </c>
      <c r="K19945" s="9">
        <v>4.7300000000000004</v>
      </c>
      <c r="L19945" s="6" t="s">
        <v>4151</v>
      </c>
    </row>
    <row r="19946" spans="1:12">
      <c r="A19946" s="6" t="s">
        <v>4151</v>
      </c>
      <c r="B19946" s="6"/>
      <c r="C19946" s="6" t="s">
        <v>19982</v>
      </c>
      <c r="D19946" s="6"/>
      <c r="E19946" s="6" t="s">
        <v>9</v>
      </c>
      <c r="F19946" s="7">
        <v>38657</v>
      </c>
      <c r="G19946" s="8">
        <v>1</v>
      </c>
      <c r="H19946" s="8">
        <v>1</v>
      </c>
      <c r="I19946" s="8">
        <v>0</v>
      </c>
      <c r="J19946" s="8">
        <v>1</v>
      </c>
      <c r="K19946" s="9">
        <v>42</v>
      </c>
      <c r="L19946" s="6" t="s">
        <v>4151</v>
      </c>
    </row>
    <row r="19947" spans="1:12">
      <c r="A19947" s="6" t="s">
        <v>4151</v>
      </c>
      <c r="B19947" s="6"/>
      <c r="C19947" s="6" t="s">
        <v>19983</v>
      </c>
      <c r="D19947" s="6"/>
      <c r="E19947" s="6" t="s">
        <v>9</v>
      </c>
      <c r="F19947" s="7">
        <v>38657</v>
      </c>
      <c r="G19947" s="8">
        <v>1</v>
      </c>
      <c r="H19947" s="8">
        <v>1</v>
      </c>
      <c r="I19947" s="8">
        <v>0</v>
      </c>
      <c r="J19947" s="8">
        <v>1</v>
      </c>
      <c r="K19947" s="9">
        <v>8.2799999999999905</v>
      </c>
      <c r="L19947" s="6" t="s">
        <v>4151</v>
      </c>
    </row>
    <row r="19948" spans="1:12">
      <c r="A19948" s="6" t="s">
        <v>4151</v>
      </c>
      <c r="B19948" s="6"/>
      <c r="C19948" s="6" t="s">
        <v>19984</v>
      </c>
      <c r="D19948" s="6"/>
      <c r="E19948" s="6" t="s">
        <v>9</v>
      </c>
      <c r="F19948" s="7">
        <v>38657</v>
      </c>
      <c r="G19948" s="8">
        <v>1</v>
      </c>
      <c r="H19948" s="8">
        <v>1</v>
      </c>
      <c r="I19948" s="8">
        <v>0</v>
      </c>
      <c r="J19948" s="8">
        <v>1</v>
      </c>
      <c r="K19948" s="9">
        <v>6.94</v>
      </c>
      <c r="L19948" s="6" t="s">
        <v>4151</v>
      </c>
    </row>
    <row r="19949" spans="1:12">
      <c r="A19949" s="6" t="s">
        <v>4151</v>
      </c>
      <c r="B19949" s="6"/>
      <c r="C19949" s="6" t="s">
        <v>19985</v>
      </c>
      <c r="D19949" s="6"/>
      <c r="E19949" s="6" t="s">
        <v>9</v>
      </c>
      <c r="F19949" s="7">
        <v>38657</v>
      </c>
      <c r="G19949" s="8">
        <v>1</v>
      </c>
      <c r="H19949" s="8">
        <v>1</v>
      </c>
      <c r="I19949" s="8">
        <v>0</v>
      </c>
      <c r="J19949" s="8">
        <v>1</v>
      </c>
      <c r="K19949" s="9">
        <v>17.2</v>
      </c>
      <c r="L19949" s="6" t="s">
        <v>4151</v>
      </c>
    </row>
    <row r="19950" spans="1:12">
      <c r="A19950" s="6" t="s">
        <v>4151</v>
      </c>
      <c r="B19950" s="6"/>
      <c r="C19950" s="6" t="s">
        <v>19986</v>
      </c>
      <c r="D19950" s="6"/>
      <c r="E19950" s="6" t="s">
        <v>9</v>
      </c>
      <c r="F19950" s="7">
        <v>38657</v>
      </c>
      <c r="G19950" s="8">
        <v>1</v>
      </c>
      <c r="H19950" s="8">
        <v>1</v>
      </c>
      <c r="I19950" s="8">
        <v>0</v>
      </c>
      <c r="J19950" s="8">
        <v>1</v>
      </c>
      <c r="K19950" s="9">
        <v>4.49</v>
      </c>
      <c r="L19950" s="6" t="s">
        <v>4151</v>
      </c>
    </row>
    <row r="19951" spans="1:12">
      <c r="A19951" s="6" t="s">
        <v>4151</v>
      </c>
      <c r="B19951" s="6"/>
      <c r="C19951" s="6" t="s">
        <v>19987</v>
      </c>
      <c r="D19951" s="6"/>
      <c r="E19951" s="6" t="s">
        <v>9</v>
      </c>
      <c r="F19951" s="7">
        <v>38657</v>
      </c>
      <c r="G19951" s="8">
        <v>1</v>
      </c>
      <c r="H19951" s="8">
        <v>1</v>
      </c>
      <c r="I19951" s="8">
        <v>0</v>
      </c>
      <c r="J19951" s="8">
        <v>1</v>
      </c>
      <c r="K19951" s="9">
        <v>28</v>
      </c>
      <c r="L19951" s="6" t="s">
        <v>4151</v>
      </c>
    </row>
    <row r="19952" spans="1:12">
      <c r="A19952" s="6" t="s">
        <v>4151</v>
      </c>
      <c r="B19952" s="6"/>
      <c r="C19952" s="6" t="s">
        <v>19988</v>
      </c>
      <c r="D19952" s="6"/>
      <c r="E19952" s="6" t="s">
        <v>9</v>
      </c>
      <c r="F19952" s="7">
        <v>38657</v>
      </c>
      <c r="G19952" s="8">
        <v>1</v>
      </c>
      <c r="H19952" s="8">
        <v>1</v>
      </c>
      <c r="I19952" s="8">
        <v>0</v>
      </c>
      <c r="J19952" s="8">
        <v>1</v>
      </c>
      <c r="K19952" s="9">
        <v>11</v>
      </c>
      <c r="L19952" s="6" t="s">
        <v>4151</v>
      </c>
    </row>
    <row r="19953" spans="1:12">
      <c r="A19953" s="6" t="s">
        <v>4151</v>
      </c>
      <c r="B19953" s="6"/>
      <c r="C19953" s="6" t="s">
        <v>19989</v>
      </c>
      <c r="D19953" s="6"/>
      <c r="E19953" s="6" t="s">
        <v>9</v>
      </c>
      <c r="F19953" s="7">
        <v>38657</v>
      </c>
      <c r="G19953" s="8">
        <v>1</v>
      </c>
      <c r="H19953" s="8">
        <v>1</v>
      </c>
      <c r="I19953" s="8">
        <v>0</v>
      </c>
      <c r="J19953" s="8">
        <v>1</v>
      </c>
      <c r="K19953" s="9">
        <v>13</v>
      </c>
      <c r="L19953" s="6" t="s">
        <v>4151</v>
      </c>
    </row>
    <row r="19954" spans="1:12">
      <c r="A19954" s="6" t="s">
        <v>4151</v>
      </c>
      <c r="B19954" s="6"/>
      <c r="C19954" s="6" t="s">
        <v>19990</v>
      </c>
      <c r="D19954" s="6"/>
      <c r="E19954" s="6" t="s">
        <v>9</v>
      </c>
      <c r="F19954" s="7">
        <v>38657</v>
      </c>
      <c r="G19954" s="8">
        <v>1</v>
      </c>
      <c r="H19954" s="8">
        <v>1</v>
      </c>
      <c r="I19954" s="8">
        <v>0</v>
      </c>
      <c r="J19954" s="8">
        <v>1</v>
      </c>
      <c r="K19954" s="9">
        <v>18</v>
      </c>
      <c r="L19954" s="6" t="s">
        <v>4151</v>
      </c>
    </row>
    <row r="19955" spans="1:12">
      <c r="A19955" s="6" t="s">
        <v>4151</v>
      </c>
      <c r="B19955" s="6"/>
      <c r="C19955" s="6" t="s">
        <v>19991</v>
      </c>
      <c r="D19955" s="6"/>
      <c r="E19955" s="6" t="s">
        <v>9</v>
      </c>
      <c r="F19955" s="7">
        <v>38657</v>
      </c>
      <c r="G19955" s="8">
        <v>1</v>
      </c>
      <c r="H19955" s="8">
        <v>1</v>
      </c>
      <c r="I19955" s="8">
        <v>0</v>
      </c>
      <c r="J19955" s="8">
        <v>1</v>
      </c>
      <c r="K19955" s="9">
        <v>27</v>
      </c>
      <c r="L19955" s="6" t="s">
        <v>4151</v>
      </c>
    </row>
    <row r="19956" spans="1:12">
      <c r="A19956" s="6" t="s">
        <v>4151</v>
      </c>
      <c r="B19956" s="6"/>
      <c r="C19956" s="6" t="s">
        <v>19992</v>
      </c>
      <c r="D19956" s="6"/>
      <c r="E19956" s="6" t="s">
        <v>9</v>
      </c>
      <c r="F19956" s="7">
        <v>38657</v>
      </c>
      <c r="G19956" s="8">
        <v>1</v>
      </c>
      <c r="H19956" s="8">
        <v>1</v>
      </c>
      <c r="I19956" s="8">
        <v>0</v>
      </c>
      <c r="J19956" s="8">
        <v>1</v>
      </c>
      <c r="K19956" s="9">
        <v>3.3</v>
      </c>
      <c r="L19956" s="6" t="s">
        <v>4151</v>
      </c>
    </row>
    <row r="19957" spans="1:12">
      <c r="A19957" s="6" t="s">
        <v>4151</v>
      </c>
      <c r="B19957" s="6"/>
      <c r="C19957" s="6" t="s">
        <v>19993</v>
      </c>
      <c r="D19957" s="6"/>
      <c r="E19957" s="6" t="s">
        <v>9</v>
      </c>
      <c r="F19957" s="7">
        <v>38657</v>
      </c>
      <c r="G19957" s="8">
        <v>1</v>
      </c>
      <c r="H19957" s="8">
        <v>1</v>
      </c>
      <c r="I19957" s="8">
        <v>0</v>
      </c>
      <c r="J19957" s="8">
        <v>1</v>
      </c>
      <c r="K19957" s="9">
        <v>4.7300000000000004</v>
      </c>
      <c r="L19957" s="6" t="s">
        <v>4151</v>
      </c>
    </row>
    <row r="19958" spans="1:12">
      <c r="A19958" s="6" t="s">
        <v>4151</v>
      </c>
      <c r="B19958" s="6"/>
      <c r="C19958" s="6" t="s">
        <v>19994</v>
      </c>
      <c r="D19958" s="6"/>
      <c r="E19958" s="6" t="s">
        <v>9</v>
      </c>
      <c r="F19958" s="7">
        <v>38657</v>
      </c>
      <c r="G19958" s="8">
        <v>1</v>
      </c>
      <c r="H19958" s="8">
        <v>1</v>
      </c>
      <c r="I19958" s="8">
        <v>0</v>
      </c>
      <c r="J19958" s="8">
        <v>1</v>
      </c>
      <c r="K19958" s="9">
        <v>19</v>
      </c>
      <c r="L19958" s="6" t="s">
        <v>4151</v>
      </c>
    </row>
    <row r="19959" spans="1:12">
      <c r="A19959" s="6" t="s">
        <v>4151</v>
      </c>
      <c r="B19959" s="6"/>
      <c r="C19959" s="6" t="s">
        <v>19995</v>
      </c>
      <c r="D19959" s="6"/>
      <c r="E19959" s="6" t="s">
        <v>9</v>
      </c>
      <c r="F19959" s="7">
        <v>38657</v>
      </c>
      <c r="G19959" s="8">
        <v>1</v>
      </c>
      <c r="H19959" s="8">
        <v>1</v>
      </c>
      <c r="I19959" s="8">
        <v>0</v>
      </c>
      <c r="J19959" s="8">
        <v>1</v>
      </c>
      <c r="K19959" s="9">
        <v>23</v>
      </c>
      <c r="L19959" s="6" t="s">
        <v>4151</v>
      </c>
    </row>
    <row r="19960" spans="1:12">
      <c r="A19960" s="6" t="s">
        <v>4151</v>
      </c>
      <c r="B19960" s="6"/>
      <c r="C19960" s="6" t="s">
        <v>19996</v>
      </c>
      <c r="D19960" s="6"/>
      <c r="E19960" s="6" t="s">
        <v>9</v>
      </c>
      <c r="F19960" s="7">
        <v>38657</v>
      </c>
      <c r="G19960" s="8">
        <v>1</v>
      </c>
      <c r="H19960" s="8">
        <v>1</v>
      </c>
      <c r="I19960" s="8">
        <v>0</v>
      </c>
      <c r="J19960" s="8">
        <v>1</v>
      </c>
      <c r="K19960" s="9">
        <v>9.43</v>
      </c>
      <c r="L19960" s="6" t="s">
        <v>4151</v>
      </c>
    </row>
    <row r="19961" spans="1:12">
      <c r="A19961" s="6" t="s">
        <v>4151</v>
      </c>
      <c r="B19961" s="6"/>
      <c r="C19961" s="6" t="s">
        <v>19997</v>
      </c>
      <c r="D19961" s="6"/>
      <c r="E19961" s="6" t="s">
        <v>9</v>
      </c>
      <c r="F19961" s="7">
        <v>38657</v>
      </c>
      <c r="G19961" s="8">
        <v>1</v>
      </c>
      <c r="H19961" s="8">
        <v>1</v>
      </c>
      <c r="I19961" s="8">
        <v>0</v>
      </c>
      <c r="J19961" s="8">
        <v>1</v>
      </c>
      <c r="K19961" s="9">
        <v>9.06</v>
      </c>
      <c r="L19961" s="6" t="s">
        <v>4151</v>
      </c>
    </row>
    <row r="19962" spans="1:12">
      <c r="A19962" s="6" t="s">
        <v>4151</v>
      </c>
      <c r="B19962" s="6"/>
      <c r="C19962" s="6" t="s">
        <v>19998</v>
      </c>
      <c r="D19962" s="6"/>
      <c r="E19962" s="6" t="s">
        <v>9</v>
      </c>
      <c r="F19962" s="7">
        <v>38657</v>
      </c>
      <c r="G19962" s="8">
        <v>1</v>
      </c>
      <c r="H19962" s="8">
        <v>1</v>
      </c>
      <c r="I19962" s="8">
        <v>0</v>
      </c>
      <c r="J19962" s="8">
        <v>1</v>
      </c>
      <c r="K19962" s="9">
        <v>1.86</v>
      </c>
      <c r="L19962" s="6" t="s">
        <v>4151</v>
      </c>
    </row>
    <row r="19963" spans="1:12">
      <c r="A19963" s="6" t="s">
        <v>4151</v>
      </c>
      <c r="B19963" s="6"/>
      <c r="C19963" s="6" t="s">
        <v>19999</v>
      </c>
      <c r="D19963" s="6"/>
      <c r="E19963" s="6" t="s">
        <v>9</v>
      </c>
      <c r="F19963" s="7">
        <v>38657</v>
      </c>
      <c r="G19963" s="8">
        <v>1</v>
      </c>
      <c r="H19963" s="8">
        <v>1</v>
      </c>
      <c r="I19963" s="8">
        <v>0</v>
      </c>
      <c r="J19963" s="8">
        <v>1</v>
      </c>
      <c r="K19963" s="9">
        <v>3.99</v>
      </c>
      <c r="L19963" s="6" t="s">
        <v>4151</v>
      </c>
    </row>
    <row r="19964" spans="1:12">
      <c r="A19964" s="6" t="s">
        <v>4151</v>
      </c>
      <c r="B19964" s="6"/>
      <c r="C19964" s="6" t="s">
        <v>20000</v>
      </c>
      <c r="D19964" s="6"/>
      <c r="E19964" s="6" t="s">
        <v>9</v>
      </c>
      <c r="F19964" s="7">
        <v>38657</v>
      </c>
      <c r="G19964" s="8">
        <v>1</v>
      </c>
      <c r="H19964" s="8">
        <v>1</v>
      </c>
      <c r="I19964" s="8">
        <v>0</v>
      </c>
      <c r="J19964" s="8">
        <v>1</v>
      </c>
      <c r="K19964" s="9">
        <v>9.6999999999999904</v>
      </c>
      <c r="L19964" s="6" t="s">
        <v>4151</v>
      </c>
    </row>
    <row r="19965" spans="1:12">
      <c r="A19965" s="6" t="s">
        <v>4151</v>
      </c>
      <c r="B19965" s="6"/>
      <c r="C19965" s="6" t="s">
        <v>20001</v>
      </c>
      <c r="D19965" s="6"/>
      <c r="E19965" s="6" t="s">
        <v>9</v>
      </c>
      <c r="F19965" s="7">
        <v>38657</v>
      </c>
      <c r="G19965" s="8">
        <v>1</v>
      </c>
      <c r="H19965" s="8">
        <v>1</v>
      </c>
      <c r="I19965" s="8">
        <v>0</v>
      </c>
      <c r="J19965" s="8">
        <v>1</v>
      </c>
      <c r="K19965" s="9">
        <v>19</v>
      </c>
      <c r="L19965" s="6" t="s">
        <v>4151</v>
      </c>
    </row>
    <row r="19966" spans="1:12">
      <c r="A19966" s="6" t="s">
        <v>4151</v>
      </c>
      <c r="B19966" s="6"/>
      <c r="C19966" s="6" t="s">
        <v>20002</v>
      </c>
      <c r="D19966" s="6"/>
      <c r="E19966" s="6" t="s">
        <v>9</v>
      </c>
      <c r="F19966" s="7">
        <v>38657</v>
      </c>
      <c r="G19966" s="8">
        <v>1</v>
      </c>
      <c r="H19966" s="8">
        <v>1</v>
      </c>
      <c r="I19966" s="8">
        <v>0</v>
      </c>
      <c r="J19966" s="8">
        <v>1</v>
      </c>
      <c r="K19966" s="9">
        <v>15</v>
      </c>
      <c r="L19966" s="6" t="s">
        <v>4151</v>
      </c>
    </row>
    <row r="19967" spans="1:12">
      <c r="A19967" s="6" t="s">
        <v>4151</v>
      </c>
      <c r="B19967" s="6"/>
      <c r="C19967" s="6" t="s">
        <v>20003</v>
      </c>
      <c r="D19967" s="6"/>
      <c r="E19967" s="6" t="s">
        <v>9</v>
      </c>
      <c r="F19967" s="7">
        <v>38657</v>
      </c>
      <c r="G19967" s="8">
        <v>1</v>
      </c>
      <c r="H19967" s="8">
        <v>1</v>
      </c>
      <c r="I19967" s="8">
        <v>0</v>
      </c>
      <c r="J19967" s="8">
        <v>1</v>
      </c>
      <c r="K19967" s="9">
        <v>17</v>
      </c>
      <c r="L19967" s="6" t="s">
        <v>4151</v>
      </c>
    </row>
    <row r="19968" spans="1:12">
      <c r="A19968" s="6" t="s">
        <v>4151</v>
      </c>
      <c r="B19968" s="6"/>
      <c r="C19968" s="6" t="s">
        <v>20004</v>
      </c>
      <c r="D19968" s="6"/>
      <c r="E19968" s="6" t="s">
        <v>9</v>
      </c>
      <c r="F19968" s="7">
        <v>38657</v>
      </c>
      <c r="G19968" s="8">
        <v>1</v>
      </c>
      <c r="H19968" s="8">
        <v>1</v>
      </c>
      <c r="I19968" s="8">
        <v>0</v>
      </c>
      <c r="J19968" s="8">
        <v>1</v>
      </c>
      <c r="K19968" s="9">
        <v>4.7300000000000004</v>
      </c>
      <c r="L19968" s="6" t="s">
        <v>4151</v>
      </c>
    </row>
    <row r="19969" spans="1:12">
      <c r="A19969" s="6" t="s">
        <v>4151</v>
      </c>
      <c r="B19969" s="6"/>
      <c r="C19969" s="6" t="s">
        <v>20005</v>
      </c>
      <c r="D19969" s="6"/>
      <c r="E19969" s="6" t="s">
        <v>9</v>
      </c>
      <c r="F19969" s="7">
        <v>38657</v>
      </c>
      <c r="G19969" s="8">
        <v>1</v>
      </c>
      <c r="H19969" s="8">
        <v>1</v>
      </c>
      <c r="I19969" s="8">
        <v>0</v>
      </c>
      <c r="J19969" s="8">
        <v>1</v>
      </c>
      <c r="K19969" s="9">
        <v>10</v>
      </c>
      <c r="L19969" s="6" t="s">
        <v>4151</v>
      </c>
    </row>
    <row r="19970" spans="1:12">
      <c r="A19970" s="6" t="s">
        <v>4151</v>
      </c>
      <c r="B19970" s="6"/>
      <c r="C19970" s="6" t="s">
        <v>20006</v>
      </c>
      <c r="D19970" s="6"/>
      <c r="E19970" s="6" t="s">
        <v>9</v>
      </c>
      <c r="F19970" s="7">
        <v>38657</v>
      </c>
      <c r="G19970" s="8">
        <v>1</v>
      </c>
      <c r="H19970" s="8">
        <v>1</v>
      </c>
      <c r="I19970" s="8">
        <v>0</v>
      </c>
      <c r="J19970" s="8">
        <v>1</v>
      </c>
      <c r="K19970" s="9">
        <v>31</v>
      </c>
      <c r="L19970" s="6" t="s">
        <v>4151</v>
      </c>
    </row>
    <row r="19971" spans="1:12">
      <c r="A19971" s="6" t="s">
        <v>4151</v>
      </c>
      <c r="B19971" s="6"/>
      <c r="C19971" s="6" t="s">
        <v>20007</v>
      </c>
      <c r="D19971" s="6"/>
      <c r="E19971" s="6" t="s">
        <v>9</v>
      </c>
      <c r="F19971" s="7">
        <v>38657</v>
      </c>
      <c r="G19971" s="8">
        <v>1</v>
      </c>
      <c r="H19971" s="8">
        <v>1</v>
      </c>
      <c r="I19971" s="8">
        <v>0</v>
      </c>
      <c r="J19971" s="8">
        <v>1</v>
      </c>
      <c r="K19971" s="9">
        <v>21</v>
      </c>
      <c r="L19971" s="6" t="s">
        <v>4151</v>
      </c>
    </row>
    <row r="19972" spans="1:12">
      <c r="A19972" s="6" t="s">
        <v>4151</v>
      </c>
      <c r="B19972" s="6"/>
      <c r="C19972" s="6" t="s">
        <v>20008</v>
      </c>
      <c r="D19972" s="6"/>
      <c r="E19972" s="6" t="s">
        <v>9</v>
      </c>
      <c r="F19972" s="7">
        <v>38657</v>
      </c>
      <c r="G19972" s="8">
        <v>1</v>
      </c>
      <c r="H19972" s="8">
        <v>1</v>
      </c>
      <c r="I19972" s="8">
        <v>0</v>
      </c>
      <c r="J19972" s="8">
        <v>1</v>
      </c>
      <c r="K19972" s="9">
        <v>23</v>
      </c>
      <c r="L19972" s="6" t="s">
        <v>4151</v>
      </c>
    </row>
    <row r="19973" spans="1:12">
      <c r="A19973" s="6" t="s">
        <v>4151</v>
      </c>
      <c r="B19973" s="6"/>
      <c r="C19973" s="6" t="s">
        <v>20009</v>
      </c>
      <c r="D19973" s="6"/>
      <c r="E19973" s="6" t="s">
        <v>9</v>
      </c>
      <c r="F19973" s="7">
        <v>38657</v>
      </c>
      <c r="G19973" s="8">
        <v>1</v>
      </c>
      <c r="H19973" s="8">
        <v>1</v>
      </c>
      <c r="I19973" s="8">
        <v>0</v>
      </c>
      <c r="J19973" s="8">
        <v>1</v>
      </c>
      <c r="K19973" s="9">
        <v>8.65</v>
      </c>
      <c r="L19973" s="6" t="s">
        <v>4151</v>
      </c>
    </row>
    <row r="19974" spans="1:12">
      <c r="A19974" s="6" t="s">
        <v>4151</v>
      </c>
      <c r="B19974" s="6"/>
      <c r="C19974" s="6" t="s">
        <v>20010</v>
      </c>
      <c r="D19974" s="6"/>
      <c r="E19974" s="6" t="s">
        <v>9</v>
      </c>
      <c r="F19974" s="7">
        <v>38657</v>
      </c>
      <c r="G19974" s="8">
        <v>1</v>
      </c>
      <c r="H19974" s="8">
        <v>1</v>
      </c>
      <c r="I19974" s="8">
        <v>0</v>
      </c>
      <c r="J19974" s="8">
        <v>1</v>
      </c>
      <c r="K19974" s="9">
        <v>10</v>
      </c>
      <c r="L19974" s="6" t="s">
        <v>4151</v>
      </c>
    </row>
    <row r="19975" spans="1:12">
      <c r="A19975" s="6" t="s">
        <v>4151</v>
      </c>
      <c r="B19975" s="6"/>
      <c r="C19975" s="6" t="s">
        <v>20011</v>
      </c>
      <c r="D19975" s="6"/>
      <c r="E19975" s="6" t="s">
        <v>9</v>
      </c>
      <c r="F19975" s="7">
        <v>38657</v>
      </c>
      <c r="G19975" s="8">
        <v>1</v>
      </c>
      <c r="H19975" s="8">
        <v>1</v>
      </c>
      <c r="I19975" s="8">
        <v>0</v>
      </c>
      <c r="J19975" s="8">
        <v>1</v>
      </c>
      <c r="K19975" s="9">
        <v>16</v>
      </c>
      <c r="L19975" s="6" t="s">
        <v>4151</v>
      </c>
    </row>
    <row r="19976" spans="1:12">
      <c r="A19976" s="6" t="s">
        <v>4151</v>
      </c>
      <c r="B19976" s="6"/>
      <c r="C19976" s="6" t="s">
        <v>20012</v>
      </c>
      <c r="D19976" s="6"/>
      <c r="E19976" s="6" t="s">
        <v>9</v>
      </c>
      <c r="F19976" s="7">
        <v>38657</v>
      </c>
      <c r="G19976" s="8">
        <v>1</v>
      </c>
      <c r="H19976" s="8">
        <v>1</v>
      </c>
      <c r="I19976" s="8">
        <v>0</v>
      </c>
      <c r="J19976" s="8">
        <v>1</v>
      </c>
      <c r="K19976" s="9">
        <v>1.42</v>
      </c>
      <c r="L19976" s="6" t="s">
        <v>4151</v>
      </c>
    </row>
    <row r="19977" spans="1:12">
      <c r="A19977" s="6" t="s">
        <v>4151</v>
      </c>
      <c r="B19977" s="6"/>
      <c r="C19977" s="6" t="s">
        <v>20013</v>
      </c>
      <c r="D19977" s="6"/>
      <c r="E19977" s="6" t="s">
        <v>9</v>
      </c>
      <c r="F19977" s="7">
        <v>38657</v>
      </c>
      <c r="G19977" s="8">
        <v>1</v>
      </c>
      <c r="H19977" s="8">
        <v>1</v>
      </c>
      <c r="I19977" s="8">
        <v>0</v>
      </c>
      <c r="J19977" s="8">
        <v>1</v>
      </c>
      <c r="K19977" s="9">
        <v>4.5599999999999898</v>
      </c>
      <c r="L19977" s="6" t="s">
        <v>4151</v>
      </c>
    </row>
    <row r="19978" spans="1:12">
      <c r="A19978" s="6" t="s">
        <v>4151</v>
      </c>
      <c r="B19978" s="6"/>
      <c r="C19978" s="6" t="s">
        <v>20014</v>
      </c>
      <c r="D19978" s="6"/>
      <c r="E19978" s="6" t="s">
        <v>9</v>
      </c>
      <c r="F19978" s="7">
        <v>38657</v>
      </c>
      <c r="G19978" s="8">
        <v>1</v>
      </c>
      <c r="H19978" s="8">
        <v>1</v>
      </c>
      <c r="I19978" s="8">
        <v>0</v>
      </c>
      <c r="J19978" s="8">
        <v>1</v>
      </c>
      <c r="K19978" s="9">
        <v>50</v>
      </c>
      <c r="L19978" s="6" t="s">
        <v>4151</v>
      </c>
    </row>
    <row r="19979" spans="1:12">
      <c r="A19979" s="6" t="s">
        <v>4151</v>
      </c>
      <c r="B19979" s="6"/>
      <c r="C19979" s="6" t="s">
        <v>20015</v>
      </c>
      <c r="D19979" s="6"/>
      <c r="E19979" s="6" t="s">
        <v>9</v>
      </c>
      <c r="F19979" s="7">
        <v>38657</v>
      </c>
      <c r="G19979" s="8">
        <v>1</v>
      </c>
      <c r="H19979" s="8">
        <v>1</v>
      </c>
      <c r="I19979" s="8">
        <v>0</v>
      </c>
      <c r="J19979" s="8">
        <v>1</v>
      </c>
      <c r="K19979" s="9">
        <v>19</v>
      </c>
      <c r="L19979" s="6" t="s">
        <v>4151</v>
      </c>
    </row>
    <row r="19980" spans="1:12">
      <c r="A19980" s="6" t="s">
        <v>4151</v>
      </c>
      <c r="B19980" s="6"/>
      <c r="C19980" s="6" t="s">
        <v>20016</v>
      </c>
      <c r="D19980" s="6"/>
      <c r="E19980" s="6" t="s">
        <v>9</v>
      </c>
      <c r="F19980" s="7">
        <v>38657</v>
      </c>
      <c r="G19980" s="8">
        <v>1</v>
      </c>
      <c r="H19980" s="8">
        <v>1</v>
      </c>
      <c r="I19980" s="8">
        <v>0</v>
      </c>
      <c r="J19980" s="8">
        <v>1</v>
      </c>
      <c r="K19980" s="9">
        <v>1.75</v>
      </c>
      <c r="L19980" s="6" t="s">
        <v>4151</v>
      </c>
    </row>
    <row r="19981" spans="1:12">
      <c r="A19981" s="6" t="s">
        <v>4151</v>
      </c>
      <c r="B19981" s="6"/>
      <c r="C19981" s="6" t="s">
        <v>20017</v>
      </c>
      <c r="D19981" s="6"/>
      <c r="E19981" s="6" t="s">
        <v>9</v>
      </c>
      <c r="F19981" s="7">
        <v>38657</v>
      </c>
      <c r="G19981" s="8">
        <v>1</v>
      </c>
      <c r="H19981" s="8">
        <v>1</v>
      </c>
      <c r="I19981" s="8">
        <v>0</v>
      </c>
      <c r="J19981" s="8">
        <v>1</v>
      </c>
      <c r="K19981" s="9">
        <v>18</v>
      </c>
      <c r="L19981" s="6" t="s">
        <v>4151</v>
      </c>
    </row>
    <row r="19982" spans="1:12">
      <c r="A19982" s="6" t="s">
        <v>4151</v>
      </c>
      <c r="B19982" s="6"/>
      <c r="C19982" s="6" t="s">
        <v>20018</v>
      </c>
      <c r="D19982" s="6"/>
      <c r="E19982" s="6" t="s">
        <v>9</v>
      </c>
      <c r="F19982" s="7">
        <v>38657</v>
      </c>
      <c r="G19982" s="8">
        <v>1</v>
      </c>
      <c r="H19982" s="8">
        <v>1</v>
      </c>
      <c r="I19982" s="8">
        <v>0</v>
      </c>
      <c r="J19982" s="8">
        <v>1</v>
      </c>
      <c r="K19982" s="9">
        <v>3</v>
      </c>
      <c r="L19982" s="6" t="s">
        <v>4151</v>
      </c>
    </row>
    <row r="19983" spans="1:12">
      <c r="A19983" s="6" t="s">
        <v>4151</v>
      </c>
      <c r="B19983" s="6"/>
      <c r="C19983" s="6" t="s">
        <v>20019</v>
      </c>
      <c r="D19983" s="6"/>
      <c r="E19983" s="6" t="s">
        <v>9</v>
      </c>
      <c r="F19983" s="7">
        <v>38657</v>
      </c>
      <c r="G19983" s="8">
        <v>1</v>
      </c>
      <c r="H19983" s="8">
        <v>1</v>
      </c>
      <c r="I19983" s="8">
        <v>0</v>
      </c>
      <c r="J19983" s="8">
        <v>1</v>
      </c>
      <c r="K19983" s="9">
        <v>2.62</v>
      </c>
      <c r="L19983" s="6" t="s">
        <v>4151</v>
      </c>
    </row>
    <row r="19984" spans="1:12">
      <c r="A19984" s="6" t="s">
        <v>4151</v>
      </c>
      <c r="B19984" s="6"/>
      <c r="C19984" s="6" t="s">
        <v>20020</v>
      </c>
      <c r="D19984" s="6"/>
      <c r="E19984" s="6" t="s">
        <v>9</v>
      </c>
      <c r="F19984" s="7">
        <v>38657</v>
      </c>
      <c r="G19984" s="8">
        <v>1</v>
      </c>
      <c r="H19984" s="8">
        <v>1</v>
      </c>
      <c r="I19984" s="8">
        <v>0</v>
      </c>
      <c r="J19984" s="8">
        <v>1</v>
      </c>
      <c r="K19984" s="9">
        <v>12</v>
      </c>
      <c r="L19984" s="6" t="s">
        <v>4151</v>
      </c>
    </row>
    <row r="19985" spans="1:12">
      <c r="A19985" s="6" t="s">
        <v>4151</v>
      </c>
      <c r="B19985" s="6"/>
      <c r="C19985" s="6" t="s">
        <v>20021</v>
      </c>
      <c r="D19985" s="6"/>
      <c r="E19985" s="6" t="s">
        <v>9</v>
      </c>
      <c r="F19985" s="7">
        <v>38657</v>
      </c>
      <c r="G19985" s="8">
        <v>1</v>
      </c>
      <c r="H19985" s="8">
        <v>1</v>
      </c>
      <c r="I19985" s="8">
        <v>0</v>
      </c>
      <c r="J19985" s="8">
        <v>1</v>
      </c>
      <c r="K19985" s="9">
        <v>15</v>
      </c>
      <c r="L19985" s="6" t="s">
        <v>4151</v>
      </c>
    </row>
    <row r="19986" spans="1:12">
      <c r="A19986" s="6" t="s">
        <v>4151</v>
      </c>
      <c r="B19986" s="6"/>
      <c r="C19986" s="6" t="s">
        <v>20022</v>
      </c>
      <c r="D19986" s="6"/>
      <c r="E19986" s="6" t="s">
        <v>9</v>
      </c>
      <c r="F19986" s="7">
        <v>38657</v>
      </c>
      <c r="G19986" s="8">
        <v>1</v>
      </c>
      <c r="H19986" s="8">
        <v>1</v>
      </c>
      <c r="I19986" s="8">
        <v>0</v>
      </c>
      <c r="J19986" s="8">
        <v>1</v>
      </c>
      <c r="K19986" s="9">
        <v>12</v>
      </c>
      <c r="L19986" s="6" t="s">
        <v>4151</v>
      </c>
    </row>
    <row r="19987" spans="1:12">
      <c r="A19987" s="6" t="s">
        <v>4151</v>
      </c>
      <c r="B19987" s="6"/>
      <c r="C19987" s="6" t="s">
        <v>20023</v>
      </c>
      <c r="D19987" s="6"/>
      <c r="E19987" s="6" t="s">
        <v>9</v>
      </c>
      <c r="F19987" s="7">
        <v>38657</v>
      </c>
      <c r="G19987" s="8">
        <v>1</v>
      </c>
      <c r="H19987" s="8">
        <v>1</v>
      </c>
      <c r="I19987" s="8">
        <v>0</v>
      </c>
      <c r="J19987" s="8">
        <v>1</v>
      </c>
      <c r="K19987" s="9">
        <v>1.23</v>
      </c>
      <c r="L19987" s="6" t="s">
        <v>4151</v>
      </c>
    </row>
    <row r="19988" spans="1:12">
      <c r="A19988" s="6" t="s">
        <v>4151</v>
      </c>
      <c r="B19988" s="6"/>
      <c r="C19988" s="6" t="s">
        <v>20024</v>
      </c>
      <c r="D19988" s="6"/>
      <c r="E19988" s="6" t="s">
        <v>9</v>
      </c>
      <c r="F19988" s="7">
        <v>38657</v>
      </c>
      <c r="G19988" s="8">
        <v>1</v>
      </c>
      <c r="H19988" s="8">
        <v>1</v>
      </c>
      <c r="I19988" s="8">
        <v>0</v>
      </c>
      <c r="J19988" s="8">
        <v>1</v>
      </c>
      <c r="K19988" s="9">
        <v>6.73</v>
      </c>
      <c r="L19988" s="6" t="s">
        <v>4151</v>
      </c>
    </row>
    <row r="19989" spans="1:12">
      <c r="A19989" s="6" t="s">
        <v>4151</v>
      </c>
      <c r="B19989" s="6"/>
      <c r="C19989" s="6" t="s">
        <v>20025</v>
      </c>
      <c r="D19989" s="6"/>
      <c r="E19989" s="6" t="s">
        <v>9</v>
      </c>
      <c r="F19989" s="7">
        <v>38657</v>
      </c>
      <c r="G19989" s="8">
        <v>1</v>
      </c>
      <c r="H19989" s="8">
        <v>1</v>
      </c>
      <c r="I19989" s="8">
        <v>0</v>
      </c>
      <c r="J19989" s="8">
        <v>1</v>
      </c>
      <c r="K19989" s="9">
        <v>7.48</v>
      </c>
      <c r="L19989" s="6" t="s">
        <v>4151</v>
      </c>
    </row>
    <row r="19990" spans="1:12">
      <c r="A19990" s="6" t="s">
        <v>4151</v>
      </c>
      <c r="B19990" s="6"/>
      <c r="C19990" s="6" t="s">
        <v>20026</v>
      </c>
      <c r="D19990" s="6"/>
      <c r="E19990" s="6" t="s">
        <v>9</v>
      </c>
      <c r="F19990" s="7">
        <v>38657</v>
      </c>
      <c r="G19990" s="8">
        <v>1</v>
      </c>
      <c r="H19990" s="8">
        <v>1</v>
      </c>
      <c r="I19990" s="8">
        <v>0</v>
      </c>
      <c r="J19990" s="8">
        <v>1</v>
      </c>
      <c r="K19990" s="9">
        <v>478</v>
      </c>
      <c r="L19990" s="6" t="s">
        <v>4151</v>
      </c>
    </row>
    <row r="19991" spans="1:12">
      <c r="A19991" s="6" t="s">
        <v>4151</v>
      </c>
      <c r="B19991" s="6"/>
      <c r="C19991" s="6" t="s">
        <v>20027</v>
      </c>
      <c r="D19991" s="6"/>
      <c r="E19991" s="6" t="s">
        <v>9</v>
      </c>
      <c r="F19991" s="7">
        <v>38657</v>
      </c>
      <c r="G19991" s="8">
        <v>1</v>
      </c>
      <c r="H19991" s="8">
        <v>1</v>
      </c>
      <c r="I19991" s="8">
        <v>0</v>
      </c>
      <c r="J19991" s="8">
        <v>1</v>
      </c>
      <c r="K19991" s="9">
        <v>3.78</v>
      </c>
      <c r="L19991" s="6" t="s">
        <v>4151</v>
      </c>
    </row>
    <row r="19992" spans="1:12">
      <c r="A19992" s="6" t="s">
        <v>4151</v>
      </c>
      <c r="B19992" s="6"/>
      <c r="C19992" s="6" t="s">
        <v>20028</v>
      </c>
      <c r="D19992" s="6"/>
      <c r="E19992" s="6" t="s">
        <v>9</v>
      </c>
      <c r="F19992" s="7">
        <v>38657</v>
      </c>
      <c r="G19992" s="8">
        <v>1</v>
      </c>
      <c r="H19992" s="8">
        <v>1</v>
      </c>
      <c r="I19992" s="8">
        <v>0</v>
      </c>
      <c r="J19992" s="8">
        <v>1</v>
      </c>
      <c r="K19992" s="9">
        <v>10</v>
      </c>
      <c r="L19992" s="6" t="s">
        <v>4151</v>
      </c>
    </row>
    <row r="19993" spans="1:12">
      <c r="A19993" s="6" t="s">
        <v>4151</v>
      </c>
      <c r="B19993" s="6"/>
      <c r="C19993" s="6" t="s">
        <v>20029</v>
      </c>
      <c r="D19993" s="6"/>
      <c r="E19993" s="6" t="s">
        <v>9</v>
      </c>
      <c r="F19993" s="7">
        <v>38657</v>
      </c>
      <c r="G19993" s="8">
        <v>1</v>
      </c>
      <c r="H19993" s="8">
        <v>1</v>
      </c>
      <c r="I19993" s="8">
        <v>0</v>
      </c>
      <c r="J19993" s="8">
        <v>1</v>
      </c>
      <c r="K19993" s="9">
        <v>8.98</v>
      </c>
      <c r="L19993" s="6" t="s">
        <v>4151</v>
      </c>
    </row>
    <row r="19994" spans="1:12">
      <c r="A19994" s="6" t="s">
        <v>4151</v>
      </c>
      <c r="B19994" s="6"/>
      <c r="C19994" s="6" t="s">
        <v>20030</v>
      </c>
      <c r="D19994" s="6"/>
      <c r="E19994" s="6" t="s">
        <v>9</v>
      </c>
      <c r="F19994" s="7">
        <v>38657</v>
      </c>
      <c r="G19994" s="8">
        <v>1</v>
      </c>
      <c r="H19994" s="8">
        <v>1</v>
      </c>
      <c r="I19994" s="8">
        <v>0</v>
      </c>
      <c r="J19994" s="8">
        <v>1</v>
      </c>
      <c r="K19994" s="9">
        <v>33</v>
      </c>
      <c r="L19994" s="6" t="s">
        <v>4151</v>
      </c>
    </row>
    <row r="19995" spans="1:12">
      <c r="A19995" s="6" t="s">
        <v>4151</v>
      </c>
      <c r="B19995" s="6"/>
      <c r="C19995" s="6" t="s">
        <v>20031</v>
      </c>
      <c r="D19995" s="6"/>
      <c r="E19995" s="6" t="s">
        <v>9</v>
      </c>
      <c r="F19995" s="7">
        <v>38657</v>
      </c>
      <c r="G19995" s="8">
        <v>1</v>
      </c>
      <c r="H19995" s="8">
        <v>1</v>
      </c>
      <c r="I19995" s="8">
        <v>0</v>
      </c>
      <c r="J19995" s="8">
        <v>1</v>
      </c>
      <c r="K19995" s="9">
        <v>21</v>
      </c>
      <c r="L19995" s="6" t="s">
        <v>4151</v>
      </c>
    </row>
    <row r="19996" spans="1:12">
      <c r="A19996" s="6" t="s">
        <v>4151</v>
      </c>
      <c r="B19996" s="6"/>
      <c r="C19996" s="6" t="s">
        <v>20032</v>
      </c>
      <c r="D19996" s="6"/>
      <c r="E19996" s="6" t="s">
        <v>9</v>
      </c>
      <c r="F19996" s="7">
        <v>38657</v>
      </c>
      <c r="G19996" s="8">
        <v>1</v>
      </c>
      <c r="H19996" s="8">
        <v>1</v>
      </c>
      <c r="I19996" s="8">
        <v>0</v>
      </c>
      <c r="J19996" s="8">
        <v>1</v>
      </c>
      <c r="K19996" s="9">
        <v>21</v>
      </c>
      <c r="L19996" s="6" t="s">
        <v>4151</v>
      </c>
    </row>
    <row r="19997" spans="1:12">
      <c r="A19997" s="6" t="s">
        <v>4151</v>
      </c>
      <c r="B19997" s="6"/>
      <c r="C19997" s="6" t="s">
        <v>20033</v>
      </c>
      <c r="D19997" s="6"/>
      <c r="E19997" s="6" t="s">
        <v>9</v>
      </c>
      <c r="F19997" s="7">
        <v>38657</v>
      </c>
      <c r="G19997" s="8">
        <v>1</v>
      </c>
      <c r="H19997" s="8">
        <v>1</v>
      </c>
      <c r="I19997" s="8">
        <v>0</v>
      </c>
      <c r="J19997" s="8">
        <v>1</v>
      </c>
      <c r="K19997" s="9">
        <v>60</v>
      </c>
      <c r="L19997" s="6" t="s">
        <v>4151</v>
      </c>
    </row>
    <row r="19998" spans="1:12">
      <c r="A19998" s="6" t="s">
        <v>4151</v>
      </c>
      <c r="B19998" s="6"/>
      <c r="C19998" s="6" t="s">
        <v>20034</v>
      </c>
      <c r="D19998" s="6"/>
      <c r="E19998" s="6" t="s">
        <v>9</v>
      </c>
      <c r="F19998" s="7">
        <v>38657</v>
      </c>
      <c r="G19998" s="8">
        <v>1</v>
      </c>
      <c r="H19998" s="8">
        <v>1</v>
      </c>
      <c r="I19998" s="8">
        <v>0</v>
      </c>
      <c r="J19998" s="8">
        <v>1</v>
      </c>
      <c r="K19998" s="9">
        <v>4.4400000000000004</v>
      </c>
      <c r="L19998" s="6" t="s">
        <v>4151</v>
      </c>
    </row>
    <row r="19999" spans="1:12">
      <c r="A19999" s="6" t="s">
        <v>4151</v>
      </c>
      <c r="B19999" s="6"/>
      <c r="C19999" s="6" t="s">
        <v>20035</v>
      </c>
      <c r="D19999" s="6"/>
      <c r="E19999" s="6" t="s">
        <v>9</v>
      </c>
      <c r="F19999" s="7">
        <v>38657</v>
      </c>
      <c r="G19999" s="8">
        <v>1</v>
      </c>
      <c r="H19999" s="8">
        <v>1</v>
      </c>
      <c r="I19999" s="8">
        <v>0</v>
      </c>
      <c r="J19999" s="8">
        <v>1</v>
      </c>
      <c r="K19999" s="9">
        <v>7.59</v>
      </c>
      <c r="L19999" s="6" t="s">
        <v>4151</v>
      </c>
    </row>
    <row r="20000" spans="1:12">
      <c r="A20000" s="6" t="s">
        <v>4151</v>
      </c>
      <c r="B20000" s="6"/>
      <c r="C20000" s="6" t="s">
        <v>20036</v>
      </c>
      <c r="D20000" s="6"/>
      <c r="E20000" s="6" t="s">
        <v>9</v>
      </c>
      <c r="F20000" s="7">
        <v>38657</v>
      </c>
      <c r="G20000" s="8">
        <v>1</v>
      </c>
      <c r="H20000" s="8">
        <v>1</v>
      </c>
      <c r="I20000" s="8">
        <v>0</v>
      </c>
      <c r="J20000" s="8">
        <v>1</v>
      </c>
      <c r="K20000" s="9">
        <v>6.35</v>
      </c>
      <c r="L20000" s="6" t="s">
        <v>4151</v>
      </c>
    </row>
    <row r="20001" spans="1:12">
      <c r="A20001" s="6" t="s">
        <v>4151</v>
      </c>
      <c r="B20001" s="6"/>
      <c r="C20001" s="6" t="s">
        <v>20037</v>
      </c>
      <c r="D20001" s="6"/>
      <c r="E20001" s="6" t="s">
        <v>9</v>
      </c>
      <c r="F20001" s="7">
        <v>38657</v>
      </c>
      <c r="G20001" s="8">
        <v>1</v>
      </c>
      <c r="H20001" s="8">
        <v>1</v>
      </c>
      <c r="I20001" s="8">
        <v>0</v>
      </c>
      <c r="J20001" s="8">
        <v>1</v>
      </c>
      <c r="K20001" s="9">
        <v>79</v>
      </c>
      <c r="L20001" s="6" t="s">
        <v>4151</v>
      </c>
    </row>
    <row r="20002" spans="1:12">
      <c r="A20002" s="6" t="s">
        <v>4151</v>
      </c>
      <c r="B20002" s="6"/>
      <c r="C20002" s="6" t="s">
        <v>20038</v>
      </c>
      <c r="D20002" s="6"/>
      <c r="E20002" s="6" t="s">
        <v>9</v>
      </c>
      <c r="F20002" s="7">
        <v>38657</v>
      </c>
      <c r="G20002" s="8">
        <v>1</v>
      </c>
      <c r="H20002" s="8">
        <v>1</v>
      </c>
      <c r="I20002" s="8">
        <v>0</v>
      </c>
      <c r="J20002" s="8">
        <v>1</v>
      </c>
      <c r="K20002" s="9">
        <v>20.66</v>
      </c>
      <c r="L20002" s="6" t="s">
        <v>4151</v>
      </c>
    </row>
    <row r="20003" spans="1:12">
      <c r="A20003" s="6" t="s">
        <v>4151</v>
      </c>
      <c r="B20003" s="6"/>
      <c r="C20003" s="6" t="s">
        <v>20039</v>
      </c>
      <c r="D20003" s="6"/>
      <c r="E20003" s="6" t="s">
        <v>9</v>
      </c>
      <c r="F20003" s="7">
        <v>38657</v>
      </c>
      <c r="G20003" s="8">
        <v>1</v>
      </c>
      <c r="H20003" s="8">
        <v>1</v>
      </c>
      <c r="I20003" s="8">
        <v>0</v>
      </c>
      <c r="J20003" s="8">
        <v>1</v>
      </c>
      <c r="K20003" s="9">
        <v>40</v>
      </c>
      <c r="L20003" s="6" t="s">
        <v>4151</v>
      </c>
    </row>
    <row r="20004" spans="1:12">
      <c r="A20004" s="6" t="s">
        <v>4151</v>
      </c>
      <c r="B20004" s="6"/>
      <c r="C20004" s="6" t="s">
        <v>20040</v>
      </c>
      <c r="D20004" s="6"/>
      <c r="E20004" s="6" t="s">
        <v>9</v>
      </c>
      <c r="F20004" s="7">
        <v>38657</v>
      </c>
      <c r="G20004" s="8">
        <v>1</v>
      </c>
      <c r="H20004" s="8">
        <v>1</v>
      </c>
      <c r="I20004" s="8">
        <v>0</v>
      </c>
      <c r="J20004" s="8">
        <v>1</v>
      </c>
      <c r="K20004" s="9">
        <v>39</v>
      </c>
      <c r="L20004" s="6" t="s">
        <v>4151</v>
      </c>
    </row>
    <row r="20005" spans="1:12">
      <c r="A20005" s="6" t="s">
        <v>4151</v>
      </c>
      <c r="B20005" s="6"/>
      <c r="C20005" s="6" t="s">
        <v>20041</v>
      </c>
      <c r="D20005" s="6"/>
      <c r="E20005" s="6" t="s">
        <v>9</v>
      </c>
      <c r="F20005" s="7">
        <v>38657</v>
      </c>
      <c r="G20005" s="8">
        <v>1</v>
      </c>
      <c r="H20005" s="8">
        <v>1</v>
      </c>
      <c r="I20005" s="8">
        <v>0</v>
      </c>
      <c r="J20005" s="8">
        <v>1</v>
      </c>
      <c r="K20005" s="9">
        <v>92</v>
      </c>
      <c r="L20005" s="6" t="s">
        <v>4151</v>
      </c>
    </row>
    <row r="20006" spans="1:12">
      <c r="A20006" s="6" t="s">
        <v>4151</v>
      </c>
      <c r="B20006" s="6"/>
      <c r="C20006" s="6" t="s">
        <v>20042</v>
      </c>
      <c r="D20006" s="6"/>
      <c r="E20006" s="6" t="s">
        <v>9</v>
      </c>
      <c r="F20006" s="7">
        <v>38657</v>
      </c>
      <c r="G20006" s="8">
        <v>1</v>
      </c>
      <c r="H20006" s="8">
        <v>1</v>
      </c>
      <c r="I20006" s="8">
        <v>0</v>
      </c>
      <c r="J20006" s="8">
        <v>1</v>
      </c>
      <c r="K20006" s="9">
        <v>10</v>
      </c>
      <c r="L20006" s="6" t="s">
        <v>4151</v>
      </c>
    </row>
    <row r="20007" spans="1:12">
      <c r="A20007" s="6" t="s">
        <v>4151</v>
      </c>
      <c r="B20007" s="6"/>
      <c r="C20007" s="6" t="s">
        <v>20043</v>
      </c>
      <c r="D20007" s="6"/>
      <c r="E20007" s="6" t="s">
        <v>9</v>
      </c>
      <c r="F20007" s="7">
        <v>38657</v>
      </c>
      <c r="G20007" s="8">
        <v>1</v>
      </c>
      <c r="H20007" s="8">
        <v>1</v>
      </c>
      <c r="I20007" s="8">
        <v>0</v>
      </c>
      <c r="J20007" s="8">
        <v>1</v>
      </c>
      <c r="K20007" s="9">
        <v>1.65</v>
      </c>
      <c r="L20007" s="6" t="s">
        <v>4151</v>
      </c>
    </row>
    <row r="20008" spans="1:12">
      <c r="A20008" s="6" t="s">
        <v>4151</v>
      </c>
      <c r="B20008" s="6"/>
      <c r="C20008" s="6" t="s">
        <v>20044</v>
      </c>
      <c r="D20008" s="6"/>
      <c r="E20008" s="6" t="s">
        <v>9</v>
      </c>
      <c r="F20008" s="7">
        <v>38657</v>
      </c>
      <c r="G20008" s="8">
        <v>1</v>
      </c>
      <c r="H20008" s="8">
        <v>1</v>
      </c>
      <c r="I20008" s="8">
        <v>0</v>
      </c>
      <c r="J20008" s="8">
        <v>1</v>
      </c>
      <c r="K20008" s="9">
        <v>18</v>
      </c>
      <c r="L20008" s="6" t="s">
        <v>4151</v>
      </c>
    </row>
    <row r="20009" spans="1:12">
      <c r="A20009" s="6" t="s">
        <v>4151</v>
      </c>
      <c r="B20009" s="6"/>
      <c r="C20009" s="6" t="s">
        <v>20045</v>
      </c>
      <c r="D20009" s="6"/>
      <c r="E20009" s="6" t="s">
        <v>9</v>
      </c>
      <c r="F20009" s="7">
        <v>38657</v>
      </c>
      <c r="G20009" s="8">
        <v>1</v>
      </c>
      <c r="H20009" s="8">
        <v>1</v>
      </c>
      <c r="I20009" s="8">
        <v>0</v>
      </c>
      <c r="J20009" s="8">
        <v>1</v>
      </c>
      <c r="K20009" s="9">
        <v>24</v>
      </c>
      <c r="L20009" s="6" t="s">
        <v>4151</v>
      </c>
    </row>
    <row r="20010" spans="1:12">
      <c r="A20010" s="6" t="s">
        <v>4151</v>
      </c>
      <c r="B20010" s="6"/>
      <c r="C20010" s="6" t="s">
        <v>20046</v>
      </c>
      <c r="D20010" s="6"/>
      <c r="E20010" s="6" t="s">
        <v>9</v>
      </c>
      <c r="F20010" s="7">
        <v>38657</v>
      </c>
      <c r="G20010" s="8">
        <v>1</v>
      </c>
      <c r="H20010" s="8">
        <v>1</v>
      </c>
      <c r="I20010" s="8">
        <v>0</v>
      </c>
      <c r="J20010" s="8">
        <v>1</v>
      </c>
      <c r="K20010" s="9">
        <v>24</v>
      </c>
      <c r="L20010" s="6" t="s">
        <v>4151</v>
      </c>
    </row>
    <row r="20011" spans="1:12">
      <c r="A20011" s="6" t="s">
        <v>4151</v>
      </c>
      <c r="B20011" s="6"/>
      <c r="C20011" s="6" t="s">
        <v>20047</v>
      </c>
      <c r="D20011" s="6"/>
      <c r="E20011" s="6" t="s">
        <v>9</v>
      </c>
      <c r="F20011" s="7">
        <v>38657</v>
      </c>
      <c r="G20011" s="8">
        <v>1</v>
      </c>
      <c r="H20011" s="8">
        <v>1</v>
      </c>
      <c r="I20011" s="8">
        <v>0</v>
      </c>
      <c r="J20011" s="8">
        <v>1</v>
      </c>
      <c r="K20011" s="9">
        <v>24</v>
      </c>
      <c r="L20011" s="6" t="s">
        <v>4151</v>
      </c>
    </row>
    <row r="20012" spans="1:12">
      <c r="A20012" s="6" t="s">
        <v>4151</v>
      </c>
      <c r="B20012" s="6"/>
      <c r="C20012" s="6" t="s">
        <v>20048</v>
      </c>
      <c r="D20012" s="6"/>
      <c r="E20012" s="6" t="s">
        <v>9</v>
      </c>
      <c r="F20012" s="7">
        <v>38657</v>
      </c>
      <c r="G20012" s="8">
        <v>1</v>
      </c>
      <c r="H20012" s="8">
        <v>1</v>
      </c>
      <c r="I20012" s="8">
        <v>0</v>
      </c>
      <c r="J20012" s="8">
        <v>1</v>
      </c>
      <c r="K20012" s="9">
        <v>33</v>
      </c>
      <c r="L20012" s="6" t="s">
        <v>4151</v>
      </c>
    </row>
    <row r="20013" spans="1:12">
      <c r="A20013" s="6" t="s">
        <v>4151</v>
      </c>
      <c r="B20013" s="6"/>
      <c r="C20013" s="6" t="s">
        <v>20049</v>
      </c>
      <c r="D20013" s="6"/>
      <c r="E20013" s="6" t="s">
        <v>9</v>
      </c>
      <c r="F20013" s="7">
        <v>38657</v>
      </c>
      <c r="G20013" s="8">
        <v>1</v>
      </c>
      <c r="H20013" s="8">
        <v>1</v>
      </c>
      <c r="I20013" s="8">
        <v>0</v>
      </c>
      <c r="J20013" s="8">
        <v>1</v>
      </c>
      <c r="K20013" s="9">
        <v>23</v>
      </c>
      <c r="L20013" s="6" t="s">
        <v>4151</v>
      </c>
    </row>
    <row r="20014" spans="1:12">
      <c r="A20014" s="6" t="s">
        <v>4151</v>
      </c>
      <c r="B20014" s="6"/>
      <c r="C20014" s="6" t="s">
        <v>20050</v>
      </c>
      <c r="D20014" s="6"/>
      <c r="E20014" s="6" t="s">
        <v>9</v>
      </c>
      <c r="F20014" s="7">
        <v>38657</v>
      </c>
      <c r="G20014" s="8">
        <v>1</v>
      </c>
      <c r="H20014" s="8">
        <v>1</v>
      </c>
      <c r="I20014" s="8">
        <v>0</v>
      </c>
      <c r="J20014" s="8">
        <v>1</v>
      </c>
      <c r="K20014" s="9">
        <v>25</v>
      </c>
      <c r="L20014" s="6" t="s">
        <v>4151</v>
      </c>
    </row>
    <row r="20015" spans="1:12">
      <c r="A20015" s="6" t="s">
        <v>4151</v>
      </c>
      <c r="B20015" s="6"/>
      <c r="C20015" s="6" t="s">
        <v>20051</v>
      </c>
      <c r="D20015" s="6"/>
      <c r="E20015" s="6" t="s">
        <v>9</v>
      </c>
      <c r="F20015" s="7">
        <v>38657</v>
      </c>
      <c r="G20015" s="8">
        <v>1</v>
      </c>
      <c r="H20015" s="8">
        <v>1</v>
      </c>
      <c r="I20015" s="8">
        <v>0</v>
      </c>
      <c r="J20015" s="8">
        <v>1</v>
      </c>
      <c r="K20015" s="9">
        <v>25</v>
      </c>
      <c r="L20015" s="6" t="s">
        <v>4151</v>
      </c>
    </row>
    <row r="20016" spans="1:12">
      <c r="A20016" s="6" t="s">
        <v>4151</v>
      </c>
      <c r="B20016" s="6"/>
      <c r="C20016" s="6" t="s">
        <v>20052</v>
      </c>
      <c r="D20016" s="6"/>
      <c r="E20016" s="6" t="s">
        <v>9</v>
      </c>
      <c r="F20016" s="7">
        <v>38657</v>
      </c>
      <c r="G20016" s="8">
        <v>1</v>
      </c>
      <c r="H20016" s="8">
        <v>1</v>
      </c>
      <c r="I20016" s="8">
        <v>0</v>
      </c>
      <c r="J20016" s="8">
        <v>1</v>
      </c>
      <c r="K20016" s="9">
        <v>25</v>
      </c>
      <c r="L20016" s="6" t="s">
        <v>4151</v>
      </c>
    </row>
    <row r="20017" spans="1:12">
      <c r="A20017" s="6" t="s">
        <v>4151</v>
      </c>
      <c r="B20017" s="6"/>
      <c r="C20017" s="6" t="s">
        <v>20053</v>
      </c>
      <c r="D20017" s="6"/>
      <c r="E20017" s="6" t="s">
        <v>9</v>
      </c>
      <c r="F20017" s="7">
        <v>38657</v>
      </c>
      <c r="G20017" s="8">
        <v>1</v>
      </c>
      <c r="H20017" s="8">
        <v>1</v>
      </c>
      <c r="I20017" s="8">
        <v>0</v>
      </c>
      <c r="J20017" s="8">
        <v>1</v>
      </c>
      <c r="K20017" s="9">
        <v>24</v>
      </c>
      <c r="L20017" s="6" t="s">
        <v>4151</v>
      </c>
    </row>
    <row r="20018" spans="1:12">
      <c r="A20018" s="6" t="s">
        <v>4151</v>
      </c>
      <c r="B20018" s="6"/>
      <c r="C20018" s="6" t="s">
        <v>20054</v>
      </c>
      <c r="D20018" s="6"/>
      <c r="E20018" s="6" t="s">
        <v>9</v>
      </c>
      <c r="F20018" s="7">
        <v>38657</v>
      </c>
      <c r="G20018" s="8">
        <v>1</v>
      </c>
      <c r="H20018" s="8">
        <v>1</v>
      </c>
      <c r="I20018" s="8">
        <v>0</v>
      </c>
      <c r="J20018" s="8">
        <v>1</v>
      </c>
      <c r="K20018" s="9">
        <v>24</v>
      </c>
      <c r="L20018" s="6" t="s">
        <v>4151</v>
      </c>
    </row>
    <row r="20019" spans="1:12">
      <c r="A20019" s="6" t="s">
        <v>4151</v>
      </c>
      <c r="B20019" s="6"/>
      <c r="C20019" s="6" t="s">
        <v>20055</v>
      </c>
      <c r="D20019" s="6"/>
      <c r="E20019" s="6" t="s">
        <v>9</v>
      </c>
      <c r="F20019" s="7">
        <v>38657</v>
      </c>
      <c r="G20019" s="8">
        <v>1</v>
      </c>
      <c r="H20019" s="8">
        <v>1</v>
      </c>
      <c r="I20019" s="8">
        <v>0</v>
      </c>
      <c r="J20019" s="8">
        <v>1</v>
      </c>
      <c r="K20019" s="9">
        <v>24</v>
      </c>
      <c r="L20019" s="6" t="s">
        <v>4151</v>
      </c>
    </row>
    <row r="20020" spans="1:12">
      <c r="A20020" s="6" t="s">
        <v>4151</v>
      </c>
      <c r="B20020" s="6"/>
      <c r="C20020" s="6" t="s">
        <v>20056</v>
      </c>
      <c r="D20020" s="6"/>
      <c r="E20020" s="6" t="s">
        <v>9</v>
      </c>
      <c r="F20020" s="7">
        <v>38657</v>
      </c>
      <c r="G20020" s="8">
        <v>1</v>
      </c>
      <c r="H20020" s="8">
        <v>1</v>
      </c>
      <c r="I20020" s="8">
        <v>0</v>
      </c>
      <c r="J20020" s="8">
        <v>1</v>
      </c>
      <c r="K20020" s="9">
        <v>23</v>
      </c>
      <c r="L20020" s="6" t="s">
        <v>4151</v>
      </c>
    </row>
    <row r="20021" spans="1:12">
      <c r="A20021" s="6" t="s">
        <v>4151</v>
      </c>
      <c r="B20021" s="6"/>
      <c r="C20021" s="6" t="s">
        <v>20057</v>
      </c>
      <c r="D20021" s="6"/>
      <c r="E20021" s="6" t="s">
        <v>9</v>
      </c>
      <c r="F20021" s="7">
        <v>38657</v>
      </c>
      <c r="G20021" s="8">
        <v>1</v>
      </c>
      <c r="H20021" s="8">
        <v>1</v>
      </c>
      <c r="I20021" s="8">
        <v>0</v>
      </c>
      <c r="J20021" s="8">
        <v>1</v>
      </c>
      <c r="K20021" s="9">
        <v>25</v>
      </c>
      <c r="L20021" s="6" t="s">
        <v>4151</v>
      </c>
    </row>
    <row r="20022" spans="1:12">
      <c r="A20022" s="6" t="s">
        <v>4151</v>
      </c>
      <c r="B20022" s="6"/>
      <c r="C20022" s="6" t="s">
        <v>20058</v>
      </c>
      <c r="D20022" s="6"/>
      <c r="E20022" s="6" t="s">
        <v>9</v>
      </c>
      <c r="F20022" s="7">
        <v>38657</v>
      </c>
      <c r="G20022" s="8">
        <v>1</v>
      </c>
      <c r="H20022" s="8">
        <v>1</v>
      </c>
      <c r="I20022" s="8">
        <v>0</v>
      </c>
      <c r="J20022" s="8">
        <v>1</v>
      </c>
      <c r="K20022" s="9">
        <v>22</v>
      </c>
      <c r="L20022" s="6" t="s">
        <v>4151</v>
      </c>
    </row>
    <row r="20023" spans="1:12">
      <c r="A20023" s="6" t="s">
        <v>4151</v>
      </c>
      <c r="B20023" s="6"/>
      <c r="C20023" s="6" t="s">
        <v>20059</v>
      </c>
      <c r="D20023" s="6"/>
      <c r="E20023" s="6" t="s">
        <v>9</v>
      </c>
      <c r="F20023" s="7">
        <v>38657</v>
      </c>
      <c r="G20023" s="8">
        <v>1</v>
      </c>
      <c r="H20023" s="8">
        <v>1</v>
      </c>
      <c r="I20023" s="8">
        <v>0</v>
      </c>
      <c r="J20023" s="8">
        <v>1</v>
      </c>
      <c r="K20023" s="9">
        <v>39</v>
      </c>
      <c r="L20023" s="6" t="s">
        <v>4151</v>
      </c>
    </row>
    <row r="20024" spans="1:12">
      <c r="A20024" s="6" t="s">
        <v>4151</v>
      </c>
      <c r="B20024" s="6"/>
      <c r="C20024" s="6" t="s">
        <v>20060</v>
      </c>
      <c r="D20024" s="6"/>
      <c r="E20024" s="6" t="s">
        <v>9</v>
      </c>
      <c r="F20024" s="7">
        <v>38657</v>
      </c>
      <c r="G20024" s="8">
        <v>1</v>
      </c>
      <c r="H20024" s="8">
        <v>1</v>
      </c>
      <c r="I20024" s="8">
        <v>0</v>
      </c>
      <c r="J20024" s="8">
        <v>1</v>
      </c>
      <c r="K20024" s="9">
        <v>22</v>
      </c>
      <c r="L20024" s="6" t="s">
        <v>4151</v>
      </c>
    </row>
    <row r="20025" spans="1:12">
      <c r="A20025" s="6" t="s">
        <v>4151</v>
      </c>
      <c r="B20025" s="6"/>
      <c r="C20025" s="6" t="s">
        <v>20061</v>
      </c>
      <c r="D20025" s="6"/>
      <c r="E20025" s="6" t="s">
        <v>9</v>
      </c>
      <c r="F20025" s="7">
        <v>38657</v>
      </c>
      <c r="G20025" s="8">
        <v>1</v>
      </c>
      <c r="H20025" s="8">
        <v>1</v>
      </c>
      <c r="I20025" s="8">
        <v>0</v>
      </c>
      <c r="J20025" s="8">
        <v>1</v>
      </c>
      <c r="K20025" s="9">
        <v>21</v>
      </c>
      <c r="L20025" s="6" t="s">
        <v>4151</v>
      </c>
    </row>
    <row r="20026" spans="1:12">
      <c r="A20026" s="6" t="s">
        <v>4151</v>
      </c>
      <c r="B20026" s="6"/>
      <c r="C20026" s="6" t="s">
        <v>20062</v>
      </c>
      <c r="D20026" s="6"/>
      <c r="E20026" s="6" t="s">
        <v>9</v>
      </c>
      <c r="F20026" s="7">
        <v>38657</v>
      </c>
      <c r="G20026" s="8">
        <v>1</v>
      </c>
      <c r="H20026" s="8">
        <v>1</v>
      </c>
      <c r="I20026" s="8">
        <v>0</v>
      </c>
      <c r="J20026" s="8">
        <v>1</v>
      </c>
      <c r="K20026" s="9">
        <v>20</v>
      </c>
      <c r="L20026" s="6" t="s">
        <v>4151</v>
      </c>
    </row>
    <row r="20027" spans="1:12">
      <c r="A20027" s="6" t="s">
        <v>4151</v>
      </c>
      <c r="B20027" s="6"/>
      <c r="C20027" s="6" t="s">
        <v>20063</v>
      </c>
      <c r="D20027" s="6"/>
      <c r="E20027" s="6" t="s">
        <v>9</v>
      </c>
      <c r="F20027" s="7">
        <v>38657</v>
      </c>
      <c r="G20027" s="8">
        <v>1</v>
      </c>
      <c r="H20027" s="8">
        <v>1</v>
      </c>
      <c r="I20027" s="8">
        <v>0</v>
      </c>
      <c r="J20027" s="8">
        <v>1</v>
      </c>
      <c r="K20027" s="9">
        <v>20</v>
      </c>
      <c r="L20027" s="6" t="s">
        <v>4151</v>
      </c>
    </row>
    <row r="20028" spans="1:12">
      <c r="A20028" s="6" t="s">
        <v>4151</v>
      </c>
      <c r="B20028" s="6"/>
      <c r="C20028" s="6" t="s">
        <v>20064</v>
      </c>
      <c r="D20028" s="6"/>
      <c r="E20028" s="6" t="s">
        <v>9</v>
      </c>
      <c r="F20028" s="7">
        <v>38657</v>
      </c>
      <c r="G20028" s="8">
        <v>1</v>
      </c>
      <c r="H20028" s="8">
        <v>1</v>
      </c>
      <c r="I20028" s="8">
        <v>0</v>
      </c>
      <c r="J20028" s="8">
        <v>1</v>
      </c>
      <c r="K20028" s="9">
        <v>24</v>
      </c>
      <c r="L20028" s="6" t="s">
        <v>4151</v>
      </c>
    </row>
    <row r="20029" spans="1:12">
      <c r="A20029" s="6" t="s">
        <v>4151</v>
      </c>
      <c r="B20029" s="6"/>
      <c r="C20029" s="6" t="s">
        <v>20065</v>
      </c>
      <c r="D20029" s="6"/>
      <c r="E20029" s="6" t="s">
        <v>9</v>
      </c>
      <c r="F20029" s="7">
        <v>38657</v>
      </c>
      <c r="G20029" s="8">
        <v>1</v>
      </c>
      <c r="H20029" s="8">
        <v>1</v>
      </c>
      <c r="I20029" s="8">
        <v>0</v>
      </c>
      <c r="J20029" s="8">
        <v>1</v>
      </c>
      <c r="K20029" s="9">
        <v>26</v>
      </c>
      <c r="L20029" s="6" t="s">
        <v>4151</v>
      </c>
    </row>
    <row r="20030" spans="1:12">
      <c r="A20030" s="6" t="s">
        <v>4151</v>
      </c>
      <c r="B20030" s="6"/>
      <c r="C20030" s="6" t="s">
        <v>20066</v>
      </c>
      <c r="D20030" s="6"/>
      <c r="E20030" s="6" t="s">
        <v>9</v>
      </c>
      <c r="F20030" s="7">
        <v>38657</v>
      </c>
      <c r="G20030" s="8">
        <v>1</v>
      </c>
      <c r="H20030" s="8">
        <v>1</v>
      </c>
      <c r="I20030" s="8">
        <v>0</v>
      </c>
      <c r="J20030" s="8">
        <v>1</v>
      </c>
      <c r="K20030" s="9">
        <v>26</v>
      </c>
      <c r="L20030" s="6" t="s">
        <v>4151</v>
      </c>
    </row>
    <row r="20031" spans="1:12">
      <c r="A20031" s="6" t="s">
        <v>4151</v>
      </c>
      <c r="B20031" s="6"/>
      <c r="C20031" s="6" t="s">
        <v>20067</v>
      </c>
      <c r="D20031" s="6"/>
      <c r="E20031" s="6" t="s">
        <v>9</v>
      </c>
      <c r="F20031" s="7">
        <v>38657</v>
      </c>
      <c r="G20031" s="8">
        <v>1</v>
      </c>
      <c r="H20031" s="8">
        <v>1</v>
      </c>
      <c r="I20031" s="8">
        <v>0</v>
      </c>
      <c r="J20031" s="8">
        <v>1</v>
      </c>
      <c r="K20031" s="9">
        <v>27</v>
      </c>
      <c r="L20031" s="6" t="s">
        <v>4151</v>
      </c>
    </row>
    <row r="20032" spans="1:12">
      <c r="A20032" s="6" t="s">
        <v>4151</v>
      </c>
      <c r="B20032" s="6"/>
      <c r="C20032" s="6" t="s">
        <v>20068</v>
      </c>
      <c r="D20032" s="6"/>
      <c r="E20032" s="6" t="s">
        <v>9</v>
      </c>
      <c r="F20032" s="7">
        <v>38657</v>
      </c>
      <c r="G20032" s="8">
        <v>1</v>
      </c>
      <c r="H20032" s="8">
        <v>1</v>
      </c>
      <c r="I20032" s="8">
        <v>0</v>
      </c>
      <c r="J20032" s="8">
        <v>1</v>
      </c>
      <c r="K20032" s="9">
        <v>27</v>
      </c>
      <c r="L20032" s="6" t="s">
        <v>4151</v>
      </c>
    </row>
    <row r="20033" spans="1:12">
      <c r="A20033" s="6" t="s">
        <v>4151</v>
      </c>
      <c r="B20033" s="6"/>
      <c r="C20033" s="6" t="s">
        <v>20069</v>
      </c>
      <c r="D20033" s="6"/>
      <c r="E20033" s="6" t="s">
        <v>9</v>
      </c>
      <c r="F20033" s="7">
        <v>38657</v>
      </c>
      <c r="G20033" s="8">
        <v>1</v>
      </c>
      <c r="H20033" s="8">
        <v>1</v>
      </c>
      <c r="I20033" s="8">
        <v>0</v>
      </c>
      <c r="J20033" s="8">
        <v>1</v>
      </c>
      <c r="K20033" s="9">
        <v>30</v>
      </c>
      <c r="L20033" s="6" t="s">
        <v>4151</v>
      </c>
    </row>
    <row r="20034" spans="1:12">
      <c r="A20034" s="6" t="s">
        <v>4151</v>
      </c>
      <c r="B20034" s="6"/>
      <c r="C20034" s="6" t="s">
        <v>20070</v>
      </c>
      <c r="D20034" s="6"/>
      <c r="E20034" s="6" t="s">
        <v>9</v>
      </c>
      <c r="F20034" s="7">
        <v>38657</v>
      </c>
      <c r="G20034" s="8">
        <v>1</v>
      </c>
      <c r="H20034" s="8">
        <v>1</v>
      </c>
      <c r="I20034" s="8">
        <v>0</v>
      </c>
      <c r="J20034" s="8">
        <v>1</v>
      </c>
      <c r="K20034" s="9">
        <v>58.53</v>
      </c>
      <c r="L20034" s="6" t="s">
        <v>4151</v>
      </c>
    </row>
    <row r="20035" spans="1:12">
      <c r="A20035" s="6" t="s">
        <v>4151</v>
      </c>
      <c r="B20035" s="6"/>
      <c r="C20035" s="6" t="s">
        <v>20071</v>
      </c>
      <c r="D20035" s="6"/>
      <c r="E20035" s="6" t="s">
        <v>9</v>
      </c>
      <c r="F20035" s="7">
        <v>38657</v>
      </c>
      <c r="G20035" s="8">
        <v>1</v>
      </c>
      <c r="H20035" s="8">
        <v>1</v>
      </c>
      <c r="I20035" s="8">
        <v>0</v>
      </c>
      <c r="J20035" s="8">
        <v>1</v>
      </c>
      <c r="K20035" s="9">
        <v>28</v>
      </c>
      <c r="L20035" s="6" t="s">
        <v>4151</v>
      </c>
    </row>
    <row r="20036" spans="1:12">
      <c r="A20036" s="6" t="s">
        <v>4151</v>
      </c>
      <c r="B20036" s="6"/>
      <c r="C20036" s="6" t="s">
        <v>20072</v>
      </c>
      <c r="D20036" s="6"/>
      <c r="E20036" s="6" t="s">
        <v>9</v>
      </c>
      <c r="F20036" s="7">
        <v>38657</v>
      </c>
      <c r="G20036" s="8">
        <v>1</v>
      </c>
      <c r="H20036" s="8">
        <v>1</v>
      </c>
      <c r="I20036" s="8">
        <v>0</v>
      </c>
      <c r="J20036" s="8">
        <v>1</v>
      </c>
      <c r="K20036" s="9">
        <v>28</v>
      </c>
      <c r="L20036" s="6" t="s">
        <v>4151</v>
      </c>
    </row>
    <row r="20037" spans="1:12">
      <c r="A20037" s="6" t="s">
        <v>4151</v>
      </c>
      <c r="B20037" s="6"/>
      <c r="C20037" s="6" t="s">
        <v>20073</v>
      </c>
      <c r="D20037" s="6"/>
      <c r="E20037" s="6" t="s">
        <v>9</v>
      </c>
      <c r="F20037" s="7">
        <v>38657</v>
      </c>
      <c r="G20037" s="8">
        <v>1</v>
      </c>
      <c r="H20037" s="8">
        <v>1</v>
      </c>
      <c r="I20037" s="8">
        <v>0</v>
      </c>
      <c r="J20037" s="8">
        <v>1</v>
      </c>
      <c r="K20037" s="9">
        <v>28</v>
      </c>
      <c r="L20037" s="6" t="s">
        <v>4151</v>
      </c>
    </row>
    <row r="20038" spans="1:12">
      <c r="A20038" s="6" t="s">
        <v>4151</v>
      </c>
      <c r="B20038" s="6"/>
      <c r="C20038" s="6" t="s">
        <v>20074</v>
      </c>
      <c r="D20038" s="6"/>
      <c r="E20038" s="6" t="s">
        <v>9</v>
      </c>
      <c r="F20038" s="7">
        <v>38657</v>
      </c>
      <c r="G20038" s="8">
        <v>1</v>
      </c>
      <c r="H20038" s="8">
        <v>1</v>
      </c>
      <c r="I20038" s="8">
        <v>0</v>
      </c>
      <c r="J20038" s="8">
        <v>1</v>
      </c>
      <c r="K20038" s="9">
        <v>28</v>
      </c>
      <c r="L20038" s="6" t="s">
        <v>4151</v>
      </c>
    </row>
    <row r="20039" spans="1:12">
      <c r="A20039" s="6" t="s">
        <v>4151</v>
      </c>
      <c r="B20039" s="6"/>
      <c r="C20039" s="6" t="s">
        <v>20075</v>
      </c>
      <c r="D20039" s="6"/>
      <c r="E20039" s="6" t="s">
        <v>9</v>
      </c>
      <c r="F20039" s="7">
        <v>38657</v>
      </c>
      <c r="G20039" s="8">
        <v>1</v>
      </c>
      <c r="H20039" s="8">
        <v>1</v>
      </c>
      <c r="I20039" s="8">
        <v>0</v>
      </c>
      <c r="J20039" s="8">
        <v>1</v>
      </c>
      <c r="K20039" s="9">
        <v>28</v>
      </c>
      <c r="L20039" s="6" t="s">
        <v>4151</v>
      </c>
    </row>
    <row r="20040" spans="1:12">
      <c r="A20040" s="6" t="s">
        <v>4151</v>
      </c>
      <c r="B20040" s="6"/>
      <c r="C20040" s="6" t="s">
        <v>20076</v>
      </c>
      <c r="D20040" s="6"/>
      <c r="E20040" s="6" t="s">
        <v>9</v>
      </c>
      <c r="F20040" s="7">
        <v>38657</v>
      </c>
      <c r="G20040" s="8">
        <v>1</v>
      </c>
      <c r="H20040" s="8">
        <v>1</v>
      </c>
      <c r="I20040" s="8">
        <v>0</v>
      </c>
      <c r="J20040" s="8">
        <v>1</v>
      </c>
      <c r="K20040" s="9">
        <v>28</v>
      </c>
      <c r="L20040" s="6" t="s">
        <v>4151</v>
      </c>
    </row>
    <row r="20041" spans="1:12">
      <c r="A20041" s="6" t="s">
        <v>4151</v>
      </c>
      <c r="B20041" s="6"/>
      <c r="C20041" s="6" t="s">
        <v>20077</v>
      </c>
      <c r="D20041" s="6"/>
      <c r="E20041" s="6" t="s">
        <v>9</v>
      </c>
      <c r="F20041" s="7">
        <v>38657</v>
      </c>
      <c r="G20041" s="8">
        <v>1</v>
      </c>
      <c r="H20041" s="8">
        <v>1</v>
      </c>
      <c r="I20041" s="8">
        <v>0</v>
      </c>
      <c r="J20041" s="8">
        <v>1</v>
      </c>
      <c r="K20041" s="9">
        <v>28</v>
      </c>
      <c r="L20041" s="6" t="s">
        <v>4151</v>
      </c>
    </row>
    <row r="20042" spans="1:12">
      <c r="A20042" s="6" t="s">
        <v>4151</v>
      </c>
      <c r="B20042" s="6"/>
      <c r="C20042" s="6" t="s">
        <v>20078</v>
      </c>
      <c r="D20042" s="6"/>
      <c r="E20042" s="6" t="s">
        <v>9</v>
      </c>
      <c r="F20042" s="7">
        <v>38657</v>
      </c>
      <c r="G20042" s="8">
        <v>1</v>
      </c>
      <c r="H20042" s="8">
        <v>1</v>
      </c>
      <c r="I20042" s="8">
        <v>0</v>
      </c>
      <c r="J20042" s="8">
        <v>1</v>
      </c>
      <c r="K20042" s="9">
        <v>24</v>
      </c>
      <c r="L20042" s="6" t="s">
        <v>4151</v>
      </c>
    </row>
    <row r="20043" spans="1:12">
      <c r="A20043" s="6" t="s">
        <v>4151</v>
      </c>
      <c r="B20043" s="6"/>
      <c r="C20043" s="6" t="s">
        <v>20079</v>
      </c>
      <c r="D20043" s="6"/>
      <c r="E20043" s="6" t="s">
        <v>9</v>
      </c>
      <c r="F20043" s="7">
        <v>38657</v>
      </c>
      <c r="G20043" s="8">
        <v>1</v>
      </c>
      <c r="H20043" s="8">
        <v>1</v>
      </c>
      <c r="I20043" s="8">
        <v>0</v>
      </c>
      <c r="J20043" s="8">
        <v>1</v>
      </c>
      <c r="K20043" s="9">
        <v>25</v>
      </c>
      <c r="L20043" s="6" t="s">
        <v>4151</v>
      </c>
    </row>
    <row r="20044" spans="1:12">
      <c r="A20044" s="6" t="s">
        <v>4151</v>
      </c>
      <c r="B20044" s="6"/>
      <c r="C20044" s="6" t="s">
        <v>20080</v>
      </c>
      <c r="D20044" s="6"/>
      <c r="E20044" s="6" t="s">
        <v>9</v>
      </c>
      <c r="F20044" s="7">
        <v>38657</v>
      </c>
      <c r="G20044" s="8">
        <v>1</v>
      </c>
      <c r="H20044" s="8">
        <v>1</v>
      </c>
      <c r="I20044" s="8">
        <v>0</v>
      </c>
      <c r="J20044" s="8">
        <v>1</v>
      </c>
      <c r="K20044" s="9">
        <v>25</v>
      </c>
      <c r="L20044" s="6" t="s">
        <v>4151</v>
      </c>
    </row>
    <row r="20045" spans="1:12">
      <c r="A20045" s="6" t="s">
        <v>4151</v>
      </c>
      <c r="B20045" s="6"/>
      <c r="C20045" s="6" t="s">
        <v>20081</v>
      </c>
      <c r="D20045" s="6"/>
      <c r="E20045" s="6" t="s">
        <v>9</v>
      </c>
      <c r="F20045" s="7">
        <v>38657</v>
      </c>
      <c r="G20045" s="8">
        <v>1</v>
      </c>
      <c r="H20045" s="8">
        <v>1</v>
      </c>
      <c r="I20045" s="8">
        <v>0</v>
      </c>
      <c r="J20045" s="8">
        <v>1</v>
      </c>
      <c r="K20045" s="9">
        <v>59</v>
      </c>
      <c r="L20045" s="6" t="s">
        <v>4151</v>
      </c>
    </row>
    <row r="20046" spans="1:12">
      <c r="A20046" s="6" t="s">
        <v>4151</v>
      </c>
      <c r="B20046" s="6"/>
      <c r="C20046" s="6" t="s">
        <v>20082</v>
      </c>
      <c r="D20046" s="6"/>
      <c r="E20046" s="6" t="s">
        <v>9</v>
      </c>
      <c r="F20046" s="7">
        <v>38657</v>
      </c>
      <c r="G20046" s="8">
        <v>1</v>
      </c>
      <c r="H20046" s="8">
        <v>1</v>
      </c>
      <c r="I20046" s="8">
        <v>0</v>
      </c>
      <c r="J20046" s="8">
        <v>1</v>
      </c>
      <c r="K20046" s="9">
        <v>25</v>
      </c>
      <c r="L20046" s="6" t="s">
        <v>4151</v>
      </c>
    </row>
    <row r="20047" spans="1:12">
      <c r="A20047" s="6" t="s">
        <v>4151</v>
      </c>
      <c r="B20047" s="6"/>
      <c r="C20047" s="6" t="s">
        <v>20083</v>
      </c>
      <c r="D20047" s="6"/>
      <c r="E20047" s="6" t="s">
        <v>9</v>
      </c>
      <c r="F20047" s="7">
        <v>38657</v>
      </c>
      <c r="G20047" s="8">
        <v>1</v>
      </c>
      <c r="H20047" s="8">
        <v>1</v>
      </c>
      <c r="I20047" s="8">
        <v>0</v>
      </c>
      <c r="J20047" s="8">
        <v>1</v>
      </c>
      <c r="K20047" s="9">
        <v>39</v>
      </c>
      <c r="L20047" s="6" t="s">
        <v>4151</v>
      </c>
    </row>
    <row r="20048" spans="1:12">
      <c r="A20048" s="6" t="s">
        <v>4151</v>
      </c>
      <c r="B20048" s="6"/>
      <c r="C20048" s="6" t="s">
        <v>20084</v>
      </c>
      <c r="D20048" s="6"/>
      <c r="E20048" s="6" t="s">
        <v>9</v>
      </c>
      <c r="F20048" s="7">
        <v>38657</v>
      </c>
      <c r="G20048" s="8">
        <v>1</v>
      </c>
      <c r="H20048" s="8">
        <v>1</v>
      </c>
      <c r="I20048" s="8">
        <v>0</v>
      </c>
      <c r="J20048" s="8">
        <v>1</v>
      </c>
      <c r="K20048" s="9">
        <v>40</v>
      </c>
      <c r="L20048" s="6" t="s">
        <v>4151</v>
      </c>
    </row>
    <row r="20049" spans="1:12">
      <c r="A20049" s="6" t="s">
        <v>4151</v>
      </c>
      <c r="B20049" s="6"/>
      <c r="C20049" s="6" t="s">
        <v>20085</v>
      </c>
      <c r="D20049" s="6"/>
      <c r="E20049" s="6" t="s">
        <v>9</v>
      </c>
      <c r="F20049" s="7">
        <v>38657</v>
      </c>
      <c r="G20049" s="8">
        <v>1</v>
      </c>
      <c r="H20049" s="8">
        <v>1</v>
      </c>
      <c r="I20049" s="8">
        <v>0</v>
      </c>
      <c r="J20049" s="8">
        <v>1</v>
      </c>
      <c r="K20049" s="9">
        <v>47</v>
      </c>
      <c r="L20049" s="6" t="s">
        <v>4151</v>
      </c>
    </row>
    <row r="20050" spans="1:12">
      <c r="A20050" s="6" t="s">
        <v>4151</v>
      </c>
      <c r="B20050" s="6"/>
      <c r="C20050" s="6" t="s">
        <v>20086</v>
      </c>
      <c r="D20050" s="6"/>
      <c r="E20050" s="6" t="s">
        <v>9</v>
      </c>
      <c r="F20050" s="7">
        <v>38657</v>
      </c>
      <c r="G20050" s="8">
        <v>1</v>
      </c>
      <c r="H20050" s="8">
        <v>1</v>
      </c>
      <c r="I20050" s="8">
        <v>0</v>
      </c>
      <c r="J20050" s="8">
        <v>1</v>
      </c>
      <c r="K20050" s="9">
        <v>82</v>
      </c>
      <c r="L20050" s="6" t="s">
        <v>4151</v>
      </c>
    </row>
    <row r="20051" spans="1:12">
      <c r="A20051" s="6" t="s">
        <v>4151</v>
      </c>
      <c r="B20051" s="6"/>
      <c r="C20051" s="6" t="s">
        <v>20087</v>
      </c>
      <c r="D20051" s="6"/>
      <c r="E20051" s="6" t="s">
        <v>9</v>
      </c>
      <c r="F20051" s="7">
        <v>38657</v>
      </c>
      <c r="G20051" s="8">
        <v>1</v>
      </c>
      <c r="H20051" s="8">
        <v>1</v>
      </c>
      <c r="I20051" s="8">
        <v>0</v>
      </c>
      <c r="J20051" s="8">
        <v>1</v>
      </c>
      <c r="K20051" s="9">
        <v>2.69</v>
      </c>
      <c r="L20051" s="6" t="s">
        <v>4151</v>
      </c>
    </row>
    <row r="20052" spans="1:12">
      <c r="A20052" s="6" t="s">
        <v>4151</v>
      </c>
      <c r="B20052" s="6"/>
      <c r="C20052" s="6" t="s">
        <v>20088</v>
      </c>
      <c r="D20052" s="6"/>
      <c r="E20052" s="6" t="s">
        <v>9</v>
      </c>
      <c r="F20052" s="7">
        <v>38657</v>
      </c>
      <c r="G20052" s="8">
        <v>1</v>
      </c>
      <c r="H20052" s="8">
        <v>1</v>
      </c>
      <c r="I20052" s="8">
        <v>0</v>
      </c>
      <c r="J20052" s="8">
        <v>1</v>
      </c>
      <c r="K20052" s="9">
        <v>0.57999999999999896</v>
      </c>
      <c r="L20052" s="6" t="s">
        <v>4151</v>
      </c>
    </row>
    <row r="20053" spans="1:12">
      <c r="A20053" s="6" t="s">
        <v>4151</v>
      </c>
      <c r="B20053" s="6"/>
      <c r="C20053" s="6" t="s">
        <v>20089</v>
      </c>
      <c r="D20053" s="6"/>
      <c r="E20053" s="6" t="s">
        <v>9</v>
      </c>
      <c r="F20053" s="7">
        <v>38657</v>
      </c>
      <c r="G20053" s="8">
        <v>1</v>
      </c>
      <c r="H20053" s="8">
        <v>1</v>
      </c>
      <c r="I20053" s="8">
        <v>0</v>
      </c>
      <c r="J20053" s="8">
        <v>1</v>
      </c>
      <c r="K20053" s="9">
        <v>6.08</v>
      </c>
      <c r="L20053" s="6" t="s">
        <v>4151</v>
      </c>
    </row>
    <row r="20054" spans="1:12">
      <c r="A20054" s="6" t="s">
        <v>4151</v>
      </c>
      <c r="B20054" s="6"/>
      <c r="C20054" s="6" t="s">
        <v>20090</v>
      </c>
      <c r="D20054" s="6"/>
      <c r="E20054" s="6" t="s">
        <v>9</v>
      </c>
      <c r="F20054" s="7">
        <v>38657</v>
      </c>
      <c r="G20054" s="8">
        <v>1</v>
      </c>
      <c r="H20054" s="8">
        <v>1</v>
      </c>
      <c r="I20054" s="8">
        <v>0</v>
      </c>
      <c r="J20054" s="8">
        <v>1</v>
      </c>
      <c r="K20054" s="9">
        <v>16</v>
      </c>
      <c r="L20054" s="6" t="s">
        <v>4151</v>
      </c>
    </row>
    <row r="20055" spans="1:12">
      <c r="A20055" s="6" t="s">
        <v>4151</v>
      </c>
      <c r="B20055" s="6"/>
      <c r="C20055" s="6" t="s">
        <v>20091</v>
      </c>
      <c r="D20055" s="6"/>
      <c r="E20055" s="6" t="s">
        <v>9</v>
      </c>
      <c r="F20055" s="7">
        <v>38657</v>
      </c>
      <c r="G20055" s="8">
        <v>1</v>
      </c>
      <c r="H20055" s="8">
        <v>1</v>
      </c>
      <c r="I20055" s="8">
        <v>0</v>
      </c>
      <c r="J20055" s="8">
        <v>1</v>
      </c>
      <c r="K20055" s="9">
        <v>1.27</v>
      </c>
      <c r="L20055" s="6" t="s">
        <v>4151</v>
      </c>
    </row>
    <row r="20056" spans="1:12">
      <c r="A20056" s="6" t="s">
        <v>4151</v>
      </c>
      <c r="B20056" s="6"/>
      <c r="C20056" s="6" t="s">
        <v>20092</v>
      </c>
      <c r="D20056" s="6"/>
      <c r="E20056" s="6" t="s">
        <v>9</v>
      </c>
      <c r="F20056" s="7">
        <v>38657</v>
      </c>
      <c r="G20056" s="8">
        <v>1</v>
      </c>
      <c r="H20056" s="8">
        <v>1</v>
      </c>
      <c r="I20056" s="8">
        <v>0</v>
      </c>
      <c r="J20056" s="8">
        <v>1</v>
      </c>
      <c r="K20056" s="9">
        <v>197</v>
      </c>
      <c r="L20056" s="6" t="s">
        <v>4151</v>
      </c>
    </row>
    <row r="20057" spans="1:12">
      <c r="A20057" s="6" t="s">
        <v>4151</v>
      </c>
      <c r="B20057" s="6"/>
      <c r="C20057" s="6" t="s">
        <v>20093</v>
      </c>
      <c r="D20057" s="6"/>
      <c r="E20057" s="6" t="s">
        <v>9</v>
      </c>
      <c r="F20057" s="7">
        <v>38657</v>
      </c>
      <c r="G20057" s="8">
        <v>1</v>
      </c>
      <c r="H20057" s="8">
        <v>1</v>
      </c>
      <c r="I20057" s="8">
        <v>0</v>
      </c>
      <c r="J20057" s="8">
        <v>1</v>
      </c>
      <c r="K20057" s="9">
        <v>6.9</v>
      </c>
      <c r="L20057" s="6" t="s">
        <v>4151</v>
      </c>
    </row>
    <row r="20058" spans="1:12">
      <c r="A20058" s="6" t="s">
        <v>4151</v>
      </c>
      <c r="B20058" s="6"/>
      <c r="C20058" s="6" t="s">
        <v>20094</v>
      </c>
      <c r="D20058" s="6"/>
      <c r="E20058" s="6" t="s">
        <v>9</v>
      </c>
      <c r="F20058" s="7">
        <v>38657</v>
      </c>
      <c r="G20058" s="8">
        <v>1</v>
      </c>
      <c r="H20058" s="8">
        <v>1</v>
      </c>
      <c r="I20058" s="8">
        <v>0</v>
      </c>
      <c r="J20058" s="8">
        <v>1</v>
      </c>
      <c r="K20058" s="9">
        <v>7.93</v>
      </c>
      <c r="L20058" s="6" t="s">
        <v>4151</v>
      </c>
    </row>
    <row r="20059" spans="1:12">
      <c r="A20059" s="6" t="s">
        <v>4151</v>
      </c>
      <c r="B20059" s="6"/>
      <c r="C20059" s="6" t="s">
        <v>20095</v>
      </c>
      <c r="D20059" s="6"/>
      <c r="E20059" s="6" t="s">
        <v>9</v>
      </c>
      <c r="F20059" s="7">
        <v>38657</v>
      </c>
      <c r="G20059" s="8">
        <v>1</v>
      </c>
      <c r="H20059" s="8">
        <v>1</v>
      </c>
      <c r="I20059" s="8">
        <v>0</v>
      </c>
      <c r="J20059" s="8">
        <v>1</v>
      </c>
      <c r="K20059" s="9">
        <v>9.56</v>
      </c>
      <c r="L20059" s="6" t="s">
        <v>4151</v>
      </c>
    </row>
    <row r="20060" spans="1:12">
      <c r="A20060" s="6" t="s">
        <v>4151</v>
      </c>
      <c r="B20060" s="6"/>
      <c r="C20060" s="6" t="s">
        <v>20096</v>
      </c>
      <c r="D20060" s="6"/>
      <c r="E20060" s="6" t="s">
        <v>9</v>
      </c>
      <c r="F20060" s="7">
        <v>38657</v>
      </c>
      <c r="G20060" s="8">
        <v>1</v>
      </c>
      <c r="H20060" s="8">
        <v>1</v>
      </c>
      <c r="I20060" s="8">
        <v>0</v>
      </c>
      <c r="J20060" s="8">
        <v>1</v>
      </c>
      <c r="K20060" s="9">
        <v>57</v>
      </c>
      <c r="L20060" s="6" t="s">
        <v>4151</v>
      </c>
    </row>
    <row r="20061" spans="1:12">
      <c r="A20061" s="6" t="s">
        <v>4151</v>
      </c>
      <c r="B20061" s="6"/>
      <c r="C20061" s="6" t="s">
        <v>20097</v>
      </c>
      <c r="D20061" s="6"/>
      <c r="E20061" s="6" t="s">
        <v>9</v>
      </c>
      <c r="F20061" s="7">
        <v>38657</v>
      </c>
      <c r="G20061" s="8">
        <v>1</v>
      </c>
      <c r="H20061" s="8">
        <v>1</v>
      </c>
      <c r="I20061" s="8">
        <v>0</v>
      </c>
      <c r="J20061" s="8">
        <v>1</v>
      </c>
      <c r="K20061" s="9">
        <v>98</v>
      </c>
      <c r="L20061" s="6" t="s">
        <v>4151</v>
      </c>
    </row>
    <row r="20062" spans="1:12">
      <c r="A20062" s="6" t="s">
        <v>4151</v>
      </c>
      <c r="B20062" s="6"/>
      <c r="C20062" s="6" t="s">
        <v>20098</v>
      </c>
      <c r="D20062" s="6"/>
      <c r="E20062" s="6" t="s">
        <v>9</v>
      </c>
      <c r="F20062" s="7">
        <v>38657</v>
      </c>
      <c r="G20062" s="8">
        <v>1</v>
      </c>
      <c r="H20062" s="8">
        <v>1</v>
      </c>
      <c r="I20062" s="8">
        <v>0</v>
      </c>
      <c r="J20062" s="8">
        <v>1</v>
      </c>
      <c r="K20062" s="9">
        <v>10</v>
      </c>
      <c r="L20062" s="6" t="s">
        <v>4151</v>
      </c>
    </row>
    <row r="20063" spans="1:12">
      <c r="A20063" s="6" t="s">
        <v>4151</v>
      </c>
      <c r="B20063" s="6"/>
      <c r="C20063" s="6" t="s">
        <v>20099</v>
      </c>
      <c r="D20063" s="6"/>
      <c r="E20063" s="6" t="s">
        <v>9</v>
      </c>
      <c r="F20063" s="7">
        <v>38657</v>
      </c>
      <c r="G20063" s="8">
        <v>1</v>
      </c>
      <c r="H20063" s="8">
        <v>1</v>
      </c>
      <c r="I20063" s="8">
        <v>0</v>
      </c>
      <c r="J20063" s="8">
        <v>1</v>
      </c>
      <c r="K20063" s="9">
        <v>5.25</v>
      </c>
      <c r="L20063" s="6" t="s">
        <v>4151</v>
      </c>
    </row>
    <row r="20064" spans="1:12">
      <c r="A20064" s="6" t="s">
        <v>4151</v>
      </c>
      <c r="B20064" s="6"/>
      <c r="C20064" s="6" t="s">
        <v>20100</v>
      </c>
      <c r="D20064" s="6"/>
      <c r="E20064" s="6" t="s">
        <v>9</v>
      </c>
      <c r="F20064" s="7">
        <v>38657</v>
      </c>
      <c r="G20064" s="8">
        <v>1</v>
      </c>
      <c r="H20064" s="8">
        <v>1</v>
      </c>
      <c r="I20064" s="8">
        <v>0</v>
      </c>
      <c r="J20064" s="8">
        <v>1</v>
      </c>
      <c r="K20064" s="9">
        <v>1.56</v>
      </c>
      <c r="L20064" s="6" t="s">
        <v>4151</v>
      </c>
    </row>
    <row r="20065" spans="1:12">
      <c r="A20065" s="6" t="s">
        <v>4151</v>
      </c>
      <c r="B20065" s="6"/>
      <c r="C20065" s="6" t="s">
        <v>20101</v>
      </c>
      <c r="D20065" s="6"/>
      <c r="E20065" s="6" t="s">
        <v>9</v>
      </c>
      <c r="F20065" s="7">
        <v>38657</v>
      </c>
      <c r="G20065" s="8">
        <v>1</v>
      </c>
      <c r="H20065" s="8">
        <v>1</v>
      </c>
      <c r="I20065" s="8">
        <v>0</v>
      </c>
      <c r="J20065" s="8">
        <v>1</v>
      </c>
      <c r="K20065" s="9">
        <v>5.75</v>
      </c>
      <c r="L20065" s="6" t="s">
        <v>4151</v>
      </c>
    </row>
    <row r="20066" spans="1:12">
      <c r="A20066" s="6" t="s">
        <v>4151</v>
      </c>
      <c r="B20066" s="6"/>
      <c r="C20066" s="6" t="s">
        <v>20102</v>
      </c>
      <c r="D20066" s="6"/>
      <c r="E20066" s="6" t="s">
        <v>9</v>
      </c>
      <c r="F20066" s="7">
        <v>38657</v>
      </c>
      <c r="G20066" s="8">
        <v>1</v>
      </c>
      <c r="H20066" s="8">
        <v>1</v>
      </c>
      <c r="I20066" s="8">
        <v>0</v>
      </c>
      <c r="J20066" s="8">
        <v>1</v>
      </c>
      <c r="K20066" s="9">
        <v>4.3</v>
      </c>
      <c r="L20066" s="6" t="s">
        <v>4151</v>
      </c>
    </row>
    <row r="20067" spans="1:12">
      <c r="A20067" s="6" t="s">
        <v>4151</v>
      </c>
      <c r="B20067" s="6"/>
      <c r="C20067" s="6" t="s">
        <v>20103</v>
      </c>
      <c r="D20067" s="6"/>
      <c r="E20067" s="6" t="s">
        <v>9</v>
      </c>
      <c r="F20067" s="7">
        <v>38657</v>
      </c>
      <c r="G20067" s="8">
        <v>1</v>
      </c>
      <c r="H20067" s="8">
        <v>1</v>
      </c>
      <c r="I20067" s="8">
        <v>0</v>
      </c>
      <c r="J20067" s="8">
        <v>1</v>
      </c>
      <c r="K20067" s="9">
        <v>3.3</v>
      </c>
      <c r="L20067" s="6" t="s">
        <v>4151</v>
      </c>
    </row>
    <row r="20068" spans="1:12">
      <c r="A20068" s="6" t="s">
        <v>4151</v>
      </c>
      <c r="B20068" s="6"/>
      <c r="C20068" s="6" t="s">
        <v>20104</v>
      </c>
      <c r="D20068" s="6"/>
      <c r="E20068" s="6" t="s">
        <v>9</v>
      </c>
      <c r="F20068" s="7">
        <v>38657</v>
      </c>
      <c r="G20068" s="8">
        <v>1</v>
      </c>
      <c r="H20068" s="8">
        <v>1</v>
      </c>
      <c r="I20068" s="8">
        <v>0</v>
      </c>
      <c r="J20068" s="8">
        <v>1</v>
      </c>
      <c r="K20068" s="9">
        <v>772</v>
      </c>
      <c r="L20068" s="6" t="s">
        <v>4151</v>
      </c>
    </row>
    <row r="20069" spans="1:12">
      <c r="A20069" s="6" t="s">
        <v>4151</v>
      </c>
      <c r="B20069" s="6"/>
      <c r="C20069" s="6" t="s">
        <v>20105</v>
      </c>
      <c r="D20069" s="6"/>
      <c r="E20069" s="6" t="s">
        <v>9</v>
      </c>
      <c r="F20069" s="7">
        <v>38657</v>
      </c>
      <c r="G20069" s="8">
        <v>1</v>
      </c>
      <c r="H20069" s="8">
        <v>1</v>
      </c>
      <c r="I20069" s="8">
        <v>0</v>
      </c>
      <c r="J20069" s="8">
        <v>1</v>
      </c>
      <c r="K20069" s="9">
        <v>12</v>
      </c>
      <c r="L20069" s="6" t="s">
        <v>4151</v>
      </c>
    </row>
    <row r="20070" spans="1:12">
      <c r="A20070" s="6" t="s">
        <v>4151</v>
      </c>
      <c r="B20070" s="6"/>
      <c r="C20070" s="6" t="s">
        <v>20106</v>
      </c>
      <c r="D20070" s="6"/>
      <c r="E20070" s="6" t="s">
        <v>9</v>
      </c>
      <c r="F20070" s="7">
        <v>38657</v>
      </c>
      <c r="G20070" s="8">
        <v>1</v>
      </c>
      <c r="H20070" s="8">
        <v>1</v>
      </c>
      <c r="I20070" s="8">
        <v>0</v>
      </c>
      <c r="J20070" s="8">
        <v>1</v>
      </c>
      <c r="K20070" s="9">
        <v>21</v>
      </c>
      <c r="L20070" s="6" t="s">
        <v>4151</v>
      </c>
    </row>
    <row r="20071" spans="1:12">
      <c r="A20071" s="6" t="s">
        <v>4151</v>
      </c>
      <c r="B20071" s="6"/>
      <c r="C20071" s="6" t="s">
        <v>20107</v>
      </c>
      <c r="D20071" s="6"/>
      <c r="E20071" s="6" t="s">
        <v>9</v>
      </c>
      <c r="F20071" s="7">
        <v>38657</v>
      </c>
      <c r="G20071" s="8">
        <v>1</v>
      </c>
      <c r="H20071" s="8">
        <v>1</v>
      </c>
      <c r="I20071" s="8">
        <v>0</v>
      </c>
      <c r="J20071" s="8">
        <v>1</v>
      </c>
      <c r="K20071" s="9">
        <v>15</v>
      </c>
      <c r="L20071" s="6" t="s">
        <v>4151</v>
      </c>
    </row>
    <row r="20072" spans="1:12">
      <c r="A20072" s="6" t="s">
        <v>4151</v>
      </c>
      <c r="B20072" s="6"/>
      <c r="C20072" s="6" t="s">
        <v>20108</v>
      </c>
      <c r="D20072" s="6"/>
      <c r="E20072" s="6" t="s">
        <v>9</v>
      </c>
      <c r="F20072" s="7">
        <v>38657</v>
      </c>
      <c r="G20072" s="8">
        <v>1</v>
      </c>
      <c r="H20072" s="8">
        <v>1</v>
      </c>
      <c r="I20072" s="8">
        <v>0</v>
      </c>
      <c r="J20072" s="8">
        <v>1</v>
      </c>
      <c r="K20072" s="9">
        <v>3.46</v>
      </c>
      <c r="L20072" s="6" t="s">
        <v>4151</v>
      </c>
    </row>
    <row r="20073" spans="1:12">
      <c r="A20073" s="6" t="s">
        <v>4151</v>
      </c>
      <c r="B20073" s="6"/>
      <c r="C20073" s="6" t="s">
        <v>20109</v>
      </c>
      <c r="D20073" s="6"/>
      <c r="E20073" s="6" t="s">
        <v>9</v>
      </c>
      <c r="F20073" s="7">
        <v>38657</v>
      </c>
      <c r="G20073" s="8">
        <v>1</v>
      </c>
      <c r="H20073" s="8">
        <v>1</v>
      </c>
      <c r="I20073" s="8">
        <v>0</v>
      </c>
      <c r="J20073" s="8">
        <v>1</v>
      </c>
      <c r="K20073" s="9">
        <v>4.6399999999999899</v>
      </c>
      <c r="L20073" s="6" t="s">
        <v>4151</v>
      </c>
    </row>
    <row r="20074" spans="1:12">
      <c r="A20074" s="6" t="s">
        <v>4151</v>
      </c>
      <c r="B20074" s="6"/>
      <c r="C20074" s="6" t="s">
        <v>20110</v>
      </c>
      <c r="D20074" s="6"/>
      <c r="E20074" s="6" t="s">
        <v>9</v>
      </c>
      <c r="F20074" s="7">
        <v>38657</v>
      </c>
      <c r="G20074" s="8">
        <v>1</v>
      </c>
      <c r="H20074" s="8">
        <v>1</v>
      </c>
      <c r="I20074" s="8">
        <v>0</v>
      </c>
      <c r="J20074" s="8">
        <v>1</v>
      </c>
      <c r="K20074" s="9">
        <v>18</v>
      </c>
      <c r="L20074" s="6" t="s">
        <v>4151</v>
      </c>
    </row>
    <row r="20075" spans="1:12">
      <c r="A20075" s="6" t="s">
        <v>4151</v>
      </c>
      <c r="B20075" s="6"/>
      <c r="C20075" s="6" t="s">
        <v>20111</v>
      </c>
      <c r="D20075" s="6"/>
      <c r="E20075" s="6" t="s">
        <v>9</v>
      </c>
      <c r="F20075" s="7">
        <v>38657</v>
      </c>
      <c r="G20075" s="8">
        <v>1</v>
      </c>
      <c r="H20075" s="8">
        <v>1</v>
      </c>
      <c r="I20075" s="8">
        <v>0</v>
      </c>
      <c r="J20075" s="8">
        <v>1</v>
      </c>
      <c r="K20075" s="9">
        <v>15</v>
      </c>
      <c r="L20075" s="6" t="s">
        <v>4151</v>
      </c>
    </row>
    <row r="20076" spans="1:12">
      <c r="A20076" s="6" t="s">
        <v>4151</v>
      </c>
      <c r="B20076" s="6"/>
      <c r="C20076" s="6" t="s">
        <v>20112</v>
      </c>
      <c r="D20076" s="6"/>
      <c r="E20076" s="6" t="s">
        <v>9</v>
      </c>
      <c r="F20076" s="7">
        <v>38657</v>
      </c>
      <c r="G20076" s="8">
        <v>1</v>
      </c>
      <c r="H20076" s="8">
        <v>1</v>
      </c>
      <c r="I20076" s="8">
        <v>0</v>
      </c>
      <c r="J20076" s="8">
        <v>1</v>
      </c>
      <c r="K20076" s="9">
        <v>21</v>
      </c>
      <c r="L20076" s="6" t="s">
        <v>4151</v>
      </c>
    </row>
    <row r="20077" spans="1:12">
      <c r="A20077" s="6" t="s">
        <v>4151</v>
      </c>
      <c r="B20077" s="6"/>
      <c r="C20077" s="6" t="s">
        <v>20113</v>
      </c>
      <c r="D20077" s="6"/>
      <c r="E20077" s="6" t="s">
        <v>9</v>
      </c>
      <c r="F20077" s="7">
        <v>38657</v>
      </c>
      <c r="G20077" s="8">
        <v>1</v>
      </c>
      <c r="H20077" s="8">
        <v>1</v>
      </c>
      <c r="I20077" s="8">
        <v>0</v>
      </c>
      <c r="J20077" s="8">
        <v>1</v>
      </c>
      <c r="K20077" s="9">
        <v>26</v>
      </c>
      <c r="L20077" s="6" t="s">
        <v>4151</v>
      </c>
    </row>
    <row r="20078" spans="1:12">
      <c r="A20078" s="6" t="s">
        <v>4151</v>
      </c>
      <c r="B20078" s="6"/>
      <c r="C20078" s="6" t="s">
        <v>20114</v>
      </c>
      <c r="D20078" s="6"/>
      <c r="E20078" s="6" t="s">
        <v>9</v>
      </c>
      <c r="F20078" s="7">
        <v>38657</v>
      </c>
      <c r="G20078" s="8">
        <v>1</v>
      </c>
      <c r="H20078" s="8">
        <v>1</v>
      </c>
      <c r="I20078" s="8">
        <v>0</v>
      </c>
      <c r="J20078" s="8">
        <v>1</v>
      </c>
      <c r="K20078" s="9">
        <v>19</v>
      </c>
      <c r="L20078" s="6" t="s">
        <v>4151</v>
      </c>
    </row>
    <row r="20079" spans="1:12">
      <c r="A20079" s="6" t="s">
        <v>4151</v>
      </c>
      <c r="B20079" s="6"/>
      <c r="C20079" s="6" t="s">
        <v>20115</v>
      </c>
      <c r="D20079" s="6"/>
      <c r="E20079" s="6" t="s">
        <v>9</v>
      </c>
      <c r="F20079" s="7">
        <v>38657</v>
      </c>
      <c r="G20079" s="8">
        <v>1</v>
      </c>
      <c r="H20079" s="8">
        <v>1</v>
      </c>
      <c r="I20079" s="8">
        <v>0</v>
      </c>
      <c r="J20079" s="8">
        <v>1</v>
      </c>
      <c r="K20079" s="9">
        <v>8.9600000000000009</v>
      </c>
      <c r="L20079" s="6" t="s">
        <v>4151</v>
      </c>
    </row>
    <row r="20080" spans="1:12">
      <c r="A20080" s="6" t="s">
        <v>4151</v>
      </c>
      <c r="B20080" s="6"/>
      <c r="C20080" s="6" t="s">
        <v>20116</v>
      </c>
      <c r="D20080" s="6"/>
      <c r="E20080" s="6" t="s">
        <v>9</v>
      </c>
      <c r="F20080" s="7">
        <v>38657</v>
      </c>
      <c r="G20080" s="8">
        <v>1</v>
      </c>
      <c r="H20080" s="8">
        <v>1</v>
      </c>
      <c r="I20080" s="8">
        <v>0</v>
      </c>
      <c r="J20080" s="8">
        <v>1</v>
      </c>
      <c r="K20080" s="9">
        <v>107</v>
      </c>
      <c r="L20080" s="6" t="s">
        <v>4151</v>
      </c>
    </row>
    <row r="20081" spans="1:12">
      <c r="A20081" s="6" t="s">
        <v>4151</v>
      </c>
      <c r="B20081" s="6"/>
      <c r="C20081" s="6" t="s">
        <v>20117</v>
      </c>
      <c r="D20081" s="6"/>
      <c r="E20081" s="6" t="s">
        <v>9</v>
      </c>
      <c r="F20081" s="7">
        <v>38657</v>
      </c>
      <c r="G20081" s="8">
        <v>1</v>
      </c>
      <c r="H20081" s="8">
        <v>1</v>
      </c>
      <c r="I20081" s="8">
        <v>0</v>
      </c>
      <c r="J20081" s="8">
        <v>1</v>
      </c>
      <c r="K20081" s="9">
        <v>10</v>
      </c>
      <c r="L20081" s="6" t="s">
        <v>4151</v>
      </c>
    </row>
    <row r="20082" spans="1:12">
      <c r="A20082" s="6" t="s">
        <v>4151</v>
      </c>
      <c r="B20082" s="6"/>
      <c r="C20082" s="6" t="s">
        <v>20118</v>
      </c>
      <c r="D20082" s="6"/>
      <c r="E20082" s="6" t="s">
        <v>9</v>
      </c>
      <c r="F20082" s="7">
        <v>38657</v>
      </c>
      <c r="G20082" s="8">
        <v>1</v>
      </c>
      <c r="H20082" s="8">
        <v>1</v>
      </c>
      <c r="I20082" s="8">
        <v>0</v>
      </c>
      <c r="J20082" s="8">
        <v>1</v>
      </c>
      <c r="K20082" s="9">
        <v>11</v>
      </c>
      <c r="L20082" s="6" t="s">
        <v>4151</v>
      </c>
    </row>
    <row r="20083" spans="1:12">
      <c r="A20083" s="6" t="s">
        <v>4151</v>
      </c>
      <c r="B20083" s="6"/>
      <c r="C20083" s="6" t="s">
        <v>20119</v>
      </c>
      <c r="D20083" s="6"/>
      <c r="E20083" s="6" t="s">
        <v>9</v>
      </c>
      <c r="F20083" s="7">
        <v>38657</v>
      </c>
      <c r="G20083" s="8">
        <v>1</v>
      </c>
      <c r="H20083" s="8">
        <v>1</v>
      </c>
      <c r="I20083" s="8">
        <v>0</v>
      </c>
      <c r="J20083" s="8">
        <v>1</v>
      </c>
      <c r="K20083" s="9">
        <v>26</v>
      </c>
      <c r="L20083" s="6" t="s">
        <v>4151</v>
      </c>
    </row>
    <row r="20084" spans="1:12">
      <c r="A20084" s="6" t="s">
        <v>4151</v>
      </c>
      <c r="B20084" s="6"/>
      <c r="C20084" s="6" t="s">
        <v>20120</v>
      </c>
      <c r="D20084" s="6"/>
      <c r="E20084" s="6" t="s">
        <v>9</v>
      </c>
      <c r="F20084" s="7">
        <v>38657</v>
      </c>
      <c r="G20084" s="8">
        <v>1</v>
      </c>
      <c r="H20084" s="8">
        <v>1</v>
      </c>
      <c r="I20084" s="8">
        <v>0</v>
      </c>
      <c r="J20084" s="8">
        <v>1</v>
      </c>
      <c r="K20084" s="9">
        <v>91</v>
      </c>
      <c r="L20084" s="6" t="s">
        <v>4151</v>
      </c>
    </row>
    <row r="20085" spans="1:12">
      <c r="A20085" s="6" t="s">
        <v>4151</v>
      </c>
      <c r="B20085" s="6"/>
      <c r="C20085" s="6" t="s">
        <v>20121</v>
      </c>
      <c r="D20085" s="6"/>
      <c r="E20085" s="6" t="s">
        <v>9</v>
      </c>
      <c r="F20085" s="7">
        <v>38657</v>
      </c>
      <c r="G20085" s="8">
        <v>1</v>
      </c>
      <c r="H20085" s="8">
        <v>1</v>
      </c>
      <c r="I20085" s="8">
        <v>0</v>
      </c>
      <c r="J20085" s="8">
        <v>1</v>
      </c>
      <c r="K20085" s="9">
        <v>23</v>
      </c>
      <c r="L20085" s="6" t="s">
        <v>4151</v>
      </c>
    </row>
    <row r="20086" spans="1:12">
      <c r="A20086" s="6" t="s">
        <v>4151</v>
      </c>
      <c r="B20086" s="6"/>
      <c r="C20086" s="6" t="s">
        <v>20122</v>
      </c>
      <c r="D20086" s="6"/>
      <c r="E20086" s="6" t="s">
        <v>9</v>
      </c>
      <c r="F20086" s="7">
        <v>38657</v>
      </c>
      <c r="G20086" s="8">
        <v>1</v>
      </c>
      <c r="H20086" s="8">
        <v>1</v>
      </c>
      <c r="I20086" s="8">
        <v>0</v>
      </c>
      <c r="J20086" s="8">
        <v>1</v>
      </c>
      <c r="K20086" s="9">
        <v>25</v>
      </c>
      <c r="L20086" s="6" t="s">
        <v>4151</v>
      </c>
    </row>
    <row r="20087" spans="1:12">
      <c r="A20087" s="6" t="s">
        <v>4151</v>
      </c>
      <c r="B20087" s="6"/>
      <c r="C20087" s="6" t="s">
        <v>20123</v>
      </c>
      <c r="D20087" s="6"/>
      <c r="E20087" s="6" t="s">
        <v>9</v>
      </c>
      <c r="F20087" s="7">
        <v>38657</v>
      </c>
      <c r="G20087" s="8">
        <v>1</v>
      </c>
      <c r="H20087" s="8">
        <v>1</v>
      </c>
      <c r="I20087" s="8">
        <v>0</v>
      </c>
      <c r="J20087" s="8">
        <v>1</v>
      </c>
      <c r="K20087" s="9">
        <v>24</v>
      </c>
      <c r="L20087" s="6" t="s">
        <v>4151</v>
      </c>
    </row>
    <row r="20088" spans="1:12">
      <c r="A20088" s="6" t="s">
        <v>4151</v>
      </c>
      <c r="B20088" s="6"/>
      <c r="C20088" s="6" t="s">
        <v>20124</v>
      </c>
      <c r="D20088" s="6"/>
      <c r="E20088" s="6" t="s">
        <v>9</v>
      </c>
      <c r="F20088" s="7">
        <v>38657</v>
      </c>
      <c r="G20088" s="8">
        <v>1</v>
      </c>
      <c r="H20088" s="8">
        <v>1</v>
      </c>
      <c r="I20088" s="8">
        <v>0</v>
      </c>
      <c r="J20088" s="8">
        <v>1</v>
      </c>
      <c r="K20088" s="9">
        <v>14</v>
      </c>
      <c r="L20088" s="6" t="s">
        <v>4151</v>
      </c>
    </row>
    <row r="20089" spans="1:12">
      <c r="A20089" s="6" t="s">
        <v>4151</v>
      </c>
      <c r="B20089" s="6"/>
      <c r="C20089" s="6" t="s">
        <v>20125</v>
      </c>
      <c r="D20089" s="6"/>
      <c r="E20089" s="6" t="s">
        <v>9</v>
      </c>
      <c r="F20089" s="7">
        <v>38657</v>
      </c>
      <c r="G20089" s="8">
        <v>1</v>
      </c>
      <c r="H20089" s="8">
        <v>1</v>
      </c>
      <c r="I20089" s="8">
        <v>0</v>
      </c>
      <c r="J20089" s="8">
        <v>1</v>
      </c>
      <c r="K20089" s="9">
        <v>15</v>
      </c>
      <c r="L20089" s="6" t="s">
        <v>4151</v>
      </c>
    </row>
    <row r="20090" spans="1:12">
      <c r="A20090" s="6" t="s">
        <v>4151</v>
      </c>
      <c r="B20090" s="6"/>
      <c r="C20090" s="6" t="s">
        <v>20126</v>
      </c>
      <c r="D20090" s="6"/>
      <c r="E20090" s="6" t="s">
        <v>9</v>
      </c>
      <c r="F20090" s="7">
        <v>38657</v>
      </c>
      <c r="G20090" s="8">
        <v>1</v>
      </c>
      <c r="H20090" s="8">
        <v>1</v>
      </c>
      <c r="I20090" s="8">
        <v>0</v>
      </c>
      <c r="J20090" s="8">
        <v>1</v>
      </c>
      <c r="K20090" s="9">
        <v>312</v>
      </c>
      <c r="L20090" s="6" t="s">
        <v>4151</v>
      </c>
    </row>
    <row r="20091" spans="1:12">
      <c r="A20091" s="6" t="s">
        <v>4151</v>
      </c>
      <c r="B20091" s="6"/>
      <c r="C20091" s="6" t="s">
        <v>20127</v>
      </c>
      <c r="D20091" s="6"/>
      <c r="E20091" s="6" t="s">
        <v>9</v>
      </c>
      <c r="F20091" s="7">
        <v>38657</v>
      </c>
      <c r="G20091" s="8">
        <v>1</v>
      </c>
      <c r="H20091" s="8">
        <v>1</v>
      </c>
      <c r="I20091" s="8">
        <v>0</v>
      </c>
      <c r="J20091" s="8">
        <v>1</v>
      </c>
      <c r="K20091" s="9">
        <v>14</v>
      </c>
      <c r="L20091" s="6" t="s">
        <v>4151</v>
      </c>
    </row>
    <row r="20092" spans="1:12">
      <c r="A20092" s="6" t="s">
        <v>4151</v>
      </c>
      <c r="B20092" s="6"/>
      <c r="C20092" s="6" t="s">
        <v>20128</v>
      </c>
      <c r="D20092" s="6"/>
      <c r="E20092" s="6" t="s">
        <v>9</v>
      </c>
      <c r="F20092" s="7">
        <v>38657</v>
      </c>
      <c r="G20092" s="8">
        <v>1</v>
      </c>
      <c r="H20092" s="8">
        <v>1</v>
      </c>
      <c r="I20092" s="8">
        <v>0</v>
      </c>
      <c r="J20092" s="8">
        <v>1</v>
      </c>
      <c r="K20092" s="9">
        <v>123</v>
      </c>
      <c r="L20092" s="6" t="s">
        <v>4151</v>
      </c>
    </row>
    <row r="20093" spans="1:12">
      <c r="A20093" s="6" t="s">
        <v>4151</v>
      </c>
      <c r="B20093" s="6"/>
      <c r="C20093" s="6" t="s">
        <v>20129</v>
      </c>
      <c r="D20093" s="6"/>
      <c r="E20093" s="6" t="s">
        <v>9</v>
      </c>
      <c r="F20093" s="7">
        <v>38657</v>
      </c>
      <c r="G20093" s="8">
        <v>1</v>
      </c>
      <c r="H20093" s="8">
        <v>1</v>
      </c>
      <c r="I20093" s="8">
        <v>0</v>
      </c>
      <c r="J20093" s="8">
        <v>1</v>
      </c>
      <c r="K20093" s="9">
        <v>33</v>
      </c>
      <c r="L20093" s="6" t="s">
        <v>4151</v>
      </c>
    </row>
    <row r="20094" spans="1:12">
      <c r="A20094" s="6" t="s">
        <v>4151</v>
      </c>
      <c r="B20094" s="6"/>
      <c r="C20094" s="6" t="s">
        <v>20130</v>
      </c>
      <c r="D20094" s="6"/>
      <c r="E20094" s="6" t="s">
        <v>9</v>
      </c>
      <c r="F20094" s="7">
        <v>38657</v>
      </c>
      <c r="G20094" s="8">
        <v>1</v>
      </c>
      <c r="H20094" s="8">
        <v>1</v>
      </c>
      <c r="I20094" s="8">
        <v>0</v>
      </c>
      <c r="J20094" s="8">
        <v>1</v>
      </c>
      <c r="K20094" s="9">
        <v>29</v>
      </c>
      <c r="L20094" s="6" t="s">
        <v>4151</v>
      </c>
    </row>
    <row r="20095" spans="1:12">
      <c r="A20095" s="6" t="s">
        <v>4151</v>
      </c>
      <c r="B20095" s="6"/>
      <c r="C20095" s="6" t="s">
        <v>20131</v>
      </c>
      <c r="D20095" s="6"/>
      <c r="E20095" s="6" t="s">
        <v>9</v>
      </c>
      <c r="F20095" s="7">
        <v>38657</v>
      </c>
      <c r="G20095" s="8">
        <v>1</v>
      </c>
      <c r="H20095" s="8">
        <v>1</v>
      </c>
      <c r="I20095" s="8">
        <v>0</v>
      </c>
      <c r="J20095" s="8">
        <v>1</v>
      </c>
      <c r="K20095" s="9">
        <v>44</v>
      </c>
      <c r="L20095" s="6" t="s">
        <v>4151</v>
      </c>
    </row>
    <row r="20096" spans="1:12">
      <c r="A20096" s="6" t="s">
        <v>4151</v>
      </c>
      <c r="B20096" s="6"/>
      <c r="C20096" s="6" t="s">
        <v>20132</v>
      </c>
      <c r="D20096" s="6"/>
      <c r="E20096" s="6" t="s">
        <v>9</v>
      </c>
      <c r="F20096" s="7">
        <v>38657</v>
      </c>
      <c r="G20096" s="8">
        <v>1</v>
      </c>
      <c r="H20096" s="8">
        <v>1</v>
      </c>
      <c r="I20096" s="8">
        <v>0</v>
      </c>
      <c r="J20096" s="8">
        <v>1</v>
      </c>
      <c r="K20096" s="9">
        <v>30</v>
      </c>
      <c r="L20096" s="6" t="s">
        <v>4151</v>
      </c>
    </row>
    <row r="20097" spans="1:12">
      <c r="A20097" s="6" t="s">
        <v>4151</v>
      </c>
      <c r="B20097" s="6"/>
      <c r="C20097" s="6" t="s">
        <v>20133</v>
      </c>
      <c r="D20097" s="6"/>
      <c r="E20097" s="6" t="s">
        <v>9</v>
      </c>
      <c r="F20097" s="7">
        <v>38657</v>
      </c>
      <c r="G20097" s="8">
        <v>1</v>
      </c>
      <c r="H20097" s="8">
        <v>1</v>
      </c>
      <c r="I20097" s="8">
        <v>0</v>
      </c>
      <c r="J20097" s="8">
        <v>1</v>
      </c>
      <c r="K20097" s="9">
        <v>13</v>
      </c>
      <c r="L20097" s="6" t="s">
        <v>4151</v>
      </c>
    </row>
    <row r="20098" spans="1:12">
      <c r="A20098" s="6" t="s">
        <v>4151</v>
      </c>
      <c r="B20098" s="6"/>
      <c r="C20098" s="6" t="s">
        <v>20134</v>
      </c>
      <c r="D20098" s="6"/>
      <c r="E20098" s="6" t="s">
        <v>9</v>
      </c>
      <c r="F20098" s="7">
        <v>38657</v>
      </c>
      <c r="G20098" s="8">
        <v>1</v>
      </c>
      <c r="H20098" s="8">
        <v>1</v>
      </c>
      <c r="I20098" s="8">
        <v>0</v>
      </c>
      <c r="J20098" s="8">
        <v>1</v>
      </c>
      <c r="K20098" s="9">
        <v>14</v>
      </c>
      <c r="L20098" s="6" t="s">
        <v>4151</v>
      </c>
    </row>
    <row r="20099" spans="1:12">
      <c r="A20099" s="6" t="s">
        <v>4151</v>
      </c>
      <c r="B20099" s="6"/>
      <c r="C20099" s="6" t="s">
        <v>20135</v>
      </c>
      <c r="D20099" s="6"/>
      <c r="E20099" s="6" t="s">
        <v>9</v>
      </c>
      <c r="F20099" s="7">
        <v>38657</v>
      </c>
      <c r="G20099" s="8">
        <v>1</v>
      </c>
      <c r="H20099" s="8">
        <v>1</v>
      </c>
      <c r="I20099" s="8">
        <v>0</v>
      </c>
      <c r="J20099" s="8">
        <v>1</v>
      </c>
      <c r="K20099" s="9">
        <v>15</v>
      </c>
      <c r="L20099" s="6" t="s">
        <v>4151</v>
      </c>
    </row>
    <row r="20100" spans="1:12">
      <c r="A20100" s="6" t="s">
        <v>4151</v>
      </c>
      <c r="B20100" s="6"/>
      <c r="C20100" s="6" t="s">
        <v>20136</v>
      </c>
      <c r="D20100" s="6"/>
      <c r="E20100" s="6" t="s">
        <v>9</v>
      </c>
      <c r="F20100" s="7">
        <v>38657</v>
      </c>
      <c r="G20100" s="8">
        <v>1</v>
      </c>
      <c r="H20100" s="8">
        <v>1</v>
      </c>
      <c r="I20100" s="8">
        <v>0</v>
      </c>
      <c r="J20100" s="8">
        <v>1</v>
      </c>
      <c r="K20100" s="9">
        <v>16</v>
      </c>
      <c r="L20100" s="6" t="s">
        <v>4151</v>
      </c>
    </row>
    <row r="20101" spans="1:12">
      <c r="A20101" s="6" t="s">
        <v>4151</v>
      </c>
      <c r="B20101" s="6"/>
      <c r="C20101" s="6" t="s">
        <v>20137</v>
      </c>
      <c r="D20101" s="6"/>
      <c r="E20101" s="6" t="s">
        <v>9</v>
      </c>
      <c r="F20101" s="7">
        <v>38657</v>
      </c>
      <c r="G20101" s="8">
        <v>1</v>
      </c>
      <c r="H20101" s="8">
        <v>1</v>
      </c>
      <c r="I20101" s="8">
        <v>0</v>
      </c>
      <c r="J20101" s="8">
        <v>1</v>
      </c>
      <c r="K20101" s="9">
        <v>28</v>
      </c>
      <c r="L20101" s="6" t="s">
        <v>4151</v>
      </c>
    </row>
    <row r="20102" spans="1:12">
      <c r="A20102" s="6" t="s">
        <v>4151</v>
      </c>
      <c r="B20102" s="6"/>
      <c r="C20102" s="6" t="s">
        <v>20138</v>
      </c>
      <c r="D20102" s="6"/>
      <c r="E20102" s="6" t="s">
        <v>9</v>
      </c>
      <c r="F20102" s="7">
        <v>38657</v>
      </c>
      <c r="G20102" s="8">
        <v>1</v>
      </c>
      <c r="H20102" s="8">
        <v>1</v>
      </c>
      <c r="I20102" s="8">
        <v>0</v>
      </c>
      <c r="J20102" s="8">
        <v>1</v>
      </c>
      <c r="K20102" s="9">
        <v>25</v>
      </c>
      <c r="L20102" s="6" t="s">
        <v>4151</v>
      </c>
    </row>
    <row r="20103" spans="1:12">
      <c r="A20103" s="6" t="s">
        <v>4151</v>
      </c>
      <c r="B20103" s="6"/>
      <c r="C20103" s="6" t="s">
        <v>20139</v>
      </c>
      <c r="D20103" s="6"/>
      <c r="E20103" s="6" t="s">
        <v>9</v>
      </c>
      <c r="F20103" s="7">
        <v>38657</v>
      </c>
      <c r="G20103" s="8">
        <v>1</v>
      </c>
      <c r="H20103" s="8">
        <v>1</v>
      </c>
      <c r="I20103" s="8">
        <v>0</v>
      </c>
      <c r="J20103" s="8">
        <v>1</v>
      </c>
      <c r="K20103" s="9">
        <v>14</v>
      </c>
      <c r="L20103" s="6" t="s">
        <v>4151</v>
      </c>
    </row>
    <row r="20104" spans="1:12">
      <c r="A20104" s="6" t="s">
        <v>4151</v>
      </c>
      <c r="B20104" s="6"/>
      <c r="C20104" s="6" t="s">
        <v>20140</v>
      </c>
      <c r="D20104" s="6"/>
      <c r="E20104" s="6" t="s">
        <v>9</v>
      </c>
      <c r="F20104" s="7">
        <v>38657</v>
      </c>
      <c r="G20104" s="8">
        <v>1</v>
      </c>
      <c r="H20104" s="8">
        <v>1</v>
      </c>
      <c r="I20104" s="8">
        <v>0</v>
      </c>
      <c r="J20104" s="8">
        <v>1</v>
      </c>
      <c r="K20104" s="9">
        <v>1.98</v>
      </c>
      <c r="L20104" s="6" t="s">
        <v>4151</v>
      </c>
    </row>
    <row r="20105" spans="1:12">
      <c r="A20105" s="6" t="s">
        <v>4151</v>
      </c>
      <c r="B20105" s="6"/>
      <c r="C20105" s="6" t="s">
        <v>20141</v>
      </c>
      <c r="D20105" s="6"/>
      <c r="E20105" s="6" t="s">
        <v>9</v>
      </c>
      <c r="F20105" s="7">
        <v>38657</v>
      </c>
      <c r="G20105" s="8">
        <v>1</v>
      </c>
      <c r="H20105" s="8">
        <v>1</v>
      </c>
      <c r="I20105" s="8">
        <v>0</v>
      </c>
      <c r="J20105" s="8">
        <v>1</v>
      </c>
      <c r="K20105" s="9">
        <v>60</v>
      </c>
      <c r="L20105" s="6" t="s">
        <v>4151</v>
      </c>
    </row>
    <row r="20106" spans="1:12">
      <c r="A20106" s="6" t="s">
        <v>4151</v>
      </c>
      <c r="B20106" s="6"/>
      <c r="C20106" s="6" t="s">
        <v>20142</v>
      </c>
      <c r="D20106" s="6"/>
      <c r="E20106" s="6" t="s">
        <v>9</v>
      </c>
      <c r="F20106" s="7">
        <v>38657</v>
      </c>
      <c r="G20106" s="8">
        <v>1</v>
      </c>
      <c r="H20106" s="8">
        <v>1</v>
      </c>
      <c r="I20106" s="8">
        <v>0</v>
      </c>
      <c r="J20106" s="8">
        <v>1</v>
      </c>
      <c r="K20106" s="9">
        <v>121</v>
      </c>
      <c r="L20106" s="6" t="s">
        <v>4151</v>
      </c>
    </row>
    <row r="20107" spans="1:12">
      <c r="A20107" s="6" t="s">
        <v>4151</v>
      </c>
      <c r="B20107" s="6"/>
      <c r="C20107" s="6" t="s">
        <v>20143</v>
      </c>
      <c r="D20107" s="6"/>
      <c r="E20107" s="6" t="s">
        <v>9</v>
      </c>
      <c r="F20107" s="7">
        <v>38657</v>
      </c>
      <c r="G20107" s="8">
        <v>1</v>
      </c>
      <c r="H20107" s="8">
        <v>1</v>
      </c>
      <c r="I20107" s="8">
        <v>0</v>
      </c>
      <c r="J20107" s="8">
        <v>1</v>
      </c>
      <c r="K20107" s="9">
        <v>3.66</v>
      </c>
      <c r="L20107" s="6" t="s">
        <v>4151</v>
      </c>
    </row>
    <row r="20108" spans="1:12">
      <c r="A20108" s="6" t="s">
        <v>4151</v>
      </c>
      <c r="B20108" s="6"/>
      <c r="C20108" s="6" t="s">
        <v>20144</v>
      </c>
      <c r="D20108" s="6"/>
      <c r="E20108" s="6" t="s">
        <v>9</v>
      </c>
      <c r="F20108" s="7">
        <v>38657</v>
      </c>
      <c r="G20108" s="8">
        <v>1</v>
      </c>
      <c r="H20108" s="8">
        <v>1</v>
      </c>
      <c r="I20108" s="8">
        <v>0</v>
      </c>
      <c r="J20108" s="8">
        <v>1</v>
      </c>
      <c r="K20108" s="9">
        <v>31</v>
      </c>
      <c r="L20108" s="6" t="s">
        <v>4151</v>
      </c>
    </row>
    <row r="20109" spans="1:12">
      <c r="A20109" s="6" t="s">
        <v>4151</v>
      </c>
      <c r="B20109" s="6"/>
      <c r="C20109" s="6" t="s">
        <v>20145</v>
      </c>
      <c r="D20109" s="6"/>
      <c r="E20109" s="6" t="s">
        <v>9</v>
      </c>
      <c r="F20109" s="7">
        <v>38657</v>
      </c>
      <c r="G20109" s="8">
        <v>1</v>
      </c>
      <c r="H20109" s="8">
        <v>1</v>
      </c>
      <c r="I20109" s="8">
        <v>0</v>
      </c>
      <c r="J20109" s="8">
        <v>1</v>
      </c>
      <c r="K20109" s="9">
        <v>5.45</v>
      </c>
      <c r="L20109" s="6" t="s">
        <v>4151</v>
      </c>
    </row>
    <row r="20110" spans="1:12">
      <c r="A20110" s="6" t="s">
        <v>4151</v>
      </c>
      <c r="B20110" s="6"/>
      <c r="C20110" s="6" t="s">
        <v>20146</v>
      </c>
      <c r="D20110" s="6"/>
      <c r="E20110" s="6" t="s">
        <v>9</v>
      </c>
      <c r="F20110" s="7">
        <v>38657</v>
      </c>
      <c r="G20110" s="8">
        <v>1</v>
      </c>
      <c r="H20110" s="8">
        <v>1</v>
      </c>
      <c r="I20110" s="8">
        <v>0</v>
      </c>
      <c r="J20110" s="8">
        <v>1</v>
      </c>
      <c r="K20110" s="9">
        <v>5.51</v>
      </c>
      <c r="L20110" s="6" t="s">
        <v>4151</v>
      </c>
    </row>
    <row r="20111" spans="1:12">
      <c r="A20111" s="6" t="s">
        <v>4151</v>
      </c>
      <c r="B20111" s="6"/>
      <c r="C20111" s="6" t="s">
        <v>20147</v>
      </c>
      <c r="D20111" s="6"/>
      <c r="E20111" s="6" t="s">
        <v>9</v>
      </c>
      <c r="F20111" s="7">
        <v>38657</v>
      </c>
      <c r="G20111" s="8">
        <v>1</v>
      </c>
      <c r="H20111" s="8">
        <v>1</v>
      </c>
      <c r="I20111" s="8">
        <v>0</v>
      </c>
      <c r="J20111" s="8">
        <v>1</v>
      </c>
      <c r="K20111" s="9">
        <v>42</v>
      </c>
      <c r="L20111" s="6" t="s">
        <v>4151</v>
      </c>
    </row>
    <row r="20112" spans="1:12">
      <c r="A20112" s="6" t="s">
        <v>4151</v>
      </c>
      <c r="B20112" s="6"/>
      <c r="C20112" s="6" t="s">
        <v>20148</v>
      </c>
      <c r="D20112" s="6"/>
      <c r="E20112" s="6" t="s">
        <v>9</v>
      </c>
      <c r="F20112" s="7">
        <v>38657</v>
      </c>
      <c r="G20112" s="8">
        <v>1</v>
      </c>
      <c r="H20112" s="8">
        <v>1</v>
      </c>
      <c r="I20112" s="8">
        <v>0</v>
      </c>
      <c r="J20112" s="8">
        <v>1</v>
      </c>
      <c r="K20112" s="9">
        <v>55</v>
      </c>
      <c r="L20112" s="6" t="s">
        <v>4151</v>
      </c>
    </row>
    <row r="20113" spans="1:12">
      <c r="A20113" s="6" t="s">
        <v>4151</v>
      </c>
      <c r="B20113" s="6"/>
      <c r="C20113" s="6" t="s">
        <v>20149</v>
      </c>
      <c r="D20113" s="6"/>
      <c r="E20113" s="6" t="s">
        <v>9</v>
      </c>
      <c r="F20113" s="7">
        <v>38657</v>
      </c>
      <c r="G20113" s="8">
        <v>1</v>
      </c>
      <c r="H20113" s="8">
        <v>1</v>
      </c>
      <c r="I20113" s="8">
        <v>0</v>
      </c>
      <c r="J20113" s="8">
        <v>1</v>
      </c>
      <c r="K20113" s="9">
        <v>5.45</v>
      </c>
      <c r="L20113" s="6" t="s">
        <v>4151</v>
      </c>
    </row>
    <row r="20114" spans="1:12">
      <c r="A20114" s="6" t="s">
        <v>4151</v>
      </c>
      <c r="B20114" s="6"/>
      <c r="C20114" s="6" t="s">
        <v>20150</v>
      </c>
      <c r="D20114" s="6"/>
      <c r="E20114" s="6" t="s">
        <v>9</v>
      </c>
      <c r="F20114" s="7">
        <v>38657</v>
      </c>
      <c r="G20114" s="8">
        <v>1</v>
      </c>
      <c r="H20114" s="8">
        <v>1</v>
      </c>
      <c r="I20114" s="8">
        <v>0</v>
      </c>
      <c r="J20114" s="8">
        <v>1</v>
      </c>
      <c r="K20114" s="9">
        <v>3.1</v>
      </c>
      <c r="L20114" s="6" t="s">
        <v>4151</v>
      </c>
    </row>
    <row r="20115" spans="1:12">
      <c r="A20115" s="6" t="s">
        <v>4151</v>
      </c>
      <c r="B20115" s="6"/>
      <c r="C20115" s="6" t="s">
        <v>20151</v>
      </c>
      <c r="D20115" s="6"/>
      <c r="E20115" s="6" t="s">
        <v>9</v>
      </c>
      <c r="F20115" s="7">
        <v>38657</v>
      </c>
      <c r="G20115" s="8">
        <v>1</v>
      </c>
      <c r="H20115" s="8">
        <v>1</v>
      </c>
      <c r="I20115" s="8">
        <v>0</v>
      </c>
      <c r="J20115" s="8">
        <v>1</v>
      </c>
      <c r="K20115" s="9">
        <v>3.27</v>
      </c>
      <c r="L20115" s="6" t="s">
        <v>4151</v>
      </c>
    </row>
    <row r="20116" spans="1:12">
      <c r="A20116" s="6" t="s">
        <v>4151</v>
      </c>
      <c r="B20116" s="6"/>
      <c r="C20116" s="6" t="s">
        <v>20152</v>
      </c>
      <c r="D20116" s="6"/>
      <c r="E20116" s="6" t="s">
        <v>9</v>
      </c>
      <c r="F20116" s="7">
        <v>38657</v>
      </c>
      <c r="G20116" s="8">
        <v>1</v>
      </c>
      <c r="H20116" s="8">
        <v>1</v>
      </c>
      <c r="I20116" s="8">
        <v>0</v>
      </c>
      <c r="J20116" s="8">
        <v>1</v>
      </c>
      <c r="K20116" s="9">
        <v>2.2000000000000002</v>
      </c>
      <c r="L20116" s="6" t="s">
        <v>4151</v>
      </c>
    </row>
    <row r="20117" spans="1:12">
      <c r="A20117" s="6" t="s">
        <v>4151</v>
      </c>
      <c r="B20117" s="6"/>
      <c r="C20117" s="6" t="s">
        <v>20153</v>
      </c>
      <c r="D20117" s="6"/>
      <c r="E20117" s="6" t="s">
        <v>9</v>
      </c>
      <c r="F20117" s="7">
        <v>38657</v>
      </c>
      <c r="G20117" s="8">
        <v>1</v>
      </c>
      <c r="H20117" s="8">
        <v>1</v>
      </c>
      <c r="I20117" s="8">
        <v>0</v>
      </c>
      <c r="J20117" s="8">
        <v>1</v>
      </c>
      <c r="K20117" s="9">
        <v>5.45</v>
      </c>
      <c r="L20117" s="6" t="s">
        <v>4151</v>
      </c>
    </row>
    <row r="20118" spans="1:12">
      <c r="A20118" s="6" t="s">
        <v>4151</v>
      </c>
      <c r="B20118" s="6"/>
      <c r="C20118" s="6" t="s">
        <v>20154</v>
      </c>
      <c r="D20118" s="6"/>
      <c r="E20118" s="6" t="s">
        <v>9</v>
      </c>
      <c r="F20118" s="7">
        <v>38657</v>
      </c>
      <c r="G20118" s="8">
        <v>1</v>
      </c>
      <c r="H20118" s="8">
        <v>1</v>
      </c>
      <c r="I20118" s="8">
        <v>0</v>
      </c>
      <c r="J20118" s="8">
        <v>1</v>
      </c>
      <c r="K20118" s="9">
        <v>0.95</v>
      </c>
      <c r="L20118" s="6" t="s">
        <v>4151</v>
      </c>
    </row>
    <row r="20119" spans="1:12">
      <c r="A20119" s="6" t="s">
        <v>4151</v>
      </c>
      <c r="B20119" s="6"/>
      <c r="C20119" s="6" t="s">
        <v>20155</v>
      </c>
      <c r="D20119" s="6"/>
      <c r="E20119" s="6" t="s">
        <v>9</v>
      </c>
      <c r="F20119" s="7">
        <v>38657</v>
      </c>
      <c r="G20119" s="8">
        <v>1</v>
      </c>
      <c r="H20119" s="8">
        <v>1</v>
      </c>
      <c r="I20119" s="8">
        <v>0</v>
      </c>
      <c r="J20119" s="8">
        <v>1</v>
      </c>
      <c r="K20119" s="9">
        <v>3.84</v>
      </c>
      <c r="L20119" s="6" t="s">
        <v>4151</v>
      </c>
    </row>
    <row r="20120" spans="1:12">
      <c r="A20120" s="6" t="s">
        <v>4151</v>
      </c>
      <c r="B20120" s="6"/>
      <c r="C20120" s="6" t="s">
        <v>20156</v>
      </c>
      <c r="D20120" s="6"/>
      <c r="E20120" s="6" t="s">
        <v>9</v>
      </c>
      <c r="F20120" s="7">
        <v>38657</v>
      </c>
      <c r="G20120" s="8">
        <v>1</v>
      </c>
      <c r="H20120" s="8">
        <v>1</v>
      </c>
      <c r="I20120" s="8">
        <v>0</v>
      </c>
      <c r="J20120" s="8">
        <v>1</v>
      </c>
      <c r="K20120" s="9">
        <v>2.11</v>
      </c>
      <c r="L20120" s="6" t="s">
        <v>4151</v>
      </c>
    </row>
    <row r="20121" spans="1:12">
      <c r="A20121" s="6" t="s">
        <v>4151</v>
      </c>
      <c r="B20121" s="6"/>
      <c r="C20121" s="6" t="s">
        <v>20157</v>
      </c>
      <c r="D20121" s="6"/>
      <c r="E20121" s="6" t="s">
        <v>9</v>
      </c>
      <c r="F20121" s="7">
        <v>38657</v>
      </c>
      <c r="G20121" s="8">
        <v>1</v>
      </c>
      <c r="H20121" s="8">
        <v>1</v>
      </c>
      <c r="I20121" s="8">
        <v>0</v>
      </c>
      <c r="J20121" s="8">
        <v>1</v>
      </c>
      <c r="K20121" s="9">
        <v>2.34</v>
      </c>
      <c r="L20121" s="6" t="s">
        <v>4151</v>
      </c>
    </row>
    <row r="20122" spans="1:12">
      <c r="A20122" s="6" t="s">
        <v>4151</v>
      </c>
      <c r="B20122" s="6"/>
      <c r="C20122" s="6" t="s">
        <v>20158</v>
      </c>
      <c r="D20122" s="6"/>
      <c r="E20122" s="6" t="s">
        <v>9</v>
      </c>
      <c r="F20122" s="7">
        <v>38657</v>
      </c>
      <c r="G20122" s="8">
        <v>1</v>
      </c>
      <c r="H20122" s="8">
        <v>1</v>
      </c>
      <c r="I20122" s="8">
        <v>0</v>
      </c>
      <c r="J20122" s="8">
        <v>1</v>
      </c>
      <c r="K20122" s="9">
        <v>21</v>
      </c>
      <c r="L20122" s="6" t="s">
        <v>4151</v>
      </c>
    </row>
    <row r="20123" spans="1:12">
      <c r="A20123" s="6" t="s">
        <v>4151</v>
      </c>
      <c r="B20123" s="6"/>
      <c r="C20123" s="6" t="s">
        <v>20159</v>
      </c>
      <c r="D20123" s="6"/>
      <c r="E20123" s="6" t="s">
        <v>9</v>
      </c>
      <c r="F20123" s="7">
        <v>38657</v>
      </c>
      <c r="G20123" s="8">
        <v>1</v>
      </c>
      <c r="H20123" s="8">
        <v>1</v>
      </c>
      <c r="I20123" s="8">
        <v>0</v>
      </c>
      <c r="J20123" s="8">
        <v>1</v>
      </c>
      <c r="K20123" s="9">
        <v>161</v>
      </c>
      <c r="L20123" s="6" t="s">
        <v>4151</v>
      </c>
    </row>
    <row r="20124" spans="1:12">
      <c r="A20124" s="6" t="s">
        <v>4151</v>
      </c>
      <c r="B20124" s="6"/>
      <c r="C20124" s="6" t="s">
        <v>20160</v>
      </c>
      <c r="D20124" s="6"/>
      <c r="E20124" s="6" t="s">
        <v>9</v>
      </c>
      <c r="F20124" s="7">
        <v>38657</v>
      </c>
      <c r="G20124" s="8">
        <v>1</v>
      </c>
      <c r="H20124" s="8">
        <v>1</v>
      </c>
      <c r="I20124" s="8">
        <v>0</v>
      </c>
      <c r="J20124" s="8">
        <v>1</v>
      </c>
      <c r="K20124" s="9">
        <v>15</v>
      </c>
      <c r="L20124" s="6" t="s">
        <v>4151</v>
      </c>
    </row>
    <row r="20125" spans="1:12">
      <c r="A20125" s="6" t="s">
        <v>4151</v>
      </c>
      <c r="B20125" s="6"/>
      <c r="C20125" s="6" t="s">
        <v>20161</v>
      </c>
      <c r="D20125" s="6"/>
      <c r="E20125" s="6" t="s">
        <v>9</v>
      </c>
      <c r="F20125" s="7">
        <v>38657</v>
      </c>
      <c r="G20125" s="8">
        <v>1</v>
      </c>
      <c r="H20125" s="8">
        <v>1</v>
      </c>
      <c r="I20125" s="8">
        <v>0</v>
      </c>
      <c r="J20125" s="8">
        <v>1</v>
      </c>
      <c r="K20125" s="9">
        <v>36</v>
      </c>
      <c r="L20125" s="6" t="s">
        <v>4151</v>
      </c>
    </row>
    <row r="20126" spans="1:12">
      <c r="A20126" s="6" t="s">
        <v>4151</v>
      </c>
      <c r="B20126" s="6"/>
      <c r="C20126" s="6" t="s">
        <v>20162</v>
      </c>
      <c r="D20126" s="6"/>
      <c r="E20126" s="6" t="s">
        <v>9</v>
      </c>
      <c r="F20126" s="7">
        <v>38657</v>
      </c>
      <c r="G20126" s="8">
        <v>1</v>
      </c>
      <c r="H20126" s="8">
        <v>1</v>
      </c>
      <c r="I20126" s="8">
        <v>0</v>
      </c>
      <c r="J20126" s="8">
        <v>1</v>
      </c>
      <c r="K20126" s="9">
        <v>78</v>
      </c>
      <c r="L20126" s="6" t="s">
        <v>4151</v>
      </c>
    </row>
    <row r="20127" spans="1:12">
      <c r="A20127" s="6" t="s">
        <v>4151</v>
      </c>
      <c r="B20127" s="6"/>
      <c r="C20127" s="6" t="s">
        <v>20163</v>
      </c>
      <c r="D20127" s="6"/>
      <c r="E20127" s="6" t="s">
        <v>9</v>
      </c>
      <c r="F20127" s="7">
        <v>38657</v>
      </c>
      <c r="G20127" s="8">
        <v>1</v>
      </c>
      <c r="H20127" s="8">
        <v>1</v>
      </c>
      <c r="I20127" s="8">
        <v>0</v>
      </c>
      <c r="J20127" s="8">
        <v>1</v>
      </c>
      <c r="K20127" s="9">
        <v>31</v>
      </c>
      <c r="L20127" s="6" t="s">
        <v>4151</v>
      </c>
    </row>
    <row r="20128" spans="1:12">
      <c r="A20128" s="6" t="s">
        <v>4151</v>
      </c>
      <c r="B20128" s="6"/>
      <c r="C20128" s="6" t="s">
        <v>20164</v>
      </c>
      <c r="D20128" s="6"/>
      <c r="E20128" s="6" t="s">
        <v>9</v>
      </c>
      <c r="F20128" s="7">
        <v>38657</v>
      </c>
      <c r="G20128" s="8">
        <v>1</v>
      </c>
      <c r="H20128" s="8">
        <v>1</v>
      </c>
      <c r="I20128" s="8">
        <v>0</v>
      </c>
      <c r="J20128" s="8">
        <v>1</v>
      </c>
      <c r="K20128" s="9">
        <v>32</v>
      </c>
      <c r="L20128" s="6" t="s">
        <v>4151</v>
      </c>
    </row>
    <row r="20129" spans="1:12">
      <c r="A20129" s="6" t="s">
        <v>4151</v>
      </c>
      <c r="B20129" s="6"/>
      <c r="C20129" s="6" t="s">
        <v>20165</v>
      </c>
      <c r="D20129" s="6"/>
      <c r="E20129" s="6" t="s">
        <v>9</v>
      </c>
      <c r="F20129" s="7">
        <v>38657</v>
      </c>
      <c r="G20129" s="8">
        <v>1</v>
      </c>
      <c r="H20129" s="8">
        <v>1</v>
      </c>
      <c r="I20129" s="8">
        <v>0</v>
      </c>
      <c r="J20129" s="8">
        <v>1</v>
      </c>
      <c r="K20129" s="9">
        <v>18</v>
      </c>
      <c r="L20129" s="6" t="s">
        <v>4151</v>
      </c>
    </row>
    <row r="20130" spans="1:12">
      <c r="A20130" s="6" t="s">
        <v>4151</v>
      </c>
      <c r="B20130" s="6"/>
      <c r="C20130" s="6" t="s">
        <v>20166</v>
      </c>
      <c r="D20130" s="6"/>
      <c r="E20130" s="6" t="s">
        <v>9</v>
      </c>
      <c r="F20130" s="7">
        <v>38657</v>
      </c>
      <c r="G20130" s="8">
        <v>1</v>
      </c>
      <c r="H20130" s="8">
        <v>1</v>
      </c>
      <c r="I20130" s="8">
        <v>0</v>
      </c>
      <c r="J20130" s="8">
        <v>1</v>
      </c>
      <c r="K20130" s="9">
        <v>50</v>
      </c>
      <c r="L20130" s="6" t="s">
        <v>4151</v>
      </c>
    </row>
    <row r="20131" spans="1:12">
      <c r="A20131" s="6" t="s">
        <v>4151</v>
      </c>
      <c r="B20131" s="6"/>
      <c r="C20131" s="6" t="s">
        <v>20167</v>
      </c>
      <c r="D20131" s="6"/>
      <c r="E20131" s="6" t="s">
        <v>9</v>
      </c>
      <c r="F20131" s="7">
        <v>38657</v>
      </c>
      <c r="G20131" s="8">
        <v>1</v>
      </c>
      <c r="H20131" s="8">
        <v>1</v>
      </c>
      <c r="I20131" s="8">
        <v>0</v>
      </c>
      <c r="J20131" s="8">
        <v>1</v>
      </c>
      <c r="K20131" s="9">
        <v>16</v>
      </c>
      <c r="L20131" s="6" t="s">
        <v>4151</v>
      </c>
    </row>
    <row r="20132" spans="1:12">
      <c r="A20132" s="6" t="s">
        <v>4151</v>
      </c>
      <c r="B20132" s="6"/>
      <c r="C20132" s="6" t="s">
        <v>20168</v>
      </c>
      <c r="D20132" s="6"/>
      <c r="E20132" s="6" t="s">
        <v>9</v>
      </c>
      <c r="F20132" s="7">
        <v>38657</v>
      </c>
      <c r="G20132" s="8">
        <v>1</v>
      </c>
      <c r="H20132" s="8">
        <v>1</v>
      </c>
      <c r="I20132" s="8">
        <v>0</v>
      </c>
      <c r="J20132" s="8">
        <v>1</v>
      </c>
      <c r="K20132" s="9">
        <v>20</v>
      </c>
      <c r="L20132" s="6" t="s">
        <v>4151</v>
      </c>
    </row>
    <row r="20133" spans="1:12">
      <c r="A20133" s="6" t="s">
        <v>4151</v>
      </c>
      <c r="B20133" s="6"/>
      <c r="C20133" s="6" t="s">
        <v>20169</v>
      </c>
      <c r="D20133" s="6"/>
      <c r="E20133" s="6" t="s">
        <v>9</v>
      </c>
      <c r="F20133" s="7">
        <v>38657</v>
      </c>
      <c r="G20133" s="8">
        <v>1</v>
      </c>
      <c r="H20133" s="8">
        <v>1</v>
      </c>
      <c r="I20133" s="8">
        <v>0</v>
      </c>
      <c r="J20133" s="8">
        <v>1</v>
      </c>
      <c r="K20133" s="9">
        <v>1</v>
      </c>
      <c r="L20133" s="6" t="s">
        <v>4151</v>
      </c>
    </row>
    <row r="20134" spans="1:12">
      <c r="A20134" s="6" t="s">
        <v>4151</v>
      </c>
      <c r="B20134" s="6"/>
      <c r="C20134" s="6" t="s">
        <v>20170</v>
      </c>
      <c r="D20134" s="6"/>
      <c r="E20134" s="6" t="s">
        <v>9</v>
      </c>
      <c r="F20134" s="7">
        <v>38657</v>
      </c>
      <c r="G20134" s="8">
        <v>1</v>
      </c>
      <c r="H20134" s="8">
        <v>1</v>
      </c>
      <c r="I20134" s="8">
        <v>0</v>
      </c>
      <c r="J20134" s="8">
        <v>1</v>
      </c>
      <c r="K20134" s="9">
        <v>162</v>
      </c>
      <c r="L20134" s="6" t="s">
        <v>4151</v>
      </c>
    </row>
    <row r="20135" spans="1:12">
      <c r="A20135" s="6" t="s">
        <v>4151</v>
      </c>
      <c r="B20135" s="6"/>
      <c r="C20135" s="6" t="s">
        <v>20171</v>
      </c>
      <c r="D20135" s="6"/>
      <c r="E20135" s="6" t="s">
        <v>9</v>
      </c>
      <c r="F20135" s="7">
        <v>38657</v>
      </c>
      <c r="G20135" s="8">
        <v>1</v>
      </c>
      <c r="H20135" s="8">
        <v>1</v>
      </c>
      <c r="I20135" s="8">
        <v>0</v>
      </c>
      <c r="J20135" s="8">
        <v>1</v>
      </c>
      <c r="K20135" s="9">
        <v>20</v>
      </c>
      <c r="L20135" s="6" t="s">
        <v>4151</v>
      </c>
    </row>
    <row r="20136" spans="1:12">
      <c r="A20136" s="6" t="s">
        <v>4151</v>
      </c>
      <c r="B20136" s="6"/>
      <c r="C20136" s="6" t="s">
        <v>20172</v>
      </c>
      <c r="D20136" s="6"/>
      <c r="E20136" s="6" t="s">
        <v>9</v>
      </c>
      <c r="F20136" s="7">
        <v>38657</v>
      </c>
      <c r="G20136" s="8">
        <v>1</v>
      </c>
      <c r="H20136" s="8">
        <v>1</v>
      </c>
      <c r="I20136" s="8">
        <v>0</v>
      </c>
      <c r="J20136" s="8">
        <v>1</v>
      </c>
      <c r="K20136" s="9">
        <v>19</v>
      </c>
      <c r="L20136" s="6" t="s">
        <v>4151</v>
      </c>
    </row>
    <row r="20137" spans="1:12">
      <c r="A20137" s="6" t="s">
        <v>4151</v>
      </c>
      <c r="B20137" s="6"/>
      <c r="C20137" s="6" t="s">
        <v>20173</v>
      </c>
      <c r="D20137" s="6"/>
      <c r="E20137" s="6" t="s">
        <v>9</v>
      </c>
      <c r="F20137" s="7">
        <v>38657</v>
      </c>
      <c r="G20137" s="8">
        <v>1</v>
      </c>
      <c r="H20137" s="8">
        <v>1</v>
      </c>
      <c r="I20137" s="8">
        <v>0</v>
      </c>
      <c r="J20137" s="8">
        <v>1</v>
      </c>
      <c r="K20137" s="9">
        <v>14</v>
      </c>
      <c r="L20137" s="6" t="s">
        <v>4151</v>
      </c>
    </row>
    <row r="20138" spans="1:12">
      <c r="A20138" s="6" t="s">
        <v>4151</v>
      </c>
      <c r="B20138" s="6"/>
      <c r="C20138" s="6" t="s">
        <v>20174</v>
      </c>
      <c r="D20138" s="6"/>
      <c r="E20138" s="6" t="s">
        <v>9</v>
      </c>
      <c r="F20138" s="7">
        <v>38657</v>
      </c>
      <c r="G20138" s="8">
        <v>1</v>
      </c>
      <c r="H20138" s="8">
        <v>1</v>
      </c>
      <c r="I20138" s="8">
        <v>0</v>
      </c>
      <c r="J20138" s="8">
        <v>1</v>
      </c>
      <c r="K20138" s="9">
        <v>25</v>
      </c>
      <c r="L20138" s="6" t="s">
        <v>4151</v>
      </c>
    </row>
    <row r="20139" spans="1:12">
      <c r="A20139" s="6" t="s">
        <v>4151</v>
      </c>
      <c r="B20139" s="6"/>
      <c r="C20139" s="6" t="s">
        <v>20175</v>
      </c>
      <c r="D20139" s="6"/>
      <c r="E20139" s="6" t="s">
        <v>9</v>
      </c>
      <c r="F20139" s="7">
        <v>38657</v>
      </c>
      <c r="G20139" s="8">
        <v>1</v>
      </c>
      <c r="H20139" s="8">
        <v>1</v>
      </c>
      <c r="I20139" s="8">
        <v>0</v>
      </c>
      <c r="J20139" s="8">
        <v>1</v>
      </c>
      <c r="K20139" s="9">
        <v>18</v>
      </c>
      <c r="L20139" s="6" t="s">
        <v>4151</v>
      </c>
    </row>
    <row r="20140" spans="1:12">
      <c r="A20140" s="6" t="s">
        <v>4151</v>
      </c>
      <c r="B20140" s="6"/>
      <c r="C20140" s="6" t="s">
        <v>20176</v>
      </c>
      <c r="D20140" s="6"/>
      <c r="E20140" s="6" t="s">
        <v>9</v>
      </c>
      <c r="F20140" s="7">
        <v>38657</v>
      </c>
      <c r="G20140" s="8">
        <v>1</v>
      </c>
      <c r="H20140" s="8">
        <v>1</v>
      </c>
      <c r="I20140" s="8">
        <v>0</v>
      </c>
      <c r="J20140" s="8">
        <v>1</v>
      </c>
      <c r="K20140" s="9">
        <v>1.95</v>
      </c>
      <c r="L20140" s="6" t="s">
        <v>4151</v>
      </c>
    </row>
    <row r="20141" spans="1:12">
      <c r="A20141" s="6" t="s">
        <v>4151</v>
      </c>
      <c r="B20141" s="6"/>
      <c r="C20141" s="6" t="s">
        <v>20177</v>
      </c>
      <c r="D20141" s="6"/>
      <c r="E20141" s="6" t="s">
        <v>9</v>
      </c>
      <c r="F20141" s="7">
        <v>38657</v>
      </c>
      <c r="G20141" s="8">
        <v>1</v>
      </c>
      <c r="H20141" s="8">
        <v>1</v>
      </c>
      <c r="I20141" s="8">
        <v>0</v>
      </c>
      <c r="J20141" s="8">
        <v>1</v>
      </c>
      <c r="K20141" s="9">
        <v>30</v>
      </c>
      <c r="L20141" s="6" t="s">
        <v>4151</v>
      </c>
    </row>
    <row r="20142" spans="1:12">
      <c r="A20142" s="6" t="s">
        <v>4151</v>
      </c>
      <c r="B20142" s="6"/>
      <c r="C20142" s="6" t="s">
        <v>20178</v>
      </c>
      <c r="D20142" s="6"/>
      <c r="E20142" s="6" t="s">
        <v>9</v>
      </c>
      <c r="F20142" s="7">
        <v>38657</v>
      </c>
      <c r="G20142" s="8">
        <v>1</v>
      </c>
      <c r="H20142" s="8">
        <v>1</v>
      </c>
      <c r="I20142" s="8">
        <v>0</v>
      </c>
      <c r="J20142" s="8">
        <v>1</v>
      </c>
      <c r="K20142" s="9">
        <v>23</v>
      </c>
      <c r="L20142" s="6" t="s">
        <v>4151</v>
      </c>
    </row>
    <row r="20143" spans="1:12">
      <c r="A20143" s="6" t="s">
        <v>4151</v>
      </c>
      <c r="B20143" s="6"/>
      <c r="C20143" s="6" t="s">
        <v>20179</v>
      </c>
      <c r="D20143" s="6"/>
      <c r="E20143" s="6" t="s">
        <v>9</v>
      </c>
      <c r="F20143" s="7">
        <v>38657</v>
      </c>
      <c r="G20143" s="8">
        <v>1</v>
      </c>
      <c r="H20143" s="8">
        <v>1</v>
      </c>
      <c r="I20143" s="8">
        <v>0</v>
      </c>
      <c r="J20143" s="8">
        <v>1</v>
      </c>
      <c r="K20143" s="9">
        <v>28</v>
      </c>
      <c r="L20143" s="6" t="s">
        <v>4151</v>
      </c>
    </row>
    <row r="20144" spans="1:12">
      <c r="A20144" s="6" t="s">
        <v>4151</v>
      </c>
      <c r="B20144" s="6"/>
      <c r="C20144" s="6" t="s">
        <v>20180</v>
      </c>
      <c r="D20144" s="6"/>
      <c r="E20144" s="6" t="s">
        <v>9</v>
      </c>
      <c r="F20144" s="7">
        <v>38657</v>
      </c>
      <c r="G20144" s="8">
        <v>1</v>
      </c>
      <c r="H20144" s="8">
        <v>1</v>
      </c>
      <c r="I20144" s="8">
        <v>0</v>
      </c>
      <c r="J20144" s="8">
        <v>1</v>
      </c>
      <c r="K20144" s="9">
        <v>29</v>
      </c>
      <c r="L20144" s="6" t="s">
        <v>4151</v>
      </c>
    </row>
    <row r="20145" spans="1:12">
      <c r="A20145" s="6" t="s">
        <v>4151</v>
      </c>
      <c r="B20145" s="6"/>
      <c r="C20145" s="6" t="s">
        <v>20181</v>
      </c>
      <c r="D20145" s="6"/>
      <c r="E20145" s="6" t="s">
        <v>9</v>
      </c>
      <c r="F20145" s="7">
        <v>38657</v>
      </c>
      <c r="G20145" s="8">
        <v>1</v>
      </c>
      <c r="H20145" s="8">
        <v>1</v>
      </c>
      <c r="I20145" s="8">
        <v>0</v>
      </c>
      <c r="J20145" s="8">
        <v>1</v>
      </c>
      <c r="K20145" s="9">
        <v>162</v>
      </c>
      <c r="L20145" s="6" t="s">
        <v>4151</v>
      </c>
    </row>
    <row r="20146" spans="1:12">
      <c r="A20146" s="6" t="s">
        <v>4151</v>
      </c>
      <c r="B20146" s="6"/>
      <c r="C20146" s="6" t="s">
        <v>20182</v>
      </c>
      <c r="D20146" s="6"/>
      <c r="E20146" s="6" t="s">
        <v>9</v>
      </c>
      <c r="F20146" s="7">
        <v>38657</v>
      </c>
      <c r="G20146" s="8">
        <v>1</v>
      </c>
      <c r="H20146" s="8">
        <v>1</v>
      </c>
      <c r="I20146" s="8">
        <v>0</v>
      </c>
      <c r="J20146" s="8">
        <v>1</v>
      </c>
      <c r="K20146" s="9">
        <v>31</v>
      </c>
      <c r="L20146" s="6" t="s">
        <v>4151</v>
      </c>
    </row>
    <row r="20147" spans="1:12">
      <c r="A20147" s="6" t="s">
        <v>4151</v>
      </c>
      <c r="B20147" s="6"/>
      <c r="C20147" s="6" t="s">
        <v>20183</v>
      </c>
      <c r="D20147" s="6"/>
      <c r="E20147" s="6" t="s">
        <v>9</v>
      </c>
      <c r="F20147" s="7">
        <v>38657</v>
      </c>
      <c r="G20147" s="8">
        <v>1</v>
      </c>
      <c r="H20147" s="8">
        <v>1</v>
      </c>
      <c r="I20147" s="8">
        <v>0</v>
      </c>
      <c r="J20147" s="8">
        <v>1</v>
      </c>
      <c r="K20147" s="9">
        <v>10</v>
      </c>
      <c r="L20147" s="6" t="s">
        <v>4151</v>
      </c>
    </row>
    <row r="20148" spans="1:12">
      <c r="A20148" s="6" t="s">
        <v>4151</v>
      </c>
      <c r="B20148" s="6"/>
      <c r="C20148" s="6" t="s">
        <v>20184</v>
      </c>
      <c r="D20148" s="6"/>
      <c r="E20148" s="6" t="s">
        <v>9</v>
      </c>
      <c r="F20148" s="7">
        <v>38657</v>
      </c>
      <c r="G20148" s="8">
        <v>1</v>
      </c>
      <c r="H20148" s="8">
        <v>1</v>
      </c>
      <c r="I20148" s="8">
        <v>0</v>
      </c>
      <c r="J20148" s="8">
        <v>1</v>
      </c>
      <c r="K20148" s="9">
        <v>2.1</v>
      </c>
      <c r="L20148" s="6" t="s">
        <v>4151</v>
      </c>
    </row>
    <row r="20149" spans="1:12">
      <c r="A20149" s="6" t="s">
        <v>4151</v>
      </c>
      <c r="B20149" s="6"/>
      <c r="C20149" s="6" t="s">
        <v>20185</v>
      </c>
      <c r="D20149" s="6"/>
      <c r="E20149" s="6" t="s">
        <v>9</v>
      </c>
      <c r="F20149" s="7">
        <v>38657</v>
      </c>
      <c r="G20149" s="8">
        <v>1</v>
      </c>
      <c r="H20149" s="8">
        <v>1</v>
      </c>
      <c r="I20149" s="8">
        <v>0</v>
      </c>
      <c r="J20149" s="8">
        <v>1</v>
      </c>
      <c r="K20149" s="9">
        <v>30</v>
      </c>
      <c r="L20149" s="6" t="s">
        <v>4151</v>
      </c>
    </row>
    <row r="20150" spans="1:12">
      <c r="A20150" s="6" t="s">
        <v>4151</v>
      </c>
      <c r="B20150" s="6"/>
      <c r="C20150" s="6" t="s">
        <v>20186</v>
      </c>
      <c r="D20150" s="6"/>
      <c r="E20150" s="6" t="s">
        <v>9</v>
      </c>
      <c r="F20150" s="7">
        <v>38657</v>
      </c>
      <c r="G20150" s="8">
        <v>1</v>
      </c>
      <c r="H20150" s="8">
        <v>1</v>
      </c>
      <c r="I20150" s="8">
        <v>0</v>
      </c>
      <c r="J20150" s="8">
        <v>1</v>
      </c>
      <c r="K20150" s="9">
        <v>4.8600000000000003</v>
      </c>
      <c r="L20150" s="6" t="s">
        <v>4151</v>
      </c>
    </row>
    <row r="20151" spans="1:12">
      <c r="A20151" s="6" t="s">
        <v>4151</v>
      </c>
      <c r="B20151" s="6"/>
      <c r="C20151" s="6" t="s">
        <v>20187</v>
      </c>
      <c r="D20151" s="6"/>
      <c r="E20151" s="6" t="s">
        <v>9</v>
      </c>
      <c r="F20151" s="7">
        <v>38657</v>
      </c>
      <c r="G20151" s="8">
        <v>1</v>
      </c>
      <c r="H20151" s="8">
        <v>1</v>
      </c>
      <c r="I20151" s="8">
        <v>0</v>
      </c>
      <c r="J20151" s="8">
        <v>1</v>
      </c>
      <c r="K20151" s="9">
        <v>10</v>
      </c>
      <c r="L20151" s="6" t="s">
        <v>4151</v>
      </c>
    </row>
    <row r="20152" spans="1:12">
      <c r="A20152" s="6" t="s">
        <v>4151</v>
      </c>
      <c r="B20152" s="6"/>
      <c r="C20152" s="6" t="s">
        <v>20188</v>
      </c>
      <c r="D20152" s="6"/>
      <c r="E20152" s="6" t="s">
        <v>9</v>
      </c>
      <c r="F20152" s="7">
        <v>38657</v>
      </c>
      <c r="G20152" s="8">
        <v>1</v>
      </c>
      <c r="H20152" s="8">
        <v>1</v>
      </c>
      <c r="I20152" s="8">
        <v>0</v>
      </c>
      <c r="J20152" s="8">
        <v>1</v>
      </c>
      <c r="K20152" s="9">
        <v>0.57999999999999896</v>
      </c>
      <c r="L20152" s="6" t="s">
        <v>4151</v>
      </c>
    </row>
    <row r="20153" spans="1:12">
      <c r="A20153" s="6" t="s">
        <v>4151</v>
      </c>
      <c r="B20153" s="6"/>
      <c r="C20153" s="6" t="s">
        <v>20189</v>
      </c>
      <c r="D20153" s="6"/>
      <c r="E20153" s="6" t="s">
        <v>9</v>
      </c>
      <c r="F20153" s="7">
        <v>38657</v>
      </c>
      <c r="G20153" s="8">
        <v>1</v>
      </c>
      <c r="H20153" s="8">
        <v>1</v>
      </c>
      <c r="I20153" s="8">
        <v>0</v>
      </c>
      <c r="J20153" s="8">
        <v>1</v>
      </c>
      <c r="K20153" s="9">
        <v>2.77</v>
      </c>
      <c r="L20153" s="6" t="s">
        <v>4151</v>
      </c>
    </row>
    <row r="20154" spans="1:12">
      <c r="A20154" s="6" t="s">
        <v>4151</v>
      </c>
      <c r="B20154" s="6"/>
      <c r="C20154" s="6" t="s">
        <v>20190</v>
      </c>
      <c r="D20154" s="6"/>
      <c r="E20154" s="6" t="s">
        <v>9</v>
      </c>
      <c r="F20154" s="7">
        <v>38657</v>
      </c>
      <c r="G20154" s="8">
        <v>1</v>
      </c>
      <c r="H20154" s="8">
        <v>1</v>
      </c>
      <c r="I20154" s="8">
        <v>0</v>
      </c>
      <c r="J20154" s="8">
        <v>1</v>
      </c>
      <c r="K20154" s="9">
        <v>6.76</v>
      </c>
      <c r="L20154" s="6" t="s">
        <v>4151</v>
      </c>
    </row>
    <row r="20155" spans="1:12">
      <c r="A20155" s="6" t="s">
        <v>4151</v>
      </c>
      <c r="B20155" s="6"/>
      <c r="C20155" s="6" t="s">
        <v>20191</v>
      </c>
      <c r="D20155" s="6"/>
      <c r="E20155" s="6" t="s">
        <v>9</v>
      </c>
      <c r="F20155" s="7">
        <v>38657</v>
      </c>
      <c r="G20155" s="8">
        <v>1</v>
      </c>
      <c r="H20155" s="8">
        <v>1</v>
      </c>
      <c r="I20155" s="8">
        <v>0</v>
      </c>
      <c r="J20155" s="8">
        <v>1</v>
      </c>
      <c r="K20155" s="9">
        <v>18</v>
      </c>
      <c r="L20155" s="6" t="s">
        <v>4151</v>
      </c>
    </row>
    <row r="20156" spans="1:12">
      <c r="A20156" s="6" t="s">
        <v>4151</v>
      </c>
      <c r="B20156" s="6"/>
      <c r="C20156" s="6" t="s">
        <v>20192</v>
      </c>
      <c r="D20156" s="6"/>
      <c r="E20156" s="6" t="s">
        <v>9</v>
      </c>
      <c r="F20156" s="7">
        <v>38657</v>
      </c>
      <c r="G20156" s="8">
        <v>1</v>
      </c>
      <c r="H20156" s="8">
        <v>1</v>
      </c>
      <c r="I20156" s="8">
        <v>0</v>
      </c>
      <c r="J20156" s="8">
        <v>1</v>
      </c>
      <c r="K20156" s="9">
        <v>210</v>
      </c>
      <c r="L20156" s="6" t="s">
        <v>4151</v>
      </c>
    </row>
    <row r="20157" spans="1:12">
      <c r="A20157" s="6" t="s">
        <v>4151</v>
      </c>
      <c r="B20157" s="6"/>
      <c r="C20157" s="6" t="s">
        <v>20193</v>
      </c>
      <c r="D20157" s="6"/>
      <c r="E20157" s="6" t="s">
        <v>9</v>
      </c>
      <c r="F20157" s="7">
        <v>38657</v>
      </c>
      <c r="G20157" s="8">
        <v>1</v>
      </c>
      <c r="H20157" s="8">
        <v>1</v>
      </c>
      <c r="I20157" s="8">
        <v>0</v>
      </c>
      <c r="J20157" s="8">
        <v>1</v>
      </c>
      <c r="K20157" s="9">
        <v>21</v>
      </c>
      <c r="L20157" s="6" t="s">
        <v>4151</v>
      </c>
    </row>
    <row r="20158" spans="1:12">
      <c r="A20158" s="6" t="s">
        <v>4151</v>
      </c>
      <c r="B20158" s="6"/>
      <c r="C20158" s="6" t="s">
        <v>20194</v>
      </c>
      <c r="D20158" s="6"/>
      <c r="E20158" s="6" t="s">
        <v>9</v>
      </c>
      <c r="F20158" s="7">
        <v>38657</v>
      </c>
      <c r="G20158" s="8">
        <v>1</v>
      </c>
      <c r="H20158" s="8">
        <v>1</v>
      </c>
      <c r="I20158" s="8">
        <v>0</v>
      </c>
      <c r="J20158" s="8">
        <v>1</v>
      </c>
      <c r="K20158" s="9">
        <v>15</v>
      </c>
      <c r="L20158" s="6" t="s">
        <v>4151</v>
      </c>
    </row>
    <row r="20159" spans="1:12">
      <c r="A20159" s="6" t="s">
        <v>4151</v>
      </c>
      <c r="B20159" s="6"/>
      <c r="C20159" s="6" t="s">
        <v>20195</v>
      </c>
      <c r="D20159" s="6"/>
      <c r="E20159" s="6" t="s">
        <v>9</v>
      </c>
      <c r="F20159" s="7">
        <v>38657</v>
      </c>
      <c r="G20159" s="8">
        <v>1</v>
      </c>
      <c r="H20159" s="8">
        <v>1</v>
      </c>
      <c r="I20159" s="8">
        <v>0</v>
      </c>
      <c r="J20159" s="8">
        <v>1</v>
      </c>
      <c r="K20159" s="9">
        <v>9.81</v>
      </c>
      <c r="L20159" s="6" t="s">
        <v>4151</v>
      </c>
    </row>
    <row r="20160" spans="1:12">
      <c r="A20160" s="6" t="s">
        <v>4151</v>
      </c>
      <c r="B20160" s="6"/>
      <c r="C20160" s="6" t="s">
        <v>20196</v>
      </c>
      <c r="D20160" s="6"/>
      <c r="E20160" s="6" t="s">
        <v>9</v>
      </c>
      <c r="F20160" s="7">
        <v>38657</v>
      </c>
      <c r="G20160" s="8">
        <v>1</v>
      </c>
      <c r="H20160" s="8">
        <v>1</v>
      </c>
      <c r="I20160" s="8">
        <v>0</v>
      </c>
      <c r="J20160" s="8">
        <v>1</v>
      </c>
      <c r="K20160" s="9">
        <v>4.26</v>
      </c>
      <c r="L20160" s="6" t="s">
        <v>4151</v>
      </c>
    </row>
    <row r="20161" spans="1:12">
      <c r="A20161" s="6" t="s">
        <v>4151</v>
      </c>
      <c r="B20161" s="6"/>
      <c r="C20161" s="6" t="s">
        <v>20197</v>
      </c>
      <c r="D20161" s="6"/>
      <c r="E20161" s="6" t="s">
        <v>9</v>
      </c>
      <c r="F20161" s="7">
        <v>38657</v>
      </c>
      <c r="G20161" s="8">
        <v>1</v>
      </c>
      <c r="H20161" s="8">
        <v>1</v>
      </c>
      <c r="I20161" s="8">
        <v>0</v>
      </c>
      <c r="J20161" s="8">
        <v>1</v>
      </c>
      <c r="K20161" s="9">
        <v>0.38</v>
      </c>
      <c r="L20161" s="6" t="s">
        <v>4151</v>
      </c>
    </row>
    <row r="20162" spans="1:12">
      <c r="A20162" s="6" t="s">
        <v>4151</v>
      </c>
      <c r="B20162" s="6"/>
      <c r="C20162" s="6" t="s">
        <v>20198</v>
      </c>
      <c r="D20162" s="6"/>
      <c r="E20162" s="6" t="s">
        <v>9</v>
      </c>
      <c r="F20162" s="7">
        <v>38657</v>
      </c>
      <c r="G20162" s="8">
        <v>1</v>
      </c>
      <c r="H20162" s="8">
        <v>1</v>
      </c>
      <c r="I20162" s="8">
        <v>0</v>
      </c>
      <c r="J20162" s="8">
        <v>1</v>
      </c>
      <c r="K20162" s="9">
        <v>4.21</v>
      </c>
      <c r="L20162" s="6" t="s">
        <v>4151</v>
      </c>
    </row>
    <row r="20163" spans="1:12">
      <c r="A20163" s="6" t="s">
        <v>4151</v>
      </c>
      <c r="B20163" s="6"/>
      <c r="C20163" s="6" t="s">
        <v>20199</v>
      </c>
      <c r="D20163" s="6"/>
      <c r="E20163" s="6" t="s">
        <v>9</v>
      </c>
      <c r="F20163" s="7">
        <v>38657</v>
      </c>
      <c r="G20163" s="8">
        <v>1</v>
      </c>
      <c r="H20163" s="8">
        <v>1</v>
      </c>
      <c r="I20163" s="8">
        <v>0</v>
      </c>
      <c r="J20163" s="8">
        <v>1</v>
      </c>
      <c r="K20163" s="9">
        <v>9.9600000000000009</v>
      </c>
      <c r="L20163" s="6" t="s">
        <v>4151</v>
      </c>
    </row>
    <row r="20164" spans="1:12">
      <c r="A20164" s="6" t="s">
        <v>4151</v>
      </c>
      <c r="B20164" s="6"/>
      <c r="C20164" s="6" t="s">
        <v>20200</v>
      </c>
      <c r="D20164" s="6"/>
      <c r="E20164" s="6" t="s">
        <v>9</v>
      </c>
      <c r="F20164" s="7">
        <v>38657</v>
      </c>
      <c r="G20164" s="8">
        <v>1</v>
      </c>
      <c r="H20164" s="8">
        <v>1</v>
      </c>
      <c r="I20164" s="8">
        <v>0</v>
      </c>
      <c r="J20164" s="8">
        <v>1</v>
      </c>
      <c r="K20164" s="9">
        <v>10</v>
      </c>
      <c r="L20164" s="6" t="s">
        <v>4151</v>
      </c>
    </row>
    <row r="20165" spans="1:12">
      <c r="A20165" s="6" t="s">
        <v>4151</v>
      </c>
      <c r="B20165" s="6"/>
      <c r="C20165" s="6" t="s">
        <v>20201</v>
      </c>
      <c r="D20165" s="6"/>
      <c r="E20165" s="6" t="s">
        <v>9</v>
      </c>
      <c r="F20165" s="7">
        <v>38657</v>
      </c>
      <c r="G20165" s="8">
        <v>1</v>
      </c>
      <c r="H20165" s="8">
        <v>1</v>
      </c>
      <c r="I20165" s="8">
        <v>0</v>
      </c>
      <c r="J20165" s="8">
        <v>1</v>
      </c>
      <c r="K20165" s="9">
        <v>7.86</v>
      </c>
      <c r="L20165" s="6" t="s">
        <v>4151</v>
      </c>
    </row>
    <row r="20166" spans="1:12">
      <c r="A20166" s="6" t="s">
        <v>4151</v>
      </c>
      <c r="B20166" s="6"/>
      <c r="C20166" s="6" t="s">
        <v>20202</v>
      </c>
      <c r="D20166" s="6"/>
      <c r="E20166" s="6" t="s">
        <v>9</v>
      </c>
      <c r="F20166" s="7">
        <v>38657</v>
      </c>
      <c r="G20166" s="8">
        <v>1</v>
      </c>
      <c r="H20166" s="8">
        <v>1</v>
      </c>
      <c r="I20166" s="8">
        <v>0</v>
      </c>
      <c r="J20166" s="8">
        <v>1</v>
      </c>
      <c r="K20166" s="9">
        <v>60</v>
      </c>
      <c r="L20166" s="6" t="s">
        <v>4151</v>
      </c>
    </row>
    <row r="20167" spans="1:12">
      <c r="A20167" s="6" t="s">
        <v>4151</v>
      </c>
      <c r="B20167" s="6"/>
      <c r="C20167" s="6" t="s">
        <v>20203</v>
      </c>
      <c r="D20167" s="6"/>
      <c r="E20167" s="6" t="s">
        <v>9</v>
      </c>
      <c r="F20167" s="7">
        <v>38657</v>
      </c>
      <c r="G20167" s="8">
        <v>1</v>
      </c>
      <c r="H20167" s="8">
        <v>1</v>
      </c>
      <c r="I20167" s="8">
        <v>0</v>
      </c>
      <c r="J20167" s="8">
        <v>1</v>
      </c>
      <c r="K20167" s="9">
        <v>29</v>
      </c>
      <c r="L20167" s="6" t="s">
        <v>4151</v>
      </c>
    </row>
    <row r="20168" spans="1:12">
      <c r="A20168" s="6" t="s">
        <v>4151</v>
      </c>
      <c r="B20168" s="6"/>
      <c r="C20168" s="6" t="s">
        <v>20204</v>
      </c>
      <c r="D20168" s="6"/>
      <c r="E20168" s="6" t="s">
        <v>9</v>
      </c>
      <c r="F20168" s="7">
        <v>38657</v>
      </c>
      <c r="G20168" s="8">
        <v>1</v>
      </c>
      <c r="H20168" s="8">
        <v>1</v>
      </c>
      <c r="I20168" s="8">
        <v>0</v>
      </c>
      <c r="J20168" s="8">
        <v>1</v>
      </c>
      <c r="K20168" s="9">
        <v>84</v>
      </c>
      <c r="L20168" s="6" t="s">
        <v>4151</v>
      </c>
    </row>
    <row r="20169" spans="1:12">
      <c r="A20169" s="6" t="s">
        <v>4151</v>
      </c>
      <c r="B20169" s="6"/>
      <c r="C20169" s="6" t="s">
        <v>20205</v>
      </c>
      <c r="D20169" s="6"/>
      <c r="E20169" s="6" t="s">
        <v>9</v>
      </c>
      <c r="F20169" s="7">
        <v>38657</v>
      </c>
      <c r="G20169" s="8">
        <v>1</v>
      </c>
      <c r="H20169" s="8">
        <v>1</v>
      </c>
      <c r="I20169" s="8">
        <v>0</v>
      </c>
      <c r="J20169" s="8">
        <v>1</v>
      </c>
      <c r="K20169" s="9">
        <v>32</v>
      </c>
      <c r="L20169" s="6" t="s">
        <v>4151</v>
      </c>
    </row>
    <row r="20170" spans="1:12">
      <c r="A20170" s="6" t="s">
        <v>4151</v>
      </c>
      <c r="B20170" s="6"/>
      <c r="C20170" s="6" t="s">
        <v>20206</v>
      </c>
      <c r="D20170" s="6"/>
      <c r="E20170" s="6" t="s">
        <v>9</v>
      </c>
      <c r="F20170" s="7">
        <v>38657</v>
      </c>
      <c r="G20170" s="8">
        <v>1</v>
      </c>
      <c r="H20170" s="8">
        <v>1</v>
      </c>
      <c r="I20170" s="8">
        <v>0</v>
      </c>
      <c r="J20170" s="8">
        <v>1</v>
      </c>
      <c r="K20170" s="9">
        <v>13</v>
      </c>
      <c r="L20170" s="6" t="s">
        <v>4151</v>
      </c>
    </row>
    <row r="20171" spans="1:12">
      <c r="A20171" s="6" t="s">
        <v>4151</v>
      </c>
      <c r="B20171" s="6"/>
      <c r="C20171" s="6" t="s">
        <v>20207</v>
      </c>
      <c r="D20171" s="6"/>
      <c r="E20171" s="6" t="s">
        <v>9</v>
      </c>
      <c r="F20171" s="7">
        <v>38657</v>
      </c>
      <c r="G20171" s="8">
        <v>1</v>
      </c>
      <c r="H20171" s="8">
        <v>1</v>
      </c>
      <c r="I20171" s="8">
        <v>0</v>
      </c>
      <c r="J20171" s="8">
        <v>1</v>
      </c>
      <c r="K20171" s="9">
        <v>4.08</v>
      </c>
      <c r="L20171" s="6" t="s">
        <v>4151</v>
      </c>
    </row>
    <row r="20172" spans="1:12">
      <c r="A20172" s="6" t="s">
        <v>4151</v>
      </c>
      <c r="B20172" s="6"/>
      <c r="C20172" s="6" t="s">
        <v>20208</v>
      </c>
      <c r="D20172" s="6"/>
      <c r="E20172" s="6" t="s">
        <v>9</v>
      </c>
      <c r="F20172" s="7">
        <v>38657</v>
      </c>
      <c r="G20172" s="8">
        <v>1</v>
      </c>
      <c r="H20172" s="8">
        <v>1</v>
      </c>
      <c r="I20172" s="8">
        <v>0</v>
      </c>
      <c r="J20172" s="8">
        <v>1</v>
      </c>
      <c r="K20172" s="9">
        <v>27</v>
      </c>
      <c r="L20172" s="6" t="s">
        <v>4151</v>
      </c>
    </row>
    <row r="20173" spans="1:12">
      <c r="A20173" s="6" t="s">
        <v>4151</v>
      </c>
      <c r="B20173" s="6"/>
      <c r="C20173" s="6" t="s">
        <v>20209</v>
      </c>
      <c r="D20173" s="6"/>
      <c r="E20173" s="6" t="s">
        <v>9</v>
      </c>
      <c r="F20173" s="7">
        <v>38657</v>
      </c>
      <c r="G20173" s="8">
        <v>1</v>
      </c>
      <c r="H20173" s="8">
        <v>1</v>
      </c>
      <c r="I20173" s="8">
        <v>0</v>
      </c>
      <c r="J20173" s="8">
        <v>1</v>
      </c>
      <c r="K20173" s="9">
        <v>31</v>
      </c>
      <c r="L20173" s="6" t="s">
        <v>4151</v>
      </c>
    </row>
    <row r="20174" spans="1:12">
      <c r="A20174" s="6" t="s">
        <v>4151</v>
      </c>
      <c r="B20174" s="6"/>
      <c r="C20174" s="6" t="s">
        <v>20210</v>
      </c>
      <c r="D20174" s="6"/>
      <c r="E20174" s="6" t="s">
        <v>9</v>
      </c>
      <c r="F20174" s="7">
        <v>38657</v>
      </c>
      <c r="G20174" s="8">
        <v>1</v>
      </c>
      <c r="H20174" s="8">
        <v>1</v>
      </c>
      <c r="I20174" s="8">
        <v>0</v>
      </c>
      <c r="J20174" s="8">
        <v>1</v>
      </c>
      <c r="K20174" s="9">
        <v>10.77</v>
      </c>
      <c r="L20174" s="6" t="s">
        <v>4151</v>
      </c>
    </row>
    <row r="20175" spans="1:12">
      <c r="A20175" s="6" t="s">
        <v>4151</v>
      </c>
      <c r="B20175" s="6"/>
      <c r="C20175" s="6" t="s">
        <v>20211</v>
      </c>
      <c r="D20175" s="6"/>
      <c r="E20175" s="6" t="s">
        <v>9</v>
      </c>
      <c r="F20175" s="7">
        <v>38657</v>
      </c>
      <c r="G20175" s="8">
        <v>1</v>
      </c>
      <c r="H20175" s="8">
        <v>1</v>
      </c>
      <c r="I20175" s="8">
        <v>0</v>
      </c>
      <c r="J20175" s="8">
        <v>1</v>
      </c>
      <c r="K20175" s="9">
        <v>38.24</v>
      </c>
      <c r="L20175" s="6" t="s">
        <v>4151</v>
      </c>
    </row>
    <row r="20176" spans="1:12">
      <c r="A20176" s="6" t="s">
        <v>4151</v>
      </c>
      <c r="B20176" s="6"/>
      <c r="C20176" s="6" t="s">
        <v>20212</v>
      </c>
      <c r="D20176" s="6"/>
      <c r="E20176" s="6" t="s">
        <v>9</v>
      </c>
      <c r="F20176" s="7">
        <v>38657</v>
      </c>
      <c r="G20176" s="8">
        <v>1</v>
      </c>
      <c r="H20176" s="8">
        <v>1</v>
      </c>
      <c r="I20176" s="8">
        <v>0</v>
      </c>
      <c r="J20176" s="8">
        <v>1</v>
      </c>
      <c r="K20176" s="9">
        <v>3.54</v>
      </c>
      <c r="L20176" s="6" t="s">
        <v>4151</v>
      </c>
    </row>
    <row r="20177" spans="1:12">
      <c r="A20177" s="6" t="s">
        <v>4151</v>
      </c>
      <c r="B20177" s="6"/>
      <c r="C20177" s="6" t="s">
        <v>20213</v>
      </c>
      <c r="D20177" s="6"/>
      <c r="E20177" s="6" t="s">
        <v>9</v>
      </c>
      <c r="F20177" s="7">
        <v>38657</v>
      </c>
      <c r="G20177" s="8">
        <v>1</v>
      </c>
      <c r="H20177" s="8">
        <v>1</v>
      </c>
      <c r="I20177" s="8">
        <v>0</v>
      </c>
      <c r="J20177" s="8">
        <v>1</v>
      </c>
      <c r="K20177" s="9">
        <v>2.8</v>
      </c>
      <c r="L20177" s="6" t="s">
        <v>4151</v>
      </c>
    </row>
    <row r="20178" spans="1:12">
      <c r="A20178" s="6" t="s">
        <v>4151</v>
      </c>
      <c r="B20178" s="6"/>
      <c r="C20178" s="6" t="s">
        <v>20214</v>
      </c>
      <c r="D20178" s="6"/>
      <c r="E20178" s="6" t="s">
        <v>9</v>
      </c>
      <c r="F20178" s="7">
        <v>38657</v>
      </c>
      <c r="G20178" s="8">
        <v>1</v>
      </c>
      <c r="H20178" s="8">
        <v>1</v>
      </c>
      <c r="I20178" s="8">
        <v>0</v>
      </c>
      <c r="J20178" s="8">
        <v>1</v>
      </c>
      <c r="K20178" s="9">
        <v>13</v>
      </c>
      <c r="L20178" s="6" t="s">
        <v>4151</v>
      </c>
    </row>
    <row r="20179" spans="1:12">
      <c r="A20179" s="6" t="s">
        <v>4151</v>
      </c>
      <c r="B20179" s="6"/>
      <c r="C20179" s="6" t="s">
        <v>20215</v>
      </c>
      <c r="D20179" s="6"/>
      <c r="E20179" s="6" t="s">
        <v>9</v>
      </c>
      <c r="F20179" s="7">
        <v>38657</v>
      </c>
      <c r="G20179" s="8">
        <v>1</v>
      </c>
      <c r="H20179" s="8">
        <v>1</v>
      </c>
      <c r="I20179" s="8">
        <v>0</v>
      </c>
      <c r="J20179" s="8">
        <v>1</v>
      </c>
      <c r="K20179" s="9">
        <v>12</v>
      </c>
      <c r="L20179" s="6" t="s">
        <v>4151</v>
      </c>
    </row>
    <row r="20180" spans="1:12">
      <c r="A20180" s="6" t="s">
        <v>4151</v>
      </c>
      <c r="B20180" s="6"/>
      <c r="C20180" s="6" t="s">
        <v>20216</v>
      </c>
      <c r="D20180" s="6"/>
      <c r="E20180" s="6" t="s">
        <v>9</v>
      </c>
      <c r="F20180" s="7">
        <v>38657</v>
      </c>
      <c r="G20180" s="8">
        <v>1</v>
      </c>
      <c r="H20180" s="8">
        <v>1</v>
      </c>
      <c r="I20180" s="8">
        <v>0</v>
      </c>
      <c r="J20180" s="8">
        <v>1</v>
      </c>
      <c r="K20180" s="9">
        <v>10</v>
      </c>
      <c r="L20180" s="6" t="s">
        <v>4151</v>
      </c>
    </row>
    <row r="20181" spans="1:12">
      <c r="A20181" s="6" t="s">
        <v>4151</v>
      </c>
      <c r="B20181" s="6"/>
      <c r="C20181" s="6" t="s">
        <v>20217</v>
      </c>
      <c r="D20181" s="6"/>
      <c r="E20181" s="6" t="s">
        <v>9</v>
      </c>
      <c r="F20181" s="7">
        <v>38657</v>
      </c>
      <c r="G20181" s="8">
        <v>1</v>
      </c>
      <c r="H20181" s="8">
        <v>1</v>
      </c>
      <c r="I20181" s="8">
        <v>0</v>
      </c>
      <c r="J20181" s="8">
        <v>1</v>
      </c>
      <c r="K20181" s="9">
        <v>0.56000000000000005</v>
      </c>
      <c r="L20181" s="6" t="s">
        <v>4151</v>
      </c>
    </row>
    <row r="20182" spans="1:12">
      <c r="A20182" s="6" t="s">
        <v>4151</v>
      </c>
      <c r="B20182" s="6"/>
      <c r="C20182" s="6" t="s">
        <v>20218</v>
      </c>
      <c r="D20182" s="6"/>
      <c r="E20182" s="6" t="s">
        <v>9</v>
      </c>
      <c r="F20182" s="7">
        <v>38657</v>
      </c>
      <c r="G20182" s="8">
        <v>1</v>
      </c>
      <c r="H20182" s="8">
        <v>1</v>
      </c>
      <c r="I20182" s="8">
        <v>0</v>
      </c>
      <c r="J20182" s="8">
        <v>1</v>
      </c>
      <c r="K20182" s="9">
        <v>152</v>
      </c>
      <c r="L20182" s="6" t="s">
        <v>4151</v>
      </c>
    </row>
    <row r="20183" spans="1:12">
      <c r="A20183" s="6" t="s">
        <v>4151</v>
      </c>
      <c r="B20183" s="6"/>
      <c r="C20183" s="6" t="s">
        <v>20219</v>
      </c>
      <c r="D20183" s="6"/>
      <c r="E20183" s="6" t="s">
        <v>9</v>
      </c>
      <c r="F20183" s="7">
        <v>38657</v>
      </c>
      <c r="G20183" s="8">
        <v>1</v>
      </c>
      <c r="H20183" s="8">
        <v>1</v>
      </c>
      <c r="I20183" s="8">
        <v>0</v>
      </c>
      <c r="J20183" s="8">
        <v>1</v>
      </c>
      <c r="K20183" s="9">
        <v>161</v>
      </c>
      <c r="L20183" s="6" t="s">
        <v>4151</v>
      </c>
    </row>
    <row r="20184" spans="1:12">
      <c r="A20184" s="6" t="s">
        <v>4151</v>
      </c>
      <c r="B20184" s="6"/>
      <c r="C20184" s="6" t="s">
        <v>20220</v>
      </c>
      <c r="D20184" s="6"/>
      <c r="E20184" s="6" t="s">
        <v>9</v>
      </c>
      <c r="F20184" s="7">
        <v>38657</v>
      </c>
      <c r="G20184" s="8">
        <v>1</v>
      </c>
      <c r="H20184" s="8">
        <v>1</v>
      </c>
      <c r="I20184" s="8">
        <v>0</v>
      </c>
      <c r="J20184" s="8">
        <v>1</v>
      </c>
      <c r="K20184" s="9">
        <v>166</v>
      </c>
      <c r="L20184" s="6" t="s">
        <v>4151</v>
      </c>
    </row>
    <row r="20185" spans="1:12">
      <c r="A20185" s="6" t="s">
        <v>4151</v>
      </c>
      <c r="B20185" s="6"/>
      <c r="C20185" s="6" t="s">
        <v>20221</v>
      </c>
      <c r="D20185" s="6"/>
      <c r="E20185" s="6" t="s">
        <v>9</v>
      </c>
      <c r="F20185" s="7">
        <v>38657</v>
      </c>
      <c r="G20185" s="8">
        <v>1</v>
      </c>
      <c r="H20185" s="8">
        <v>1</v>
      </c>
      <c r="I20185" s="8">
        <v>0</v>
      </c>
      <c r="J20185" s="8">
        <v>1</v>
      </c>
      <c r="K20185" s="9">
        <v>124</v>
      </c>
      <c r="L20185" s="6" t="s">
        <v>4151</v>
      </c>
    </row>
    <row r="20186" spans="1:12">
      <c r="A20186" s="6" t="s">
        <v>4151</v>
      </c>
      <c r="B20186" s="6"/>
      <c r="C20186" s="6" t="s">
        <v>20222</v>
      </c>
      <c r="D20186" s="6"/>
      <c r="E20186" s="6" t="s">
        <v>9</v>
      </c>
      <c r="F20186" s="7">
        <v>38657</v>
      </c>
      <c r="G20186" s="8">
        <v>1</v>
      </c>
      <c r="H20186" s="8">
        <v>1</v>
      </c>
      <c r="I20186" s="8">
        <v>0</v>
      </c>
      <c r="J20186" s="8">
        <v>1</v>
      </c>
      <c r="K20186" s="9">
        <v>40</v>
      </c>
      <c r="L20186" s="6" t="s">
        <v>4151</v>
      </c>
    </row>
    <row r="20187" spans="1:12">
      <c r="A20187" s="6" t="s">
        <v>4151</v>
      </c>
      <c r="B20187" s="6"/>
      <c r="C20187" s="6" t="s">
        <v>20223</v>
      </c>
      <c r="D20187" s="6"/>
      <c r="E20187" s="6" t="s">
        <v>9</v>
      </c>
      <c r="F20187" s="7">
        <v>38657</v>
      </c>
      <c r="G20187" s="8">
        <v>1</v>
      </c>
      <c r="H20187" s="8">
        <v>1</v>
      </c>
      <c r="I20187" s="8">
        <v>0</v>
      </c>
      <c r="J20187" s="8">
        <v>1</v>
      </c>
      <c r="K20187" s="9">
        <v>2.95</v>
      </c>
      <c r="L20187" s="6" t="s">
        <v>4151</v>
      </c>
    </row>
    <row r="20188" spans="1:12">
      <c r="A20188" s="6" t="s">
        <v>4151</v>
      </c>
      <c r="B20188" s="6"/>
      <c r="C20188" s="6" t="s">
        <v>20224</v>
      </c>
      <c r="D20188" s="6"/>
      <c r="E20188" s="6" t="s">
        <v>9</v>
      </c>
      <c r="F20188" s="7">
        <v>38657</v>
      </c>
      <c r="G20188" s="8">
        <v>1</v>
      </c>
      <c r="H20188" s="8">
        <v>1</v>
      </c>
      <c r="I20188" s="8">
        <v>0</v>
      </c>
      <c r="J20188" s="8">
        <v>1</v>
      </c>
      <c r="K20188" s="9">
        <v>9.08</v>
      </c>
      <c r="L20188" s="6" t="s">
        <v>4151</v>
      </c>
    </row>
    <row r="20189" spans="1:12">
      <c r="A20189" s="6" t="s">
        <v>4151</v>
      </c>
      <c r="B20189" s="6"/>
      <c r="C20189" s="6" t="s">
        <v>20225</v>
      </c>
      <c r="D20189" s="6"/>
      <c r="E20189" s="6" t="s">
        <v>9</v>
      </c>
      <c r="F20189" s="7">
        <v>38657</v>
      </c>
      <c r="G20189" s="8">
        <v>1</v>
      </c>
      <c r="H20189" s="8">
        <v>1</v>
      </c>
      <c r="I20189" s="8">
        <v>0</v>
      </c>
      <c r="J20189" s="8">
        <v>1</v>
      </c>
      <c r="K20189" s="9">
        <v>3.49</v>
      </c>
      <c r="L20189" s="6" t="s">
        <v>4151</v>
      </c>
    </row>
    <row r="20190" spans="1:12">
      <c r="A20190" s="6" t="s">
        <v>4151</v>
      </c>
      <c r="B20190" s="6"/>
      <c r="C20190" s="6" t="s">
        <v>20226</v>
      </c>
      <c r="D20190" s="6"/>
      <c r="E20190" s="6" t="s">
        <v>9</v>
      </c>
      <c r="F20190" s="7">
        <v>38657</v>
      </c>
      <c r="G20190" s="8">
        <v>1</v>
      </c>
      <c r="H20190" s="8">
        <v>1</v>
      </c>
      <c r="I20190" s="8">
        <v>0</v>
      </c>
      <c r="J20190" s="8">
        <v>1</v>
      </c>
      <c r="K20190" s="9">
        <v>2627</v>
      </c>
      <c r="L20190" s="6" t="s">
        <v>4151</v>
      </c>
    </row>
    <row r="20191" spans="1:12">
      <c r="A20191" s="6" t="s">
        <v>4151</v>
      </c>
      <c r="B20191" s="6"/>
      <c r="C20191" s="6" t="s">
        <v>20227</v>
      </c>
      <c r="D20191" s="6"/>
      <c r="E20191" s="6" t="s">
        <v>9</v>
      </c>
      <c r="F20191" s="7">
        <v>38657</v>
      </c>
      <c r="G20191" s="8">
        <v>1</v>
      </c>
      <c r="H20191" s="8">
        <v>1</v>
      </c>
      <c r="I20191" s="8">
        <v>0</v>
      </c>
      <c r="J20191" s="8">
        <v>1</v>
      </c>
      <c r="K20191" s="9">
        <v>7.44</v>
      </c>
      <c r="L20191" s="6" t="s">
        <v>4151</v>
      </c>
    </row>
    <row r="20192" spans="1:12">
      <c r="A20192" s="6" t="s">
        <v>4151</v>
      </c>
      <c r="B20192" s="6"/>
      <c r="C20192" s="6" t="s">
        <v>20228</v>
      </c>
      <c r="D20192" s="6"/>
      <c r="E20192" s="6" t="s">
        <v>9</v>
      </c>
      <c r="F20192" s="7">
        <v>38657</v>
      </c>
      <c r="G20192" s="8">
        <v>1</v>
      </c>
      <c r="H20192" s="8">
        <v>1</v>
      </c>
      <c r="I20192" s="8">
        <v>0</v>
      </c>
      <c r="J20192" s="8">
        <v>1</v>
      </c>
      <c r="K20192" s="9">
        <v>3.88</v>
      </c>
      <c r="L20192" s="6" t="s">
        <v>4151</v>
      </c>
    </row>
    <row r="20193" spans="1:12">
      <c r="A20193" s="6" t="s">
        <v>4151</v>
      </c>
      <c r="B20193" s="6"/>
      <c r="C20193" s="6" t="s">
        <v>20229</v>
      </c>
      <c r="D20193" s="6"/>
      <c r="E20193" s="6" t="s">
        <v>9</v>
      </c>
      <c r="F20193" s="7">
        <v>38657</v>
      </c>
      <c r="G20193" s="8">
        <v>1</v>
      </c>
      <c r="H20193" s="8">
        <v>1</v>
      </c>
      <c r="I20193" s="8">
        <v>0</v>
      </c>
      <c r="J20193" s="8">
        <v>1</v>
      </c>
      <c r="K20193" s="9">
        <v>6.07</v>
      </c>
      <c r="L20193" s="6" t="s">
        <v>4151</v>
      </c>
    </row>
    <row r="20194" spans="1:12">
      <c r="A20194" s="6" t="s">
        <v>4151</v>
      </c>
      <c r="B20194" s="6"/>
      <c r="C20194" s="6" t="s">
        <v>20230</v>
      </c>
      <c r="D20194" s="6"/>
      <c r="E20194" s="6" t="s">
        <v>9</v>
      </c>
      <c r="F20194" s="7">
        <v>38657</v>
      </c>
      <c r="G20194" s="8">
        <v>1</v>
      </c>
      <c r="H20194" s="8">
        <v>1</v>
      </c>
      <c r="I20194" s="8">
        <v>0</v>
      </c>
      <c r="J20194" s="8">
        <v>1</v>
      </c>
      <c r="K20194" s="9">
        <v>19</v>
      </c>
      <c r="L20194" s="6" t="s">
        <v>4151</v>
      </c>
    </row>
    <row r="20195" spans="1:12">
      <c r="A20195" s="6" t="s">
        <v>4151</v>
      </c>
      <c r="B20195" s="6"/>
      <c r="C20195" s="6" t="s">
        <v>20231</v>
      </c>
      <c r="D20195" s="6"/>
      <c r="E20195" s="6" t="s">
        <v>9</v>
      </c>
      <c r="F20195" s="7">
        <v>38657</v>
      </c>
      <c r="G20195" s="8">
        <v>1</v>
      </c>
      <c r="H20195" s="8">
        <v>1</v>
      </c>
      <c r="I20195" s="8">
        <v>0</v>
      </c>
      <c r="J20195" s="8">
        <v>1</v>
      </c>
      <c r="K20195" s="9">
        <v>27</v>
      </c>
      <c r="L20195" s="6" t="s">
        <v>4151</v>
      </c>
    </row>
    <row r="20196" spans="1:12">
      <c r="A20196" s="6" t="s">
        <v>4151</v>
      </c>
      <c r="B20196" s="6"/>
      <c r="C20196" s="6" t="s">
        <v>20232</v>
      </c>
      <c r="D20196" s="6"/>
      <c r="E20196" s="6" t="s">
        <v>9</v>
      </c>
      <c r="F20196" s="7">
        <v>38657</v>
      </c>
      <c r="G20196" s="8">
        <v>1</v>
      </c>
      <c r="H20196" s="8">
        <v>1</v>
      </c>
      <c r="I20196" s="8">
        <v>0</v>
      </c>
      <c r="J20196" s="8">
        <v>1</v>
      </c>
      <c r="K20196" s="9">
        <v>40</v>
      </c>
      <c r="L20196" s="6" t="s">
        <v>4151</v>
      </c>
    </row>
    <row r="20197" spans="1:12">
      <c r="A20197" s="6" t="s">
        <v>4151</v>
      </c>
      <c r="B20197" s="6"/>
      <c r="C20197" s="6" t="s">
        <v>20233</v>
      </c>
      <c r="D20197" s="6"/>
      <c r="E20197" s="6" t="s">
        <v>9</v>
      </c>
      <c r="F20197" s="7">
        <v>38657</v>
      </c>
      <c r="G20197" s="8">
        <v>1</v>
      </c>
      <c r="H20197" s="8">
        <v>1</v>
      </c>
      <c r="I20197" s="8">
        <v>0</v>
      </c>
      <c r="J20197" s="8">
        <v>1</v>
      </c>
      <c r="K20197" s="9">
        <v>7</v>
      </c>
      <c r="L20197" s="6" t="s">
        <v>4151</v>
      </c>
    </row>
    <row r="20198" spans="1:12">
      <c r="A20198" s="6" t="s">
        <v>4151</v>
      </c>
      <c r="B20198" s="6"/>
      <c r="C20198" s="6" t="s">
        <v>20234</v>
      </c>
      <c r="D20198" s="6"/>
      <c r="E20198" s="6" t="s">
        <v>9</v>
      </c>
      <c r="F20198" s="7">
        <v>38657</v>
      </c>
      <c r="G20198" s="8">
        <v>1</v>
      </c>
      <c r="H20198" s="8">
        <v>1</v>
      </c>
      <c r="I20198" s="8">
        <v>0</v>
      </c>
      <c r="J20198" s="8">
        <v>1</v>
      </c>
      <c r="K20198" s="9">
        <v>1.1000000000000001</v>
      </c>
      <c r="L20198" s="6" t="s">
        <v>4151</v>
      </c>
    </row>
    <row r="20199" spans="1:12">
      <c r="A20199" s="6" t="s">
        <v>4151</v>
      </c>
      <c r="B20199" s="6"/>
      <c r="C20199" s="6" t="s">
        <v>20235</v>
      </c>
      <c r="D20199" s="6"/>
      <c r="E20199" s="6" t="s">
        <v>9</v>
      </c>
      <c r="F20199" s="7">
        <v>38657</v>
      </c>
      <c r="G20199" s="8">
        <v>1</v>
      </c>
      <c r="H20199" s="8">
        <v>1</v>
      </c>
      <c r="I20199" s="8">
        <v>0</v>
      </c>
      <c r="J20199" s="8">
        <v>1</v>
      </c>
      <c r="K20199" s="9">
        <v>14</v>
      </c>
      <c r="L20199" s="6" t="s">
        <v>4151</v>
      </c>
    </row>
    <row r="20200" spans="1:12">
      <c r="A20200" s="6" t="s">
        <v>4151</v>
      </c>
      <c r="B20200" s="6"/>
      <c r="C20200" s="6" t="s">
        <v>20236</v>
      </c>
      <c r="D20200" s="6"/>
      <c r="E20200" s="6" t="s">
        <v>9</v>
      </c>
      <c r="F20200" s="7">
        <v>38657</v>
      </c>
      <c r="G20200" s="8">
        <v>1</v>
      </c>
      <c r="H20200" s="8">
        <v>1</v>
      </c>
      <c r="I20200" s="8">
        <v>0</v>
      </c>
      <c r="J20200" s="8">
        <v>1</v>
      </c>
      <c r="K20200" s="9">
        <v>0.86</v>
      </c>
      <c r="L20200" s="6" t="s">
        <v>4151</v>
      </c>
    </row>
    <row r="20201" spans="1:12">
      <c r="A20201" s="6" t="s">
        <v>4151</v>
      </c>
      <c r="B20201" s="6"/>
      <c r="C20201" s="6" t="s">
        <v>20237</v>
      </c>
      <c r="D20201" s="6"/>
      <c r="E20201" s="6" t="s">
        <v>9</v>
      </c>
      <c r="F20201" s="7">
        <v>38657</v>
      </c>
      <c r="G20201" s="8">
        <v>1</v>
      </c>
      <c r="H20201" s="8">
        <v>1</v>
      </c>
      <c r="I20201" s="8">
        <v>0</v>
      </c>
      <c r="J20201" s="8">
        <v>1</v>
      </c>
      <c r="K20201" s="9">
        <v>53.15</v>
      </c>
      <c r="L20201" s="6" t="s">
        <v>4151</v>
      </c>
    </row>
    <row r="20202" spans="1:12">
      <c r="A20202" s="6" t="s">
        <v>4151</v>
      </c>
      <c r="B20202" s="6"/>
      <c r="C20202" s="6" t="s">
        <v>20238</v>
      </c>
      <c r="D20202" s="6"/>
      <c r="E20202" s="6" t="s">
        <v>9</v>
      </c>
      <c r="F20202" s="7">
        <v>38657</v>
      </c>
      <c r="G20202" s="8">
        <v>1</v>
      </c>
      <c r="H20202" s="8">
        <v>1</v>
      </c>
      <c r="I20202" s="8">
        <v>0</v>
      </c>
      <c r="J20202" s="8">
        <v>1</v>
      </c>
      <c r="K20202" s="9">
        <v>22.41</v>
      </c>
      <c r="L20202" s="6" t="s">
        <v>4151</v>
      </c>
    </row>
    <row r="20203" spans="1:12">
      <c r="A20203" s="6" t="s">
        <v>4151</v>
      </c>
      <c r="B20203" s="6"/>
      <c r="C20203" s="6" t="s">
        <v>20239</v>
      </c>
      <c r="D20203" s="6"/>
      <c r="E20203" s="6" t="s">
        <v>9</v>
      </c>
      <c r="F20203" s="7">
        <v>38657</v>
      </c>
      <c r="G20203" s="8">
        <v>1</v>
      </c>
      <c r="H20203" s="8">
        <v>1</v>
      </c>
      <c r="I20203" s="8">
        <v>0</v>
      </c>
      <c r="J20203" s="8">
        <v>1</v>
      </c>
      <c r="K20203" s="9">
        <v>9.35</v>
      </c>
      <c r="L20203" s="6" t="s">
        <v>4151</v>
      </c>
    </row>
    <row r="20204" spans="1:12">
      <c r="A20204" s="6" t="s">
        <v>4151</v>
      </c>
      <c r="B20204" s="6"/>
      <c r="C20204" s="6" t="s">
        <v>20240</v>
      </c>
      <c r="D20204" s="6"/>
      <c r="E20204" s="6" t="s">
        <v>9</v>
      </c>
      <c r="F20204" s="7">
        <v>38657</v>
      </c>
      <c r="G20204" s="8">
        <v>1</v>
      </c>
      <c r="H20204" s="8">
        <v>1</v>
      </c>
      <c r="I20204" s="8">
        <v>0</v>
      </c>
      <c r="J20204" s="8">
        <v>1</v>
      </c>
      <c r="K20204" s="9">
        <v>0.19</v>
      </c>
      <c r="L20204" s="6" t="s">
        <v>4151</v>
      </c>
    </row>
    <row r="20205" spans="1:12">
      <c r="A20205" s="6" t="s">
        <v>4151</v>
      </c>
      <c r="B20205" s="6"/>
      <c r="C20205" s="6" t="s">
        <v>20241</v>
      </c>
      <c r="D20205" s="6"/>
      <c r="E20205" s="6" t="s">
        <v>9</v>
      </c>
      <c r="F20205" s="7">
        <v>38657</v>
      </c>
      <c r="G20205" s="8">
        <v>1</v>
      </c>
      <c r="H20205" s="8">
        <v>1</v>
      </c>
      <c r="I20205" s="8">
        <v>0</v>
      </c>
      <c r="J20205" s="8">
        <v>1</v>
      </c>
      <c r="K20205" s="9">
        <v>7.21</v>
      </c>
      <c r="L20205" s="6" t="s">
        <v>4151</v>
      </c>
    </row>
    <row r="20206" spans="1:12">
      <c r="A20206" s="6" t="s">
        <v>4151</v>
      </c>
      <c r="B20206" s="6"/>
      <c r="C20206" s="6" t="s">
        <v>20242</v>
      </c>
      <c r="D20206" s="6"/>
      <c r="E20206" s="6" t="s">
        <v>9</v>
      </c>
      <c r="F20206" s="7">
        <v>38657</v>
      </c>
      <c r="G20206" s="8">
        <v>1</v>
      </c>
      <c r="H20206" s="8">
        <v>1</v>
      </c>
      <c r="I20206" s="8">
        <v>0</v>
      </c>
      <c r="J20206" s="8">
        <v>1</v>
      </c>
      <c r="K20206" s="9">
        <v>0.01</v>
      </c>
      <c r="L20206" s="6" t="s">
        <v>4151</v>
      </c>
    </row>
    <row r="20207" spans="1:12">
      <c r="A20207" s="6" t="s">
        <v>4151</v>
      </c>
      <c r="B20207" s="6"/>
      <c r="C20207" s="6" t="s">
        <v>20243</v>
      </c>
      <c r="D20207" s="6"/>
      <c r="E20207" s="6" t="s">
        <v>9</v>
      </c>
      <c r="F20207" s="7">
        <v>38657</v>
      </c>
      <c r="G20207" s="8">
        <v>1</v>
      </c>
      <c r="H20207" s="8">
        <v>1</v>
      </c>
      <c r="I20207" s="8">
        <v>0</v>
      </c>
      <c r="J20207" s="8">
        <v>1</v>
      </c>
      <c r="K20207" s="9">
        <v>3.16</v>
      </c>
      <c r="L20207" s="6" t="s">
        <v>4151</v>
      </c>
    </row>
    <row r="20208" spans="1:12">
      <c r="A20208" s="6" t="s">
        <v>4151</v>
      </c>
      <c r="B20208" s="6"/>
      <c r="C20208" s="6" t="s">
        <v>20244</v>
      </c>
      <c r="D20208" s="6"/>
      <c r="E20208" s="6" t="s">
        <v>9</v>
      </c>
      <c r="F20208" s="7">
        <v>38657</v>
      </c>
      <c r="G20208" s="8">
        <v>1</v>
      </c>
      <c r="H20208" s="8">
        <v>1</v>
      </c>
      <c r="I20208" s="8">
        <v>0</v>
      </c>
      <c r="J20208" s="8">
        <v>1</v>
      </c>
      <c r="K20208" s="9">
        <v>13</v>
      </c>
      <c r="L20208" s="6" t="s">
        <v>4151</v>
      </c>
    </row>
    <row r="20209" spans="1:12">
      <c r="A20209" s="6" t="s">
        <v>4151</v>
      </c>
      <c r="B20209" s="6"/>
      <c r="C20209" s="6" t="s">
        <v>20245</v>
      </c>
      <c r="D20209" s="6"/>
      <c r="E20209" s="6" t="s">
        <v>9</v>
      </c>
      <c r="F20209" s="7">
        <v>38657</v>
      </c>
      <c r="G20209" s="8">
        <v>1</v>
      </c>
      <c r="H20209" s="8">
        <v>1</v>
      </c>
      <c r="I20209" s="8">
        <v>0</v>
      </c>
      <c r="J20209" s="8">
        <v>1</v>
      </c>
      <c r="K20209" s="9">
        <v>19</v>
      </c>
      <c r="L20209" s="6" t="s">
        <v>4151</v>
      </c>
    </row>
    <row r="20210" spans="1:12">
      <c r="A20210" s="6" t="s">
        <v>4151</v>
      </c>
      <c r="B20210" s="6"/>
      <c r="C20210" s="6" t="s">
        <v>20246</v>
      </c>
      <c r="D20210" s="6"/>
      <c r="E20210" s="6" t="s">
        <v>9</v>
      </c>
      <c r="F20210" s="7">
        <v>38657</v>
      </c>
      <c r="G20210" s="8">
        <v>1</v>
      </c>
      <c r="H20210" s="8">
        <v>1</v>
      </c>
      <c r="I20210" s="8">
        <v>0</v>
      </c>
      <c r="J20210" s="8">
        <v>1</v>
      </c>
      <c r="K20210" s="9">
        <v>6.81</v>
      </c>
      <c r="L20210" s="6" t="s">
        <v>4151</v>
      </c>
    </row>
    <row r="20211" spans="1:12">
      <c r="A20211" s="6" t="s">
        <v>4151</v>
      </c>
      <c r="B20211" s="6"/>
      <c r="C20211" s="6" t="s">
        <v>20247</v>
      </c>
      <c r="D20211" s="6"/>
      <c r="E20211" s="6" t="s">
        <v>9</v>
      </c>
      <c r="F20211" s="7">
        <v>38657</v>
      </c>
      <c r="G20211" s="8">
        <v>1</v>
      </c>
      <c r="H20211" s="8">
        <v>1</v>
      </c>
      <c r="I20211" s="8">
        <v>0</v>
      </c>
      <c r="J20211" s="8">
        <v>1</v>
      </c>
      <c r="K20211" s="9">
        <v>9.52</v>
      </c>
      <c r="L20211" s="6" t="s">
        <v>4151</v>
      </c>
    </row>
    <row r="20212" spans="1:12">
      <c r="A20212" s="6" t="s">
        <v>4151</v>
      </c>
      <c r="B20212" s="6"/>
      <c r="C20212" s="6" t="s">
        <v>20248</v>
      </c>
      <c r="D20212" s="6"/>
      <c r="E20212" s="6" t="s">
        <v>9</v>
      </c>
      <c r="F20212" s="7">
        <v>38657</v>
      </c>
      <c r="G20212" s="8">
        <v>1</v>
      </c>
      <c r="H20212" s="8">
        <v>1</v>
      </c>
      <c r="I20212" s="8">
        <v>0</v>
      </c>
      <c r="J20212" s="8">
        <v>1</v>
      </c>
      <c r="K20212" s="9">
        <v>7.36</v>
      </c>
      <c r="L20212" s="6" t="s">
        <v>4151</v>
      </c>
    </row>
    <row r="20213" spans="1:12">
      <c r="A20213" s="6" t="s">
        <v>4151</v>
      </c>
      <c r="B20213" s="6"/>
      <c r="C20213" s="6" t="s">
        <v>20249</v>
      </c>
      <c r="D20213" s="6"/>
      <c r="E20213" s="6" t="s">
        <v>9</v>
      </c>
      <c r="F20213" s="7">
        <v>38657</v>
      </c>
      <c r="G20213" s="8">
        <v>1</v>
      </c>
      <c r="H20213" s="8">
        <v>1</v>
      </c>
      <c r="I20213" s="8">
        <v>0</v>
      </c>
      <c r="J20213" s="8">
        <v>1</v>
      </c>
      <c r="K20213" s="9">
        <v>14</v>
      </c>
      <c r="L20213" s="6" t="s">
        <v>4151</v>
      </c>
    </row>
    <row r="20214" spans="1:12">
      <c r="A20214" s="6" t="s">
        <v>4151</v>
      </c>
      <c r="B20214" s="6"/>
      <c r="C20214" s="6" t="s">
        <v>20250</v>
      </c>
      <c r="D20214" s="6"/>
      <c r="E20214" s="6" t="s">
        <v>9</v>
      </c>
      <c r="F20214" s="7">
        <v>38657</v>
      </c>
      <c r="G20214" s="8">
        <v>1</v>
      </c>
      <c r="H20214" s="8">
        <v>1</v>
      </c>
      <c r="I20214" s="8">
        <v>0</v>
      </c>
      <c r="J20214" s="8">
        <v>1</v>
      </c>
      <c r="K20214" s="9">
        <v>6.8</v>
      </c>
      <c r="L20214" s="6" t="s">
        <v>4151</v>
      </c>
    </row>
    <row r="20215" spans="1:12">
      <c r="A20215" s="6" t="s">
        <v>4151</v>
      </c>
      <c r="B20215" s="6"/>
      <c r="C20215" s="6" t="s">
        <v>20251</v>
      </c>
      <c r="D20215" s="6"/>
      <c r="E20215" s="6" t="s">
        <v>9</v>
      </c>
      <c r="F20215" s="7">
        <v>38657</v>
      </c>
      <c r="G20215" s="8">
        <v>1</v>
      </c>
      <c r="H20215" s="8">
        <v>1</v>
      </c>
      <c r="I20215" s="8">
        <v>0</v>
      </c>
      <c r="J20215" s="8">
        <v>1</v>
      </c>
      <c r="K20215" s="9">
        <v>7.28</v>
      </c>
      <c r="L20215" s="6" t="s">
        <v>4151</v>
      </c>
    </row>
    <row r="20216" spans="1:12">
      <c r="A20216" s="6" t="s">
        <v>4151</v>
      </c>
      <c r="B20216" s="6"/>
      <c r="C20216" s="6" t="s">
        <v>20252</v>
      </c>
      <c r="D20216" s="6"/>
      <c r="E20216" s="6" t="s">
        <v>9</v>
      </c>
      <c r="F20216" s="7">
        <v>38657</v>
      </c>
      <c r="G20216" s="8">
        <v>1</v>
      </c>
      <c r="H20216" s="8">
        <v>1</v>
      </c>
      <c r="I20216" s="8">
        <v>0</v>
      </c>
      <c r="J20216" s="8">
        <v>1</v>
      </c>
      <c r="K20216" s="9">
        <v>2.85</v>
      </c>
      <c r="L20216" s="6" t="s">
        <v>4151</v>
      </c>
    </row>
    <row r="20217" spans="1:12">
      <c r="A20217" s="6" t="s">
        <v>4151</v>
      </c>
      <c r="B20217" s="6"/>
      <c r="C20217" s="6" t="s">
        <v>20253</v>
      </c>
      <c r="D20217" s="6"/>
      <c r="E20217" s="6" t="s">
        <v>9</v>
      </c>
      <c r="F20217" s="7">
        <v>38657</v>
      </c>
      <c r="G20217" s="8">
        <v>1</v>
      </c>
      <c r="H20217" s="8">
        <v>1</v>
      </c>
      <c r="I20217" s="8">
        <v>0</v>
      </c>
      <c r="J20217" s="8">
        <v>1</v>
      </c>
      <c r="K20217" s="9">
        <v>53</v>
      </c>
      <c r="L20217" s="6" t="s">
        <v>4151</v>
      </c>
    </row>
    <row r="20218" spans="1:12">
      <c r="A20218" s="6" t="s">
        <v>4151</v>
      </c>
      <c r="B20218" s="6"/>
      <c r="C20218" s="6" t="s">
        <v>20254</v>
      </c>
      <c r="D20218" s="6"/>
      <c r="E20218" s="6" t="s">
        <v>9</v>
      </c>
      <c r="F20218" s="7">
        <v>38657</v>
      </c>
      <c r="G20218" s="8">
        <v>1</v>
      </c>
      <c r="H20218" s="8">
        <v>1</v>
      </c>
      <c r="I20218" s="8">
        <v>0</v>
      </c>
      <c r="J20218" s="8">
        <v>1</v>
      </c>
      <c r="K20218" s="9">
        <v>1.99</v>
      </c>
      <c r="L20218" s="6" t="s">
        <v>4151</v>
      </c>
    </row>
    <row r="20219" spans="1:12">
      <c r="A20219" s="6" t="s">
        <v>4151</v>
      </c>
      <c r="B20219" s="6"/>
      <c r="C20219" s="6" t="s">
        <v>20255</v>
      </c>
      <c r="D20219" s="6"/>
      <c r="E20219" s="6" t="s">
        <v>9</v>
      </c>
      <c r="F20219" s="7">
        <v>38657</v>
      </c>
      <c r="G20219" s="8">
        <v>1</v>
      </c>
      <c r="H20219" s="8">
        <v>1</v>
      </c>
      <c r="I20219" s="8">
        <v>0</v>
      </c>
      <c r="J20219" s="8">
        <v>1</v>
      </c>
      <c r="K20219" s="9">
        <v>18</v>
      </c>
      <c r="L20219" s="6" t="s">
        <v>4151</v>
      </c>
    </row>
    <row r="20220" spans="1:12">
      <c r="A20220" s="6" t="s">
        <v>4151</v>
      </c>
      <c r="B20220" s="6"/>
      <c r="C20220" s="6" t="s">
        <v>20256</v>
      </c>
      <c r="D20220" s="6"/>
      <c r="E20220" s="6" t="s">
        <v>9</v>
      </c>
      <c r="F20220" s="7">
        <v>38657</v>
      </c>
      <c r="G20220" s="8">
        <v>1</v>
      </c>
      <c r="H20220" s="8">
        <v>1</v>
      </c>
      <c r="I20220" s="8">
        <v>0</v>
      </c>
      <c r="J20220" s="8">
        <v>1</v>
      </c>
      <c r="K20220" s="9">
        <v>6.58</v>
      </c>
      <c r="L20220" s="6" t="s">
        <v>4151</v>
      </c>
    </row>
    <row r="20221" spans="1:12">
      <c r="A20221" s="6" t="s">
        <v>4151</v>
      </c>
      <c r="B20221" s="6"/>
      <c r="C20221" s="6" t="s">
        <v>20257</v>
      </c>
      <c r="D20221" s="6"/>
      <c r="E20221" s="6" t="s">
        <v>9</v>
      </c>
      <c r="F20221" s="7">
        <v>38657</v>
      </c>
      <c r="G20221" s="8">
        <v>1</v>
      </c>
      <c r="H20221" s="8">
        <v>1</v>
      </c>
      <c r="I20221" s="8">
        <v>0</v>
      </c>
      <c r="J20221" s="8">
        <v>1</v>
      </c>
      <c r="K20221" s="9">
        <v>17</v>
      </c>
      <c r="L20221" s="6" t="s">
        <v>4151</v>
      </c>
    </row>
    <row r="20222" spans="1:12">
      <c r="A20222" s="6" t="s">
        <v>4151</v>
      </c>
      <c r="B20222" s="6"/>
      <c r="C20222" s="6" t="s">
        <v>20258</v>
      </c>
      <c r="D20222" s="6"/>
      <c r="E20222" s="6" t="s">
        <v>9</v>
      </c>
      <c r="F20222" s="7">
        <v>38657</v>
      </c>
      <c r="G20222" s="8">
        <v>1</v>
      </c>
      <c r="H20222" s="8">
        <v>1</v>
      </c>
      <c r="I20222" s="8">
        <v>0</v>
      </c>
      <c r="J20222" s="8">
        <v>1</v>
      </c>
      <c r="K20222" s="9">
        <v>7.61</v>
      </c>
      <c r="L20222" s="6" t="s">
        <v>4151</v>
      </c>
    </row>
    <row r="20223" spans="1:12">
      <c r="A20223" s="6" t="s">
        <v>4151</v>
      </c>
      <c r="B20223" s="6"/>
      <c r="C20223" s="6" t="s">
        <v>20259</v>
      </c>
      <c r="D20223" s="6"/>
      <c r="E20223" s="6" t="s">
        <v>9</v>
      </c>
      <c r="F20223" s="7">
        <v>38657</v>
      </c>
      <c r="G20223" s="8">
        <v>1</v>
      </c>
      <c r="H20223" s="8">
        <v>1</v>
      </c>
      <c r="I20223" s="8">
        <v>0</v>
      </c>
      <c r="J20223" s="8">
        <v>1</v>
      </c>
      <c r="K20223" s="9">
        <v>127</v>
      </c>
      <c r="L20223" s="6" t="s">
        <v>4151</v>
      </c>
    </row>
    <row r="20224" spans="1:12">
      <c r="A20224" s="6" t="s">
        <v>4151</v>
      </c>
      <c r="B20224" s="6"/>
      <c r="C20224" s="6" t="s">
        <v>20260</v>
      </c>
      <c r="D20224" s="6"/>
      <c r="E20224" s="6" t="s">
        <v>9</v>
      </c>
      <c r="F20224" s="7">
        <v>38657</v>
      </c>
      <c r="G20224" s="8">
        <v>1</v>
      </c>
      <c r="H20224" s="8">
        <v>1</v>
      </c>
      <c r="I20224" s="8">
        <v>0</v>
      </c>
      <c r="J20224" s="8">
        <v>1</v>
      </c>
      <c r="K20224" s="9">
        <v>2.48</v>
      </c>
      <c r="L20224" s="6" t="s">
        <v>4151</v>
      </c>
    </row>
    <row r="20225" spans="1:12">
      <c r="A20225" s="6" t="s">
        <v>4151</v>
      </c>
      <c r="B20225" s="6"/>
      <c r="C20225" s="6" t="s">
        <v>20261</v>
      </c>
      <c r="D20225" s="6"/>
      <c r="E20225" s="6" t="s">
        <v>9</v>
      </c>
      <c r="F20225" s="7">
        <v>38657</v>
      </c>
      <c r="G20225" s="8">
        <v>1</v>
      </c>
      <c r="H20225" s="8">
        <v>1</v>
      </c>
      <c r="I20225" s="8">
        <v>0</v>
      </c>
      <c r="J20225" s="8">
        <v>1</v>
      </c>
      <c r="K20225" s="9">
        <v>6.64</v>
      </c>
      <c r="L20225" s="6" t="s">
        <v>4151</v>
      </c>
    </row>
    <row r="20226" spans="1:12">
      <c r="A20226" s="6" t="s">
        <v>4151</v>
      </c>
      <c r="B20226" s="6"/>
      <c r="C20226" s="6" t="s">
        <v>20262</v>
      </c>
      <c r="D20226" s="6"/>
      <c r="E20226" s="6" t="s">
        <v>9</v>
      </c>
      <c r="F20226" s="7">
        <v>38657</v>
      </c>
      <c r="G20226" s="8">
        <v>1</v>
      </c>
      <c r="H20226" s="8">
        <v>1</v>
      </c>
      <c r="I20226" s="8">
        <v>0</v>
      </c>
      <c r="J20226" s="8">
        <v>1</v>
      </c>
      <c r="K20226" s="9">
        <v>9.18</v>
      </c>
      <c r="L20226" s="6" t="s">
        <v>4151</v>
      </c>
    </row>
    <row r="20227" spans="1:12">
      <c r="A20227" s="6" t="s">
        <v>4151</v>
      </c>
      <c r="B20227" s="6"/>
      <c r="C20227" s="6" t="s">
        <v>20263</v>
      </c>
      <c r="D20227" s="6"/>
      <c r="E20227" s="6" t="s">
        <v>9</v>
      </c>
      <c r="F20227" s="7">
        <v>38657</v>
      </c>
      <c r="G20227" s="8">
        <v>1</v>
      </c>
      <c r="H20227" s="8">
        <v>1</v>
      </c>
      <c r="I20227" s="8">
        <v>0</v>
      </c>
      <c r="J20227" s="8">
        <v>1</v>
      </c>
      <c r="K20227" s="9">
        <v>96</v>
      </c>
      <c r="L20227" s="6" t="s">
        <v>4151</v>
      </c>
    </row>
    <row r="20228" spans="1:12">
      <c r="A20228" s="6" t="s">
        <v>4151</v>
      </c>
      <c r="B20228" s="6"/>
      <c r="C20228" s="6" t="s">
        <v>20264</v>
      </c>
      <c r="D20228" s="6"/>
      <c r="E20228" s="6" t="s">
        <v>9</v>
      </c>
      <c r="F20228" s="7">
        <v>38657</v>
      </c>
      <c r="G20228" s="8">
        <v>1</v>
      </c>
      <c r="H20228" s="8">
        <v>1</v>
      </c>
      <c r="I20228" s="8">
        <v>0</v>
      </c>
      <c r="J20228" s="8">
        <v>1</v>
      </c>
      <c r="K20228" s="9">
        <v>100</v>
      </c>
      <c r="L20228" s="6" t="s">
        <v>4151</v>
      </c>
    </row>
    <row r="20229" spans="1:12">
      <c r="A20229" s="6" t="s">
        <v>4151</v>
      </c>
      <c r="B20229" s="6"/>
      <c r="C20229" s="6" t="s">
        <v>20265</v>
      </c>
      <c r="D20229" s="6"/>
      <c r="E20229" s="6" t="s">
        <v>9</v>
      </c>
      <c r="F20229" s="7">
        <v>38657</v>
      </c>
      <c r="G20229" s="8">
        <v>1</v>
      </c>
      <c r="H20229" s="8">
        <v>1</v>
      </c>
      <c r="I20229" s="8">
        <v>0</v>
      </c>
      <c r="J20229" s="8">
        <v>1</v>
      </c>
      <c r="K20229" s="9">
        <v>81</v>
      </c>
      <c r="L20229" s="6" t="s">
        <v>4151</v>
      </c>
    </row>
    <row r="20230" spans="1:12">
      <c r="A20230" s="6" t="s">
        <v>4151</v>
      </c>
      <c r="B20230" s="6"/>
      <c r="C20230" s="6" t="s">
        <v>20266</v>
      </c>
      <c r="D20230" s="6"/>
      <c r="E20230" s="6" t="s">
        <v>9</v>
      </c>
      <c r="F20230" s="7">
        <v>38657</v>
      </c>
      <c r="G20230" s="8">
        <v>1</v>
      </c>
      <c r="H20230" s="8">
        <v>1</v>
      </c>
      <c r="I20230" s="8">
        <v>0</v>
      </c>
      <c r="J20230" s="8">
        <v>1</v>
      </c>
      <c r="K20230" s="9">
        <v>6.93</v>
      </c>
      <c r="L20230" s="6" t="s">
        <v>4151</v>
      </c>
    </row>
    <row r="20231" spans="1:12">
      <c r="A20231" s="6" t="s">
        <v>4151</v>
      </c>
      <c r="B20231" s="6"/>
      <c r="C20231" s="6" t="s">
        <v>20267</v>
      </c>
      <c r="D20231" s="6"/>
      <c r="E20231" s="6" t="s">
        <v>9</v>
      </c>
      <c r="F20231" s="7">
        <v>38657</v>
      </c>
      <c r="G20231" s="8">
        <v>1</v>
      </c>
      <c r="H20231" s="8">
        <v>1</v>
      </c>
      <c r="I20231" s="8">
        <v>0</v>
      </c>
      <c r="J20231" s="8">
        <v>1</v>
      </c>
      <c r="K20231" s="9">
        <v>6.6</v>
      </c>
      <c r="L20231" s="6" t="s">
        <v>4151</v>
      </c>
    </row>
    <row r="20232" spans="1:12">
      <c r="A20232" s="6" t="s">
        <v>4151</v>
      </c>
      <c r="B20232" s="6"/>
      <c r="C20232" s="6" t="s">
        <v>20268</v>
      </c>
      <c r="D20232" s="6"/>
      <c r="E20232" s="6" t="s">
        <v>9</v>
      </c>
      <c r="F20232" s="7">
        <v>38657</v>
      </c>
      <c r="G20232" s="8">
        <v>1</v>
      </c>
      <c r="H20232" s="8">
        <v>1</v>
      </c>
      <c r="I20232" s="8">
        <v>0</v>
      </c>
      <c r="J20232" s="8">
        <v>1</v>
      </c>
      <c r="K20232" s="9">
        <v>120</v>
      </c>
      <c r="L20232" s="6" t="s">
        <v>4151</v>
      </c>
    </row>
    <row r="20233" spans="1:12">
      <c r="A20233" s="6" t="s">
        <v>4151</v>
      </c>
      <c r="B20233" s="6"/>
      <c r="C20233" s="6" t="s">
        <v>20269</v>
      </c>
      <c r="D20233" s="6"/>
      <c r="E20233" s="6" t="s">
        <v>9</v>
      </c>
      <c r="F20233" s="7">
        <v>38657</v>
      </c>
      <c r="G20233" s="8">
        <v>1</v>
      </c>
      <c r="H20233" s="8">
        <v>1</v>
      </c>
      <c r="I20233" s="8">
        <v>0</v>
      </c>
      <c r="J20233" s="8">
        <v>1</v>
      </c>
      <c r="K20233" s="9">
        <v>2.35</v>
      </c>
      <c r="L20233" s="6" t="s">
        <v>4151</v>
      </c>
    </row>
    <row r="20234" spans="1:12">
      <c r="A20234" s="6" t="s">
        <v>4151</v>
      </c>
      <c r="B20234" s="6"/>
      <c r="C20234" s="6" t="s">
        <v>20270</v>
      </c>
      <c r="D20234" s="6"/>
      <c r="E20234" s="6" t="s">
        <v>9</v>
      </c>
      <c r="F20234" s="7">
        <v>38657</v>
      </c>
      <c r="G20234" s="8">
        <v>1</v>
      </c>
      <c r="H20234" s="8">
        <v>1</v>
      </c>
      <c r="I20234" s="8">
        <v>0</v>
      </c>
      <c r="J20234" s="8">
        <v>1</v>
      </c>
      <c r="K20234" s="9">
        <v>103</v>
      </c>
      <c r="L20234" s="6" t="s">
        <v>4151</v>
      </c>
    </row>
    <row r="20235" spans="1:12">
      <c r="A20235" s="6" t="s">
        <v>4151</v>
      </c>
      <c r="B20235" s="6"/>
      <c r="C20235" s="6" t="s">
        <v>20271</v>
      </c>
      <c r="D20235" s="6"/>
      <c r="E20235" s="6" t="s">
        <v>9</v>
      </c>
      <c r="F20235" s="7">
        <v>38657</v>
      </c>
      <c r="G20235" s="8">
        <v>1</v>
      </c>
      <c r="H20235" s="8">
        <v>1</v>
      </c>
      <c r="I20235" s="8">
        <v>0</v>
      </c>
      <c r="J20235" s="8">
        <v>1</v>
      </c>
      <c r="K20235" s="9">
        <v>0.24</v>
      </c>
      <c r="L20235" s="6" t="s">
        <v>4151</v>
      </c>
    </row>
    <row r="20236" spans="1:12">
      <c r="A20236" s="6" t="s">
        <v>4151</v>
      </c>
      <c r="B20236" s="6"/>
      <c r="C20236" s="6" t="s">
        <v>20272</v>
      </c>
      <c r="D20236" s="6"/>
      <c r="E20236" s="6" t="s">
        <v>9</v>
      </c>
      <c r="F20236" s="7">
        <v>38657</v>
      </c>
      <c r="G20236" s="8">
        <v>1</v>
      </c>
      <c r="H20236" s="8">
        <v>1</v>
      </c>
      <c r="I20236" s="8">
        <v>0</v>
      </c>
      <c r="J20236" s="8">
        <v>1</v>
      </c>
      <c r="K20236" s="9">
        <v>15</v>
      </c>
      <c r="L20236" s="6" t="s">
        <v>4151</v>
      </c>
    </row>
    <row r="20237" spans="1:12">
      <c r="A20237" s="6" t="s">
        <v>4151</v>
      </c>
      <c r="B20237" s="6"/>
      <c r="C20237" s="6" t="s">
        <v>20273</v>
      </c>
      <c r="D20237" s="6"/>
      <c r="E20237" s="6" t="s">
        <v>9</v>
      </c>
      <c r="F20237" s="7">
        <v>38657</v>
      </c>
      <c r="G20237" s="8">
        <v>1</v>
      </c>
      <c r="H20237" s="8">
        <v>1</v>
      </c>
      <c r="I20237" s="8">
        <v>0</v>
      </c>
      <c r="J20237" s="8">
        <v>1</v>
      </c>
      <c r="K20237" s="9">
        <v>6.25</v>
      </c>
      <c r="L20237" s="6" t="s">
        <v>4151</v>
      </c>
    </row>
    <row r="20238" spans="1:12">
      <c r="A20238" s="6" t="s">
        <v>4151</v>
      </c>
      <c r="B20238" s="6"/>
      <c r="C20238" s="6" t="s">
        <v>20274</v>
      </c>
      <c r="D20238" s="6"/>
      <c r="E20238" s="6" t="s">
        <v>9</v>
      </c>
      <c r="F20238" s="7">
        <v>38657</v>
      </c>
      <c r="G20238" s="8">
        <v>1</v>
      </c>
      <c r="H20238" s="8">
        <v>1</v>
      </c>
      <c r="I20238" s="8">
        <v>0</v>
      </c>
      <c r="J20238" s="8">
        <v>1</v>
      </c>
      <c r="K20238" s="9">
        <v>17</v>
      </c>
      <c r="L20238" s="6" t="s">
        <v>4151</v>
      </c>
    </row>
    <row r="20239" spans="1:12">
      <c r="A20239" s="6" t="s">
        <v>4151</v>
      </c>
      <c r="B20239" s="6"/>
      <c r="C20239" s="6" t="s">
        <v>20275</v>
      </c>
      <c r="D20239" s="6"/>
      <c r="E20239" s="6" t="s">
        <v>9</v>
      </c>
      <c r="F20239" s="7">
        <v>38657</v>
      </c>
      <c r="G20239" s="8">
        <v>1</v>
      </c>
      <c r="H20239" s="8">
        <v>1</v>
      </c>
      <c r="I20239" s="8">
        <v>0</v>
      </c>
      <c r="J20239" s="8">
        <v>1</v>
      </c>
      <c r="K20239" s="9">
        <v>28</v>
      </c>
      <c r="L20239" s="6" t="s">
        <v>4151</v>
      </c>
    </row>
    <row r="20240" spans="1:12">
      <c r="A20240" s="6" t="s">
        <v>4151</v>
      </c>
      <c r="B20240" s="6"/>
      <c r="C20240" s="6" t="s">
        <v>20276</v>
      </c>
      <c r="D20240" s="6"/>
      <c r="E20240" s="6" t="s">
        <v>9</v>
      </c>
      <c r="F20240" s="7">
        <v>38657</v>
      </c>
      <c r="G20240" s="8">
        <v>1</v>
      </c>
      <c r="H20240" s="8">
        <v>1</v>
      </c>
      <c r="I20240" s="8">
        <v>0</v>
      </c>
      <c r="J20240" s="8">
        <v>1</v>
      </c>
      <c r="K20240" s="9">
        <v>0.44</v>
      </c>
      <c r="L20240" s="6" t="s">
        <v>4151</v>
      </c>
    </row>
    <row r="20241" spans="1:12">
      <c r="A20241" s="6" t="s">
        <v>4151</v>
      </c>
      <c r="B20241" s="6"/>
      <c r="C20241" s="6" t="s">
        <v>20277</v>
      </c>
      <c r="D20241" s="6"/>
      <c r="E20241" s="6" t="s">
        <v>9</v>
      </c>
      <c r="F20241" s="7">
        <v>38657</v>
      </c>
      <c r="G20241" s="8">
        <v>1</v>
      </c>
      <c r="H20241" s="8">
        <v>1</v>
      </c>
      <c r="I20241" s="8">
        <v>0</v>
      </c>
      <c r="J20241" s="8">
        <v>1</v>
      </c>
      <c r="K20241" s="9">
        <v>1</v>
      </c>
      <c r="L20241" s="6" t="s">
        <v>4151</v>
      </c>
    </row>
    <row r="20242" spans="1:12">
      <c r="A20242" s="6" t="s">
        <v>4151</v>
      </c>
      <c r="B20242" s="6"/>
      <c r="C20242" s="6" t="s">
        <v>20278</v>
      </c>
      <c r="D20242" s="6"/>
      <c r="E20242" s="6" t="s">
        <v>9</v>
      </c>
      <c r="F20242" s="7">
        <v>38657</v>
      </c>
      <c r="G20242" s="8">
        <v>1</v>
      </c>
      <c r="H20242" s="8">
        <v>1</v>
      </c>
      <c r="I20242" s="8">
        <v>0</v>
      </c>
      <c r="J20242" s="8">
        <v>1</v>
      </c>
      <c r="K20242" s="9">
        <v>1.2</v>
      </c>
      <c r="L20242" s="6" t="s">
        <v>4151</v>
      </c>
    </row>
    <row r="20243" spans="1:12">
      <c r="A20243" s="6" t="s">
        <v>4151</v>
      </c>
      <c r="B20243" s="6"/>
      <c r="C20243" s="6" t="s">
        <v>20279</v>
      </c>
      <c r="D20243" s="6"/>
      <c r="E20243" s="6" t="s">
        <v>9</v>
      </c>
      <c r="F20243" s="7">
        <v>38657</v>
      </c>
      <c r="G20243" s="8">
        <v>1</v>
      </c>
      <c r="H20243" s="8">
        <v>1</v>
      </c>
      <c r="I20243" s="8">
        <v>0</v>
      </c>
      <c r="J20243" s="8">
        <v>1</v>
      </c>
      <c r="K20243" s="9">
        <v>1.68</v>
      </c>
      <c r="L20243" s="6" t="s">
        <v>4151</v>
      </c>
    </row>
    <row r="20244" spans="1:12">
      <c r="A20244" s="6" t="s">
        <v>4151</v>
      </c>
      <c r="B20244" s="6"/>
      <c r="C20244" s="6" t="s">
        <v>20280</v>
      </c>
      <c r="D20244" s="6"/>
      <c r="E20244" s="6" t="s">
        <v>9</v>
      </c>
      <c r="F20244" s="7">
        <v>38657</v>
      </c>
      <c r="G20244" s="8">
        <v>1</v>
      </c>
      <c r="H20244" s="8">
        <v>1</v>
      </c>
      <c r="I20244" s="8">
        <v>0</v>
      </c>
      <c r="J20244" s="8">
        <v>1</v>
      </c>
      <c r="K20244" s="9">
        <v>8.17</v>
      </c>
      <c r="L20244" s="6" t="s">
        <v>4151</v>
      </c>
    </row>
    <row r="20245" spans="1:12">
      <c r="A20245" s="6" t="s">
        <v>4151</v>
      </c>
      <c r="B20245" s="6"/>
      <c r="C20245" s="6" t="s">
        <v>20281</v>
      </c>
      <c r="D20245" s="6"/>
      <c r="E20245" s="6" t="s">
        <v>9</v>
      </c>
      <c r="F20245" s="7">
        <v>38657</v>
      </c>
      <c r="G20245" s="8">
        <v>1</v>
      </c>
      <c r="H20245" s="8">
        <v>1</v>
      </c>
      <c r="I20245" s="8">
        <v>0</v>
      </c>
      <c r="J20245" s="8">
        <v>1</v>
      </c>
      <c r="K20245" s="9">
        <v>170</v>
      </c>
      <c r="L20245" s="6" t="s">
        <v>4151</v>
      </c>
    </row>
    <row r="20246" spans="1:12">
      <c r="A20246" s="6" t="s">
        <v>4151</v>
      </c>
      <c r="B20246" s="6"/>
      <c r="C20246" s="6" t="s">
        <v>20282</v>
      </c>
      <c r="D20246" s="6"/>
      <c r="E20246" s="6" t="s">
        <v>9</v>
      </c>
      <c r="F20246" s="7">
        <v>38657</v>
      </c>
      <c r="G20246" s="8">
        <v>1</v>
      </c>
      <c r="H20246" s="8">
        <v>1</v>
      </c>
      <c r="I20246" s="8">
        <v>0</v>
      </c>
      <c r="J20246" s="8">
        <v>1</v>
      </c>
      <c r="K20246" s="9">
        <v>1.99</v>
      </c>
      <c r="L20246" s="6" t="s">
        <v>4151</v>
      </c>
    </row>
    <row r="20247" spans="1:12">
      <c r="A20247" s="6" t="s">
        <v>4151</v>
      </c>
      <c r="B20247" s="6"/>
      <c r="C20247" s="6" t="s">
        <v>20283</v>
      </c>
      <c r="D20247" s="6"/>
      <c r="E20247" s="6" t="s">
        <v>9</v>
      </c>
      <c r="F20247" s="7">
        <v>38657</v>
      </c>
      <c r="G20247" s="8">
        <v>1</v>
      </c>
      <c r="H20247" s="8">
        <v>1</v>
      </c>
      <c r="I20247" s="8">
        <v>0</v>
      </c>
      <c r="J20247" s="8">
        <v>1</v>
      </c>
      <c r="K20247" s="9">
        <v>76</v>
      </c>
      <c r="L20247" s="6" t="s">
        <v>4151</v>
      </c>
    </row>
    <row r="20248" spans="1:12">
      <c r="A20248" s="6" t="s">
        <v>4151</v>
      </c>
      <c r="B20248" s="6"/>
      <c r="C20248" s="6" t="s">
        <v>20284</v>
      </c>
      <c r="D20248" s="6"/>
      <c r="E20248" s="6" t="s">
        <v>9</v>
      </c>
      <c r="F20248" s="7">
        <v>38657</v>
      </c>
      <c r="G20248" s="8">
        <v>1</v>
      </c>
      <c r="H20248" s="8">
        <v>1</v>
      </c>
      <c r="I20248" s="8">
        <v>0</v>
      </c>
      <c r="J20248" s="8">
        <v>1</v>
      </c>
      <c r="K20248" s="9">
        <v>51</v>
      </c>
      <c r="L20248" s="6" t="s">
        <v>4151</v>
      </c>
    </row>
    <row r="20249" spans="1:12">
      <c r="A20249" s="6" t="s">
        <v>4151</v>
      </c>
      <c r="B20249" s="6"/>
      <c r="C20249" s="6" t="s">
        <v>20285</v>
      </c>
      <c r="D20249" s="6"/>
      <c r="E20249" s="6" t="s">
        <v>9</v>
      </c>
      <c r="F20249" s="7">
        <v>38657</v>
      </c>
      <c r="G20249" s="8">
        <v>1</v>
      </c>
      <c r="H20249" s="8">
        <v>1</v>
      </c>
      <c r="I20249" s="8">
        <v>0</v>
      </c>
      <c r="J20249" s="8">
        <v>1</v>
      </c>
      <c r="K20249" s="9">
        <v>34</v>
      </c>
      <c r="L20249" s="6" t="s">
        <v>4151</v>
      </c>
    </row>
    <row r="20250" spans="1:12">
      <c r="A20250" s="6" t="s">
        <v>4151</v>
      </c>
      <c r="B20250" s="6"/>
      <c r="C20250" s="6" t="s">
        <v>20286</v>
      </c>
      <c r="D20250" s="6"/>
      <c r="E20250" s="6" t="s">
        <v>9</v>
      </c>
      <c r="F20250" s="7">
        <v>38657</v>
      </c>
      <c r="G20250" s="8">
        <v>1</v>
      </c>
      <c r="H20250" s="8">
        <v>1</v>
      </c>
      <c r="I20250" s="8">
        <v>0</v>
      </c>
      <c r="J20250" s="8">
        <v>1</v>
      </c>
      <c r="K20250" s="9">
        <v>55</v>
      </c>
      <c r="L20250" s="6" t="s">
        <v>4151</v>
      </c>
    </row>
    <row r="20251" spans="1:12">
      <c r="A20251" s="6" t="s">
        <v>4151</v>
      </c>
      <c r="B20251" s="6"/>
      <c r="C20251" s="6" t="s">
        <v>20287</v>
      </c>
      <c r="D20251" s="6"/>
      <c r="E20251" s="6" t="s">
        <v>9</v>
      </c>
      <c r="F20251" s="7">
        <v>38657</v>
      </c>
      <c r="G20251" s="8">
        <v>1</v>
      </c>
      <c r="H20251" s="8">
        <v>1</v>
      </c>
      <c r="I20251" s="8">
        <v>0</v>
      </c>
      <c r="J20251" s="8">
        <v>1</v>
      </c>
      <c r="K20251" s="9">
        <v>0.48</v>
      </c>
      <c r="L20251" s="6" t="s">
        <v>4151</v>
      </c>
    </row>
    <row r="20252" spans="1:12">
      <c r="A20252" s="6" t="s">
        <v>4151</v>
      </c>
      <c r="B20252" s="6"/>
      <c r="C20252" s="6" t="s">
        <v>20288</v>
      </c>
      <c r="D20252" s="6"/>
      <c r="E20252" s="6" t="s">
        <v>9</v>
      </c>
      <c r="F20252" s="7">
        <v>38657</v>
      </c>
      <c r="G20252" s="8">
        <v>1</v>
      </c>
      <c r="H20252" s="8">
        <v>1</v>
      </c>
      <c r="I20252" s="8">
        <v>0</v>
      </c>
      <c r="J20252" s="8">
        <v>1</v>
      </c>
      <c r="K20252" s="9">
        <v>9.19</v>
      </c>
      <c r="L20252" s="6" t="s">
        <v>4151</v>
      </c>
    </row>
    <row r="20253" spans="1:12">
      <c r="A20253" s="6" t="s">
        <v>4151</v>
      </c>
      <c r="B20253" s="6"/>
      <c r="C20253" s="6" t="s">
        <v>20289</v>
      </c>
      <c r="D20253" s="6"/>
      <c r="E20253" s="6" t="s">
        <v>9</v>
      </c>
      <c r="F20253" s="7">
        <v>38657</v>
      </c>
      <c r="G20253" s="8">
        <v>1</v>
      </c>
      <c r="H20253" s="8">
        <v>1</v>
      </c>
      <c r="I20253" s="8">
        <v>0</v>
      </c>
      <c r="J20253" s="8">
        <v>1</v>
      </c>
      <c r="K20253" s="9">
        <v>5.57</v>
      </c>
      <c r="L20253" s="6" t="s">
        <v>4151</v>
      </c>
    </row>
    <row r="20254" spans="1:12">
      <c r="A20254" s="6" t="s">
        <v>4151</v>
      </c>
      <c r="B20254" s="6"/>
      <c r="C20254" s="6" t="s">
        <v>20290</v>
      </c>
      <c r="D20254" s="6"/>
      <c r="E20254" s="6" t="s">
        <v>9</v>
      </c>
      <c r="F20254" s="7">
        <v>38657</v>
      </c>
      <c r="G20254" s="8">
        <v>1</v>
      </c>
      <c r="H20254" s="8">
        <v>1</v>
      </c>
      <c r="I20254" s="8">
        <v>0</v>
      </c>
      <c r="J20254" s="8">
        <v>1</v>
      </c>
      <c r="K20254" s="9">
        <v>5.82</v>
      </c>
      <c r="L20254" s="6" t="s">
        <v>4151</v>
      </c>
    </row>
    <row r="20255" spans="1:12">
      <c r="A20255" s="6" t="s">
        <v>4151</v>
      </c>
      <c r="B20255" s="6"/>
      <c r="C20255" s="6" t="s">
        <v>20291</v>
      </c>
      <c r="D20255" s="6"/>
      <c r="E20255" s="6" t="s">
        <v>9</v>
      </c>
      <c r="F20255" s="7">
        <v>38657</v>
      </c>
      <c r="G20255" s="8">
        <v>1</v>
      </c>
      <c r="H20255" s="8">
        <v>1</v>
      </c>
      <c r="I20255" s="8">
        <v>0</v>
      </c>
      <c r="J20255" s="8">
        <v>1</v>
      </c>
      <c r="K20255" s="9">
        <v>15</v>
      </c>
      <c r="L20255" s="6" t="s">
        <v>4151</v>
      </c>
    </row>
    <row r="20256" spans="1:12">
      <c r="A20256" s="6" t="s">
        <v>4151</v>
      </c>
      <c r="B20256" s="6"/>
      <c r="C20256" s="6" t="s">
        <v>20292</v>
      </c>
      <c r="D20256" s="6"/>
      <c r="E20256" s="6" t="s">
        <v>9</v>
      </c>
      <c r="F20256" s="7">
        <v>38657</v>
      </c>
      <c r="G20256" s="8">
        <v>1</v>
      </c>
      <c r="H20256" s="8">
        <v>1</v>
      </c>
      <c r="I20256" s="8">
        <v>0</v>
      </c>
      <c r="J20256" s="8">
        <v>1</v>
      </c>
      <c r="K20256" s="9">
        <v>152</v>
      </c>
      <c r="L20256" s="6" t="s">
        <v>4151</v>
      </c>
    </row>
    <row r="20257" spans="1:12">
      <c r="A20257" s="6" t="s">
        <v>4151</v>
      </c>
      <c r="B20257" s="6"/>
      <c r="C20257" s="6" t="s">
        <v>20293</v>
      </c>
      <c r="D20257" s="6"/>
      <c r="E20257" s="6" t="s">
        <v>9</v>
      </c>
      <c r="F20257" s="7">
        <v>38657</v>
      </c>
      <c r="G20257" s="8">
        <v>1</v>
      </c>
      <c r="H20257" s="8">
        <v>1</v>
      </c>
      <c r="I20257" s="8">
        <v>0</v>
      </c>
      <c r="J20257" s="8">
        <v>1</v>
      </c>
      <c r="K20257" s="9">
        <v>37</v>
      </c>
      <c r="L20257" s="6" t="s">
        <v>4151</v>
      </c>
    </row>
    <row r="20258" spans="1:12">
      <c r="A20258" s="6" t="s">
        <v>4151</v>
      </c>
      <c r="B20258" s="6"/>
      <c r="C20258" s="6" t="s">
        <v>20294</v>
      </c>
      <c r="D20258" s="6"/>
      <c r="E20258" s="6" t="s">
        <v>9</v>
      </c>
      <c r="F20258" s="7">
        <v>38657</v>
      </c>
      <c r="G20258" s="8">
        <v>1</v>
      </c>
      <c r="H20258" s="8">
        <v>1</v>
      </c>
      <c r="I20258" s="8">
        <v>0</v>
      </c>
      <c r="J20258" s="8">
        <v>1</v>
      </c>
      <c r="K20258" s="9">
        <v>2.06</v>
      </c>
      <c r="L20258" s="6" t="s">
        <v>4151</v>
      </c>
    </row>
    <row r="20259" spans="1:12">
      <c r="A20259" s="6" t="s">
        <v>4151</v>
      </c>
      <c r="B20259" s="6"/>
      <c r="C20259" s="6" t="s">
        <v>20295</v>
      </c>
      <c r="D20259" s="6"/>
      <c r="E20259" s="6" t="s">
        <v>9</v>
      </c>
      <c r="F20259" s="7">
        <v>38657</v>
      </c>
      <c r="G20259" s="8">
        <v>1</v>
      </c>
      <c r="H20259" s="8">
        <v>1</v>
      </c>
      <c r="I20259" s="8">
        <v>0</v>
      </c>
      <c r="J20259" s="8">
        <v>1</v>
      </c>
      <c r="K20259" s="9">
        <v>3.01</v>
      </c>
      <c r="L20259" s="6" t="s">
        <v>4151</v>
      </c>
    </row>
    <row r="20260" spans="1:12">
      <c r="A20260" s="6" t="s">
        <v>4151</v>
      </c>
      <c r="B20260" s="6"/>
      <c r="C20260" s="6" t="s">
        <v>20296</v>
      </c>
      <c r="D20260" s="6"/>
      <c r="E20260" s="6" t="s">
        <v>9</v>
      </c>
      <c r="F20260" s="7">
        <v>38657</v>
      </c>
      <c r="G20260" s="8">
        <v>1</v>
      </c>
      <c r="H20260" s="8">
        <v>1</v>
      </c>
      <c r="I20260" s="8">
        <v>0</v>
      </c>
      <c r="J20260" s="8">
        <v>1</v>
      </c>
      <c r="K20260" s="9">
        <v>269</v>
      </c>
      <c r="L20260" s="6" t="s">
        <v>4151</v>
      </c>
    </row>
    <row r="20261" spans="1:12">
      <c r="A20261" s="6" t="s">
        <v>4151</v>
      </c>
      <c r="B20261" s="6"/>
      <c r="C20261" s="6" t="s">
        <v>20297</v>
      </c>
      <c r="D20261" s="6"/>
      <c r="E20261" s="6" t="s">
        <v>9</v>
      </c>
      <c r="F20261" s="7">
        <v>38657</v>
      </c>
      <c r="G20261" s="8">
        <v>1</v>
      </c>
      <c r="H20261" s="8">
        <v>1</v>
      </c>
      <c r="I20261" s="8">
        <v>0</v>
      </c>
      <c r="J20261" s="8">
        <v>1</v>
      </c>
      <c r="K20261" s="9">
        <v>322</v>
      </c>
      <c r="L20261" s="6" t="s">
        <v>4151</v>
      </c>
    </row>
    <row r="20262" spans="1:12">
      <c r="A20262" s="6" t="s">
        <v>4151</v>
      </c>
      <c r="B20262" s="6"/>
      <c r="C20262" s="6" t="s">
        <v>20298</v>
      </c>
      <c r="D20262" s="6"/>
      <c r="E20262" s="6" t="s">
        <v>9</v>
      </c>
      <c r="F20262" s="7">
        <v>38657</v>
      </c>
      <c r="G20262" s="8">
        <v>1</v>
      </c>
      <c r="H20262" s="8">
        <v>1</v>
      </c>
      <c r="I20262" s="8">
        <v>0</v>
      </c>
      <c r="J20262" s="8">
        <v>1</v>
      </c>
      <c r="K20262" s="9">
        <v>1.01</v>
      </c>
      <c r="L20262" s="6" t="s">
        <v>4151</v>
      </c>
    </row>
    <row r="20263" spans="1:12">
      <c r="A20263" s="6" t="s">
        <v>4151</v>
      </c>
      <c r="B20263" s="6"/>
      <c r="C20263" s="6" t="s">
        <v>20299</v>
      </c>
      <c r="D20263" s="6"/>
      <c r="E20263" s="6" t="s">
        <v>9</v>
      </c>
      <c r="F20263" s="7">
        <v>38657</v>
      </c>
      <c r="G20263" s="8">
        <v>1</v>
      </c>
      <c r="H20263" s="8">
        <v>1</v>
      </c>
      <c r="I20263" s="8">
        <v>0</v>
      </c>
      <c r="J20263" s="8">
        <v>1</v>
      </c>
      <c r="K20263" s="9">
        <v>37</v>
      </c>
      <c r="L20263" s="6" t="s">
        <v>4151</v>
      </c>
    </row>
    <row r="20264" spans="1:12">
      <c r="A20264" s="6" t="s">
        <v>4151</v>
      </c>
      <c r="B20264" s="6"/>
      <c r="C20264" s="6" t="s">
        <v>20300</v>
      </c>
      <c r="D20264" s="6"/>
      <c r="E20264" s="6" t="s">
        <v>9</v>
      </c>
      <c r="F20264" s="7">
        <v>38657</v>
      </c>
      <c r="G20264" s="8">
        <v>1</v>
      </c>
      <c r="H20264" s="8">
        <v>1</v>
      </c>
      <c r="I20264" s="8">
        <v>0</v>
      </c>
      <c r="J20264" s="8">
        <v>1</v>
      </c>
      <c r="K20264" s="9">
        <v>135</v>
      </c>
      <c r="L20264" s="6" t="s">
        <v>4151</v>
      </c>
    </row>
    <row r="20265" spans="1:12">
      <c r="A20265" s="6" t="s">
        <v>4151</v>
      </c>
      <c r="B20265" s="6"/>
      <c r="C20265" s="6" t="s">
        <v>20301</v>
      </c>
      <c r="D20265" s="6"/>
      <c r="E20265" s="6" t="s">
        <v>9</v>
      </c>
      <c r="F20265" s="7">
        <v>38657</v>
      </c>
      <c r="G20265" s="8">
        <v>1</v>
      </c>
      <c r="H20265" s="8">
        <v>1</v>
      </c>
      <c r="I20265" s="8">
        <v>0</v>
      </c>
      <c r="J20265" s="8">
        <v>1</v>
      </c>
      <c r="K20265" s="9">
        <v>32</v>
      </c>
      <c r="L20265" s="6" t="s">
        <v>4151</v>
      </c>
    </row>
    <row r="20266" spans="1:12">
      <c r="A20266" s="6" t="s">
        <v>4151</v>
      </c>
      <c r="B20266" s="6"/>
      <c r="C20266" s="6" t="s">
        <v>20302</v>
      </c>
      <c r="D20266" s="6"/>
      <c r="E20266" s="6" t="s">
        <v>9</v>
      </c>
      <c r="F20266" s="7">
        <v>38657</v>
      </c>
      <c r="G20266" s="8">
        <v>1</v>
      </c>
      <c r="H20266" s="8">
        <v>1</v>
      </c>
      <c r="I20266" s="8">
        <v>0</v>
      </c>
      <c r="J20266" s="8">
        <v>1</v>
      </c>
      <c r="K20266" s="9">
        <v>70</v>
      </c>
      <c r="L20266" s="6" t="s">
        <v>4151</v>
      </c>
    </row>
    <row r="20267" spans="1:12">
      <c r="A20267" s="6" t="s">
        <v>4151</v>
      </c>
      <c r="B20267" s="6"/>
      <c r="C20267" s="6" t="s">
        <v>20303</v>
      </c>
      <c r="D20267" s="6"/>
      <c r="E20267" s="6" t="s">
        <v>9</v>
      </c>
      <c r="F20267" s="7">
        <v>38657</v>
      </c>
      <c r="G20267" s="8">
        <v>1</v>
      </c>
      <c r="H20267" s="8">
        <v>1</v>
      </c>
      <c r="I20267" s="8">
        <v>0</v>
      </c>
      <c r="J20267" s="8">
        <v>1</v>
      </c>
      <c r="K20267" s="9">
        <v>102</v>
      </c>
      <c r="L20267" s="6" t="s">
        <v>4151</v>
      </c>
    </row>
    <row r="20268" spans="1:12">
      <c r="A20268" s="6" t="s">
        <v>4151</v>
      </c>
      <c r="B20268" s="6"/>
      <c r="C20268" s="6" t="s">
        <v>20304</v>
      </c>
      <c r="D20268" s="6"/>
      <c r="E20268" s="6" t="s">
        <v>9</v>
      </c>
      <c r="F20268" s="7">
        <v>38657</v>
      </c>
      <c r="G20268" s="8">
        <v>1</v>
      </c>
      <c r="H20268" s="8">
        <v>1</v>
      </c>
      <c r="I20268" s="8">
        <v>0</v>
      </c>
      <c r="J20268" s="8">
        <v>1</v>
      </c>
      <c r="K20268" s="9">
        <v>3.14</v>
      </c>
      <c r="L20268" s="6" t="s">
        <v>4151</v>
      </c>
    </row>
    <row r="20269" spans="1:12">
      <c r="A20269" s="6" t="s">
        <v>4151</v>
      </c>
      <c r="B20269" s="6"/>
      <c r="C20269" s="6" t="s">
        <v>20305</v>
      </c>
      <c r="D20269" s="6"/>
      <c r="E20269" s="6" t="s">
        <v>9</v>
      </c>
      <c r="F20269" s="7">
        <v>38657</v>
      </c>
      <c r="G20269" s="8">
        <v>1</v>
      </c>
      <c r="H20269" s="8">
        <v>1</v>
      </c>
      <c r="I20269" s="8">
        <v>0</v>
      </c>
      <c r="J20269" s="8">
        <v>1</v>
      </c>
      <c r="K20269" s="9">
        <v>11</v>
      </c>
      <c r="L20269" s="6" t="s">
        <v>4151</v>
      </c>
    </row>
    <row r="20270" spans="1:12">
      <c r="A20270" s="6" t="s">
        <v>4151</v>
      </c>
      <c r="B20270" s="6"/>
      <c r="C20270" s="6" t="s">
        <v>20306</v>
      </c>
      <c r="D20270" s="6"/>
      <c r="E20270" s="6" t="s">
        <v>9</v>
      </c>
      <c r="F20270" s="7">
        <v>38657</v>
      </c>
      <c r="G20270" s="8">
        <v>1</v>
      </c>
      <c r="H20270" s="8">
        <v>1</v>
      </c>
      <c r="I20270" s="8">
        <v>0</v>
      </c>
      <c r="J20270" s="8">
        <v>1</v>
      </c>
      <c r="K20270" s="9">
        <v>48</v>
      </c>
      <c r="L20270" s="6" t="s">
        <v>4151</v>
      </c>
    </row>
    <row r="20271" spans="1:12">
      <c r="A20271" s="6" t="s">
        <v>4151</v>
      </c>
      <c r="B20271" s="6"/>
      <c r="C20271" s="6" t="s">
        <v>20307</v>
      </c>
      <c r="D20271" s="6"/>
      <c r="E20271" s="6" t="s">
        <v>9</v>
      </c>
      <c r="F20271" s="7">
        <v>38657</v>
      </c>
      <c r="G20271" s="8">
        <v>1</v>
      </c>
      <c r="H20271" s="8">
        <v>1</v>
      </c>
      <c r="I20271" s="8">
        <v>0</v>
      </c>
      <c r="J20271" s="8">
        <v>1</v>
      </c>
      <c r="K20271" s="9">
        <v>34</v>
      </c>
      <c r="L20271" s="6" t="s">
        <v>4151</v>
      </c>
    </row>
    <row r="20272" spans="1:12">
      <c r="A20272" s="6" t="s">
        <v>4151</v>
      </c>
      <c r="B20272" s="6"/>
      <c r="C20272" s="6" t="s">
        <v>20308</v>
      </c>
      <c r="D20272" s="6"/>
      <c r="E20272" s="6" t="s">
        <v>9</v>
      </c>
      <c r="F20272" s="7">
        <v>38657</v>
      </c>
      <c r="G20272" s="8">
        <v>1</v>
      </c>
      <c r="H20272" s="8">
        <v>1</v>
      </c>
      <c r="I20272" s="8">
        <v>0</v>
      </c>
      <c r="J20272" s="8">
        <v>1</v>
      </c>
      <c r="K20272" s="9">
        <v>56</v>
      </c>
      <c r="L20272" s="6" t="s">
        <v>4151</v>
      </c>
    </row>
    <row r="20273" spans="1:12">
      <c r="A20273" s="6" t="s">
        <v>4151</v>
      </c>
      <c r="B20273" s="6"/>
      <c r="C20273" s="6" t="s">
        <v>20309</v>
      </c>
      <c r="D20273" s="6"/>
      <c r="E20273" s="6" t="s">
        <v>9</v>
      </c>
      <c r="F20273" s="7">
        <v>38657</v>
      </c>
      <c r="G20273" s="8">
        <v>1</v>
      </c>
      <c r="H20273" s="8">
        <v>1</v>
      </c>
      <c r="I20273" s="8">
        <v>0</v>
      </c>
      <c r="J20273" s="8">
        <v>1</v>
      </c>
      <c r="K20273" s="9">
        <v>52</v>
      </c>
      <c r="L20273" s="6" t="s">
        <v>4151</v>
      </c>
    </row>
    <row r="20274" spans="1:12">
      <c r="A20274" s="6" t="s">
        <v>4151</v>
      </c>
      <c r="B20274" s="6"/>
      <c r="C20274" s="6" t="s">
        <v>20310</v>
      </c>
      <c r="D20274" s="6"/>
      <c r="E20274" s="6" t="s">
        <v>9</v>
      </c>
      <c r="F20274" s="7">
        <v>38657</v>
      </c>
      <c r="G20274" s="8">
        <v>1</v>
      </c>
      <c r="H20274" s="8">
        <v>1</v>
      </c>
      <c r="I20274" s="8">
        <v>0</v>
      </c>
      <c r="J20274" s="8">
        <v>1</v>
      </c>
      <c r="K20274" s="9">
        <v>78</v>
      </c>
      <c r="L20274" s="6" t="s">
        <v>4151</v>
      </c>
    </row>
    <row r="20275" spans="1:12">
      <c r="A20275" s="6" t="s">
        <v>4151</v>
      </c>
      <c r="B20275" s="6"/>
      <c r="C20275" s="6" t="s">
        <v>20311</v>
      </c>
      <c r="D20275" s="6"/>
      <c r="E20275" s="6" t="s">
        <v>9</v>
      </c>
      <c r="F20275" s="7">
        <v>38657</v>
      </c>
      <c r="G20275" s="8">
        <v>1</v>
      </c>
      <c r="H20275" s="8">
        <v>1</v>
      </c>
      <c r="I20275" s="8">
        <v>0</v>
      </c>
      <c r="J20275" s="8">
        <v>1</v>
      </c>
      <c r="K20275" s="9">
        <v>1.56</v>
      </c>
      <c r="L20275" s="6" t="s">
        <v>4151</v>
      </c>
    </row>
    <row r="20276" spans="1:12">
      <c r="A20276" s="6" t="s">
        <v>4151</v>
      </c>
      <c r="B20276" s="6"/>
      <c r="C20276" s="6" t="s">
        <v>20312</v>
      </c>
      <c r="D20276" s="6"/>
      <c r="E20276" s="6" t="s">
        <v>9</v>
      </c>
      <c r="F20276" s="7">
        <v>38657</v>
      </c>
      <c r="G20276" s="8">
        <v>1</v>
      </c>
      <c r="H20276" s="8">
        <v>1</v>
      </c>
      <c r="I20276" s="8">
        <v>0</v>
      </c>
      <c r="J20276" s="8">
        <v>1</v>
      </c>
      <c r="K20276" s="9">
        <v>30</v>
      </c>
      <c r="L20276" s="6" t="s">
        <v>4151</v>
      </c>
    </row>
    <row r="20277" spans="1:12">
      <c r="A20277" s="6" t="s">
        <v>4151</v>
      </c>
      <c r="B20277" s="6"/>
      <c r="C20277" s="6" t="s">
        <v>20313</v>
      </c>
      <c r="D20277" s="6"/>
      <c r="E20277" s="6" t="s">
        <v>9</v>
      </c>
      <c r="F20277" s="7">
        <v>38657</v>
      </c>
      <c r="G20277" s="8">
        <v>1</v>
      </c>
      <c r="H20277" s="8">
        <v>1</v>
      </c>
      <c r="I20277" s="8">
        <v>0</v>
      </c>
      <c r="J20277" s="8">
        <v>1</v>
      </c>
      <c r="K20277" s="9">
        <v>13</v>
      </c>
      <c r="L20277" s="6" t="s">
        <v>4151</v>
      </c>
    </row>
    <row r="20278" spans="1:12">
      <c r="A20278" s="6" t="s">
        <v>4151</v>
      </c>
      <c r="B20278" s="6"/>
      <c r="C20278" s="6" t="s">
        <v>20314</v>
      </c>
      <c r="D20278" s="6"/>
      <c r="E20278" s="6" t="s">
        <v>9</v>
      </c>
      <c r="F20278" s="7">
        <v>38657</v>
      </c>
      <c r="G20278" s="8">
        <v>1</v>
      </c>
      <c r="H20278" s="8">
        <v>1</v>
      </c>
      <c r="I20278" s="8">
        <v>0</v>
      </c>
      <c r="J20278" s="8">
        <v>1</v>
      </c>
      <c r="K20278" s="9">
        <v>49</v>
      </c>
      <c r="L20278" s="6" t="s">
        <v>4151</v>
      </c>
    </row>
    <row r="20279" spans="1:12">
      <c r="A20279" s="6" t="s">
        <v>4151</v>
      </c>
      <c r="B20279" s="6"/>
      <c r="C20279" s="6" t="s">
        <v>20315</v>
      </c>
      <c r="D20279" s="6"/>
      <c r="E20279" s="6" t="s">
        <v>9</v>
      </c>
      <c r="F20279" s="7">
        <v>38657</v>
      </c>
      <c r="G20279" s="8">
        <v>1</v>
      </c>
      <c r="H20279" s="8">
        <v>1</v>
      </c>
      <c r="I20279" s="8">
        <v>0</v>
      </c>
      <c r="J20279" s="8">
        <v>1</v>
      </c>
      <c r="K20279" s="9">
        <v>263</v>
      </c>
      <c r="L20279" s="6" t="s">
        <v>4151</v>
      </c>
    </row>
    <row r="20280" spans="1:12">
      <c r="A20280" s="6" t="s">
        <v>4151</v>
      </c>
      <c r="B20280" s="6"/>
      <c r="C20280" s="6" t="s">
        <v>20316</v>
      </c>
      <c r="D20280" s="6"/>
      <c r="E20280" s="6" t="s">
        <v>9</v>
      </c>
      <c r="F20280" s="7">
        <v>38657</v>
      </c>
      <c r="G20280" s="8">
        <v>1</v>
      </c>
      <c r="H20280" s="8">
        <v>1</v>
      </c>
      <c r="I20280" s="8">
        <v>0</v>
      </c>
      <c r="J20280" s="8">
        <v>1</v>
      </c>
      <c r="K20280" s="9">
        <v>4.79</v>
      </c>
      <c r="L20280" s="6" t="s">
        <v>4151</v>
      </c>
    </row>
    <row r="20281" spans="1:12">
      <c r="A20281" s="6" t="s">
        <v>4151</v>
      </c>
      <c r="B20281" s="6"/>
      <c r="C20281" s="6" t="s">
        <v>20317</v>
      </c>
      <c r="D20281" s="6"/>
      <c r="E20281" s="6" t="s">
        <v>9</v>
      </c>
      <c r="F20281" s="7">
        <v>38657</v>
      </c>
      <c r="G20281" s="8">
        <v>1</v>
      </c>
      <c r="H20281" s="8">
        <v>1</v>
      </c>
      <c r="I20281" s="8">
        <v>0</v>
      </c>
      <c r="J20281" s="8">
        <v>1</v>
      </c>
      <c r="K20281" s="9">
        <v>111</v>
      </c>
      <c r="L20281" s="6" t="s">
        <v>4151</v>
      </c>
    </row>
    <row r="20282" spans="1:12">
      <c r="A20282" s="6" t="s">
        <v>4151</v>
      </c>
      <c r="B20282" s="6"/>
      <c r="C20282" s="6" t="s">
        <v>20318</v>
      </c>
      <c r="D20282" s="6"/>
      <c r="E20282" s="6" t="s">
        <v>9</v>
      </c>
      <c r="F20282" s="7">
        <v>38657</v>
      </c>
      <c r="G20282" s="8">
        <v>1</v>
      </c>
      <c r="H20282" s="8">
        <v>1</v>
      </c>
      <c r="I20282" s="8">
        <v>0</v>
      </c>
      <c r="J20282" s="8">
        <v>1</v>
      </c>
      <c r="K20282" s="9">
        <v>100</v>
      </c>
      <c r="L20282" s="6" t="s">
        <v>4151</v>
      </c>
    </row>
    <row r="20283" spans="1:12">
      <c r="A20283" s="6" t="s">
        <v>4151</v>
      </c>
      <c r="B20283" s="6"/>
      <c r="C20283" s="6" t="s">
        <v>20319</v>
      </c>
      <c r="D20283" s="6"/>
      <c r="E20283" s="6" t="s">
        <v>9</v>
      </c>
      <c r="F20283" s="7">
        <v>38657</v>
      </c>
      <c r="G20283" s="8">
        <v>1</v>
      </c>
      <c r="H20283" s="8">
        <v>1</v>
      </c>
      <c r="I20283" s="8">
        <v>0</v>
      </c>
      <c r="J20283" s="8">
        <v>1</v>
      </c>
      <c r="K20283" s="9">
        <v>17</v>
      </c>
      <c r="L20283" s="6" t="s">
        <v>4151</v>
      </c>
    </row>
    <row r="20284" spans="1:12">
      <c r="A20284" s="6" t="s">
        <v>4151</v>
      </c>
      <c r="B20284" s="6"/>
      <c r="C20284" s="6" t="s">
        <v>20320</v>
      </c>
      <c r="D20284" s="6"/>
      <c r="E20284" s="6" t="s">
        <v>9</v>
      </c>
      <c r="F20284" s="7">
        <v>38657</v>
      </c>
      <c r="G20284" s="8">
        <v>1</v>
      </c>
      <c r="H20284" s="8">
        <v>1</v>
      </c>
      <c r="I20284" s="8">
        <v>0</v>
      </c>
      <c r="J20284" s="8">
        <v>1</v>
      </c>
      <c r="K20284" s="9">
        <v>62</v>
      </c>
      <c r="L20284" s="6" t="s">
        <v>4151</v>
      </c>
    </row>
    <row r="20285" spans="1:12">
      <c r="A20285" s="6" t="s">
        <v>4151</v>
      </c>
      <c r="B20285" s="6"/>
      <c r="C20285" s="6" t="s">
        <v>20321</v>
      </c>
      <c r="D20285" s="6"/>
      <c r="E20285" s="6" t="s">
        <v>9</v>
      </c>
      <c r="F20285" s="7">
        <v>38657</v>
      </c>
      <c r="G20285" s="8">
        <v>1</v>
      </c>
      <c r="H20285" s="8">
        <v>1</v>
      </c>
      <c r="I20285" s="8">
        <v>0</v>
      </c>
      <c r="J20285" s="8">
        <v>1</v>
      </c>
      <c r="K20285" s="9">
        <v>17</v>
      </c>
      <c r="L20285" s="6" t="s">
        <v>4151</v>
      </c>
    </row>
    <row r="20286" spans="1:12">
      <c r="A20286" s="6" t="s">
        <v>4151</v>
      </c>
      <c r="B20286" s="6"/>
      <c r="C20286" s="6" t="s">
        <v>20322</v>
      </c>
      <c r="D20286" s="6"/>
      <c r="E20286" s="6" t="s">
        <v>9</v>
      </c>
      <c r="F20286" s="7">
        <v>38657</v>
      </c>
      <c r="G20286" s="8">
        <v>1</v>
      </c>
      <c r="H20286" s="8">
        <v>1</v>
      </c>
      <c r="I20286" s="8">
        <v>0</v>
      </c>
      <c r="J20286" s="8">
        <v>1</v>
      </c>
      <c r="K20286" s="9">
        <v>58</v>
      </c>
      <c r="L20286" s="6" t="s">
        <v>4151</v>
      </c>
    </row>
    <row r="20287" spans="1:12">
      <c r="A20287" s="6" t="s">
        <v>4151</v>
      </c>
      <c r="B20287" s="6"/>
      <c r="C20287" s="6" t="s">
        <v>20323</v>
      </c>
      <c r="D20287" s="6"/>
      <c r="E20287" s="6" t="s">
        <v>9</v>
      </c>
      <c r="F20287" s="7">
        <v>38657</v>
      </c>
      <c r="G20287" s="8">
        <v>1</v>
      </c>
      <c r="H20287" s="8">
        <v>1</v>
      </c>
      <c r="I20287" s="8">
        <v>0</v>
      </c>
      <c r="J20287" s="8">
        <v>1</v>
      </c>
      <c r="K20287" s="9">
        <v>10</v>
      </c>
      <c r="L20287" s="6" t="s">
        <v>4151</v>
      </c>
    </row>
    <row r="20288" spans="1:12">
      <c r="A20288" s="6" t="s">
        <v>4151</v>
      </c>
      <c r="B20288" s="6"/>
      <c r="C20288" s="6" t="s">
        <v>20324</v>
      </c>
      <c r="D20288" s="6"/>
      <c r="E20288" s="6" t="s">
        <v>9</v>
      </c>
      <c r="F20288" s="7">
        <v>38657</v>
      </c>
      <c r="G20288" s="8">
        <v>1</v>
      </c>
      <c r="H20288" s="8">
        <v>1</v>
      </c>
      <c r="I20288" s="8">
        <v>0</v>
      </c>
      <c r="J20288" s="8">
        <v>1</v>
      </c>
      <c r="K20288" s="9">
        <v>24</v>
      </c>
      <c r="L20288" s="6" t="s">
        <v>4151</v>
      </c>
    </row>
    <row r="20289" spans="1:12">
      <c r="A20289" s="6" t="s">
        <v>4151</v>
      </c>
      <c r="B20289" s="6"/>
      <c r="C20289" s="6" t="s">
        <v>20325</v>
      </c>
      <c r="D20289" s="6"/>
      <c r="E20289" s="6" t="s">
        <v>9</v>
      </c>
      <c r="F20289" s="7">
        <v>38657</v>
      </c>
      <c r="G20289" s="8">
        <v>1</v>
      </c>
      <c r="H20289" s="8">
        <v>1</v>
      </c>
      <c r="I20289" s="8">
        <v>0</v>
      </c>
      <c r="J20289" s="8">
        <v>1</v>
      </c>
      <c r="K20289" s="9">
        <v>19</v>
      </c>
      <c r="L20289" s="6" t="s">
        <v>4151</v>
      </c>
    </row>
    <row r="20290" spans="1:12">
      <c r="A20290" s="6" t="s">
        <v>4151</v>
      </c>
      <c r="B20290" s="6"/>
      <c r="C20290" s="6" t="s">
        <v>20326</v>
      </c>
      <c r="D20290" s="6"/>
      <c r="E20290" s="6" t="s">
        <v>9</v>
      </c>
      <c r="F20290" s="7">
        <v>38657</v>
      </c>
      <c r="G20290" s="8">
        <v>1</v>
      </c>
      <c r="H20290" s="8">
        <v>1</v>
      </c>
      <c r="I20290" s="8">
        <v>0</v>
      </c>
      <c r="J20290" s="8">
        <v>1</v>
      </c>
      <c r="K20290" s="9">
        <v>57</v>
      </c>
      <c r="L20290" s="6" t="s">
        <v>4151</v>
      </c>
    </row>
    <row r="20291" spans="1:12">
      <c r="A20291" s="6" t="s">
        <v>4151</v>
      </c>
      <c r="B20291" s="6"/>
      <c r="C20291" s="6" t="s">
        <v>20327</v>
      </c>
      <c r="D20291" s="6"/>
      <c r="E20291" s="6" t="s">
        <v>9</v>
      </c>
      <c r="F20291" s="7">
        <v>38657</v>
      </c>
      <c r="G20291" s="8">
        <v>1</v>
      </c>
      <c r="H20291" s="8">
        <v>1</v>
      </c>
      <c r="I20291" s="8">
        <v>0</v>
      </c>
      <c r="J20291" s="8">
        <v>1</v>
      </c>
      <c r="K20291" s="9">
        <v>3.8</v>
      </c>
      <c r="L20291" s="6" t="s">
        <v>4151</v>
      </c>
    </row>
    <row r="20292" spans="1:12">
      <c r="A20292" s="6" t="s">
        <v>4151</v>
      </c>
      <c r="B20292" s="6"/>
      <c r="C20292" s="6" t="s">
        <v>20328</v>
      </c>
      <c r="D20292" s="6"/>
      <c r="E20292" s="6" t="s">
        <v>9</v>
      </c>
      <c r="F20292" s="7">
        <v>38657</v>
      </c>
      <c r="G20292" s="8">
        <v>1</v>
      </c>
      <c r="H20292" s="8">
        <v>1</v>
      </c>
      <c r="I20292" s="8">
        <v>0</v>
      </c>
      <c r="J20292" s="8">
        <v>1</v>
      </c>
      <c r="K20292" s="9">
        <v>2.7</v>
      </c>
      <c r="L20292" s="6" t="s">
        <v>4151</v>
      </c>
    </row>
    <row r="20293" spans="1:12">
      <c r="A20293" s="6" t="s">
        <v>4151</v>
      </c>
      <c r="B20293" s="6"/>
      <c r="C20293" s="6" t="s">
        <v>20329</v>
      </c>
      <c r="D20293" s="6"/>
      <c r="E20293" s="6" t="s">
        <v>9</v>
      </c>
      <c r="F20293" s="7">
        <v>38657</v>
      </c>
      <c r="G20293" s="8">
        <v>1</v>
      </c>
      <c r="H20293" s="8">
        <v>1</v>
      </c>
      <c r="I20293" s="8">
        <v>0</v>
      </c>
      <c r="J20293" s="8">
        <v>1</v>
      </c>
      <c r="K20293" s="9">
        <v>37</v>
      </c>
      <c r="L20293" s="6" t="s">
        <v>4151</v>
      </c>
    </row>
    <row r="20294" spans="1:12">
      <c r="A20294" s="6" t="s">
        <v>4151</v>
      </c>
      <c r="B20294" s="6"/>
      <c r="C20294" s="6" t="s">
        <v>20330</v>
      </c>
      <c r="D20294" s="6"/>
      <c r="E20294" s="6" t="s">
        <v>9</v>
      </c>
      <c r="F20294" s="7">
        <v>38657</v>
      </c>
      <c r="G20294" s="8">
        <v>1</v>
      </c>
      <c r="H20294" s="8">
        <v>1</v>
      </c>
      <c r="I20294" s="8">
        <v>0</v>
      </c>
      <c r="J20294" s="8">
        <v>1</v>
      </c>
      <c r="K20294" s="9">
        <v>142</v>
      </c>
      <c r="L20294" s="6" t="s">
        <v>4151</v>
      </c>
    </row>
    <row r="20295" spans="1:12">
      <c r="A20295" s="6" t="s">
        <v>4151</v>
      </c>
      <c r="B20295" s="6"/>
      <c r="C20295" s="6" t="s">
        <v>20331</v>
      </c>
      <c r="D20295" s="6"/>
      <c r="E20295" s="6" t="s">
        <v>9</v>
      </c>
      <c r="F20295" s="7">
        <v>38657</v>
      </c>
      <c r="G20295" s="8">
        <v>1</v>
      </c>
      <c r="H20295" s="8">
        <v>1</v>
      </c>
      <c r="I20295" s="8">
        <v>0</v>
      </c>
      <c r="J20295" s="8">
        <v>1</v>
      </c>
      <c r="K20295" s="9">
        <v>44</v>
      </c>
      <c r="L20295" s="6" t="s">
        <v>4151</v>
      </c>
    </row>
    <row r="20296" spans="1:12">
      <c r="A20296" s="6" t="s">
        <v>4151</v>
      </c>
      <c r="B20296" s="6"/>
      <c r="C20296" s="6" t="s">
        <v>20332</v>
      </c>
      <c r="D20296" s="6"/>
      <c r="E20296" s="6" t="s">
        <v>9</v>
      </c>
      <c r="F20296" s="7">
        <v>38657</v>
      </c>
      <c r="G20296" s="8">
        <v>1</v>
      </c>
      <c r="H20296" s="8">
        <v>1</v>
      </c>
      <c r="I20296" s="8">
        <v>0</v>
      </c>
      <c r="J20296" s="8">
        <v>1</v>
      </c>
      <c r="K20296" s="9">
        <v>5.07</v>
      </c>
      <c r="L20296" s="6" t="s">
        <v>4151</v>
      </c>
    </row>
    <row r="20297" spans="1:12">
      <c r="A20297" s="6" t="s">
        <v>4151</v>
      </c>
      <c r="B20297" s="6"/>
      <c r="C20297" s="6" t="s">
        <v>20333</v>
      </c>
      <c r="D20297" s="6"/>
      <c r="E20297" s="6" t="s">
        <v>9</v>
      </c>
      <c r="F20297" s="7">
        <v>38657</v>
      </c>
      <c r="G20297" s="8">
        <v>1</v>
      </c>
      <c r="H20297" s="8">
        <v>1</v>
      </c>
      <c r="I20297" s="8">
        <v>0</v>
      </c>
      <c r="J20297" s="8">
        <v>1</v>
      </c>
      <c r="K20297" s="9">
        <v>132</v>
      </c>
      <c r="L20297" s="6" t="s">
        <v>4151</v>
      </c>
    </row>
    <row r="20298" spans="1:12">
      <c r="A20298" s="6" t="s">
        <v>4151</v>
      </c>
      <c r="B20298" s="6"/>
      <c r="C20298" s="6" t="s">
        <v>20334</v>
      </c>
      <c r="D20298" s="6"/>
      <c r="E20298" s="6" t="s">
        <v>9</v>
      </c>
      <c r="F20298" s="7">
        <v>38657</v>
      </c>
      <c r="G20298" s="8">
        <v>1</v>
      </c>
      <c r="H20298" s="8">
        <v>1</v>
      </c>
      <c r="I20298" s="8">
        <v>0</v>
      </c>
      <c r="J20298" s="8">
        <v>1</v>
      </c>
      <c r="K20298" s="9">
        <v>40</v>
      </c>
      <c r="L20298" s="6" t="s">
        <v>4151</v>
      </c>
    </row>
    <row r="20299" spans="1:12">
      <c r="A20299" s="6" t="s">
        <v>4151</v>
      </c>
      <c r="B20299" s="6"/>
      <c r="C20299" s="6" t="s">
        <v>20335</v>
      </c>
      <c r="D20299" s="6"/>
      <c r="E20299" s="6" t="s">
        <v>9</v>
      </c>
      <c r="F20299" s="7">
        <v>38657</v>
      </c>
      <c r="G20299" s="8">
        <v>1</v>
      </c>
      <c r="H20299" s="8">
        <v>1</v>
      </c>
      <c r="I20299" s="8">
        <v>0</v>
      </c>
      <c r="J20299" s="8">
        <v>1</v>
      </c>
      <c r="K20299" s="9">
        <v>101</v>
      </c>
      <c r="L20299" s="6" t="s">
        <v>4151</v>
      </c>
    </row>
    <row r="20300" spans="1:12">
      <c r="A20300" s="6" t="s">
        <v>4151</v>
      </c>
      <c r="B20300" s="6"/>
      <c r="C20300" s="6" t="s">
        <v>20336</v>
      </c>
      <c r="D20300" s="6"/>
      <c r="E20300" s="6" t="s">
        <v>9</v>
      </c>
      <c r="F20300" s="7">
        <v>38657</v>
      </c>
      <c r="G20300" s="8">
        <v>1</v>
      </c>
      <c r="H20300" s="8">
        <v>1</v>
      </c>
      <c r="I20300" s="8">
        <v>0</v>
      </c>
      <c r="J20300" s="8">
        <v>1</v>
      </c>
      <c r="K20300" s="9">
        <v>0.26</v>
      </c>
      <c r="L20300" s="6" t="s">
        <v>4151</v>
      </c>
    </row>
    <row r="20301" spans="1:12">
      <c r="A20301" s="6" t="s">
        <v>4151</v>
      </c>
      <c r="B20301" s="6"/>
      <c r="C20301" s="6" t="s">
        <v>20337</v>
      </c>
      <c r="D20301" s="6"/>
      <c r="E20301" s="6" t="s">
        <v>9</v>
      </c>
      <c r="F20301" s="7">
        <v>38657</v>
      </c>
      <c r="G20301" s="8">
        <v>1</v>
      </c>
      <c r="H20301" s="8">
        <v>1</v>
      </c>
      <c r="I20301" s="8">
        <v>0</v>
      </c>
      <c r="J20301" s="8">
        <v>1</v>
      </c>
      <c r="K20301" s="9">
        <v>72</v>
      </c>
      <c r="L20301" s="6" t="s">
        <v>4151</v>
      </c>
    </row>
    <row r="20302" spans="1:12">
      <c r="A20302" s="6" t="s">
        <v>4151</v>
      </c>
      <c r="B20302" s="6"/>
      <c r="C20302" s="6" t="s">
        <v>20338</v>
      </c>
      <c r="D20302" s="6"/>
      <c r="E20302" s="6" t="s">
        <v>9</v>
      </c>
      <c r="F20302" s="7">
        <v>38657</v>
      </c>
      <c r="G20302" s="8">
        <v>1</v>
      </c>
      <c r="H20302" s="8">
        <v>1</v>
      </c>
      <c r="I20302" s="8">
        <v>0</v>
      </c>
      <c r="J20302" s="8">
        <v>1</v>
      </c>
      <c r="K20302" s="9">
        <v>4.97</v>
      </c>
      <c r="L20302" s="6" t="s">
        <v>4151</v>
      </c>
    </row>
    <row r="20303" spans="1:12">
      <c r="A20303" s="6" t="s">
        <v>4151</v>
      </c>
      <c r="B20303" s="6"/>
      <c r="C20303" s="6" t="s">
        <v>20339</v>
      </c>
      <c r="D20303" s="6"/>
      <c r="E20303" s="6" t="s">
        <v>9</v>
      </c>
      <c r="F20303" s="7">
        <v>38657</v>
      </c>
      <c r="G20303" s="8">
        <v>1</v>
      </c>
      <c r="H20303" s="8">
        <v>1</v>
      </c>
      <c r="I20303" s="8">
        <v>0</v>
      </c>
      <c r="J20303" s="8">
        <v>1</v>
      </c>
      <c r="K20303" s="9">
        <v>73</v>
      </c>
      <c r="L20303" s="6" t="s">
        <v>4151</v>
      </c>
    </row>
    <row r="20304" spans="1:12">
      <c r="A20304" s="6" t="s">
        <v>4151</v>
      </c>
      <c r="B20304" s="6"/>
      <c r="C20304" s="6" t="s">
        <v>20340</v>
      </c>
      <c r="D20304" s="6"/>
      <c r="E20304" s="6" t="s">
        <v>9</v>
      </c>
      <c r="F20304" s="7">
        <v>38657</v>
      </c>
      <c r="G20304" s="8">
        <v>1</v>
      </c>
      <c r="H20304" s="8">
        <v>1</v>
      </c>
      <c r="I20304" s="8">
        <v>0</v>
      </c>
      <c r="J20304" s="8">
        <v>1</v>
      </c>
      <c r="K20304" s="9">
        <v>105</v>
      </c>
      <c r="L20304" s="6" t="s">
        <v>4151</v>
      </c>
    </row>
    <row r="20305" spans="1:12">
      <c r="A20305" s="6" t="s">
        <v>4151</v>
      </c>
      <c r="B20305" s="6"/>
      <c r="C20305" s="6" t="s">
        <v>20341</v>
      </c>
      <c r="D20305" s="6"/>
      <c r="E20305" s="6" t="s">
        <v>9</v>
      </c>
      <c r="F20305" s="7">
        <v>38657</v>
      </c>
      <c r="G20305" s="8">
        <v>1</v>
      </c>
      <c r="H20305" s="8">
        <v>1</v>
      </c>
      <c r="I20305" s="8">
        <v>0</v>
      </c>
      <c r="J20305" s="8">
        <v>1</v>
      </c>
      <c r="K20305" s="9">
        <v>61</v>
      </c>
      <c r="L20305" s="6" t="s">
        <v>4151</v>
      </c>
    </row>
    <row r="20306" spans="1:12">
      <c r="A20306" s="6" t="s">
        <v>4151</v>
      </c>
      <c r="B20306" s="6"/>
      <c r="C20306" s="6" t="s">
        <v>20342</v>
      </c>
      <c r="D20306" s="6"/>
      <c r="E20306" s="6" t="s">
        <v>9</v>
      </c>
      <c r="F20306" s="7">
        <v>38657</v>
      </c>
      <c r="G20306" s="8">
        <v>1</v>
      </c>
      <c r="H20306" s="8">
        <v>1</v>
      </c>
      <c r="I20306" s="8">
        <v>0</v>
      </c>
      <c r="J20306" s="8">
        <v>1</v>
      </c>
      <c r="K20306" s="9">
        <v>4</v>
      </c>
      <c r="L20306" s="6" t="s">
        <v>4151</v>
      </c>
    </row>
    <row r="20307" spans="1:12">
      <c r="A20307" s="6" t="s">
        <v>4151</v>
      </c>
      <c r="B20307" s="6"/>
      <c r="C20307" s="6" t="s">
        <v>20343</v>
      </c>
      <c r="D20307" s="6"/>
      <c r="E20307" s="6" t="s">
        <v>9</v>
      </c>
      <c r="F20307" s="7">
        <v>38657</v>
      </c>
      <c r="G20307" s="8">
        <v>1</v>
      </c>
      <c r="H20307" s="8">
        <v>1</v>
      </c>
      <c r="I20307" s="8">
        <v>0</v>
      </c>
      <c r="J20307" s="8">
        <v>1</v>
      </c>
      <c r="K20307" s="9">
        <v>91</v>
      </c>
      <c r="L20307" s="6" t="s">
        <v>4151</v>
      </c>
    </row>
    <row r="20308" spans="1:12">
      <c r="A20308" s="6" t="s">
        <v>4151</v>
      </c>
      <c r="B20308" s="6"/>
      <c r="C20308" s="6" t="s">
        <v>20344</v>
      </c>
      <c r="D20308" s="6"/>
      <c r="E20308" s="6" t="s">
        <v>9</v>
      </c>
      <c r="F20308" s="7">
        <v>38657</v>
      </c>
      <c r="G20308" s="8">
        <v>1</v>
      </c>
      <c r="H20308" s="8">
        <v>1</v>
      </c>
      <c r="I20308" s="8">
        <v>0</v>
      </c>
      <c r="J20308" s="8">
        <v>1</v>
      </c>
      <c r="K20308" s="9">
        <v>22</v>
      </c>
      <c r="L20308" s="6" t="s">
        <v>4151</v>
      </c>
    </row>
    <row r="20309" spans="1:12">
      <c r="A20309" s="6" t="s">
        <v>4151</v>
      </c>
      <c r="B20309" s="6"/>
      <c r="C20309" s="6" t="s">
        <v>20345</v>
      </c>
      <c r="D20309" s="6"/>
      <c r="E20309" s="6" t="s">
        <v>9</v>
      </c>
      <c r="F20309" s="7">
        <v>38657</v>
      </c>
      <c r="G20309" s="8">
        <v>1</v>
      </c>
      <c r="H20309" s="8">
        <v>1</v>
      </c>
      <c r="I20309" s="8">
        <v>0</v>
      </c>
      <c r="J20309" s="8">
        <v>1</v>
      </c>
      <c r="K20309" s="9">
        <v>91</v>
      </c>
      <c r="L20309" s="6" t="s">
        <v>4151</v>
      </c>
    </row>
    <row r="20310" spans="1:12">
      <c r="A20310" s="6" t="s">
        <v>4151</v>
      </c>
      <c r="B20310" s="6"/>
      <c r="C20310" s="6" t="s">
        <v>20346</v>
      </c>
      <c r="D20310" s="6"/>
      <c r="E20310" s="6" t="s">
        <v>9</v>
      </c>
      <c r="F20310" s="7">
        <v>38657</v>
      </c>
      <c r="G20310" s="8">
        <v>1</v>
      </c>
      <c r="H20310" s="8">
        <v>1</v>
      </c>
      <c r="I20310" s="8">
        <v>0</v>
      </c>
      <c r="J20310" s="8">
        <v>1</v>
      </c>
      <c r="K20310" s="9">
        <v>97</v>
      </c>
      <c r="L20310" s="6" t="s">
        <v>4151</v>
      </c>
    </row>
    <row r="20311" spans="1:12">
      <c r="A20311" s="6" t="s">
        <v>4151</v>
      </c>
      <c r="B20311" s="6"/>
      <c r="C20311" s="6" t="s">
        <v>20347</v>
      </c>
      <c r="D20311" s="6"/>
      <c r="E20311" s="6" t="s">
        <v>9</v>
      </c>
      <c r="F20311" s="7">
        <v>38657</v>
      </c>
      <c r="G20311" s="8">
        <v>1</v>
      </c>
      <c r="H20311" s="8">
        <v>1</v>
      </c>
      <c r="I20311" s="8">
        <v>0</v>
      </c>
      <c r="J20311" s="8">
        <v>1</v>
      </c>
      <c r="K20311" s="9">
        <v>103</v>
      </c>
      <c r="L20311" s="6" t="s">
        <v>4151</v>
      </c>
    </row>
    <row r="20312" spans="1:12">
      <c r="A20312" s="6" t="s">
        <v>4151</v>
      </c>
      <c r="B20312" s="6"/>
      <c r="C20312" s="6" t="s">
        <v>20348</v>
      </c>
      <c r="D20312" s="6"/>
      <c r="E20312" s="6" t="s">
        <v>9</v>
      </c>
      <c r="F20312" s="7">
        <v>38657</v>
      </c>
      <c r="G20312" s="8">
        <v>1</v>
      </c>
      <c r="H20312" s="8">
        <v>1</v>
      </c>
      <c r="I20312" s="8">
        <v>0</v>
      </c>
      <c r="J20312" s="8">
        <v>1</v>
      </c>
      <c r="K20312" s="9">
        <v>71</v>
      </c>
      <c r="L20312" s="6" t="s">
        <v>4151</v>
      </c>
    </row>
    <row r="20313" spans="1:12">
      <c r="A20313" s="6" t="s">
        <v>4151</v>
      </c>
      <c r="B20313" s="6"/>
      <c r="C20313" s="6" t="s">
        <v>20349</v>
      </c>
      <c r="D20313" s="6"/>
      <c r="E20313" s="6" t="s">
        <v>9</v>
      </c>
      <c r="F20313" s="7">
        <v>38657</v>
      </c>
      <c r="G20313" s="8">
        <v>1</v>
      </c>
      <c r="H20313" s="8">
        <v>1</v>
      </c>
      <c r="I20313" s="8">
        <v>0</v>
      </c>
      <c r="J20313" s="8">
        <v>1</v>
      </c>
      <c r="K20313" s="9">
        <v>21</v>
      </c>
      <c r="L20313" s="6" t="s">
        <v>4151</v>
      </c>
    </row>
    <row r="20314" spans="1:12">
      <c r="A20314" s="6" t="s">
        <v>4151</v>
      </c>
      <c r="B20314" s="6"/>
      <c r="C20314" s="6" t="s">
        <v>20350</v>
      </c>
      <c r="D20314" s="6"/>
      <c r="E20314" s="6" t="s">
        <v>9</v>
      </c>
      <c r="F20314" s="7">
        <v>38657</v>
      </c>
      <c r="G20314" s="8">
        <v>1</v>
      </c>
      <c r="H20314" s="8">
        <v>1</v>
      </c>
      <c r="I20314" s="8">
        <v>0</v>
      </c>
      <c r="J20314" s="8">
        <v>1</v>
      </c>
      <c r="K20314" s="9">
        <v>13</v>
      </c>
      <c r="L20314" s="6" t="s">
        <v>4151</v>
      </c>
    </row>
    <row r="20315" spans="1:12">
      <c r="A20315" s="6" t="s">
        <v>4151</v>
      </c>
      <c r="B20315" s="6"/>
      <c r="C20315" s="6" t="s">
        <v>20351</v>
      </c>
      <c r="D20315" s="6"/>
      <c r="E20315" s="6" t="s">
        <v>9</v>
      </c>
      <c r="F20315" s="7">
        <v>38657</v>
      </c>
      <c r="G20315" s="8">
        <v>1</v>
      </c>
      <c r="H20315" s="8">
        <v>1</v>
      </c>
      <c r="I20315" s="8">
        <v>0</v>
      </c>
      <c r="J20315" s="8">
        <v>1</v>
      </c>
      <c r="K20315" s="9">
        <v>0.67</v>
      </c>
      <c r="L20315" s="6" t="s">
        <v>4151</v>
      </c>
    </row>
    <row r="20316" spans="1:12">
      <c r="A20316" s="6" t="s">
        <v>4151</v>
      </c>
      <c r="B20316" s="6"/>
      <c r="C20316" s="6" t="s">
        <v>20352</v>
      </c>
      <c r="D20316" s="6"/>
      <c r="E20316" s="6" t="s">
        <v>9</v>
      </c>
      <c r="F20316" s="7">
        <v>38657</v>
      </c>
      <c r="G20316" s="8">
        <v>1</v>
      </c>
      <c r="H20316" s="8">
        <v>1</v>
      </c>
      <c r="I20316" s="8">
        <v>0</v>
      </c>
      <c r="J20316" s="8">
        <v>1</v>
      </c>
      <c r="K20316" s="9">
        <v>262</v>
      </c>
      <c r="L20316" s="6" t="s">
        <v>4151</v>
      </c>
    </row>
    <row r="20317" spans="1:12">
      <c r="A20317" s="6" t="s">
        <v>4151</v>
      </c>
      <c r="B20317" s="6"/>
      <c r="C20317" s="6" t="s">
        <v>20353</v>
      </c>
      <c r="D20317" s="6"/>
      <c r="E20317" s="6" t="s">
        <v>9</v>
      </c>
      <c r="F20317" s="7">
        <v>38657</v>
      </c>
      <c r="G20317" s="8">
        <v>1</v>
      </c>
      <c r="H20317" s="8">
        <v>1</v>
      </c>
      <c r="I20317" s="8">
        <v>0</v>
      </c>
      <c r="J20317" s="8">
        <v>1</v>
      </c>
      <c r="K20317" s="9">
        <v>8.67</v>
      </c>
      <c r="L20317" s="6" t="s">
        <v>4151</v>
      </c>
    </row>
    <row r="20318" spans="1:12">
      <c r="A20318" s="6" t="s">
        <v>4151</v>
      </c>
      <c r="B20318" s="6"/>
      <c r="C20318" s="6" t="s">
        <v>20354</v>
      </c>
      <c r="D20318" s="6"/>
      <c r="E20318" s="6" t="s">
        <v>9</v>
      </c>
      <c r="F20318" s="7">
        <v>38657</v>
      </c>
      <c r="G20318" s="8">
        <v>1</v>
      </c>
      <c r="H20318" s="8">
        <v>1</v>
      </c>
      <c r="I20318" s="8">
        <v>0</v>
      </c>
      <c r="J20318" s="8">
        <v>1</v>
      </c>
      <c r="K20318" s="9">
        <v>12</v>
      </c>
      <c r="L20318" s="6" t="s">
        <v>4151</v>
      </c>
    </row>
    <row r="20319" spans="1:12">
      <c r="A20319" s="6" t="s">
        <v>4151</v>
      </c>
      <c r="B20319" s="6"/>
      <c r="C20319" s="6" t="s">
        <v>20355</v>
      </c>
      <c r="D20319" s="6"/>
      <c r="E20319" s="6" t="s">
        <v>9</v>
      </c>
      <c r="F20319" s="7">
        <v>38657</v>
      </c>
      <c r="G20319" s="8">
        <v>1</v>
      </c>
      <c r="H20319" s="8">
        <v>1</v>
      </c>
      <c r="I20319" s="8">
        <v>0</v>
      </c>
      <c r="J20319" s="8">
        <v>1</v>
      </c>
      <c r="K20319" s="9">
        <v>40</v>
      </c>
      <c r="L20319" s="6" t="s">
        <v>4151</v>
      </c>
    </row>
    <row r="20320" spans="1:12">
      <c r="A20320" s="6" t="s">
        <v>4151</v>
      </c>
      <c r="B20320" s="6"/>
      <c r="C20320" s="6" t="s">
        <v>20356</v>
      </c>
      <c r="D20320" s="6"/>
      <c r="E20320" s="6" t="s">
        <v>9</v>
      </c>
      <c r="F20320" s="7">
        <v>38657</v>
      </c>
      <c r="G20320" s="8">
        <v>1</v>
      </c>
      <c r="H20320" s="8">
        <v>1</v>
      </c>
      <c r="I20320" s="8">
        <v>0</v>
      </c>
      <c r="J20320" s="8">
        <v>1</v>
      </c>
      <c r="K20320" s="9">
        <v>287</v>
      </c>
      <c r="L20320" s="6" t="s">
        <v>4151</v>
      </c>
    </row>
    <row r="20321" spans="1:12">
      <c r="A20321" s="6" t="s">
        <v>4151</v>
      </c>
      <c r="B20321" s="6"/>
      <c r="C20321" s="6" t="s">
        <v>20357</v>
      </c>
      <c r="D20321" s="6"/>
      <c r="E20321" s="6" t="s">
        <v>9</v>
      </c>
      <c r="F20321" s="7">
        <v>38657</v>
      </c>
      <c r="G20321" s="8">
        <v>1</v>
      </c>
      <c r="H20321" s="8">
        <v>1</v>
      </c>
      <c r="I20321" s="8">
        <v>0</v>
      </c>
      <c r="J20321" s="8">
        <v>1</v>
      </c>
      <c r="K20321" s="9">
        <v>40</v>
      </c>
      <c r="L20321" s="6" t="s">
        <v>4151</v>
      </c>
    </row>
    <row r="20322" spans="1:12">
      <c r="A20322" s="6" t="s">
        <v>4151</v>
      </c>
      <c r="B20322" s="6"/>
      <c r="C20322" s="6" t="s">
        <v>20358</v>
      </c>
      <c r="D20322" s="6"/>
      <c r="E20322" s="6" t="s">
        <v>9</v>
      </c>
      <c r="F20322" s="7">
        <v>38657</v>
      </c>
      <c r="G20322" s="8">
        <v>1</v>
      </c>
      <c r="H20322" s="8">
        <v>1</v>
      </c>
      <c r="I20322" s="8">
        <v>0</v>
      </c>
      <c r="J20322" s="8">
        <v>1</v>
      </c>
      <c r="K20322" s="9">
        <v>32</v>
      </c>
      <c r="L20322" s="6" t="s">
        <v>4151</v>
      </c>
    </row>
    <row r="20323" spans="1:12">
      <c r="A20323" s="6" t="s">
        <v>4151</v>
      </c>
      <c r="B20323" s="6"/>
      <c r="C20323" s="6" t="s">
        <v>20359</v>
      </c>
      <c r="D20323" s="6"/>
      <c r="E20323" s="6" t="s">
        <v>9</v>
      </c>
      <c r="F20323" s="7">
        <v>38657</v>
      </c>
      <c r="G20323" s="8">
        <v>1</v>
      </c>
      <c r="H20323" s="8">
        <v>1</v>
      </c>
      <c r="I20323" s="8">
        <v>0</v>
      </c>
      <c r="J20323" s="8">
        <v>1</v>
      </c>
      <c r="K20323" s="9">
        <v>92</v>
      </c>
      <c r="L20323" s="6" t="s">
        <v>4151</v>
      </c>
    </row>
    <row r="20324" spans="1:12">
      <c r="A20324" s="6" t="s">
        <v>4151</v>
      </c>
      <c r="B20324" s="6"/>
      <c r="C20324" s="6" t="s">
        <v>20360</v>
      </c>
      <c r="D20324" s="6"/>
      <c r="E20324" s="6" t="s">
        <v>9</v>
      </c>
      <c r="F20324" s="7">
        <v>38657</v>
      </c>
      <c r="G20324" s="8">
        <v>1</v>
      </c>
      <c r="H20324" s="8">
        <v>1</v>
      </c>
      <c r="I20324" s="8">
        <v>0</v>
      </c>
      <c r="J20324" s="8">
        <v>1</v>
      </c>
      <c r="K20324" s="9">
        <v>14</v>
      </c>
      <c r="L20324" s="6" t="s">
        <v>4151</v>
      </c>
    </row>
    <row r="20325" spans="1:12">
      <c r="A20325" s="6" t="s">
        <v>4151</v>
      </c>
      <c r="B20325" s="6"/>
      <c r="C20325" s="6" t="s">
        <v>20361</v>
      </c>
      <c r="D20325" s="6"/>
      <c r="E20325" s="6" t="s">
        <v>9</v>
      </c>
      <c r="F20325" s="7">
        <v>38657</v>
      </c>
      <c r="G20325" s="8">
        <v>1</v>
      </c>
      <c r="H20325" s="8">
        <v>1</v>
      </c>
      <c r="I20325" s="8">
        <v>0</v>
      </c>
      <c r="J20325" s="8">
        <v>1</v>
      </c>
      <c r="K20325" s="9">
        <v>13</v>
      </c>
      <c r="L20325" s="6" t="s">
        <v>4151</v>
      </c>
    </row>
    <row r="20326" spans="1:12">
      <c r="A20326" s="6" t="s">
        <v>4151</v>
      </c>
      <c r="B20326" s="6"/>
      <c r="C20326" s="6" t="s">
        <v>20362</v>
      </c>
      <c r="D20326" s="6"/>
      <c r="E20326" s="6" t="s">
        <v>9</v>
      </c>
      <c r="F20326" s="7">
        <v>38657</v>
      </c>
      <c r="G20326" s="8">
        <v>1</v>
      </c>
      <c r="H20326" s="8">
        <v>1</v>
      </c>
      <c r="I20326" s="8">
        <v>0</v>
      </c>
      <c r="J20326" s="8">
        <v>1</v>
      </c>
      <c r="K20326" s="9">
        <v>36</v>
      </c>
      <c r="L20326" s="6" t="s">
        <v>4151</v>
      </c>
    </row>
    <row r="20327" spans="1:12">
      <c r="A20327" s="6" t="s">
        <v>4151</v>
      </c>
      <c r="B20327" s="6"/>
      <c r="C20327" s="6" t="s">
        <v>20363</v>
      </c>
      <c r="D20327" s="6"/>
      <c r="E20327" s="6" t="s">
        <v>9</v>
      </c>
      <c r="F20327" s="7">
        <v>38657</v>
      </c>
      <c r="G20327" s="8">
        <v>1</v>
      </c>
      <c r="H20327" s="8">
        <v>1</v>
      </c>
      <c r="I20327" s="8">
        <v>0</v>
      </c>
      <c r="J20327" s="8">
        <v>1</v>
      </c>
      <c r="K20327" s="9">
        <v>28</v>
      </c>
      <c r="L20327" s="6" t="s">
        <v>4151</v>
      </c>
    </row>
    <row r="20328" spans="1:12">
      <c r="A20328" s="6" t="s">
        <v>4151</v>
      </c>
      <c r="B20328" s="6"/>
      <c r="C20328" s="6" t="s">
        <v>20364</v>
      </c>
      <c r="D20328" s="6"/>
      <c r="E20328" s="6" t="s">
        <v>9</v>
      </c>
      <c r="F20328" s="7">
        <v>38657</v>
      </c>
      <c r="G20328" s="8">
        <v>1</v>
      </c>
      <c r="H20328" s="8">
        <v>1</v>
      </c>
      <c r="I20328" s="8">
        <v>0</v>
      </c>
      <c r="J20328" s="8">
        <v>1</v>
      </c>
      <c r="K20328" s="9">
        <v>23</v>
      </c>
      <c r="L20328" s="6" t="s">
        <v>4151</v>
      </c>
    </row>
    <row r="20329" spans="1:12">
      <c r="A20329" s="6" t="s">
        <v>4151</v>
      </c>
      <c r="B20329" s="6"/>
      <c r="C20329" s="6" t="s">
        <v>20365</v>
      </c>
      <c r="D20329" s="6"/>
      <c r="E20329" s="6" t="s">
        <v>9</v>
      </c>
      <c r="F20329" s="7">
        <v>38657</v>
      </c>
      <c r="G20329" s="8">
        <v>1</v>
      </c>
      <c r="H20329" s="8">
        <v>1</v>
      </c>
      <c r="I20329" s="8">
        <v>0</v>
      </c>
      <c r="J20329" s="8">
        <v>1</v>
      </c>
      <c r="K20329" s="9">
        <v>24</v>
      </c>
      <c r="L20329" s="6" t="s">
        <v>4151</v>
      </c>
    </row>
    <row r="20330" spans="1:12">
      <c r="A20330" s="6" t="s">
        <v>4151</v>
      </c>
      <c r="B20330" s="6"/>
      <c r="C20330" s="6" t="s">
        <v>20366</v>
      </c>
      <c r="D20330" s="6"/>
      <c r="E20330" s="6" t="s">
        <v>9</v>
      </c>
      <c r="F20330" s="7">
        <v>38657</v>
      </c>
      <c r="G20330" s="8">
        <v>1</v>
      </c>
      <c r="H20330" s="8">
        <v>1</v>
      </c>
      <c r="I20330" s="8">
        <v>0</v>
      </c>
      <c r="J20330" s="8">
        <v>1</v>
      </c>
      <c r="K20330" s="9">
        <v>39</v>
      </c>
      <c r="L20330" s="6" t="s">
        <v>4151</v>
      </c>
    </row>
    <row r="20331" spans="1:12">
      <c r="A20331" s="6" t="s">
        <v>4151</v>
      </c>
      <c r="B20331" s="6"/>
      <c r="C20331" s="6" t="s">
        <v>20367</v>
      </c>
      <c r="D20331" s="6"/>
      <c r="E20331" s="6" t="s">
        <v>9</v>
      </c>
      <c r="F20331" s="7">
        <v>38657</v>
      </c>
      <c r="G20331" s="8">
        <v>1</v>
      </c>
      <c r="H20331" s="8">
        <v>1</v>
      </c>
      <c r="I20331" s="8">
        <v>0</v>
      </c>
      <c r="J20331" s="8">
        <v>1</v>
      </c>
      <c r="K20331" s="9">
        <v>4.88</v>
      </c>
      <c r="L20331" s="6" t="s">
        <v>4151</v>
      </c>
    </row>
    <row r="20332" spans="1:12">
      <c r="A20332" s="6" t="s">
        <v>4151</v>
      </c>
      <c r="B20332" s="6"/>
      <c r="C20332" s="6" t="s">
        <v>20368</v>
      </c>
      <c r="D20332" s="6"/>
      <c r="E20332" s="6" t="s">
        <v>9</v>
      </c>
      <c r="F20332" s="7">
        <v>38657</v>
      </c>
      <c r="G20332" s="8">
        <v>1</v>
      </c>
      <c r="H20332" s="8">
        <v>1</v>
      </c>
      <c r="I20332" s="8">
        <v>0</v>
      </c>
      <c r="J20332" s="8">
        <v>1</v>
      </c>
      <c r="K20332" s="9">
        <v>27</v>
      </c>
      <c r="L20332" s="6" t="s">
        <v>4151</v>
      </c>
    </row>
    <row r="20333" spans="1:12">
      <c r="A20333" s="6" t="s">
        <v>4151</v>
      </c>
      <c r="B20333" s="6"/>
      <c r="C20333" s="6" t="s">
        <v>20369</v>
      </c>
      <c r="D20333" s="6"/>
      <c r="E20333" s="6" t="s">
        <v>9</v>
      </c>
      <c r="F20333" s="7">
        <v>38657</v>
      </c>
      <c r="G20333" s="8">
        <v>1</v>
      </c>
      <c r="H20333" s="8">
        <v>1</v>
      </c>
      <c r="I20333" s="8">
        <v>0</v>
      </c>
      <c r="J20333" s="8">
        <v>1</v>
      </c>
      <c r="K20333" s="9">
        <v>2.83</v>
      </c>
      <c r="L20333" s="6" t="s">
        <v>4151</v>
      </c>
    </row>
    <row r="20334" spans="1:12">
      <c r="A20334" s="6" t="s">
        <v>4151</v>
      </c>
      <c r="B20334" s="6"/>
      <c r="C20334" s="6" t="s">
        <v>20370</v>
      </c>
      <c r="D20334" s="6"/>
      <c r="E20334" s="6" t="s">
        <v>9</v>
      </c>
      <c r="F20334" s="7">
        <v>38657</v>
      </c>
      <c r="G20334" s="8">
        <v>1</v>
      </c>
      <c r="H20334" s="8">
        <v>1</v>
      </c>
      <c r="I20334" s="8">
        <v>0</v>
      </c>
      <c r="J20334" s="8">
        <v>1</v>
      </c>
      <c r="K20334" s="9">
        <v>40.54</v>
      </c>
      <c r="L20334" s="6" t="s">
        <v>4151</v>
      </c>
    </row>
    <row r="20335" spans="1:12">
      <c r="A20335" s="6" t="s">
        <v>4151</v>
      </c>
      <c r="B20335" s="6"/>
      <c r="C20335" s="6" t="s">
        <v>20371</v>
      </c>
      <c r="D20335" s="6"/>
      <c r="E20335" s="6" t="s">
        <v>9</v>
      </c>
      <c r="F20335" s="7">
        <v>38657</v>
      </c>
      <c r="G20335" s="8">
        <v>1</v>
      </c>
      <c r="H20335" s="8">
        <v>1</v>
      </c>
      <c r="I20335" s="8">
        <v>0</v>
      </c>
      <c r="J20335" s="8">
        <v>1</v>
      </c>
      <c r="K20335" s="9">
        <v>14.67</v>
      </c>
      <c r="L20335" s="6" t="s">
        <v>4151</v>
      </c>
    </row>
    <row r="20336" spans="1:12">
      <c r="A20336" s="6" t="s">
        <v>4151</v>
      </c>
      <c r="B20336" s="6"/>
      <c r="C20336" s="6" t="s">
        <v>20372</v>
      </c>
      <c r="D20336" s="6"/>
      <c r="E20336" s="6" t="s">
        <v>9</v>
      </c>
      <c r="F20336" s="7">
        <v>38657</v>
      </c>
      <c r="G20336" s="8">
        <v>1</v>
      </c>
      <c r="H20336" s="8">
        <v>1</v>
      </c>
      <c r="I20336" s="8">
        <v>0</v>
      </c>
      <c r="J20336" s="8">
        <v>1</v>
      </c>
      <c r="K20336" s="9">
        <v>2.8</v>
      </c>
      <c r="L20336" s="6" t="s">
        <v>4151</v>
      </c>
    </row>
    <row r="20337" spans="1:12">
      <c r="A20337" s="6" t="s">
        <v>4151</v>
      </c>
      <c r="B20337" s="6"/>
      <c r="C20337" s="6" t="s">
        <v>20373</v>
      </c>
      <c r="D20337" s="6"/>
      <c r="E20337" s="6" t="s">
        <v>9</v>
      </c>
      <c r="F20337" s="7">
        <v>38657</v>
      </c>
      <c r="G20337" s="8">
        <v>1</v>
      </c>
      <c r="H20337" s="8">
        <v>1</v>
      </c>
      <c r="I20337" s="8">
        <v>0</v>
      </c>
      <c r="J20337" s="8">
        <v>1</v>
      </c>
      <c r="K20337" s="9">
        <v>1.26</v>
      </c>
      <c r="L20337" s="6" t="s">
        <v>4151</v>
      </c>
    </row>
    <row r="20338" spans="1:12">
      <c r="A20338" s="6" t="s">
        <v>4151</v>
      </c>
      <c r="B20338" s="6"/>
      <c r="C20338" s="6" t="s">
        <v>20374</v>
      </c>
      <c r="D20338" s="6"/>
      <c r="E20338" s="6" t="s">
        <v>9</v>
      </c>
      <c r="F20338" s="7">
        <v>38657</v>
      </c>
      <c r="G20338" s="8">
        <v>1</v>
      </c>
      <c r="H20338" s="8">
        <v>1</v>
      </c>
      <c r="I20338" s="8">
        <v>0</v>
      </c>
      <c r="J20338" s="8">
        <v>1</v>
      </c>
      <c r="K20338" s="9">
        <v>4.3</v>
      </c>
      <c r="L20338" s="6" t="s">
        <v>4151</v>
      </c>
    </row>
    <row r="20339" spans="1:12">
      <c r="A20339" s="6" t="s">
        <v>4151</v>
      </c>
      <c r="B20339" s="6"/>
      <c r="C20339" s="6" t="s">
        <v>20375</v>
      </c>
      <c r="D20339" s="6"/>
      <c r="E20339" s="6" t="s">
        <v>9</v>
      </c>
      <c r="F20339" s="7">
        <v>38657</v>
      </c>
      <c r="G20339" s="8">
        <v>1</v>
      </c>
      <c r="H20339" s="8">
        <v>1</v>
      </c>
      <c r="I20339" s="8">
        <v>0</v>
      </c>
      <c r="J20339" s="8">
        <v>1</v>
      </c>
      <c r="K20339" s="9">
        <v>6.3</v>
      </c>
      <c r="L20339" s="6" t="s">
        <v>4151</v>
      </c>
    </row>
    <row r="20340" spans="1:12">
      <c r="A20340" s="6" t="s">
        <v>4151</v>
      </c>
      <c r="B20340" s="6"/>
      <c r="C20340" s="6" t="s">
        <v>20376</v>
      </c>
      <c r="D20340" s="6"/>
      <c r="E20340" s="6" t="s">
        <v>9</v>
      </c>
      <c r="F20340" s="7">
        <v>38657</v>
      </c>
      <c r="G20340" s="8">
        <v>1</v>
      </c>
      <c r="H20340" s="8">
        <v>1</v>
      </c>
      <c r="I20340" s="8">
        <v>0</v>
      </c>
      <c r="J20340" s="8">
        <v>1</v>
      </c>
      <c r="K20340" s="9">
        <v>4.9400000000000004</v>
      </c>
      <c r="L20340" s="6" t="s">
        <v>4151</v>
      </c>
    </row>
    <row r="20341" spans="1:12">
      <c r="A20341" s="6" t="s">
        <v>4151</v>
      </c>
      <c r="B20341" s="6"/>
      <c r="C20341" s="6" t="s">
        <v>20377</v>
      </c>
      <c r="D20341" s="6"/>
      <c r="E20341" s="6" t="s">
        <v>9</v>
      </c>
      <c r="F20341" s="7">
        <v>38657</v>
      </c>
      <c r="G20341" s="8">
        <v>1</v>
      </c>
      <c r="H20341" s="8">
        <v>1</v>
      </c>
      <c r="I20341" s="8">
        <v>0</v>
      </c>
      <c r="J20341" s="8">
        <v>1</v>
      </c>
      <c r="K20341" s="9">
        <v>16</v>
      </c>
      <c r="L20341" s="6" t="s">
        <v>4151</v>
      </c>
    </row>
    <row r="20342" spans="1:12">
      <c r="A20342" s="6" t="s">
        <v>4151</v>
      </c>
      <c r="B20342" s="6"/>
      <c r="C20342" s="6" t="s">
        <v>20378</v>
      </c>
      <c r="D20342" s="6"/>
      <c r="E20342" s="6" t="s">
        <v>9</v>
      </c>
      <c r="F20342" s="7">
        <v>38657</v>
      </c>
      <c r="G20342" s="8">
        <v>1</v>
      </c>
      <c r="H20342" s="8">
        <v>1</v>
      </c>
      <c r="I20342" s="8">
        <v>0</v>
      </c>
      <c r="J20342" s="8">
        <v>1</v>
      </c>
      <c r="K20342" s="9">
        <v>9.74</v>
      </c>
      <c r="L20342" s="6" t="s">
        <v>4151</v>
      </c>
    </row>
    <row r="20343" spans="1:12">
      <c r="A20343" s="6" t="s">
        <v>4151</v>
      </c>
      <c r="B20343" s="6"/>
      <c r="C20343" s="6" t="s">
        <v>20379</v>
      </c>
      <c r="D20343" s="6"/>
      <c r="E20343" s="6" t="s">
        <v>9</v>
      </c>
      <c r="F20343" s="7">
        <v>38657</v>
      </c>
      <c r="G20343" s="8">
        <v>1</v>
      </c>
      <c r="H20343" s="8">
        <v>1</v>
      </c>
      <c r="I20343" s="8">
        <v>0</v>
      </c>
      <c r="J20343" s="8">
        <v>1</v>
      </c>
      <c r="K20343" s="9">
        <v>1.97</v>
      </c>
      <c r="L20343" s="6" t="s">
        <v>4151</v>
      </c>
    </row>
    <row r="20344" spans="1:12">
      <c r="A20344" s="6" t="s">
        <v>4151</v>
      </c>
      <c r="B20344" s="6"/>
      <c r="C20344" s="6" t="s">
        <v>20380</v>
      </c>
      <c r="D20344" s="6"/>
      <c r="E20344" s="6" t="s">
        <v>9</v>
      </c>
      <c r="F20344" s="7">
        <v>38657</v>
      </c>
      <c r="G20344" s="8">
        <v>1</v>
      </c>
      <c r="H20344" s="8">
        <v>1</v>
      </c>
      <c r="I20344" s="8">
        <v>0</v>
      </c>
      <c r="J20344" s="8">
        <v>1</v>
      </c>
      <c r="K20344" s="9">
        <v>2.83</v>
      </c>
      <c r="L20344" s="6" t="s">
        <v>4151</v>
      </c>
    </row>
    <row r="20345" spans="1:12">
      <c r="A20345" s="6" t="s">
        <v>4151</v>
      </c>
      <c r="B20345" s="6"/>
      <c r="C20345" s="6" t="s">
        <v>20381</v>
      </c>
      <c r="D20345" s="6"/>
      <c r="E20345" s="6" t="s">
        <v>9</v>
      </c>
      <c r="F20345" s="7">
        <v>38657</v>
      </c>
      <c r="G20345" s="8">
        <v>1</v>
      </c>
      <c r="H20345" s="8">
        <v>1</v>
      </c>
      <c r="I20345" s="8">
        <v>0</v>
      </c>
      <c r="J20345" s="8">
        <v>1</v>
      </c>
      <c r="K20345" s="9">
        <v>6.62</v>
      </c>
      <c r="L20345" s="6" t="s">
        <v>4151</v>
      </c>
    </row>
    <row r="20346" spans="1:12">
      <c r="A20346" s="6" t="s">
        <v>4151</v>
      </c>
      <c r="B20346" s="6"/>
      <c r="C20346" s="6" t="s">
        <v>20382</v>
      </c>
      <c r="D20346" s="6"/>
      <c r="E20346" s="6" t="s">
        <v>9</v>
      </c>
      <c r="F20346" s="7">
        <v>38657</v>
      </c>
      <c r="G20346" s="8">
        <v>1</v>
      </c>
      <c r="H20346" s="8">
        <v>1</v>
      </c>
      <c r="I20346" s="8">
        <v>0</v>
      </c>
      <c r="J20346" s="8">
        <v>1</v>
      </c>
      <c r="K20346" s="9">
        <v>2.87</v>
      </c>
      <c r="L20346" s="6" t="s">
        <v>4151</v>
      </c>
    </row>
    <row r="20347" spans="1:12">
      <c r="A20347" s="6" t="s">
        <v>4151</v>
      </c>
      <c r="B20347" s="6"/>
      <c r="C20347" s="6" t="s">
        <v>20383</v>
      </c>
      <c r="D20347" s="6"/>
      <c r="E20347" s="6" t="s">
        <v>9</v>
      </c>
      <c r="F20347" s="7">
        <v>38657</v>
      </c>
      <c r="G20347" s="8">
        <v>1</v>
      </c>
      <c r="H20347" s="8">
        <v>1</v>
      </c>
      <c r="I20347" s="8">
        <v>0</v>
      </c>
      <c r="J20347" s="8">
        <v>1</v>
      </c>
      <c r="K20347" s="9">
        <v>6.39</v>
      </c>
      <c r="L20347" s="6" t="s">
        <v>4151</v>
      </c>
    </row>
    <row r="20348" spans="1:12">
      <c r="A20348" s="6" t="s">
        <v>4151</v>
      </c>
      <c r="B20348" s="6"/>
      <c r="C20348" s="6" t="s">
        <v>20384</v>
      </c>
      <c r="D20348" s="6"/>
      <c r="E20348" s="6" t="s">
        <v>9</v>
      </c>
      <c r="F20348" s="7">
        <v>38657</v>
      </c>
      <c r="G20348" s="8">
        <v>1</v>
      </c>
      <c r="H20348" s="8">
        <v>1</v>
      </c>
      <c r="I20348" s="8">
        <v>0</v>
      </c>
      <c r="J20348" s="8">
        <v>1</v>
      </c>
      <c r="K20348" s="9">
        <v>0.06</v>
      </c>
      <c r="L20348" s="6" t="s">
        <v>4151</v>
      </c>
    </row>
    <row r="20349" spans="1:12">
      <c r="A20349" s="6" t="s">
        <v>4151</v>
      </c>
      <c r="B20349" s="6"/>
      <c r="C20349" s="6" t="s">
        <v>20385</v>
      </c>
      <c r="D20349" s="6"/>
      <c r="E20349" s="6" t="s">
        <v>9</v>
      </c>
      <c r="F20349" s="7">
        <v>38657</v>
      </c>
      <c r="G20349" s="8">
        <v>1</v>
      </c>
      <c r="H20349" s="8">
        <v>1</v>
      </c>
      <c r="I20349" s="8">
        <v>0</v>
      </c>
      <c r="J20349" s="8">
        <v>1</v>
      </c>
      <c r="K20349" s="9">
        <v>0.38</v>
      </c>
      <c r="L20349" s="6" t="s">
        <v>4151</v>
      </c>
    </row>
    <row r="20350" spans="1:12">
      <c r="A20350" s="6" t="s">
        <v>4151</v>
      </c>
      <c r="B20350" s="6"/>
      <c r="C20350" s="6" t="s">
        <v>20386</v>
      </c>
      <c r="D20350" s="6"/>
      <c r="E20350" s="6" t="s">
        <v>9</v>
      </c>
      <c r="F20350" s="7">
        <v>38657</v>
      </c>
      <c r="G20350" s="8">
        <v>1</v>
      </c>
      <c r="H20350" s="8">
        <v>1</v>
      </c>
      <c r="I20350" s="8">
        <v>0</v>
      </c>
      <c r="J20350" s="8">
        <v>1</v>
      </c>
      <c r="K20350" s="9">
        <v>6.42</v>
      </c>
      <c r="L20350" s="6" t="s">
        <v>4151</v>
      </c>
    </row>
    <row r="20351" spans="1:12">
      <c r="A20351" s="6" t="s">
        <v>4151</v>
      </c>
      <c r="B20351" s="6"/>
      <c r="C20351" s="6" t="s">
        <v>20387</v>
      </c>
      <c r="D20351" s="6"/>
      <c r="E20351" s="6" t="s">
        <v>9</v>
      </c>
      <c r="F20351" s="7">
        <v>38657</v>
      </c>
      <c r="G20351" s="8">
        <v>1</v>
      </c>
      <c r="H20351" s="8">
        <v>1</v>
      </c>
      <c r="I20351" s="8">
        <v>0</v>
      </c>
      <c r="J20351" s="8">
        <v>1</v>
      </c>
      <c r="K20351" s="9">
        <v>4.3499999999999899</v>
      </c>
      <c r="L20351" s="6" t="s">
        <v>4151</v>
      </c>
    </row>
    <row r="20352" spans="1:12">
      <c r="A20352" s="6" t="s">
        <v>4151</v>
      </c>
      <c r="B20352" s="6"/>
      <c r="C20352" s="6" t="s">
        <v>20388</v>
      </c>
      <c r="D20352" s="6"/>
      <c r="E20352" s="6" t="s">
        <v>9</v>
      </c>
      <c r="F20352" s="7">
        <v>38657</v>
      </c>
      <c r="G20352" s="8">
        <v>1</v>
      </c>
      <c r="H20352" s="8">
        <v>1</v>
      </c>
      <c r="I20352" s="8">
        <v>0</v>
      </c>
      <c r="J20352" s="8">
        <v>1</v>
      </c>
      <c r="K20352" s="9">
        <v>16</v>
      </c>
      <c r="L20352" s="6" t="s">
        <v>4151</v>
      </c>
    </row>
    <row r="20353" spans="1:12">
      <c r="A20353" s="6" t="s">
        <v>4151</v>
      </c>
      <c r="B20353" s="6"/>
      <c r="C20353" s="6" t="s">
        <v>20389</v>
      </c>
      <c r="D20353" s="6"/>
      <c r="E20353" s="6" t="s">
        <v>9</v>
      </c>
      <c r="F20353" s="7">
        <v>38657</v>
      </c>
      <c r="G20353" s="8">
        <v>1</v>
      </c>
      <c r="H20353" s="8">
        <v>1</v>
      </c>
      <c r="I20353" s="8">
        <v>0</v>
      </c>
      <c r="J20353" s="8">
        <v>1</v>
      </c>
      <c r="K20353" s="9">
        <v>8.4499999999999904</v>
      </c>
      <c r="L20353" s="6" t="s">
        <v>4151</v>
      </c>
    </row>
    <row r="20354" spans="1:12">
      <c r="A20354" s="6" t="s">
        <v>4151</v>
      </c>
      <c r="B20354" s="6"/>
      <c r="C20354" s="6" t="s">
        <v>20390</v>
      </c>
      <c r="D20354" s="6"/>
      <c r="E20354" s="6" t="s">
        <v>9</v>
      </c>
      <c r="F20354" s="7">
        <v>38657</v>
      </c>
      <c r="G20354" s="8">
        <v>1</v>
      </c>
      <c r="H20354" s="8">
        <v>1</v>
      </c>
      <c r="I20354" s="8">
        <v>0</v>
      </c>
      <c r="J20354" s="8">
        <v>1</v>
      </c>
      <c r="K20354" s="9">
        <v>10</v>
      </c>
      <c r="L20354" s="6" t="s">
        <v>4151</v>
      </c>
    </row>
    <row r="20355" spans="1:12">
      <c r="A20355" s="6" t="s">
        <v>4151</v>
      </c>
      <c r="B20355" s="6"/>
      <c r="C20355" s="6" t="s">
        <v>20391</v>
      </c>
      <c r="D20355" s="6"/>
      <c r="E20355" s="6" t="s">
        <v>9</v>
      </c>
      <c r="F20355" s="7">
        <v>38657</v>
      </c>
      <c r="G20355" s="8">
        <v>1</v>
      </c>
      <c r="H20355" s="8">
        <v>1</v>
      </c>
      <c r="I20355" s="8">
        <v>0</v>
      </c>
      <c r="J20355" s="8">
        <v>1</v>
      </c>
      <c r="K20355" s="9">
        <v>8.1300000000000008</v>
      </c>
      <c r="L20355" s="6" t="s">
        <v>4151</v>
      </c>
    </row>
    <row r="20356" spans="1:12">
      <c r="A20356" s="6" t="s">
        <v>4151</v>
      </c>
      <c r="B20356" s="6"/>
      <c r="C20356" s="6" t="s">
        <v>20392</v>
      </c>
      <c r="D20356" s="6"/>
      <c r="E20356" s="6" t="s">
        <v>9</v>
      </c>
      <c r="F20356" s="7">
        <v>38657</v>
      </c>
      <c r="G20356" s="8">
        <v>1</v>
      </c>
      <c r="H20356" s="8">
        <v>1</v>
      </c>
      <c r="I20356" s="8">
        <v>0</v>
      </c>
      <c r="J20356" s="8">
        <v>1</v>
      </c>
      <c r="K20356" s="9">
        <v>1690</v>
      </c>
      <c r="L20356" s="6" t="s">
        <v>4151</v>
      </c>
    </row>
    <row r="20357" spans="1:12">
      <c r="A20357" s="6" t="s">
        <v>4151</v>
      </c>
      <c r="B20357" s="6"/>
      <c r="C20357" s="6" t="s">
        <v>20393</v>
      </c>
      <c r="D20357" s="6"/>
      <c r="E20357" s="6" t="s">
        <v>9</v>
      </c>
      <c r="F20357" s="7">
        <v>38657</v>
      </c>
      <c r="G20357" s="8">
        <v>1</v>
      </c>
      <c r="H20357" s="8">
        <v>1</v>
      </c>
      <c r="I20357" s="8">
        <v>0</v>
      </c>
      <c r="J20357" s="8">
        <v>1</v>
      </c>
      <c r="K20357" s="9">
        <v>4.8499999999999899</v>
      </c>
      <c r="L20357" s="6" t="s">
        <v>4151</v>
      </c>
    </row>
    <row r="20358" spans="1:12">
      <c r="A20358" s="6" t="s">
        <v>4151</v>
      </c>
      <c r="B20358" s="6"/>
      <c r="C20358" s="6" t="s">
        <v>20394</v>
      </c>
      <c r="D20358" s="6"/>
      <c r="E20358" s="6" t="s">
        <v>9</v>
      </c>
      <c r="F20358" s="7">
        <v>38657</v>
      </c>
      <c r="G20358" s="8">
        <v>1</v>
      </c>
      <c r="H20358" s="8">
        <v>1</v>
      </c>
      <c r="I20358" s="8">
        <v>0</v>
      </c>
      <c r="J20358" s="8">
        <v>1</v>
      </c>
      <c r="K20358" s="9">
        <v>1.88</v>
      </c>
      <c r="L20358" s="6" t="s">
        <v>4151</v>
      </c>
    </row>
    <row r="20359" spans="1:12">
      <c r="A20359" s="6" t="s">
        <v>4151</v>
      </c>
      <c r="B20359" s="6"/>
      <c r="C20359" s="6" t="s">
        <v>20395</v>
      </c>
      <c r="D20359" s="6"/>
      <c r="E20359" s="6" t="s">
        <v>9</v>
      </c>
      <c r="F20359" s="7">
        <v>38657</v>
      </c>
      <c r="G20359" s="8">
        <v>1</v>
      </c>
      <c r="H20359" s="8">
        <v>1</v>
      </c>
      <c r="I20359" s="8">
        <v>0</v>
      </c>
      <c r="J20359" s="8">
        <v>1</v>
      </c>
      <c r="K20359" s="9">
        <v>3.43</v>
      </c>
      <c r="L20359" s="6" t="s">
        <v>4151</v>
      </c>
    </row>
    <row r="20360" spans="1:12">
      <c r="A20360" s="6" t="s">
        <v>4151</v>
      </c>
      <c r="B20360" s="6"/>
      <c r="C20360" s="6" t="s">
        <v>20396</v>
      </c>
      <c r="D20360" s="6"/>
      <c r="E20360" s="6" t="s">
        <v>9</v>
      </c>
      <c r="F20360" s="7">
        <v>38657</v>
      </c>
      <c r="G20360" s="8">
        <v>1</v>
      </c>
      <c r="H20360" s="8">
        <v>1</v>
      </c>
      <c r="I20360" s="8">
        <v>0</v>
      </c>
      <c r="J20360" s="8">
        <v>1</v>
      </c>
      <c r="K20360" s="9">
        <v>16.02</v>
      </c>
      <c r="L20360" s="6" t="s">
        <v>4151</v>
      </c>
    </row>
    <row r="20361" spans="1:12">
      <c r="A20361" s="6" t="s">
        <v>4151</v>
      </c>
      <c r="B20361" s="6"/>
      <c r="C20361" s="6" t="s">
        <v>20397</v>
      </c>
      <c r="D20361" s="6"/>
      <c r="E20361" s="6" t="s">
        <v>9</v>
      </c>
      <c r="F20361" s="7">
        <v>38657</v>
      </c>
      <c r="G20361" s="8">
        <v>1</v>
      </c>
      <c r="H20361" s="8">
        <v>1</v>
      </c>
      <c r="I20361" s="8">
        <v>0</v>
      </c>
      <c r="J20361" s="8">
        <v>1</v>
      </c>
      <c r="K20361" s="9">
        <v>40.74</v>
      </c>
      <c r="L20361" s="6" t="s">
        <v>4151</v>
      </c>
    </row>
    <row r="20362" spans="1:12">
      <c r="A20362" s="6" t="s">
        <v>4151</v>
      </c>
      <c r="B20362" s="6"/>
      <c r="C20362" s="6" t="s">
        <v>20398</v>
      </c>
      <c r="D20362" s="6"/>
      <c r="E20362" s="6" t="s">
        <v>9</v>
      </c>
      <c r="F20362" s="7">
        <v>38657</v>
      </c>
      <c r="G20362" s="8">
        <v>1</v>
      </c>
      <c r="H20362" s="8">
        <v>1</v>
      </c>
      <c r="I20362" s="8">
        <v>0</v>
      </c>
      <c r="J20362" s="8">
        <v>1</v>
      </c>
      <c r="K20362" s="9">
        <v>64.39</v>
      </c>
      <c r="L20362" s="6" t="s">
        <v>4151</v>
      </c>
    </row>
    <row r="20363" spans="1:12">
      <c r="A20363" s="6" t="s">
        <v>4151</v>
      </c>
      <c r="B20363" s="6"/>
      <c r="C20363" s="6" t="s">
        <v>20399</v>
      </c>
      <c r="D20363" s="6"/>
      <c r="E20363" s="6" t="s">
        <v>9</v>
      </c>
      <c r="F20363" s="7">
        <v>38657</v>
      </c>
      <c r="G20363" s="8">
        <v>1</v>
      </c>
      <c r="H20363" s="8">
        <v>1</v>
      </c>
      <c r="I20363" s="8">
        <v>0</v>
      </c>
      <c r="J20363" s="8">
        <v>1</v>
      </c>
      <c r="K20363" s="9">
        <v>25.97</v>
      </c>
      <c r="L20363" s="6" t="s">
        <v>4151</v>
      </c>
    </row>
    <row r="20364" spans="1:12">
      <c r="A20364" s="6" t="s">
        <v>4151</v>
      </c>
      <c r="B20364" s="6"/>
      <c r="C20364" s="6" t="s">
        <v>20400</v>
      </c>
      <c r="D20364" s="6"/>
      <c r="E20364" s="6" t="s">
        <v>9</v>
      </c>
      <c r="F20364" s="7">
        <v>38657</v>
      </c>
      <c r="G20364" s="8">
        <v>1</v>
      </c>
      <c r="H20364" s="8">
        <v>1</v>
      </c>
      <c r="I20364" s="8">
        <v>0</v>
      </c>
      <c r="J20364" s="8">
        <v>1</v>
      </c>
      <c r="K20364" s="9">
        <v>42.38</v>
      </c>
      <c r="L20364" s="6" t="s">
        <v>4151</v>
      </c>
    </row>
    <row r="20365" spans="1:12">
      <c r="A20365" s="6" t="s">
        <v>4151</v>
      </c>
      <c r="B20365" s="6"/>
      <c r="C20365" s="6" t="s">
        <v>20401</v>
      </c>
      <c r="D20365" s="6"/>
      <c r="E20365" s="6" t="s">
        <v>9</v>
      </c>
      <c r="F20365" s="7">
        <v>38657</v>
      </c>
      <c r="G20365" s="8">
        <v>1</v>
      </c>
      <c r="H20365" s="8">
        <v>1</v>
      </c>
      <c r="I20365" s="8">
        <v>0</v>
      </c>
      <c r="J20365" s="8">
        <v>1</v>
      </c>
      <c r="K20365" s="9">
        <v>51</v>
      </c>
      <c r="L20365" s="6" t="s">
        <v>4151</v>
      </c>
    </row>
    <row r="20366" spans="1:12">
      <c r="A20366" s="6" t="s">
        <v>4151</v>
      </c>
      <c r="B20366" s="6"/>
      <c r="C20366" s="6" t="s">
        <v>20402</v>
      </c>
      <c r="D20366" s="6"/>
      <c r="E20366" s="6" t="s">
        <v>9</v>
      </c>
      <c r="F20366" s="7">
        <v>38657</v>
      </c>
      <c r="G20366" s="8">
        <v>1</v>
      </c>
      <c r="H20366" s="8">
        <v>1</v>
      </c>
      <c r="I20366" s="8">
        <v>0</v>
      </c>
      <c r="J20366" s="8">
        <v>1</v>
      </c>
      <c r="K20366" s="9">
        <v>4.74</v>
      </c>
      <c r="L20366" s="6" t="s">
        <v>4151</v>
      </c>
    </row>
    <row r="20367" spans="1:12">
      <c r="A20367" s="6" t="s">
        <v>4151</v>
      </c>
      <c r="B20367" s="6"/>
      <c r="C20367" s="6" t="s">
        <v>20403</v>
      </c>
      <c r="D20367" s="6"/>
      <c r="E20367" s="6" t="s">
        <v>9</v>
      </c>
      <c r="F20367" s="7">
        <v>38657</v>
      </c>
      <c r="G20367" s="8">
        <v>1</v>
      </c>
      <c r="H20367" s="8">
        <v>1</v>
      </c>
      <c r="I20367" s="8">
        <v>0</v>
      </c>
      <c r="J20367" s="8">
        <v>1</v>
      </c>
      <c r="K20367" s="9">
        <v>5.31</v>
      </c>
      <c r="L20367" s="6" t="s">
        <v>4151</v>
      </c>
    </row>
    <row r="20368" spans="1:12">
      <c r="A20368" s="6" t="s">
        <v>4151</v>
      </c>
      <c r="B20368" s="6"/>
      <c r="C20368" s="6" t="s">
        <v>20404</v>
      </c>
      <c r="D20368" s="6"/>
      <c r="E20368" s="6" t="s">
        <v>9</v>
      </c>
      <c r="F20368" s="7">
        <v>38657</v>
      </c>
      <c r="G20368" s="8">
        <v>1</v>
      </c>
      <c r="H20368" s="8">
        <v>1</v>
      </c>
      <c r="I20368" s="8">
        <v>0</v>
      </c>
      <c r="J20368" s="8">
        <v>1</v>
      </c>
      <c r="K20368" s="9">
        <v>37</v>
      </c>
      <c r="L20368" s="6" t="s">
        <v>4151</v>
      </c>
    </row>
    <row r="20369" spans="1:12">
      <c r="A20369" s="6" t="s">
        <v>4151</v>
      </c>
      <c r="B20369" s="6"/>
      <c r="C20369" s="6" t="s">
        <v>20405</v>
      </c>
      <c r="D20369" s="6"/>
      <c r="E20369" s="6" t="s">
        <v>9</v>
      </c>
      <c r="F20369" s="7">
        <v>38657</v>
      </c>
      <c r="G20369" s="8">
        <v>1</v>
      </c>
      <c r="H20369" s="8">
        <v>1</v>
      </c>
      <c r="I20369" s="8">
        <v>0</v>
      </c>
      <c r="J20369" s="8">
        <v>1</v>
      </c>
      <c r="K20369" s="9">
        <v>39</v>
      </c>
      <c r="L20369" s="6" t="s">
        <v>4151</v>
      </c>
    </row>
    <row r="20370" spans="1:12">
      <c r="A20370" s="6" t="s">
        <v>4151</v>
      </c>
      <c r="B20370" s="6"/>
      <c r="C20370" s="6" t="s">
        <v>20406</v>
      </c>
      <c r="D20370" s="6"/>
      <c r="E20370" s="6" t="s">
        <v>9</v>
      </c>
      <c r="F20370" s="7">
        <v>38657</v>
      </c>
      <c r="G20370" s="8">
        <v>1</v>
      </c>
      <c r="H20370" s="8">
        <v>1</v>
      </c>
      <c r="I20370" s="8">
        <v>0</v>
      </c>
      <c r="J20370" s="8">
        <v>1</v>
      </c>
      <c r="K20370" s="9">
        <v>4.33</v>
      </c>
      <c r="L20370" s="6" t="s">
        <v>4151</v>
      </c>
    </row>
    <row r="20371" spans="1:12">
      <c r="A20371" s="6" t="s">
        <v>4151</v>
      </c>
      <c r="B20371" s="6"/>
      <c r="C20371" s="6" t="s">
        <v>20407</v>
      </c>
      <c r="D20371" s="6"/>
      <c r="E20371" s="6" t="s">
        <v>9</v>
      </c>
      <c r="F20371" s="7">
        <v>38657</v>
      </c>
      <c r="G20371" s="8">
        <v>1</v>
      </c>
      <c r="H20371" s="8">
        <v>1</v>
      </c>
      <c r="I20371" s="8">
        <v>0</v>
      </c>
      <c r="J20371" s="8">
        <v>1</v>
      </c>
      <c r="K20371" s="9">
        <v>1.96</v>
      </c>
      <c r="L20371" s="6" t="s">
        <v>4151</v>
      </c>
    </row>
    <row r="20372" spans="1:12">
      <c r="A20372" s="6" t="s">
        <v>4151</v>
      </c>
      <c r="B20372" s="6"/>
      <c r="C20372" s="6" t="s">
        <v>20408</v>
      </c>
      <c r="D20372" s="6"/>
      <c r="E20372" s="6" t="s">
        <v>9</v>
      </c>
      <c r="F20372" s="7">
        <v>38657</v>
      </c>
      <c r="G20372" s="8">
        <v>1</v>
      </c>
      <c r="H20372" s="8">
        <v>1</v>
      </c>
      <c r="I20372" s="8">
        <v>0</v>
      </c>
      <c r="J20372" s="8">
        <v>1</v>
      </c>
      <c r="K20372" s="9">
        <v>9.81</v>
      </c>
      <c r="L20372" s="6" t="s">
        <v>4151</v>
      </c>
    </row>
    <row r="20373" spans="1:12">
      <c r="A20373" s="6" t="s">
        <v>4151</v>
      </c>
      <c r="B20373" s="6"/>
      <c r="C20373" s="6" t="s">
        <v>20409</v>
      </c>
      <c r="D20373" s="6"/>
      <c r="E20373" s="6" t="s">
        <v>9</v>
      </c>
      <c r="F20373" s="7">
        <v>38657</v>
      </c>
      <c r="G20373" s="8">
        <v>1</v>
      </c>
      <c r="H20373" s="8">
        <v>1</v>
      </c>
      <c r="I20373" s="8">
        <v>0</v>
      </c>
      <c r="J20373" s="8">
        <v>1</v>
      </c>
      <c r="K20373" s="9">
        <v>9.81</v>
      </c>
      <c r="L20373" s="6" t="s">
        <v>4151</v>
      </c>
    </row>
    <row r="20374" spans="1:12">
      <c r="A20374" s="6" t="s">
        <v>4151</v>
      </c>
      <c r="B20374" s="6"/>
      <c r="C20374" s="6" t="s">
        <v>20410</v>
      </c>
      <c r="D20374" s="6"/>
      <c r="E20374" s="6" t="s">
        <v>9</v>
      </c>
      <c r="F20374" s="7">
        <v>38657</v>
      </c>
      <c r="G20374" s="8">
        <v>1</v>
      </c>
      <c r="H20374" s="8">
        <v>1</v>
      </c>
      <c r="I20374" s="8">
        <v>0</v>
      </c>
      <c r="J20374" s="8">
        <v>1</v>
      </c>
      <c r="K20374" s="9">
        <v>27</v>
      </c>
      <c r="L20374" s="6" t="s">
        <v>4151</v>
      </c>
    </row>
    <row r="20375" spans="1:12">
      <c r="A20375" s="6" t="s">
        <v>4151</v>
      </c>
      <c r="B20375" s="6"/>
      <c r="C20375" s="6" t="s">
        <v>20411</v>
      </c>
      <c r="D20375" s="6"/>
      <c r="E20375" s="6" t="s">
        <v>9</v>
      </c>
      <c r="F20375" s="7">
        <v>38657</v>
      </c>
      <c r="G20375" s="8">
        <v>1</v>
      </c>
      <c r="H20375" s="8">
        <v>1</v>
      </c>
      <c r="I20375" s="8">
        <v>0</v>
      </c>
      <c r="J20375" s="8">
        <v>1</v>
      </c>
      <c r="K20375" s="9">
        <v>27</v>
      </c>
      <c r="L20375" s="6" t="s">
        <v>4151</v>
      </c>
    </row>
    <row r="20376" spans="1:12">
      <c r="A20376" s="6" t="s">
        <v>4151</v>
      </c>
      <c r="B20376" s="6"/>
      <c r="C20376" s="6" t="s">
        <v>20412</v>
      </c>
      <c r="D20376" s="6"/>
      <c r="E20376" s="6" t="s">
        <v>9</v>
      </c>
      <c r="F20376" s="7">
        <v>38657</v>
      </c>
      <c r="G20376" s="8">
        <v>1</v>
      </c>
      <c r="H20376" s="8">
        <v>1</v>
      </c>
      <c r="I20376" s="8">
        <v>0</v>
      </c>
      <c r="J20376" s="8">
        <v>1</v>
      </c>
      <c r="K20376" s="9">
        <v>19</v>
      </c>
      <c r="L20376" s="6" t="s">
        <v>4151</v>
      </c>
    </row>
    <row r="20377" spans="1:12">
      <c r="A20377" s="6" t="s">
        <v>4151</v>
      </c>
      <c r="B20377" s="6"/>
      <c r="C20377" s="6" t="s">
        <v>20413</v>
      </c>
      <c r="D20377" s="6"/>
      <c r="E20377" s="6" t="s">
        <v>9</v>
      </c>
      <c r="F20377" s="7">
        <v>38657</v>
      </c>
      <c r="G20377" s="8">
        <v>1</v>
      </c>
      <c r="H20377" s="8">
        <v>1</v>
      </c>
      <c r="I20377" s="8">
        <v>0</v>
      </c>
      <c r="J20377" s="8">
        <v>1</v>
      </c>
      <c r="K20377" s="9">
        <v>4.0199999999999898</v>
      </c>
      <c r="L20377" s="6" t="s">
        <v>4151</v>
      </c>
    </row>
    <row r="20378" spans="1:12">
      <c r="A20378" s="6" t="s">
        <v>4151</v>
      </c>
      <c r="B20378" s="6"/>
      <c r="C20378" s="6" t="s">
        <v>20414</v>
      </c>
      <c r="D20378" s="6"/>
      <c r="E20378" s="6" t="s">
        <v>9</v>
      </c>
      <c r="F20378" s="7">
        <v>38657</v>
      </c>
      <c r="G20378" s="8">
        <v>1</v>
      </c>
      <c r="H20378" s="8">
        <v>1</v>
      </c>
      <c r="I20378" s="8">
        <v>0</v>
      </c>
      <c r="J20378" s="8">
        <v>1</v>
      </c>
      <c r="K20378" s="9">
        <v>12</v>
      </c>
      <c r="L20378" s="6" t="s">
        <v>4151</v>
      </c>
    </row>
    <row r="20379" spans="1:12">
      <c r="A20379" s="6" t="s">
        <v>4151</v>
      </c>
      <c r="B20379" s="6"/>
      <c r="C20379" s="6" t="s">
        <v>20415</v>
      </c>
      <c r="D20379" s="6"/>
      <c r="E20379" s="6" t="s">
        <v>9</v>
      </c>
      <c r="F20379" s="7">
        <v>38657</v>
      </c>
      <c r="G20379" s="8">
        <v>1</v>
      </c>
      <c r="H20379" s="8">
        <v>1</v>
      </c>
      <c r="I20379" s="8">
        <v>0</v>
      </c>
      <c r="J20379" s="8">
        <v>1</v>
      </c>
      <c r="K20379" s="9">
        <v>10</v>
      </c>
      <c r="L20379" s="6" t="s">
        <v>4151</v>
      </c>
    </row>
    <row r="20380" spans="1:12">
      <c r="A20380" s="6" t="s">
        <v>4151</v>
      </c>
      <c r="B20380" s="6"/>
      <c r="C20380" s="6" t="s">
        <v>20416</v>
      </c>
      <c r="D20380" s="6"/>
      <c r="E20380" s="6" t="s">
        <v>9</v>
      </c>
      <c r="F20380" s="7">
        <v>38657</v>
      </c>
      <c r="G20380" s="8">
        <v>1</v>
      </c>
      <c r="H20380" s="8">
        <v>1</v>
      </c>
      <c r="I20380" s="8">
        <v>0</v>
      </c>
      <c r="J20380" s="8">
        <v>1</v>
      </c>
      <c r="K20380" s="9">
        <v>6.37</v>
      </c>
      <c r="L20380" s="6" t="s">
        <v>4151</v>
      </c>
    </row>
    <row r="20381" spans="1:12">
      <c r="A20381" s="6" t="s">
        <v>4151</v>
      </c>
      <c r="B20381" s="6"/>
      <c r="C20381" s="6" t="s">
        <v>20417</v>
      </c>
      <c r="D20381" s="6"/>
      <c r="E20381" s="6" t="s">
        <v>9</v>
      </c>
      <c r="F20381" s="7">
        <v>38657</v>
      </c>
      <c r="G20381" s="8">
        <v>1</v>
      </c>
      <c r="H20381" s="8">
        <v>1</v>
      </c>
      <c r="I20381" s="8">
        <v>0</v>
      </c>
      <c r="J20381" s="8">
        <v>1</v>
      </c>
      <c r="K20381" s="9">
        <v>18</v>
      </c>
      <c r="L20381" s="6" t="s">
        <v>4151</v>
      </c>
    </row>
    <row r="20382" spans="1:12">
      <c r="A20382" s="6" t="s">
        <v>4151</v>
      </c>
      <c r="B20382" s="6"/>
      <c r="C20382" s="6" t="s">
        <v>20418</v>
      </c>
      <c r="D20382" s="6"/>
      <c r="E20382" s="6" t="s">
        <v>9</v>
      </c>
      <c r="F20382" s="7">
        <v>38657</v>
      </c>
      <c r="G20382" s="8">
        <v>1</v>
      </c>
      <c r="H20382" s="8">
        <v>1</v>
      </c>
      <c r="I20382" s="8">
        <v>0</v>
      </c>
      <c r="J20382" s="8">
        <v>1</v>
      </c>
      <c r="K20382" s="9">
        <v>7.63</v>
      </c>
      <c r="L20382" s="6" t="s">
        <v>4151</v>
      </c>
    </row>
    <row r="20383" spans="1:12">
      <c r="A20383" s="6" t="s">
        <v>4151</v>
      </c>
      <c r="B20383" s="6"/>
      <c r="C20383" s="6" t="s">
        <v>20419</v>
      </c>
      <c r="D20383" s="6"/>
      <c r="E20383" s="6" t="s">
        <v>9</v>
      </c>
      <c r="F20383" s="7">
        <v>38657</v>
      </c>
      <c r="G20383" s="8">
        <v>1</v>
      </c>
      <c r="H20383" s="8">
        <v>1</v>
      </c>
      <c r="I20383" s="8">
        <v>0</v>
      </c>
      <c r="J20383" s="8">
        <v>1</v>
      </c>
      <c r="K20383" s="9">
        <v>10</v>
      </c>
      <c r="L20383" s="6" t="s">
        <v>4151</v>
      </c>
    </row>
    <row r="20384" spans="1:12">
      <c r="A20384" s="6" t="s">
        <v>4151</v>
      </c>
      <c r="B20384" s="6"/>
      <c r="C20384" s="6" t="s">
        <v>20420</v>
      </c>
      <c r="D20384" s="6"/>
      <c r="E20384" s="6" t="s">
        <v>9</v>
      </c>
      <c r="F20384" s="7">
        <v>38657</v>
      </c>
      <c r="G20384" s="8">
        <v>1</v>
      </c>
      <c r="H20384" s="8">
        <v>1</v>
      </c>
      <c r="I20384" s="8">
        <v>0</v>
      </c>
      <c r="J20384" s="8">
        <v>1</v>
      </c>
      <c r="K20384" s="9">
        <v>18</v>
      </c>
      <c r="L20384" s="6" t="s">
        <v>4151</v>
      </c>
    </row>
    <row r="20385" spans="1:12">
      <c r="A20385" s="6" t="s">
        <v>4151</v>
      </c>
      <c r="B20385" s="6"/>
      <c r="C20385" s="6" t="s">
        <v>20421</v>
      </c>
      <c r="D20385" s="6"/>
      <c r="E20385" s="6" t="s">
        <v>9</v>
      </c>
      <c r="F20385" s="7">
        <v>38657</v>
      </c>
      <c r="G20385" s="8">
        <v>1</v>
      </c>
      <c r="H20385" s="8">
        <v>1</v>
      </c>
      <c r="I20385" s="8">
        <v>0</v>
      </c>
      <c r="J20385" s="8">
        <v>1</v>
      </c>
      <c r="K20385" s="9">
        <v>18</v>
      </c>
      <c r="L20385" s="6" t="s">
        <v>4151</v>
      </c>
    </row>
    <row r="20386" spans="1:12">
      <c r="A20386" s="6" t="s">
        <v>4151</v>
      </c>
      <c r="B20386" s="6"/>
      <c r="C20386" s="6" t="s">
        <v>20422</v>
      </c>
      <c r="D20386" s="6"/>
      <c r="E20386" s="6" t="s">
        <v>9</v>
      </c>
      <c r="F20386" s="7">
        <v>38657</v>
      </c>
      <c r="G20386" s="8">
        <v>1</v>
      </c>
      <c r="H20386" s="8">
        <v>1</v>
      </c>
      <c r="I20386" s="8">
        <v>0</v>
      </c>
      <c r="J20386" s="8">
        <v>1</v>
      </c>
      <c r="K20386" s="9">
        <v>12</v>
      </c>
      <c r="L20386" s="6" t="s">
        <v>4151</v>
      </c>
    </row>
    <row r="20387" spans="1:12">
      <c r="A20387" s="6" t="s">
        <v>4151</v>
      </c>
      <c r="B20387" s="6"/>
      <c r="C20387" s="6" t="s">
        <v>20423</v>
      </c>
      <c r="D20387" s="6"/>
      <c r="E20387" s="6" t="s">
        <v>9</v>
      </c>
      <c r="F20387" s="7">
        <v>38657</v>
      </c>
      <c r="G20387" s="8">
        <v>1</v>
      </c>
      <c r="H20387" s="8">
        <v>1</v>
      </c>
      <c r="I20387" s="8">
        <v>0</v>
      </c>
      <c r="J20387" s="8">
        <v>1</v>
      </c>
      <c r="K20387" s="9">
        <v>9.43</v>
      </c>
      <c r="L20387" s="6" t="s">
        <v>4151</v>
      </c>
    </row>
    <row r="20388" spans="1:12">
      <c r="A20388" s="6" t="s">
        <v>4151</v>
      </c>
      <c r="B20388" s="6"/>
      <c r="C20388" s="6" t="s">
        <v>20424</v>
      </c>
      <c r="D20388" s="6"/>
      <c r="E20388" s="6" t="s">
        <v>9</v>
      </c>
      <c r="F20388" s="7">
        <v>38657</v>
      </c>
      <c r="G20388" s="8">
        <v>1</v>
      </c>
      <c r="H20388" s="8">
        <v>1</v>
      </c>
      <c r="I20388" s="8">
        <v>0</v>
      </c>
      <c r="J20388" s="8">
        <v>1</v>
      </c>
      <c r="K20388" s="9">
        <v>0.31</v>
      </c>
      <c r="L20388" s="6" t="s">
        <v>4151</v>
      </c>
    </row>
    <row r="20389" spans="1:12">
      <c r="A20389" s="6" t="s">
        <v>4151</v>
      </c>
      <c r="B20389" s="6"/>
      <c r="C20389" s="6" t="s">
        <v>20425</v>
      </c>
      <c r="D20389" s="6"/>
      <c r="E20389" s="6" t="s">
        <v>9</v>
      </c>
      <c r="F20389" s="7">
        <v>38657</v>
      </c>
      <c r="G20389" s="8">
        <v>1</v>
      </c>
      <c r="H20389" s="8">
        <v>1</v>
      </c>
      <c r="I20389" s="8">
        <v>0</v>
      </c>
      <c r="J20389" s="8">
        <v>1</v>
      </c>
      <c r="K20389" s="9">
        <v>18</v>
      </c>
      <c r="L20389" s="6" t="s">
        <v>4151</v>
      </c>
    </row>
    <row r="20390" spans="1:12">
      <c r="A20390" s="6" t="s">
        <v>4151</v>
      </c>
      <c r="B20390" s="6"/>
      <c r="C20390" s="6" t="s">
        <v>20426</v>
      </c>
      <c r="D20390" s="6"/>
      <c r="E20390" s="6" t="s">
        <v>9</v>
      </c>
      <c r="F20390" s="7">
        <v>38657</v>
      </c>
      <c r="G20390" s="8">
        <v>1</v>
      </c>
      <c r="H20390" s="8">
        <v>1</v>
      </c>
      <c r="I20390" s="8">
        <v>0</v>
      </c>
      <c r="J20390" s="8">
        <v>1</v>
      </c>
      <c r="K20390" s="9">
        <v>29</v>
      </c>
      <c r="L20390" s="6" t="s">
        <v>4151</v>
      </c>
    </row>
    <row r="20391" spans="1:12">
      <c r="A20391" s="6" t="s">
        <v>4151</v>
      </c>
      <c r="B20391" s="6"/>
      <c r="C20391" s="6" t="s">
        <v>20427</v>
      </c>
      <c r="D20391" s="6"/>
      <c r="E20391" s="6" t="s">
        <v>9</v>
      </c>
      <c r="F20391" s="7">
        <v>38657</v>
      </c>
      <c r="G20391" s="8">
        <v>1</v>
      </c>
      <c r="H20391" s="8">
        <v>1</v>
      </c>
      <c r="I20391" s="8">
        <v>0</v>
      </c>
      <c r="J20391" s="8">
        <v>1</v>
      </c>
      <c r="K20391" s="9">
        <v>10</v>
      </c>
      <c r="L20391" s="6" t="s">
        <v>4151</v>
      </c>
    </row>
    <row r="20392" spans="1:12">
      <c r="A20392" s="6" t="s">
        <v>4151</v>
      </c>
      <c r="B20392" s="6"/>
      <c r="C20392" s="6" t="s">
        <v>20428</v>
      </c>
      <c r="D20392" s="6"/>
      <c r="E20392" s="6" t="s">
        <v>9</v>
      </c>
      <c r="F20392" s="7">
        <v>38657</v>
      </c>
      <c r="G20392" s="8">
        <v>1</v>
      </c>
      <c r="H20392" s="8">
        <v>1</v>
      </c>
      <c r="I20392" s="8">
        <v>0</v>
      </c>
      <c r="J20392" s="8">
        <v>1</v>
      </c>
      <c r="K20392" s="9">
        <v>20</v>
      </c>
      <c r="L20392" s="6" t="s">
        <v>4151</v>
      </c>
    </row>
    <row r="20393" spans="1:12">
      <c r="A20393" s="6" t="s">
        <v>4151</v>
      </c>
      <c r="B20393" s="6"/>
      <c r="C20393" s="6" t="s">
        <v>20429</v>
      </c>
      <c r="D20393" s="6"/>
      <c r="E20393" s="6" t="s">
        <v>9</v>
      </c>
      <c r="F20393" s="7">
        <v>38657</v>
      </c>
      <c r="G20393" s="8">
        <v>1</v>
      </c>
      <c r="H20393" s="8">
        <v>1</v>
      </c>
      <c r="I20393" s="8">
        <v>0</v>
      </c>
      <c r="J20393" s="8">
        <v>1</v>
      </c>
      <c r="K20393" s="9">
        <v>15</v>
      </c>
      <c r="L20393" s="6" t="s">
        <v>4151</v>
      </c>
    </row>
    <row r="20394" spans="1:12">
      <c r="A20394" s="6" t="s">
        <v>4151</v>
      </c>
      <c r="B20394" s="6"/>
      <c r="C20394" s="6" t="s">
        <v>20430</v>
      </c>
      <c r="D20394" s="6"/>
      <c r="E20394" s="6" t="s">
        <v>9</v>
      </c>
      <c r="F20394" s="7">
        <v>38657</v>
      </c>
      <c r="G20394" s="8">
        <v>1</v>
      </c>
      <c r="H20394" s="8">
        <v>1</v>
      </c>
      <c r="I20394" s="8">
        <v>0</v>
      </c>
      <c r="J20394" s="8">
        <v>1</v>
      </c>
      <c r="K20394" s="9">
        <v>6.21</v>
      </c>
      <c r="L20394" s="6" t="s">
        <v>4151</v>
      </c>
    </row>
    <row r="20395" spans="1:12">
      <c r="A20395" s="6" t="s">
        <v>4151</v>
      </c>
      <c r="B20395" s="6"/>
      <c r="C20395" s="6" t="s">
        <v>20431</v>
      </c>
      <c r="D20395" s="6"/>
      <c r="E20395" s="6" t="s">
        <v>9</v>
      </c>
      <c r="F20395" s="7">
        <v>38657</v>
      </c>
      <c r="G20395" s="8">
        <v>1</v>
      </c>
      <c r="H20395" s="8">
        <v>1</v>
      </c>
      <c r="I20395" s="8">
        <v>0</v>
      </c>
      <c r="J20395" s="8">
        <v>1</v>
      </c>
      <c r="K20395" s="9">
        <v>12</v>
      </c>
      <c r="L20395" s="6" t="s">
        <v>4151</v>
      </c>
    </row>
    <row r="20396" spans="1:12">
      <c r="A20396" s="6" t="s">
        <v>4151</v>
      </c>
      <c r="B20396" s="6"/>
      <c r="C20396" s="6" t="s">
        <v>20432</v>
      </c>
      <c r="D20396" s="6"/>
      <c r="E20396" s="6" t="s">
        <v>9</v>
      </c>
      <c r="F20396" s="7">
        <v>38657</v>
      </c>
      <c r="G20396" s="8">
        <v>1</v>
      </c>
      <c r="H20396" s="8">
        <v>1</v>
      </c>
      <c r="I20396" s="8">
        <v>0</v>
      </c>
      <c r="J20396" s="8">
        <v>1</v>
      </c>
      <c r="K20396" s="9">
        <v>6</v>
      </c>
      <c r="L20396" s="6" t="s">
        <v>4151</v>
      </c>
    </row>
    <row r="20397" spans="1:12">
      <c r="A20397" s="6" t="s">
        <v>4151</v>
      </c>
      <c r="B20397" s="6"/>
      <c r="C20397" s="6" t="s">
        <v>20433</v>
      </c>
      <c r="D20397" s="6"/>
      <c r="E20397" s="6" t="s">
        <v>9</v>
      </c>
      <c r="F20397" s="7">
        <v>38657</v>
      </c>
      <c r="G20397" s="8">
        <v>1</v>
      </c>
      <c r="H20397" s="8">
        <v>1</v>
      </c>
      <c r="I20397" s="8">
        <v>0</v>
      </c>
      <c r="J20397" s="8">
        <v>1</v>
      </c>
      <c r="K20397" s="9">
        <v>20</v>
      </c>
      <c r="L20397" s="6" t="s">
        <v>4151</v>
      </c>
    </row>
    <row r="20398" spans="1:12">
      <c r="A20398" s="6" t="s">
        <v>4151</v>
      </c>
      <c r="B20398" s="6"/>
      <c r="C20398" s="6" t="s">
        <v>20434</v>
      </c>
      <c r="D20398" s="6"/>
      <c r="E20398" s="6" t="s">
        <v>9</v>
      </c>
      <c r="F20398" s="7">
        <v>38657</v>
      </c>
      <c r="G20398" s="8">
        <v>1</v>
      </c>
      <c r="H20398" s="8">
        <v>1</v>
      </c>
      <c r="I20398" s="8">
        <v>0</v>
      </c>
      <c r="J20398" s="8">
        <v>1</v>
      </c>
      <c r="K20398" s="9">
        <v>15</v>
      </c>
      <c r="L20398" s="6" t="s">
        <v>4151</v>
      </c>
    </row>
    <row r="20399" spans="1:12">
      <c r="A20399" s="6" t="s">
        <v>4151</v>
      </c>
      <c r="B20399" s="6"/>
      <c r="C20399" s="6" t="s">
        <v>20435</v>
      </c>
      <c r="D20399" s="6"/>
      <c r="E20399" s="6" t="s">
        <v>9</v>
      </c>
      <c r="F20399" s="7">
        <v>38657</v>
      </c>
      <c r="G20399" s="8">
        <v>1</v>
      </c>
      <c r="H20399" s="8">
        <v>1</v>
      </c>
      <c r="I20399" s="8">
        <v>0</v>
      </c>
      <c r="J20399" s="8">
        <v>1</v>
      </c>
      <c r="K20399" s="9">
        <v>3.3</v>
      </c>
      <c r="L20399" s="6" t="s">
        <v>4151</v>
      </c>
    </row>
    <row r="20400" spans="1:12">
      <c r="A20400" s="6" t="s">
        <v>4151</v>
      </c>
      <c r="B20400" s="6"/>
      <c r="C20400" s="6" t="s">
        <v>20436</v>
      </c>
      <c r="D20400" s="6"/>
      <c r="E20400" s="6" t="s">
        <v>9</v>
      </c>
      <c r="F20400" s="7">
        <v>38657</v>
      </c>
      <c r="G20400" s="8">
        <v>1</v>
      </c>
      <c r="H20400" s="8">
        <v>1</v>
      </c>
      <c r="I20400" s="8">
        <v>0</v>
      </c>
      <c r="J20400" s="8">
        <v>1</v>
      </c>
      <c r="K20400" s="9">
        <v>83</v>
      </c>
      <c r="L20400" s="6" t="s">
        <v>4151</v>
      </c>
    </row>
    <row r="20401" spans="1:12">
      <c r="A20401" s="6" t="s">
        <v>4151</v>
      </c>
      <c r="B20401" s="6"/>
      <c r="C20401" s="6" t="s">
        <v>20437</v>
      </c>
      <c r="D20401" s="6"/>
      <c r="E20401" s="6" t="s">
        <v>9</v>
      </c>
      <c r="F20401" s="7">
        <v>38657</v>
      </c>
      <c r="G20401" s="8">
        <v>1</v>
      </c>
      <c r="H20401" s="8">
        <v>1</v>
      </c>
      <c r="I20401" s="8">
        <v>0</v>
      </c>
      <c r="J20401" s="8">
        <v>1</v>
      </c>
      <c r="K20401" s="9">
        <v>8.18</v>
      </c>
      <c r="L20401" s="6" t="s">
        <v>4151</v>
      </c>
    </row>
    <row r="20402" spans="1:12">
      <c r="A20402" s="6" t="s">
        <v>4151</v>
      </c>
      <c r="B20402" s="6"/>
      <c r="C20402" s="6" t="s">
        <v>20438</v>
      </c>
      <c r="D20402" s="6"/>
      <c r="E20402" s="6" t="s">
        <v>9</v>
      </c>
      <c r="F20402" s="7">
        <v>38657</v>
      </c>
      <c r="G20402" s="8">
        <v>1</v>
      </c>
      <c r="H20402" s="8">
        <v>1</v>
      </c>
      <c r="I20402" s="8">
        <v>0</v>
      </c>
      <c r="J20402" s="8">
        <v>1</v>
      </c>
      <c r="K20402" s="9">
        <v>0.82</v>
      </c>
      <c r="L20402" s="6" t="s">
        <v>4151</v>
      </c>
    </row>
    <row r="20403" spans="1:12">
      <c r="A20403" s="6" t="s">
        <v>4151</v>
      </c>
      <c r="B20403" s="6"/>
      <c r="C20403" s="6" t="s">
        <v>20439</v>
      </c>
      <c r="D20403" s="6"/>
      <c r="E20403" s="6" t="s">
        <v>9</v>
      </c>
      <c r="F20403" s="7">
        <v>38657</v>
      </c>
      <c r="G20403" s="8">
        <v>1</v>
      </c>
      <c r="H20403" s="8">
        <v>1</v>
      </c>
      <c r="I20403" s="8">
        <v>0</v>
      </c>
      <c r="J20403" s="8">
        <v>1</v>
      </c>
      <c r="K20403" s="9">
        <v>16</v>
      </c>
      <c r="L20403" s="6" t="s">
        <v>4151</v>
      </c>
    </row>
    <row r="20404" spans="1:12">
      <c r="A20404" s="6" t="s">
        <v>4151</v>
      </c>
      <c r="B20404" s="6"/>
      <c r="C20404" s="6" t="s">
        <v>20440</v>
      </c>
      <c r="D20404" s="6"/>
      <c r="E20404" s="6" t="s">
        <v>9</v>
      </c>
      <c r="F20404" s="7">
        <v>38657</v>
      </c>
      <c r="G20404" s="8">
        <v>1</v>
      </c>
      <c r="H20404" s="8">
        <v>1</v>
      </c>
      <c r="I20404" s="8">
        <v>0</v>
      </c>
      <c r="J20404" s="8">
        <v>1</v>
      </c>
      <c r="K20404" s="9">
        <v>11</v>
      </c>
      <c r="L20404" s="6" t="s">
        <v>4151</v>
      </c>
    </row>
    <row r="20405" spans="1:12">
      <c r="A20405" s="6" t="s">
        <v>4151</v>
      </c>
      <c r="B20405" s="6"/>
      <c r="C20405" s="6" t="s">
        <v>20441</v>
      </c>
      <c r="D20405" s="6"/>
      <c r="E20405" s="6" t="s">
        <v>9</v>
      </c>
      <c r="F20405" s="7">
        <v>38657</v>
      </c>
      <c r="G20405" s="8">
        <v>1</v>
      </c>
      <c r="H20405" s="8">
        <v>1</v>
      </c>
      <c r="I20405" s="8">
        <v>0</v>
      </c>
      <c r="J20405" s="8">
        <v>1</v>
      </c>
      <c r="K20405" s="9">
        <v>14</v>
      </c>
      <c r="L20405" s="6" t="s">
        <v>4151</v>
      </c>
    </row>
    <row r="20406" spans="1:12">
      <c r="A20406" s="6" t="s">
        <v>4151</v>
      </c>
      <c r="B20406" s="6"/>
      <c r="C20406" s="6" t="s">
        <v>20442</v>
      </c>
      <c r="D20406" s="6"/>
      <c r="E20406" s="6" t="s">
        <v>9</v>
      </c>
      <c r="F20406" s="7">
        <v>38657</v>
      </c>
      <c r="G20406" s="8">
        <v>1</v>
      </c>
      <c r="H20406" s="8">
        <v>1</v>
      </c>
      <c r="I20406" s="8">
        <v>0</v>
      </c>
      <c r="J20406" s="8">
        <v>1</v>
      </c>
      <c r="K20406" s="9">
        <v>17</v>
      </c>
      <c r="L20406" s="6" t="s">
        <v>4151</v>
      </c>
    </row>
    <row r="20407" spans="1:12">
      <c r="A20407" s="6" t="s">
        <v>4151</v>
      </c>
      <c r="B20407" s="6"/>
      <c r="C20407" s="6" t="s">
        <v>20443</v>
      </c>
      <c r="D20407" s="6"/>
      <c r="E20407" s="6" t="s">
        <v>9</v>
      </c>
      <c r="F20407" s="7">
        <v>38657</v>
      </c>
      <c r="G20407" s="8">
        <v>1</v>
      </c>
      <c r="H20407" s="8">
        <v>1</v>
      </c>
      <c r="I20407" s="8">
        <v>0</v>
      </c>
      <c r="J20407" s="8">
        <v>1</v>
      </c>
      <c r="K20407" s="9">
        <v>3.93</v>
      </c>
      <c r="L20407" s="6" t="s">
        <v>4151</v>
      </c>
    </row>
    <row r="20408" spans="1:12">
      <c r="A20408" s="6" t="s">
        <v>4151</v>
      </c>
      <c r="B20408" s="6"/>
      <c r="C20408" s="6" t="s">
        <v>20444</v>
      </c>
      <c r="D20408" s="6"/>
      <c r="E20408" s="6" t="s">
        <v>9</v>
      </c>
      <c r="F20408" s="7">
        <v>38657</v>
      </c>
      <c r="G20408" s="8">
        <v>1</v>
      </c>
      <c r="H20408" s="8">
        <v>1</v>
      </c>
      <c r="I20408" s="8">
        <v>0</v>
      </c>
      <c r="J20408" s="8">
        <v>1</v>
      </c>
      <c r="K20408" s="9">
        <v>20</v>
      </c>
      <c r="L20408" s="6" t="s">
        <v>4151</v>
      </c>
    </row>
    <row r="20409" spans="1:12">
      <c r="A20409" s="6" t="s">
        <v>4151</v>
      </c>
      <c r="B20409" s="6"/>
      <c r="C20409" s="6" t="s">
        <v>20445</v>
      </c>
      <c r="D20409" s="6"/>
      <c r="E20409" s="6" t="s">
        <v>9</v>
      </c>
      <c r="F20409" s="7">
        <v>38657</v>
      </c>
      <c r="G20409" s="8">
        <v>1</v>
      </c>
      <c r="H20409" s="8">
        <v>1</v>
      </c>
      <c r="I20409" s="8">
        <v>0</v>
      </c>
      <c r="J20409" s="8">
        <v>1</v>
      </c>
      <c r="K20409" s="9">
        <v>90</v>
      </c>
      <c r="L20409" s="6" t="s">
        <v>4151</v>
      </c>
    </row>
    <row r="20410" spans="1:12">
      <c r="A20410" s="6" t="s">
        <v>4151</v>
      </c>
      <c r="B20410" s="6"/>
      <c r="C20410" s="6" t="s">
        <v>20446</v>
      </c>
      <c r="D20410" s="6"/>
      <c r="E20410" s="6" t="s">
        <v>9</v>
      </c>
      <c r="F20410" s="7">
        <v>38657</v>
      </c>
      <c r="G20410" s="8">
        <v>1</v>
      </c>
      <c r="H20410" s="8">
        <v>1</v>
      </c>
      <c r="I20410" s="8">
        <v>0</v>
      </c>
      <c r="J20410" s="8">
        <v>1</v>
      </c>
      <c r="K20410" s="9">
        <v>22</v>
      </c>
      <c r="L20410" s="6" t="s">
        <v>4151</v>
      </c>
    </row>
    <row r="20411" spans="1:12">
      <c r="A20411" s="6" t="s">
        <v>4151</v>
      </c>
      <c r="B20411" s="6"/>
      <c r="C20411" s="6" t="s">
        <v>20447</v>
      </c>
      <c r="D20411" s="6"/>
      <c r="E20411" s="6" t="s">
        <v>9</v>
      </c>
      <c r="F20411" s="7">
        <v>38657</v>
      </c>
      <c r="G20411" s="8">
        <v>1</v>
      </c>
      <c r="H20411" s="8">
        <v>1</v>
      </c>
      <c r="I20411" s="8">
        <v>0</v>
      </c>
      <c r="J20411" s="8">
        <v>1</v>
      </c>
      <c r="K20411" s="9">
        <v>50</v>
      </c>
      <c r="L20411" s="6" t="s">
        <v>4151</v>
      </c>
    </row>
    <row r="20412" spans="1:12">
      <c r="A20412" s="6" t="s">
        <v>4151</v>
      </c>
      <c r="B20412" s="6"/>
      <c r="C20412" s="6" t="s">
        <v>20448</v>
      </c>
      <c r="D20412" s="6"/>
      <c r="E20412" s="6" t="s">
        <v>9</v>
      </c>
      <c r="F20412" s="7">
        <v>38657</v>
      </c>
      <c r="G20412" s="8">
        <v>1</v>
      </c>
      <c r="H20412" s="8">
        <v>1</v>
      </c>
      <c r="I20412" s="8">
        <v>0</v>
      </c>
      <c r="J20412" s="8">
        <v>1</v>
      </c>
      <c r="K20412" s="9">
        <v>8.86</v>
      </c>
      <c r="L20412" s="6" t="s">
        <v>4151</v>
      </c>
    </row>
    <row r="20413" spans="1:12">
      <c r="A20413" s="6" t="s">
        <v>4151</v>
      </c>
      <c r="B20413" s="6"/>
      <c r="C20413" s="6" t="s">
        <v>20449</v>
      </c>
      <c r="D20413" s="6"/>
      <c r="E20413" s="6" t="s">
        <v>9</v>
      </c>
      <c r="F20413" s="7">
        <v>38657</v>
      </c>
      <c r="G20413" s="8">
        <v>1</v>
      </c>
      <c r="H20413" s="8">
        <v>1</v>
      </c>
      <c r="I20413" s="8">
        <v>0</v>
      </c>
      <c r="J20413" s="8">
        <v>1</v>
      </c>
      <c r="K20413" s="9">
        <v>14</v>
      </c>
      <c r="L20413" s="6" t="s">
        <v>4151</v>
      </c>
    </row>
    <row r="20414" spans="1:12">
      <c r="A20414" s="6" t="s">
        <v>4151</v>
      </c>
      <c r="B20414" s="6"/>
      <c r="C20414" s="6" t="s">
        <v>20450</v>
      </c>
      <c r="D20414" s="6"/>
      <c r="E20414" s="6" t="s">
        <v>9</v>
      </c>
      <c r="F20414" s="7">
        <v>38657</v>
      </c>
      <c r="G20414" s="8">
        <v>1</v>
      </c>
      <c r="H20414" s="8">
        <v>1</v>
      </c>
      <c r="I20414" s="8">
        <v>0</v>
      </c>
      <c r="J20414" s="8">
        <v>1</v>
      </c>
      <c r="K20414" s="9">
        <v>12</v>
      </c>
      <c r="L20414" s="6" t="s">
        <v>4151</v>
      </c>
    </row>
    <row r="20415" spans="1:12">
      <c r="A20415" s="6" t="s">
        <v>4151</v>
      </c>
      <c r="B20415" s="6"/>
      <c r="C20415" s="6" t="s">
        <v>20451</v>
      </c>
      <c r="D20415" s="6"/>
      <c r="E20415" s="6" t="s">
        <v>9</v>
      </c>
      <c r="F20415" s="7">
        <v>38657</v>
      </c>
      <c r="G20415" s="8">
        <v>1</v>
      </c>
      <c r="H20415" s="8">
        <v>1</v>
      </c>
      <c r="I20415" s="8">
        <v>0</v>
      </c>
      <c r="J20415" s="8">
        <v>1</v>
      </c>
      <c r="K20415" s="9">
        <v>15</v>
      </c>
      <c r="L20415" s="6" t="s">
        <v>4151</v>
      </c>
    </row>
    <row r="20416" spans="1:12">
      <c r="A20416" s="6" t="s">
        <v>4151</v>
      </c>
      <c r="B20416" s="6"/>
      <c r="C20416" s="6" t="s">
        <v>20452</v>
      </c>
      <c r="D20416" s="6"/>
      <c r="E20416" s="6" t="s">
        <v>9</v>
      </c>
      <c r="F20416" s="7">
        <v>38657</v>
      </c>
      <c r="G20416" s="8">
        <v>1</v>
      </c>
      <c r="H20416" s="8">
        <v>1</v>
      </c>
      <c r="I20416" s="8">
        <v>0</v>
      </c>
      <c r="J20416" s="8">
        <v>1</v>
      </c>
      <c r="K20416" s="9">
        <v>1.43</v>
      </c>
      <c r="L20416" s="6" t="s">
        <v>4151</v>
      </c>
    </row>
    <row r="20417" spans="1:12">
      <c r="A20417" s="6" t="s">
        <v>4151</v>
      </c>
      <c r="B20417" s="6"/>
      <c r="C20417" s="6" t="s">
        <v>20453</v>
      </c>
      <c r="D20417" s="6"/>
      <c r="E20417" s="6" t="s">
        <v>9</v>
      </c>
      <c r="F20417" s="7">
        <v>38657</v>
      </c>
      <c r="G20417" s="8">
        <v>1</v>
      </c>
      <c r="H20417" s="8">
        <v>1</v>
      </c>
      <c r="I20417" s="8">
        <v>0</v>
      </c>
      <c r="J20417" s="8">
        <v>1</v>
      </c>
      <c r="K20417" s="9">
        <v>1.32</v>
      </c>
      <c r="L20417" s="6" t="s">
        <v>4151</v>
      </c>
    </row>
    <row r="20418" spans="1:12">
      <c r="A20418" s="6" t="s">
        <v>4151</v>
      </c>
      <c r="B20418" s="6"/>
      <c r="C20418" s="6" t="s">
        <v>20454</v>
      </c>
      <c r="D20418" s="6"/>
      <c r="E20418" s="6" t="s">
        <v>9</v>
      </c>
      <c r="F20418" s="7">
        <v>38657</v>
      </c>
      <c r="G20418" s="8">
        <v>1</v>
      </c>
      <c r="H20418" s="8">
        <v>1</v>
      </c>
      <c r="I20418" s="8">
        <v>0</v>
      </c>
      <c r="J20418" s="8">
        <v>1</v>
      </c>
      <c r="K20418" s="9">
        <v>35</v>
      </c>
      <c r="L20418" s="6" t="s">
        <v>4151</v>
      </c>
    </row>
    <row r="20419" spans="1:12">
      <c r="A20419" s="6" t="s">
        <v>4151</v>
      </c>
      <c r="B20419" s="6"/>
      <c r="C20419" s="6" t="s">
        <v>20455</v>
      </c>
      <c r="D20419" s="6"/>
      <c r="E20419" s="6" t="s">
        <v>9</v>
      </c>
      <c r="F20419" s="7">
        <v>38657</v>
      </c>
      <c r="G20419" s="8">
        <v>1</v>
      </c>
      <c r="H20419" s="8">
        <v>1</v>
      </c>
      <c r="I20419" s="8">
        <v>0</v>
      </c>
      <c r="J20419" s="8">
        <v>1</v>
      </c>
      <c r="K20419" s="9">
        <v>12</v>
      </c>
      <c r="L20419" s="6" t="s">
        <v>4151</v>
      </c>
    </row>
    <row r="20420" spans="1:12">
      <c r="A20420" s="6" t="s">
        <v>4151</v>
      </c>
      <c r="B20420" s="6"/>
      <c r="C20420" s="6" t="s">
        <v>20456</v>
      </c>
      <c r="D20420" s="6"/>
      <c r="E20420" s="6" t="s">
        <v>9</v>
      </c>
      <c r="F20420" s="7">
        <v>38657</v>
      </c>
      <c r="G20420" s="8">
        <v>1</v>
      </c>
      <c r="H20420" s="8">
        <v>1</v>
      </c>
      <c r="I20420" s="8">
        <v>0</v>
      </c>
      <c r="J20420" s="8">
        <v>1</v>
      </c>
      <c r="K20420" s="9">
        <v>8.56</v>
      </c>
      <c r="L20420" s="6" t="s">
        <v>4151</v>
      </c>
    </row>
    <row r="20421" spans="1:12">
      <c r="A20421" s="6" t="s">
        <v>4151</v>
      </c>
      <c r="B20421" s="6"/>
      <c r="C20421" s="6" t="s">
        <v>20457</v>
      </c>
      <c r="D20421" s="6"/>
      <c r="E20421" s="6" t="s">
        <v>9</v>
      </c>
      <c r="F20421" s="7">
        <v>38657</v>
      </c>
      <c r="G20421" s="8">
        <v>1</v>
      </c>
      <c r="H20421" s="8">
        <v>1</v>
      </c>
      <c r="I20421" s="8">
        <v>0</v>
      </c>
      <c r="J20421" s="8">
        <v>1</v>
      </c>
      <c r="K20421" s="9">
        <v>11</v>
      </c>
      <c r="L20421" s="6" t="s">
        <v>4151</v>
      </c>
    </row>
    <row r="20422" spans="1:12">
      <c r="A20422" s="6" t="s">
        <v>4151</v>
      </c>
      <c r="B20422" s="6"/>
      <c r="C20422" s="6" t="s">
        <v>20458</v>
      </c>
      <c r="D20422" s="6"/>
      <c r="E20422" s="6" t="s">
        <v>9</v>
      </c>
      <c r="F20422" s="7">
        <v>38657</v>
      </c>
      <c r="G20422" s="8">
        <v>1</v>
      </c>
      <c r="H20422" s="8">
        <v>1</v>
      </c>
      <c r="I20422" s="8">
        <v>0</v>
      </c>
      <c r="J20422" s="8">
        <v>1</v>
      </c>
      <c r="K20422" s="9">
        <v>10</v>
      </c>
      <c r="L20422" s="6" t="s">
        <v>4151</v>
      </c>
    </row>
    <row r="20423" spans="1:12">
      <c r="A20423" s="6" t="s">
        <v>4151</v>
      </c>
      <c r="B20423" s="6"/>
      <c r="C20423" s="6" t="s">
        <v>20459</v>
      </c>
      <c r="D20423" s="6"/>
      <c r="E20423" s="6" t="s">
        <v>9</v>
      </c>
      <c r="F20423" s="7">
        <v>38657</v>
      </c>
      <c r="G20423" s="8">
        <v>1</v>
      </c>
      <c r="H20423" s="8">
        <v>1</v>
      </c>
      <c r="I20423" s="8">
        <v>0</v>
      </c>
      <c r="J20423" s="8">
        <v>1</v>
      </c>
      <c r="K20423" s="9">
        <v>8.65</v>
      </c>
      <c r="L20423" s="6" t="s">
        <v>4151</v>
      </c>
    </row>
    <row r="20424" spans="1:12">
      <c r="A20424" s="6" t="s">
        <v>4151</v>
      </c>
      <c r="B20424" s="6"/>
      <c r="C20424" s="6" t="s">
        <v>20460</v>
      </c>
      <c r="D20424" s="6"/>
      <c r="E20424" s="6" t="s">
        <v>9</v>
      </c>
      <c r="F20424" s="7">
        <v>38657</v>
      </c>
      <c r="G20424" s="8">
        <v>1</v>
      </c>
      <c r="H20424" s="8">
        <v>1</v>
      </c>
      <c r="I20424" s="8">
        <v>0</v>
      </c>
      <c r="J20424" s="8">
        <v>1</v>
      </c>
      <c r="K20424" s="9">
        <v>105</v>
      </c>
      <c r="L20424" s="6" t="s">
        <v>4151</v>
      </c>
    </row>
    <row r="20425" spans="1:12">
      <c r="A20425" s="6" t="s">
        <v>4151</v>
      </c>
      <c r="B20425" s="6"/>
      <c r="C20425" s="6" t="s">
        <v>20461</v>
      </c>
      <c r="D20425" s="6"/>
      <c r="E20425" s="6" t="s">
        <v>9</v>
      </c>
      <c r="F20425" s="7">
        <v>38657</v>
      </c>
      <c r="G20425" s="8">
        <v>1</v>
      </c>
      <c r="H20425" s="8">
        <v>1</v>
      </c>
      <c r="I20425" s="8">
        <v>0</v>
      </c>
      <c r="J20425" s="8">
        <v>1</v>
      </c>
      <c r="K20425" s="9">
        <v>7.03</v>
      </c>
      <c r="L20425" s="6" t="s">
        <v>4151</v>
      </c>
    </row>
    <row r="20426" spans="1:12">
      <c r="A20426" s="6" t="s">
        <v>4151</v>
      </c>
      <c r="B20426" s="6"/>
      <c r="C20426" s="6" t="s">
        <v>20462</v>
      </c>
      <c r="D20426" s="6"/>
      <c r="E20426" s="6" t="s">
        <v>9</v>
      </c>
      <c r="F20426" s="7">
        <v>38657</v>
      </c>
      <c r="G20426" s="8">
        <v>1</v>
      </c>
      <c r="H20426" s="8">
        <v>1</v>
      </c>
      <c r="I20426" s="8">
        <v>0</v>
      </c>
      <c r="J20426" s="8">
        <v>1</v>
      </c>
      <c r="K20426" s="9">
        <v>4.8499999999999899</v>
      </c>
      <c r="L20426" s="6" t="s">
        <v>4151</v>
      </c>
    </row>
    <row r="20427" spans="1:12">
      <c r="A20427" s="6" t="s">
        <v>4151</v>
      </c>
      <c r="B20427" s="6"/>
      <c r="C20427" s="6" t="s">
        <v>20463</v>
      </c>
      <c r="D20427" s="6"/>
      <c r="E20427" s="6" t="s">
        <v>9</v>
      </c>
      <c r="F20427" s="7">
        <v>38657</v>
      </c>
      <c r="G20427" s="8">
        <v>1</v>
      </c>
      <c r="H20427" s="8">
        <v>1</v>
      </c>
      <c r="I20427" s="8">
        <v>0</v>
      </c>
      <c r="J20427" s="8">
        <v>1</v>
      </c>
      <c r="K20427" s="9">
        <v>4.92</v>
      </c>
      <c r="L20427" s="6" t="s">
        <v>4151</v>
      </c>
    </row>
    <row r="20428" spans="1:12">
      <c r="A20428" s="6" t="s">
        <v>4151</v>
      </c>
      <c r="B20428" s="6"/>
      <c r="C20428" s="6" t="s">
        <v>20464</v>
      </c>
      <c r="D20428" s="6"/>
      <c r="E20428" s="6" t="s">
        <v>9</v>
      </c>
      <c r="F20428" s="7">
        <v>38657</v>
      </c>
      <c r="G20428" s="8">
        <v>1</v>
      </c>
      <c r="H20428" s="8">
        <v>1</v>
      </c>
      <c r="I20428" s="8">
        <v>0</v>
      </c>
      <c r="J20428" s="8">
        <v>1</v>
      </c>
      <c r="K20428" s="9">
        <v>2.34</v>
      </c>
      <c r="L20428" s="6" t="s">
        <v>4151</v>
      </c>
    </row>
    <row r="20429" spans="1:12">
      <c r="A20429" s="6" t="s">
        <v>4151</v>
      </c>
      <c r="B20429" s="6"/>
      <c r="C20429" s="6" t="s">
        <v>20465</v>
      </c>
      <c r="D20429" s="6"/>
      <c r="E20429" s="6" t="s">
        <v>9</v>
      </c>
      <c r="F20429" s="7">
        <v>38657</v>
      </c>
      <c r="G20429" s="8">
        <v>1</v>
      </c>
      <c r="H20429" s="8">
        <v>1</v>
      </c>
      <c r="I20429" s="8">
        <v>0</v>
      </c>
      <c r="J20429" s="8">
        <v>1</v>
      </c>
      <c r="K20429" s="9">
        <v>2.9</v>
      </c>
      <c r="L20429" s="6" t="s">
        <v>4151</v>
      </c>
    </row>
    <row r="20430" spans="1:12">
      <c r="A20430" s="6" t="s">
        <v>4151</v>
      </c>
      <c r="B20430" s="6"/>
      <c r="C20430" s="6" t="s">
        <v>20466</v>
      </c>
      <c r="D20430" s="6"/>
      <c r="E20430" s="6" t="s">
        <v>9</v>
      </c>
      <c r="F20430" s="7">
        <v>38657</v>
      </c>
      <c r="G20430" s="8">
        <v>1</v>
      </c>
      <c r="H20430" s="8">
        <v>1</v>
      </c>
      <c r="I20430" s="8">
        <v>0</v>
      </c>
      <c r="J20430" s="8">
        <v>1</v>
      </c>
      <c r="K20430" s="9">
        <v>7.81</v>
      </c>
      <c r="L20430" s="6" t="s">
        <v>4151</v>
      </c>
    </row>
    <row r="20431" spans="1:12">
      <c r="A20431" s="6" t="s">
        <v>4151</v>
      </c>
      <c r="B20431" s="6"/>
      <c r="C20431" s="6" t="s">
        <v>20467</v>
      </c>
      <c r="D20431" s="6"/>
      <c r="E20431" s="6" t="s">
        <v>9</v>
      </c>
      <c r="F20431" s="7">
        <v>38657</v>
      </c>
      <c r="G20431" s="8">
        <v>1</v>
      </c>
      <c r="H20431" s="8">
        <v>1</v>
      </c>
      <c r="I20431" s="8">
        <v>0</v>
      </c>
      <c r="J20431" s="8">
        <v>1</v>
      </c>
      <c r="K20431" s="9">
        <v>4.26</v>
      </c>
      <c r="L20431" s="6" t="s">
        <v>4151</v>
      </c>
    </row>
    <row r="20432" spans="1:12">
      <c r="A20432" s="6" t="s">
        <v>4151</v>
      </c>
      <c r="B20432" s="6"/>
      <c r="C20432" s="6" t="s">
        <v>20468</v>
      </c>
      <c r="D20432" s="6"/>
      <c r="E20432" s="6" t="s">
        <v>9</v>
      </c>
      <c r="F20432" s="7">
        <v>38657</v>
      </c>
      <c r="G20432" s="8">
        <v>1</v>
      </c>
      <c r="H20432" s="8">
        <v>1</v>
      </c>
      <c r="I20432" s="8">
        <v>0</v>
      </c>
      <c r="J20432" s="8">
        <v>1</v>
      </c>
      <c r="K20432" s="9">
        <v>6.58</v>
      </c>
      <c r="L20432" s="6" t="s">
        <v>4151</v>
      </c>
    </row>
    <row r="20433" spans="1:12">
      <c r="A20433" s="6" t="s">
        <v>4151</v>
      </c>
      <c r="B20433" s="6"/>
      <c r="C20433" s="6" t="s">
        <v>20469</v>
      </c>
      <c r="D20433" s="6"/>
      <c r="E20433" s="6" t="s">
        <v>9</v>
      </c>
      <c r="F20433" s="7">
        <v>38657</v>
      </c>
      <c r="G20433" s="8">
        <v>1</v>
      </c>
      <c r="H20433" s="8">
        <v>1</v>
      </c>
      <c r="I20433" s="8">
        <v>0</v>
      </c>
      <c r="J20433" s="8">
        <v>1</v>
      </c>
      <c r="K20433" s="9">
        <v>7.19</v>
      </c>
      <c r="L20433" s="6" t="s">
        <v>4151</v>
      </c>
    </row>
    <row r="20434" spans="1:12">
      <c r="A20434" s="6" t="s">
        <v>4151</v>
      </c>
      <c r="B20434" s="6"/>
      <c r="C20434" s="6" t="s">
        <v>20470</v>
      </c>
      <c r="D20434" s="6"/>
      <c r="E20434" s="6" t="s">
        <v>9</v>
      </c>
      <c r="F20434" s="7">
        <v>38657</v>
      </c>
      <c r="G20434" s="8">
        <v>1</v>
      </c>
      <c r="H20434" s="8">
        <v>1</v>
      </c>
      <c r="I20434" s="8">
        <v>0</v>
      </c>
      <c r="J20434" s="8">
        <v>1</v>
      </c>
      <c r="K20434" s="9">
        <v>4.96</v>
      </c>
      <c r="L20434" s="6" t="s">
        <v>4151</v>
      </c>
    </row>
    <row r="20435" spans="1:12">
      <c r="A20435" s="6" t="s">
        <v>4151</v>
      </c>
      <c r="B20435" s="6"/>
      <c r="C20435" s="6" t="s">
        <v>20471</v>
      </c>
      <c r="D20435" s="6"/>
      <c r="E20435" s="6" t="s">
        <v>9</v>
      </c>
      <c r="F20435" s="7">
        <v>38657</v>
      </c>
      <c r="G20435" s="8">
        <v>1</v>
      </c>
      <c r="H20435" s="8">
        <v>1</v>
      </c>
      <c r="I20435" s="8">
        <v>0</v>
      </c>
      <c r="J20435" s="8">
        <v>1</v>
      </c>
      <c r="K20435" s="9">
        <v>22</v>
      </c>
      <c r="L20435" s="6" t="s">
        <v>4151</v>
      </c>
    </row>
    <row r="20436" spans="1:12">
      <c r="A20436" s="6" t="s">
        <v>4151</v>
      </c>
      <c r="B20436" s="6"/>
      <c r="C20436" s="6" t="s">
        <v>20472</v>
      </c>
      <c r="D20436" s="6"/>
      <c r="E20436" s="6" t="s">
        <v>9</v>
      </c>
      <c r="F20436" s="7">
        <v>38657</v>
      </c>
      <c r="G20436" s="8">
        <v>1</v>
      </c>
      <c r="H20436" s="8">
        <v>1</v>
      </c>
      <c r="I20436" s="8">
        <v>0</v>
      </c>
      <c r="J20436" s="8">
        <v>1</v>
      </c>
      <c r="K20436" s="9">
        <v>23</v>
      </c>
      <c r="L20436" s="6" t="s">
        <v>4151</v>
      </c>
    </row>
    <row r="20437" spans="1:12">
      <c r="A20437" s="6" t="s">
        <v>4151</v>
      </c>
      <c r="B20437" s="6"/>
      <c r="C20437" s="6" t="s">
        <v>20473</v>
      </c>
      <c r="D20437" s="6"/>
      <c r="E20437" s="6" t="s">
        <v>9</v>
      </c>
      <c r="F20437" s="7">
        <v>38657</v>
      </c>
      <c r="G20437" s="8">
        <v>1</v>
      </c>
      <c r="H20437" s="8">
        <v>1</v>
      </c>
      <c r="I20437" s="8">
        <v>0</v>
      </c>
      <c r="J20437" s="8">
        <v>1</v>
      </c>
      <c r="K20437" s="9">
        <v>10</v>
      </c>
      <c r="L20437" s="6" t="s">
        <v>4151</v>
      </c>
    </row>
    <row r="20438" spans="1:12">
      <c r="A20438" s="6" t="s">
        <v>4151</v>
      </c>
      <c r="B20438" s="6"/>
      <c r="C20438" s="6" t="s">
        <v>20474</v>
      </c>
      <c r="D20438" s="6"/>
      <c r="E20438" s="6" t="s">
        <v>9</v>
      </c>
      <c r="F20438" s="7">
        <v>38657</v>
      </c>
      <c r="G20438" s="8">
        <v>1</v>
      </c>
      <c r="H20438" s="8">
        <v>1</v>
      </c>
      <c r="I20438" s="8">
        <v>0</v>
      </c>
      <c r="J20438" s="8">
        <v>1</v>
      </c>
      <c r="K20438" s="9">
        <v>1.69</v>
      </c>
      <c r="L20438" s="6" t="s">
        <v>4151</v>
      </c>
    </row>
    <row r="20439" spans="1:12">
      <c r="A20439" s="6" t="s">
        <v>4151</v>
      </c>
      <c r="B20439" s="6"/>
      <c r="C20439" s="6" t="s">
        <v>20475</v>
      </c>
      <c r="D20439" s="6"/>
      <c r="E20439" s="6" t="s">
        <v>9</v>
      </c>
      <c r="F20439" s="7">
        <v>38657</v>
      </c>
      <c r="G20439" s="8">
        <v>1</v>
      </c>
      <c r="H20439" s="8">
        <v>1</v>
      </c>
      <c r="I20439" s="8">
        <v>0</v>
      </c>
      <c r="J20439" s="8">
        <v>1</v>
      </c>
      <c r="K20439" s="9">
        <v>31</v>
      </c>
      <c r="L20439" s="6" t="s">
        <v>4151</v>
      </c>
    </row>
    <row r="20440" spans="1:12">
      <c r="A20440" s="6" t="s">
        <v>4151</v>
      </c>
      <c r="B20440" s="6"/>
      <c r="C20440" s="6" t="s">
        <v>20476</v>
      </c>
      <c r="D20440" s="6"/>
      <c r="E20440" s="6" t="s">
        <v>9</v>
      </c>
      <c r="F20440" s="7">
        <v>38657</v>
      </c>
      <c r="G20440" s="8">
        <v>1</v>
      </c>
      <c r="H20440" s="8">
        <v>1</v>
      </c>
      <c r="I20440" s="8">
        <v>0</v>
      </c>
      <c r="J20440" s="8">
        <v>1</v>
      </c>
      <c r="K20440" s="9">
        <v>8.2100000000000009</v>
      </c>
      <c r="L20440" s="6" t="s">
        <v>4151</v>
      </c>
    </row>
    <row r="20441" spans="1:12">
      <c r="A20441" s="6" t="s">
        <v>4151</v>
      </c>
      <c r="B20441" s="6"/>
      <c r="C20441" s="6" t="s">
        <v>20477</v>
      </c>
      <c r="D20441" s="6"/>
      <c r="E20441" s="6" t="s">
        <v>9</v>
      </c>
      <c r="F20441" s="7">
        <v>38657</v>
      </c>
      <c r="G20441" s="8">
        <v>1</v>
      </c>
      <c r="H20441" s="8">
        <v>1</v>
      </c>
      <c r="I20441" s="8">
        <v>0</v>
      </c>
      <c r="J20441" s="8">
        <v>1</v>
      </c>
      <c r="K20441" s="9">
        <v>13</v>
      </c>
      <c r="L20441" s="6" t="s">
        <v>4151</v>
      </c>
    </row>
    <row r="20442" spans="1:12">
      <c r="A20442" s="6" t="s">
        <v>4151</v>
      </c>
      <c r="B20442" s="6"/>
      <c r="C20442" s="6" t="s">
        <v>20478</v>
      </c>
      <c r="D20442" s="6"/>
      <c r="E20442" s="6" t="s">
        <v>9</v>
      </c>
      <c r="F20442" s="7">
        <v>38657</v>
      </c>
      <c r="G20442" s="8">
        <v>1</v>
      </c>
      <c r="H20442" s="8">
        <v>1</v>
      </c>
      <c r="I20442" s="8">
        <v>0</v>
      </c>
      <c r="J20442" s="8">
        <v>1</v>
      </c>
      <c r="K20442" s="9">
        <v>8.23</v>
      </c>
      <c r="L20442" s="6" t="s">
        <v>4151</v>
      </c>
    </row>
    <row r="20443" spans="1:12">
      <c r="A20443" s="6" t="s">
        <v>4151</v>
      </c>
      <c r="B20443" s="6"/>
      <c r="C20443" s="6" t="s">
        <v>20479</v>
      </c>
      <c r="D20443" s="6"/>
      <c r="E20443" s="6" t="s">
        <v>9</v>
      </c>
      <c r="F20443" s="7">
        <v>38657</v>
      </c>
      <c r="G20443" s="8">
        <v>1</v>
      </c>
      <c r="H20443" s="8">
        <v>1</v>
      </c>
      <c r="I20443" s="8">
        <v>0</v>
      </c>
      <c r="J20443" s="8">
        <v>1</v>
      </c>
      <c r="K20443" s="9">
        <v>3</v>
      </c>
      <c r="L20443" s="6" t="s">
        <v>4151</v>
      </c>
    </row>
    <row r="20444" spans="1:12">
      <c r="A20444" s="6" t="s">
        <v>4151</v>
      </c>
      <c r="B20444" s="6"/>
      <c r="C20444" s="6" t="s">
        <v>20480</v>
      </c>
      <c r="D20444" s="6"/>
      <c r="E20444" s="6" t="s">
        <v>9</v>
      </c>
      <c r="F20444" s="7">
        <v>38657</v>
      </c>
      <c r="G20444" s="8">
        <v>1</v>
      </c>
      <c r="H20444" s="8">
        <v>1</v>
      </c>
      <c r="I20444" s="8">
        <v>0</v>
      </c>
      <c r="J20444" s="8">
        <v>1</v>
      </c>
      <c r="K20444" s="9">
        <v>16</v>
      </c>
      <c r="L20444" s="6" t="s">
        <v>4151</v>
      </c>
    </row>
    <row r="20445" spans="1:12">
      <c r="A20445" s="6" t="s">
        <v>4151</v>
      </c>
      <c r="B20445" s="6"/>
      <c r="C20445" s="6" t="s">
        <v>20481</v>
      </c>
      <c r="D20445" s="6"/>
      <c r="E20445" s="6" t="s">
        <v>9</v>
      </c>
      <c r="F20445" s="7">
        <v>38657</v>
      </c>
      <c r="G20445" s="8">
        <v>1</v>
      </c>
      <c r="H20445" s="8">
        <v>1</v>
      </c>
      <c r="I20445" s="8">
        <v>0</v>
      </c>
      <c r="J20445" s="8">
        <v>1</v>
      </c>
      <c r="K20445" s="9">
        <v>28</v>
      </c>
      <c r="L20445" s="6" t="s">
        <v>4151</v>
      </c>
    </row>
    <row r="20446" spans="1:12">
      <c r="A20446" s="6" t="s">
        <v>4151</v>
      </c>
      <c r="B20446" s="6"/>
      <c r="C20446" s="6" t="s">
        <v>20482</v>
      </c>
      <c r="D20446" s="6"/>
      <c r="E20446" s="6" t="s">
        <v>9</v>
      </c>
      <c r="F20446" s="7">
        <v>38657</v>
      </c>
      <c r="G20446" s="8">
        <v>1</v>
      </c>
      <c r="H20446" s="8">
        <v>1</v>
      </c>
      <c r="I20446" s="8">
        <v>0</v>
      </c>
      <c r="J20446" s="8">
        <v>1</v>
      </c>
      <c r="K20446" s="9">
        <v>38</v>
      </c>
      <c r="L20446" s="6" t="s">
        <v>4151</v>
      </c>
    </row>
    <row r="20447" spans="1:12">
      <c r="A20447" s="6" t="s">
        <v>4151</v>
      </c>
      <c r="B20447" s="6"/>
      <c r="C20447" s="6" t="s">
        <v>20483</v>
      </c>
      <c r="D20447" s="6"/>
      <c r="E20447" s="6" t="s">
        <v>9</v>
      </c>
      <c r="F20447" s="7">
        <v>38657</v>
      </c>
      <c r="G20447" s="8">
        <v>1</v>
      </c>
      <c r="H20447" s="8">
        <v>1</v>
      </c>
      <c r="I20447" s="8">
        <v>0</v>
      </c>
      <c r="J20447" s="8">
        <v>1</v>
      </c>
      <c r="K20447" s="9">
        <v>14</v>
      </c>
      <c r="L20447" s="6" t="s">
        <v>4151</v>
      </c>
    </row>
    <row r="20448" spans="1:12">
      <c r="A20448" s="6" t="s">
        <v>4151</v>
      </c>
      <c r="B20448" s="6"/>
      <c r="C20448" s="6" t="s">
        <v>20484</v>
      </c>
      <c r="D20448" s="6"/>
      <c r="E20448" s="6" t="s">
        <v>9</v>
      </c>
      <c r="F20448" s="7">
        <v>38657</v>
      </c>
      <c r="G20448" s="8">
        <v>1</v>
      </c>
      <c r="H20448" s="8">
        <v>1</v>
      </c>
      <c r="I20448" s="8">
        <v>0</v>
      </c>
      <c r="J20448" s="8">
        <v>1</v>
      </c>
      <c r="K20448" s="9">
        <v>6.03</v>
      </c>
      <c r="L20448" s="6" t="s">
        <v>4151</v>
      </c>
    </row>
    <row r="20449" spans="1:12">
      <c r="A20449" s="6" t="s">
        <v>4151</v>
      </c>
      <c r="B20449" s="6"/>
      <c r="C20449" s="6" t="s">
        <v>20485</v>
      </c>
      <c r="D20449" s="6"/>
      <c r="E20449" s="6" t="s">
        <v>9</v>
      </c>
      <c r="F20449" s="7">
        <v>38657</v>
      </c>
      <c r="G20449" s="8">
        <v>1</v>
      </c>
      <c r="H20449" s="8">
        <v>1</v>
      </c>
      <c r="I20449" s="8">
        <v>0</v>
      </c>
      <c r="J20449" s="8">
        <v>1</v>
      </c>
      <c r="K20449" s="9">
        <v>28</v>
      </c>
      <c r="L20449" s="6" t="s">
        <v>4151</v>
      </c>
    </row>
    <row r="20450" spans="1:12">
      <c r="A20450" s="6" t="s">
        <v>4151</v>
      </c>
      <c r="B20450" s="6"/>
      <c r="C20450" s="6" t="s">
        <v>20486</v>
      </c>
      <c r="D20450" s="6"/>
      <c r="E20450" s="6" t="s">
        <v>9</v>
      </c>
      <c r="F20450" s="7">
        <v>38657</v>
      </c>
      <c r="G20450" s="8">
        <v>1</v>
      </c>
      <c r="H20450" s="8">
        <v>1</v>
      </c>
      <c r="I20450" s="8">
        <v>0</v>
      </c>
      <c r="J20450" s="8">
        <v>1</v>
      </c>
      <c r="K20450" s="9">
        <v>9.91</v>
      </c>
      <c r="L20450" s="6" t="s">
        <v>4151</v>
      </c>
    </row>
    <row r="20451" spans="1:12">
      <c r="A20451" s="6" t="s">
        <v>4151</v>
      </c>
      <c r="B20451" s="6"/>
      <c r="C20451" s="6" t="s">
        <v>20487</v>
      </c>
      <c r="D20451" s="6"/>
      <c r="E20451" s="6" t="s">
        <v>9</v>
      </c>
      <c r="F20451" s="7">
        <v>38657</v>
      </c>
      <c r="G20451" s="8">
        <v>1</v>
      </c>
      <c r="H20451" s="8">
        <v>1</v>
      </c>
      <c r="I20451" s="8">
        <v>0</v>
      </c>
      <c r="J20451" s="8">
        <v>1</v>
      </c>
      <c r="K20451" s="9">
        <v>25</v>
      </c>
      <c r="L20451" s="6" t="s">
        <v>4151</v>
      </c>
    </row>
    <row r="20452" spans="1:12">
      <c r="A20452" s="6" t="s">
        <v>4151</v>
      </c>
      <c r="B20452" s="6"/>
      <c r="C20452" s="6" t="s">
        <v>20488</v>
      </c>
      <c r="D20452" s="6"/>
      <c r="E20452" s="6" t="s">
        <v>9</v>
      </c>
      <c r="F20452" s="7">
        <v>38657</v>
      </c>
      <c r="G20452" s="8">
        <v>1</v>
      </c>
      <c r="H20452" s="8">
        <v>1</v>
      </c>
      <c r="I20452" s="8">
        <v>0</v>
      </c>
      <c r="J20452" s="8">
        <v>1</v>
      </c>
      <c r="K20452" s="9">
        <v>43</v>
      </c>
      <c r="L20452" s="6" t="s">
        <v>4151</v>
      </c>
    </row>
    <row r="20453" spans="1:12">
      <c r="A20453" s="6" t="s">
        <v>4151</v>
      </c>
      <c r="B20453" s="6"/>
      <c r="C20453" s="6" t="s">
        <v>20489</v>
      </c>
      <c r="D20453" s="6"/>
      <c r="E20453" s="6" t="s">
        <v>9</v>
      </c>
      <c r="F20453" s="7">
        <v>38657</v>
      </c>
      <c r="G20453" s="8">
        <v>1</v>
      </c>
      <c r="H20453" s="8">
        <v>1</v>
      </c>
      <c r="I20453" s="8">
        <v>0</v>
      </c>
      <c r="J20453" s="8">
        <v>1</v>
      </c>
      <c r="K20453" s="9">
        <v>3.7</v>
      </c>
      <c r="L20453" s="6" t="s">
        <v>4151</v>
      </c>
    </row>
    <row r="20454" spans="1:12">
      <c r="A20454" s="6" t="s">
        <v>4151</v>
      </c>
      <c r="B20454" s="6"/>
      <c r="C20454" s="6" t="s">
        <v>20490</v>
      </c>
      <c r="D20454" s="6"/>
      <c r="E20454" s="6" t="s">
        <v>9</v>
      </c>
      <c r="F20454" s="7">
        <v>38657</v>
      </c>
      <c r="G20454" s="8">
        <v>1</v>
      </c>
      <c r="H20454" s="8">
        <v>1</v>
      </c>
      <c r="I20454" s="8">
        <v>0</v>
      </c>
      <c r="J20454" s="8">
        <v>1</v>
      </c>
      <c r="K20454" s="9">
        <v>9.9600000000000009</v>
      </c>
      <c r="L20454" s="6" t="s">
        <v>4151</v>
      </c>
    </row>
    <row r="20455" spans="1:12">
      <c r="A20455" s="6" t="s">
        <v>4151</v>
      </c>
      <c r="B20455" s="6"/>
      <c r="C20455" s="6" t="s">
        <v>20491</v>
      </c>
      <c r="D20455" s="6"/>
      <c r="E20455" s="6" t="s">
        <v>9</v>
      </c>
      <c r="F20455" s="7">
        <v>38657</v>
      </c>
      <c r="G20455" s="8">
        <v>1</v>
      </c>
      <c r="H20455" s="8">
        <v>1</v>
      </c>
      <c r="I20455" s="8">
        <v>0</v>
      </c>
      <c r="J20455" s="8">
        <v>1</v>
      </c>
      <c r="K20455" s="9">
        <v>31</v>
      </c>
      <c r="L20455" s="6" t="s">
        <v>4151</v>
      </c>
    </row>
    <row r="20456" spans="1:12">
      <c r="A20456" s="6" t="s">
        <v>4151</v>
      </c>
      <c r="B20456" s="6"/>
      <c r="C20456" s="6" t="s">
        <v>20492</v>
      </c>
      <c r="D20456" s="6"/>
      <c r="E20456" s="6" t="s">
        <v>9</v>
      </c>
      <c r="F20456" s="7">
        <v>38657</v>
      </c>
      <c r="G20456" s="8">
        <v>1</v>
      </c>
      <c r="H20456" s="8">
        <v>1</v>
      </c>
      <c r="I20456" s="8">
        <v>0</v>
      </c>
      <c r="J20456" s="8">
        <v>1</v>
      </c>
      <c r="K20456" s="9">
        <v>9.57</v>
      </c>
      <c r="L20456" s="6" t="s">
        <v>4151</v>
      </c>
    </row>
    <row r="20457" spans="1:12">
      <c r="A20457" s="6" t="s">
        <v>4151</v>
      </c>
      <c r="B20457" s="6"/>
      <c r="C20457" s="6" t="s">
        <v>20493</v>
      </c>
      <c r="D20457" s="6"/>
      <c r="E20457" s="6" t="s">
        <v>9</v>
      </c>
      <c r="F20457" s="7">
        <v>38657</v>
      </c>
      <c r="G20457" s="8">
        <v>1</v>
      </c>
      <c r="H20457" s="8">
        <v>1</v>
      </c>
      <c r="I20457" s="8">
        <v>0</v>
      </c>
      <c r="J20457" s="8">
        <v>1</v>
      </c>
      <c r="K20457" s="9">
        <v>11</v>
      </c>
      <c r="L20457" s="6" t="s">
        <v>4151</v>
      </c>
    </row>
    <row r="20458" spans="1:12">
      <c r="A20458" s="6" t="s">
        <v>4151</v>
      </c>
      <c r="B20458" s="6"/>
      <c r="C20458" s="6" t="s">
        <v>20494</v>
      </c>
      <c r="D20458" s="6"/>
      <c r="E20458" s="6" t="s">
        <v>9</v>
      </c>
      <c r="F20458" s="7">
        <v>38657</v>
      </c>
      <c r="G20458" s="8">
        <v>1</v>
      </c>
      <c r="H20458" s="8">
        <v>1</v>
      </c>
      <c r="I20458" s="8">
        <v>0</v>
      </c>
      <c r="J20458" s="8">
        <v>1</v>
      </c>
      <c r="K20458" s="9">
        <v>4.58</v>
      </c>
      <c r="L20458" s="6" t="s">
        <v>4151</v>
      </c>
    </row>
    <row r="20459" spans="1:12">
      <c r="A20459" s="6" t="s">
        <v>4151</v>
      </c>
      <c r="B20459" s="6"/>
      <c r="C20459" s="6" t="s">
        <v>20495</v>
      </c>
      <c r="D20459" s="6"/>
      <c r="E20459" s="6" t="s">
        <v>9</v>
      </c>
      <c r="F20459" s="7">
        <v>38657</v>
      </c>
      <c r="G20459" s="8">
        <v>1</v>
      </c>
      <c r="H20459" s="8">
        <v>1</v>
      </c>
      <c r="I20459" s="8">
        <v>0</v>
      </c>
      <c r="J20459" s="8">
        <v>1</v>
      </c>
      <c r="K20459" s="9">
        <v>6.01</v>
      </c>
      <c r="L20459" s="6" t="s">
        <v>4151</v>
      </c>
    </row>
    <row r="20460" spans="1:12">
      <c r="A20460" s="6" t="s">
        <v>4151</v>
      </c>
      <c r="B20460" s="6"/>
      <c r="C20460" s="6" t="s">
        <v>20496</v>
      </c>
      <c r="D20460" s="6"/>
      <c r="E20460" s="6" t="s">
        <v>9</v>
      </c>
      <c r="F20460" s="7">
        <v>38657</v>
      </c>
      <c r="G20460" s="8">
        <v>1</v>
      </c>
      <c r="H20460" s="8">
        <v>1</v>
      </c>
      <c r="I20460" s="8">
        <v>0</v>
      </c>
      <c r="J20460" s="8">
        <v>1</v>
      </c>
      <c r="K20460" s="9">
        <v>23</v>
      </c>
      <c r="L20460" s="6" t="s">
        <v>4151</v>
      </c>
    </row>
    <row r="20461" spans="1:12">
      <c r="A20461" s="6" t="s">
        <v>4151</v>
      </c>
      <c r="B20461" s="6"/>
      <c r="C20461" s="6" t="s">
        <v>20497</v>
      </c>
      <c r="D20461" s="6"/>
      <c r="E20461" s="6" t="s">
        <v>9</v>
      </c>
      <c r="F20461" s="7">
        <v>38657</v>
      </c>
      <c r="G20461" s="8">
        <v>1</v>
      </c>
      <c r="H20461" s="8">
        <v>1</v>
      </c>
      <c r="I20461" s="8">
        <v>0</v>
      </c>
      <c r="J20461" s="8">
        <v>1</v>
      </c>
      <c r="K20461" s="9">
        <v>13</v>
      </c>
      <c r="L20461" s="6" t="s">
        <v>4151</v>
      </c>
    </row>
    <row r="20462" spans="1:12">
      <c r="A20462" s="6" t="s">
        <v>4151</v>
      </c>
      <c r="B20462" s="6"/>
      <c r="C20462" s="6" t="s">
        <v>20498</v>
      </c>
      <c r="D20462" s="6"/>
      <c r="E20462" s="6" t="s">
        <v>9</v>
      </c>
      <c r="F20462" s="7">
        <v>38657</v>
      </c>
      <c r="G20462" s="8">
        <v>1</v>
      </c>
      <c r="H20462" s="8">
        <v>1</v>
      </c>
      <c r="I20462" s="8">
        <v>0</v>
      </c>
      <c r="J20462" s="8">
        <v>1</v>
      </c>
      <c r="K20462" s="9">
        <v>10</v>
      </c>
      <c r="L20462" s="6" t="s">
        <v>4151</v>
      </c>
    </row>
    <row r="20463" spans="1:12">
      <c r="A20463" s="6" t="s">
        <v>4151</v>
      </c>
      <c r="B20463" s="6"/>
      <c r="C20463" s="6" t="s">
        <v>20499</v>
      </c>
      <c r="D20463" s="6"/>
      <c r="E20463" s="6" t="s">
        <v>9</v>
      </c>
      <c r="F20463" s="7">
        <v>38657</v>
      </c>
      <c r="G20463" s="8">
        <v>1</v>
      </c>
      <c r="H20463" s="8">
        <v>1</v>
      </c>
      <c r="I20463" s="8">
        <v>0</v>
      </c>
      <c r="J20463" s="8">
        <v>1</v>
      </c>
      <c r="K20463" s="9">
        <v>5.32</v>
      </c>
      <c r="L20463" s="6" t="s">
        <v>4151</v>
      </c>
    </row>
    <row r="20464" spans="1:12">
      <c r="A20464" s="6" t="s">
        <v>4151</v>
      </c>
      <c r="B20464" s="6"/>
      <c r="C20464" s="6" t="s">
        <v>20500</v>
      </c>
      <c r="D20464" s="6"/>
      <c r="E20464" s="6" t="s">
        <v>9</v>
      </c>
      <c r="F20464" s="7">
        <v>38657</v>
      </c>
      <c r="G20464" s="8">
        <v>1</v>
      </c>
      <c r="H20464" s="8">
        <v>1</v>
      </c>
      <c r="I20464" s="8">
        <v>0</v>
      </c>
      <c r="J20464" s="8">
        <v>1</v>
      </c>
      <c r="K20464" s="9">
        <v>6.87</v>
      </c>
      <c r="L20464" s="6" t="s">
        <v>4151</v>
      </c>
    </row>
    <row r="20465" spans="1:12">
      <c r="A20465" s="6" t="s">
        <v>4151</v>
      </c>
      <c r="B20465" s="6"/>
      <c r="C20465" s="6" t="s">
        <v>20501</v>
      </c>
      <c r="D20465" s="6"/>
      <c r="E20465" s="6" t="s">
        <v>9</v>
      </c>
      <c r="F20465" s="7">
        <v>38657</v>
      </c>
      <c r="G20465" s="8">
        <v>1</v>
      </c>
      <c r="H20465" s="8">
        <v>1</v>
      </c>
      <c r="I20465" s="8">
        <v>0</v>
      </c>
      <c r="J20465" s="8">
        <v>1</v>
      </c>
      <c r="K20465" s="9">
        <v>4.6100000000000003</v>
      </c>
      <c r="L20465" s="6" t="s">
        <v>4151</v>
      </c>
    </row>
    <row r="20466" spans="1:12">
      <c r="A20466" s="6" t="s">
        <v>4151</v>
      </c>
      <c r="B20466" s="6"/>
      <c r="C20466" s="6" t="s">
        <v>20502</v>
      </c>
      <c r="D20466" s="6"/>
      <c r="E20466" s="6" t="s">
        <v>9</v>
      </c>
      <c r="F20466" s="7">
        <v>38657</v>
      </c>
      <c r="G20466" s="8">
        <v>1</v>
      </c>
      <c r="H20466" s="8">
        <v>1</v>
      </c>
      <c r="I20466" s="8">
        <v>0</v>
      </c>
      <c r="J20466" s="8">
        <v>1</v>
      </c>
      <c r="K20466" s="9">
        <v>5.96</v>
      </c>
      <c r="L20466" s="6" t="s">
        <v>4151</v>
      </c>
    </row>
    <row r="20467" spans="1:12">
      <c r="A20467" s="6" t="s">
        <v>4151</v>
      </c>
      <c r="B20467" s="6"/>
      <c r="C20467" s="6" t="s">
        <v>20503</v>
      </c>
      <c r="D20467" s="6"/>
      <c r="E20467" s="6" t="s">
        <v>9</v>
      </c>
      <c r="F20467" s="7">
        <v>38657</v>
      </c>
      <c r="G20467" s="8">
        <v>1</v>
      </c>
      <c r="H20467" s="8">
        <v>1</v>
      </c>
      <c r="I20467" s="8">
        <v>0</v>
      </c>
      <c r="J20467" s="8">
        <v>1</v>
      </c>
      <c r="K20467" s="9">
        <v>5.07</v>
      </c>
      <c r="L20467" s="6" t="s">
        <v>4151</v>
      </c>
    </row>
    <row r="20468" spans="1:12">
      <c r="A20468" s="6" t="s">
        <v>4151</v>
      </c>
      <c r="B20468" s="6"/>
      <c r="C20468" s="6" t="s">
        <v>20504</v>
      </c>
      <c r="D20468" s="6"/>
      <c r="E20468" s="6" t="s">
        <v>9</v>
      </c>
      <c r="F20468" s="7">
        <v>38657</v>
      </c>
      <c r="G20468" s="8">
        <v>1</v>
      </c>
      <c r="H20468" s="8">
        <v>1</v>
      </c>
      <c r="I20468" s="8">
        <v>0</v>
      </c>
      <c r="J20468" s="8">
        <v>1</v>
      </c>
      <c r="K20468" s="9">
        <v>9.65</v>
      </c>
      <c r="L20468" s="6" t="s">
        <v>4151</v>
      </c>
    </row>
    <row r="20469" spans="1:12">
      <c r="A20469" s="6" t="s">
        <v>4151</v>
      </c>
      <c r="B20469" s="6"/>
      <c r="C20469" s="6" t="s">
        <v>20505</v>
      </c>
      <c r="D20469" s="6"/>
      <c r="E20469" s="6" t="s">
        <v>9</v>
      </c>
      <c r="F20469" s="7">
        <v>38657</v>
      </c>
      <c r="G20469" s="8">
        <v>1</v>
      </c>
      <c r="H20469" s="8">
        <v>1</v>
      </c>
      <c r="I20469" s="8">
        <v>0</v>
      </c>
      <c r="J20469" s="8">
        <v>1</v>
      </c>
      <c r="K20469" s="9">
        <v>17</v>
      </c>
      <c r="L20469" s="6" t="s">
        <v>4151</v>
      </c>
    </row>
    <row r="20470" spans="1:12">
      <c r="A20470" s="6" t="s">
        <v>4151</v>
      </c>
      <c r="B20470" s="6"/>
      <c r="C20470" s="6" t="s">
        <v>20506</v>
      </c>
      <c r="D20470" s="6"/>
      <c r="E20470" s="6" t="s">
        <v>9</v>
      </c>
      <c r="F20470" s="7">
        <v>38657</v>
      </c>
      <c r="G20470" s="8">
        <v>1</v>
      </c>
      <c r="H20470" s="8">
        <v>1</v>
      </c>
      <c r="I20470" s="8">
        <v>0</v>
      </c>
      <c r="J20470" s="8">
        <v>1</v>
      </c>
      <c r="K20470" s="9">
        <v>1.1299999999999899</v>
      </c>
      <c r="L20470" s="6" t="s">
        <v>4151</v>
      </c>
    </row>
    <row r="20471" spans="1:12">
      <c r="A20471" s="6" t="s">
        <v>4151</v>
      </c>
      <c r="B20471" s="6"/>
      <c r="C20471" s="6" t="s">
        <v>20507</v>
      </c>
      <c r="D20471" s="6"/>
      <c r="E20471" s="6" t="s">
        <v>9</v>
      </c>
      <c r="F20471" s="7">
        <v>38657</v>
      </c>
      <c r="G20471" s="8">
        <v>1</v>
      </c>
      <c r="H20471" s="8">
        <v>1</v>
      </c>
      <c r="I20471" s="8">
        <v>0</v>
      </c>
      <c r="J20471" s="8">
        <v>1</v>
      </c>
      <c r="K20471" s="9">
        <v>26</v>
      </c>
      <c r="L20471" s="6" t="s">
        <v>4151</v>
      </c>
    </row>
    <row r="20472" spans="1:12">
      <c r="A20472" s="6" t="s">
        <v>4151</v>
      </c>
      <c r="B20472" s="6"/>
      <c r="C20472" s="6" t="s">
        <v>20508</v>
      </c>
      <c r="D20472" s="6"/>
      <c r="E20472" s="6" t="s">
        <v>9</v>
      </c>
      <c r="F20472" s="7">
        <v>38657</v>
      </c>
      <c r="G20472" s="8">
        <v>1</v>
      </c>
      <c r="H20472" s="8">
        <v>1</v>
      </c>
      <c r="I20472" s="8">
        <v>0</v>
      </c>
      <c r="J20472" s="8">
        <v>1</v>
      </c>
      <c r="K20472" s="9">
        <v>19</v>
      </c>
      <c r="L20472" s="6" t="s">
        <v>4151</v>
      </c>
    </row>
    <row r="20473" spans="1:12">
      <c r="A20473" s="6" t="s">
        <v>4151</v>
      </c>
      <c r="B20473" s="6"/>
      <c r="C20473" s="6" t="s">
        <v>20509</v>
      </c>
      <c r="D20473" s="6"/>
      <c r="E20473" s="6" t="s">
        <v>9</v>
      </c>
      <c r="F20473" s="7">
        <v>38657</v>
      </c>
      <c r="G20473" s="8">
        <v>1</v>
      </c>
      <c r="H20473" s="8">
        <v>1</v>
      </c>
      <c r="I20473" s="8">
        <v>0</v>
      </c>
      <c r="J20473" s="8">
        <v>1</v>
      </c>
      <c r="K20473" s="9">
        <v>27</v>
      </c>
      <c r="L20473" s="6" t="s">
        <v>4151</v>
      </c>
    </row>
    <row r="20474" spans="1:12">
      <c r="A20474" s="6" t="s">
        <v>4151</v>
      </c>
      <c r="B20474" s="6"/>
      <c r="C20474" s="6" t="s">
        <v>20510</v>
      </c>
      <c r="D20474" s="6"/>
      <c r="E20474" s="6" t="s">
        <v>9</v>
      </c>
      <c r="F20474" s="7">
        <v>38657</v>
      </c>
      <c r="G20474" s="8">
        <v>1</v>
      </c>
      <c r="H20474" s="8">
        <v>1</v>
      </c>
      <c r="I20474" s="8">
        <v>0</v>
      </c>
      <c r="J20474" s="8">
        <v>1</v>
      </c>
      <c r="K20474" s="9">
        <v>33</v>
      </c>
      <c r="L20474" s="6" t="s">
        <v>4151</v>
      </c>
    </row>
    <row r="20475" spans="1:12">
      <c r="A20475" s="6" t="s">
        <v>4151</v>
      </c>
      <c r="B20475" s="6"/>
      <c r="C20475" s="6" t="s">
        <v>20511</v>
      </c>
      <c r="D20475" s="6"/>
      <c r="E20475" s="6" t="s">
        <v>9</v>
      </c>
      <c r="F20475" s="7">
        <v>38657</v>
      </c>
      <c r="G20475" s="8">
        <v>1</v>
      </c>
      <c r="H20475" s="8">
        <v>1</v>
      </c>
      <c r="I20475" s="8">
        <v>0</v>
      </c>
      <c r="J20475" s="8">
        <v>1</v>
      </c>
      <c r="K20475" s="9">
        <v>242.14</v>
      </c>
      <c r="L20475" s="6" t="s">
        <v>4151</v>
      </c>
    </row>
    <row r="20476" spans="1:12">
      <c r="A20476" s="6" t="s">
        <v>4151</v>
      </c>
      <c r="B20476" s="6"/>
      <c r="C20476" s="6" t="s">
        <v>20512</v>
      </c>
      <c r="D20476" s="6"/>
      <c r="E20476" s="6" t="s">
        <v>9</v>
      </c>
      <c r="F20476" s="7">
        <v>38657</v>
      </c>
      <c r="G20476" s="8">
        <v>1</v>
      </c>
      <c r="H20476" s="8">
        <v>1</v>
      </c>
      <c r="I20476" s="8">
        <v>0</v>
      </c>
      <c r="J20476" s="8">
        <v>1</v>
      </c>
      <c r="K20476" s="9">
        <v>15</v>
      </c>
      <c r="L20476" s="6" t="s">
        <v>4151</v>
      </c>
    </row>
    <row r="20477" spans="1:12">
      <c r="A20477" s="6" t="s">
        <v>4151</v>
      </c>
      <c r="B20477" s="6"/>
      <c r="C20477" s="6" t="s">
        <v>20513</v>
      </c>
      <c r="D20477" s="6"/>
      <c r="E20477" s="6" t="s">
        <v>9</v>
      </c>
      <c r="F20477" s="7">
        <v>38657</v>
      </c>
      <c r="G20477" s="8">
        <v>1</v>
      </c>
      <c r="H20477" s="8">
        <v>1</v>
      </c>
      <c r="I20477" s="8">
        <v>0</v>
      </c>
      <c r="J20477" s="8">
        <v>1</v>
      </c>
      <c r="K20477" s="9">
        <v>29</v>
      </c>
      <c r="L20477" s="6" t="s">
        <v>4151</v>
      </c>
    </row>
    <row r="20478" spans="1:12">
      <c r="A20478" s="6" t="s">
        <v>4151</v>
      </c>
      <c r="B20478" s="6"/>
      <c r="C20478" s="6" t="s">
        <v>20514</v>
      </c>
      <c r="D20478" s="6"/>
      <c r="E20478" s="6" t="s">
        <v>9</v>
      </c>
      <c r="F20478" s="7">
        <v>38657</v>
      </c>
      <c r="G20478" s="8">
        <v>1</v>
      </c>
      <c r="H20478" s="8">
        <v>1</v>
      </c>
      <c r="I20478" s="8">
        <v>0</v>
      </c>
      <c r="J20478" s="8">
        <v>1</v>
      </c>
      <c r="K20478" s="9">
        <v>16</v>
      </c>
      <c r="L20478" s="6" t="s">
        <v>4151</v>
      </c>
    </row>
    <row r="20479" spans="1:12">
      <c r="A20479" s="6" t="s">
        <v>4151</v>
      </c>
      <c r="B20479" s="6"/>
      <c r="C20479" s="6" t="s">
        <v>20515</v>
      </c>
      <c r="D20479" s="6"/>
      <c r="E20479" s="6" t="s">
        <v>9</v>
      </c>
      <c r="F20479" s="7">
        <v>38657</v>
      </c>
      <c r="G20479" s="8">
        <v>1</v>
      </c>
      <c r="H20479" s="8">
        <v>1</v>
      </c>
      <c r="I20479" s="8">
        <v>0</v>
      </c>
      <c r="J20479" s="8">
        <v>1</v>
      </c>
      <c r="K20479" s="9">
        <v>18</v>
      </c>
      <c r="L20479" s="6" t="s">
        <v>4151</v>
      </c>
    </row>
    <row r="20480" spans="1:12">
      <c r="A20480" s="6" t="s">
        <v>4151</v>
      </c>
      <c r="B20480" s="6"/>
      <c r="C20480" s="6" t="s">
        <v>20516</v>
      </c>
      <c r="D20480" s="6"/>
      <c r="E20480" s="6" t="s">
        <v>9</v>
      </c>
      <c r="F20480" s="7">
        <v>38657</v>
      </c>
      <c r="G20480" s="8">
        <v>1</v>
      </c>
      <c r="H20480" s="8">
        <v>1</v>
      </c>
      <c r="I20480" s="8">
        <v>0</v>
      </c>
      <c r="J20480" s="8">
        <v>1</v>
      </c>
      <c r="K20480" s="9">
        <v>55</v>
      </c>
      <c r="L20480" s="6" t="s">
        <v>4151</v>
      </c>
    </row>
    <row r="20481" spans="1:12">
      <c r="A20481" s="6" t="s">
        <v>4151</v>
      </c>
      <c r="B20481" s="6"/>
      <c r="C20481" s="6" t="s">
        <v>20517</v>
      </c>
      <c r="D20481" s="6"/>
      <c r="E20481" s="6" t="s">
        <v>9</v>
      </c>
      <c r="F20481" s="7">
        <v>38657</v>
      </c>
      <c r="G20481" s="8">
        <v>1</v>
      </c>
      <c r="H20481" s="8">
        <v>1</v>
      </c>
      <c r="I20481" s="8">
        <v>0</v>
      </c>
      <c r="J20481" s="8">
        <v>1</v>
      </c>
      <c r="K20481" s="9">
        <v>58</v>
      </c>
      <c r="L20481" s="6" t="s">
        <v>4151</v>
      </c>
    </row>
    <row r="20482" spans="1:12">
      <c r="A20482" s="6" t="s">
        <v>4151</v>
      </c>
      <c r="B20482" s="6"/>
      <c r="C20482" s="6" t="s">
        <v>20518</v>
      </c>
      <c r="D20482" s="6"/>
      <c r="E20482" s="6" t="s">
        <v>9</v>
      </c>
      <c r="F20482" s="7">
        <v>38657</v>
      </c>
      <c r="G20482" s="8">
        <v>1</v>
      </c>
      <c r="H20482" s="8">
        <v>1</v>
      </c>
      <c r="I20482" s="8">
        <v>0</v>
      </c>
      <c r="J20482" s="8">
        <v>1</v>
      </c>
      <c r="K20482" s="9">
        <v>31</v>
      </c>
      <c r="L20482" s="6" t="s">
        <v>4151</v>
      </c>
    </row>
    <row r="20483" spans="1:12">
      <c r="A20483" s="6" t="s">
        <v>4151</v>
      </c>
      <c r="B20483" s="6"/>
      <c r="C20483" s="6" t="s">
        <v>20519</v>
      </c>
      <c r="D20483" s="6"/>
      <c r="E20483" s="6" t="s">
        <v>9</v>
      </c>
      <c r="F20483" s="7">
        <v>38657</v>
      </c>
      <c r="G20483" s="8">
        <v>1</v>
      </c>
      <c r="H20483" s="8">
        <v>1</v>
      </c>
      <c r="I20483" s="8">
        <v>0</v>
      </c>
      <c r="J20483" s="8">
        <v>1</v>
      </c>
      <c r="K20483" s="9">
        <v>27</v>
      </c>
      <c r="L20483" s="6" t="s">
        <v>4151</v>
      </c>
    </row>
    <row r="20484" spans="1:12">
      <c r="A20484" s="6" t="s">
        <v>4151</v>
      </c>
      <c r="B20484" s="6"/>
      <c r="C20484" s="6" t="s">
        <v>20520</v>
      </c>
      <c r="D20484" s="6"/>
      <c r="E20484" s="6" t="s">
        <v>9</v>
      </c>
      <c r="F20484" s="7">
        <v>38657</v>
      </c>
      <c r="G20484" s="8">
        <v>1</v>
      </c>
      <c r="H20484" s="8">
        <v>1</v>
      </c>
      <c r="I20484" s="8">
        <v>0</v>
      </c>
      <c r="J20484" s="8">
        <v>1</v>
      </c>
      <c r="K20484" s="9">
        <v>53</v>
      </c>
      <c r="L20484" s="6" t="s">
        <v>4151</v>
      </c>
    </row>
    <row r="20485" spans="1:12">
      <c r="A20485" s="6" t="s">
        <v>4151</v>
      </c>
      <c r="B20485" s="6"/>
      <c r="C20485" s="6" t="s">
        <v>20521</v>
      </c>
      <c r="D20485" s="6"/>
      <c r="E20485" s="6" t="s">
        <v>9</v>
      </c>
      <c r="F20485" s="7">
        <v>38657</v>
      </c>
      <c r="G20485" s="8">
        <v>1</v>
      </c>
      <c r="H20485" s="8">
        <v>1</v>
      </c>
      <c r="I20485" s="8">
        <v>0</v>
      </c>
      <c r="J20485" s="8">
        <v>1</v>
      </c>
      <c r="K20485" s="9">
        <v>51</v>
      </c>
      <c r="L20485" s="6" t="s">
        <v>4151</v>
      </c>
    </row>
    <row r="20486" spans="1:12">
      <c r="A20486" s="6" t="s">
        <v>4151</v>
      </c>
      <c r="B20486" s="6"/>
      <c r="C20486" s="6" t="s">
        <v>20522</v>
      </c>
      <c r="D20486" s="6"/>
      <c r="E20486" s="6" t="s">
        <v>9</v>
      </c>
      <c r="F20486" s="7">
        <v>38657</v>
      </c>
      <c r="G20486" s="8">
        <v>1</v>
      </c>
      <c r="H20486" s="8">
        <v>1</v>
      </c>
      <c r="I20486" s="8">
        <v>0</v>
      </c>
      <c r="J20486" s="8">
        <v>1</v>
      </c>
      <c r="K20486" s="9">
        <v>214.9</v>
      </c>
      <c r="L20486" s="6" t="s">
        <v>4151</v>
      </c>
    </row>
    <row r="20487" spans="1:12">
      <c r="A20487" s="6" t="s">
        <v>4151</v>
      </c>
      <c r="B20487" s="6"/>
      <c r="C20487" s="6" t="s">
        <v>20523</v>
      </c>
      <c r="D20487" s="6"/>
      <c r="E20487" s="6" t="s">
        <v>9</v>
      </c>
      <c r="F20487" s="7">
        <v>38657</v>
      </c>
      <c r="G20487" s="8">
        <v>1</v>
      </c>
      <c r="H20487" s="8">
        <v>1</v>
      </c>
      <c r="I20487" s="8">
        <v>0</v>
      </c>
      <c r="J20487" s="8">
        <v>1</v>
      </c>
      <c r="K20487" s="9">
        <v>39</v>
      </c>
      <c r="L20487" s="6" t="s">
        <v>4151</v>
      </c>
    </row>
    <row r="20488" spans="1:12">
      <c r="A20488" s="6" t="s">
        <v>4151</v>
      </c>
      <c r="B20488" s="6"/>
      <c r="C20488" s="6" t="s">
        <v>20524</v>
      </c>
      <c r="D20488" s="6"/>
      <c r="E20488" s="6" t="s">
        <v>9</v>
      </c>
      <c r="F20488" s="7">
        <v>38657</v>
      </c>
      <c r="G20488" s="8">
        <v>1</v>
      </c>
      <c r="H20488" s="8">
        <v>1</v>
      </c>
      <c r="I20488" s="8">
        <v>0</v>
      </c>
      <c r="J20488" s="8">
        <v>1</v>
      </c>
      <c r="K20488" s="9">
        <v>30</v>
      </c>
      <c r="L20488" s="6" t="s">
        <v>4151</v>
      </c>
    </row>
    <row r="20489" spans="1:12">
      <c r="A20489" s="6" t="s">
        <v>4151</v>
      </c>
      <c r="B20489" s="6"/>
      <c r="C20489" s="6" t="s">
        <v>20525</v>
      </c>
      <c r="D20489" s="6"/>
      <c r="E20489" s="6" t="s">
        <v>9</v>
      </c>
      <c r="F20489" s="7">
        <v>38657</v>
      </c>
      <c r="G20489" s="8">
        <v>1</v>
      </c>
      <c r="H20489" s="8">
        <v>1</v>
      </c>
      <c r="I20489" s="8">
        <v>0</v>
      </c>
      <c r="J20489" s="8">
        <v>1</v>
      </c>
      <c r="K20489" s="9">
        <v>49</v>
      </c>
      <c r="L20489" s="6" t="s">
        <v>4151</v>
      </c>
    </row>
    <row r="20490" spans="1:12">
      <c r="A20490" s="6" t="s">
        <v>4151</v>
      </c>
      <c r="B20490" s="6"/>
      <c r="C20490" s="6" t="s">
        <v>20526</v>
      </c>
      <c r="D20490" s="6"/>
      <c r="E20490" s="6" t="s">
        <v>9</v>
      </c>
      <c r="F20490" s="7">
        <v>38657</v>
      </c>
      <c r="G20490" s="8">
        <v>1</v>
      </c>
      <c r="H20490" s="8">
        <v>1</v>
      </c>
      <c r="I20490" s="8">
        <v>0</v>
      </c>
      <c r="J20490" s="8">
        <v>1</v>
      </c>
      <c r="K20490" s="9">
        <v>53</v>
      </c>
      <c r="L20490" s="6" t="s">
        <v>4151</v>
      </c>
    </row>
    <row r="20491" spans="1:12">
      <c r="A20491" s="6" t="s">
        <v>4151</v>
      </c>
      <c r="B20491" s="6"/>
      <c r="C20491" s="6" t="s">
        <v>20527</v>
      </c>
      <c r="D20491" s="6"/>
      <c r="E20491" s="6" t="s">
        <v>9</v>
      </c>
      <c r="F20491" s="7">
        <v>38657</v>
      </c>
      <c r="G20491" s="8">
        <v>1</v>
      </c>
      <c r="H20491" s="8">
        <v>1</v>
      </c>
      <c r="I20491" s="8">
        <v>0</v>
      </c>
      <c r="J20491" s="8">
        <v>1</v>
      </c>
      <c r="K20491" s="9">
        <v>55</v>
      </c>
      <c r="L20491" s="6" t="s">
        <v>4151</v>
      </c>
    </row>
    <row r="20492" spans="1:12">
      <c r="A20492" s="6" t="s">
        <v>4151</v>
      </c>
      <c r="B20492" s="6"/>
      <c r="C20492" s="6" t="s">
        <v>20528</v>
      </c>
      <c r="D20492" s="6"/>
      <c r="E20492" s="6" t="s">
        <v>9</v>
      </c>
      <c r="F20492" s="7">
        <v>38657</v>
      </c>
      <c r="G20492" s="8">
        <v>1</v>
      </c>
      <c r="H20492" s="8">
        <v>1</v>
      </c>
      <c r="I20492" s="8">
        <v>0</v>
      </c>
      <c r="J20492" s="8">
        <v>1</v>
      </c>
      <c r="K20492" s="9">
        <v>48</v>
      </c>
      <c r="L20492" s="6" t="s">
        <v>4151</v>
      </c>
    </row>
    <row r="20493" spans="1:12">
      <c r="A20493" s="6" t="s">
        <v>4151</v>
      </c>
      <c r="B20493" s="6"/>
      <c r="C20493" s="6" t="s">
        <v>20529</v>
      </c>
      <c r="D20493" s="6"/>
      <c r="E20493" s="6" t="s">
        <v>9</v>
      </c>
      <c r="F20493" s="7">
        <v>38657</v>
      </c>
      <c r="G20493" s="8">
        <v>1</v>
      </c>
      <c r="H20493" s="8">
        <v>1</v>
      </c>
      <c r="I20493" s="8">
        <v>0</v>
      </c>
      <c r="J20493" s="8">
        <v>1</v>
      </c>
      <c r="K20493" s="9">
        <v>120</v>
      </c>
      <c r="L20493" s="6" t="s">
        <v>4151</v>
      </c>
    </row>
    <row r="20494" spans="1:12">
      <c r="A20494" s="6" t="s">
        <v>4151</v>
      </c>
      <c r="B20494" s="6"/>
      <c r="C20494" s="6" t="s">
        <v>20530</v>
      </c>
      <c r="D20494" s="6"/>
      <c r="E20494" s="6" t="s">
        <v>9</v>
      </c>
      <c r="F20494" s="7">
        <v>38657</v>
      </c>
      <c r="G20494" s="8">
        <v>1</v>
      </c>
      <c r="H20494" s="8">
        <v>1</v>
      </c>
      <c r="I20494" s="8">
        <v>0</v>
      </c>
      <c r="J20494" s="8">
        <v>1</v>
      </c>
      <c r="K20494" s="9">
        <v>42</v>
      </c>
      <c r="L20494" s="6" t="s">
        <v>4151</v>
      </c>
    </row>
    <row r="20495" spans="1:12">
      <c r="A20495" s="6" t="s">
        <v>4151</v>
      </c>
      <c r="B20495" s="6"/>
      <c r="C20495" s="6" t="s">
        <v>20531</v>
      </c>
      <c r="D20495" s="6"/>
      <c r="E20495" s="6" t="s">
        <v>9</v>
      </c>
      <c r="F20495" s="7">
        <v>38657</v>
      </c>
      <c r="G20495" s="8">
        <v>1</v>
      </c>
      <c r="H20495" s="8">
        <v>1</v>
      </c>
      <c r="I20495" s="8">
        <v>0</v>
      </c>
      <c r="J20495" s="8">
        <v>1</v>
      </c>
      <c r="K20495" s="9">
        <v>72</v>
      </c>
      <c r="L20495" s="6" t="s">
        <v>4151</v>
      </c>
    </row>
    <row r="20496" spans="1:12">
      <c r="A20496" s="6" t="s">
        <v>4151</v>
      </c>
      <c r="B20496" s="6"/>
      <c r="C20496" s="6" t="s">
        <v>20532</v>
      </c>
      <c r="D20496" s="6"/>
      <c r="E20496" s="6" t="s">
        <v>9</v>
      </c>
      <c r="F20496" s="7">
        <v>38657</v>
      </c>
      <c r="G20496" s="8">
        <v>1</v>
      </c>
      <c r="H20496" s="8">
        <v>1</v>
      </c>
      <c r="I20496" s="8">
        <v>0</v>
      </c>
      <c r="J20496" s="8">
        <v>1</v>
      </c>
      <c r="K20496" s="9">
        <v>21</v>
      </c>
      <c r="L20496" s="6" t="s">
        <v>4151</v>
      </c>
    </row>
    <row r="20497" spans="1:12">
      <c r="A20497" s="6" t="s">
        <v>4151</v>
      </c>
      <c r="B20497" s="6"/>
      <c r="C20497" s="6" t="s">
        <v>20533</v>
      </c>
      <c r="D20497" s="6"/>
      <c r="E20497" s="6" t="s">
        <v>9</v>
      </c>
      <c r="F20497" s="7">
        <v>38657</v>
      </c>
      <c r="G20497" s="8">
        <v>1</v>
      </c>
      <c r="H20497" s="8">
        <v>1</v>
      </c>
      <c r="I20497" s="8">
        <v>0</v>
      </c>
      <c r="J20497" s="8">
        <v>1</v>
      </c>
      <c r="K20497" s="9">
        <v>93.48</v>
      </c>
      <c r="L20497" s="6" t="s">
        <v>4151</v>
      </c>
    </row>
    <row r="20498" spans="1:12">
      <c r="A20498" s="6" t="s">
        <v>4151</v>
      </c>
      <c r="B20498" s="6"/>
      <c r="C20498" s="6" t="s">
        <v>20534</v>
      </c>
      <c r="D20498" s="6"/>
      <c r="E20498" s="6" t="s">
        <v>9</v>
      </c>
      <c r="F20498" s="7">
        <v>38657</v>
      </c>
      <c r="G20498" s="8">
        <v>1</v>
      </c>
      <c r="H20498" s="8">
        <v>1</v>
      </c>
      <c r="I20498" s="8">
        <v>0</v>
      </c>
      <c r="J20498" s="8">
        <v>1</v>
      </c>
      <c r="K20498" s="9">
        <v>50</v>
      </c>
      <c r="L20498" s="6" t="s">
        <v>4151</v>
      </c>
    </row>
    <row r="20499" spans="1:12">
      <c r="A20499" s="6" t="s">
        <v>4151</v>
      </c>
      <c r="B20499" s="6"/>
      <c r="C20499" s="6" t="s">
        <v>20535</v>
      </c>
      <c r="D20499" s="6"/>
      <c r="E20499" s="6" t="s">
        <v>9</v>
      </c>
      <c r="F20499" s="7">
        <v>38657</v>
      </c>
      <c r="G20499" s="8">
        <v>1</v>
      </c>
      <c r="H20499" s="8">
        <v>1</v>
      </c>
      <c r="I20499" s="8">
        <v>0</v>
      </c>
      <c r="J20499" s="8">
        <v>1</v>
      </c>
      <c r="K20499" s="9">
        <v>97</v>
      </c>
      <c r="L20499" s="6" t="s">
        <v>4151</v>
      </c>
    </row>
    <row r="20500" spans="1:12">
      <c r="A20500" s="6" t="s">
        <v>4151</v>
      </c>
      <c r="B20500" s="6"/>
      <c r="C20500" s="6" t="s">
        <v>20536</v>
      </c>
      <c r="D20500" s="6"/>
      <c r="E20500" s="6" t="s">
        <v>9</v>
      </c>
      <c r="F20500" s="7">
        <v>38657</v>
      </c>
      <c r="G20500" s="8">
        <v>1</v>
      </c>
      <c r="H20500" s="8">
        <v>1</v>
      </c>
      <c r="I20500" s="8">
        <v>0</v>
      </c>
      <c r="J20500" s="8">
        <v>1</v>
      </c>
      <c r="K20500" s="9">
        <v>6.39</v>
      </c>
      <c r="L20500" s="6" t="s">
        <v>4151</v>
      </c>
    </row>
    <row r="20501" spans="1:12">
      <c r="A20501" s="6" t="s">
        <v>4151</v>
      </c>
      <c r="B20501" s="6"/>
      <c r="C20501" s="6" t="s">
        <v>20537</v>
      </c>
      <c r="D20501" s="6"/>
      <c r="E20501" s="6" t="s">
        <v>9</v>
      </c>
      <c r="F20501" s="7">
        <v>38657</v>
      </c>
      <c r="G20501" s="8">
        <v>1</v>
      </c>
      <c r="H20501" s="8">
        <v>1</v>
      </c>
      <c r="I20501" s="8">
        <v>0</v>
      </c>
      <c r="J20501" s="8">
        <v>1</v>
      </c>
      <c r="K20501" s="9">
        <v>21</v>
      </c>
      <c r="L20501" s="6" t="s">
        <v>4151</v>
      </c>
    </row>
    <row r="20502" spans="1:12">
      <c r="A20502" s="6" t="s">
        <v>4151</v>
      </c>
      <c r="B20502" s="6"/>
      <c r="C20502" s="6" t="s">
        <v>20538</v>
      </c>
      <c r="D20502" s="6"/>
      <c r="E20502" s="6" t="s">
        <v>9</v>
      </c>
      <c r="F20502" s="7">
        <v>38657</v>
      </c>
      <c r="G20502" s="8">
        <v>1</v>
      </c>
      <c r="H20502" s="8">
        <v>1</v>
      </c>
      <c r="I20502" s="8">
        <v>0</v>
      </c>
      <c r="J20502" s="8">
        <v>1</v>
      </c>
      <c r="K20502" s="9">
        <v>23</v>
      </c>
      <c r="L20502" s="6" t="s">
        <v>4151</v>
      </c>
    </row>
    <row r="20503" spans="1:12">
      <c r="A20503" s="6" t="s">
        <v>4151</v>
      </c>
      <c r="B20503" s="6"/>
      <c r="C20503" s="6" t="s">
        <v>20539</v>
      </c>
      <c r="D20503" s="6"/>
      <c r="E20503" s="6" t="s">
        <v>9</v>
      </c>
      <c r="F20503" s="7">
        <v>38657</v>
      </c>
      <c r="G20503" s="8">
        <v>1</v>
      </c>
      <c r="H20503" s="8">
        <v>1</v>
      </c>
      <c r="I20503" s="8">
        <v>0</v>
      </c>
      <c r="J20503" s="8">
        <v>1</v>
      </c>
      <c r="K20503" s="9">
        <v>9.36</v>
      </c>
      <c r="L20503" s="6" t="s">
        <v>4151</v>
      </c>
    </row>
    <row r="20504" spans="1:12">
      <c r="A20504" s="6" t="s">
        <v>4151</v>
      </c>
      <c r="B20504" s="6"/>
      <c r="C20504" s="6" t="s">
        <v>20540</v>
      </c>
      <c r="D20504" s="6"/>
      <c r="E20504" s="6" t="s">
        <v>9</v>
      </c>
      <c r="F20504" s="7">
        <v>38657</v>
      </c>
      <c r="G20504" s="8">
        <v>1</v>
      </c>
      <c r="H20504" s="8">
        <v>1</v>
      </c>
      <c r="I20504" s="8">
        <v>0</v>
      </c>
      <c r="J20504" s="8">
        <v>1</v>
      </c>
      <c r="K20504" s="9">
        <v>7.22</v>
      </c>
      <c r="L20504" s="6" t="s">
        <v>4151</v>
      </c>
    </row>
    <row r="20505" spans="1:12">
      <c r="A20505" s="6" t="s">
        <v>4151</v>
      </c>
      <c r="B20505" s="6"/>
      <c r="C20505" s="6" t="s">
        <v>20541</v>
      </c>
      <c r="D20505" s="6"/>
      <c r="E20505" s="6" t="s">
        <v>9</v>
      </c>
      <c r="F20505" s="7">
        <v>38657</v>
      </c>
      <c r="G20505" s="8">
        <v>1</v>
      </c>
      <c r="H20505" s="8">
        <v>1</v>
      </c>
      <c r="I20505" s="8">
        <v>0</v>
      </c>
      <c r="J20505" s="8">
        <v>1</v>
      </c>
      <c r="K20505" s="9">
        <v>5.07</v>
      </c>
      <c r="L20505" s="6" t="s">
        <v>4151</v>
      </c>
    </row>
    <row r="20506" spans="1:12">
      <c r="A20506" s="6" t="s">
        <v>4151</v>
      </c>
      <c r="B20506" s="6"/>
      <c r="C20506" s="6" t="s">
        <v>20542</v>
      </c>
      <c r="D20506" s="6"/>
      <c r="E20506" s="6" t="s">
        <v>9</v>
      </c>
      <c r="F20506" s="7">
        <v>38657</v>
      </c>
      <c r="G20506" s="8">
        <v>1</v>
      </c>
      <c r="H20506" s="8">
        <v>1</v>
      </c>
      <c r="I20506" s="8">
        <v>0</v>
      </c>
      <c r="J20506" s="8">
        <v>1</v>
      </c>
      <c r="K20506" s="9">
        <v>9.24</v>
      </c>
      <c r="L20506" s="6" t="s">
        <v>4151</v>
      </c>
    </row>
    <row r="20507" spans="1:12">
      <c r="A20507" s="6" t="s">
        <v>4151</v>
      </c>
      <c r="B20507" s="6"/>
      <c r="C20507" s="6" t="s">
        <v>20543</v>
      </c>
      <c r="D20507" s="6"/>
      <c r="E20507" s="6" t="s">
        <v>9</v>
      </c>
      <c r="F20507" s="7">
        <v>38657</v>
      </c>
      <c r="G20507" s="8">
        <v>1</v>
      </c>
      <c r="H20507" s="8">
        <v>1</v>
      </c>
      <c r="I20507" s="8">
        <v>0</v>
      </c>
      <c r="J20507" s="8">
        <v>1</v>
      </c>
      <c r="K20507" s="9">
        <v>3.18</v>
      </c>
      <c r="L20507" s="6" t="s">
        <v>4151</v>
      </c>
    </row>
    <row r="20508" spans="1:12">
      <c r="A20508" s="6" t="s">
        <v>4151</v>
      </c>
      <c r="B20508" s="6"/>
      <c r="C20508" s="6" t="s">
        <v>20544</v>
      </c>
      <c r="D20508" s="6"/>
      <c r="E20508" s="6" t="s">
        <v>9</v>
      </c>
      <c r="F20508" s="7">
        <v>38657</v>
      </c>
      <c r="G20508" s="8">
        <v>1</v>
      </c>
      <c r="H20508" s="8">
        <v>1</v>
      </c>
      <c r="I20508" s="8">
        <v>0</v>
      </c>
      <c r="J20508" s="8">
        <v>1</v>
      </c>
      <c r="K20508" s="9">
        <v>323</v>
      </c>
      <c r="L20508" s="6" t="s">
        <v>4151</v>
      </c>
    </row>
    <row r="20509" spans="1:12">
      <c r="A20509" s="6" t="s">
        <v>4151</v>
      </c>
      <c r="B20509" s="6"/>
      <c r="C20509" s="6" t="s">
        <v>20545</v>
      </c>
      <c r="D20509" s="6"/>
      <c r="E20509" s="6" t="s">
        <v>9</v>
      </c>
      <c r="F20509" s="7">
        <v>38657</v>
      </c>
      <c r="G20509" s="8">
        <v>1</v>
      </c>
      <c r="H20509" s="8">
        <v>1</v>
      </c>
      <c r="I20509" s="8">
        <v>0</v>
      </c>
      <c r="J20509" s="8">
        <v>1</v>
      </c>
      <c r="K20509" s="9">
        <v>29.18</v>
      </c>
      <c r="L20509" s="6" t="s">
        <v>4151</v>
      </c>
    </row>
    <row r="20510" spans="1:12">
      <c r="A20510" s="6" t="s">
        <v>4151</v>
      </c>
      <c r="B20510" s="6"/>
      <c r="C20510" s="6" t="s">
        <v>20546</v>
      </c>
      <c r="D20510" s="6"/>
      <c r="E20510" s="6" t="s">
        <v>9</v>
      </c>
      <c r="F20510" s="7">
        <v>38657</v>
      </c>
      <c r="G20510" s="8">
        <v>1</v>
      </c>
      <c r="H20510" s="8">
        <v>1</v>
      </c>
      <c r="I20510" s="8">
        <v>0</v>
      </c>
      <c r="J20510" s="8">
        <v>1</v>
      </c>
      <c r="K20510" s="9">
        <v>4.2</v>
      </c>
      <c r="L20510" s="6" t="s">
        <v>4151</v>
      </c>
    </row>
    <row r="20511" spans="1:12">
      <c r="A20511" s="6" t="s">
        <v>4151</v>
      </c>
      <c r="B20511" s="6"/>
      <c r="C20511" s="6" t="s">
        <v>20547</v>
      </c>
      <c r="D20511" s="6"/>
      <c r="E20511" s="6" t="s">
        <v>9</v>
      </c>
      <c r="F20511" s="7">
        <v>38657</v>
      </c>
      <c r="G20511" s="8">
        <v>1</v>
      </c>
      <c r="H20511" s="8">
        <v>1</v>
      </c>
      <c r="I20511" s="8">
        <v>0</v>
      </c>
      <c r="J20511" s="8">
        <v>1</v>
      </c>
      <c r="K20511" s="9">
        <v>6.3</v>
      </c>
      <c r="L20511" s="6" t="s">
        <v>4151</v>
      </c>
    </row>
    <row r="20512" spans="1:12">
      <c r="A20512" s="6" t="s">
        <v>4151</v>
      </c>
      <c r="B20512" s="6"/>
      <c r="C20512" s="6" t="s">
        <v>20548</v>
      </c>
      <c r="D20512" s="6"/>
      <c r="E20512" s="6" t="s">
        <v>9</v>
      </c>
      <c r="F20512" s="7">
        <v>38657</v>
      </c>
      <c r="G20512" s="8">
        <v>1</v>
      </c>
      <c r="H20512" s="8">
        <v>1</v>
      </c>
      <c r="I20512" s="8">
        <v>0</v>
      </c>
      <c r="J20512" s="8">
        <v>1</v>
      </c>
      <c r="K20512" s="9">
        <v>3.88</v>
      </c>
      <c r="L20512" s="6" t="s">
        <v>4151</v>
      </c>
    </row>
    <row r="20513" spans="1:12">
      <c r="A20513" s="6" t="s">
        <v>4151</v>
      </c>
      <c r="B20513" s="6"/>
      <c r="C20513" s="6" t="s">
        <v>20549</v>
      </c>
      <c r="D20513" s="6"/>
      <c r="E20513" s="6" t="s">
        <v>9</v>
      </c>
      <c r="F20513" s="7">
        <v>38657</v>
      </c>
      <c r="G20513" s="8">
        <v>1</v>
      </c>
      <c r="H20513" s="8">
        <v>1</v>
      </c>
      <c r="I20513" s="8">
        <v>0</v>
      </c>
      <c r="J20513" s="8">
        <v>1</v>
      </c>
      <c r="K20513" s="9">
        <v>8.64</v>
      </c>
      <c r="L20513" s="6" t="s">
        <v>4151</v>
      </c>
    </row>
    <row r="20514" spans="1:12">
      <c r="A20514" s="6" t="s">
        <v>4151</v>
      </c>
      <c r="B20514" s="6"/>
      <c r="C20514" s="6" t="s">
        <v>20550</v>
      </c>
      <c r="D20514" s="6"/>
      <c r="E20514" s="6" t="s">
        <v>9</v>
      </c>
      <c r="F20514" s="7">
        <v>38657</v>
      </c>
      <c r="G20514" s="8">
        <v>1</v>
      </c>
      <c r="H20514" s="8">
        <v>1</v>
      </c>
      <c r="I20514" s="8">
        <v>0</v>
      </c>
      <c r="J20514" s="8">
        <v>1</v>
      </c>
      <c r="K20514" s="9">
        <v>3.53</v>
      </c>
      <c r="L20514" s="6" t="s">
        <v>4151</v>
      </c>
    </row>
    <row r="20515" spans="1:12">
      <c r="A20515" s="6" t="s">
        <v>4151</v>
      </c>
      <c r="B20515" s="6"/>
      <c r="C20515" s="6" t="s">
        <v>20551</v>
      </c>
      <c r="D20515" s="6"/>
      <c r="E20515" s="6" t="s">
        <v>9</v>
      </c>
      <c r="F20515" s="7">
        <v>38657</v>
      </c>
      <c r="G20515" s="8">
        <v>1</v>
      </c>
      <c r="H20515" s="8">
        <v>1</v>
      </c>
      <c r="I20515" s="8">
        <v>0</v>
      </c>
      <c r="J20515" s="8">
        <v>1</v>
      </c>
      <c r="K20515" s="9">
        <v>1.64</v>
      </c>
      <c r="L20515" s="6" t="s">
        <v>4151</v>
      </c>
    </row>
    <row r="20516" spans="1:12">
      <c r="A20516" s="6" t="s">
        <v>4151</v>
      </c>
      <c r="B20516" s="6"/>
      <c r="C20516" s="6" t="s">
        <v>20552</v>
      </c>
      <c r="D20516" s="6"/>
      <c r="E20516" s="6" t="s">
        <v>9</v>
      </c>
      <c r="F20516" s="7">
        <v>38657</v>
      </c>
      <c r="G20516" s="8">
        <v>1</v>
      </c>
      <c r="H20516" s="8">
        <v>1</v>
      </c>
      <c r="I20516" s="8">
        <v>0</v>
      </c>
      <c r="J20516" s="8">
        <v>1</v>
      </c>
      <c r="K20516" s="9">
        <v>1.26</v>
      </c>
      <c r="L20516" s="6" t="s">
        <v>4151</v>
      </c>
    </row>
    <row r="20517" spans="1:12">
      <c r="A20517" s="6" t="s">
        <v>4151</v>
      </c>
      <c r="B20517" s="6"/>
      <c r="C20517" s="6" t="s">
        <v>20553</v>
      </c>
      <c r="D20517" s="6"/>
      <c r="E20517" s="6" t="s">
        <v>9</v>
      </c>
      <c r="F20517" s="7">
        <v>38657</v>
      </c>
      <c r="G20517" s="8">
        <v>1</v>
      </c>
      <c r="H20517" s="8">
        <v>1</v>
      </c>
      <c r="I20517" s="8">
        <v>0</v>
      </c>
      <c r="J20517" s="8">
        <v>1</v>
      </c>
      <c r="K20517" s="9">
        <v>1.61</v>
      </c>
      <c r="L20517" s="6" t="s">
        <v>4151</v>
      </c>
    </row>
    <row r="20518" spans="1:12">
      <c r="A20518" s="6" t="s">
        <v>4151</v>
      </c>
      <c r="B20518" s="6"/>
      <c r="C20518" s="6" t="s">
        <v>20554</v>
      </c>
      <c r="D20518" s="6"/>
      <c r="E20518" s="6" t="s">
        <v>9</v>
      </c>
      <c r="F20518" s="7">
        <v>38657</v>
      </c>
      <c r="G20518" s="8">
        <v>1</v>
      </c>
      <c r="H20518" s="8">
        <v>1</v>
      </c>
      <c r="I20518" s="8">
        <v>0</v>
      </c>
      <c r="J20518" s="8">
        <v>1</v>
      </c>
      <c r="K20518" s="9">
        <v>23</v>
      </c>
      <c r="L20518" s="6" t="s">
        <v>4151</v>
      </c>
    </row>
    <row r="20519" spans="1:12">
      <c r="A20519" s="6" t="s">
        <v>4151</v>
      </c>
      <c r="B20519" s="6"/>
      <c r="C20519" s="6" t="s">
        <v>20555</v>
      </c>
      <c r="D20519" s="6"/>
      <c r="E20519" s="6" t="s">
        <v>9</v>
      </c>
      <c r="F20519" s="7">
        <v>38657</v>
      </c>
      <c r="G20519" s="8">
        <v>1</v>
      </c>
      <c r="H20519" s="8">
        <v>1</v>
      </c>
      <c r="I20519" s="8">
        <v>0</v>
      </c>
      <c r="J20519" s="8">
        <v>1</v>
      </c>
      <c r="K20519" s="9">
        <v>22</v>
      </c>
      <c r="L20519" s="6" t="s">
        <v>4151</v>
      </c>
    </row>
    <row r="20520" spans="1:12">
      <c r="A20520" s="6" t="s">
        <v>4151</v>
      </c>
      <c r="B20520" s="6"/>
      <c r="C20520" s="6" t="s">
        <v>20556</v>
      </c>
      <c r="D20520" s="6"/>
      <c r="E20520" s="6" t="s">
        <v>9</v>
      </c>
      <c r="F20520" s="7">
        <v>38657</v>
      </c>
      <c r="G20520" s="8">
        <v>1</v>
      </c>
      <c r="H20520" s="8">
        <v>1</v>
      </c>
      <c r="I20520" s="8">
        <v>0</v>
      </c>
      <c r="J20520" s="8">
        <v>1</v>
      </c>
      <c r="K20520" s="9">
        <v>148</v>
      </c>
      <c r="L20520" s="6" t="s">
        <v>4151</v>
      </c>
    </row>
    <row r="20521" spans="1:12">
      <c r="A20521" s="6" t="s">
        <v>4151</v>
      </c>
      <c r="B20521" s="6"/>
      <c r="C20521" s="6" t="s">
        <v>20557</v>
      </c>
      <c r="D20521" s="6"/>
      <c r="E20521" s="6" t="s">
        <v>9</v>
      </c>
      <c r="F20521" s="7">
        <v>38657</v>
      </c>
      <c r="G20521" s="8">
        <v>1</v>
      </c>
      <c r="H20521" s="8">
        <v>1</v>
      </c>
      <c r="I20521" s="8">
        <v>0</v>
      </c>
      <c r="J20521" s="8">
        <v>1</v>
      </c>
      <c r="K20521" s="9">
        <v>24</v>
      </c>
      <c r="L20521" s="6" t="s">
        <v>4151</v>
      </c>
    </row>
    <row r="20522" spans="1:12">
      <c r="A20522" s="6" t="s">
        <v>4151</v>
      </c>
      <c r="B20522" s="6"/>
      <c r="C20522" s="6" t="s">
        <v>20558</v>
      </c>
      <c r="D20522" s="6"/>
      <c r="E20522" s="6" t="s">
        <v>9</v>
      </c>
      <c r="F20522" s="7">
        <v>38657</v>
      </c>
      <c r="G20522" s="8">
        <v>1</v>
      </c>
      <c r="H20522" s="8">
        <v>1</v>
      </c>
      <c r="I20522" s="8">
        <v>0</v>
      </c>
      <c r="J20522" s="8">
        <v>1</v>
      </c>
      <c r="K20522" s="9">
        <v>29</v>
      </c>
      <c r="L20522" s="6" t="s">
        <v>4151</v>
      </c>
    </row>
    <row r="20523" spans="1:12">
      <c r="A20523" s="6" t="s">
        <v>4151</v>
      </c>
      <c r="B20523" s="6"/>
      <c r="C20523" s="6" t="s">
        <v>20559</v>
      </c>
      <c r="D20523" s="6"/>
      <c r="E20523" s="6" t="s">
        <v>9</v>
      </c>
      <c r="F20523" s="7">
        <v>38657</v>
      </c>
      <c r="G20523" s="8">
        <v>1</v>
      </c>
      <c r="H20523" s="8">
        <v>1</v>
      </c>
      <c r="I20523" s="8">
        <v>0</v>
      </c>
      <c r="J20523" s="8">
        <v>1</v>
      </c>
      <c r="K20523" s="9">
        <v>28</v>
      </c>
      <c r="L20523" s="6" t="s">
        <v>4151</v>
      </c>
    </row>
    <row r="20524" spans="1:12">
      <c r="A20524" s="6" t="s">
        <v>4151</v>
      </c>
      <c r="B20524" s="6"/>
      <c r="C20524" s="6" t="s">
        <v>20560</v>
      </c>
      <c r="D20524" s="6"/>
      <c r="E20524" s="6" t="s">
        <v>9</v>
      </c>
      <c r="F20524" s="7">
        <v>38657</v>
      </c>
      <c r="G20524" s="8">
        <v>1</v>
      </c>
      <c r="H20524" s="8">
        <v>1</v>
      </c>
      <c r="I20524" s="8">
        <v>0</v>
      </c>
      <c r="J20524" s="8">
        <v>1</v>
      </c>
      <c r="K20524" s="9">
        <v>8.84</v>
      </c>
      <c r="L20524" s="6" t="s">
        <v>4151</v>
      </c>
    </row>
    <row r="20525" spans="1:12">
      <c r="A20525" s="6" t="s">
        <v>4151</v>
      </c>
      <c r="B20525" s="6"/>
      <c r="C20525" s="6" t="s">
        <v>20561</v>
      </c>
      <c r="D20525" s="6"/>
      <c r="E20525" s="6" t="s">
        <v>9</v>
      </c>
      <c r="F20525" s="7">
        <v>38657</v>
      </c>
      <c r="G20525" s="8">
        <v>1</v>
      </c>
      <c r="H20525" s="8">
        <v>1</v>
      </c>
      <c r="I20525" s="8">
        <v>0</v>
      </c>
      <c r="J20525" s="8">
        <v>1</v>
      </c>
      <c r="K20525" s="9">
        <v>3140</v>
      </c>
      <c r="L20525" s="6" t="s">
        <v>4151</v>
      </c>
    </row>
    <row r="20526" spans="1:12">
      <c r="A20526" s="6" t="s">
        <v>4151</v>
      </c>
      <c r="B20526" s="6"/>
      <c r="C20526" s="6" t="s">
        <v>20562</v>
      </c>
      <c r="D20526" s="6"/>
      <c r="E20526" s="6" t="s">
        <v>9</v>
      </c>
      <c r="F20526" s="7">
        <v>38657</v>
      </c>
      <c r="G20526" s="8">
        <v>1</v>
      </c>
      <c r="H20526" s="8">
        <v>1</v>
      </c>
      <c r="I20526" s="8">
        <v>0</v>
      </c>
      <c r="J20526" s="8">
        <v>1</v>
      </c>
      <c r="K20526" s="9">
        <v>10</v>
      </c>
      <c r="L20526" s="6" t="s">
        <v>4151</v>
      </c>
    </row>
    <row r="20527" spans="1:12">
      <c r="A20527" s="6" t="s">
        <v>4151</v>
      </c>
      <c r="B20527" s="6"/>
      <c r="C20527" s="6" t="s">
        <v>20563</v>
      </c>
      <c r="D20527" s="6"/>
      <c r="E20527" s="6" t="s">
        <v>9</v>
      </c>
      <c r="F20527" s="7">
        <v>38657</v>
      </c>
      <c r="G20527" s="8">
        <v>1</v>
      </c>
      <c r="H20527" s="8">
        <v>1</v>
      </c>
      <c r="I20527" s="8">
        <v>0</v>
      </c>
      <c r="J20527" s="8">
        <v>1</v>
      </c>
      <c r="K20527" s="9">
        <v>19</v>
      </c>
      <c r="L20527" s="6" t="s">
        <v>4151</v>
      </c>
    </row>
    <row r="20528" spans="1:12">
      <c r="A20528" s="6" t="s">
        <v>4151</v>
      </c>
      <c r="B20528" s="6"/>
      <c r="C20528" s="6" t="s">
        <v>20564</v>
      </c>
      <c r="D20528" s="6"/>
      <c r="E20528" s="6" t="s">
        <v>9</v>
      </c>
      <c r="F20528" s="7">
        <v>38657</v>
      </c>
      <c r="G20528" s="8">
        <v>1</v>
      </c>
      <c r="H20528" s="8">
        <v>1</v>
      </c>
      <c r="I20528" s="8">
        <v>0</v>
      </c>
      <c r="J20528" s="8">
        <v>1</v>
      </c>
      <c r="K20528" s="9">
        <v>28</v>
      </c>
      <c r="L20528" s="6" t="s">
        <v>4151</v>
      </c>
    </row>
    <row r="20529" spans="1:12">
      <c r="A20529" s="6" t="s">
        <v>4151</v>
      </c>
      <c r="B20529" s="6"/>
      <c r="C20529" s="6" t="s">
        <v>20565</v>
      </c>
      <c r="D20529" s="6"/>
      <c r="E20529" s="6" t="s">
        <v>9</v>
      </c>
      <c r="F20529" s="7">
        <v>38657</v>
      </c>
      <c r="G20529" s="8">
        <v>1</v>
      </c>
      <c r="H20529" s="8">
        <v>1</v>
      </c>
      <c r="I20529" s="8">
        <v>0</v>
      </c>
      <c r="J20529" s="8">
        <v>1</v>
      </c>
      <c r="K20529" s="9">
        <v>29</v>
      </c>
      <c r="L20529" s="6" t="s">
        <v>4151</v>
      </c>
    </row>
    <row r="20530" spans="1:12">
      <c r="A20530" s="6" t="s">
        <v>4151</v>
      </c>
      <c r="B20530" s="6"/>
      <c r="C20530" s="6" t="s">
        <v>20566</v>
      </c>
      <c r="D20530" s="6"/>
      <c r="E20530" s="6" t="s">
        <v>9</v>
      </c>
      <c r="F20530" s="7">
        <v>38657</v>
      </c>
      <c r="G20530" s="8">
        <v>1</v>
      </c>
      <c r="H20530" s="8">
        <v>1</v>
      </c>
      <c r="I20530" s="8">
        <v>0</v>
      </c>
      <c r="J20530" s="8">
        <v>1</v>
      </c>
      <c r="K20530" s="9">
        <v>19</v>
      </c>
      <c r="L20530" s="6" t="s">
        <v>4151</v>
      </c>
    </row>
    <row r="20531" spans="1:12">
      <c r="A20531" s="6" t="s">
        <v>4151</v>
      </c>
      <c r="B20531" s="6"/>
      <c r="C20531" s="6" t="s">
        <v>20567</v>
      </c>
      <c r="D20531" s="6"/>
      <c r="E20531" s="6" t="s">
        <v>9</v>
      </c>
      <c r="F20531" s="7">
        <v>38657</v>
      </c>
      <c r="G20531" s="8">
        <v>1</v>
      </c>
      <c r="H20531" s="8">
        <v>1</v>
      </c>
      <c r="I20531" s="8">
        <v>0</v>
      </c>
      <c r="J20531" s="8">
        <v>1</v>
      </c>
      <c r="K20531" s="9">
        <v>19.64</v>
      </c>
      <c r="L20531" s="6" t="s">
        <v>4151</v>
      </c>
    </row>
    <row r="20532" spans="1:12">
      <c r="A20532" s="6" t="s">
        <v>4151</v>
      </c>
      <c r="B20532" s="6"/>
      <c r="C20532" s="6" t="s">
        <v>20568</v>
      </c>
      <c r="D20532" s="6"/>
      <c r="E20532" s="6" t="s">
        <v>9</v>
      </c>
      <c r="F20532" s="7">
        <v>38657</v>
      </c>
      <c r="G20532" s="8">
        <v>1</v>
      </c>
      <c r="H20532" s="8">
        <v>1</v>
      </c>
      <c r="I20532" s="8">
        <v>0</v>
      </c>
      <c r="J20532" s="8">
        <v>1</v>
      </c>
      <c r="K20532" s="9">
        <v>27</v>
      </c>
      <c r="L20532" s="6" t="s">
        <v>4151</v>
      </c>
    </row>
    <row r="20533" spans="1:12">
      <c r="A20533" s="6" t="s">
        <v>4151</v>
      </c>
      <c r="B20533" s="6"/>
      <c r="C20533" s="6" t="s">
        <v>20569</v>
      </c>
      <c r="D20533" s="6"/>
      <c r="E20533" s="6" t="s">
        <v>9</v>
      </c>
      <c r="F20533" s="7">
        <v>38657</v>
      </c>
      <c r="G20533" s="8">
        <v>1</v>
      </c>
      <c r="H20533" s="8">
        <v>1</v>
      </c>
      <c r="I20533" s="8">
        <v>0</v>
      </c>
      <c r="J20533" s="8">
        <v>1</v>
      </c>
      <c r="K20533" s="9">
        <v>27</v>
      </c>
      <c r="L20533" s="6" t="s">
        <v>4151</v>
      </c>
    </row>
    <row r="20534" spans="1:12">
      <c r="A20534" s="6" t="s">
        <v>4151</v>
      </c>
      <c r="B20534" s="6"/>
      <c r="C20534" s="6" t="s">
        <v>20570</v>
      </c>
      <c r="D20534" s="6"/>
      <c r="E20534" s="6" t="s">
        <v>9</v>
      </c>
      <c r="F20534" s="7">
        <v>38657</v>
      </c>
      <c r="G20534" s="8">
        <v>1</v>
      </c>
      <c r="H20534" s="8">
        <v>1</v>
      </c>
      <c r="I20534" s="8">
        <v>0</v>
      </c>
      <c r="J20534" s="8">
        <v>1</v>
      </c>
      <c r="K20534" s="9">
        <v>31</v>
      </c>
      <c r="L20534" s="6" t="s">
        <v>4151</v>
      </c>
    </row>
    <row r="20535" spans="1:12">
      <c r="A20535" s="6" t="s">
        <v>4151</v>
      </c>
      <c r="B20535" s="6"/>
      <c r="C20535" s="6" t="s">
        <v>20571</v>
      </c>
      <c r="D20535" s="6"/>
      <c r="E20535" s="6" t="s">
        <v>9</v>
      </c>
      <c r="F20535" s="7">
        <v>38657</v>
      </c>
      <c r="G20535" s="8">
        <v>1</v>
      </c>
      <c r="H20535" s="8">
        <v>1</v>
      </c>
      <c r="I20535" s="8">
        <v>0</v>
      </c>
      <c r="J20535" s="8">
        <v>1</v>
      </c>
      <c r="K20535" s="9">
        <v>13</v>
      </c>
      <c r="L20535" s="6" t="s">
        <v>4151</v>
      </c>
    </row>
    <row r="20536" spans="1:12">
      <c r="A20536" s="6" t="s">
        <v>4151</v>
      </c>
      <c r="B20536" s="6"/>
      <c r="C20536" s="6" t="s">
        <v>20572</v>
      </c>
      <c r="D20536" s="6"/>
      <c r="E20536" s="6" t="s">
        <v>9</v>
      </c>
      <c r="F20536" s="7">
        <v>38657</v>
      </c>
      <c r="G20536" s="8">
        <v>1</v>
      </c>
      <c r="H20536" s="8">
        <v>1</v>
      </c>
      <c r="I20536" s="8">
        <v>0</v>
      </c>
      <c r="J20536" s="8">
        <v>1</v>
      </c>
      <c r="K20536" s="9">
        <v>27</v>
      </c>
      <c r="L20536" s="6" t="s">
        <v>4151</v>
      </c>
    </row>
    <row r="20537" spans="1:12">
      <c r="A20537" s="6" t="s">
        <v>4151</v>
      </c>
      <c r="B20537" s="6"/>
      <c r="C20537" s="6" t="s">
        <v>20573</v>
      </c>
      <c r="D20537" s="6"/>
      <c r="E20537" s="6" t="s">
        <v>9</v>
      </c>
      <c r="F20537" s="7">
        <v>38657</v>
      </c>
      <c r="G20537" s="8">
        <v>1</v>
      </c>
      <c r="H20537" s="8">
        <v>1</v>
      </c>
      <c r="I20537" s="8">
        <v>0</v>
      </c>
      <c r="J20537" s="8">
        <v>1</v>
      </c>
      <c r="K20537" s="9">
        <v>27</v>
      </c>
      <c r="L20537" s="6" t="s">
        <v>4151</v>
      </c>
    </row>
    <row r="20538" spans="1:12">
      <c r="A20538" s="6" t="s">
        <v>4151</v>
      </c>
      <c r="B20538" s="6"/>
      <c r="C20538" s="6" t="s">
        <v>20574</v>
      </c>
      <c r="D20538" s="6"/>
      <c r="E20538" s="6" t="s">
        <v>9</v>
      </c>
      <c r="F20538" s="7">
        <v>38657</v>
      </c>
      <c r="G20538" s="8">
        <v>1</v>
      </c>
      <c r="H20538" s="8">
        <v>1</v>
      </c>
      <c r="I20538" s="8">
        <v>0</v>
      </c>
      <c r="J20538" s="8">
        <v>1</v>
      </c>
      <c r="K20538" s="9">
        <v>23</v>
      </c>
      <c r="L20538" s="6" t="s">
        <v>4151</v>
      </c>
    </row>
    <row r="20539" spans="1:12">
      <c r="A20539" s="6" t="s">
        <v>4151</v>
      </c>
      <c r="B20539" s="6"/>
      <c r="C20539" s="6" t="s">
        <v>20575</v>
      </c>
      <c r="D20539" s="6"/>
      <c r="E20539" s="6" t="s">
        <v>9</v>
      </c>
      <c r="F20539" s="7">
        <v>38657</v>
      </c>
      <c r="G20539" s="8">
        <v>1</v>
      </c>
      <c r="H20539" s="8">
        <v>1</v>
      </c>
      <c r="I20539" s="8">
        <v>0</v>
      </c>
      <c r="J20539" s="8">
        <v>1</v>
      </c>
      <c r="K20539" s="9">
        <v>27</v>
      </c>
      <c r="L20539" s="6" t="s">
        <v>4151</v>
      </c>
    </row>
    <row r="20540" spans="1:12">
      <c r="A20540" s="6" t="s">
        <v>4151</v>
      </c>
      <c r="B20540" s="6"/>
      <c r="C20540" s="6" t="s">
        <v>20576</v>
      </c>
      <c r="D20540" s="6"/>
      <c r="E20540" s="6" t="s">
        <v>9</v>
      </c>
      <c r="F20540" s="7">
        <v>38657</v>
      </c>
      <c r="G20540" s="8">
        <v>1</v>
      </c>
      <c r="H20540" s="8">
        <v>1</v>
      </c>
      <c r="I20540" s="8">
        <v>0</v>
      </c>
      <c r="J20540" s="8">
        <v>1</v>
      </c>
      <c r="K20540" s="9">
        <v>27</v>
      </c>
      <c r="L20540" s="6" t="s">
        <v>4151</v>
      </c>
    </row>
    <row r="20541" spans="1:12">
      <c r="A20541" s="6" t="s">
        <v>4151</v>
      </c>
      <c r="B20541" s="6"/>
      <c r="C20541" s="6" t="s">
        <v>20577</v>
      </c>
      <c r="D20541" s="6"/>
      <c r="E20541" s="6" t="s">
        <v>9</v>
      </c>
      <c r="F20541" s="7">
        <v>38657</v>
      </c>
      <c r="G20541" s="8">
        <v>1</v>
      </c>
      <c r="H20541" s="8">
        <v>1</v>
      </c>
      <c r="I20541" s="8">
        <v>0</v>
      </c>
      <c r="J20541" s="8">
        <v>1</v>
      </c>
      <c r="K20541" s="9">
        <v>15</v>
      </c>
      <c r="L20541" s="6" t="s">
        <v>4151</v>
      </c>
    </row>
    <row r="20542" spans="1:12">
      <c r="A20542" s="6" t="s">
        <v>4151</v>
      </c>
      <c r="B20542" s="6"/>
      <c r="C20542" s="6" t="s">
        <v>20578</v>
      </c>
      <c r="D20542" s="6"/>
      <c r="E20542" s="6" t="s">
        <v>9</v>
      </c>
      <c r="F20542" s="7">
        <v>38657</v>
      </c>
      <c r="G20542" s="8">
        <v>1</v>
      </c>
      <c r="H20542" s="8">
        <v>1</v>
      </c>
      <c r="I20542" s="8">
        <v>0</v>
      </c>
      <c r="J20542" s="8">
        <v>1</v>
      </c>
      <c r="K20542" s="9">
        <v>37.299999999999898</v>
      </c>
      <c r="L20542" s="6" t="s">
        <v>4151</v>
      </c>
    </row>
    <row r="20543" spans="1:12">
      <c r="A20543" s="6" t="s">
        <v>4151</v>
      </c>
      <c r="B20543" s="6"/>
      <c r="C20543" s="6" t="s">
        <v>20579</v>
      </c>
      <c r="D20543" s="6"/>
      <c r="E20543" s="6" t="s">
        <v>9</v>
      </c>
      <c r="F20543" s="7">
        <v>38657</v>
      </c>
      <c r="G20543" s="8">
        <v>1</v>
      </c>
      <c r="H20543" s="8">
        <v>1</v>
      </c>
      <c r="I20543" s="8">
        <v>0</v>
      </c>
      <c r="J20543" s="8">
        <v>1</v>
      </c>
      <c r="K20543" s="9">
        <v>27</v>
      </c>
      <c r="L20543" s="6" t="s">
        <v>4151</v>
      </c>
    </row>
    <row r="20544" spans="1:12">
      <c r="A20544" s="6" t="s">
        <v>4151</v>
      </c>
      <c r="B20544" s="6"/>
      <c r="C20544" s="6" t="s">
        <v>20580</v>
      </c>
      <c r="D20544" s="6"/>
      <c r="E20544" s="6" t="s">
        <v>9</v>
      </c>
      <c r="F20544" s="7">
        <v>38657</v>
      </c>
      <c r="G20544" s="8">
        <v>1</v>
      </c>
      <c r="H20544" s="8">
        <v>1</v>
      </c>
      <c r="I20544" s="8">
        <v>0</v>
      </c>
      <c r="J20544" s="8">
        <v>1</v>
      </c>
      <c r="K20544" s="9">
        <v>21</v>
      </c>
      <c r="L20544" s="6" t="s">
        <v>4151</v>
      </c>
    </row>
    <row r="20545" spans="1:12">
      <c r="A20545" s="6" t="s">
        <v>4151</v>
      </c>
      <c r="B20545" s="6"/>
      <c r="C20545" s="6" t="s">
        <v>20581</v>
      </c>
      <c r="D20545" s="6"/>
      <c r="E20545" s="6" t="s">
        <v>9</v>
      </c>
      <c r="F20545" s="7">
        <v>38657</v>
      </c>
      <c r="G20545" s="8">
        <v>1</v>
      </c>
      <c r="H20545" s="8">
        <v>1</v>
      </c>
      <c r="I20545" s="8">
        <v>0</v>
      </c>
      <c r="J20545" s="8">
        <v>1</v>
      </c>
      <c r="K20545" s="9">
        <v>21</v>
      </c>
      <c r="L20545" s="6" t="s">
        <v>4151</v>
      </c>
    </row>
    <row r="20546" spans="1:12">
      <c r="A20546" s="6" t="s">
        <v>4151</v>
      </c>
      <c r="B20546" s="6"/>
      <c r="C20546" s="6" t="s">
        <v>20582</v>
      </c>
      <c r="D20546" s="6"/>
      <c r="E20546" s="6" t="s">
        <v>9</v>
      </c>
      <c r="F20546" s="7">
        <v>38657</v>
      </c>
      <c r="G20546" s="8">
        <v>1</v>
      </c>
      <c r="H20546" s="8">
        <v>1</v>
      </c>
      <c r="I20546" s="8">
        <v>0</v>
      </c>
      <c r="J20546" s="8">
        <v>1</v>
      </c>
      <c r="K20546" s="9">
        <v>21</v>
      </c>
      <c r="L20546" s="6" t="s">
        <v>4151</v>
      </c>
    </row>
    <row r="20547" spans="1:12">
      <c r="A20547" s="6" t="s">
        <v>4151</v>
      </c>
      <c r="B20547" s="6"/>
      <c r="C20547" s="6" t="s">
        <v>20583</v>
      </c>
      <c r="D20547" s="6"/>
      <c r="E20547" s="6" t="s">
        <v>9</v>
      </c>
      <c r="F20547" s="7">
        <v>38657</v>
      </c>
      <c r="G20547" s="8">
        <v>1</v>
      </c>
      <c r="H20547" s="8">
        <v>1</v>
      </c>
      <c r="I20547" s="8">
        <v>0</v>
      </c>
      <c r="J20547" s="8">
        <v>1</v>
      </c>
      <c r="K20547" s="9">
        <v>27</v>
      </c>
      <c r="L20547" s="6" t="s">
        <v>4151</v>
      </c>
    </row>
    <row r="20548" spans="1:12">
      <c r="A20548" s="6" t="s">
        <v>4151</v>
      </c>
      <c r="B20548" s="6"/>
      <c r="C20548" s="6" t="s">
        <v>20584</v>
      </c>
      <c r="D20548" s="6"/>
      <c r="E20548" s="6" t="s">
        <v>9</v>
      </c>
      <c r="F20548" s="7">
        <v>38657</v>
      </c>
      <c r="G20548" s="8">
        <v>1</v>
      </c>
      <c r="H20548" s="8">
        <v>1</v>
      </c>
      <c r="I20548" s="8">
        <v>0</v>
      </c>
      <c r="J20548" s="8">
        <v>1</v>
      </c>
      <c r="K20548" s="9">
        <v>13</v>
      </c>
      <c r="L20548" s="6" t="s">
        <v>4151</v>
      </c>
    </row>
    <row r="20549" spans="1:12">
      <c r="A20549" s="6" t="s">
        <v>4151</v>
      </c>
      <c r="B20549" s="6"/>
      <c r="C20549" s="6" t="s">
        <v>20585</v>
      </c>
      <c r="D20549" s="6"/>
      <c r="E20549" s="6" t="s">
        <v>9</v>
      </c>
      <c r="F20549" s="7">
        <v>38657</v>
      </c>
      <c r="G20549" s="8">
        <v>1</v>
      </c>
      <c r="H20549" s="8">
        <v>1</v>
      </c>
      <c r="I20549" s="8">
        <v>0</v>
      </c>
      <c r="J20549" s="8">
        <v>1</v>
      </c>
      <c r="K20549" s="9">
        <v>0.31</v>
      </c>
      <c r="L20549" s="6" t="s">
        <v>4151</v>
      </c>
    </row>
    <row r="20550" spans="1:12">
      <c r="A20550" s="6" t="s">
        <v>4151</v>
      </c>
      <c r="B20550" s="6"/>
      <c r="C20550" s="6" t="s">
        <v>20586</v>
      </c>
      <c r="D20550" s="6"/>
      <c r="E20550" s="6" t="s">
        <v>9</v>
      </c>
      <c r="F20550" s="7">
        <v>38657</v>
      </c>
      <c r="G20550" s="8">
        <v>1</v>
      </c>
      <c r="H20550" s="8">
        <v>1</v>
      </c>
      <c r="I20550" s="8">
        <v>0</v>
      </c>
      <c r="J20550" s="8">
        <v>1</v>
      </c>
      <c r="K20550" s="9">
        <v>27</v>
      </c>
      <c r="L20550" s="6" t="s">
        <v>4151</v>
      </c>
    </row>
    <row r="20551" spans="1:12">
      <c r="A20551" s="6" t="s">
        <v>4151</v>
      </c>
      <c r="B20551" s="6"/>
      <c r="C20551" s="6" t="s">
        <v>20587</v>
      </c>
      <c r="D20551" s="6"/>
      <c r="E20551" s="6" t="s">
        <v>9</v>
      </c>
      <c r="F20551" s="7">
        <v>38657</v>
      </c>
      <c r="G20551" s="8">
        <v>1</v>
      </c>
      <c r="H20551" s="8">
        <v>1</v>
      </c>
      <c r="I20551" s="8">
        <v>0</v>
      </c>
      <c r="J20551" s="8">
        <v>1</v>
      </c>
      <c r="K20551" s="9">
        <v>4.55</v>
      </c>
      <c r="L20551" s="6" t="s">
        <v>4151</v>
      </c>
    </row>
    <row r="20552" spans="1:12">
      <c r="A20552" s="6" t="s">
        <v>4151</v>
      </c>
      <c r="B20552" s="6"/>
      <c r="C20552" s="6" t="s">
        <v>20588</v>
      </c>
      <c r="D20552" s="6"/>
      <c r="E20552" s="6" t="s">
        <v>9</v>
      </c>
      <c r="F20552" s="7">
        <v>38657</v>
      </c>
      <c r="G20552" s="8">
        <v>1</v>
      </c>
      <c r="H20552" s="8">
        <v>1</v>
      </c>
      <c r="I20552" s="8">
        <v>0</v>
      </c>
      <c r="J20552" s="8">
        <v>1</v>
      </c>
      <c r="K20552" s="9">
        <v>26</v>
      </c>
      <c r="L20552" s="6" t="s">
        <v>4151</v>
      </c>
    </row>
    <row r="20553" spans="1:12">
      <c r="A20553" s="6" t="s">
        <v>4151</v>
      </c>
      <c r="B20553" s="6"/>
      <c r="C20553" s="6" t="s">
        <v>20589</v>
      </c>
      <c r="D20553" s="6"/>
      <c r="E20553" s="6" t="s">
        <v>9</v>
      </c>
      <c r="F20553" s="7">
        <v>38657</v>
      </c>
      <c r="G20553" s="8">
        <v>1</v>
      </c>
      <c r="H20553" s="8">
        <v>1</v>
      </c>
      <c r="I20553" s="8">
        <v>0</v>
      </c>
      <c r="J20553" s="8">
        <v>1</v>
      </c>
      <c r="K20553" s="9">
        <v>247</v>
      </c>
      <c r="L20553" s="6" t="s">
        <v>4151</v>
      </c>
    </row>
    <row r="20554" spans="1:12">
      <c r="A20554" s="6" t="s">
        <v>4151</v>
      </c>
      <c r="B20554" s="6"/>
      <c r="C20554" s="6" t="s">
        <v>20590</v>
      </c>
      <c r="D20554" s="6"/>
      <c r="E20554" s="6" t="s">
        <v>9</v>
      </c>
      <c r="F20554" s="7">
        <v>38657</v>
      </c>
      <c r="G20554" s="8">
        <v>1</v>
      </c>
      <c r="H20554" s="8">
        <v>1</v>
      </c>
      <c r="I20554" s="8">
        <v>0</v>
      </c>
      <c r="J20554" s="8">
        <v>1</v>
      </c>
      <c r="K20554" s="9">
        <v>12</v>
      </c>
      <c r="L20554" s="6" t="s">
        <v>4151</v>
      </c>
    </row>
    <row r="20555" spans="1:12">
      <c r="A20555" s="6" t="s">
        <v>4151</v>
      </c>
      <c r="B20555" s="6"/>
      <c r="C20555" s="6" t="s">
        <v>20591</v>
      </c>
      <c r="D20555" s="6"/>
      <c r="E20555" s="6" t="s">
        <v>9</v>
      </c>
      <c r="F20555" s="7">
        <v>38657</v>
      </c>
      <c r="G20555" s="8">
        <v>1</v>
      </c>
      <c r="H20555" s="8">
        <v>1</v>
      </c>
      <c r="I20555" s="8">
        <v>0</v>
      </c>
      <c r="J20555" s="8">
        <v>1</v>
      </c>
      <c r="K20555" s="9">
        <v>33</v>
      </c>
      <c r="L20555" s="6" t="s">
        <v>4151</v>
      </c>
    </row>
    <row r="20556" spans="1:12">
      <c r="A20556" s="6" t="s">
        <v>4151</v>
      </c>
      <c r="B20556" s="6"/>
      <c r="C20556" s="6" t="s">
        <v>20592</v>
      </c>
      <c r="D20556" s="6"/>
      <c r="E20556" s="6" t="s">
        <v>9</v>
      </c>
      <c r="F20556" s="7">
        <v>38657</v>
      </c>
      <c r="G20556" s="8">
        <v>1</v>
      </c>
      <c r="H20556" s="8">
        <v>1</v>
      </c>
      <c r="I20556" s="8">
        <v>0</v>
      </c>
      <c r="J20556" s="8">
        <v>1</v>
      </c>
      <c r="K20556" s="9">
        <v>12</v>
      </c>
      <c r="L20556" s="6" t="s">
        <v>4151</v>
      </c>
    </row>
    <row r="20557" spans="1:12">
      <c r="A20557" s="6" t="s">
        <v>4151</v>
      </c>
      <c r="B20557" s="6"/>
      <c r="C20557" s="6" t="s">
        <v>20593</v>
      </c>
      <c r="D20557" s="6"/>
      <c r="E20557" s="6" t="s">
        <v>9</v>
      </c>
      <c r="F20557" s="7">
        <v>38657</v>
      </c>
      <c r="G20557" s="8">
        <v>1</v>
      </c>
      <c r="H20557" s="8">
        <v>1</v>
      </c>
      <c r="I20557" s="8">
        <v>0</v>
      </c>
      <c r="J20557" s="8">
        <v>1</v>
      </c>
      <c r="K20557" s="9">
        <v>24</v>
      </c>
      <c r="L20557" s="6" t="s">
        <v>4151</v>
      </c>
    </row>
    <row r="20558" spans="1:12">
      <c r="A20558" s="6" t="s">
        <v>4151</v>
      </c>
      <c r="B20558" s="6"/>
      <c r="C20558" s="6" t="s">
        <v>20594</v>
      </c>
      <c r="D20558" s="6"/>
      <c r="E20558" s="6" t="s">
        <v>9</v>
      </c>
      <c r="F20558" s="7">
        <v>38657</v>
      </c>
      <c r="G20558" s="8">
        <v>1</v>
      </c>
      <c r="H20558" s="8">
        <v>1</v>
      </c>
      <c r="I20558" s="8">
        <v>0</v>
      </c>
      <c r="J20558" s="8">
        <v>1</v>
      </c>
      <c r="K20558" s="9">
        <v>3.31</v>
      </c>
      <c r="L20558" s="6" t="s">
        <v>4151</v>
      </c>
    </row>
    <row r="20559" spans="1:12">
      <c r="A20559" s="6" t="s">
        <v>4151</v>
      </c>
      <c r="B20559" s="6"/>
      <c r="C20559" s="6" t="s">
        <v>20595</v>
      </c>
      <c r="D20559" s="6"/>
      <c r="E20559" s="6" t="s">
        <v>9</v>
      </c>
      <c r="F20559" s="7">
        <v>38657</v>
      </c>
      <c r="G20559" s="8">
        <v>1</v>
      </c>
      <c r="H20559" s="8">
        <v>1</v>
      </c>
      <c r="I20559" s="8">
        <v>0</v>
      </c>
      <c r="J20559" s="8">
        <v>1</v>
      </c>
      <c r="K20559" s="9">
        <v>25</v>
      </c>
      <c r="L20559" s="6" t="s">
        <v>4151</v>
      </c>
    </row>
    <row r="20560" spans="1:12">
      <c r="A20560" s="6" t="s">
        <v>4151</v>
      </c>
      <c r="B20560" s="6"/>
      <c r="C20560" s="6" t="s">
        <v>20596</v>
      </c>
      <c r="D20560" s="6"/>
      <c r="E20560" s="6" t="s">
        <v>9</v>
      </c>
      <c r="F20560" s="7">
        <v>38657</v>
      </c>
      <c r="G20560" s="8">
        <v>1</v>
      </c>
      <c r="H20560" s="8">
        <v>1</v>
      </c>
      <c r="I20560" s="8">
        <v>0</v>
      </c>
      <c r="J20560" s="8">
        <v>1</v>
      </c>
      <c r="K20560" s="9">
        <v>26</v>
      </c>
      <c r="L20560" s="6" t="s">
        <v>4151</v>
      </c>
    </row>
    <row r="20561" spans="1:12">
      <c r="A20561" s="6" t="s">
        <v>4151</v>
      </c>
      <c r="B20561" s="6"/>
      <c r="C20561" s="6" t="s">
        <v>20597</v>
      </c>
      <c r="D20561" s="6"/>
      <c r="E20561" s="6" t="s">
        <v>9</v>
      </c>
      <c r="F20561" s="7">
        <v>38657</v>
      </c>
      <c r="G20561" s="8">
        <v>1</v>
      </c>
      <c r="H20561" s="8">
        <v>1</v>
      </c>
      <c r="I20561" s="8">
        <v>0</v>
      </c>
      <c r="J20561" s="8">
        <v>1</v>
      </c>
      <c r="K20561" s="9">
        <v>27</v>
      </c>
      <c r="L20561" s="6" t="s">
        <v>4151</v>
      </c>
    </row>
    <row r="20562" spans="1:12">
      <c r="A20562" s="6" t="s">
        <v>4151</v>
      </c>
      <c r="B20562" s="6"/>
      <c r="C20562" s="6" t="s">
        <v>20598</v>
      </c>
      <c r="D20562" s="6"/>
      <c r="E20562" s="6" t="s">
        <v>9</v>
      </c>
      <c r="F20562" s="7">
        <v>38657</v>
      </c>
      <c r="G20562" s="8">
        <v>1</v>
      </c>
      <c r="H20562" s="8">
        <v>1</v>
      </c>
      <c r="I20562" s="8">
        <v>0</v>
      </c>
      <c r="J20562" s="8">
        <v>1</v>
      </c>
      <c r="K20562" s="9">
        <v>27</v>
      </c>
      <c r="L20562" s="6" t="s">
        <v>4151</v>
      </c>
    </row>
    <row r="20563" spans="1:12">
      <c r="A20563" s="6" t="s">
        <v>4151</v>
      </c>
      <c r="B20563" s="6"/>
      <c r="C20563" s="6" t="s">
        <v>20599</v>
      </c>
      <c r="D20563" s="6"/>
      <c r="E20563" s="6" t="s">
        <v>9</v>
      </c>
      <c r="F20563" s="7">
        <v>38657</v>
      </c>
      <c r="G20563" s="8">
        <v>1</v>
      </c>
      <c r="H20563" s="8">
        <v>1</v>
      </c>
      <c r="I20563" s="8">
        <v>0</v>
      </c>
      <c r="J20563" s="8">
        <v>1</v>
      </c>
      <c r="K20563" s="9">
        <v>27</v>
      </c>
      <c r="L20563" s="6" t="s">
        <v>4151</v>
      </c>
    </row>
    <row r="20564" spans="1:12">
      <c r="A20564" s="6" t="s">
        <v>4151</v>
      </c>
      <c r="B20564" s="6"/>
      <c r="C20564" s="6" t="s">
        <v>20600</v>
      </c>
      <c r="D20564" s="6"/>
      <c r="E20564" s="6" t="s">
        <v>9</v>
      </c>
      <c r="F20564" s="7">
        <v>38657</v>
      </c>
      <c r="G20564" s="8">
        <v>1</v>
      </c>
      <c r="H20564" s="8">
        <v>1</v>
      </c>
      <c r="I20564" s="8">
        <v>0</v>
      </c>
      <c r="J20564" s="8">
        <v>1</v>
      </c>
      <c r="K20564" s="9">
        <v>36</v>
      </c>
      <c r="L20564" s="6" t="s">
        <v>4151</v>
      </c>
    </row>
    <row r="20565" spans="1:12">
      <c r="A20565" s="6" t="s">
        <v>4151</v>
      </c>
      <c r="B20565" s="6"/>
      <c r="C20565" s="6" t="s">
        <v>20601</v>
      </c>
      <c r="D20565" s="6"/>
      <c r="E20565" s="6" t="s">
        <v>9</v>
      </c>
      <c r="F20565" s="7">
        <v>38657</v>
      </c>
      <c r="G20565" s="8">
        <v>1</v>
      </c>
      <c r="H20565" s="8">
        <v>1</v>
      </c>
      <c r="I20565" s="8">
        <v>0</v>
      </c>
      <c r="J20565" s="8">
        <v>1</v>
      </c>
      <c r="K20565" s="9">
        <v>27</v>
      </c>
      <c r="L20565" s="6" t="s">
        <v>4151</v>
      </c>
    </row>
    <row r="20566" spans="1:12">
      <c r="A20566" s="6" t="s">
        <v>4151</v>
      </c>
      <c r="B20566" s="6"/>
      <c r="C20566" s="6" t="s">
        <v>20602</v>
      </c>
      <c r="D20566" s="6"/>
      <c r="E20566" s="6" t="s">
        <v>9</v>
      </c>
      <c r="F20566" s="7">
        <v>38657</v>
      </c>
      <c r="G20566" s="8">
        <v>1</v>
      </c>
      <c r="H20566" s="8">
        <v>1</v>
      </c>
      <c r="I20566" s="8">
        <v>0</v>
      </c>
      <c r="J20566" s="8">
        <v>1</v>
      </c>
      <c r="K20566" s="9">
        <v>27</v>
      </c>
      <c r="L20566" s="6" t="s">
        <v>4151</v>
      </c>
    </row>
    <row r="20567" spans="1:12">
      <c r="A20567" s="6" t="s">
        <v>4151</v>
      </c>
      <c r="B20567" s="6"/>
      <c r="C20567" s="6" t="s">
        <v>20603</v>
      </c>
      <c r="D20567" s="6"/>
      <c r="E20567" s="6" t="s">
        <v>9</v>
      </c>
      <c r="F20567" s="7">
        <v>38657</v>
      </c>
      <c r="G20567" s="8">
        <v>1</v>
      </c>
      <c r="H20567" s="8">
        <v>1</v>
      </c>
      <c r="I20567" s="8">
        <v>0</v>
      </c>
      <c r="J20567" s="8">
        <v>1</v>
      </c>
      <c r="K20567" s="9">
        <v>16</v>
      </c>
      <c r="L20567" s="6" t="s">
        <v>4151</v>
      </c>
    </row>
    <row r="20568" spans="1:12">
      <c r="A20568" s="6" t="s">
        <v>4151</v>
      </c>
      <c r="B20568" s="6"/>
      <c r="C20568" s="6" t="s">
        <v>20604</v>
      </c>
      <c r="D20568" s="6"/>
      <c r="E20568" s="6" t="s">
        <v>9</v>
      </c>
      <c r="F20568" s="7">
        <v>38657</v>
      </c>
      <c r="G20568" s="8">
        <v>1</v>
      </c>
      <c r="H20568" s="8">
        <v>1</v>
      </c>
      <c r="I20568" s="8">
        <v>0</v>
      </c>
      <c r="J20568" s="8">
        <v>1</v>
      </c>
      <c r="K20568" s="9">
        <v>10</v>
      </c>
      <c r="L20568" s="6" t="s">
        <v>4151</v>
      </c>
    </row>
    <row r="20569" spans="1:12">
      <c r="A20569" s="6" t="s">
        <v>4151</v>
      </c>
      <c r="B20569" s="6"/>
      <c r="C20569" s="6" t="s">
        <v>20605</v>
      </c>
      <c r="D20569" s="6"/>
      <c r="E20569" s="6" t="s">
        <v>9</v>
      </c>
      <c r="F20569" s="7">
        <v>38657</v>
      </c>
      <c r="G20569" s="8">
        <v>1</v>
      </c>
      <c r="H20569" s="8">
        <v>1</v>
      </c>
      <c r="I20569" s="8">
        <v>0</v>
      </c>
      <c r="J20569" s="8">
        <v>1</v>
      </c>
      <c r="K20569" s="9">
        <v>31</v>
      </c>
      <c r="L20569" s="6" t="s">
        <v>4151</v>
      </c>
    </row>
    <row r="20570" spans="1:12">
      <c r="A20570" s="6" t="s">
        <v>4151</v>
      </c>
      <c r="B20570" s="6"/>
      <c r="C20570" s="6" t="s">
        <v>20606</v>
      </c>
      <c r="D20570" s="6"/>
      <c r="E20570" s="6" t="s">
        <v>9</v>
      </c>
      <c r="F20570" s="7">
        <v>38657</v>
      </c>
      <c r="G20570" s="8">
        <v>1</v>
      </c>
      <c r="H20570" s="8">
        <v>1</v>
      </c>
      <c r="I20570" s="8">
        <v>0</v>
      </c>
      <c r="J20570" s="8">
        <v>1</v>
      </c>
      <c r="K20570" s="9">
        <v>22</v>
      </c>
      <c r="L20570" s="6" t="s">
        <v>4151</v>
      </c>
    </row>
    <row r="20571" spans="1:12">
      <c r="A20571" s="6" t="s">
        <v>4151</v>
      </c>
      <c r="B20571" s="6"/>
      <c r="C20571" s="6" t="s">
        <v>20607</v>
      </c>
      <c r="D20571" s="6"/>
      <c r="E20571" s="6" t="s">
        <v>9</v>
      </c>
      <c r="F20571" s="7">
        <v>38657</v>
      </c>
      <c r="G20571" s="8">
        <v>1</v>
      </c>
      <c r="H20571" s="8">
        <v>1</v>
      </c>
      <c r="I20571" s="8">
        <v>0</v>
      </c>
      <c r="J20571" s="8">
        <v>1</v>
      </c>
      <c r="K20571" s="9">
        <v>27</v>
      </c>
      <c r="L20571" s="6" t="s">
        <v>4151</v>
      </c>
    </row>
    <row r="20572" spans="1:12">
      <c r="A20572" s="6" t="s">
        <v>4151</v>
      </c>
      <c r="B20572" s="6"/>
      <c r="C20572" s="6" t="s">
        <v>20608</v>
      </c>
      <c r="D20572" s="6"/>
      <c r="E20572" s="6" t="s">
        <v>9</v>
      </c>
      <c r="F20572" s="7">
        <v>38657</v>
      </c>
      <c r="G20572" s="8">
        <v>1</v>
      </c>
      <c r="H20572" s="8">
        <v>1</v>
      </c>
      <c r="I20572" s="8">
        <v>0</v>
      </c>
      <c r="J20572" s="8">
        <v>1</v>
      </c>
      <c r="K20572" s="9">
        <v>27</v>
      </c>
      <c r="L20572" s="6" t="s">
        <v>4151</v>
      </c>
    </row>
    <row r="20573" spans="1:12">
      <c r="A20573" s="6" t="s">
        <v>4151</v>
      </c>
      <c r="B20573" s="6"/>
      <c r="C20573" s="6" t="s">
        <v>20609</v>
      </c>
      <c r="D20573" s="6"/>
      <c r="E20573" s="6" t="s">
        <v>9</v>
      </c>
      <c r="F20573" s="7">
        <v>38657</v>
      </c>
      <c r="G20573" s="8">
        <v>1</v>
      </c>
      <c r="H20573" s="8">
        <v>1</v>
      </c>
      <c r="I20573" s="8">
        <v>0</v>
      </c>
      <c r="J20573" s="8">
        <v>1</v>
      </c>
      <c r="K20573" s="9">
        <v>50</v>
      </c>
      <c r="L20573" s="6" t="s">
        <v>4151</v>
      </c>
    </row>
    <row r="20574" spans="1:12">
      <c r="A20574" s="6" t="s">
        <v>4151</v>
      </c>
      <c r="B20574" s="6"/>
      <c r="C20574" s="6" t="s">
        <v>20610</v>
      </c>
      <c r="D20574" s="6"/>
      <c r="E20574" s="6" t="s">
        <v>9</v>
      </c>
      <c r="F20574" s="7">
        <v>38657</v>
      </c>
      <c r="G20574" s="8">
        <v>1</v>
      </c>
      <c r="H20574" s="8">
        <v>1</v>
      </c>
      <c r="I20574" s="8">
        <v>0</v>
      </c>
      <c r="J20574" s="8">
        <v>1</v>
      </c>
      <c r="K20574" s="9">
        <v>55</v>
      </c>
      <c r="L20574" s="6" t="s">
        <v>4151</v>
      </c>
    </row>
    <row r="20575" spans="1:12">
      <c r="A20575" s="6" t="s">
        <v>4151</v>
      </c>
      <c r="B20575" s="6"/>
      <c r="C20575" s="6" t="s">
        <v>20611</v>
      </c>
      <c r="D20575" s="6"/>
      <c r="E20575" s="6" t="s">
        <v>9</v>
      </c>
      <c r="F20575" s="7">
        <v>38657</v>
      </c>
      <c r="G20575" s="8">
        <v>1</v>
      </c>
      <c r="H20575" s="8">
        <v>1</v>
      </c>
      <c r="I20575" s="8">
        <v>0</v>
      </c>
      <c r="J20575" s="8">
        <v>1</v>
      </c>
      <c r="K20575" s="9">
        <v>122</v>
      </c>
      <c r="L20575" s="6" t="s">
        <v>4151</v>
      </c>
    </row>
    <row r="20576" spans="1:12">
      <c r="A20576" s="6" t="s">
        <v>4151</v>
      </c>
      <c r="B20576" s="6"/>
      <c r="C20576" s="6" t="s">
        <v>20612</v>
      </c>
      <c r="D20576" s="6"/>
      <c r="E20576" s="6" t="s">
        <v>9</v>
      </c>
      <c r="F20576" s="7">
        <v>38657</v>
      </c>
      <c r="G20576" s="8">
        <v>1</v>
      </c>
      <c r="H20576" s="8">
        <v>1</v>
      </c>
      <c r="I20576" s="8">
        <v>0</v>
      </c>
      <c r="J20576" s="8">
        <v>1</v>
      </c>
      <c r="K20576" s="9">
        <v>51</v>
      </c>
      <c r="L20576" s="6" t="s">
        <v>4151</v>
      </c>
    </row>
    <row r="20577" spans="1:12">
      <c r="A20577" s="6" t="s">
        <v>4151</v>
      </c>
      <c r="B20577" s="6"/>
      <c r="C20577" s="6" t="s">
        <v>20613</v>
      </c>
      <c r="D20577" s="6"/>
      <c r="E20577" s="6" t="s">
        <v>9</v>
      </c>
      <c r="F20577" s="7">
        <v>38657</v>
      </c>
      <c r="G20577" s="8">
        <v>1</v>
      </c>
      <c r="H20577" s="8">
        <v>1</v>
      </c>
      <c r="I20577" s="8">
        <v>0</v>
      </c>
      <c r="J20577" s="8">
        <v>1</v>
      </c>
      <c r="K20577" s="9">
        <v>52</v>
      </c>
      <c r="L20577" s="6" t="s">
        <v>4151</v>
      </c>
    </row>
    <row r="20578" spans="1:12">
      <c r="A20578" s="6" t="s">
        <v>4151</v>
      </c>
      <c r="B20578" s="6"/>
      <c r="C20578" s="6" t="s">
        <v>20614</v>
      </c>
      <c r="D20578" s="6"/>
      <c r="E20578" s="6" t="s">
        <v>9</v>
      </c>
      <c r="F20578" s="7">
        <v>38657</v>
      </c>
      <c r="G20578" s="8">
        <v>1</v>
      </c>
      <c r="H20578" s="8">
        <v>1</v>
      </c>
      <c r="I20578" s="8">
        <v>0</v>
      </c>
      <c r="J20578" s="8">
        <v>1</v>
      </c>
      <c r="K20578" s="9">
        <v>36</v>
      </c>
      <c r="L20578" s="6" t="s">
        <v>4151</v>
      </c>
    </row>
    <row r="20579" spans="1:12">
      <c r="A20579" s="6" t="s">
        <v>4151</v>
      </c>
      <c r="B20579" s="6"/>
      <c r="C20579" s="6" t="s">
        <v>20615</v>
      </c>
      <c r="D20579" s="6"/>
      <c r="E20579" s="6" t="s">
        <v>9</v>
      </c>
      <c r="F20579" s="7">
        <v>38657</v>
      </c>
      <c r="G20579" s="8">
        <v>1</v>
      </c>
      <c r="H20579" s="8">
        <v>1</v>
      </c>
      <c r="I20579" s="8">
        <v>0</v>
      </c>
      <c r="J20579" s="8">
        <v>1</v>
      </c>
      <c r="K20579" s="9">
        <v>152</v>
      </c>
      <c r="L20579" s="6" t="s">
        <v>4151</v>
      </c>
    </row>
    <row r="20580" spans="1:12">
      <c r="A20580" s="6" t="s">
        <v>4151</v>
      </c>
      <c r="B20580" s="6"/>
      <c r="C20580" s="6" t="s">
        <v>20616</v>
      </c>
      <c r="D20580" s="6"/>
      <c r="E20580" s="6" t="s">
        <v>9</v>
      </c>
      <c r="F20580" s="7">
        <v>38657</v>
      </c>
      <c r="G20580" s="8">
        <v>1</v>
      </c>
      <c r="H20580" s="8">
        <v>1</v>
      </c>
      <c r="I20580" s="8">
        <v>0</v>
      </c>
      <c r="J20580" s="8">
        <v>1</v>
      </c>
      <c r="K20580" s="9">
        <v>56.67</v>
      </c>
      <c r="L20580" s="6" t="s">
        <v>4151</v>
      </c>
    </row>
    <row r="20581" spans="1:12">
      <c r="A20581" s="6" t="s">
        <v>4151</v>
      </c>
      <c r="B20581" s="6"/>
      <c r="C20581" s="6" t="s">
        <v>20617</v>
      </c>
      <c r="D20581" s="6"/>
      <c r="E20581" s="6" t="s">
        <v>9</v>
      </c>
      <c r="F20581" s="7">
        <v>38657</v>
      </c>
      <c r="G20581" s="8">
        <v>1</v>
      </c>
      <c r="H20581" s="8">
        <v>1</v>
      </c>
      <c r="I20581" s="8">
        <v>0</v>
      </c>
      <c r="J20581" s="8">
        <v>1</v>
      </c>
      <c r="K20581" s="9">
        <v>44</v>
      </c>
      <c r="L20581" s="6" t="s">
        <v>4151</v>
      </c>
    </row>
    <row r="20582" spans="1:12">
      <c r="A20582" s="6" t="s">
        <v>4151</v>
      </c>
      <c r="B20582" s="6"/>
      <c r="C20582" s="6" t="s">
        <v>20618</v>
      </c>
      <c r="D20582" s="6"/>
      <c r="E20582" s="6" t="s">
        <v>9</v>
      </c>
      <c r="F20582" s="7">
        <v>38657</v>
      </c>
      <c r="G20582" s="8">
        <v>1</v>
      </c>
      <c r="H20582" s="8">
        <v>1</v>
      </c>
      <c r="I20582" s="8">
        <v>0</v>
      </c>
      <c r="J20582" s="8">
        <v>1</v>
      </c>
      <c r="K20582" s="9">
        <v>44</v>
      </c>
      <c r="L20582" s="6" t="s">
        <v>4151</v>
      </c>
    </row>
    <row r="20583" spans="1:12">
      <c r="A20583" s="6" t="s">
        <v>4151</v>
      </c>
      <c r="B20583" s="6"/>
      <c r="C20583" s="6" t="s">
        <v>20619</v>
      </c>
      <c r="D20583" s="6"/>
      <c r="E20583" s="6" t="s">
        <v>9</v>
      </c>
      <c r="F20583" s="7">
        <v>38657</v>
      </c>
      <c r="G20583" s="8">
        <v>1</v>
      </c>
      <c r="H20583" s="8">
        <v>1</v>
      </c>
      <c r="I20583" s="8">
        <v>0</v>
      </c>
      <c r="J20583" s="8">
        <v>1</v>
      </c>
      <c r="K20583" s="9">
        <v>5.67</v>
      </c>
      <c r="L20583" s="6" t="s">
        <v>4151</v>
      </c>
    </row>
    <row r="20584" spans="1:12">
      <c r="A20584" s="6" t="s">
        <v>4151</v>
      </c>
      <c r="B20584" s="6"/>
      <c r="C20584" s="6" t="s">
        <v>20620</v>
      </c>
      <c r="D20584" s="6"/>
      <c r="E20584" s="6" t="s">
        <v>9</v>
      </c>
      <c r="F20584" s="7">
        <v>38657</v>
      </c>
      <c r="G20584" s="8">
        <v>1</v>
      </c>
      <c r="H20584" s="8">
        <v>1</v>
      </c>
      <c r="I20584" s="8">
        <v>0</v>
      </c>
      <c r="J20584" s="8">
        <v>1</v>
      </c>
      <c r="K20584" s="9">
        <v>6.22</v>
      </c>
      <c r="L20584" s="6" t="s">
        <v>4151</v>
      </c>
    </row>
    <row r="20585" spans="1:12">
      <c r="A20585" s="6" t="s">
        <v>4151</v>
      </c>
      <c r="B20585" s="6"/>
      <c r="C20585" s="6" t="s">
        <v>20621</v>
      </c>
      <c r="D20585" s="6"/>
      <c r="E20585" s="6" t="s">
        <v>9</v>
      </c>
      <c r="F20585" s="7">
        <v>38657</v>
      </c>
      <c r="G20585" s="8">
        <v>1</v>
      </c>
      <c r="H20585" s="8">
        <v>1</v>
      </c>
      <c r="I20585" s="8">
        <v>0</v>
      </c>
      <c r="J20585" s="8">
        <v>1</v>
      </c>
      <c r="K20585" s="9">
        <v>2.9</v>
      </c>
      <c r="L20585" s="6" t="s">
        <v>4151</v>
      </c>
    </row>
    <row r="20586" spans="1:12">
      <c r="A20586" s="6" t="s">
        <v>4151</v>
      </c>
      <c r="B20586" s="6"/>
      <c r="C20586" s="6" t="s">
        <v>20622</v>
      </c>
      <c r="D20586" s="6"/>
      <c r="E20586" s="6" t="s">
        <v>9</v>
      </c>
      <c r="F20586" s="7">
        <v>38657</v>
      </c>
      <c r="G20586" s="8">
        <v>1</v>
      </c>
      <c r="H20586" s="8">
        <v>1</v>
      </c>
      <c r="I20586" s="8">
        <v>0</v>
      </c>
      <c r="J20586" s="8">
        <v>1</v>
      </c>
      <c r="K20586" s="9">
        <v>72</v>
      </c>
      <c r="L20586" s="6" t="s">
        <v>4151</v>
      </c>
    </row>
    <row r="20587" spans="1:12">
      <c r="A20587" s="6" t="s">
        <v>4151</v>
      </c>
      <c r="B20587" s="6"/>
      <c r="C20587" s="6" t="s">
        <v>20623</v>
      </c>
      <c r="D20587" s="6"/>
      <c r="E20587" s="6" t="s">
        <v>9</v>
      </c>
      <c r="F20587" s="7">
        <v>38657</v>
      </c>
      <c r="G20587" s="8">
        <v>1</v>
      </c>
      <c r="H20587" s="8">
        <v>1</v>
      </c>
      <c r="I20587" s="8">
        <v>0</v>
      </c>
      <c r="J20587" s="8">
        <v>1</v>
      </c>
      <c r="K20587" s="9">
        <v>7.39</v>
      </c>
      <c r="L20587" s="6" t="s">
        <v>4151</v>
      </c>
    </row>
    <row r="20588" spans="1:12">
      <c r="A20588" s="6" t="s">
        <v>4151</v>
      </c>
      <c r="B20588" s="6"/>
      <c r="C20588" s="6" t="s">
        <v>20624</v>
      </c>
      <c r="D20588" s="6"/>
      <c r="E20588" s="6" t="s">
        <v>9</v>
      </c>
      <c r="F20588" s="7">
        <v>38657</v>
      </c>
      <c r="G20588" s="8">
        <v>1</v>
      </c>
      <c r="H20588" s="8">
        <v>1</v>
      </c>
      <c r="I20588" s="8">
        <v>0</v>
      </c>
      <c r="J20588" s="8">
        <v>1</v>
      </c>
      <c r="K20588" s="9">
        <v>8.2100000000000009</v>
      </c>
      <c r="L20588" s="6" t="s">
        <v>4151</v>
      </c>
    </row>
    <row r="20589" spans="1:12">
      <c r="A20589" s="6" t="s">
        <v>4151</v>
      </c>
      <c r="B20589" s="6"/>
      <c r="C20589" s="6" t="s">
        <v>20625</v>
      </c>
      <c r="D20589" s="6"/>
      <c r="E20589" s="6" t="s">
        <v>9</v>
      </c>
      <c r="F20589" s="7">
        <v>38657</v>
      </c>
      <c r="G20589" s="8">
        <v>1</v>
      </c>
      <c r="H20589" s="8">
        <v>1</v>
      </c>
      <c r="I20589" s="8">
        <v>0</v>
      </c>
      <c r="J20589" s="8">
        <v>1</v>
      </c>
      <c r="K20589" s="9">
        <v>8</v>
      </c>
      <c r="L20589" s="6" t="s">
        <v>4151</v>
      </c>
    </row>
    <row r="20590" spans="1:12">
      <c r="A20590" s="6" t="s">
        <v>4151</v>
      </c>
      <c r="B20590" s="6"/>
      <c r="C20590" s="6" t="s">
        <v>20626</v>
      </c>
      <c r="D20590" s="6"/>
      <c r="E20590" s="6" t="s">
        <v>9</v>
      </c>
      <c r="F20590" s="7">
        <v>38657</v>
      </c>
      <c r="G20590" s="8">
        <v>1</v>
      </c>
      <c r="H20590" s="8">
        <v>1</v>
      </c>
      <c r="I20590" s="8">
        <v>0</v>
      </c>
      <c r="J20590" s="8">
        <v>1</v>
      </c>
      <c r="K20590" s="9">
        <v>6.05</v>
      </c>
      <c r="L20590" s="6" t="s">
        <v>4151</v>
      </c>
    </row>
    <row r="20591" spans="1:12">
      <c r="A20591" s="6" t="s">
        <v>4151</v>
      </c>
      <c r="B20591" s="6"/>
      <c r="C20591" s="6" t="s">
        <v>20627</v>
      </c>
      <c r="D20591" s="6"/>
      <c r="E20591" s="6" t="s">
        <v>9</v>
      </c>
      <c r="F20591" s="7">
        <v>38657</v>
      </c>
      <c r="G20591" s="8">
        <v>1</v>
      </c>
      <c r="H20591" s="8">
        <v>1</v>
      </c>
      <c r="I20591" s="8">
        <v>0</v>
      </c>
      <c r="J20591" s="8">
        <v>1</v>
      </c>
      <c r="K20591" s="9">
        <v>4.3600000000000003</v>
      </c>
      <c r="L20591" s="6" t="s">
        <v>4151</v>
      </c>
    </row>
    <row r="20592" spans="1:12">
      <c r="A20592" s="6" t="s">
        <v>4151</v>
      </c>
      <c r="B20592" s="6"/>
      <c r="C20592" s="6" t="s">
        <v>20628</v>
      </c>
      <c r="D20592" s="6"/>
      <c r="E20592" s="6" t="s">
        <v>9</v>
      </c>
      <c r="F20592" s="7">
        <v>38657</v>
      </c>
      <c r="G20592" s="8">
        <v>1</v>
      </c>
      <c r="H20592" s="8">
        <v>1</v>
      </c>
      <c r="I20592" s="8">
        <v>0</v>
      </c>
      <c r="J20592" s="8">
        <v>1</v>
      </c>
      <c r="K20592" s="9">
        <v>2.9</v>
      </c>
      <c r="L20592" s="6" t="s">
        <v>4151</v>
      </c>
    </row>
    <row r="20593" spans="1:12">
      <c r="A20593" s="6" t="s">
        <v>4151</v>
      </c>
      <c r="B20593" s="6"/>
      <c r="C20593" s="6" t="s">
        <v>20629</v>
      </c>
      <c r="D20593" s="6"/>
      <c r="E20593" s="6" t="s">
        <v>9</v>
      </c>
      <c r="F20593" s="7">
        <v>38657</v>
      </c>
      <c r="G20593" s="8">
        <v>1</v>
      </c>
      <c r="H20593" s="8">
        <v>1</v>
      </c>
      <c r="I20593" s="8">
        <v>0</v>
      </c>
      <c r="J20593" s="8">
        <v>1</v>
      </c>
      <c r="K20593" s="9">
        <v>7.27</v>
      </c>
      <c r="L20593" s="6" t="s">
        <v>4151</v>
      </c>
    </row>
    <row r="20594" spans="1:12">
      <c r="A20594" s="6" t="s">
        <v>4151</v>
      </c>
      <c r="B20594" s="6"/>
      <c r="C20594" s="6" t="s">
        <v>20630</v>
      </c>
      <c r="D20594" s="6"/>
      <c r="E20594" s="6" t="s">
        <v>9</v>
      </c>
      <c r="F20594" s="7">
        <v>38657</v>
      </c>
      <c r="G20594" s="8">
        <v>1</v>
      </c>
      <c r="H20594" s="8">
        <v>1</v>
      </c>
      <c r="I20594" s="8">
        <v>0</v>
      </c>
      <c r="J20594" s="8">
        <v>1</v>
      </c>
      <c r="K20594" s="9">
        <v>7.81</v>
      </c>
      <c r="L20594" s="6" t="s">
        <v>4151</v>
      </c>
    </row>
    <row r="20595" spans="1:12">
      <c r="A20595" s="6" t="s">
        <v>4151</v>
      </c>
      <c r="B20595" s="6"/>
      <c r="C20595" s="6" t="s">
        <v>20631</v>
      </c>
      <c r="D20595" s="6"/>
      <c r="E20595" s="6" t="s">
        <v>9</v>
      </c>
      <c r="F20595" s="7">
        <v>38657</v>
      </c>
      <c r="G20595" s="8">
        <v>1</v>
      </c>
      <c r="H20595" s="8">
        <v>1</v>
      </c>
      <c r="I20595" s="8">
        <v>0</v>
      </c>
      <c r="J20595" s="8">
        <v>1</v>
      </c>
      <c r="K20595" s="9">
        <v>5.71</v>
      </c>
      <c r="L20595" s="6" t="s">
        <v>4151</v>
      </c>
    </row>
    <row r="20596" spans="1:12">
      <c r="A20596" s="6" t="s">
        <v>4151</v>
      </c>
      <c r="B20596" s="6"/>
      <c r="C20596" s="6" t="s">
        <v>20632</v>
      </c>
      <c r="D20596" s="6"/>
      <c r="E20596" s="6" t="s">
        <v>9</v>
      </c>
      <c r="F20596" s="7">
        <v>38657</v>
      </c>
      <c r="G20596" s="8">
        <v>1</v>
      </c>
      <c r="H20596" s="8">
        <v>1</v>
      </c>
      <c r="I20596" s="8">
        <v>0</v>
      </c>
      <c r="J20596" s="8">
        <v>1</v>
      </c>
      <c r="K20596" s="9">
        <v>5.09</v>
      </c>
      <c r="L20596" s="6" t="s">
        <v>4151</v>
      </c>
    </row>
    <row r="20597" spans="1:12">
      <c r="A20597" s="6" t="s">
        <v>4151</v>
      </c>
      <c r="B20597" s="6"/>
      <c r="C20597" s="6" t="s">
        <v>20633</v>
      </c>
      <c r="D20597" s="6"/>
      <c r="E20597" s="6" t="s">
        <v>9</v>
      </c>
      <c r="F20597" s="7">
        <v>38657</v>
      </c>
      <c r="G20597" s="8">
        <v>1</v>
      </c>
      <c r="H20597" s="8">
        <v>1</v>
      </c>
      <c r="I20597" s="8">
        <v>0</v>
      </c>
      <c r="J20597" s="8">
        <v>1</v>
      </c>
      <c r="K20597" s="9">
        <v>46</v>
      </c>
      <c r="L20597" s="6" t="s">
        <v>4151</v>
      </c>
    </row>
    <row r="20598" spans="1:12">
      <c r="A20598" s="6" t="s">
        <v>4151</v>
      </c>
      <c r="B20598" s="6"/>
      <c r="C20598" s="6" t="s">
        <v>20634</v>
      </c>
      <c r="D20598" s="6"/>
      <c r="E20598" s="6" t="s">
        <v>9</v>
      </c>
      <c r="F20598" s="7">
        <v>38657</v>
      </c>
      <c r="G20598" s="8">
        <v>1</v>
      </c>
      <c r="H20598" s="8">
        <v>1</v>
      </c>
      <c r="I20598" s="8">
        <v>0</v>
      </c>
      <c r="J20598" s="8">
        <v>1</v>
      </c>
      <c r="K20598" s="9">
        <v>4.87</v>
      </c>
      <c r="L20598" s="6" t="s">
        <v>4151</v>
      </c>
    </row>
    <row r="20599" spans="1:12">
      <c r="A20599" s="6" t="s">
        <v>4151</v>
      </c>
      <c r="B20599" s="6"/>
      <c r="C20599" s="6" t="s">
        <v>20635</v>
      </c>
      <c r="D20599" s="6"/>
      <c r="E20599" s="6" t="s">
        <v>9</v>
      </c>
      <c r="F20599" s="7">
        <v>38657</v>
      </c>
      <c r="G20599" s="8">
        <v>1</v>
      </c>
      <c r="H20599" s="8">
        <v>1</v>
      </c>
      <c r="I20599" s="8">
        <v>0</v>
      </c>
      <c r="J20599" s="8">
        <v>1</v>
      </c>
      <c r="K20599" s="9">
        <v>1.52</v>
      </c>
      <c r="L20599" s="6" t="s">
        <v>4151</v>
      </c>
    </row>
    <row r="20600" spans="1:12">
      <c r="A20600" s="6" t="s">
        <v>4151</v>
      </c>
      <c r="B20600" s="6"/>
      <c r="C20600" s="6" t="s">
        <v>20636</v>
      </c>
      <c r="D20600" s="6"/>
      <c r="E20600" s="6" t="s">
        <v>9</v>
      </c>
      <c r="F20600" s="7">
        <v>38657</v>
      </c>
      <c r="G20600" s="8">
        <v>1</v>
      </c>
      <c r="H20600" s="8">
        <v>1</v>
      </c>
      <c r="I20600" s="8">
        <v>0</v>
      </c>
      <c r="J20600" s="8">
        <v>1</v>
      </c>
      <c r="K20600" s="9">
        <v>0.78</v>
      </c>
      <c r="L20600" s="6" t="s">
        <v>4151</v>
      </c>
    </row>
    <row r="20601" spans="1:12">
      <c r="A20601" s="6" t="s">
        <v>4151</v>
      </c>
      <c r="B20601" s="6"/>
      <c r="C20601" s="6" t="s">
        <v>20637</v>
      </c>
      <c r="D20601" s="6"/>
      <c r="E20601" s="6" t="s">
        <v>9</v>
      </c>
      <c r="F20601" s="7">
        <v>38657</v>
      </c>
      <c r="G20601" s="8">
        <v>1</v>
      </c>
      <c r="H20601" s="8">
        <v>1</v>
      </c>
      <c r="I20601" s="8">
        <v>0</v>
      </c>
      <c r="J20601" s="8">
        <v>1</v>
      </c>
      <c r="K20601" s="9">
        <v>1.48</v>
      </c>
      <c r="L20601" s="6" t="s">
        <v>4151</v>
      </c>
    </row>
    <row r="20602" spans="1:12">
      <c r="A20602" s="6" t="s">
        <v>4151</v>
      </c>
      <c r="B20602" s="6"/>
      <c r="C20602" s="6" t="s">
        <v>20638</v>
      </c>
      <c r="D20602" s="6"/>
      <c r="E20602" s="6" t="s">
        <v>9</v>
      </c>
      <c r="F20602" s="7">
        <v>38657</v>
      </c>
      <c r="G20602" s="8">
        <v>1</v>
      </c>
      <c r="H20602" s="8">
        <v>1</v>
      </c>
      <c r="I20602" s="8">
        <v>0</v>
      </c>
      <c r="J20602" s="8">
        <v>1</v>
      </c>
      <c r="K20602" s="9">
        <v>3.49</v>
      </c>
      <c r="L20602" s="6" t="s">
        <v>4151</v>
      </c>
    </row>
    <row r="20603" spans="1:12">
      <c r="A20603" s="6" t="s">
        <v>4151</v>
      </c>
      <c r="B20603" s="6"/>
      <c r="C20603" s="6" t="s">
        <v>20639</v>
      </c>
      <c r="D20603" s="6"/>
      <c r="E20603" s="6" t="s">
        <v>9</v>
      </c>
      <c r="F20603" s="7">
        <v>38657</v>
      </c>
      <c r="G20603" s="8">
        <v>1</v>
      </c>
      <c r="H20603" s="8">
        <v>1</v>
      </c>
      <c r="I20603" s="8">
        <v>0</v>
      </c>
      <c r="J20603" s="8">
        <v>1</v>
      </c>
      <c r="K20603" s="9">
        <v>2.2400000000000002</v>
      </c>
      <c r="L20603" s="6" t="s">
        <v>4151</v>
      </c>
    </row>
    <row r="20604" spans="1:12">
      <c r="A20604" s="6" t="s">
        <v>4151</v>
      </c>
      <c r="B20604" s="6"/>
      <c r="C20604" s="6" t="s">
        <v>20640</v>
      </c>
      <c r="D20604" s="6"/>
      <c r="E20604" s="6" t="s">
        <v>9</v>
      </c>
      <c r="F20604" s="7">
        <v>38657</v>
      </c>
      <c r="G20604" s="8">
        <v>1</v>
      </c>
      <c r="H20604" s="8">
        <v>1</v>
      </c>
      <c r="I20604" s="8">
        <v>0</v>
      </c>
      <c r="J20604" s="8">
        <v>1</v>
      </c>
      <c r="K20604" s="9">
        <v>5.03</v>
      </c>
      <c r="L20604" s="6" t="s">
        <v>4151</v>
      </c>
    </row>
    <row r="20605" spans="1:12">
      <c r="A20605" s="6" t="s">
        <v>4151</v>
      </c>
      <c r="B20605" s="6"/>
      <c r="C20605" s="6" t="s">
        <v>20641</v>
      </c>
      <c r="D20605" s="6"/>
      <c r="E20605" s="6" t="s">
        <v>9</v>
      </c>
      <c r="F20605" s="7">
        <v>38657</v>
      </c>
      <c r="G20605" s="8">
        <v>1</v>
      </c>
      <c r="H20605" s="8">
        <v>1</v>
      </c>
      <c r="I20605" s="8">
        <v>0</v>
      </c>
      <c r="J20605" s="8">
        <v>1</v>
      </c>
      <c r="K20605" s="9">
        <v>7.27</v>
      </c>
      <c r="L20605" s="6" t="s">
        <v>4151</v>
      </c>
    </row>
    <row r="20606" spans="1:12">
      <c r="A20606" s="6" t="s">
        <v>4151</v>
      </c>
      <c r="B20606" s="6"/>
      <c r="C20606" s="6" t="s">
        <v>20642</v>
      </c>
      <c r="D20606" s="6"/>
      <c r="E20606" s="6" t="s">
        <v>9</v>
      </c>
      <c r="F20606" s="7">
        <v>38657</v>
      </c>
      <c r="G20606" s="8">
        <v>1</v>
      </c>
      <c r="H20606" s="8">
        <v>1</v>
      </c>
      <c r="I20606" s="8">
        <v>0</v>
      </c>
      <c r="J20606" s="8">
        <v>1</v>
      </c>
      <c r="K20606" s="9">
        <v>7.27</v>
      </c>
      <c r="L20606" s="6" t="s">
        <v>4151</v>
      </c>
    </row>
    <row r="20607" spans="1:12">
      <c r="A20607" s="6" t="s">
        <v>4151</v>
      </c>
      <c r="B20607" s="6"/>
      <c r="C20607" s="6" t="s">
        <v>20643</v>
      </c>
      <c r="D20607" s="6"/>
      <c r="E20607" s="6" t="s">
        <v>9</v>
      </c>
      <c r="F20607" s="7">
        <v>38657</v>
      </c>
      <c r="G20607" s="8">
        <v>1</v>
      </c>
      <c r="H20607" s="8">
        <v>1</v>
      </c>
      <c r="I20607" s="8">
        <v>0</v>
      </c>
      <c r="J20607" s="8">
        <v>1</v>
      </c>
      <c r="K20607" s="9">
        <v>7.27</v>
      </c>
      <c r="L20607" s="6" t="s">
        <v>4151</v>
      </c>
    </row>
    <row r="20608" spans="1:12">
      <c r="A20608" s="6" t="s">
        <v>4151</v>
      </c>
      <c r="B20608" s="6"/>
      <c r="C20608" s="6" t="s">
        <v>20644</v>
      </c>
      <c r="D20608" s="6"/>
      <c r="E20608" s="6" t="s">
        <v>9</v>
      </c>
      <c r="F20608" s="7">
        <v>38657</v>
      </c>
      <c r="G20608" s="8">
        <v>1</v>
      </c>
      <c r="H20608" s="8">
        <v>1</v>
      </c>
      <c r="I20608" s="8">
        <v>0</v>
      </c>
      <c r="J20608" s="8">
        <v>1</v>
      </c>
      <c r="K20608" s="9">
        <v>42</v>
      </c>
      <c r="L20608" s="6" t="s">
        <v>4151</v>
      </c>
    </row>
    <row r="20609" spans="1:12">
      <c r="A20609" s="6" t="s">
        <v>4151</v>
      </c>
      <c r="B20609" s="6"/>
      <c r="C20609" s="6" t="s">
        <v>20645</v>
      </c>
      <c r="D20609" s="6"/>
      <c r="E20609" s="6" t="s">
        <v>9</v>
      </c>
      <c r="F20609" s="7">
        <v>38657</v>
      </c>
      <c r="G20609" s="8">
        <v>1</v>
      </c>
      <c r="H20609" s="8">
        <v>1</v>
      </c>
      <c r="I20609" s="8">
        <v>0</v>
      </c>
      <c r="J20609" s="8">
        <v>1</v>
      </c>
      <c r="K20609" s="9">
        <v>2.58</v>
      </c>
      <c r="L20609" s="6" t="s">
        <v>4151</v>
      </c>
    </row>
    <row r="20610" spans="1:12">
      <c r="A20610" s="6" t="s">
        <v>4151</v>
      </c>
      <c r="B20610" s="6"/>
      <c r="C20610" s="6" t="s">
        <v>20646</v>
      </c>
      <c r="D20610" s="6"/>
      <c r="E20610" s="6" t="s">
        <v>9</v>
      </c>
      <c r="F20610" s="7">
        <v>38657</v>
      </c>
      <c r="G20610" s="8">
        <v>1</v>
      </c>
      <c r="H20610" s="8">
        <v>1</v>
      </c>
      <c r="I20610" s="8">
        <v>0</v>
      </c>
      <c r="J20610" s="8">
        <v>1</v>
      </c>
      <c r="K20610" s="9">
        <v>7.9</v>
      </c>
      <c r="L20610" s="6" t="s">
        <v>4151</v>
      </c>
    </row>
    <row r="20611" spans="1:12">
      <c r="A20611" s="6" t="s">
        <v>4151</v>
      </c>
      <c r="B20611" s="6"/>
      <c r="C20611" s="6" t="s">
        <v>20647</v>
      </c>
      <c r="D20611" s="6"/>
      <c r="E20611" s="6" t="s">
        <v>9</v>
      </c>
      <c r="F20611" s="7">
        <v>38657</v>
      </c>
      <c r="G20611" s="8">
        <v>1</v>
      </c>
      <c r="H20611" s="8">
        <v>1</v>
      </c>
      <c r="I20611" s="8">
        <v>0</v>
      </c>
      <c r="J20611" s="8">
        <v>1</v>
      </c>
      <c r="K20611" s="9">
        <v>461</v>
      </c>
      <c r="L20611" s="6" t="s">
        <v>4151</v>
      </c>
    </row>
    <row r="20612" spans="1:12">
      <c r="A20612" s="6" t="s">
        <v>4151</v>
      </c>
      <c r="B20612" s="6"/>
      <c r="C20612" s="6" t="s">
        <v>20648</v>
      </c>
      <c r="D20612" s="6"/>
      <c r="E20612" s="6" t="s">
        <v>9</v>
      </c>
      <c r="F20612" s="7">
        <v>38657</v>
      </c>
      <c r="G20612" s="8">
        <v>1</v>
      </c>
      <c r="H20612" s="8">
        <v>1</v>
      </c>
      <c r="I20612" s="8">
        <v>0</v>
      </c>
      <c r="J20612" s="8">
        <v>1</v>
      </c>
      <c r="K20612" s="9">
        <v>0.56999999999999895</v>
      </c>
      <c r="L20612" s="6" t="s">
        <v>4151</v>
      </c>
    </row>
    <row r="20613" spans="1:12">
      <c r="A20613" s="6" t="s">
        <v>4151</v>
      </c>
      <c r="B20613" s="6"/>
      <c r="C20613" s="6" t="s">
        <v>20649</v>
      </c>
      <c r="D20613" s="6"/>
      <c r="E20613" s="6" t="s">
        <v>9</v>
      </c>
      <c r="F20613" s="7">
        <v>38657</v>
      </c>
      <c r="G20613" s="8">
        <v>1</v>
      </c>
      <c r="H20613" s="8">
        <v>1</v>
      </c>
      <c r="I20613" s="8">
        <v>0</v>
      </c>
      <c r="J20613" s="8">
        <v>1</v>
      </c>
      <c r="K20613" s="9">
        <v>16</v>
      </c>
      <c r="L20613" s="6" t="s">
        <v>4151</v>
      </c>
    </row>
    <row r="20614" spans="1:12">
      <c r="A20614" s="6" t="s">
        <v>4151</v>
      </c>
      <c r="B20614" s="6"/>
      <c r="C20614" s="6" t="s">
        <v>20650</v>
      </c>
      <c r="D20614" s="6"/>
      <c r="E20614" s="6" t="s">
        <v>9</v>
      </c>
      <c r="F20614" s="7">
        <v>38657</v>
      </c>
      <c r="G20614" s="8">
        <v>1</v>
      </c>
      <c r="H20614" s="8">
        <v>1</v>
      </c>
      <c r="I20614" s="8">
        <v>0</v>
      </c>
      <c r="J20614" s="8">
        <v>1</v>
      </c>
      <c r="K20614" s="9">
        <v>31</v>
      </c>
      <c r="L20614" s="6" t="s">
        <v>4151</v>
      </c>
    </row>
    <row r="20615" spans="1:12">
      <c r="A20615" s="6" t="s">
        <v>4151</v>
      </c>
      <c r="B20615" s="6"/>
      <c r="C20615" s="6" t="s">
        <v>20651</v>
      </c>
      <c r="D20615" s="6"/>
      <c r="E20615" s="6" t="s">
        <v>9</v>
      </c>
      <c r="F20615" s="7">
        <v>38657</v>
      </c>
      <c r="G20615" s="8">
        <v>1</v>
      </c>
      <c r="H20615" s="8">
        <v>1</v>
      </c>
      <c r="I20615" s="8">
        <v>0</v>
      </c>
      <c r="J20615" s="8">
        <v>1</v>
      </c>
      <c r="K20615" s="9">
        <v>4.33</v>
      </c>
      <c r="L20615" s="6" t="s">
        <v>4151</v>
      </c>
    </row>
    <row r="20616" spans="1:12">
      <c r="A20616" s="6" t="s">
        <v>4151</v>
      </c>
      <c r="B20616" s="6"/>
      <c r="C20616" s="6" t="s">
        <v>20652</v>
      </c>
      <c r="D20616" s="6"/>
      <c r="E20616" s="6" t="s">
        <v>9</v>
      </c>
      <c r="F20616" s="7">
        <v>38657</v>
      </c>
      <c r="G20616" s="8">
        <v>1</v>
      </c>
      <c r="H20616" s="8">
        <v>1</v>
      </c>
      <c r="I20616" s="8">
        <v>0</v>
      </c>
      <c r="J20616" s="8">
        <v>1</v>
      </c>
      <c r="K20616" s="9">
        <v>3.63</v>
      </c>
      <c r="L20616" s="6" t="s">
        <v>4151</v>
      </c>
    </row>
    <row r="20617" spans="1:12">
      <c r="A20617" s="6" t="s">
        <v>4151</v>
      </c>
      <c r="B20617" s="6"/>
      <c r="C20617" s="6" t="s">
        <v>20653</v>
      </c>
      <c r="D20617" s="6"/>
      <c r="E20617" s="6" t="s">
        <v>9</v>
      </c>
      <c r="F20617" s="7">
        <v>38657</v>
      </c>
      <c r="G20617" s="8">
        <v>1</v>
      </c>
      <c r="H20617" s="8">
        <v>1</v>
      </c>
      <c r="I20617" s="8">
        <v>0</v>
      </c>
      <c r="J20617" s="8">
        <v>1</v>
      </c>
      <c r="K20617" s="9">
        <v>24</v>
      </c>
      <c r="L20617" s="6" t="s">
        <v>4151</v>
      </c>
    </row>
    <row r="20618" spans="1:12">
      <c r="A20618" s="6" t="s">
        <v>4151</v>
      </c>
      <c r="B20618" s="6"/>
      <c r="C20618" s="6" t="s">
        <v>20654</v>
      </c>
      <c r="D20618" s="6"/>
      <c r="E20618" s="6" t="s">
        <v>9</v>
      </c>
      <c r="F20618" s="7">
        <v>38657</v>
      </c>
      <c r="G20618" s="8">
        <v>1</v>
      </c>
      <c r="H20618" s="8">
        <v>1</v>
      </c>
      <c r="I20618" s="8">
        <v>0</v>
      </c>
      <c r="J20618" s="8">
        <v>1</v>
      </c>
      <c r="K20618" s="9">
        <v>4.17</v>
      </c>
      <c r="L20618" s="6" t="s">
        <v>4151</v>
      </c>
    </row>
    <row r="20619" spans="1:12">
      <c r="A20619" s="6" t="s">
        <v>4151</v>
      </c>
      <c r="B20619" s="6"/>
      <c r="C20619" s="6" t="s">
        <v>20655</v>
      </c>
      <c r="D20619" s="6"/>
      <c r="E20619" s="6" t="s">
        <v>9</v>
      </c>
      <c r="F20619" s="7">
        <v>38657</v>
      </c>
      <c r="G20619" s="8">
        <v>1</v>
      </c>
      <c r="H20619" s="8">
        <v>1</v>
      </c>
      <c r="I20619" s="8">
        <v>0</v>
      </c>
      <c r="J20619" s="8">
        <v>1</v>
      </c>
      <c r="K20619" s="9">
        <v>39</v>
      </c>
      <c r="L20619" s="6" t="s">
        <v>4151</v>
      </c>
    </row>
    <row r="20620" spans="1:12">
      <c r="A20620" s="6" t="s">
        <v>4151</v>
      </c>
      <c r="B20620" s="6"/>
      <c r="C20620" s="6" t="s">
        <v>20656</v>
      </c>
      <c r="D20620" s="6"/>
      <c r="E20620" s="6" t="s">
        <v>9</v>
      </c>
      <c r="F20620" s="7">
        <v>38657</v>
      </c>
      <c r="G20620" s="8">
        <v>1</v>
      </c>
      <c r="H20620" s="8">
        <v>1</v>
      </c>
      <c r="I20620" s="8">
        <v>0</v>
      </c>
      <c r="J20620" s="8">
        <v>1</v>
      </c>
      <c r="K20620" s="9">
        <v>10.65</v>
      </c>
      <c r="L20620" s="6" t="s">
        <v>4151</v>
      </c>
    </row>
    <row r="20621" spans="1:12">
      <c r="A20621" s="6" t="s">
        <v>4151</v>
      </c>
      <c r="B20621" s="6"/>
      <c r="C20621" s="6" t="s">
        <v>20657</v>
      </c>
      <c r="D20621" s="6"/>
      <c r="E20621" s="6" t="s">
        <v>9</v>
      </c>
      <c r="F20621" s="7">
        <v>38657</v>
      </c>
      <c r="G20621" s="8">
        <v>1</v>
      </c>
      <c r="H20621" s="8">
        <v>1</v>
      </c>
      <c r="I20621" s="8">
        <v>0</v>
      </c>
      <c r="J20621" s="8">
        <v>1</v>
      </c>
      <c r="K20621" s="9">
        <v>6.42</v>
      </c>
      <c r="L20621" s="6" t="s">
        <v>4151</v>
      </c>
    </row>
    <row r="20622" spans="1:12">
      <c r="A20622" s="6" t="s">
        <v>4151</v>
      </c>
      <c r="B20622" s="6"/>
      <c r="C20622" s="6" t="s">
        <v>20658</v>
      </c>
      <c r="D20622" s="6"/>
      <c r="E20622" s="6" t="s">
        <v>9</v>
      </c>
      <c r="F20622" s="7">
        <v>38657</v>
      </c>
      <c r="G20622" s="8">
        <v>1</v>
      </c>
      <c r="H20622" s="8">
        <v>1</v>
      </c>
      <c r="I20622" s="8">
        <v>0</v>
      </c>
      <c r="J20622" s="8">
        <v>1</v>
      </c>
      <c r="K20622" s="9">
        <v>2.71</v>
      </c>
      <c r="L20622" s="6" t="s">
        <v>4151</v>
      </c>
    </row>
    <row r="20623" spans="1:12">
      <c r="A20623" s="6" t="s">
        <v>4151</v>
      </c>
      <c r="B20623" s="6"/>
      <c r="C20623" s="6" t="s">
        <v>20659</v>
      </c>
      <c r="D20623" s="6"/>
      <c r="E20623" s="6" t="s">
        <v>9</v>
      </c>
      <c r="F20623" s="7">
        <v>38657</v>
      </c>
      <c r="G20623" s="8">
        <v>1</v>
      </c>
      <c r="H20623" s="8">
        <v>1</v>
      </c>
      <c r="I20623" s="8">
        <v>0</v>
      </c>
      <c r="J20623" s="8">
        <v>1</v>
      </c>
      <c r="K20623" s="9">
        <v>30</v>
      </c>
      <c r="L20623" s="6" t="s">
        <v>4151</v>
      </c>
    </row>
    <row r="20624" spans="1:12">
      <c r="A20624" s="6" t="s">
        <v>4151</v>
      </c>
      <c r="B20624" s="6"/>
      <c r="C20624" s="6" t="s">
        <v>20660</v>
      </c>
      <c r="D20624" s="6"/>
      <c r="E20624" s="6" t="s">
        <v>9</v>
      </c>
      <c r="F20624" s="7">
        <v>38657</v>
      </c>
      <c r="G20624" s="8">
        <v>1</v>
      </c>
      <c r="H20624" s="8">
        <v>1</v>
      </c>
      <c r="I20624" s="8">
        <v>0</v>
      </c>
      <c r="J20624" s="8">
        <v>1</v>
      </c>
      <c r="K20624" s="9">
        <v>4.03</v>
      </c>
      <c r="L20624" s="6" t="s">
        <v>4151</v>
      </c>
    </row>
    <row r="20625" spans="1:12">
      <c r="A20625" s="6" t="s">
        <v>4151</v>
      </c>
      <c r="B20625" s="6"/>
      <c r="C20625" s="6" t="s">
        <v>20661</v>
      </c>
      <c r="D20625" s="6"/>
      <c r="E20625" s="6" t="s">
        <v>9</v>
      </c>
      <c r="F20625" s="7">
        <v>38657</v>
      </c>
      <c r="G20625" s="8">
        <v>1</v>
      </c>
      <c r="H20625" s="8">
        <v>1</v>
      </c>
      <c r="I20625" s="8">
        <v>0</v>
      </c>
      <c r="J20625" s="8">
        <v>1</v>
      </c>
      <c r="K20625" s="9">
        <v>12</v>
      </c>
      <c r="L20625" s="6" t="s">
        <v>4151</v>
      </c>
    </row>
    <row r="20626" spans="1:12">
      <c r="A20626" s="6" t="s">
        <v>4151</v>
      </c>
      <c r="B20626" s="6"/>
      <c r="C20626" s="6" t="s">
        <v>20662</v>
      </c>
      <c r="D20626" s="6"/>
      <c r="E20626" s="6" t="s">
        <v>9</v>
      </c>
      <c r="F20626" s="7">
        <v>38657</v>
      </c>
      <c r="G20626" s="8">
        <v>1</v>
      </c>
      <c r="H20626" s="8">
        <v>1</v>
      </c>
      <c r="I20626" s="8">
        <v>0</v>
      </c>
      <c r="J20626" s="8">
        <v>1</v>
      </c>
      <c r="K20626" s="9">
        <v>0.48</v>
      </c>
      <c r="L20626" s="6" t="s">
        <v>4151</v>
      </c>
    </row>
    <row r="20627" spans="1:12">
      <c r="A20627" s="6" t="s">
        <v>4151</v>
      </c>
      <c r="B20627" s="6"/>
      <c r="C20627" s="6" t="s">
        <v>20663</v>
      </c>
      <c r="D20627" s="6"/>
      <c r="E20627" s="6" t="s">
        <v>9</v>
      </c>
      <c r="F20627" s="7">
        <v>38657</v>
      </c>
      <c r="G20627" s="8">
        <v>1</v>
      </c>
      <c r="H20627" s="8">
        <v>1</v>
      </c>
      <c r="I20627" s="8">
        <v>0</v>
      </c>
      <c r="J20627" s="8">
        <v>1</v>
      </c>
      <c r="K20627" s="9">
        <v>0.95</v>
      </c>
      <c r="L20627" s="6" t="s">
        <v>4151</v>
      </c>
    </row>
    <row r="20628" spans="1:12">
      <c r="A20628" s="6" t="s">
        <v>4151</v>
      </c>
      <c r="B20628" s="6"/>
      <c r="C20628" s="6" t="s">
        <v>20664</v>
      </c>
      <c r="D20628" s="6"/>
      <c r="E20628" s="6" t="s">
        <v>9</v>
      </c>
      <c r="F20628" s="7">
        <v>38657</v>
      </c>
      <c r="G20628" s="8">
        <v>1</v>
      </c>
      <c r="H20628" s="8">
        <v>1</v>
      </c>
      <c r="I20628" s="8">
        <v>0</v>
      </c>
      <c r="J20628" s="8">
        <v>1</v>
      </c>
      <c r="K20628" s="9">
        <v>4.13</v>
      </c>
      <c r="L20628" s="6" t="s">
        <v>4151</v>
      </c>
    </row>
    <row r="20629" spans="1:12">
      <c r="A20629" s="6" t="s">
        <v>4151</v>
      </c>
      <c r="B20629" s="6"/>
      <c r="C20629" s="6" t="s">
        <v>20665</v>
      </c>
      <c r="D20629" s="6"/>
      <c r="E20629" s="6" t="s">
        <v>9</v>
      </c>
      <c r="F20629" s="7">
        <v>38657</v>
      </c>
      <c r="G20629" s="8">
        <v>1</v>
      </c>
      <c r="H20629" s="8">
        <v>1</v>
      </c>
      <c r="I20629" s="8">
        <v>0</v>
      </c>
      <c r="J20629" s="8">
        <v>1</v>
      </c>
      <c r="K20629" s="9">
        <v>0.66</v>
      </c>
      <c r="L20629" s="6" t="s">
        <v>4151</v>
      </c>
    </row>
    <row r="20630" spans="1:12">
      <c r="A20630" s="6" t="s">
        <v>4151</v>
      </c>
      <c r="B20630" s="6"/>
      <c r="C20630" s="6" t="s">
        <v>20666</v>
      </c>
      <c r="D20630" s="6"/>
      <c r="E20630" s="6" t="s">
        <v>9</v>
      </c>
      <c r="F20630" s="7">
        <v>38657</v>
      </c>
      <c r="G20630" s="8">
        <v>1</v>
      </c>
      <c r="H20630" s="8">
        <v>1</v>
      </c>
      <c r="I20630" s="8">
        <v>0</v>
      </c>
      <c r="J20630" s="8">
        <v>1</v>
      </c>
      <c r="K20630" s="9">
        <v>13</v>
      </c>
      <c r="L20630" s="6" t="s">
        <v>4151</v>
      </c>
    </row>
    <row r="20631" spans="1:12">
      <c r="A20631" s="6" t="s">
        <v>4151</v>
      </c>
      <c r="B20631" s="6"/>
      <c r="C20631" s="6" t="s">
        <v>20667</v>
      </c>
      <c r="D20631" s="6"/>
      <c r="E20631" s="6" t="s">
        <v>9</v>
      </c>
      <c r="F20631" s="7">
        <v>38657</v>
      </c>
      <c r="G20631" s="8">
        <v>1</v>
      </c>
      <c r="H20631" s="8">
        <v>1</v>
      </c>
      <c r="I20631" s="8">
        <v>0</v>
      </c>
      <c r="J20631" s="8">
        <v>1</v>
      </c>
      <c r="K20631" s="9">
        <v>6.61</v>
      </c>
      <c r="L20631" s="6" t="s">
        <v>4151</v>
      </c>
    </row>
    <row r="20632" spans="1:12">
      <c r="A20632" s="6" t="s">
        <v>4151</v>
      </c>
      <c r="B20632" s="6"/>
      <c r="C20632" s="6" t="s">
        <v>20668</v>
      </c>
      <c r="D20632" s="6"/>
      <c r="E20632" s="6" t="s">
        <v>9</v>
      </c>
      <c r="F20632" s="7">
        <v>38657</v>
      </c>
      <c r="G20632" s="8">
        <v>1</v>
      </c>
      <c r="H20632" s="8">
        <v>1</v>
      </c>
      <c r="I20632" s="8">
        <v>0</v>
      </c>
      <c r="J20632" s="8">
        <v>1</v>
      </c>
      <c r="K20632" s="9">
        <v>32</v>
      </c>
      <c r="L20632" s="6" t="s">
        <v>4151</v>
      </c>
    </row>
    <row r="20633" spans="1:12">
      <c r="A20633" s="6" t="s">
        <v>4151</v>
      </c>
      <c r="B20633" s="6"/>
      <c r="C20633" s="6" t="s">
        <v>20669</v>
      </c>
      <c r="D20633" s="6"/>
      <c r="E20633" s="6" t="s">
        <v>9</v>
      </c>
      <c r="F20633" s="7">
        <v>38657</v>
      </c>
      <c r="G20633" s="8">
        <v>1</v>
      </c>
      <c r="H20633" s="8">
        <v>1</v>
      </c>
      <c r="I20633" s="8">
        <v>0</v>
      </c>
      <c r="J20633" s="8">
        <v>1</v>
      </c>
      <c r="K20633" s="9">
        <v>2.27999999999999</v>
      </c>
      <c r="L20633" s="6" t="s">
        <v>4151</v>
      </c>
    </row>
    <row r="20634" spans="1:12">
      <c r="A20634" s="6" t="s">
        <v>4151</v>
      </c>
      <c r="B20634" s="6"/>
      <c r="C20634" s="6" t="s">
        <v>20670</v>
      </c>
      <c r="D20634" s="6"/>
      <c r="E20634" s="6" t="s">
        <v>9</v>
      </c>
      <c r="F20634" s="7">
        <v>38657</v>
      </c>
      <c r="G20634" s="8">
        <v>1</v>
      </c>
      <c r="H20634" s="8">
        <v>1</v>
      </c>
      <c r="I20634" s="8">
        <v>0</v>
      </c>
      <c r="J20634" s="8">
        <v>1</v>
      </c>
      <c r="K20634" s="9">
        <v>376</v>
      </c>
      <c r="L20634" s="6" t="s">
        <v>4151</v>
      </c>
    </row>
    <row r="20635" spans="1:12">
      <c r="A20635" s="6" t="s">
        <v>4151</v>
      </c>
      <c r="B20635" s="6"/>
      <c r="C20635" s="6" t="s">
        <v>20671</v>
      </c>
      <c r="D20635" s="6"/>
      <c r="E20635" s="6" t="s">
        <v>9</v>
      </c>
      <c r="F20635" s="7">
        <v>38657</v>
      </c>
      <c r="G20635" s="8">
        <v>1</v>
      </c>
      <c r="H20635" s="8">
        <v>1</v>
      </c>
      <c r="I20635" s="8">
        <v>0</v>
      </c>
      <c r="J20635" s="8">
        <v>1</v>
      </c>
      <c r="K20635" s="9">
        <v>8.01</v>
      </c>
      <c r="L20635" s="6" t="s">
        <v>4151</v>
      </c>
    </row>
    <row r="20636" spans="1:12">
      <c r="A20636" s="6" t="s">
        <v>4151</v>
      </c>
      <c r="B20636" s="6"/>
      <c r="C20636" s="6" t="s">
        <v>20672</v>
      </c>
      <c r="D20636" s="6"/>
      <c r="E20636" s="6" t="s">
        <v>9</v>
      </c>
      <c r="F20636" s="7">
        <v>38657</v>
      </c>
      <c r="G20636" s="8">
        <v>1</v>
      </c>
      <c r="H20636" s="8">
        <v>1</v>
      </c>
      <c r="I20636" s="8">
        <v>0</v>
      </c>
      <c r="J20636" s="8">
        <v>1</v>
      </c>
      <c r="K20636" s="9">
        <v>18</v>
      </c>
      <c r="L20636" s="6" t="s">
        <v>4151</v>
      </c>
    </row>
    <row r="20637" spans="1:12">
      <c r="A20637" s="6" t="s">
        <v>4151</v>
      </c>
      <c r="B20637" s="6"/>
      <c r="C20637" s="6" t="s">
        <v>20673</v>
      </c>
      <c r="D20637" s="6"/>
      <c r="E20637" s="6" t="s">
        <v>9</v>
      </c>
      <c r="F20637" s="7">
        <v>38657</v>
      </c>
      <c r="G20637" s="8">
        <v>1</v>
      </c>
      <c r="H20637" s="8">
        <v>1</v>
      </c>
      <c r="I20637" s="8">
        <v>0</v>
      </c>
      <c r="J20637" s="8">
        <v>1</v>
      </c>
      <c r="K20637" s="9">
        <v>29</v>
      </c>
      <c r="L20637" s="6" t="s">
        <v>4151</v>
      </c>
    </row>
    <row r="20638" spans="1:12">
      <c r="A20638" s="6" t="s">
        <v>4151</v>
      </c>
      <c r="B20638" s="6"/>
      <c r="C20638" s="6" t="s">
        <v>20674</v>
      </c>
      <c r="D20638" s="6"/>
      <c r="E20638" s="6" t="s">
        <v>9</v>
      </c>
      <c r="F20638" s="7">
        <v>38657</v>
      </c>
      <c r="G20638" s="8">
        <v>1</v>
      </c>
      <c r="H20638" s="8">
        <v>1</v>
      </c>
      <c r="I20638" s="8">
        <v>0</v>
      </c>
      <c r="J20638" s="8">
        <v>1</v>
      </c>
      <c r="K20638" s="9">
        <v>25</v>
      </c>
      <c r="L20638" s="6" t="s">
        <v>4151</v>
      </c>
    </row>
    <row r="20639" spans="1:12">
      <c r="A20639" s="6" t="s">
        <v>4151</v>
      </c>
      <c r="B20639" s="6"/>
      <c r="C20639" s="6" t="s">
        <v>20675</v>
      </c>
      <c r="D20639" s="6"/>
      <c r="E20639" s="6" t="s">
        <v>9</v>
      </c>
      <c r="F20639" s="7">
        <v>38657</v>
      </c>
      <c r="G20639" s="8">
        <v>1</v>
      </c>
      <c r="H20639" s="8">
        <v>1</v>
      </c>
      <c r="I20639" s="8">
        <v>0</v>
      </c>
      <c r="J20639" s="8">
        <v>1</v>
      </c>
      <c r="K20639" s="9">
        <v>5.15</v>
      </c>
      <c r="L20639" s="6" t="s">
        <v>4151</v>
      </c>
    </row>
    <row r="20640" spans="1:12">
      <c r="A20640" s="6" t="s">
        <v>4151</v>
      </c>
      <c r="B20640" s="6"/>
      <c r="C20640" s="6" t="s">
        <v>20676</v>
      </c>
      <c r="D20640" s="6"/>
      <c r="E20640" s="6" t="s">
        <v>9</v>
      </c>
      <c r="F20640" s="7">
        <v>38657</v>
      </c>
      <c r="G20640" s="8">
        <v>1</v>
      </c>
      <c r="H20640" s="8">
        <v>1</v>
      </c>
      <c r="I20640" s="8">
        <v>0</v>
      </c>
      <c r="J20640" s="8">
        <v>1</v>
      </c>
      <c r="K20640" s="9">
        <v>5.26</v>
      </c>
      <c r="L20640" s="6" t="s">
        <v>4151</v>
      </c>
    </row>
    <row r="20641" spans="1:12">
      <c r="A20641" s="6" t="s">
        <v>4151</v>
      </c>
      <c r="B20641" s="6"/>
      <c r="C20641" s="6" t="s">
        <v>20677</v>
      </c>
      <c r="D20641" s="6"/>
      <c r="E20641" s="6" t="s">
        <v>9</v>
      </c>
      <c r="F20641" s="7">
        <v>38657</v>
      </c>
      <c r="G20641" s="8">
        <v>1</v>
      </c>
      <c r="H20641" s="8">
        <v>1</v>
      </c>
      <c r="I20641" s="8">
        <v>0</v>
      </c>
      <c r="J20641" s="8">
        <v>1</v>
      </c>
      <c r="K20641" s="9">
        <v>5.71</v>
      </c>
      <c r="L20641" s="6" t="s">
        <v>4151</v>
      </c>
    </row>
    <row r="20642" spans="1:12">
      <c r="A20642" s="6" t="s">
        <v>4151</v>
      </c>
      <c r="B20642" s="6"/>
      <c r="C20642" s="6" t="s">
        <v>20678</v>
      </c>
      <c r="D20642" s="6"/>
      <c r="E20642" s="6" t="s">
        <v>9</v>
      </c>
      <c r="F20642" s="7">
        <v>38657</v>
      </c>
      <c r="G20642" s="8">
        <v>1</v>
      </c>
      <c r="H20642" s="8">
        <v>1</v>
      </c>
      <c r="I20642" s="8">
        <v>0</v>
      </c>
      <c r="J20642" s="8">
        <v>1</v>
      </c>
      <c r="K20642" s="9">
        <v>6.4</v>
      </c>
      <c r="L20642" s="6" t="s">
        <v>4151</v>
      </c>
    </row>
    <row r="20643" spans="1:12">
      <c r="A20643" s="6" t="s">
        <v>4151</v>
      </c>
      <c r="B20643" s="6"/>
      <c r="C20643" s="6" t="s">
        <v>20679</v>
      </c>
      <c r="D20643" s="6"/>
      <c r="E20643" s="6" t="s">
        <v>9</v>
      </c>
      <c r="F20643" s="7">
        <v>38657</v>
      </c>
      <c r="G20643" s="8">
        <v>1</v>
      </c>
      <c r="H20643" s="8">
        <v>1</v>
      </c>
      <c r="I20643" s="8">
        <v>0</v>
      </c>
      <c r="J20643" s="8">
        <v>1</v>
      </c>
      <c r="K20643" s="9">
        <v>25</v>
      </c>
      <c r="L20643" s="6" t="s">
        <v>4151</v>
      </c>
    </row>
    <row r="20644" spans="1:12">
      <c r="A20644" s="6" t="s">
        <v>4151</v>
      </c>
      <c r="B20644" s="6"/>
      <c r="C20644" s="6" t="s">
        <v>20680</v>
      </c>
      <c r="D20644" s="6"/>
      <c r="E20644" s="6" t="s">
        <v>9</v>
      </c>
      <c r="F20644" s="7">
        <v>38657</v>
      </c>
      <c r="G20644" s="8">
        <v>1</v>
      </c>
      <c r="H20644" s="8">
        <v>1</v>
      </c>
      <c r="I20644" s="8">
        <v>0</v>
      </c>
      <c r="J20644" s="8">
        <v>1</v>
      </c>
      <c r="K20644" s="9">
        <v>14</v>
      </c>
      <c r="L20644" s="6" t="s">
        <v>4151</v>
      </c>
    </row>
    <row r="20645" spans="1:12">
      <c r="A20645" s="6" t="s">
        <v>4151</v>
      </c>
      <c r="B20645" s="6"/>
      <c r="C20645" s="6" t="s">
        <v>20681</v>
      </c>
      <c r="D20645" s="6"/>
      <c r="E20645" s="6" t="s">
        <v>9</v>
      </c>
      <c r="F20645" s="7">
        <v>38657</v>
      </c>
      <c r="G20645" s="8">
        <v>1</v>
      </c>
      <c r="H20645" s="8">
        <v>1</v>
      </c>
      <c r="I20645" s="8">
        <v>0</v>
      </c>
      <c r="J20645" s="8">
        <v>1</v>
      </c>
      <c r="K20645" s="9">
        <v>37</v>
      </c>
      <c r="L20645" s="6" t="s">
        <v>4151</v>
      </c>
    </row>
    <row r="20646" spans="1:12">
      <c r="A20646" s="6" t="s">
        <v>4151</v>
      </c>
      <c r="B20646" s="6"/>
      <c r="C20646" s="6" t="s">
        <v>20682</v>
      </c>
      <c r="D20646" s="6"/>
      <c r="E20646" s="6" t="s">
        <v>9</v>
      </c>
      <c r="F20646" s="7">
        <v>38657</v>
      </c>
      <c r="G20646" s="8">
        <v>1</v>
      </c>
      <c r="H20646" s="8">
        <v>1</v>
      </c>
      <c r="I20646" s="8">
        <v>0</v>
      </c>
      <c r="J20646" s="8">
        <v>1</v>
      </c>
      <c r="K20646" s="9">
        <v>5.82</v>
      </c>
      <c r="L20646" s="6" t="s">
        <v>4151</v>
      </c>
    </row>
    <row r="20647" spans="1:12">
      <c r="A20647" s="6" t="s">
        <v>4151</v>
      </c>
      <c r="B20647" s="6"/>
      <c r="C20647" s="6" t="s">
        <v>20683</v>
      </c>
      <c r="D20647" s="6"/>
      <c r="E20647" s="6" t="s">
        <v>9</v>
      </c>
      <c r="F20647" s="7">
        <v>38657</v>
      </c>
      <c r="G20647" s="8">
        <v>1</v>
      </c>
      <c r="H20647" s="8">
        <v>1</v>
      </c>
      <c r="I20647" s="8">
        <v>0</v>
      </c>
      <c r="J20647" s="8">
        <v>1</v>
      </c>
      <c r="K20647" s="9">
        <v>10</v>
      </c>
      <c r="L20647" s="6" t="s">
        <v>4151</v>
      </c>
    </row>
    <row r="20648" spans="1:12">
      <c r="A20648" s="6" t="s">
        <v>4151</v>
      </c>
      <c r="B20648" s="6"/>
      <c r="C20648" s="6" t="s">
        <v>20684</v>
      </c>
      <c r="D20648" s="6"/>
      <c r="E20648" s="6" t="s">
        <v>9</v>
      </c>
      <c r="F20648" s="7">
        <v>38657</v>
      </c>
      <c r="G20648" s="8">
        <v>1</v>
      </c>
      <c r="H20648" s="8">
        <v>1</v>
      </c>
      <c r="I20648" s="8">
        <v>0</v>
      </c>
      <c r="J20648" s="8">
        <v>1</v>
      </c>
      <c r="K20648" s="9">
        <v>8.2799999999999905</v>
      </c>
      <c r="L20648" s="6" t="s">
        <v>4151</v>
      </c>
    </row>
    <row r="20649" spans="1:12">
      <c r="A20649" s="6" t="s">
        <v>4151</v>
      </c>
      <c r="B20649" s="6"/>
      <c r="C20649" s="6" t="s">
        <v>20685</v>
      </c>
      <c r="D20649" s="6"/>
      <c r="E20649" s="6" t="s">
        <v>9</v>
      </c>
      <c r="F20649" s="7">
        <v>38657</v>
      </c>
      <c r="G20649" s="8">
        <v>1</v>
      </c>
      <c r="H20649" s="8">
        <v>1</v>
      </c>
      <c r="I20649" s="8">
        <v>0</v>
      </c>
      <c r="J20649" s="8">
        <v>1</v>
      </c>
      <c r="K20649" s="9">
        <v>39</v>
      </c>
      <c r="L20649" s="6" t="s">
        <v>4151</v>
      </c>
    </row>
    <row r="20650" spans="1:12">
      <c r="A20650" s="6" t="s">
        <v>4151</v>
      </c>
      <c r="B20650" s="6"/>
      <c r="C20650" s="6" t="s">
        <v>20686</v>
      </c>
      <c r="D20650" s="6"/>
      <c r="E20650" s="6" t="s">
        <v>9</v>
      </c>
      <c r="F20650" s="7">
        <v>38657</v>
      </c>
      <c r="G20650" s="8">
        <v>1</v>
      </c>
      <c r="H20650" s="8">
        <v>1</v>
      </c>
      <c r="I20650" s="8">
        <v>0</v>
      </c>
      <c r="J20650" s="8">
        <v>1</v>
      </c>
      <c r="K20650" s="9">
        <v>3.47</v>
      </c>
      <c r="L20650" s="6" t="s">
        <v>4151</v>
      </c>
    </row>
    <row r="20651" spans="1:12">
      <c r="A20651" s="6" t="s">
        <v>4151</v>
      </c>
      <c r="B20651" s="6"/>
      <c r="C20651" s="6" t="s">
        <v>20687</v>
      </c>
      <c r="D20651" s="6"/>
      <c r="E20651" s="6" t="s">
        <v>9</v>
      </c>
      <c r="F20651" s="7">
        <v>38657</v>
      </c>
      <c r="G20651" s="8">
        <v>1</v>
      </c>
      <c r="H20651" s="8">
        <v>1</v>
      </c>
      <c r="I20651" s="8">
        <v>0</v>
      </c>
      <c r="J20651" s="8">
        <v>1</v>
      </c>
      <c r="K20651" s="9">
        <v>9.14</v>
      </c>
      <c r="L20651" s="6" t="s">
        <v>4151</v>
      </c>
    </row>
    <row r="20652" spans="1:12">
      <c r="A20652" s="6" t="s">
        <v>4151</v>
      </c>
      <c r="B20652" s="6"/>
      <c r="C20652" s="6" t="s">
        <v>20688</v>
      </c>
      <c r="D20652" s="6"/>
      <c r="E20652" s="6" t="s">
        <v>9</v>
      </c>
      <c r="F20652" s="7">
        <v>38657</v>
      </c>
      <c r="G20652" s="8">
        <v>1</v>
      </c>
      <c r="H20652" s="8">
        <v>1</v>
      </c>
      <c r="I20652" s="8">
        <v>0</v>
      </c>
      <c r="J20652" s="8">
        <v>1</v>
      </c>
      <c r="K20652" s="9">
        <v>6.64</v>
      </c>
      <c r="L20652" s="6" t="s">
        <v>4151</v>
      </c>
    </row>
    <row r="20653" spans="1:12">
      <c r="A20653" s="6" t="s">
        <v>4151</v>
      </c>
      <c r="B20653" s="6"/>
      <c r="C20653" s="6" t="s">
        <v>20689</v>
      </c>
      <c r="D20653" s="6"/>
      <c r="E20653" s="6" t="s">
        <v>9</v>
      </c>
      <c r="F20653" s="7">
        <v>38657</v>
      </c>
      <c r="G20653" s="8">
        <v>1</v>
      </c>
      <c r="H20653" s="8">
        <v>1</v>
      </c>
      <c r="I20653" s="8">
        <v>0</v>
      </c>
      <c r="J20653" s="8">
        <v>1</v>
      </c>
      <c r="K20653" s="9">
        <v>4.76</v>
      </c>
      <c r="L20653" s="6" t="s">
        <v>4151</v>
      </c>
    </row>
    <row r="20654" spans="1:12">
      <c r="A20654" s="6" t="s">
        <v>4151</v>
      </c>
      <c r="B20654" s="6"/>
      <c r="C20654" s="6" t="s">
        <v>20690</v>
      </c>
      <c r="D20654" s="6"/>
      <c r="E20654" s="6" t="s">
        <v>9</v>
      </c>
      <c r="F20654" s="7">
        <v>38657</v>
      </c>
      <c r="G20654" s="8">
        <v>1</v>
      </c>
      <c r="H20654" s="8">
        <v>1</v>
      </c>
      <c r="I20654" s="8">
        <v>0</v>
      </c>
      <c r="J20654" s="8">
        <v>1</v>
      </c>
      <c r="K20654" s="9">
        <v>7.1</v>
      </c>
      <c r="L20654" s="6" t="s">
        <v>4151</v>
      </c>
    </row>
    <row r="20655" spans="1:12">
      <c r="A20655" s="6" t="s">
        <v>4151</v>
      </c>
      <c r="B20655" s="6"/>
      <c r="C20655" s="6" t="s">
        <v>20691</v>
      </c>
      <c r="D20655" s="6"/>
      <c r="E20655" s="6" t="s">
        <v>9</v>
      </c>
      <c r="F20655" s="7">
        <v>38657</v>
      </c>
      <c r="G20655" s="8">
        <v>1</v>
      </c>
      <c r="H20655" s="8">
        <v>1</v>
      </c>
      <c r="I20655" s="8">
        <v>0</v>
      </c>
      <c r="J20655" s="8">
        <v>1</v>
      </c>
      <c r="K20655" s="9">
        <v>48</v>
      </c>
      <c r="L20655" s="6" t="s">
        <v>4151</v>
      </c>
    </row>
    <row r="20656" spans="1:12">
      <c r="A20656" s="6" t="s">
        <v>4151</v>
      </c>
      <c r="B20656" s="6"/>
      <c r="C20656" s="6" t="s">
        <v>20692</v>
      </c>
      <c r="D20656" s="6"/>
      <c r="E20656" s="6" t="s">
        <v>9</v>
      </c>
      <c r="F20656" s="7">
        <v>38657</v>
      </c>
      <c r="G20656" s="8">
        <v>1</v>
      </c>
      <c r="H20656" s="8">
        <v>1</v>
      </c>
      <c r="I20656" s="8">
        <v>0</v>
      </c>
      <c r="J20656" s="8">
        <v>1</v>
      </c>
      <c r="K20656" s="9">
        <v>7.59</v>
      </c>
      <c r="L20656" s="6" t="s">
        <v>4151</v>
      </c>
    </row>
    <row r="20657" spans="1:12">
      <c r="A20657" s="6" t="s">
        <v>4151</v>
      </c>
      <c r="B20657" s="6"/>
      <c r="C20657" s="6" t="s">
        <v>20693</v>
      </c>
      <c r="D20657" s="6"/>
      <c r="E20657" s="6" t="s">
        <v>9</v>
      </c>
      <c r="F20657" s="7">
        <v>38657</v>
      </c>
      <c r="G20657" s="8">
        <v>1</v>
      </c>
      <c r="H20657" s="8">
        <v>1</v>
      </c>
      <c r="I20657" s="8">
        <v>0</v>
      </c>
      <c r="J20657" s="8">
        <v>1</v>
      </c>
      <c r="K20657" s="9">
        <v>20</v>
      </c>
      <c r="L20657" s="6" t="s">
        <v>4151</v>
      </c>
    </row>
    <row r="20658" spans="1:12">
      <c r="A20658" s="6" t="s">
        <v>4151</v>
      </c>
      <c r="B20658" s="6"/>
      <c r="C20658" s="6" t="s">
        <v>20694</v>
      </c>
      <c r="D20658" s="6"/>
      <c r="E20658" s="6" t="s">
        <v>9</v>
      </c>
      <c r="F20658" s="7">
        <v>38657</v>
      </c>
      <c r="G20658" s="8">
        <v>1</v>
      </c>
      <c r="H20658" s="8">
        <v>1</v>
      </c>
      <c r="I20658" s="8">
        <v>0</v>
      </c>
      <c r="J20658" s="8">
        <v>1</v>
      </c>
      <c r="K20658" s="9">
        <v>2.2000000000000002</v>
      </c>
      <c r="L20658" s="6" t="s">
        <v>4151</v>
      </c>
    </row>
    <row r="20659" spans="1:12">
      <c r="A20659" s="6" t="s">
        <v>4151</v>
      </c>
      <c r="B20659" s="6"/>
      <c r="C20659" s="6" t="s">
        <v>20695</v>
      </c>
      <c r="D20659" s="6"/>
      <c r="E20659" s="6" t="s">
        <v>9</v>
      </c>
      <c r="F20659" s="7">
        <v>38657</v>
      </c>
      <c r="G20659" s="8">
        <v>1</v>
      </c>
      <c r="H20659" s="8">
        <v>1</v>
      </c>
      <c r="I20659" s="8">
        <v>0</v>
      </c>
      <c r="J20659" s="8">
        <v>1</v>
      </c>
      <c r="K20659" s="9">
        <v>11</v>
      </c>
      <c r="L20659" s="6" t="s">
        <v>4151</v>
      </c>
    </row>
    <row r="20660" spans="1:12">
      <c r="A20660" s="6" t="s">
        <v>4151</v>
      </c>
      <c r="B20660" s="6"/>
      <c r="C20660" s="6" t="s">
        <v>20696</v>
      </c>
      <c r="D20660" s="6"/>
      <c r="E20660" s="6" t="s">
        <v>9</v>
      </c>
      <c r="F20660" s="7">
        <v>38657</v>
      </c>
      <c r="G20660" s="8">
        <v>1</v>
      </c>
      <c r="H20660" s="8">
        <v>1</v>
      </c>
      <c r="I20660" s="8">
        <v>0</v>
      </c>
      <c r="J20660" s="8">
        <v>1</v>
      </c>
      <c r="K20660" s="9">
        <v>0.64</v>
      </c>
      <c r="L20660" s="6" t="s">
        <v>4151</v>
      </c>
    </row>
    <row r="20661" spans="1:12">
      <c r="A20661" s="6" t="s">
        <v>4151</v>
      </c>
      <c r="B20661" s="6"/>
      <c r="C20661" s="6" t="s">
        <v>20697</v>
      </c>
      <c r="D20661" s="6"/>
      <c r="E20661" s="6" t="s">
        <v>9</v>
      </c>
      <c r="F20661" s="7">
        <v>38657</v>
      </c>
      <c r="G20661" s="8">
        <v>1</v>
      </c>
      <c r="H20661" s="8">
        <v>1</v>
      </c>
      <c r="I20661" s="8">
        <v>0</v>
      </c>
      <c r="J20661" s="8">
        <v>1</v>
      </c>
      <c r="K20661" s="9">
        <v>2.65</v>
      </c>
      <c r="L20661" s="6" t="s">
        <v>4151</v>
      </c>
    </row>
    <row r="20662" spans="1:12">
      <c r="A20662" s="6" t="s">
        <v>4151</v>
      </c>
      <c r="B20662" s="6"/>
      <c r="C20662" s="6" t="s">
        <v>20698</v>
      </c>
      <c r="D20662" s="6"/>
      <c r="E20662" s="6" t="s">
        <v>9</v>
      </c>
      <c r="F20662" s="7">
        <v>38657</v>
      </c>
      <c r="G20662" s="8">
        <v>1</v>
      </c>
      <c r="H20662" s="8">
        <v>1</v>
      </c>
      <c r="I20662" s="8">
        <v>0</v>
      </c>
      <c r="J20662" s="8">
        <v>1</v>
      </c>
      <c r="K20662" s="9">
        <v>2.35</v>
      </c>
      <c r="L20662" s="6" t="s">
        <v>4151</v>
      </c>
    </row>
    <row r="20663" spans="1:12">
      <c r="A20663" s="6" t="s">
        <v>4151</v>
      </c>
      <c r="B20663" s="6"/>
      <c r="C20663" s="6" t="s">
        <v>20699</v>
      </c>
      <c r="D20663" s="6"/>
      <c r="E20663" s="6" t="s">
        <v>9</v>
      </c>
      <c r="F20663" s="7">
        <v>38657</v>
      </c>
      <c r="G20663" s="8">
        <v>1</v>
      </c>
      <c r="H20663" s="8">
        <v>1</v>
      </c>
      <c r="I20663" s="8">
        <v>0</v>
      </c>
      <c r="J20663" s="8">
        <v>1</v>
      </c>
      <c r="K20663" s="9">
        <v>15</v>
      </c>
      <c r="L20663" s="6" t="s">
        <v>4151</v>
      </c>
    </row>
    <row r="20664" spans="1:12">
      <c r="A20664" s="6" t="s">
        <v>4151</v>
      </c>
      <c r="B20664" s="6"/>
      <c r="C20664" s="6" t="s">
        <v>20700</v>
      </c>
      <c r="D20664" s="6"/>
      <c r="E20664" s="6" t="s">
        <v>9</v>
      </c>
      <c r="F20664" s="7">
        <v>38657</v>
      </c>
      <c r="G20664" s="8">
        <v>1</v>
      </c>
      <c r="H20664" s="8">
        <v>1</v>
      </c>
      <c r="I20664" s="8">
        <v>0</v>
      </c>
      <c r="J20664" s="8">
        <v>1</v>
      </c>
      <c r="K20664" s="9">
        <v>13.25</v>
      </c>
      <c r="L20664" s="6" t="s">
        <v>4151</v>
      </c>
    </row>
    <row r="20665" spans="1:12">
      <c r="A20665" s="6" t="s">
        <v>4151</v>
      </c>
      <c r="B20665" s="6"/>
      <c r="C20665" s="6" t="s">
        <v>20701</v>
      </c>
      <c r="D20665" s="6"/>
      <c r="E20665" s="6" t="s">
        <v>9</v>
      </c>
      <c r="F20665" s="7">
        <v>38657</v>
      </c>
      <c r="G20665" s="8">
        <v>1</v>
      </c>
      <c r="H20665" s="8">
        <v>1</v>
      </c>
      <c r="I20665" s="8">
        <v>0</v>
      </c>
      <c r="J20665" s="8">
        <v>1</v>
      </c>
      <c r="K20665" s="9">
        <v>53</v>
      </c>
      <c r="L20665" s="6" t="s">
        <v>4151</v>
      </c>
    </row>
    <row r="20666" spans="1:12">
      <c r="A20666" s="6" t="s">
        <v>4151</v>
      </c>
      <c r="B20666" s="6"/>
      <c r="C20666" s="6" t="s">
        <v>20702</v>
      </c>
      <c r="D20666" s="6"/>
      <c r="E20666" s="6" t="s">
        <v>9</v>
      </c>
      <c r="F20666" s="7">
        <v>38657</v>
      </c>
      <c r="G20666" s="8">
        <v>1</v>
      </c>
      <c r="H20666" s="8">
        <v>1</v>
      </c>
      <c r="I20666" s="8">
        <v>0</v>
      </c>
      <c r="J20666" s="8">
        <v>1</v>
      </c>
      <c r="K20666" s="9">
        <v>4.79</v>
      </c>
      <c r="L20666" s="6" t="s">
        <v>4151</v>
      </c>
    </row>
    <row r="20667" spans="1:12">
      <c r="A20667" s="6" t="s">
        <v>4151</v>
      </c>
      <c r="B20667" s="6"/>
      <c r="C20667" s="6" t="s">
        <v>20703</v>
      </c>
      <c r="D20667" s="6"/>
      <c r="E20667" s="6" t="s">
        <v>9</v>
      </c>
      <c r="F20667" s="7">
        <v>38657</v>
      </c>
      <c r="G20667" s="8">
        <v>1</v>
      </c>
      <c r="H20667" s="8">
        <v>1</v>
      </c>
      <c r="I20667" s="8">
        <v>0</v>
      </c>
      <c r="J20667" s="8">
        <v>1</v>
      </c>
      <c r="K20667" s="9">
        <v>2.35</v>
      </c>
      <c r="L20667" s="6" t="s">
        <v>4151</v>
      </c>
    </row>
    <row r="20668" spans="1:12">
      <c r="A20668" s="6" t="s">
        <v>4151</v>
      </c>
      <c r="B20668" s="6"/>
      <c r="C20668" s="6" t="s">
        <v>20704</v>
      </c>
      <c r="D20668" s="6"/>
      <c r="E20668" s="6" t="s">
        <v>9</v>
      </c>
      <c r="F20668" s="7">
        <v>38657</v>
      </c>
      <c r="G20668" s="8">
        <v>1</v>
      </c>
      <c r="H20668" s="8">
        <v>1</v>
      </c>
      <c r="I20668" s="8">
        <v>0</v>
      </c>
      <c r="J20668" s="8">
        <v>1</v>
      </c>
      <c r="K20668" s="9">
        <v>29</v>
      </c>
      <c r="L20668" s="6" t="s">
        <v>4151</v>
      </c>
    </row>
    <row r="20669" spans="1:12">
      <c r="A20669" s="6" t="s">
        <v>4151</v>
      </c>
      <c r="B20669" s="6"/>
      <c r="C20669" s="6" t="s">
        <v>20705</v>
      </c>
      <c r="D20669" s="6"/>
      <c r="E20669" s="6" t="s">
        <v>9</v>
      </c>
      <c r="F20669" s="7">
        <v>38657</v>
      </c>
      <c r="G20669" s="8">
        <v>1</v>
      </c>
      <c r="H20669" s="8">
        <v>1</v>
      </c>
      <c r="I20669" s="8">
        <v>0</v>
      </c>
      <c r="J20669" s="8">
        <v>1</v>
      </c>
      <c r="K20669" s="9">
        <v>29</v>
      </c>
      <c r="L20669" s="6" t="s">
        <v>4151</v>
      </c>
    </row>
    <row r="20670" spans="1:12">
      <c r="A20670" s="6" t="s">
        <v>4151</v>
      </c>
      <c r="B20670" s="6"/>
      <c r="C20670" s="6" t="s">
        <v>20706</v>
      </c>
      <c r="D20670" s="6"/>
      <c r="E20670" s="6" t="s">
        <v>9</v>
      </c>
      <c r="F20670" s="7">
        <v>38657</v>
      </c>
      <c r="G20670" s="8">
        <v>1</v>
      </c>
      <c r="H20670" s="8">
        <v>1</v>
      </c>
      <c r="I20670" s="8">
        <v>0</v>
      </c>
      <c r="J20670" s="8">
        <v>1</v>
      </c>
      <c r="K20670" s="9">
        <v>10</v>
      </c>
      <c r="L20670" s="6" t="s">
        <v>4151</v>
      </c>
    </row>
    <row r="20671" spans="1:12">
      <c r="A20671" s="6" t="s">
        <v>4151</v>
      </c>
      <c r="B20671" s="6"/>
      <c r="C20671" s="6" t="s">
        <v>20707</v>
      </c>
      <c r="D20671" s="6"/>
      <c r="E20671" s="6" t="s">
        <v>9</v>
      </c>
      <c r="F20671" s="7">
        <v>38657</v>
      </c>
      <c r="G20671" s="8">
        <v>1</v>
      </c>
      <c r="H20671" s="8">
        <v>1</v>
      </c>
      <c r="I20671" s="8">
        <v>0</v>
      </c>
      <c r="J20671" s="8">
        <v>1</v>
      </c>
      <c r="K20671" s="9">
        <v>13</v>
      </c>
      <c r="L20671" s="6" t="s">
        <v>4151</v>
      </c>
    </row>
    <row r="20672" spans="1:12">
      <c r="A20672" s="6" t="s">
        <v>4151</v>
      </c>
      <c r="B20672" s="6"/>
      <c r="C20672" s="6" t="s">
        <v>20708</v>
      </c>
      <c r="D20672" s="6"/>
      <c r="E20672" s="6" t="s">
        <v>9</v>
      </c>
      <c r="F20672" s="7">
        <v>38657</v>
      </c>
      <c r="G20672" s="8">
        <v>1</v>
      </c>
      <c r="H20672" s="8">
        <v>1</v>
      </c>
      <c r="I20672" s="8">
        <v>0</v>
      </c>
      <c r="J20672" s="8">
        <v>1</v>
      </c>
      <c r="K20672" s="9">
        <v>3.92</v>
      </c>
      <c r="L20672" s="6" t="s">
        <v>4151</v>
      </c>
    </row>
    <row r="20673" spans="1:12">
      <c r="A20673" s="6" t="s">
        <v>4151</v>
      </c>
      <c r="B20673" s="6"/>
      <c r="C20673" s="6" t="s">
        <v>20709</v>
      </c>
      <c r="D20673" s="6"/>
      <c r="E20673" s="6" t="s">
        <v>9</v>
      </c>
      <c r="F20673" s="7">
        <v>38657</v>
      </c>
      <c r="G20673" s="8">
        <v>1</v>
      </c>
      <c r="H20673" s="8">
        <v>1</v>
      </c>
      <c r="I20673" s="8">
        <v>0</v>
      </c>
      <c r="J20673" s="8">
        <v>1</v>
      </c>
      <c r="K20673" s="9">
        <v>4.29</v>
      </c>
      <c r="L20673" s="6" t="s">
        <v>4151</v>
      </c>
    </row>
    <row r="20674" spans="1:12">
      <c r="A20674" s="6" t="s">
        <v>4151</v>
      </c>
      <c r="B20674" s="6"/>
      <c r="C20674" s="6" t="s">
        <v>20710</v>
      </c>
      <c r="D20674" s="6"/>
      <c r="E20674" s="6" t="s">
        <v>9</v>
      </c>
      <c r="F20674" s="7">
        <v>38657</v>
      </c>
      <c r="G20674" s="8">
        <v>1</v>
      </c>
      <c r="H20674" s="8">
        <v>1</v>
      </c>
      <c r="I20674" s="8">
        <v>0</v>
      </c>
      <c r="J20674" s="8">
        <v>1</v>
      </c>
      <c r="K20674" s="9">
        <v>13</v>
      </c>
      <c r="L20674" s="6" t="s">
        <v>4151</v>
      </c>
    </row>
    <row r="20675" spans="1:12">
      <c r="A20675" s="6" t="s">
        <v>4151</v>
      </c>
      <c r="B20675" s="6"/>
      <c r="C20675" s="6" t="s">
        <v>20711</v>
      </c>
      <c r="D20675" s="6"/>
      <c r="E20675" s="6" t="s">
        <v>9</v>
      </c>
      <c r="F20675" s="7">
        <v>38657</v>
      </c>
      <c r="G20675" s="8">
        <v>1</v>
      </c>
      <c r="H20675" s="8">
        <v>1</v>
      </c>
      <c r="I20675" s="8">
        <v>0</v>
      </c>
      <c r="J20675" s="8">
        <v>1</v>
      </c>
      <c r="K20675" s="9">
        <v>18</v>
      </c>
      <c r="L20675" s="6" t="s">
        <v>4151</v>
      </c>
    </row>
    <row r="20676" spans="1:12">
      <c r="A20676" s="6" t="s">
        <v>4151</v>
      </c>
      <c r="B20676" s="6"/>
      <c r="C20676" s="6" t="s">
        <v>20712</v>
      </c>
      <c r="D20676" s="6"/>
      <c r="E20676" s="6" t="s">
        <v>9</v>
      </c>
      <c r="F20676" s="7">
        <v>38657</v>
      </c>
      <c r="G20676" s="8">
        <v>1</v>
      </c>
      <c r="H20676" s="8">
        <v>1</v>
      </c>
      <c r="I20676" s="8">
        <v>0</v>
      </c>
      <c r="J20676" s="8">
        <v>1</v>
      </c>
      <c r="K20676" s="9">
        <v>17</v>
      </c>
      <c r="L20676" s="6" t="s">
        <v>4151</v>
      </c>
    </row>
    <row r="20677" spans="1:12">
      <c r="A20677" s="6" t="s">
        <v>4151</v>
      </c>
      <c r="B20677" s="6"/>
      <c r="C20677" s="6" t="s">
        <v>20713</v>
      </c>
      <c r="D20677" s="6"/>
      <c r="E20677" s="6" t="s">
        <v>9</v>
      </c>
      <c r="F20677" s="7">
        <v>38657</v>
      </c>
      <c r="G20677" s="8">
        <v>1</v>
      </c>
      <c r="H20677" s="8">
        <v>1</v>
      </c>
      <c r="I20677" s="8">
        <v>0</v>
      </c>
      <c r="J20677" s="8">
        <v>1</v>
      </c>
      <c r="K20677" s="9">
        <v>195</v>
      </c>
      <c r="L20677" s="6" t="s">
        <v>4151</v>
      </c>
    </row>
    <row r="20678" spans="1:12">
      <c r="A20678" s="6" t="s">
        <v>4151</v>
      </c>
      <c r="B20678" s="6"/>
      <c r="C20678" s="6" t="s">
        <v>20714</v>
      </c>
      <c r="D20678" s="6"/>
      <c r="E20678" s="6" t="s">
        <v>9</v>
      </c>
      <c r="F20678" s="7">
        <v>41891</v>
      </c>
      <c r="G20678" s="8">
        <v>1</v>
      </c>
      <c r="H20678" s="8">
        <v>1</v>
      </c>
      <c r="I20678" s="8">
        <v>0</v>
      </c>
      <c r="J20678" s="8">
        <v>1</v>
      </c>
      <c r="K20678" s="9">
        <v>1.45</v>
      </c>
      <c r="L20678" s="6" t="s">
        <v>51</v>
      </c>
    </row>
    <row r="20679" spans="1:12">
      <c r="A20679" s="6" t="s">
        <v>4151</v>
      </c>
      <c r="B20679" s="6"/>
      <c r="C20679" s="6" t="s">
        <v>20715</v>
      </c>
      <c r="D20679" s="6"/>
      <c r="E20679" s="6" t="s">
        <v>9</v>
      </c>
      <c r="F20679" s="7">
        <v>38657</v>
      </c>
      <c r="G20679" s="8">
        <v>1</v>
      </c>
      <c r="H20679" s="8">
        <v>1</v>
      </c>
      <c r="I20679" s="8">
        <v>0</v>
      </c>
      <c r="J20679" s="8">
        <v>1</v>
      </c>
      <c r="K20679" s="9">
        <v>6.56</v>
      </c>
      <c r="L20679" s="6" t="s">
        <v>4151</v>
      </c>
    </row>
    <row r="20680" spans="1:12">
      <c r="A20680" s="6" t="s">
        <v>4151</v>
      </c>
      <c r="B20680" s="6"/>
      <c r="C20680" s="6" t="s">
        <v>20716</v>
      </c>
      <c r="D20680" s="6"/>
      <c r="E20680" s="6" t="s">
        <v>9</v>
      </c>
      <c r="F20680" s="7">
        <v>38657</v>
      </c>
      <c r="G20680" s="8">
        <v>1</v>
      </c>
      <c r="H20680" s="8">
        <v>1</v>
      </c>
      <c r="I20680" s="8">
        <v>0</v>
      </c>
      <c r="J20680" s="8">
        <v>1</v>
      </c>
      <c r="K20680" s="9">
        <v>5.08</v>
      </c>
      <c r="L20680" s="6" t="s">
        <v>4151</v>
      </c>
    </row>
    <row r="20681" spans="1:12">
      <c r="A20681" s="6" t="s">
        <v>4151</v>
      </c>
      <c r="B20681" s="6"/>
      <c r="C20681" s="6" t="s">
        <v>20717</v>
      </c>
      <c r="D20681" s="6"/>
      <c r="E20681" s="6" t="s">
        <v>9</v>
      </c>
      <c r="F20681" s="7">
        <v>38657</v>
      </c>
      <c r="G20681" s="8">
        <v>1</v>
      </c>
      <c r="H20681" s="8">
        <v>1</v>
      </c>
      <c r="I20681" s="8">
        <v>0</v>
      </c>
      <c r="J20681" s="8">
        <v>1</v>
      </c>
      <c r="K20681" s="9">
        <v>7.28</v>
      </c>
      <c r="L20681" s="6" t="s">
        <v>4151</v>
      </c>
    </row>
    <row r="20682" spans="1:12">
      <c r="A20682" s="6" t="s">
        <v>4151</v>
      </c>
      <c r="B20682" s="6"/>
      <c r="C20682" s="6" t="s">
        <v>20718</v>
      </c>
      <c r="D20682" s="6"/>
      <c r="E20682" s="6" t="s">
        <v>9</v>
      </c>
      <c r="F20682" s="7">
        <v>38657</v>
      </c>
      <c r="G20682" s="8">
        <v>1</v>
      </c>
      <c r="H20682" s="8">
        <v>1</v>
      </c>
      <c r="I20682" s="8">
        <v>0</v>
      </c>
      <c r="J20682" s="8">
        <v>1</v>
      </c>
      <c r="K20682" s="9">
        <v>5.44</v>
      </c>
      <c r="L20682" s="6" t="s">
        <v>4151</v>
      </c>
    </row>
    <row r="20683" spans="1:12">
      <c r="A20683" s="6" t="s">
        <v>4151</v>
      </c>
      <c r="B20683" s="6"/>
      <c r="C20683" s="6" t="s">
        <v>20719</v>
      </c>
      <c r="D20683" s="6"/>
      <c r="E20683" s="6" t="s">
        <v>9</v>
      </c>
      <c r="F20683" s="7">
        <v>38657</v>
      </c>
      <c r="G20683" s="8">
        <v>1</v>
      </c>
      <c r="H20683" s="8">
        <v>1</v>
      </c>
      <c r="I20683" s="8">
        <v>0</v>
      </c>
      <c r="J20683" s="8">
        <v>1</v>
      </c>
      <c r="K20683" s="9">
        <v>27</v>
      </c>
      <c r="L20683" s="6" t="s">
        <v>4151</v>
      </c>
    </row>
    <row r="20684" spans="1:12">
      <c r="A20684" s="6" t="s">
        <v>4151</v>
      </c>
      <c r="B20684" s="6"/>
      <c r="C20684" s="6" t="s">
        <v>20720</v>
      </c>
      <c r="D20684" s="6"/>
      <c r="E20684" s="6" t="s">
        <v>9</v>
      </c>
      <c r="F20684" s="7">
        <v>38657</v>
      </c>
      <c r="G20684" s="8">
        <v>1</v>
      </c>
      <c r="H20684" s="8">
        <v>1</v>
      </c>
      <c r="I20684" s="8">
        <v>0</v>
      </c>
      <c r="J20684" s="8">
        <v>1</v>
      </c>
      <c r="K20684" s="9">
        <v>31</v>
      </c>
      <c r="L20684" s="6" t="s">
        <v>4151</v>
      </c>
    </row>
    <row r="20685" spans="1:12">
      <c r="A20685" s="6" t="s">
        <v>4151</v>
      </c>
      <c r="B20685" s="6"/>
      <c r="C20685" s="6" t="s">
        <v>20721</v>
      </c>
      <c r="D20685" s="6"/>
      <c r="E20685" s="6" t="s">
        <v>9</v>
      </c>
      <c r="F20685" s="7">
        <v>38657</v>
      </c>
      <c r="G20685" s="8">
        <v>1</v>
      </c>
      <c r="H20685" s="8">
        <v>1</v>
      </c>
      <c r="I20685" s="8">
        <v>0</v>
      </c>
      <c r="J20685" s="8">
        <v>1</v>
      </c>
      <c r="K20685" s="9">
        <v>70</v>
      </c>
      <c r="L20685" s="6" t="s">
        <v>4151</v>
      </c>
    </row>
    <row r="20686" spans="1:12">
      <c r="A20686" s="6" t="s">
        <v>4151</v>
      </c>
      <c r="B20686" s="6"/>
      <c r="C20686" s="6" t="s">
        <v>20722</v>
      </c>
      <c r="D20686" s="6"/>
      <c r="E20686" s="6" t="s">
        <v>9</v>
      </c>
      <c r="F20686" s="7">
        <v>38657</v>
      </c>
      <c r="G20686" s="8">
        <v>1</v>
      </c>
      <c r="H20686" s="8">
        <v>1</v>
      </c>
      <c r="I20686" s="8">
        <v>0</v>
      </c>
      <c r="J20686" s="8">
        <v>1</v>
      </c>
      <c r="K20686" s="9">
        <v>115</v>
      </c>
      <c r="L20686" s="6" t="s">
        <v>4151</v>
      </c>
    </row>
    <row r="20687" spans="1:12">
      <c r="A20687" s="6" t="s">
        <v>4151</v>
      </c>
      <c r="B20687" s="6"/>
      <c r="C20687" s="6" t="s">
        <v>20723</v>
      </c>
      <c r="D20687" s="6"/>
      <c r="E20687" s="6" t="s">
        <v>9</v>
      </c>
      <c r="F20687" s="7">
        <v>38657</v>
      </c>
      <c r="G20687" s="8">
        <v>1</v>
      </c>
      <c r="H20687" s="8">
        <v>1</v>
      </c>
      <c r="I20687" s="8">
        <v>0</v>
      </c>
      <c r="J20687" s="8">
        <v>1</v>
      </c>
      <c r="K20687" s="9">
        <v>31</v>
      </c>
      <c r="L20687" s="6" t="s">
        <v>4151</v>
      </c>
    </row>
    <row r="20688" spans="1:12">
      <c r="A20688" s="6" t="s">
        <v>4151</v>
      </c>
      <c r="B20688" s="6"/>
      <c r="C20688" s="6" t="s">
        <v>20724</v>
      </c>
      <c r="D20688" s="6"/>
      <c r="E20688" s="6" t="s">
        <v>9</v>
      </c>
      <c r="F20688" s="7">
        <v>38657</v>
      </c>
      <c r="G20688" s="8">
        <v>1</v>
      </c>
      <c r="H20688" s="8">
        <v>1</v>
      </c>
      <c r="I20688" s="8">
        <v>0</v>
      </c>
      <c r="J20688" s="8">
        <v>1</v>
      </c>
      <c r="K20688" s="9">
        <v>8.8000000000000007</v>
      </c>
      <c r="L20688" s="6" t="s">
        <v>4151</v>
      </c>
    </row>
    <row r="20689" spans="1:12">
      <c r="A20689" s="6" t="s">
        <v>4151</v>
      </c>
      <c r="B20689" s="6"/>
      <c r="C20689" s="6" t="s">
        <v>20725</v>
      </c>
      <c r="D20689" s="6"/>
      <c r="E20689" s="6" t="s">
        <v>9</v>
      </c>
      <c r="F20689" s="7">
        <v>38657</v>
      </c>
      <c r="G20689" s="8">
        <v>1</v>
      </c>
      <c r="H20689" s="8">
        <v>1</v>
      </c>
      <c r="I20689" s="8">
        <v>0</v>
      </c>
      <c r="J20689" s="8">
        <v>1</v>
      </c>
      <c r="K20689" s="9">
        <v>4.3099999999999898</v>
      </c>
      <c r="L20689" s="6" t="s">
        <v>4151</v>
      </c>
    </row>
    <row r="20690" spans="1:12">
      <c r="A20690" s="6" t="s">
        <v>4151</v>
      </c>
      <c r="B20690" s="6"/>
      <c r="C20690" s="6" t="s">
        <v>20726</v>
      </c>
      <c r="D20690" s="6"/>
      <c r="E20690" s="6" t="s">
        <v>9</v>
      </c>
      <c r="F20690" s="7">
        <v>38657</v>
      </c>
      <c r="G20690" s="8">
        <v>1</v>
      </c>
      <c r="H20690" s="8">
        <v>1</v>
      </c>
      <c r="I20690" s="8">
        <v>0</v>
      </c>
      <c r="J20690" s="8">
        <v>1</v>
      </c>
      <c r="K20690" s="9">
        <v>8.1999999999999904</v>
      </c>
      <c r="L20690" s="6" t="s">
        <v>4151</v>
      </c>
    </row>
    <row r="20691" spans="1:12">
      <c r="A20691" s="6" t="s">
        <v>4151</v>
      </c>
      <c r="B20691" s="6"/>
      <c r="C20691" s="6" t="s">
        <v>20727</v>
      </c>
      <c r="D20691" s="6"/>
      <c r="E20691" s="6" t="s">
        <v>9</v>
      </c>
      <c r="F20691" s="7">
        <v>38657</v>
      </c>
      <c r="G20691" s="8">
        <v>1</v>
      </c>
      <c r="H20691" s="8">
        <v>1</v>
      </c>
      <c r="I20691" s="8">
        <v>0</v>
      </c>
      <c r="J20691" s="8">
        <v>1</v>
      </c>
      <c r="K20691" s="9">
        <v>5.82</v>
      </c>
      <c r="L20691" s="6" t="s">
        <v>4151</v>
      </c>
    </row>
    <row r="20692" spans="1:12">
      <c r="A20692" s="6" t="s">
        <v>4151</v>
      </c>
      <c r="B20692" s="6"/>
      <c r="C20692" s="6" t="s">
        <v>20728</v>
      </c>
      <c r="D20692" s="6"/>
      <c r="E20692" s="6" t="s">
        <v>9</v>
      </c>
      <c r="F20692" s="7">
        <v>38657</v>
      </c>
      <c r="G20692" s="8">
        <v>1</v>
      </c>
      <c r="H20692" s="8">
        <v>1</v>
      </c>
      <c r="I20692" s="8">
        <v>0</v>
      </c>
      <c r="J20692" s="8">
        <v>1</v>
      </c>
      <c r="K20692" s="9">
        <v>4.08</v>
      </c>
      <c r="L20692" s="6" t="s">
        <v>4151</v>
      </c>
    </row>
    <row r="20693" spans="1:12">
      <c r="A20693" s="6" t="s">
        <v>4151</v>
      </c>
      <c r="B20693" s="6"/>
      <c r="C20693" s="6" t="s">
        <v>20729</v>
      </c>
      <c r="D20693" s="6"/>
      <c r="E20693" s="6" t="s">
        <v>9</v>
      </c>
      <c r="F20693" s="7">
        <v>38657</v>
      </c>
      <c r="G20693" s="8">
        <v>1</v>
      </c>
      <c r="H20693" s="8">
        <v>1</v>
      </c>
      <c r="I20693" s="8">
        <v>0</v>
      </c>
      <c r="J20693" s="8">
        <v>1</v>
      </c>
      <c r="K20693" s="9">
        <v>3.47</v>
      </c>
      <c r="L20693" s="6" t="s">
        <v>4151</v>
      </c>
    </row>
    <row r="20694" spans="1:12">
      <c r="A20694" s="6" t="s">
        <v>4151</v>
      </c>
      <c r="B20694" s="6"/>
      <c r="C20694" s="6" t="s">
        <v>20730</v>
      </c>
      <c r="D20694" s="6"/>
      <c r="E20694" s="6" t="s">
        <v>9</v>
      </c>
      <c r="F20694" s="7">
        <v>38657</v>
      </c>
      <c r="G20694" s="8">
        <v>1</v>
      </c>
      <c r="H20694" s="8">
        <v>1</v>
      </c>
      <c r="I20694" s="8">
        <v>0</v>
      </c>
      <c r="J20694" s="8">
        <v>1</v>
      </c>
      <c r="K20694" s="9">
        <v>8.0500000000000007</v>
      </c>
      <c r="L20694" s="6" t="s">
        <v>4151</v>
      </c>
    </row>
    <row r="20695" spans="1:12">
      <c r="A20695" s="6" t="s">
        <v>4151</v>
      </c>
      <c r="B20695" s="6"/>
      <c r="C20695" s="6" t="s">
        <v>20731</v>
      </c>
      <c r="D20695" s="6"/>
      <c r="E20695" s="6" t="s">
        <v>9</v>
      </c>
      <c r="F20695" s="7">
        <v>38657</v>
      </c>
      <c r="G20695" s="8">
        <v>1</v>
      </c>
      <c r="H20695" s="8">
        <v>1</v>
      </c>
      <c r="I20695" s="8">
        <v>0</v>
      </c>
      <c r="J20695" s="8">
        <v>1</v>
      </c>
      <c r="K20695" s="9">
        <v>11</v>
      </c>
      <c r="L20695" s="6" t="s">
        <v>4151</v>
      </c>
    </row>
    <row r="20696" spans="1:12">
      <c r="A20696" s="6" t="s">
        <v>4151</v>
      </c>
      <c r="B20696" s="6"/>
      <c r="C20696" s="6" t="s">
        <v>20732</v>
      </c>
      <c r="D20696" s="6"/>
      <c r="E20696" s="6" t="s">
        <v>9</v>
      </c>
      <c r="F20696" s="7">
        <v>38657</v>
      </c>
      <c r="G20696" s="8">
        <v>1</v>
      </c>
      <c r="H20696" s="8">
        <v>1</v>
      </c>
      <c r="I20696" s="8">
        <v>0</v>
      </c>
      <c r="J20696" s="8">
        <v>1</v>
      </c>
      <c r="K20696" s="9">
        <v>45</v>
      </c>
      <c r="L20696" s="6" t="s">
        <v>4151</v>
      </c>
    </row>
    <row r="20697" spans="1:12">
      <c r="A20697" s="6" t="s">
        <v>4151</v>
      </c>
      <c r="B20697" s="6"/>
      <c r="C20697" s="6" t="s">
        <v>20733</v>
      </c>
      <c r="D20697" s="6"/>
      <c r="E20697" s="6" t="s">
        <v>9</v>
      </c>
      <c r="F20697" s="7">
        <v>38657</v>
      </c>
      <c r="G20697" s="8">
        <v>1</v>
      </c>
      <c r="H20697" s="8">
        <v>1</v>
      </c>
      <c r="I20697" s="8">
        <v>0</v>
      </c>
      <c r="J20697" s="8">
        <v>1</v>
      </c>
      <c r="K20697" s="9">
        <v>106.21</v>
      </c>
      <c r="L20697" s="6" t="s">
        <v>4151</v>
      </c>
    </row>
    <row r="20698" spans="1:12">
      <c r="A20698" s="6" t="s">
        <v>4151</v>
      </c>
      <c r="B20698" s="6"/>
      <c r="C20698" s="6" t="s">
        <v>20734</v>
      </c>
      <c r="D20698" s="6"/>
      <c r="E20698" s="6" t="s">
        <v>9</v>
      </c>
      <c r="F20698" s="7">
        <v>38657</v>
      </c>
      <c r="G20698" s="8">
        <v>1</v>
      </c>
      <c r="H20698" s="8">
        <v>1</v>
      </c>
      <c r="I20698" s="8">
        <v>0</v>
      </c>
      <c r="J20698" s="8">
        <v>1</v>
      </c>
      <c r="K20698" s="9">
        <v>39</v>
      </c>
      <c r="L20698" s="6" t="s">
        <v>4151</v>
      </c>
    </row>
    <row r="20699" spans="1:12">
      <c r="A20699" s="6" t="s">
        <v>4151</v>
      </c>
      <c r="B20699" s="6"/>
      <c r="C20699" s="6" t="s">
        <v>20735</v>
      </c>
      <c r="D20699" s="6"/>
      <c r="E20699" s="6" t="s">
        <v>9</v>
      </c>
      <c r="F20699" s="7">
        <v>38657</v>
      </c>
      <c r="G20699" s="8">
        <v>1</v>
      </c>
      <c r="H20699" s="8">
        <v>1</v>
      </c>
      <c r="I20699" s="8">
        <v>0</v>
      </c>
      <c r="J20699" s="8">
        <v>1</v>
      </c>
      <c r="K20699" s="9">
        <v>3.44</v>
      </c>
      <c r="L20699" s="6" t="s">
        <v>4151</v>
      </c>
    </row>
    <row r="20700" spans="1:12">
      <c r="A20700" s="6" t="s">
        <v>4151</v>
      </c>
      <c r="B20700" s="6"/>
      <c r="C20700" s="6" t="s">
        <v>20736</v>
      </c>
      <c r="D20700" s="6"/>
      <c r="E20700" s="6" t="s">
        <v>9</v>
      </c>
      <c r="F20700" s="7">
        <v>38657</v>
      </c>
      <c r="G20700" s="8">
        <v>1</v>
      </c>
      <c r="H20700" s="8">
        <v>1</v>
      </c>
      <c r="I20700" s="8">
        <v>0</v>
      </c>
      <c r="J20700" s="8">
        <v>1</v>
      </c>
      <c r="K20700" s="9">
        <v>2.64</v>
      </c>
      <c r="L20700" s="6" t="s">
        <v>4151</v>
      </c>
    </row>
    <row r="20701" spans="1:12">
      <c r="A20701" s="6" t="s">
        <v>4151</v>
      </c>
      <c r="B20701" s="6"/>
      <c r="C20701" s="6" t="s">
        <v>20737</v>
      </c>
      <c r="D20701" s="6"/>
      <c r="E20701" s="6" t="s">
        <v>9</v>
      </c>
      <c r="F20701" s="7">
        <v>38657</v>
      </c>
      <c r="G20701" s="8">
        <v>1</v>
      </c>
      <c r="H20701" s="8">
        <v>1</v>
      </c>
      <c r="I20701" s="8">
        <v>0</v>
      </c>
      <c r="J20701" s="8">
        <v>1</v>
      </c>
      <c r="K20701" s="9">
        <v>3.81</v>
      </c>
      <c r="L20701" s="6" t="s">
        <v>4151</v>
      </c>
    </row>
    <row r="20702" spans="1:12">
      <c r="A20702" s="6" t="s">
        <v>4151</v>
      </c>
      <c r="B20702" s="6"/>
      <c r="C20702" s="6" t="s">
        <v>20738</v>
      </c>
      <c r="D20702" s="6"/>
      <c r="E20702" s="6" t="s">
        <v>9</v>
      </c>
      <c r="F20702" s="7">
        <v>38657</v>
      </c>
      <c r="G20702" s="8">
        <v>1</v>
      </c>
      <c r="H20702" s="8">
        <v>1</v>
      </c>
      <c r="I20702" s="8">
        <v>0</v>
      </c>
      <c r="J20702" s="8">
        <v>1</v>
      </c>
      <c r="K20702" s="9">
        <v>30</v>
      </c>
      <c r="L20702" s="6" t="s">
        <v>4151</v>
      </c>
    </row>
    <row r="20703" spans="1:12">
      <c r="A20703" s="6" t="s">
        <v>4151</v>
      </c>
      <c r="B20703" s="6"/>
      <c r="C20703" s="6" t="s">
        <v>20739</v>
      </c>
      <c r="D20703" s="6"/>
      <c r="E20703" s="6" t="s">
        <v>9</v>
      </c>
      <c r="F20703" s="7">
        <v>38657</v>
      </c>
      <c r="G20703" s="8">
        <v>1</v>
      </c>
      <c r="H20703" s="8">
        <v>1</v>
      </c>
      <c r="I20703" s="8">
        <v>0</v>
      </c>
      <c r="J20703" s="8">
        <v>1</v>
      </c>
      <c r="K20703" s="9">
        <v>6.38</v>
      </c>
      <c r="L20703" s="6" t="s">
        <v>4151</v>
      </c>
    </row>
    <row r="20704" spans="1:12">
      <c r="A20704" s="6" t="s">
        <v>4151</v>
      </c>
      <c r="B20704" s="6"/>
      <c r="C20704" s="6" t="s">
        <v>20740</v>
      </c>
      <c r="D20704" s="6"/>
      <c r="E20704" s="6" t="s">
        <v>9</v>
      </c>
      <c r="F20704" s="7">
        <v>38657</v>
      </c>
      <c r="G20704" s="8">
        <v>1</v>
      </c>
      <c r="H20704" s="8">
        <v>1</v>
      </c>
      <c r="I20704" s="8">
        <v>0</v>
      </c>
      <c r="J20704" s="8">
        <v>1</v>
      </c>
      <c r="K20704" s="9">
        <v>15</v>
      </c>
      <c r="L20704" s="6" t="s">
        <v>4151</v>
      </c>
    </row>
    <row r="20705" spans="1:12">
      <c r="A20705" s="6" t="s">
        <v>4151</v>
      </c>
      <c r="B20705" s="6"/>
      <c r="C20705" s="6" t="s">
        <v>20741</v>
      </c>
      <c r="D20705" s="6"/>
      <c r="E20705" s="6" t="s">
        <v>9</v>
      </c>
      <c r="F20705" s="7">
        <v>38657</v>
      </c>
      <c r="G20705" s="8">
        <v>1</v>
      </c>
      <c r="H20705" s="8">
        <v>1</v>
      </c>
      <c r="I20705" s="8">
        <v>0</v>
      </c>
      <c r="J20705" s="8">
        <v>1</v>
      </c>
      <c r="K20705" s="9">
        <v>40</v>
      </c>
      <c r="L20705" s="6" t="s">
        <v>4151</v>
      </c>
    </row>
    <row r="20706" spans="1:12">
      <c r="A20706" s="6" t="s">
        <v>4151</v>
      </c>
      <c r="B20706" s="6"/>
      <c r="C20706" s="6" t="s">
        <v>20742</v>
      </c>
      <c r="D20706" s="6"/>
      <c r="E20706" s="6" t="s">
        <v>9</v>
      </c>
      <c r="F20706" s="7">
        <v>38657</v>
      </c>
      <c r="G20706" s="8">
        <v>1</v>
      </c>
      <c r="H20706" s="8">
        <v>1</v>
      </c>
      <c r="I20706" s="8">
        <v>0</v>
      </c>
      <c r="J20706" s="8">
        <v>1</v>
      </c>
      <c r="K20706" s="9">
        <v>28</v>
      </c>
      <c r="L20706" s="6" t="s">
        <v>4151</v>
      </c>
    </row>
    <row r="20707" spans="1:12">
      <c r="A20707" s="6" t="s">
        <v>4151</v>
      </c>
      <c r="B20707" s="6"/>
      <c r="C20707" s="6" t="s">
        <v>20743</v>
      </c>
      <c r="D20707" s="6"/>
      <c r="E20707" s="6" t="s">
        <v>9</v>
      </c>
      <c r="F20707" s="7">
        <v>38657</v>
      </c>
      <c r="G20707" s="8">
        <v>1</v>
      </c>
      <c r="H20707" s="8">
        <v>1</v>
      </c>
      <c r="I20707" s="8">
        <v>0</v>
      </c>
      <c r="J20707" s="8">
        <v>1</v>
      </c>
      <c r="K20707" s="9">
        <v>8.2799999999999905</v>
      </c>
      <c r="L20707" s="6" t="s">
        <v>4151</v>
      </c>
    </row>
    <row r="20708" spans="1:12">
      <c r="A20708" s="6" t="s">
        <v>4151</v>
      </c>
      <c r="B20708" s="6"/>
      <c r="C20708" s="6" t="s">
        <v>20744</v>
      </c>
      <c r="D20708" s="6"/>
      <c r="E20708" s="6" t="s">
        <v>9</v>
      </c>
      <c r="F20708" s="7">
        <v>38657</v>
      </c>
      <c r="G20708" s="8">
        <v>1</v>
      </c>
      <c r="H20708" s="8">
        <v>1</v>
      </c>
      <c r="I20708" s="8">
        <v>0</v>
      </c>
      <c r="J20708" s="8">
        <v>1</v>
      </c>
      <c r="K20708" s="9">
        <v>118</v>
      </c>
      <c r="L20708" s="6" t="s">
        <v>4151</v>
      </c>
    </row>
    <row r="20709" spans="1:12">
      <c r="A20709" s="6" t="s">
        <v>4151</v>
      </c>
      <c r="B20709" s="6"/>
      <c r="C20709" s="6" t="s">
        <v>20745</v>
      </c>
      <c r="D20709" s="6"/>
      <c r="E20709" s="6" t="s">
        <v>9</v>
      </c>
      <c r="F20709" s="7">
        <v>38657</v>
      </c>
      <c r="G20709" s="8">
        <v>1</v>
      </c>
      <c r="H20709" s="8">
        <v>1</v>
      </c>
      <c r="I20709" s="8">
        <v>0</v>
      </c>
      <c r="J20709" s="8">
        <v>1</v>
      </c>
      <c r="K20709" s="9">
        <v>4.9800000000000004</v>
      </c>
      <c r="L20709" s="6" t="s">
        <v>4151</v>
      </c>
    </row>
    <row r="20710" spans="1:12">
      <c r="A20710" s="6" t="s">
        <v>4151</v>
      </c>
      <c r="B20710" s="6"/>
      <c r="C20710" s="6" t="s">
        <v>20746</v>
      </c>
      <c r="D20710" s="6"/>
      <c r="E20710" s="6" t="s">
        <v>9</v>
      </c>
      <c r="F20710" s="7">
        <v>38657</v>
      </c>
      <c r="G20710" s="8">
        <v>1</v>
      </c>
      <c r="H20710" s="8">
        <v>1</v>
      </c>
      <c r="I20710" s="8">
        <v>0</v>
      </c>
      <c r="J20710" s="8">
        <v>1</v>
      </c>
      <c r="K20710" s="9">
        <v>0.98</v>
      </c>
      <c r="L20710" s="6" t="s">
        <v>4151</v>
      </c>
    </row>
    <row r="20711" spans="1:12">
      <c r="A20711" s="6" t="s">
        <v>4151</v>
      </c>
      <c r="B20711" s="6"/>
      <c r="C20711" s="6" t="s">
        <v>20747</v>
      </c>
      <c r="D20711" s="6"/>
      <c r="E20711" s="6" t="s">
        <v>9</v>
      </c>
      <c r="F20711" s="7">
        <v>38657</v>
      </c>
      <c r="G20711" s="8">
        <v>1</v>
      </c>
      <c r="H20711" s="8">
        <v>1</v>
      </c>
      <c r="I20711" s="8">
        <v>0</v>
      </c>
      <c r="J20711" s="8">
        <v>1</v>
      </c>
      <c r="K20711" s="9">
        <v>11</v>
      </c>
      <c r="L20711" s="6" t="s">
        <v>4151</v>
      </c>
    </row>
    <row r="20712" spans="1:12">
      <c r="A20712" s="6" t="s">
        <v>4151</v>
      </c>
      <c r="B20712" s="6"/>
      <c r="C20712" s="6" t="s">
        <v>20748</v>
      </c>
      <c r="D20712" s="6"/>
      <c r="E20712" s="6" t="s">
        <v>9</v>
      </c>
      <c r="F20712" s="7">
        <v>38657</v>
      </c>
      <c r="G20712" s="8">
        <v>1</v>
      </c>
      <c r="H20712" s="8">
        <v>1</v>
      </c>
      <c r="I20712" s="8">
        <v>0</v>
      </c>
      <c r="J20712" s="8">
        <v>1</v>
      </c>
      <c r="K20712" s="9">
        <v>23.1</v>
      </c>
      <c r="L20712" s="6" t="s">
        <v>4151</v>
      </c>
    </row>
    <row r="20713" spans="1:12">
      <c r="A20713" s="6" t="s">
        <v>4151</v>
      </c>
      <c r="B20713" s="6"/>
      <c r="C20713" s="6" t="s">
        <v>20749</v>
      </c>
      <c r="D20713" s="6"/>
      <c r="E20713" s="6" t="s">
        <v>9</v>
      </c>
      <c r="F20713" s="7">
        <v>38657</v>
      </c>
      <c r="G20713" s="8">
        <v>1</v>
      </c>
      <c r="H20713" s="8">
        <v>1</v>
      </c>
      <c r="I20713" s="8">
        <v>0</v>
      </c>
      <c r="J20713" s="8">
        <v>1</v>
      </c>
      <c r="K20713" s="9">
        <v>16</v>
      </c>
      <c r="L20713" s="6" t="s">
        <v>4151</v>
      </c>
    </row>
    <row r="20714" spans="1:12">
      <c r="A20714" s="6" t="s">
        <v>4151</v>
      </c>
      <c r="B20714" s="6"/>
      <c r="C20714" s="6" t="s">
        <v>20750</v>
      </c>
      <c r="D20714" s="6"/>
      <c r="E20714" s="6" t="s">
        <v>9</v>
      </c>
      <c r="F20714" s="7">
        <v>38657</v>
      </c>
      <c r="G20714" s="8">
        <v>1</v>
      </c>
      <c r="H20714" s="8">
        <v>1</v>
      </c>
      <c r="I20714" s="8">
        <v>0</v>
      </c>
      <c r="J20714" s="8">
        <v>1</v>
      </c>
      <c r="K20714" s="9">
        <v>2.44</v>
      </c>
      <c r="L20714" s="6" t="s">
        <v>4151</v>
      </c>
    </row>
    <row r="20715" spans="1:12">
      <c r="A20715" s="6" t="s">
        <v>4151</v>
      </c>
      <c r="B20715" s="6"/>
      <c r="C20715" s="6" t="s">
        <v>20751</v>
      </c>
      <c r="D20715" s="6"/>
      <c r="E20715" s="6" t="s">
        <v>9</v>
      </c>
      <c r="F20715" s="7">
        <v>38657</v>
      </c>
      <c r="G20715" s="8">
        <v>1</v>
      </c>
      <c r="H20715" s="8">
        <v>1</v>
      </c>
      <c r="I20715" s="8">
        <v>0</v>
      </c>
      <c r="J20715" s="8">
        <v>1</v>
      </c>
      <c r="K20715" s="9">
        <v>14</v>
      </c>
      <c r="L20715" s="6" t="s">
        <v>4151</v>
      </c>
    </row>
    <row r="20716" spans="1:12">
      <c r="A20716" s="6" t="s">
        <v>4151</v>
      </c>
      <c r="B20716" s="6"/>
      <c r="C20716" s="6" t="s">
        <v>20752</v>
      </c>
      <c r="D20716" s="6"/>
      <c r="E20716" s="6" t="s">
        <v>9</v>
      </c>
      <c r="F20716" s="7">
        <v>38657</v>
      </c>
      <c r="G20716" s="8">
        <v>1</v>
      </c>
      <c r="H20716" s="8">
        <v>1</v>
      </c>
      <c r="I20716" s="8">
        <v>0</v>
      </c>
      <c r="J20716" s="8">
        <v>1</v>
      </c>
      <c r="K20716" s="9">
        <v>6.22</v>
      </c>
      <c r="L20716" s="6" t="s">
        <v>4151</v>
      </c>
    </row>
    <row r="20717" spans="1:12">
      <c r="A20717" s="6" t="s">
        <v>4151</v>
      </c>
      <c r="B20717" s="6"/>
      <c r="C20717" s="6" t="s">
        <v>20753</v>
      </c>
      <c r="D20717" s="6"/>
      <c r="E20717" s="6" t="s">
        <v>9</v>
      </c>
      <c r="F20717" s="7">
        <v>38657</v>
      </c>
      <c r="G20717" s="8">
        <v>1</v>
      </c>
      <c r="H20717" s="8">
        <v>1</v>
      </c>
      <c r="I20717" s="8">
        <v>0</v>
      </c>
      <c r="J20717" s="8">
        <v>1</v>
      </c>
      <c r="K20717" s="9">
        <v>8.3000000000000007</v>
      </c>
      <c r="L20717" s="6" t="s">
        <v>4151</v>
      </c>
    </row>
    <row r="20718" spans="1:12">
      <c r="A20718" s="6" t="s">
        <v>4151</v>
      </c>
      <c r="B20718" s="6"/>
      <c r="C20718" s="6" t="s">
        <v>20754</v>
      </c>
      <c r="D20718" s="6"/>
      <c r="E20718" s="6" t="s">
        <v>9</v>
      </c>
      <c r="F20718" s="7">
        <v>38657</v>
      </c>
      <c r="G20718" s="8">
        <v>1</v>
      </c>
      <c r="H20718" s="8">
        <v>1</v>
      </c>
      <c r="I20718" s="8">
        <v>0</v>
      </c>
      <c r="J20718" s="8">
        <v>1</v>
      </c>
      <c r="K20718" s="9">
        <v>8.85</v>
      </c>
      <c r="L20718" s="6" t="s">
        <v>4151</v>
      </c>
    </row>
    <row r="20719" spans="1:12">
      <c r="A20719" s="6" t="s">
        <v>4151</v>
      </c>
      <c r="B20719" s="6"/>
      <c r="C20719" s="6" t="s">
        <v>20755</v>
      </c>
      <c r="D20719" s="6"/>
      <c r="E20719" s="6" t="s">
        <v>9</v>
      </c>
      <c r="F20719" s="7">
        <v>38657</v>
      </c>
      <c r="G20719" s="8">
        <v>1</v>
      </c>
      <c r="H20719" s="8">
        <v>1</v>
      </c>
      <c r="I20719" s="8">
        <v>0</v>
      </c>
      <c r="J20719" s="8">
        <v>1</v>
      </c>
      <c r="K20719" s="9">
        <v>9.91</v>
      </c>
      <c r="L20719" s="6" t="s">
        <v>4151</v>
      </c>
    </row>
    <row r="20720" spans="1:12">
      <c r="A20720" s="6" t="s">
        <v>4151</v>
      </c>
      <c r="B20720" s="6"/>
      <c r="C20720" s="6" t="s">
        <v>20756</v>
      </c>
      <c r="D20720" s="6"/>
      <c r="E20720" s="6" t="s">
        <v>9</v>
      </c>
      <c r="F20720" s="7">
        <v>38657</v>
      </c>
      <c r="G20720" s="8">
        <v>1</v>
      </c>
      <c r="H20720" s="8">
        <v>1</v>
      </c>
      <c r="I20720" s="8">
        <v>0</v>
      </c>
      <c r="J20720" s="8">
        <v>1</v>
      </c>
      <c r="K20720" s="9">
        <v>46</v>
      </c>
      <c r="L20720" s="6" t="s">
        <v>4151</v>
      </c>
    </row>
    <row r="20721" spans="1:12">
      <c r="A20721" s="6" t="s">
        <v>4151</v>
      </c>
      <c r="B20721" s="6"/>
      <c r="C20721" s="6" t="s">
        <v>20757</v>
      </c>
      <c r="D20721" s="6"/>
      <c r="E20721" s="6" t="s">
        <v>9</v>
      </c>
      <c r="F20721" s="7">
        <v>38657</v>
      </c>
      <c r="G20721" s="8">
        <v>1</v>
      </c>
      <c r="H20721" s="8">
        <v>1</v>
      </c>
      <c r="I20721" s="8">
        <v>0</v>
      </c>
      <c r="J20721" s="8">
        <v>1</v>
      </c>
      <c r="K20721" s="9">
        <v>4.25</v>
      </c>
      <c r="L20721" s="6" t="s">
        <v>4151</v>
      </c>
    </row>
    <row r="20722" spans="1:12">
      <c r="A20722" s="6" t="s">
        <v>4151</v>
      </c>
      <c r="B20722" s="6"/>
      <c r="C20722" s="6" t="s">
        <v>20758</v>
      </c>
      <c r="D20722" s="6"/>
      <c r="E20722" s="6" t="s">
        <v>9</v>
      </c>
      <c r="F20722" s="7">
        <v>38657</v>
      </c>
      <c r="G20722" s="8">
        <v>1</v>
      </c>
      <c r="H20722" s="8">
        <v>1</v>
      </c>
      <c r="I20722" s="8">
        <v>0</v>
      </c>
      <c r="J20722" s="8">
        <v>1</v>
      </c>
      <c r="K20722" s="9">
        <v>1.7</v>
      </c>
      <c r="L20722" s="6" t="s">
        <v>4151</v>
      </c>
    </row>
    <row r="20723" spans="1:12">
      <c r="A20723" s="6" t="s">
        <v>4151</v>
      </c>
      <c r="B20723" s="6"/>
      <c r="C20723" s="6" t="s">
        <v>20759</v>
      </c>
      <c r="D20723" s="6"/>
      <c r="E20723" s="6" t="s">
        <v>9</v>
      </c>
      <c r="F20723" s="7">
        <v>38657</v>
      </c>
      <c r="G20723" s="8">
        <v>1</v>
      </c>
      <c r="H20723" s="8">
        <v>1</v>
      </c>
      <c r="I20723" s="8">
        <v>0</v>
      </c>
      <c r="J20723" s="8">
        <v>1</v>
      </c>
      <c r="K20723" s="9">
        <v>7.3</v>
      </c>
      <c r="L20723" s="6" t="s">
        <v>4151</v>
      </c>
    </row>
    <row r="20724" spans="1:12">
      <c r="A20724" s="6" t="s">
        <v>4151</v>
      </c>
      <c r="B20724" s="6"/>
      <c r="C20724" s="6" t="s">
        <v>20760</v>
      </c>
      <c r="D20724" s="6"/>
      <c r="E20724" s="6" t="s">
        <v>9</v>
      </c>
      <c r="F20724" s="7">
        <v>38657</v>
      </c>
      <c r="G20724" s="8">
        <v>1</v>
      </c>
      <c r="H20724" s="8">
        <v>1</v>
      </c>
      <c r="I20724" s="8">
        <v>0</v>
      </c>
      <c r="J20724" s="8">
        <v>1</v>
      </c>
      <c r="K20724" s="9">
        <v>14</v>
      </c>
      <c r="L20724" s="6" t="s">
        <v>4151</v>
      </c>
    </row>
    <row r="20725" spans="1:12">
      <c r="A20725" s="6" t="s">
        <v>4151</v>
      </c>
      <c r="B20725" s="6"/>
      <c r="C20725" s="6" t="s">
        <v>20761</v>
      </c>
      <c r="D20725" s="6"/>
      <c r="E20725" s="6" t="s">
        <v>9</v>
      </c>
      <c r="F20725" s="7">
        <v>38657</v>
      </c>
      <c r="G20725" s="8">
        <v>1</v>
      </c>
      <c r="H20725" s="8">
        <v>1</v>
      </c>
      <c r="I20725" s="8">
        <v>0</v>
      </c>
      <c r="J20725" s="8">
        <v>1</v>
      </c>
      <c r="K20725" s="9">
        <v>14</v>
      </c>
      <c r="L20725" s="6" t="s">
        <v>4151</v>
      </c>
    </row>
    <row r="20726" spans="1:12">
      <c r="A20726" s="6" t="s">
        <v>4151</v>
      </c>
      <c r="B20726" s="6"/>
      <c r="C20726" s="6" t="s">
        <v>20762</v>
      </c>
      <c r="D20726" s="6"/>
      <c r="E20726" s="6" t="s">
        <v>9</v>
      </c>
      <c r="F20726" s="7">
        <v>38657</v>
      </c>
      <c r="G20726" s="8">
        <v>1</v>
      </c>
      <c r="H20726" s="8">
        <v>1</v>
      </c>
      <c r="I20726" s="8">
        <v>0</v>
      </c>
      <c r="J20726" s="8">
        <v>1</v>
      </c>
      <c r="K20726" s="9">
        <v>20</v>
      </c>
      <c r="L20726" s="6" t="s">
        <v>4151</v>
      </c>
    </row>
    <row r="20727" spans="1:12">
      <c r="A20727" s="6" t="s">
        <v>4151</v>
      </c>
      <c r="B20727" s="6"/>
      <c r="C20727" s="6" t="s">
        <v>20763</v>
      </c>
      <c r="D20727" s="6"/>
      <c r="E20727" s="6" t="s">
        <v>9</v>
      </c>
      <c r="F20727" s="7">
        <v>38657</v>
      </c>
      <c r="G20727" s="8">
        <v>1</v>
      </c>
      <c r="H20727" s="8">
        <v>1</v>
      </c>
      <c r="I20727" s="8">
        <v>0</v>
      </c>
      <c r="J20727" s="8">
        <v>1</v>
      </c>
      <c r="K20727" s="9">
        <v>29</v>
      </c>
      <c r="L20727" s="6" t="s">
        <v>4151</v>
      </c>
    </row>
    <row r="20728" spans="1:12">
      <c r="A20728" s="6" t="s">
        <v>4151</v>
      </c>
      <c r="B20728" s="6"/>
      <c r="C20728" s="6" t="s">
        <v>20764</v>
      </c>
      <c r="D20728" s="6"/>
      <c r="E20728" s="6" t="s">
        <v>9</v>
      </c>
      <c r="F20728" s="7">
        <v>38657</v>
      </c>
      <c r="G20728" s="8">
        <v>1</v>
      </c>
      <c r="H20728" s="8">
        <v>1</v>
      </c>
      <c r="I20728" s="8">
        <v>0</v>
      </c>
      <c r="J20728" s="8">
        <v>1</v>
      </c>
      <c r="K20728" s="9">
        <v>16</v>
      </c>
      <c r="L20728" s="6" t="s">
        <v>4151</v>
      </c>
    </row>
    <row r="20729" spans="1:12">
      <c r="A20729" s="6" t="s">
        <v>4151</v>
      </c>
      <c r="B20729" s="6"/>
      <c r="C20729" s="6" t="s">
        <v>20765</v>
      </c>
      <c r="D20729" s="6"/>
      <c r="E20729" s="6" t="s">
        <v>9</v>
      </c>
      <c r="F20729" s="7">
        <v>38657</v>
      </c>
      <c r="G20729" s="8">
        <v>1</v>
      </c>
      <c r="H20729" s="8">
        <v>1</v>
      </c>
      <c r="I20729" s="8">
        <v>0</v>
      </c>
      <c r="J20729" s="8">
        <v>1</v>
      </c>
      <c r="K20729" s="9">
        <v>6.12</v>
      </c>
      <c r="L20729" s="6" t="s">
        <v>4151</v>
      </c>
    </row>
    <row r="20730" spans="1:12">
      <c r="A20730" s="6" t="s">
        <v>4151</v>
      </c>
      <c r="B20730" s="6"/>
      <c r="C20730" s="6" t="s">
        <v>20766</v>
      </c>
      <c r="D20730" s="6"/>
      <c r="E20730" s="6" t="s">
        <v>9</v>
      </c>
      <c r="F20730" s="7">
        <v>38657</v>
      </c>
      <c r="G20730" s="8">
        <v>1</v>
      </c>
      <c r="H20730" s="8">
        <v>1</v>
      </c>
      <c r="I20730" s="8">
        <v>0</v>
      </c>
      <c r="J20730" s="8">
        <v>1</v>
      </c>
      <c r="K20730" s="9">
        <v>59</v>
      </c>
      <c r="L20730" s="6" t="s">
        <v>4151</v>
      </c>
    </row>
    <row r="20731" spans="1:12">
      <c r="A20731" s="6" t="s">
        <v>4151</v>
      </c>
      <c r="B20731" s="6"/>
      <c r="C20731" s="6" t="s">
        <v>20767</v>
      </c>
      <c r="D20731" s="6"/>
      <c r="E20731" s="6" t="s">
        <v>9</v>
      </c>
      <c r="F20731" s="7">
        <v>38657</v>
      </c>
      <c r="G20731" s="8">
        <v>1</v>
      </c>
      <c r="H20731" s="8">
        <v>1</v>
      </c>
      <c r="I20731" s="8">
        <v>0</v>
      </c>
      <c r="J20731" s="8">
        <v>1</v>
      </c>
      <c r="K20731" s="9">
        <v>72</v>
      </c>
      <c r="L20731" s="6" t="s">
        <v>4151</v>
      </c>
    </row>
    <row r="20732" spans="1:12">
      <c r="A20732" s="6" t="s">
        <v>4151</v>
      </c>
      <c r="B20732" s="6"/>
      <c r="C20732" s="6" t="s">
        <v>20768</v>
      </c>
      <c r="D20732" s="6"/>
      <c r="E20732" s="6" t="s">
        <v>9</v>
      </c>
      <c r="F20732" s="7">
        <v>38657</v>
      </c>
      <c r="G20732" s="8">
        <v>1</v>
      </c>
      <c r="H20732" s="8">
        <v>1</v>
      </c>
      <c r="I20732" s="8">
        <v>0</v>
      </c>
      <c r="J20732" s="8">
        <v>1</v>
      </c>
      <c r="K20732" s="9">
        <v>17</v>
      </c>
      <c r="L20732" s="6" t="s">
        <v>4151</v>
      </c>
    </row>
    <row r="20733" spans="1:12">
      <c r="A20733" s="6" t="s">
        <v>4151</v>
      </c>
      <c r="B20733" s="6"/>
      <c r="C20733" s="6" t="s">
        <v>20769</v>
      </c>
      <c r="D20733" s="6"/>
      <c r="E20733" s="6" t="s">
        <v>9</v>
      </c>
      <c r="F20733" s="7">
        <v>38657</v>
      </c>
      <c r="G20733" s="8">
        <v>1</v>
      </c>
      <c r="H20733" s="8">
        <v>1</v>
      </c>
      <c r="I20733" s="8">
        <v>0</v>
      </c>
      <c r="J20733" s="8">
        <v>1</v>
      </c>
      <c r="K20733" s="9">
        <v>20</v>
      </c>
      <c r="L20733" s="6" t="s">
        <v>4151</v>
      </c>
    </row>
    <row r="20734" spans="1:12">
      <c r="A20734" s="6" t="s">
        <v>4151</v>
      </c>
      <c r="B20734" s="6"/>
      <c r="C20734" s="6" t="s">
        <v>20770</v>
      </c>
      <c r="D20734" s="6"/>
      <c r="E20734" s="6" t="s">
        <v>9</v>
      </c>
      <c r="F20734" s="7">
        <v>38657</v>
      </c>
      <c r="G20734" s="8">
        <v>1</v>
      </c>
      <c r="H20734" s="8">
        <v>1</v>
      </c>
      <c r="I20734" s="8">
        <v>0</v>
      </c>
      <c r="J20734" s="8">
        <v>1</v>
      </c>
      <c r="K20734" s="9">
        <v>29</v>
      </c>
      <c r="L20734" s="6" t="s">
        <v>4151</v>
      </c>
    </row>
    <row r="20735" spans="1:12">
      <c r="A20735" s="6" t="s">
        <v>4151</v>
      </c>
      <c r="B20735" s="6"/>
      <c r="C20735" s="6" t="s">
        <v>20771</v>
      </c>
      <c r="D20735" s="6"/>
      <c r="E20735" s="6" t="s">
        <v>9</v>
      </c>
      <c r="F20735" s="7">
        <v>38657</v>
      </c>
      <c r="G20735" s="8">
        <v>1</v>
      </c>
      <c r="H20735" s="8">
        <v>1</v>
      </c>
      <c r="I20735" s="8">
        <v>0</v>
      </c>
      <c r="J20735" s="8">
        <v>1</v>
      </c>
      <c r="K20735" s="9">
        <v>30</v>
      </c>
      <c r="L20735" s="6" t="s">
        <v>4151</v>
      </c>
    </row>
    <row r="20736" spans="1:12">
      <c r="A20736" s="6" t="s">
        <v>4151</v>
      </c>
      <c r="B20736" s="6"/>
      <c r="C20736" s="6" t="s">
        <v>20772</v>
      </c>
      <c r="D20736" s="6"/>
      <c r="E20736" s="6" t="s">
        <v>9</v>
      </c>
      <c r="F20736" s="7">
        <v>38657</v>
      </c>
      <c r="G20736" s="8">
        <v>1</v>
      </c>
      <c r="H20736" s="8">
        <v>1</v>
      </c>
      <c r="I20736" s="8">
        <v>0</v>
      </c>
      <c r="J20736" s="8">
        <v>1</v>
      </c>
      <c r="K20736" s="9">
        <v>0.24</v>
      </c>
      <c r="L20736" s="6" t="s">
        <v>4151</v>
      </c>
    </row>
    <row r="20737" spans="1:12">
      <c r="A20737" s="6" t="s">
        <v>4151</v>
      </c>
      <c r="B20737" s="6"/>
      <c r="C20737" s="6" t="s">
        <v>20773</v>
      </c>
      <c r="D20737" s="6"/>
      <c r="E20737" s="6" t="s">
        <v>9</v>
      </c>
      <c r="F20737" s="7">
        <v>38657</v>
      </c>
      <c r="G20737" s="8">
        <v>1</v>
      </c>
      <c r="H20737" s="8">
        <v>1</v>
      </c>
      <c r="I20737" s="8">
        <v>0</v>
      </c>
      <c r="J20737" s="8">
        <v>1</v>
      </c>
      <c r="K20737" s="9">
        <v>190</v>
      </c>
      <c r="L20737" s="6" t="s">
        <v>4151</v>
      </c>
    </row>
    <row r="20738" spans="1:12">
      <c r="A20738" s="6" t="s">
        <v>4151</v>
      </c>
      <c r="B20738" s="6"/>
      <c r="C20738" s="6" t="s">
        <v>20774</v>
      </c>
      <c r="D20738" s="6"/>
      <c r="E20738" s="6" t="s">
        <v>9</v>
      </c>
      <c r="F20738" s="7">
        <v>38657</v>
      </c>
      <c r="G20738" s="8">
        <v>1</v>
      </c>
      <c r="H20738" s="8">
        <v>1</v>
      </c>
      <c r="I20738" s="8">
        <v>0</v>
      </c>
      <c r="J20738" s="8">
        <v>1</v>
      </c>
      <c r="K20738" s="9">
        <v>190</v>
      </c>
      <c r="L20738" s="6" t="s">
        <v>4151</v>
      </c>
    </row>
    <row r="20739" spans="1:12">
      <c r="A20739" s="6" t="s">
        <v>4151</v>
      </c>
      <c r="B20739" s="6"/>
      <c r="C20739" s="6" t="s">
        <v>20775</v>
      </c>
      <c r="D20739" s="6"/>
      <c r="E20739" s="6" t="s">
        <v>9</v>
      </c>
      <c r="F20739" s="7">
        <v>38657</v>
      </c>
      <c r="G20739" s="8">
        <v>1</v>
      </c>
      <c r="H20739" s="8">
        <v>1</v>
      </c>
      <c r="I20739" s="8">
        <v>0</v>
      </c>
      <c r="J20739" s="8">
        <v>1</v>
      </c>
      <c r="K20739" s="9">
        <v>78</v>
      </c>
      <c r="L20739" s="6" t="s">
        <v>4151</v>
      </c>
    </row>
    <row r="20740" spans="1:12">
      <c r="A20740" s="6" t="s">
        <v>4151</v>
      </c>
      <c r="B20740" s="6"/>
      <c r="C20740" s="6" t="s">
        <v>20776</v>
      </c>
      <c r="D20740" s="6"/>
      <c r="E20740" s="6" t="s">
        <v>9</v>
      </c>
      <c r="F20740" s="7">
        <v>38657</v>
      </c>
      <c r="G20740" s="8">
        <v>1</v>
      </c>
      <c r="H20740" s="8">
        <v>1</v>
      </c>
      <c r="I20740" s="8">
        <v>0</v>
      </c>
      <c r="J20740" s="8">
        <v>1</v>
      </c>
      <c r="K20740" s="9">
        <v>140</v>
      </c>
      <c r="L20740" s="6" t="s">
        <v>4151</v>
      </c>
    </row>
    <row r="20741" spans="1:12">
      <c r="A20741" s="6" t="s">
        <v>4151</v>
      </c>
      <c r="B20741" s="6"/>
      <c r="C20741" s="6" t="s">
        <v>20777</v>
      </c>
      <c r="D20741" s="6"/>
      <c r="E20741" s="6" t="s">
        <v>9</v>
      </c>
      <c r="F20741" s="7">
        <v>38657</v>
      </c>
      <c r="G20741" s="8">
        <v>1</v>
      </c>
      <c r="H20741" s="8">
        <v>1</v>
      </c>
      <c r="I20741" s="8">
        <v>0</v>
      </c>
      <c r="J20741" s="8">
        <v>1</v>
      </c>
      <c r="K20741" s="9">
        <v>19</v>
      </c>
      <c r="L20741" s="6" t="s">
        <v>4151</v>
      </c>
    </row>
    <row r="20742" spans="1:12">
      <c r="A20742" s="6" t="s">
        <v>4151</v>
      </c>
      <c r="B20742" s="6"/>
      <c r="C20742" s="6" t="s">
        <v>20778</v>
      </c>
      <c r="D20742" s="6"/>
      <c r="E20742" s="6" t="s">
        <v>9</v>
      </c>
      <c r="F20742" s="7">
        <v>38657</v>
      </c>
      <c r="G20742" s="8">
        <v>1</v>
      </c>
      <c r="H20742" s="8">
        <v>1</v>
      </c>
      <c r="I20742" s="8">
        <v>0</v>
      </c>
      <c r="J20742" s="8">
        <v>1</v>
      </c>
      <c r="K20742" s="9">
        <v>573</v>
      </c>
      <c r="L20742" s="6" t="s">
        <v>4151</v>
      </c>
    </row>
    <row r="20743" spans="1:12">
      <c r="A20743" s="6" t="s">
        <v>4151</v>
      </c>
      <c r="B20743" s="6"/>
      <c r="C20743" s="6" t="s">
        <v>20779</v>
      </c>
      <c r="D20743" s="6"/>
      <c r="E20743" s="6" t="s">
        <v>9</v>
      </c>
      <c r="F20743" s="7">
        <v>38657</v>
      </c>
      <c r="G20743" s="8">
        <v>1</v>
      </c>
      <c r="H20743" s="8">
        <v>1</v>
      </c>
      <c r="I20743" s="8">
        <v>0</v>
      </c>
      <c r="J20743" s="8">
        <v>1</v>
      </c>
      <c r="K20743" s="9">
        <v>10</v>
      </c>
      <c r="L20743" s="6" t="s">
        <v>4151</v>
      </c>
    </row>
    <row r="20744" spans="1:12">
      <c r="A20744" s="6" t="s">
        <v>4151</v>
      </c>
      <c r="B20744" s="6"/>
      <c r="C20744" s="6" t="s">
        <v>20780</v>
      </c>
      <c r="D20744" s="6"/>
      <c r="E20744" s="6" t="s">
        <v>9</v>
      </c>
      <c r="F20744" s="7">
        <v>38657</v>
      </c>
      <c r="G20744" s="8">
        <v>1</v>
      </c>
      <c r="H20744" s="8">
        <v>1</v>
      </c>
      <c r="I20744" s="8">
        <v>0</v>
      </c>
      <c r="J20744" s="8">
        <v>1</v>
      </c>
      <c r="K20744" s="9">
        <v>22</v>
      </c>
      <c r="L20744" s="6" t="s">
        <v>4151</v>
      </c>
    </row>
    <row r="20745" spans="1:12">
      <c r="A20745" s="6" t="s">
        <v>4151</v>
      </c>
      <c r="B20745" s="6"/>
      <c r="C20745" s="6" t="s">
        <v>20781</v>
      </c>
      <c r="D20745" s="6"/>
      <c r="E20745" s="6" t="s">
        <v>9</v>
      </c>
      <c r="F20745" s="7">
        <v>38657</v>
      </c>
      <c r="G20745" s="8">
        <v>1</v>
      </c>
      <c r="H20745" s="8">
        <v>1</v>
      </c>
      <c r="I20745" s="8">
        <v>0</v>
      </c>
      <c r="J20745" s="8">
        <v>1</v>
      </c>
      <c r="K20745" s="9">
        <v>0.65</v>
      </c>
      <c r="L20745" s="6" t="s">
        <v>4151</v>
      </c>
    </row>
    <row r="20746" spans="1:12">
      <c r="A20746" s="6" t="s">
        <v>4151</v>
      </c>
      <c r="B20746" s="6"/>
      <c r="C20746" s="6" t="s">
        <v>20782</v>
      </c>
      <c r="D20746" s="6"/>
      <c r="E20746" s="6" t="s">
        <v>9</v>
      </c>
      <c r="F20746" s="7">
        <v>38657</v>
      </c>
      <c r="G20746" s="8">
        <v>1</v>
      </c>
      <c r="H20746" s="8">
        <v>1</v>
      </c>
      <c r="I20746" s="8">
        <v>0</v>
      </c>
      <c r="J20746" s="8">
        <v>1</v>
      </c>
      <c r="K20746" s="9">
        <v>112</v>
      </c>
      <c r="L20746" s="6" t="s">
        <v>4151</v>
      </c>
    </row>
    <row r="20747" spans="1:12">
      <c r="A20747" s="6" t="s">
        <v>4151</v>
      </c>
      <c r="B20747" s="6"/>
      <c r="C20747" s="6" t="s">
        <v>20783</v>
      </c>
      <c r="D20747" s="6"/>
      <c r="E20747" s="6" t="s">
        <v>9</v>
      </c>
      <c r="F20747" s="7">
        <v>38657</v>
      </c>
      <c r="G20747" s="8">
        <v>1</v>
      </c>
      <c r="H20747" s="8">
        <v>1</v>
      </c>
      <c r="I20747" s="8">
        <v>0</v>
      </c>
      <c r="J20747" s="8">
        <v>1</v>
      </c>
      <c r="K20747" s="9">
        <v>114</v>
      </c>
      <c r="L20747" s="6" t="s">
        <v>4151</v>
      </c>
    </row>
    <row r="20748" spans="1:12">
      <c r="A20748" s="6" t="s">
        <v>4151</v>
      </c>
      <c r="B20748" s="6"/>
      <c r="C20748" s="6" t="s">
        <v>20784</v>
      </c>
      <c r="D20748" s="6"/>
      <c r="E20748" s="6" t="s">
        <v>9</v>
      </c>
      <c r="F20748" s="7">
        <v>38657</v>
      </c>
      <c r="G20748" s="8">
        <v>1</v>
      </c>
      <c r="H20748" s="8">
        <v>1</v>
      </c>
      <c r="I20748" s="8">
        <v>0</v>
      </c>
      <c r="J20748" s="8">
        <v>1</v>
      </c>
      <c r="K20748" s="9">
        <v>246</v>
      </c>
      <c r="L20748" s="6" t="s">
        <v>4151</v>
      </c>
    </row>
    <row r="20749" spans="1:12">
      <c r="A20749" s="6" t="s">
        <v>4151</v>
      </c>
      <c r="B20749" s="6"/>
      <c r="C20749" s="6" t="s">
        <v>20785</v>
      </c>
      <c r="D20749" s="6"/>
      <c r="E20749" s="6" t="s">
        <v>9</v>
      </c>
      <c r="F20749" s="7">
        <v>38657</v>
      </c>
      <c r="G20749" s="8">
        <v>1</v>
      </c>
      <c r="H20749" s="8">
        <v>1</v>
      </c>
      <c r="I20749" s="8">
        <v>0</v>
      </c>
      <c r="J20749" s="8">
        <v>1</v>
      </c>
      <c r="K20749" s="9">
        <v>28</v>
      </c>
      <c r="L20749" s="6" t="s">
        <v>4151</v>
      </c>
    </row>
    <row r="20750" spans="1:12">
      <c r="A20750" s="6" t="s">
        <v>4151</v>
      </c>
      <c r="B20750" s="6"/>
      <c r="C20750" s="6" t="s">
        <v>20786</v>
      </c>
      <c r="D20750" s="6"/>
      <c r="E20750" s="6" t="s">
        <v>9</v>
      </c>
      <c r="F20750" s="7">
        <v>38657</v>
      </c>
      <c r="G20750" s="8">
        <v>1</v>
      </c>
      <c r="H20750" s="8">
        <v>1</v>
      </c>
      <c r="I20750" s="8">
        <v>0</v>
      </c>
      <c r="J20750" s="8">
        <v>1</v>
      </c>
      <c r="K20750" s="9">
        <v>19</v>
      </c>
      <c r="L20750" s="6" t="s">
        <v>4151</v>
      </c>
    </row>
    <row r="20751" spans="1:12">
      <c r="A20751" s="6" t="s">
        <v>4151</v>
      </c>
      <c r="B20751" s="6"/>
      <c r="C20751" s="6" t="s">
        <v>20787</v>
      </c>
      <c r="D20751" s="6"/>
      <c r="E20751" s="6" t="s">
        <v>9</v>
      </c>
      <c r="F20751" s="7">
        <v>38657</v>
      </c>
      <c r="G20751" s="8">
        <v>1</v>
      </c>
      <c r="H20751" s="8">
        <v>1</v>
      </c>
      <c r="I20751" s="8">
        <v>0</v>
      </c>
      <c r="J20751" s="8">
        <v>1</v>
      </c>
      <c r="K20751" s="9">
        <v>0.84</v>
      </c>
      <c r="L20751" s="6" t="s">
        <v>4151</v>
      </c>
    </row>
    <row r="20752" spans="1:12">
      <c r="A20752" s="6" t="s">
        <v>4151</v>
      </c>
      <c r="B20752" s="6"/>
      <c r="C20752" s="6" t="s">
        <v>20788</v>
      </c>
      <c r="D20752" s="6"/>
      <c r="E20752" s="6" t="s">
        <v>9</v>
      </c>
      <c r="F20752" s="7">
        <v>38657</v>
      </c>
      <c r="G20752" s="8">
        <v>1</v>
      </c>
      <c r="H20752" s="8">
        <v>1</v>
      </c>
      <c r="I20752" s="8">
        <v>0</v>
      </c>
      <c r="J20752" s="8">
        <v>1</v>
      </c>
      <c r="K20752" s="9">
        <v>79</v>
      </c>
      <c r="L20752" s="6" t="s">
        <v>4151</v>
      </c>
    </row>
    <row r="20753" spans="1:12">
      <c r="A20753" s="6" t="s">
        <v>4151</v>
      </c>
      <c r="B20753" s="6"/>
      <c r="C20753" s="6" t="s">
        <v>20789</v>
      </c>
      <c r="D20753" s="6"/>
      <c r="E20753" s="6" t="s">
        <v>9</v>
      </c>
      <c r="F20753" s="7">
        <v>38657</v>
      </c>
      <c r="G20753" s="8">
        <v>1</v>
      </c>
      <c r="H20753" s="8">
        <v>1</v>
      </c>
      <c r="I20753" s="8">
        <v>0</v>
      </c>
      <c r="J20753" s="8">
        <v>1</v>
      </c>
      <c r="K20753" s="9">
        <v>1117</v>
      </c>
      <c r="L20753" s="6" t="s">
        <v>4151</v>
      </c>
    </row>
    <row r="20754" spans="1:12">
      <c r="A20754" s="6" t="s">
        <v>4151</v>
      </c>
      <c r="B20754" s="6"/>
      <c r="C20754" s="6" t="s">
        <v>20790</v>
      </c>
      <c r="D20754" s="6"/>
      <c r="E20754" s="6" t="s">
        <v>9</v>
      </c>
      <c r="F20754" s="7">
        <v>38657</v>
      </c>
      <c r="G20754" s="8">
        <v>1</v>
      </c>
      <c r="H20754" s="8">
        <v>1</v>
      </c>
      <c r="I20754" s="8">
        <v>0</v>
      </c>
      <c r="J20754" s="8">
        <v>1</v>
      </c>
      <c r="K20754" s="9">
        <v>136</v>
      </c>
      <c r="L20754" s="6" t="s">
        <v>4151</v>
      </c>
    </row>
    <row r="20755" spans="1:12">
      <c r="A20755" s="6" t="s">
        <v>4151</v>
      </c>
      <c r="B20755" s="6"/>
      <c r="C20755" s="6" t="s">
        <v>20791</v>
      </c>
      <c r="D20755" s="6"/>
      <c r="E20755" s="6" t="s">
        <v>9</v>
      </c>
      <c r="F20755" s="7">
        <v>38657</v>
      </c>
      <c r="G20755" s="8">
        <v>1</v>
      </c>
      <c r="H20755" s="8">
        <v>1</v>
      </c>
      <c r="I20755" s="8">
        <v>0</v>
      </c>
      <c r="J20755" s="8">
        <v>1</v>
      </c>
      <c r="K20755" s="9">
        <v>27</v>
      </c>
      <c r="L20755" s="6" t="s">
        <v>4151</v>
      </c>
    </row>
    <row r="20756" spans="1:12">
      <c r="A20756" s="6" t="s">
        <v>4151</v>
      </c>
      <c r="B20756" s="6"/>
      <c r="C20756" s="6" t="s">
        <v>20792</v>
      </c>
      <c r="D20756" s="6"/>
      <c r="E20756" s="6" t="s">
        <v>9</v>
      </c>
      <c r="F20756" s="7">
        <v>38657</v>
      </c>
      <c r="G20756" s="8">
        <v>1</v>
      </c>
      <c r="H20756" s="8">
        <v>1</v>
      </c>
      <c r="I20756" s="8">
        <v>0</v>
      </c>
      <c r="J20756" s="8">
        <v>1</v>
      </c>
      <c r="K20756" s="9">
        <v>38</v>
      </c>
      <c r="L20756" s="6" t="s">
        <v>4151</v>
      </c>
    </row>
    <row r="20757" spans="1:12">
      <c r="A20757" s="6" t="s">
        <v>4151</v>
      </c>
      <c r="B20757" s="6"/>
      <c r="C20757" s="6" t="s">
        <v>20793</v>
      </c>
      <c r="D20757" s="6"/>
      <c r="E20757" s="6" t="s">
        <v>9</v>
      </c>
      <c r="F20757" s="7">
        <v>38657</v>
      </c>
      <c r="G20757" s="8">
        <v>1</v>
      </c>
      <c r="H20757" s="8">
        <v>1</v>
      </c>
      <c r="I20757" s="8">
        <v>0</v>
      </c>
      <c r="J20757" s="8">
        <v>1</v>
      </c>
      <c r="K20757" s="9">
        <v>40</v>
      </c>
      <c r="L20757" s="6" t="s">
        <v>4151</v>
      </c>
    </row>
    <row r="20758" spans="1:12">
      <c r="A20758" s="6" t="s">
        <v>4151</v>
      </c>
      <c r="B20758" s="6"/>
      <c r="C20758" s="6" t="s">
        <v>20794</v>
      </c>
      <c r="D20758" s="6"/>
      <c r="E20758" s="6" t="s">
        <v>9</v>
      </c>
      <c r="F20758" s="7">
        <v>38657</v>
      </c>
      <c r="G20758" s="8">
        <v>1</v>
      </c>
      <c r="H20758" s="8">
        <v>1</v>
      </c>
      <c r="I20758" s="8">
        <v>0</v>
      </c>
      <c r="J20758" s="8">
        <v>1</v>
      </c>
      <c r="K20758" s="9">
        <v>38</v>
      </c>
      <c r="L20758" s="6" t="s">
        <v>4151</v>
      </c>
    </row>
    <row r="20759" spans="1:12">
      <c r="A20759" s="6" t="s">
        <v>4151</v>
      </c>
      <c r="B20759" s="6"/>
      <c r="C20759" s="6" t="s">
        <v>20795</v>
      </c>
      <c r="D20759" s="6"/>
      <c r="E20759" s="6" t="s">
        <v>9</v>
      </c>
      <c r="F20759" s="7">
        <v>38657</v>
      </c>
      <c r="G20759" s="8">
        <v>1</v>
      </c>
      <c r="H20759" s="8">
        <v>1</v>
      </c>
      <c r="I20759" s="8">
        <v>0</v>
      </c>
      <c r="J20759" s="8">
        <v>1</v>
      </c>
      <c r="K20759" s="9">
        <v>36</v>
      </c>
      <c r="L20759" s="6" t="s">
        <v>4151</v>
      </c>
    </row>
    <row r="20760" spans="1:12">
      <c r="A20760" s="6" t="s">
        <v>4151</v>
      </c>
      <c r="B20760" s="6"/>
      <c r="C20760" s="6" t="s">
        <v>20796</v>
      </c>
      <c r="D20760" s="6"/>
      <c r="E20760" s="6" t="s">
        <v>9</v>
      </c>
      <c r="F20760" s="7">
        <v>38657</v>
      </c>
      <c r="G20760" s="8">
        <v>1</v>
      </c>
      <c r="H20760" s="8">
        <v>1</v>
      </c>
      <c r="I20760" s="8">
        <v>0</v>
      </c>
      <c r="J20760" s="8">
        <v>1</v>
      </c>
      <c r="K20760" s="9">
        <v>41</v>
      </c>
      <c r="L20760" s="6" t="s">
        <v>4151</v>
      </c>
    </row>
    <row r="20761" spans="1:12">
      <c r="A20761" s="6" t="s">
        <v>4151</v>
      </c>
      <c r="B20761" s="6"/>
      <c r="C20761" s="6" t="s">
        <v>20797</v>
      </c>
      <c r="D20761" s="6"/>
      <c r="E20761" s="6" t="s">
        <v>9</v>
      </c>
      <c r="F20761" s="7">
        <v>38657</v>
      </c>
      <c r="G20761" s="8">
        <v>1</v>
      </c>
      <c r="H20761" s="8">
        <v>1</v>
      </c>
      <c r="I20761" s="8">
        <v>0</v>
      </c>
      <c r="J20761" s="8">
        <v>1</v>
      </c>
      <c r="K20761" s="9">
        <v>32</v>
      </c>
      <c r="L20761" s="6" t="s">
        <v>4151</v>
      </c>
    </row>
    <row r="20762" spans="1:12">
      <c r="A20762" s="6" t="s">
        <v>4151</v>
      </c>
      <c r="B20762" s="6"/>
      <c r="C20762" s="6" t="s">
        <v>20798</v>
      </c>
      <c r="D20762" s="6"/>
      <c r="E20762" s="6" t="s">
        <v>9</v>
      </c>
      <c r="F20762" s="7">
        <v>38657</v>
      </c>
      <c r="G20762" s="8">
        <v>1</v>
      </c>
      <c r="H20762" s="8">
        <v>1</v>
      </c>
      <c r="I20762" s="8">
        <v>0</v>
      </c>
      <c r="J20762" s="8">
        <v>1</v>
      </c>
      <c r="K20762" s="9">
        <v>2.64</v>
      </c>
      <c r="L20762" s="6" t="s">
        <v>4151</v>
      </c>
    </row>
    <row r="20763" spans="1:12">
      <c r="A20763" s="6" t="s">
        <v>4151</v>
      </c>
      <c r="B20763" s="6"/>
      <c r="C20763" s="6" t="s">
        <v>20799</v>
      </c>
      <c r="D20763" s="6"/>
      <c r="E20763" s="6" t="s">
        <v>9</v>
      </c>
      <c r="F20763" s="7">
        <v>38657</v>
      </c>
      <c r="G20763" s="8">
        <v>1</v>
      </c>
      <c r="H20763" s="8">
        <v>1</v>
      </c>
      <c r="I20763" s="8">
        <v>0</v>
      </c>
      <c r="J20763" s="8">
        <v>1</v>
      </c>
      <c r="K20763" s="9">
        <v>10</v>
      </c>
      <c r="L20763" s="6" t="s">
        <v>4151</v>
      </c>
    </row>
    <row r="20764" spans="1:12">
      <c r="A20764" s="6" t="s">
        <v>4151</v>
      </c>
      <c r="B20764" s="6"/>
      <c r="C20764" s="6" t="s">
        <v>20800</v>
      </c>
      <c r="D20764" s="6"/>
      <c r="E20764" s="6" t="s">
        <v>9</v>
      </c>
      <c r="F20764" s="7">
        <v>38657</v>
      </c>
      <c r="G20764" s="8">
        <v>1</v>
      </c>
      <c r="H20764" s="8">
        <v>1</v>
      </c>
      <c r="I20764" s="8">
        <v>0</v>
      </c>
      <c r="J20764" s="8">
        <v>1</v>
      </c>
      <c r="K20764" s="9">
        <v>73</v>
      </c>
      <c r="L20764" s="6" t="s">
        <v>4151</v>
      </c>
    </row>
    <row r="20765" spans="1:12">
      <c r="A20765" s="6" t="s">
        <v>4151</v>
      </c>
      <c r="B20765" s="6"/>
      <c r="C20765" s="6" t="s">
        <v>20801</v>
      </c>
      <c r="D20765" s="6"/>
      <c r="E20765" s="6" t="s">
        <v>9</v>
      </c>
      <c r="F20765" s="7">
        <v>38657</v>
      </c>
      <c r="G20765" s="8">
        <v>1</v>
      </c>
      <c r="H20765" s="8">
        <v>1</v>
      </c>
      <c r="I20765" s="8">
        <v>0</v>
      </c>
      <c r="J20765" s="8">
        <v>1</v>
      </c>
      <c r="K20765" s="9">
        <v>33</v>
      </c>
      <c r="L20765" s="6" t="s">
        <v>4151</v>
      </c>
    </row>
    <row r="20766" spans="1:12">
      <c r="A20766" s="6" t="s">
        <v>4151</v>
      </c>
      <c r="B20766" s="6"/>
      <c r="C20766" s="6" t="s">
        <v>20802</v>
      </c>
      <c r="D20766" s="6"/>
      <c r="E20766" s="6" t="s">
        <v>9</v>
      </c>
      <c r="F20766" s="7">
        <v>38657</v>
      </c>
      <c r="G20766" s="8">
        <v>1</v>
      </c>
      <c r="H20766" s="8">
        <v>1</v>
      </c>
      <c r="I20766" s="8">
        <v>0</v>
      </c>
      <c r="J20766" s="8">
        <v>1</v>
      </c>
      <c r="K20766" s="9">
        <v>5.61</v>
      </c>
      <c r="L20766" s="6" t="s">
        <v>4151</v>
      </c>
    </row>
    <row r="20767" spans="1:12">
      <c r="A20767" s="6" t="s">
        <v>4151</v>
      </c>
      <c r="B20767" s="6"/>
      <c r="C20767" s="6" t="s">
        <v>20803</v>
      </c>
      <c r="D20767" s="6"/>
      <c r="E20767" s="6" t="s">
        <v>9</v>
      </c>
      <c r="F20767" s="7">
        <v>38657</v>
      </c>
      <c r="G20767" s="8">
        <v>1</v>
      </c>
      <c r="H20767" s="8">
        <v>1</v>
      </c>
      <c r="I20767" s="8">
        <v>0</v>
      </c>
      <c r="J20767" s="8">
        <v>1</v>
      </c>
      <c r="K20767" s="9">
        <v>3.67</v>
      </c>
      <c r="L20767" s="6" t="s">
        <v>4151</v>
      </c>
    </row>
    <row r="20768" spans="1:12">
      <c r="A20768" s="6" t="s">
        <v>4151</v>
      </c>
      <c r="B20768" s="6"/>
      <c r="C20768" s="6" t="s">
        <v>20804</v>
      </c>
      <c r="D20768" s="6"/>
      <c r="E20768" s="6" t="s">
        <v>9</v>
      </c>
      <c r="F20768" s="7">
        <v>38657</v>
      </c>
      <c r="G20768" s="8">
        <v>1</v>
      </c>
      <c r="H20768" s="8">
        <v>1</v>
      </c>
      <c r="I20768" s="8">
        <v>0</v>
      </c>
      <c r="J20768" s="8">
        <v>1</v>
      </c>
      <c r="K20768" s="9">
        <v>11.82</v>
      </c>
      <c r="L20768" s="6" t="s">
        <v>4151</v>
      </c>
    </row>
    <row r="20769" spans="1:12">
      <c r="A20769" s="6" t="s">
        <v>4151</v>
      </c>
      <c r="B20769" s="6"/>
      <c r="C20769" s="6" t="s">
        <v>20805</v>
      </c>
      <c r="D20769" s="6"/>
      <c r="E20769" s="6" t="s">
        <v>9</v>
      </c>
      <c r="F20769" s="7">
        <v>38657</v>
      </c>
      <c r="G20769" s="8">
        <v>1</v>
      </c>
      <c r="H20769" s="8">
        <v>1</v>
      </c>
      <c r="I20769" s="8">
        <v>0</v>
      </c>
      <c r="J20769" s="8">
        <v>1</v>
      </c>
      <c r="K20769" s="9">
        <v>0.87</v>
      </c>
      <c r="L20769" s="6" t="s">
        <v>4151</v>
      </c>
    </row>
    <row r="20770" spans="1:12">
      <c r="A20770" s="6" t="s">
        <v>4151</v>
      </c>
      <c r="B20770" s="6"/>
      <c r="C20770" s="6" t="s">
        <v>20806</v>
      </c>
      <c r="D20770" s="6"/>
      <c r="E20770" s="6" t="s">
        <v>9</v>
      </c>
      <c r="F20770" s="7">
        <v>38657</v>
      </c>
      <c r="G20770" s="8">
        <v>1</v>
      </c>
      <c r="H20770" s="8">
        <v>1</v>
      </c>
      <c r="I20770" s="8">
        <v>0</v>
      </c>
      <c r="J20770" s="8">
        <v>1</v>
      </c>
      <c r="K20770" s="9">
        <v>1.46</v>
      </c>
      <c r="L20770" s="6" t="s">
        <v>4151</v>
      </c>
    </row>
    <row r="20771" spans="1:12">
      <c r="A20771" s="6" t="s">
        <v>4151</v>
      </c>
      <c r="B20771" s="6"/>
      <c r="C20771" s="6" t="s">
        <v>20807</v>
      </c>
      <c r="D20771" s="6"/>
      <c r="E20771" s="6" t="s">
        <v>9</v>
      </c>
      <c r="F20771" s="7">
        <v>38657</v>
      </c>
      <c r="G20771" s="8">
        <v>1</v>
      </c>
      <c r="H20771" s="8">
        <v>1</v>
      </c>
      <c r="I20771" s="8">
        <v>0</v>
      </c>
      <c r="J20771" s="8">
        <v>1</v>
      </c>
      <c r="K20771" s="9">
        <v>0.39</v>
      </c>
      <c r="L20771" s="6" t="s">
        <v>4151</v>
      </c>
    </row>
    <row r="20772" spans="1:12">
      <c r="A20772" s="6" t="s">
        <v>4151</v>
      </c>
      <c r="B20772" s="6"/>
      <c r="C20772" s="6" t="s">
        <v>20808</v>
      </c>
      <c r="D20772" s="6"/>
      <c r="E20772" s="6" t="s">
        <v>9</v>
      </c>
      <c r="F20772" s="7">
        <v>38657</v>
      </c>
      <c r="G20772" s="8">
        <v>1</v>
      </c>
      <c r="H20772" s="8">
        <v>1</v>
      </c>
      <c r="I20772" s="8">
        <v>0</v>
      </c>
      <c r="J20772" s="8">
        <v>1</v>
      </c>
      <c r="K20772" s="9">
        <v>42</v>
      </c>
      <c r="L20772" s="6" t="s">
        <v>4151</v>
      </c>
    </row>
    <row r="20773" spans="1:12">
      <c r="A20773" s="6" t="s">
        <v>4151</v>
      </c>
      <c r="B20773" s="6"/>
      <c r="C20773" s="6" t="s">
        <v>20809</v>
      </c>
      <c r="D20773" s="6"/>
      <c r="E20773" s="6" t="s">
        <v>9</v>
      </c>
      <c r="F20773" s="7">
        <v>38657</v>
      </c>
      <c r="G20773" s="8">
        <v>1</v>
      </c>
      <c r="H20773" s="8">
        <v>1</v>
      </c>
      <c r="I20773" s="8">
        <v>0</v>
      </c>
      <c r="J20773" s="8">
        <v>1</v>
      </c>
      <c r="K20773" s="9">
        <v>91</v>
      </c>
      <c r="L20773" s="6" t="s">
        <v>4151</v>
      </c>
    </row>
    <row r="20774" spans="1:12">
      <c r="A20774" s="6" t="s">
        <v>4151</v>
      </c>
      <c r="B20774" s="6"/>
      <c r="C20774" s="6" t="s">
        <v>20810</v>
      </c>
      <c r="D20774" s="6"/>
      <c r="E20774" s="6" t="s">
        <v>9</v>
      </c>
      <c r="F20774" s="7">
        <v>38657</v>
      </c>
      <c r="G20774" s="8">
        <v>1</v>
      </c>
      <c r="H20774" s="8">
        <v>1</v>
      </c>
      <c r="I20774" s="8">
        <v>0</v>
      </c>
      <c r="J20774" s="8">
        <v>1</v>
      </c>
      <c r="K20774" s="9">
        <v>32</v>
      </c>
      <c r="L20774" s="6" t="s">
        <v>4151</v>
      </c>
    </row>
    <row r="20775" spans="1:12">
      <c r="A20775" s="6" t="s">
        <v>4151</v>
      </c>
      <c r="B20775" s="6"/>
      <c r="C20775" s="6" t="s">
        <v>20811</v>
      </c>
      <c r="D20775" s="6"/>
      <c r="E20775" s="6" t="s">
        <v>9</v>
      </c>
      <c r="F20775" s="7">
        <v>38657</v>
      </c>
      <c r="G20775" s="8">
        <v>1</v>
      </c>
      <c r="H20775" s="8">
        <v>1</v>
      </c>
      <c r="I20775" s="8">
        <v>0</v>
      </c>
      <c r="J20775" s="8">
        <v>1</v>
      </c>
      <c r="K20775" s="9">
        <v>31</v>
      </c>
      <c r="L20775" s="6" t="s">
        <v>4151</v>
      </c>
    </row>
    <row r="20776" spans="1:12">
      <c r="A20776" s="6" t="s">
        <v>4151</v>
      </c>
      <c r="B20776" s="6"/>
      <c r="C20776" s="6" t="s">
        <v>20812</v>
      </c>
      <c r="D20776" s="6"/>
      <c r="E20776" s="6" t="s">
        <v>9</v>
      </c>
      <c r="F20776" s="7">
        <v>38657</v>
      </c>
      <c r="G20776" s="8">
        <v>1</v>
      </c>
      <c r="H20776" s="8">
        <v>1</v>
      </c>
      <c r="I20776" s="8">
        <v>0</v>
      </c>
      <c r="J20776" s="8">
        <v>1</v>
      </c>
      <c r="K20776" s="9">
        <v>13</v>
      </c>
      <c r="L20776" s="6" t="s">
        <v>4151</v>
      </c>
    </row>
    <row r="20777" spans="1:12">
      <c r="A20777" s="6" t="s">
        <v>4151</v>
      </c>
      <c r="B20777" s="6"/>
      <c r="C20777" s="6" t="s">
        <v>20813</v>
      </c>
      <c r="D20777" s="6"/>
      <c r="E20777" s="6" t="s">
        <v>9</v>
      </c>
      <c r="F20777" s="7">
        <v>38657</v>
      </c>
      <c r="G20777" s="8">
        <v>1</v>
      </c>
      <c r="H20777" s="8">
        <v>1</v>
      </c>
      <c r="I20777" s="8">
        <v>0</v>
      </c>
      <c r="J20777" s="8">
        <v>1</v>
      </c>
      <c r="K20777" s="9">
        <v>20</v>
      </c>
      <c r="L20777" s="6" t="s">
        <v>4151</v>
      </c>
    </row>
    <row r="20778" spans="1:12">
      <c r="A20778" s="6" t="s">
        <v>4151</v>
      </c>
      <c r="B20778" s="6"/>
      <c r="C20778" s="6" t="s">
        <v>20814</v>
      </c>
      <c r="D20778" s="6"/>
      <c r="E20778" s="6" t="s">
        <v>9</v>
      </c>
      <c r="F20778" s="7">
        <v>38657</v>
      </c>
      <c r="G20778" s="8">
        <v>1</v>
      </c>
      <c r="H20778" s="8">
        <v>1</v>
      </c>
      <c r="I20778" s="8">
        <v>0</v>
      </c>
      <c r="J20778" s="8">
        <v>1</v>
      </c>
      <c r="K20778" s="9">
        <v>2.34</v>
      </c>
      <c r="L20778" s="6" t="s">
        <v>4151</v>
      </c>
    </row>
    <row r="20779" spans="1:12">
      <c r="A20779" s="6" t="s">
        <v>4151</v>
      </c>
      <c r="B20779" s="6"/>
      <c r="C20779" s="6" t="s">
        <v>20815</v>
      </c>
      <c r="D20779" s="6"/>
      <c r="E20779" s="6" t="s">
        <v>9</v>
      </c>
      <c r="F20779" s="7">
        <v>38657</v>
      </c>
      <c r="G20779" s="8">
        <v>1</v>
      </c>
      <c r="H20779" s="8">
        <v>1</v>
      </c>
      <c r="I20779" s="8">
        <v>0</v>
      </c>
      <c r="J20779" s="8">
        <v>1</v>
      </c>
      <c r="K20779" s="9">
        <v>6.16</v>
      </c>
      <c r="L20779" s="6" t="s">
        <v>4151</v>
      </c>
    </row>
    <row r="20780" spans="1:12">
      <c r="A20780" s="6" t="s">
        <v>4151</v>
      </c>
      <c r="B20780" s="6"/>
      <c r="C20780" s="6" t="s">
        <v>20816</v>
      </c>
      <c r="D20780" s="6"/>
      <c r="E20780" s="6" t="s">
        <v>9</v>
      </c>
      <c r="F20780" s="7">
        <v>38657</v>
      </c>
      <c r="G20780" s="8">
        <v>1</v>
      </c>
      <c r="H20780" s="8">
        <v>1</v>
      </c>
      <c r="I20780" s="8">
        <v>0</v>
      </c>
      <c r="J20780" s="8">
        <v>1</v>
      </c>
      <c r="K20780" s="9">
        <v>4.59</v>
      </c>
      <c r="L20780" s="6" t="s">
        <v>4151</v>
      </c>
    </row>
    <row r="20781" spans="1:12">
      <c r="A20781" s="6" t="s">
        <v>4151</v>
      </c>
      <c r="B20781" s="6"/>
      <c r="C20781" s="6" t="s">
        <v>20817</v>
      </c>
      <c r="D20781" s="6"/>
      <c r="E20781" s="6" t="s">
        <v>9</v>
      </c>
      <c r="F20781" s="7">
        <v>38657</v>
      </c>
      <c r="G20781" s="8">
        <v>1</v>
      </c>
      <c r="H20781" s="8">
        <v>1</v>
      </c>
      <c r="I20781" s="8">
        <v>0</v>
      </c>
      <c r="J20781" s="8">
        <v>1</v>
      </c>
      <c r="K20781" s="9">
        <v>22</v>
      </c>
      <c r="L20781" s="6" t="s">
        <v>4151</v>
      </c>
    </row>
    <row r="20782" spans="1:12">
      <c r="A20782" s="6" t="s">
        <v>4151</v>
      </c>
      <c r="B20782" s="6"/>
      <c r="C20782" s="6" t="s">
        <v>20818</v>
      </c>
      <c r="D20782" s="6"/>
      <c r="E20782" s="6" t="s">
        <v>9</v>
      </c>
      <c r="F20782" s="7">
        <v>38657</v>
      </c>
      <c r="G20782" s="8">
        <v>1</v>
      </c>
      <c r="H20782" s="8">
        <v>1</v>
      </c>
      <c r="I20782" s="8">
        <v>0</v>
      </c>
      <c r="J20782" s="8">
        <v>1</v>
      </c>
      <c r="K20782" s="9">
        <v>42</v>
      </c>
      <c r="L20782" s="6" t="s">
        <v>4151</v>
      </c>
    </row>
    <row r="20783" spans="1:12">
      <c r="A20783" s="6" t="s">
        <v>4151</v>
      </c>
      <c r="B20783" s="6"/>
      <c r="C20783" s="6" t="s">
        <v>20819</v>
      </c>
      <c r="D20783" s="6"/>
      <c r="E20783" s="6" t="s">
        <v>9</v>
      </c>
      <c r="F20783" s="7">
        <v>38657</v>
      </c>
      <c r="G20783" s="8">
        <v>1</v>
      </c>
      <c r="H20783" s="8">
        <v>1</v>
      </c>
      <c r="I20783" s="8">
        <v>0</v>
      </c>
      <c r="J20783" s="8">
        <v>1</v>
      </c>
      <c r="K20783" s="9">
        <v>2.64</v>
      </c>
      <c r="L20783" s="6" t="s">
        <v>4151</v>
      </c>
    </row>
    <row r="20784" spans="1:12">
      <c r="A20784" s="6" t="s">
        <v>4151</v>
      </c>
      <c r="B20784" s="6"/>
      <c r="C20784" s="6" t="s">
        <v>20820</v>
      </c>
      <c r="D20784" s="6"/>
      <c r="E20784" s="6" t="s">
        <v>9</v>
      </c>
      <c r="F20784" s="7">
        <v>38657</v>
      </c>
      <c r="G20784" s="8">
        <v>1</v>
      </c>
      <c r="H20784" s="8">
        <v>1</v>
      </c>
      <c r="I20784" s="8">
        <v>0</v>
      </c>
      <c r="J20784" s="8">
        <v>1</v>
      </c>
      <c r="K20784" s="9">
        <v>28</v>
      </c>
      <c r="L20784" s="6" t="s">
        <v>4151</v>
      </c>
    </row>
    <row r="20785" spans="1:12">
      <c r="A20785" s="6" t="s">
        <v>4151</v>
      </c>
      <c r="B20785" s="6"/>
      <c r="C20785" s="6" t="s">
        <v>20821</v>
      </c>
      <c r="D20785" s="6"/>
      <c r="E20785" s="6" t="s">
        <v>9</v>
      </c>
      <c r="F20785" s="7">
        <v>38657</v>
      </c>
      <c r="G20785" s="8">
        <v>1</v>
      </c>
      <c r="H20785" s="8">
        <v>1</v>
      </c>
      <c r="I20785" s="8">
        <v>0</v>
      </c>
      <c r="J20785" s="8">
        <v>1</v>
      </c>
      <c r="K20785" s="9">
        <v>32</v>
      </c>
      <c r="L20785" s="6" t="s">
        <v>4151</v>
      </c>
    </row>
    <row r="20786" spans="1:12">
      <c r="A20786" s="6" t="s">
        <v>4151</v>
      </c>
      <c r="B20786" s="6"/>
      <c r="C20786" s="6" t="s">
        <v>20822</v>
      </c>
      <c r="D20786" s="6"/>
      <c r="E20786" s="6" t="s">
        <v>9</v>
      </c>
      <c r="F20786" s="7">
        <v>38657</v>
      </c>
      <c r="G20786" s="8">
        <v>1</v>
      </c>
      <c r="H20786" s="8">
        <v>1</v>
      </c>
      <c r="I20786" s="8">
        <v>0</v>
      </c>
      <c r="J20786" s="8">
        <v>1</v>
      </c>
      <c r="K20786" s="9">
        <v>31</v>
      </c>
      <c r="L20786" s="6" t="s">
        <v>4151</v>
      </c>
    </row>
    <row r="20787" spans="1:12">
      <c r="A20787" s="6" t="s">
        <v>4151</v>
      </c>
      <c r="B20787" s="6"/>
      <c r="C20787" s="6" t="s">
        <v>20823</v>
      </c>
      <c r="D20787" s="6"/>
      <c r="E20787" s="6" t="s">
        <v>9</v>
      </c>
      <c r="F20787" s="7">
        <v>38657</v>
      </c>
      <c r="G20787" s="8">
        <v>1</v>
      </c>
      <c r="H20787" s="8">
        <v>1</v>
      </c>
      <c r="I20787" s="8">
        <v>0</v>
      </c>
      <c r="J20787" s="8">
        <v>1</v>
      </c>
      <c r="K20787" s="9">
        <v>12</v>
      </c>
      <c r="L20787" s="6" t="s">
        <v>4151</v>
      </c>
    </row>
    <row r="20788" spans="1:12">
      <c r="A20788" s="6" t="s">
        <v>4151</v>
      </c>
      <c r="B20788" s="6"/>
      <c r="C20788" s="6" t="s">
        <v>20824</v>
      </c>
      <c r="D20788" s="6"/>
      <c r="E20788" s="6" t="s">
        <v>9</v>
      </c>
      <c r="F20788" s="7">
        <v>38657</v>
      </c>
      <c r="G20788" s="8">
        <v>1</v>
      </c>
      <c r="H20788" s="8">
        <v>1</v>
      </c>
      <c r="I20788" s="8">
        <v>0</v>
      </c>
      <c r="J20788" s="8">
        <v>1</v>
      </c>
      <c r="K20788" s="9">
        <v>17</v>
      </c>
      <c r="L20788" s="6" t="s">
        <v>4151</v>
      </c>
    </row>
    <row r="20789" spans="1:12">
      <c r="A20789" s="6" t="s">
        <v>4151</v>
      </c>
      <c r="B20789" s="6"/>
      <c r="C20789" s="6" t="s">
        <v>20825</v>
      </c>
      <c r="D20789" s="6"/>
      <c r="E20789" s="6" t="s">
        <v>9</v>
      </c>
      <c r="F20789" s="7">
        <v>38657</v>
      </c>
      <c r="G20789" s="8">
        <v>1</v>
      </c>
      <c r="H20789" s="8">
        <v>1</v>
      </c>
      <c r="I20789" s="8">
        <v>0</v>
      </c>
      <c r="J20789" s="8">
        <v>1</v>
      </c>
      <c r="K20789" s="9">
        <v>43</v>
      </c>
      <c r="L20789" s="6" t="s">
        <v>4151</v>
      </c>
    </row>
    <row r="20790" spans="1:12">
      <c r="A20790" s="6" t="s">
        <v>4151</v>
      </c>
      <c r="B20790" s="6"/>
      <c r="C20790" s="6" t="s">
        <v>20826</v>
      </c>
      <c r="D20790" s="6"/>
      <c r="E20790" s="6" t="s">
        <v>9</v>
      </c>
      <c r="F20790" s="7">
        <v>38657</v>
      </c>
      <c r="G20790" s="8">
        <v>1</v>
      </c>
      <c r="H20790" s="8">
        <v>1</v>
      </c>
      <c r="I20790" s="8">
        <v>0</v>
      </c>
      <c r="J20790" s="8">
        <v>1</v>
      </c>
      <c r="K20790" s="9">
        <v>22</v>
      </c>
      <c r="L20790" s="6" t="s">
        <v>4151</v>
      </c>
    </row>
    <row r="20791" spans="1:12">
      <c r="A20791" s="6" t="s">
        <v>4151</v>
      </c>
      <c r="B20791" s="6"/>
      <c r="C20791" s="6" t="s">
        <v>20827</v>
      </c>
      <c r="D20791" s="6"/>
      <c r="E20791" s="6" t="s">
        <v>9</v>
      </c>
      <c r="F20791" s="7">
        <v>38657</v>
      </c>
      <c r="G20791" s="8">
        <v>1</v>
      </c>
      <c r="H20791" s="8">
        <v>1</v>
      </c>
      <c r="I20791" s="8">
        <v>0</v>
      </c>
      <c r="J20791" s="8">
        <v>1</v>
      </c>
      <c r="K20791" s="9">
        <v>4.3099999999999898</v>
      </c>
      <c r="L20791" s="6" t="s">
        <v>4151</v>
      </c>
    </row>
    <row r="20792" spans="1:12">
      <c r="A20792" s="6" t="s">
        <v>4151</v>
      </c>
      <c r="B20792" s="6"/>
      <c r="C20792" s="6" t="s">
        <v>20828</v>
      </c>
      <c r="D20792" s="6"/>
      <c r="E20792" s="6" t="s">
        <v>9</v>
      </c>
      <c r="F20792" s="7">
        <v>38657</v>
      </c>
      <c r="G20792" s="8">
        <v>1</v>
      </c>
      <c r="H20792" s="8">
        <v>1</v>
      </c>
      <c r="I20792" s="8">
        <v>0</v>
      </c>
      <c r="J20792" s="8">
        <v>1</v>
      </c>
      <c r="K20792" s="9">
        <v>28</v>
      </c>
      <c r="L20792" s="6" t="s">
        <v>4151</v>
      </c>
    </row>
    <row r="20793" spans="1:12">
      <c r="A20793" s="6" t="s">
        <v>4151</v>
      </c>
      <c r="B20793" s="6"/>
      <c r="C20793" s="6" t="s">
        <v>20829</v>
      </c>
      <c r="D20793" s="6"/>
      <c r="E20793" s="6" t="s">
        <v>9</v>
      </c>
      <c r="F20793" s="7">
        <v>38657</v>
      </c>
      <c r="G20793" s="8">
        <v>1</v>
      </c>
      <c r="H20793" s="8">
        <v>1</v>
      </c>
      <c r="I20793" s="8">
        <v>0</v>
      </c>
      <c r="J20793" s="8">
        <v>1</v>
      </c>
      <c r="K20793" s="9">
        <v>5.19</v>
      </c>
      <c r="L20793" s="6" t="s">
        <v>4151</v>
      </c>
    </row>
    <row r="20794" spans="1:12">
      <c r="A20794" s="6" t="s">
        <v>4151</v>
      </c>
      <c r="B20794" s="6"/>
      <c r="C20794" s="6" t="s">
        <v>20830</v>
      </c>
      <c r="D20794" s="6"/>
      <c r="E20794" s="6" t="s">
        <v>9</v>
      </c>
      <c r="F20794" s="7">
        <v>38657</v>
      </c>
      <c r="G20794" s="8">
        <v>1</v>
      </c>
      <c r="H20794" s="8">
        <v>1</v>
      </c>
      <c r="I20794" s="8">
        <v>0</v>
      </c>
      <c r="J20794" s="8">
        <v>1</v>
      </c>
      <c r="K20794" s="9">
        <v>1.1000000000000001</v>
      </c>
      <c r="L20794" s="6" t="s">
        <v>4151</v>
      </c>
    </row>
    <row r="20795" spans="1:12">
      <c r="A20795" s="6" t="s">
        <v>4151</v>
      </c>
      <c r="B20795" s="6"/>
      <c r="C20795" s="6" t="s">
        <v>20831</v>
      </c>
      <c r="D20795" s="6"/>
      <c r="E20795" s="6" t="s">
        <v>9</v>
      </c>
      <c r="F20795" s="7">
        <v>38657</v>
      </c>
      <c r="G20795" s="8">
        <v>1</v>
      </c>
      <c r="H20795" s="8">
        <v>1</v>
      </c>
      <c r="I20795" s="8">
        <v>0</v>
      </c>
      <c r="J20795" s="8">
        <v>1</v>
      </c>
      <c r="K20795" s="9">
        <v>34</v>
      </c>
      <c r="L20795" s="6" t="s">
        <v>4151</v>
      </c>
    </row>
    <row r="20796" spans="1:12">
      <c r="A20796" s="6" t="s">
        <v>4151</v>
      </c>
      <c r="B20796" s="6"/>
      <c r="C20796" s="6" t="s">
        <v>20832</v>
      </c>
      <c r="D20796" s="6"/>
      <c r="E20796" s="6" t="s">
        <v>9</v>
      </c>
      <c r="F20796" s="7">
        <v>38657</v>
      </c>
      <c r="G20796" s="8">
        <v>1</v>
      </c>
      <c r="H20796" s="8">
        <v>1</v>
      </c>
      <c r="I20796" s="8">
        <v>0</v>
      </c>
      <c r="J20796" s="8">
        <v>1</v>
      </c>
      <c r="K20796" s="9">
        <v>8.15</v>
      </c>
      <c r="L20796" s="6" t="s">
        <v>4151</v>
      </c>
    </row>
    <row r="20797" spans="1:12">
      <c r="A20797" s="6" t="s">
        <v>4151</v>
      </c>
      <c r="B20797" s="6"/>
      <c r="C20797" s="6" t="s">
        <v>20833</v>
      </c>
      <c r="D20797" s="6"/>
      <c r="E20797" s="6" t="s">
        <v>9</v>
      </c>
      <c r="F20797" s="7">
        <v>38657</v>
      </c>
      <c r="G20797" s="8">
        <v>1</v>
      </c>
      <c r="H20797" s="8">
        <v>1</v>
      </c>
      <c r="I20797" s="8">
        <v>0</v>
      </c>
      <c r="J20797" s="8">
        <v>1</v>
      </c>
      <c r="K20797" s="9">
        <v>22</v>
      </c>
      <c r="L20797" s="6" t="s">
        <v>4151</v>
      </c>
    </row>
    <row r="20798" spans="1:12">
      <c r="A20798" s="6" t="s">
        <v>4151</v>
      </c>
      <c r="B20798" s="6"/>
      <c r="C20798" s="6" t="s">
        <v>20834</v>
      </c>
      <c r="D20798" s="6"/>
      <c r="E20798" s="6" t="s">
        <v>9</v>
      </c>
      <c r="F20798" s="7">
        <v>38657</v>
      </c>
      <c r="G20798" s="8">
        <v>1</v>
      </c>
      <c r="H20798" s="8">
        <v>1</v>
      </c>
      <c r="I20798" s="8">
        <v>0</v>
      </c>
      <c r="J20798" s="8">
        <v>1</v>
      </c>
      <c r="K20798" s="9">
        <v>9.01</v>
      </c>
      <c r="L20798" s="6" t="s">
        <v>4151</v>
      </c>
    </row>
    <row r="20799" spans="1:12">
      <c r="A20799" s="6" t="s">
        <v>4151</v>
      </c>
      <c r="B20799" s="6"/>
      <c r="C20799" s="6" t="s">
        <v>20835</v>
      </c>
      <c r="D20799" s="6"/>
      <c r="E20799" s="6" t="s">
        <v>9</v>
      </c>
      <c r="F20799" s="7">
        <v>38657</v>
      </c>
      <c r="G20799" s="8">
        <v>1</v>
      </c>
      <c r="H20799" s="8">
        <v>1</v>
      </c>
      <c r="I20799" s="8">
        <v>0</v>
      </c>
      <c r="J20799" s="8">
        <v>1</v>
      </c>
      <c r="K20799" s="9">
        <v>7.97</v>
      </c>
      <c r="L20799" s="6" t="s">
        <v>4151</v>
      </c>
    </row>
    <row r="20800" spans="1:12">
      <c r="A20800" s="6" t="s">
        <v>4151</v>
      </c>
      <c r="B20800" s="6"/>
      <c r="C20800" s="6" t="s">
        <v>20836</v>
      </c>
      <c r="D20800" s="6"/>
      <c r="E20800" s="6" t="s">
        <v>9</v>
      </c>
      <c r="F20800" s="7">
        <v>38657</v>
      </c>
      <c r="G20800" s="8">
        <v>1</v>
      </c>
      <c r="H20800" s="8">
        <v>1</v>
      </c>
      <c r="I20800" s="8">
        <v>0</v>
      </c>
      <c r="J20800" s="8">
        <v>1</v>
      </c>
      <c r="K20800" s="9">
        <v>4.66</v>
      </c>
      <c r="L20800" s="6" t="s">
        <v>4151</v>
      </c>
    </row>
    <row r="20801" spans="1:12">
      <c r="A20801" s="6" t="s">
        <v>4151</v>
      </c>
      <c r="B20801" s="6"/>
      <c r="C20801" s="6" t="s">
        <v>20837</v>
      </c>
      <c r="D20801" s="6"/>
      <c r="E20801" s="6" t="s">
        <v>9</v>
      </c>
      <c r="F20801" s="7">
        <v>38657</v>
      </c>
      <c r="G20801" s="8">
        <v>1</v>
      </c>
      <c r="H20801" s="8">
        <v>1</v>
      </c>
      <c r="I20801" s="8">
        <v>0</v>
      </c>
      <c r="J20801" s="8">
        <v>1</v>
      </c>
      <c r="K20801" s="9">
        <v>42.11</v>
      </c>
      <c r="L20801" s="6" t="s">
        <v>4151</v>
      </c>
    </row>
    <row r="20802" spans="1:12">
      <c r="A20802" s="6" t="s">
        <v>4151</v>
      </c>
      <c r="B20802" s="6"/>
      <c r="C20802" s="6" t="s">
        <v>20838</v>
      </c>
      <c r="D20802" s="6"/>
      <c r="E20802" s="6" t="s">
        <v>9</v>
      </c>
      <c r="F20802" s="7">
        <v>38657</v>
      </c>
      <c r="G20802" s="8">
        <v>1</v>
      </c>
      <c r="H20802" s="8">
        <v>1</v>
      </c>
      <c r="I20802" s="8">
        <v>0</v>
      </c>
      <c r="J20802" s="8">
        <v>1</v>
      </c>
      <c r="K20802" s="9">
        <v>19.98</v>
      </c>
      <c r="L20802" s="6" t="s">
        <v>4151</v>
      </c>
    </row>
    <row r="20803" spans="1:12">
      <c r="A20803" s="6" t="s">
        <v>4151</v>
      </c>
      <c r="B20803" s="6"/>
      <c r="C20803" s="6" t="s">
        <v>20839</v>
      </c>
      <c r="D20803" s="6"/>
      <c r="E20803" s="6" t="s">
        <v>9</v>
      </c>
      <c r="F20803" s="7">
        <v>38657</v>
      </c>
      <c r="G20803" s="8">
        <v>1</v>
      </c>
      <c r="H20803" s="8">
        <v>1</v>
      </c>
      <c r="I20803" s="8">
        <v>0</v>
      </c>
      <c r="J20803" s="8">
        <v>1</v>
      </c>
      <c r="K20803" s="9">
        <v>4.71</v>
      </c>
      <c r="L20803" s="6" t="s">
        <v>4151</v>
      </c>
    </row>
    <row r="20804" spans="1:12">
      <c r="A20804" s="6" t="s">
        <v>4151</v>
      </c>
      <c r="B20804" s="6"/>
      <c r="C20804" s="6" t="s">
        <v>20840</v>
      </c>
      <c r="D20804" s="6"/>
      <c r="E20804" s="6" t="s">
        <v>9</v>
      </c>
      <c r="F20804" s="7">
        <v>38657</v>
      </c>
      <c r="G20804" s="8">
        <v>1</v>
      </c>
      <c r="H20804" s="8">
        <v>1</v>
      </c>
      <c r="I20804" s="8">
        <v>0</v>
      </c>
      <c r="J20804" s="8">
        <v>1</v>
      </c>
      <c r="K20804" s="9">
        <v>5.61</v>
      </c>
      <c r="L20804" s="6" t="s">
        <v>4151</v>
      </c>
    </row>
    <row r="20805" spans="1:12">
      <c r="A20805" s="6" t="s">
        <v>4151</v>
      </c>
      <c r="B20805" s="6"/>
      <c r="C20805" s="6" t="s">
        <v>20841</v>
      </c>
      <c r="D20805" s="6"/>
      <c r="E20805" s="6" t="s">
        <v>9</v>
      </c>
      <c r="F20805" s="7">
        <v>38657</v>
      </c>
      <c r="G20805" s="8">
        <v>1</v>
      </c>
      <c r="H20805" s="8">
        <v>1</v>
      </c>
      <c r="I20805" s="8">
        <v>0</v>
      </c>
      <c r="J20805" s="8">
        <v>1</v>
      </c>
      <c r="K20805" s="9">
        <v>12</v>
      </c>
      <c r="L20805" s="6" t="s">
        <v>4151</v>
      </c>
    </row>
    <row r="20806" spans="1:12">
      <c r="A20806" s="6" t="s">
        <v>4151</v>
      </c>
      <c r="B20806" s="6"/>
      <c r="C20806" s="6" t="s">
        <v>20842</v>
      </c>
      <c r="D20806" s="6"/>
      <c r="E20806" s="6" t="s">
        <v>9</v>
      </c>
      <c r="F20806" s="7">
        <v>38657</v>
      </c>
      <c r="G20806" s="8">
        <v>1</v>
      </c>
      <c r="H20806" s="8">
        <v>1</v>
      </c>
      <c r="I20806" s="8">
        <v>0</v>
      </c>
      <c r="J20806" s="8">
        <v>1</v>
      </c>
      <c r="K20806" s="9">
        <v>9.93</v>
      </c>
      <c r="L20806" s="6" t="s">
        <v>4151</v>
      </c>
    </row>
    <row r="20807" spans="1:12">
      <c r="A20807" s="6" t="s">
        <v>4151</v>
      </c>
      <c r="B20807" s="6"/>
      <c r="C20807" s="6" t="s">
        <v>20843</v>
      </c>
      <c r="D20807" s="6"/>
      <c r="E20807" s="6" t="s">
        <v>9</v>
      </c>
      <c r="F20807" s="7">
        <v>38657</v>
      </c>
      <c r="G20807" s="8">
        <v>1</v>
      </c>
      <c r="H20807" s="8">
        <v>1</v>
      </c>
      <c r="I20807" s="8">
        <v>0</v>
      </c>
      <c r="J20807" s="8">
        <v>1</v>
      </c>
      <c r="K20807" s="9">
        <v>36</v>
      </c>
      <c r="L20807" s="6" t="s">
        <v>4151</v>
      </c>
    </row>
    <row r="20808" spans="1:12">
      <c r="A20808" s="6" t="s">
        <v>4151</v>
      </c>
      <c r="B20808" s="6"/>
      <c r="C20808" s="6" t="s">
        <v>20844</v>
      </c>
      <c r="D20808" s="6"/>
      <c r="E20808" s="6" t="s">
        <v>9</v>
      </c>
      <c r="F20808" s="7">
        <v>38657</v>
      </c>
      <c r="G20808" s="8">
        <v>1</v>
      </c>
      <c r="H20808" s="8">
        <v>1</v>
      </c>
      <c r="I20808" s="8">
        <v>0</v>
      </c>
      <c r="J20808" s="8">
        <v>1</v>
      </c>
      <c r="K20808" s="9">
        <v>81</v>
      </c>
      <c r="L20808" s="6" t="s">
        <v>4151</v>
      </c>
    </row>
    <row r="20809" spans="1:12">
      <c r="A20809" s="6" t="s">
        <v>4151</v>
      </c>
      <c r="B20809" s="6"/>
      <c r="C20809" s="6" t="s">
        <v>20845</v>
      </c>
      <c r="D20809" s="6"/>
      <c r="E20809" s="6" t="s">
        <v>9</v>
      </c>
      <c r="F20809" s="7">
        <v>38657</v>
      </c>
      <c r="G20809" s="8">
        <v>1</v>
      </c>
      <c r="H20809" s="8">
        <v>1</v>
      </c>
      <c r="I20809" s="8">
        <v>0</v>
      </c>
      <c r="J20809" s="8">
        <v>1</v>
      </c>
      <c r="K20809" s="9">
        <v>19</v>
      </c>
      <c r="L20809" s="6" t="s">
        <v>4151</v>
      </c>
    </row>
    <row r="20810" spans="1:12">
      <c r="A20810" s="6" t="s">
        <v>4151</v>
      </c>
      <c r="B20810" s="6"/>
      <c r="C20810" s="6" t="s">
        <v>20846</v>
      </c>
      <c r="D20810" s="6"/>
      <c r="E20810" s="6" t="s">
        <v>9</v>
      </c>
      <c r="F20810" s="7">
        <v>38657</v>
      </c>
      <c r="G20810" s="8">
        <v>1</v>
      </c>
      <c r="H20810" s="8">
        <v>1</v>
      </c>
      <c r="I20810" s="8">
        <v>0</v>
      </c>
      <c r="J20810" s="8">
        <v>1</v>
      </c>
      <c r="K20810" s="9">
        <v>9.2200000000000006</v>
      </c>
      <c r="L20810" s="6" t="s">
        <v>4151</v>
      </c>
    </row>
    <row r="20811" spans="1:12">
      <c r="A20811" s="6" t="s">
        <v>4151</v>
      </c>
      <c r="B20811" s="6"/>
      <c r="C20811" s="6" t="s">
        <v>20847</v>
      </c>
      <c r="D20811" s="6"/>
      <c r="E20811" s="6" t="s">
        <v>9</v>
      </c>
      <c r="F20811" s="7">
        <v>38657</v>
      </c>
      <c r="G20811" s="8">
        <v>1</v>
      </c>
      <c r="H20811" s="8">
        <v>1</v>
      </c>
      <c r="I20811" s="8">
        <v>0</v>
      </c>
      <c r="J20811" s="8">
        <v>1</v>
      </c>
      <c r="K20811" s="9">
        <v>4.17</v>
      </c>
      <c r="L20811" s="6" t="s">
        <v>4151</v>
      </c>
    </row>
    <row r="20812" spans="1:12">
      <c r="A20812" s="6" t="s">
        <v>4151</v>
      </c>
      <c r="B20812" s="6"/>
      <c r="C20812" s="6" t="s">
        <v>20848</v>
      </c>
      <c r="D20812" s="6"/>
      <c r="E20812" s="6" t="s">
        <v>9</v>
      </c>
      <c r="F20812" s="7">
        <v>38657</v>
      </c>
      <c r="G20812" s="8">
        <v>1</v>
      </c>
      <c r="H20812" s="8">
        <v>1</v>
      </c>
      <c r="I20812" s="8">
        <v>0</v>
      </c>
      <c r="J20812" s="8">
        <v>1</v>
      </c>
      <c r="K20812" s="9">
        <v>14</v>
      </c>
      <c r="L20812" s="6" t="s">
        <v>4151</v>
      </c>
    </row>
    <row r="20813" spans="1:12">
      <c r="A20813" s="6" t="s">
        <v>4151</v>
      </c>
      <c r="B20813" s="6"/>
      <c r="C20813" s="6" t="s">
        <v>20849</v>
      </c>
      <c r="D20813" s="6"/>
      <c r="E20813" s="6" t="s">
        <v>9</v>
      </c>
      <c r="F20813" s="7">
        <v>38657</v>
      </c>
      <c r="G20813" s="8">
        <v>1</v>
      </c>
      <c r="H20813" s="8">
        <v>1</v>
      </c>
      <c r="I20813" s="8">
        <v>0</v>
      </c>
      <c r="J20813" s="8">
        <v>1</v>
      </c>
      <c r="K20813" s="9">
        <v>12</v>
      </c>
      <c r="L20813" s="6" t="s">
        <v>4151</v>
      </c>
    </row>
    <row r="20814" spans="1:12">
      <c r="A20814" s="6" t="s">
        <v>4151</v>
      </c>
      <c r="B20814" s="6"/>
      <c r="C20814" s="6" t="s">
        <v>20850</v>
      </c>
      <c r="D20814" s="6"/>
      <c r="E20814" s="6" t="s">
        <v>9</v>
      </c>
      <c r="F20814" s="7">
        <v>38657</v>
      </c>
      <c r="G20814" s="8">
        <v>1</v>
      </c>
      <c r="H20814" s="8">
        <v>1</v>
      </c>
      <c r="I20814" s="8">
        <v>0</v>
      </c>
      <c r="J20814" s="8">
        <v>1</v>
      </c>
      <c r="K20814" s="9">
        <v>19</v>
      </c>
      <c r="L20814" s="6" t="s">
        <v>4151</v>
      </c>
    </row>
    <row r="20815" spans="1:12">
      <c r="A20815" s="6" t="s">
        <v>4151</v>
      </c>
      <c r="B20815" s="6"/>
      <c r="C20815" s="6" t="s">
        <v>20851</v>
      </c>
      <c r="D20815" s="6"/>
      <c r="E20815" s="6" t="s">
        <v>9</v>
      </c>
      <c r="F20815" s="7">
        <v>38657</v>
      </c>
      <c r="G20815" s="8">
        <v>1</v>
      </c>
      <c r="H20815" s="8">
        <v>1</v>
      </c>
      <c r="I20815" s="8">
        <v>0</v>
      </c>
      <c r="J20815" s="8">
        <v>1</v>
      </c>
      <c r="K20815" s="9">
        <v>15</v>
      </c>
      <c r="L20815" s="6" t="s">
        <v>4151</v>
      </c>
    </row>
    <row r="20816" spans="1:12">
      <c r="A20816" s="6" t="s">
        <v>4151</v>
      </c>
      <c r="B20816" s="6"/>
      <c r="C20816" s="6" t="s">
        <v>20852</v>
      </c>
      <c r="D20816" s="6"/>
      <c r="E20816" s="6" t="s">
        <v>9</v>
      </c>
      <c r="F20816" s="7">
        <v>38657</v>
      </c>
      <c r="G20816" s="8">
        <v>1</v>
      </c>
      <c r="H20816" s="8">
        <v>1</v>
      </c>
      <c r="I20816" s="8">
        <v>0</v>
      </c>
      <c r="J20816" s="8">
        <v>1</v>
      </c>
      <c r="K20816" s="9">
        <v>44</v>
      </c>
      <c r="L20816" s="6" t="s">
        <v>4151</v>
      </c>
    </row>
    <row r="20817" spans="1:12">
      <c r="A20817" s="6" t="s">
        <v>4151</v>
      </c>
      <c r="B20817" s="6"/>
      <c r="C20817" s="6" t="s">
        <v>20853</v>
      </c>
      <c r="D20817" s="6"/>
      <c r="E20817" s="6" t="s">
        <v>9</v>
      </c>
      <c r="F20817" s="7">
        <v>38657</v>
      </c>
      <c r="G20817" s="8">
        <v>1</v>
      </c>
      <c r="H20817" s="8">
        <v>1</v>
      </c>
      <c r="I20817" s="8">
        <v>0</v>
      </c>
      <c r="J20817" s="8">
        <v>1</v>
      </c>
      <c r="K20817" s="9">
        <v>4.55</v>
      </c>
      <c r="L20817" s="6" t="s">
        <v>4151</v>
      </c>
    </row>
    <row r="20818" spans="1:12">
      <c r="A20818" s="6" t="s">
        <v>4151</v>
      </c>
      <c r="B20818" s="6"/>
      <c r="C20818" s="6" t="s">
        <v>20854</v>
      </c>
      <c r="D20818" s="6"/>
      <c r="E20818" s="6" t="s">
        <v>9</v>
      </c>
      <c r="F20818" s="7">
        <v>38657</v>
      </c>
      <c r="G20818" s="8">
        <v>1</v>
      </c>
      <c r="H20818" s="8">
        <v>1</v>
      </c>
      <c r="I20818" s="8">
        <v>0</v>
      </c>
      <c r="J20818" s="8">
        <v>1</v>
      </c>
      <c r="K20818" s="9">
        <v>16</v>
      </c>
      <c r="L20818" s="6" t="s">
        <v>4151</v>
      </c>
    </row>
    <row r="20819" spans="1:12">
      <c r="A20819" s="6" t="s">
        <v>4151</v>
      </c>
      <c r="B20819" s="6"/>
      <c r="C20819" s="6" t="s">
        <v>20855</v>
      </c>
      <c r="D20819" s="6"/>
      <c r="E20819" s="6" t="s">
        <v>9</v>
      </c>
      <c r="F20819" s="7">
        <v>38657</v>
      </c>
      <c r="G20819" s="8">
        <v>1</v>
      </c>
      <c r="H20819" s="8">
        <v>1</v>
      </c>
      <c r="I20819" s="8">
        <v>0</v>
      </c>
      <c r="J20819" s="8">
        <v>1</v>
      </c>
      <c r="K20819" s="9">
        <v>49</v>
      </c>
      <c r="L20819" s="6" t="s">
        <v>4151</v>
      </c>
    </row>
    <row r="20820" spans="1:12">
      <c r="A20820" s="6" t="s">
        <v>4151</v>
      </c>
      <c r="B20820" s="6"/>
      <c r="C20820" s="6" t="s">
        <v>20856</v>
      </c>
      <c r="D20820" s="6"/>
      <c r="E20820" s="6" t="s">
        <v>9</v>
      </c>
      <c r="F20820" s="7">
        <v>38657</v>
      </c>
      <c r="G20820" s="8">
        <v>1</v>
      </c>
      <c r="H20820" s="8">
        <v>1</v>
      </c>
      <c r="I20820" s="8">
        <v>0</v>
      </c>
      <c r="J20820" s="8">
        <v>1</v>
      </c>
      <c r="K20820" s="9">
        <v>35</v>
      </c>
      <c r="L20820" s="6" t="s">
        <v>4151</v>
      </c>
    </row>
    <row r="20821" spans="1:12">
      <c r="A20821" s="6" t="s">
        <v>4151</v>
      </c>
      <c r="B20821" s="6"/>
      <c r="C20821" s="6" t="s">
        <v>20857</v>
      </c>
      <c r="D20821" s="6"/>
      <c r="E20821" s="6" t="s">
        <v>9</v>
      </c>
      <c r="F20821" s="7">
        <v>38657</v>
      </c>
      <c r="G20821" s="8">
        <v>1</v>
      </c>
      <c r="H20821" s="8">
        <v>1</v>
      </c>
      <c r="I20821" s="8">
        <v>0</v>
      </c>
      <c r="J20821" s="8">
        <v>1</v>
      </c>
      <c r="K20821" s="9">
        <v>10</v>
      </c>
      <c r="L20821" s="6" t="s">
        <v>4151</v>
      </c>
    </row>
    <row r="20822" spans="1:12">
      <c r="A20822" s="6" t="s">
        <v>4151</v>
      </c>
      <c r="B20822" s="6"/>
      <c r="C20822" s="6" t="s">
        <v>20858</v>
      </c>
      <c r="D20822" s="6"/>
      <c r="E20822" s="6" t="s">
        <v>9</v>
      </c>
      <c r="F20822" s="7">
        <v>38657</v>
      </c>
      <c r="G20822" s="8">
        <v>1</v>
      </c>
      <c r="H20822" s="8">
        <v>1</v>
      </c>
      <c r="I20822" s="8">
        <v>0</v>
      </c>
      <c r="J20822" s="8">
        <v>1</v>
      </c>
      <c r="K20822" s="9">
        <v>9.91</v>
      </c>
      <c r="L20822" s="6" t="s">
        <v>4151</v>
      </c>
    </row>
    <row r="20823" spans="1:12">
      <c r="A20823" s="6" t="s">
        <v>4151</v>
      </c>
      <c r="B20823" s="6"/>
      <c r="C20823" s="6" t="s">
        <v>20859</v>
      </c>
      <c r="D20823" s="6"/>
      <c r="E20823" s="6" t="s">
        <v>9</v>
      </c>
      <c r="F20823" s="7">
        <v>40994</v>
      </c>
      <c r="G20823" s="8">
        <v>1</v>
      </c>
      <c r="H20823" s="8">
        <v>1</v>
      </c>
      <c r="I20823" s="8">
        <v>0</v>
      </c>
      <c r="J20823" s="8">
        <v>1</v>
      </c>
      <c r="K20823" s="9">
        <v>6.54</v>
      </c>
      <c r="L20823" s="6" t="s">
        <v>4151</v>
      </c>
    </row>
    <row r="20824" spans="1:12">
      <c r="A20824" s="6" t="s">
        <v>4151</v>
      </c>
      <c r="B20824" s="6"/>
      <c r="C20824" s="6" t="s">
        <v>20860</v>
      </c>
      <c r="D20824" s="6"/>
      <c r="E20824" s="6" t="s">
        <v>9</v>
      </c>
      <c r="F20824" s="7">
        <v>38657</v>
      </c>
      <c r="G20824" s="8">
        <v>1</v>
      </c>
      <c r="H20824" s="8">
        <v>1</v>
      </c>
      <c r="I20824" s="8">
        <v>0</v>
      </c>
      <c r="J20824" s="8">
        <v>1</v>
      </c>
      <c r="K20824" s="9">
        <v>1.58</v>
      </c>
      <c r="L20824" s="6" t="s">
        <v>4151</v>
      </c>
    </row>
    <row r="20825" spans="1:12">
      <c r="A20825" s="6" t="s">
        <v>4151</v>
      </c>
      <c r="B20825" s="6"/>
      <c r="C20825" s="6" t="s">
        <v>20861</v>
      </c>
      <c r="D20825" s="6"/>
      <c r="E20825" s="6" t="s">
        <v>9</v>
      </c>
      <c r="F20825" s="7">
        <v>38657</v>
      </c>
      <c r="G20825" s="8">
        <v>1</v>
      </c>
      <c r="H20825" s="8">
        <v>1</v>
      </c>
      <c r="I20825" s="8">
        <v>0</v>
      </c>
      <c r="J20825" s="8">
        <v>1</v>
      </c>
      <c r="K20825" s="9">
        <v>1.59</v>
      </c>
      <c r="L20825" s="6" t="s">
        <v>4151</v>
      </c>
    </row>
    <row r="20826" spans="1:12">
      <c r="A20826" s="6" t="s">
        <v>4151</v>
      </c>
      <c r="B20826" s="6"/>
      <c r="C20826" s="6" t="s">
        <v>20862</v>
      </c>
      <c r="D20826" s="6"/>
      <c r="E20826" s="6" t="s">
        <v>9</v>
      </c>
      <c r="F20826" s="7">
        <v>38657</v>
      </c>
      <c r="G20826" s="8">
        <v>1</v>
      </c>
      <c r="H20826" s="8">
        <v>1</v>
      </c>
      <c r="I20826" s="8">
        <v>0</v>
      </c>
      <c r="J20826" s="8">
        <v>1</v>
      </c>
      <c r="K20826" s="9">
        <v>4.1100000000000003</v>
      </c>
      <c r="L20826" s="6" t="s">
        <v>4151</v>
      </c>
    </row>
    <row r="20827" spans="1:12">
      <c r="A20827" s="6" t="s">
        <v>4151</v>
      </c>
      <c r="B20827" s="6"/>
      <c r="C20827" s="6" t="s">
        <v>20863</v>
      </c>
      <c r="D20827" s="6"/>
      <c r="E20827" s="6" t="s">
        <v>9</v>
      </c>
      <c r="F20827" s="7">
        <v>38657</v>
      </c>
      <c r="G20827" s="8">
        <v>1</v>
      </c>
      <c r="H20827" s="8">
        <v>1</v>
      </c>
      <c r="I20827" s="8">
        <v>0</v>
      </c>
      <c r="J20827" s="8">
        <v>1</v>
      </c>
      <c r="K20827" s="9">
        <v>9.77</v>
      </c>
      <c r="L20827" s="6" t="s">
        <v>4151</v>
      </c>
    </row>
    <row r="20828" spans="1:12">
      <c r="A20828" s="6" t="s">
        <v>4151</v>
      </c>
      <c r="B20828" s="6"/>
      <c r="C20828" s="6" t="s">
        <v>20864</v>
      </c>
      <c r="D20828" s="6"/>
      <c r="E20828" s="6" t="s">
        <v>9</v>
      </c>
      <c r="F20828" s="7">
        <v>38657</v>
      </c>
      <c r="G20828" s="8">
        <v>1</v>
      </c>
      <c r="H20828" s="8">
        <v>1</v>
      </c>
      <c r="I20828" s="8">
        <v>0</v>
      </c>
      <c r="J20828" s="8">
        <v>1</v>
      </c>
      <c r="K20828" s="9">
        <v>0.89</v>
      </c>
      <c r="L20828" s="6" t="s">
        <v>4151</v>
      </c>
    </row>
    <row r="20829" spans="1:12">
      <c r="A20829" s="6" t="s">
        <v>4151</v>
      </c>
      <c r="B20829" s="6"/>
      <c r="C20829" s="6" t="s">
        <v>20865</v>
      </c>
      <c r="D20829" s="6"/>
      <c r="E20829" s="6" t="s">
        <v>9</v>
      </c>
      <c r="F20829" s="7">
        <v>38657</v>
      </c>
      <c r="G20829" s="8">
        <v>1</v>
      </c>
      <c r="H20829" s="8">
        <v>1</v>
      </c>
      <c r="I20829" s="8">
        <v>0</v>
      </c>
      <c r="J20829" s="8">
        <v>1</v>
      </c>
      <c r="K20829" s="9">
        <v>21</v>
      </c>
      <c r="L20829" s="6" t="s">
        <v>4151</v>
      </c>
    </row>
    <row r="20830" spans="1:12">
      <c r="A20830" s="6" t="s">
        <v>4151</v>
      </c>
      <c r="B20830" s="6"/>
      <c r="C20830" s="6" t="s">
        <v>20866</v>
      </c>
      <c r="D20830" s="6"/>
      <c r="E20830" s="6" t="s">
        <v>9</v>
      </c>
      <c r="F20830" s="7">
        <v>38657</v>
      </c>
      <c r="G20830" s="8">
        <v>1</v>
      </c>
      <c r="H20830" s="8">
        <v>1</v>
      </c>
      <c r="I20830" s="8">
        <v>0</v>
      </c>
      <c r="J20830" s="8">
        <v>1</v>
      </c>
      <c r="K20830" s="9">
        <v>31</v>
      </c>
      <c r="L20830" s="6" t="s">
        <v>4151</v>
      </c>
    </row>
    <row r="20831" spans="1:12">
      <c r="A20831" s="6" t="s">
        <v>4151</v>
      </c>
      <c r="B20831" s="6"/>
      <c r="C20831" s="6" t="s">
        <v>20867</v>
      </c>
      <c r="D20831" s="6"/>
      <c r="E20831" s="6" t="s">
        <v>9</v>
      </c>
      <c r="F20831" s="7">
        <v>38657</v>
      </c>
      <c r="G20831" s="8">
        <v>1</v>
      </c>
      <c r="H20831" s="8">
        <v>1</v>
      </c>
      <c r="I20831" s="8">
        <v>0</v>
      </c>
      <c r="J20831" s="8">
        <v>1</v>
      </c>
      <c r="K20831" s="9">
        <v>4.5</v>
      </c>
      <c r="L20831" s="6" t="s">
        <v>4151</v>
      </c>
    </row>
    <row r="20832" spans="1:12">
      <c r="A20832" s="6" t="s">
        <v>4151</v>
      </c>
      <c r="B20832" s="6"/>
      <c r="C20832" s="6" t="s">
        <v>20868</v>
      </c>
      <c r="D20832" s="6"/>
      <c r="E20832" s="6" t="s">
        <v>9</v>
      </c>
      <c r="F20832" s="7">
        <v>38657</v>
      </c>
      <c r="G20832" s="8">
        <v>1</v>
      </c>
      <c r="H20832" s="8">
        <v>1</v>
      </c>
      <c r="I20832" s="8">
        <v>0</v>
      </c>
      <c r="J20832" s="8">
        <v>1</v>
      </c>
      <c r="K20832" s="9">
        <v>11</v>
      </c>
      <c r="L20832" s="6" t="s">
        <v>4151</v>
      </c>
    </row>
    <row r="20833" spans="1:12">
      <c r="A20833" s="6" t="s">
        <v>4151</v>
      </c>
      <c r="B20833" s="6"/>
      <c r="C20833" s="6" t="s">
        <v>20869</v>
      </c>
      <c r="D20833" s="6"/>
      <c r="E20833" s="6" t="s">
        <v>9</v>
      </c>
      <c r="F20833" s="7">
        <v>38657</v>
      </c>
      <c r="G20833" s="8">
        <v>1</v>
      </c>
      <c r="H20833" s="8">
        <v>1</v>
      </c>
      <c r="I20833" s="8">
        <v>0</v>
      </c>
      <c r="J20833" s="8">
        <v>1</v>
      </c>
      <c r="K20833" s="9">
        <v>34</v>
      </c>
      <c r="L20833" s="6" t="s">
        <v>4151</v>
      </c>
    </row>
    <row r="20834" spans="1:12">
      <c r="A20834" s="6" t="s">
        <v>4151</v>
      </c>
      <c r="B20834" s="6"/>
      <c r="C20834" s="6" t="s">
        <v>20870</v>
      </c>
      <c r="D20834" s="6"/>
      <c r="E20834" s="6" t="s">
        <v>9</v>
      </c>
      <c r="F20834" s="7">
        <v>38657</v>
      </c>
      <c r="G20834" s="8">
        <v>1</v>
      </c>
      <c r="H20834" s="8">
        <v>1</v>
      </c>
      <c r="I20834" s="8">
        <v>0</v>
      </c>
      <c r="J20834" s="8">
        <v>1</v>
      </c>
      <c r="K20834" s="9">
        <v>10</v>
      </c>
      <c r="L20834" s="6" t="s">
        <v>4151</v>
      </c>
    </row>
    <row r="20835" spans="1:12">
      <c r="A20835" s="6" t="s">
        <v>4151</v>
      </c>
      <c r="B20835" s="6"/>
      <c r="C20835" s="6" t="s">
        <v>20871</v>
      </c>
      <c r="D20835" s="6"/>
      <c r="E20835" s="6" t="s">
        <v>9</v>
      </c>
      <c r="F20835" s="7">
        <v>38657</v>
      </c>
      <c r="G20835" s="8">
        <v>1</v>
      </c>
      <c r="H20835" s="8">
        <v>1</v>
      </c>
      <c r="I20835" s="8">
        <v>0</v>
      </c>
      <c r="J20835" s="8">
        <v>1</v>
      </c>
      <c r="K20835" s="9">
        <v>40</v>
      </c>
      <c r="L20835" s="6" t="s">
        <v>4151</v>
      </c>
    </row>
    <row r="20836" spans="1:12">
      <c r="A20836" s="6" t="s">
        <v>4151</v>
      </c>
      <c r="B20836" s="6"/>
      <c r="C20836" s="6" t="s">
        <v>20872</v>
      </c>
      <c r="D20836" s="6"/>
      <c r="E20836" s="6" t="s">
        <v>9</v>
      </c>
      <c r="F20836" s="7">
        <v>38657</v>
      </c>
      <c r="G20836" s="8">
        <v>1</v>
      </c>
      <c r="H20836" s="8">
        <v>1</v>
      </c>
      <c r="I20836" s="8">
        <v>0</v>
      </c>
      <c r="J20836" s="8">
        <v>1</v>
      </c>
      <c r="K20836" s="9">
        <v>9.9</v>
      </c>
      <c r="L20836" s="6" t="s">
        <v>4151</v>
      </c>
    </row>
    <row r="20837" spans="1:12">
      <c r="A20837" s="6" t="s">
        <v>4151</v>
      </c>
      <c r="B20837" s="6"/>
      <c r="C20837" s="6" t="s">
        <v>20873</v>
      </c>
      <c r="D20837" s="6"/>
      <c r="E20837" s="6" t="s">
        <v>9</v>
      </c>
      <c r="F20837" s="7">
        <v>38657</v>
      </c>
      <c r="G20837" s="8">
        <v>1</v>
      </c>
      <c r="H20837" s="8">
        <v>1</v>
      </c>
      <c r="I20837" s="8">
        <v>0</v>
      </c>
      <c r="J20837" s="8">
        <v>1</v>
      </c>
      <c r="K20837" s="9">
        <v>42</v>
      </c>
      <c r="L20837" s="6" t="s">
        <v>4151</v>
      </c>
    </row>
    <row r="20838" spans="1:12">
      <c r="A20838" s="6" t="s">
        <v>4151</v>
      </c>
      <c r="B20838" s="6"/>
      <c r="C20838" s="6" t="s">
        <v>20874</v>
      </c>
      <c r="D20838" s="6"/>
      <c r="E20838" s="6" t="s">
        <v>9</v>
      </c>
      <c r="F20838" s="7">
        <v>38657</v>
      </c>
      <c r="G20838" s="8">
        <v>1</v>
      </c>
      <c r="H20838" s="8">
        <v>1</v>
      </c>
      <c r="I20838" s="8">
        <v>0</v>
      </c>
      <c r="J20838" s="8">
        <v>1</v>
      </c>
      <c r="K20838" s="9">
        <v>41</v>
      </c>
      <c r="L20838" s="6" t="s">
        <v>4151</v>
      </c>
    </row>
    <row r="20839" spans="1:12">
      <c r="A20839" s="6" t="s">
        <v>4151</v>
      </c>
      <c r="B20839" s="6"/>
      <c r="C20839" s="6" t="s">
        <v>20875</v>
      </c>
      <c r="D20839" s="6"/>
      <c r="E20839" s="6" t="s">
        <v>9</v>
      </c>
      <c r="F20839" s="7">
        <v>38657</v>
      </c>
      <c r="G20839" s="8">
        <v>1</v>
      </c>
      <c r="H20839" s="8">
        <v>1</v>
      </c>
      <c r="I20839" s="8">
        <v>0</v>
      </c>
      <c r="J20839" s="8">
        <v>1</v>
      </c>
      <c r="K20839" s="9">
        <v>40</v>
      </c>
      <c r="L20839" s="6" t="s">
        <v>4151</v>
      </c>
    </row>
    <row r="20840" spans="1:12">
      <c r="A20840" s="6" t="s">
        <v>4151</v>
      </c>
      <c r="B20840" s="6"/>
      <c r="C20840" s="6" t="s">
        <v>20876</v>
      </c>
      <c r="D20840" s="6"/>
      <c r="E20840" s="6" t="s">
        <v>9</v>
      </c>
      <c r="F20840" s="7">
        <v>38657</v>
      </c>
      <c r="G20840" s="8">
        <v>1</v>
      </c>
      <c r="H20840" s="8">
        <v>1</v>
      </c>
      <c r="I20840" s="8">
        <v>0</v>
      </c>
      <c r="J20840" s="8">
        <v>1</v>
      </c>
      <c r="K20840" s="9">
        <v>39</v>
      </c>
      <c r="L20840" s="6" t="s">
        <v>4151</v>
      </c>
    </row>
    <row r="20841" spans="1:12">
      <c r="A20841" s="6" t="s">
        <v>4151</v>
      </c>
      <c r="B20841" s="6"/>
      <c r="C20841" s="6" t="s">
        <v>20877</v>
      </c>
      <c r="D20841" s="6"/>
      <c r="E20841" s="6" t="s">
        <v>9</v>
      </c>
      <c r="F20841" s="7">
        <v>38657</v>
      </c>
      <c r="G20841" s="8">
        <v>1</v>
      </c>
      <c r="H20841" s="8">
        <v>1</v>
      </c>
      <c r="I20841" s="8">
        <v>0</v>
      </c>
      <c r="J20841" s="8">
        <v>1</v>
      </c>
      <c r="K20841" s="9">
        <v>14.99</v>
      </c>
      <c r="L20841" s="6" t="s">
        <v>4151</v>
      </c>
    </row>
    <row r="20842" spans="1:12">
      <c r="A20842" s="6" t="s">
        <v>4151</v>
      </c>
      <c r="B20842" s="6"/>
      <c r="C20842" s="6" t="s">
        <v>20878</v>
      </c>
      <c r="D20842" s="6"/>
      <c r="E20842" s="6" t="s">
        <v>9</v>
      </c>
      <c r="F20842" s="7">
        <v>38657</v>
      </c>
      <c r="G20842" s="8">
        <v>1</v>
      </c>
      <c r="H20842" s="8">
        <v>1</v>
      </c>
      <c r="I20842" s="8">
        <v>0</v>
      </c>
      <c r="J20842" s="8">
        <v>1</v>
      </c>
      <c r="K20842" s="9">
        <v>30</v>
      </c>
      <c r="L20842" s="6" t="s">
        <v>4151</v>
      </c>
    </row>
    <row r="20843" spans="1:12">
      <c r="A20843" s="6" t="s">
        <v>4151</v>
      </c>
      <c r="B20843" s="6"/>
      <c r="C20843" s="6" t="s">
        <v>20879</v>
      </c>
      <c r="D20843" s="6"/>
      <c r="E20843" s="6" t="s">
        <v>9</v>
      </c>
      <c r="F20843" s="7">
        <v>38657</v>
      </c>
      <c r="G20843" s="8">
        <v>1</v>
      </c>
      <c r="H20843" s="8">
        <v>1</v>
      </c>
      <c r="I20843" s="8">
        <v>0</v>
      </c>
      <c r="J20843" s="8">
        <v>1</v>
      </c>
      <c r="K20843" s="9">
        <v>36</v>
      </c>
      <c r="L20843" s="6" t="s">
        <v>4151</v>
      </c>
    </row>
    <row r="20844" spans="1:12">
      <c r="A20844" s="6" t="s">
        <v>4151</v>
      </c>
      <c r="B20844" s="6"/>
      <c r="C20844" s="6" t="s">
        <v>20880</v>
      </c>
      <c r="D20844" s="6"/>
      <c r="E20844" s="6" t="s">
        <v>9</v>
      </c>
      <c r="F20844" s="7">
        <v>38657</v>
      </c>
      <c r="G20844" s="8">
        <v>1</v>
      </c>
      <c r="H20844" s="8">
        <v>1</v>
      </c>
      <c r="I20844" s="8">
        <v>0</v>
      </c>
      <c r="J20844" s="8">
        <v>1</v>
      </c>
      <c r="K20844" s="9">
        <v>18</v>
      </c>
      <c r="L20844" s="6" t="s">
        <v>4151</v>
      </c>
    </row>
    <row r="20845" spans="1:12">
      <c r="A20845" s="6" t="s">
        <v>4151</v>
      </c>
      <c r="B20845" s="6"/>
      <c r="C20845" s="6" t="s">
        <v>20881</v>
      </c>
      <c r="D20845" s="6"/>
      <c r="E20845" s="6" t="s">
        <v>9</v>
      </c>
      <c r="F20845" s="7">
        <v>38657</v>
      </c>
      <c r="G20845" s="8">
        <v>1</v>
      </c>
      <c r="H20845" s="8">
        <v>1</v>
      </c>
      <c r="I20845" s="8">
        <v>0</v>
      </c>
      <c r="J20845" s="8">
        <v>1</v>
      </c>
      <c r="K20845" s="9">
        <v>4.1900000000000004</v>
      </c>
      <c r="L20845" s="6" t="s">
        <v>4151</v>
      </c>
    </row>
    <row r="20846" spans="1:12">
      <c r="A20846" s="6" t="s">
        <v>4151</v>
      </c>
      <c r="B20846" s="6"/>
      <c r="C20846" s="6" t="s">
        <v>20882</v>
      </c>
      <c r="D20846" s="6"/>
      <c r="E20846" s="6" t="s">
        <v>9</v>
      </c>
      <c r="F20846" s="7">
        <v>38657</v>
      </c>
      <c r="G20846" s="8">
        <v>1</v>
      </c>
      <c r="H20846" s="8">
        <v>1</v>
      </c>
      <c r="I20846" s="8">
        <v>0</v>
      </c>
      <c r="J20846" s="8">
        <v>1</v>
      </c>
      <c r="K20846" s="9">
        <v>6.94</v>
      </c>
      <c r="L20846" s="6" t="s">
        <v>4151</v>
      </c>
    </row>
    <row r="20847" spans="1:12">
      <c r="A20847" s="6" t="s">
        <v>4151</v>
      </c>
      <c r="B20847" s="6"/>
      <c r="C20847" s="6" t="s">
        <v>20883</v>
      </c>
      <c r="D20847" s="6"/>
      <c r="E20847" s="6" t="s">
        <v>9</v>
      </c>
      <c r="F20847" s="7">
        <v>38657</v>
      </c>
      <c r="G20847" s="8">
        <v>1</v>
      </c>
      <c r="H20847" s="8">
        <v>1</v>
      </c>
      <c r="I20847" s="8">
        <v>0</v>
      </c>
      <c r="J20847" s="8">
        <v>1</v>
      </c>
      <c r="K20847" s="9">
        <v>18</v>
      </c>
      <c r="L20847" s="6" t="s">
        <v>4151</v>
      </c>
    </row>
    <row r="20848" spans="1:12">
      <c r="A20848" s="6" t="s">
        <v>4151</v>
      </c>
      <c r="B20848" s="6"/>
      <c r="C20848" s="6" t="s">
        <v>20884</v>
      </c>
      <c r="D20848" s="6"/>
      <c r="E20848" s="6" t="s">
        <v>9</v>
      </c>
      <c r="F20848" s="7">
        <v>38657</v>
      </c>
      <c r="G20848" s="8">
        <v>1</v>
      </c>
      <c r="H20848" s="8">
        <v>1</v>
      </c>
      <c r="I20848" s="8">
        <v>0</v>
      </c>
      <c r="J20848" s="8">
        <v>1</v>
      </c>
      <c r="K20848" s="9">
        <v>7.48</v>
      </c>
      <c r="L20848" s="6" t="s">
        <v>4151</v>
      </c>
    </row>
    <row r="20849" spans="1:12">
      <c r="A20849" s="6" t="s">
        <v>4151</v>
      </c>
      <c r="B20849" s="6"/>
      <c r="C20849" s="6" t="s">
        <v>20885</v>
      </c>
      <c r="D20849" s="6"/>
      <c r="E20849" s="6" t="s">
        <v>9</v>
      </c>
      <c r="F20849" s="7">
        <v>38657</v>
      </c>
      <c r="G20849" s="8">
        <v>1</v>
      </c>
      <c r="H20849" s="8">
        <v>1</v>
      </c>
      <c r="I20849" s="8">
        <v>0</v>
      </c>
      <c r="J20849" s="8">
        <v>1</v>
      </c>
      <c r="K20849" s="9">
        <v>0.56999999999999895</v>
      </c>
      <c r="L20849" s="6" t="s">
        <v>4151</v>
      </c>
    </row>
    <row r="20850" spans="1:12">
      <c r="A20850" s="6" t="s">
        <v>4151</v>
      </c>
      <c r="B20850" s="6"/>
      <c r="C20850" s="6" t="s">
        <v>20886</v>
      </c>
      <c r="D20850" s="6"/>
      <c r="E20850" s="6" t="s">
        <v>9</v>
      </c>
      <c r="F20850" s="7">
        <v>38657</v>
      </c>
      <c r="G20850" s="8">
        <v>1</v>
      </c>
      <c r="H20850" s="8">
        <v>1</v>
      </c>
      <c r="I20850" s="8">
        <v>0</v>
      </c>
      <c r="J20850" s="8">
        <v>1</v>
      </c>
      <c r="K20850" s="9">
        <v>19</v>
      </c>
      <c r="L20850" s="6" t="s">
        <v>4151</v>
      </c>
    </row>
    <row r="20851" spans="1:12">
      <c r="A20851" s="6" t="s">
        <v>4151</v>
      </c>
      <c r="B20851" s="6"/>
      <c r="C20851" s="6" t="s">
        <v>20887</v>
      </c>
      <c r="D20851" s="6"/>
      <c r="E20851" s="6" t="s">
        <v>9</v>
      </c>
      <c r="F20851" s="7">
        <v>38657</v>
      </c>
      <c r="G20851" s="8">
        <v>1</v>
      </c>
      <c r="H20851" s="8">
        <v>1</v>
      </c>
      <c r="I20851" s="8">
        <v>0</v>
      </c>
      <c r="J20851" s="8">
        <v>1</v>
      </c>
      <c r="K20851" s="9">
        <v>15</v>
      </c>
      <c r="L20851" s="6" t="s">
        <v>4151</v>
      </c>
    </row>
    <row r="20852" spans="1:12">
      <c r="A20852" s="6" t="s">
        <v>4151</v>
      </c>
      <c r="B20852" s="6"/>
      <c r="C20852" s="6" t="s">
        <v>20888</v>
      </c>
      <c r="D20852" s="6"/>
      <c r="E20852" s="6" t="s">
        <v>9</v>
      </c>
      <c r="F20852" s="7">
        <v>38657</v>
      </c>
      <c r="G20852" s="8">
        <v>1</v>
      </c>
      <c r="H20852" s="8">
        <v>1</v>
      </c>
      <c r="I20852" s="8">
        <v>0</v>
      </c>
      <c r="J20852" s="8">
        <v>1</v>
      </c>
      <c r="K20852" s="9">
        <v>24</v>
      </c>
      <c r="L20852" s="6" t="s">
        <v>4151</v>
      </c>
    </row>
    <row r="20853" spans="1:12">
      <c r="A20853" s="6" t="s">
        <v>4151</v>
      </c>
      <c r="B20853" s="6"/>
      <c r="C20853" s="6" t="s">
        <v>20889</v>
      </c>
      <c r="D20853" s="6"/>
      <c r="E20853" s="6" t="s">
        <v>9</v>
      </c>
      <c r="F20853" s="7">
        <v>38657</v>
      </c>
      <c r="G20853" s="8">
        <v>1</v>
      </c>
      <c r="H20853" s="8">
        <v>1</v>
      </c>
      <c r="I20853" s="8">
        <v>0</v>
      </c>
      <c r="J20853" s="8">
        <v>1</v>
      </c>
      <c r="K20853" s="9">
        <v>30</v>
      </c>
      <c r="L20853" s="6" t="s">
        <v>4151</v>
      </c>
    </row>
    <row r="20854" spans="1:12">
      <c r="A20854" s="6" t="s">
        <v>4151</v>
      </c>
      <c r="B20854" s="6"/>
      <c r="C20854" s="6" t="s">
        <v>20890</v>
      </c>
      <c r="D20854" s="6"/>
      <c r="E20854" s="6" t="s">
        <v>9</v>
      </c>
      <c r="F20854" s="7">
        <v>38657</v>
      </c>
      <c r="G20854" s="8">
        <v>1</v>
      </c>
      <c r="H20854" s="8">
        <v>1</v>
      </c>
      <c r="I20854" s="8">
        <v>0</v>
      </c>
      <c r="J20854" s="8">
        <v>1</v>
      </c>
      <c r="K20854" s="9">
        <v>13</v>
      </c>
      <c r="L20854" s="6" t="s">
        <v>4151</v>
      </c>
    </row>
    <row r="20855" spans="1:12">
      <c r="A20855" s="6" t="s">
        <v>4151</v>
      </c>
      <c r="B20855" s="6"/>
      <c r="C20855" s="6" t="s">
        <v>20891</v>
      </c>
      <c r="D20855" s="6"/>
      <c r="E20855" s="6" t="s">
        <v>9</v>
      </c>
      <c r="F20855" s="7">
        <v>38657</v>
      </c>
      <c r="G20855" s="8">
        <v>1</v>
      </c>
      <c r="H20855" s="8">
        <v>1</v>
      </c>
      <c r="I20855" s="8">
        <v>0</v>
      </c>
      <c r="J20855" s="8">
        <v>1</v>
      </c>
      <c r="K20855" s="9">
        <v>17</v>
      </c>
      <c r="L20855" s="6" t="s">
        <v>4151</v>
      </c>
    </row>
    <row r="20856" spans="1:12">
      <c r="A20856" s="6" t="s">
        <v>4151</v>
      </c>
      <c r="B20856" s="6"/>
      <c r="C20856" s="6" t="s">
        <v>20892</v>
      </c>
      <c r="D20856" s="6"/>
      <c r="E20856" s="6" t="s">
        <v>9</v>
      </c>
      <c r="F20856" s="7">
        <v>38657</v>
      </c>
      <c r="G20856" s="8">
        <v>1</v>
      </c>
      <c r="H20856" s="8">
        <v>1</v>
      </c>
      <c r="I20856" s="8">
        <v>0</v>
      </c>
      <c r="J20856" s="8">
        <v>1</v>
      </c>
      <c r="K20856" s="9">
        <v>12</v>
      </c>
      <c r="L20856" s="6" t="s">
        <v>4151</v>
      </c>
    </row>
    <row r="20857" spans="1:12">
      <c r="A20857" s="6" t="s">
        <v>4151</v>
      </c>
      <c r="B20857" s="6"/>
      <c r="C20857" s="6" t="s">
        <v>20893</v>
      </c>
      <c r="D20857" s="6"/>
      <c r="E20857" s="6" t="s">
        <v>9</v>
      </c>
      <c r="F20857" s="7">
        <v>38657</v>
      </c>
      <c r="G20857" s="8">
        <v>1</v>
      </c>
      <c r="H20857" s="8">
        <v>1</v>
      </c>
      <c r="I20857" s="8">
        <v>0</v>
      </c>
      <c r="J20857" s="8">
        <v>1</v>
      </c>
      <c r="K20857" s="9">
        <v>29</v>
      </c>
      <c r="L20857" s="6" t="s">
        <v>4151</v>
      </c>
    </row>
    <row r="20858" spans="1:12">
      <c r="A20858" s="6" t="s">
        <v>4151</v>
      </c>
      <c r="B20858" s="6"/>
      <c r="C20858" s="6" t="s">
        <v>20894</v>
      </c>
      <c r="D20858" s="6"/>
      <c r="E20858" s="6" t="s">
        <v>9</v>
      </c>
      <c r="F20858" s="7">
        <v>38657</v>
      </c>
      <c r="G20858" s="8">
        <v>1</v>
      </c>
      <c r="H20858" s="8">
        <v>1</v>
      </c>
      <c r="I20858" s="8">
        <v>0</v>
      </c>
      <c r="J20858" s="8">
        <v>1</v>
      </c>
      <c r="K20858" s="9">
        <v>8.01</v>
      </c>
      <c r="L20858" s="6" t="s">
        <v>4151</v>
      </c>
    </row>
    <row r="20859" spans="1:12">
      <c r="A20859" s="6" t="s">
        <v>4151</v>
      </c>
      <c r="B20859" s="6"/>
      <c r="C20859" s="6" t="s">
        <v>20895</v>
      </c>
      <c r="D20859" s="6"/>
      <c r="E20859" s="6" t="s">
        <v>9</v>
      </c>
      <c r="F20859" s="7">
        <v>38657</v>
      </c>
      <c r="G20859" s="8">
        <v>1</v>
      </c>
      <c r="H20859" s="8">
        <v>1</v>
      </c>
      <c r="I20859" s="8">
        <v>0</v>
      </c>
      <c r="J20859" s="8">
        <v>1</v>
      </c>
      <c r="K20859" s="9">
        <v>17</v>
      </c>
      <c r="L20859" s="6" t="s">
        <v>4151</v>
      </c>
    </row>
    <row r="20860" spans="1:12">
      <c r="A20860" s="6" t="s">
        <v>4151</v>
      </c>
      <c r="B20860" s="6"/>
      <c r="C20860" s="6" t="s">
        <v>20896</v>
      </c>
      <c r="D20860" s="6"/>
      <c r="E20860" s="6" t="s">
        <v>9</v>
      </c>
      <c r="F20860" s="7">
        <v>38657</v>
      </c>
      <c r="G20860" s="8">
        <v>1</v>
      </c>
      <c r="H20860" s="8">
        <v>1</v>
      </c>
      <c r="I20860" s="8">
        <v>0</v>
      </c>
      <c r="J20860" s="8">
        <v>1</v>
      </c>
      <c r="K20860" s="9">
        <v>19</v>
      </c>
      <c r="L20860" s="6" t="s">
        <v>4151</v>
      </c>
    </row>
    <row r="20861" spans="1:12">
      <c r="A20861" s="6" t="s">
        <v>4151</v>
      </c>
      <c r="B20861" s="6"/>
      <c r="C20861" s="6" t="s">
        <v>20897</v>
      </c>
      <c r="D20861" s="6"/>
      <c r="E20861" s="6" t="s">
        <v>9</v>
      </c>
      <c r="F20861" s="7">
        <v>38657</v>
      </c>
      <c r="G20861" s="8">
        <v>1</v>
      </c>
      <c r="H20861" s="8">
        <v>1</v>
      </c>
      <c r="I20861" s="8">
        <v>0</v>
      </c>
      <c r="J20861" s="8">
        <v>1</v>
      </c>
      <c r="K20861" s="9">
        <v>10</v>
      </c>
      <c r="L20861" s="6" t="s">
        <v>4151</v>
      </c>
    </row>
    <row r="20862" spans="1:12">
      <c r="A20862" s="6" t="s">
        <v>4151</v>
      </c>
      <c r="B20862" s="6"/>
      <c r="C20862" s="6" t="s">
        <v>20898</v>
      </c>
      <c r="D20862" s="6"/>
      <c r="E20862" s="6" t="s">
        <v>9</v>
      </c>
      <c r="F20862" s="7">
        <v>38657</v>
      </c>
      <c r="G20862" s="8">
        <v>1</v>
      </c>
      <c r="H20862" s="8">
        <v>1</v>
      </c>
      <c r="I20862" s="8">
        <v>0</v>
      </c>
      <c r="J20862" s="8">
        <v>1</v>
      </c>
      <c r="K20862" s="9">
        <v>7.14</v>
      </c>
      <c r="L20862" s="6" t="s">
        <v>4151</v>
      </c>
    </row>
    <row r="20863" spans="1:12">
      <c r="A20863" s="6" t="s">
        <v>4151</v>
      </c>
      <c r="B20863" s="6"/>
      <c r="C20863" s="6" t="s">
        <v>20899</v>
      </c>
      <c r="D20863" s="6"/>
      <c r="E20863" s="6" t="s">
        <v>9</v>
      </c>
      <c r="F20863" s="7">
        <v>38657</v>
      </c>
      <c r="G20863" s="8">
        <v>1</v>
      </c>
      <c r="H20863" s="8">
        <v>1</v>
      </c>
      <c r="I20863" s="8">
        <v>0</v>
      </c>
      <c r="J20863" s="8">
        <v>1</v>
      </c>
      <c r="K20863" s="9">
        <v>0.53</v>
      </c>
      <c r="L20863" s="6" t="s">
        <v>4151</v>
      </c>
    </row>
    <row r="20864" spans="1:12">
      <c r="A20864" s="6" t="s">
        <v>4151</v>
      </c>
      <c r="B20864" s="6"/>
      <c r="C20864" s="6" t="s">
        <v>20900</v>
      </c>
      <c r="D20864" s="6"/>
      <c r="E20864" s="6" t="s">
        <v>9</v>
      </c>
      <c r="F20864" s="7">
        <v>38657</v>
      </c>
      <c r="G20864" s="8">
        <v>1</v>
      </c>
      <c r="H20864" s="8">
        <v>1</v>
      </c>
      <c r="I20864" s="8">
        <v>0</v>
      </c>
      <c r="J20864" s="8">
        <v>1</v>
      </c>
      <c r="K20864" s="9">
        <v>16</v>
      </c>
      <c r="L20864" s="6" t="s">
        <v>4151</v>
      </c>
    </row>
    <row r="20865" spans="1:12">
      <c r="A20865" s="6" t="s">
        <v>4151</v>
      </c>
      <c r="B20865" s="6"/>
      <c r="C20865" s="6" t="s">
        <v>20901</v>
      </c>
      <c r="D20865" s="6"/>
      <c r="E20865" s="6" t="s">
        <v>9</v>
      </c>
      <c r="F20865" s="7">
        <v>38657</v>
      </c>
      <c r="G20865" s="8">
        <v>1</v>
      </c>
      <c r="H20865" s="8">
        <v>1</v>
      </c>
      <c r="I20865" s="8">
        <v>0</v>
      </c>
      <c r="J20865" s="8">
        <v>1</v>
      </c>
      <c r="K20865" s="9">
        <v>11</v>
      </c>
      <c r="L20865" s="6" t="s">
        <v>4151</v>
      </c>
    </row>
    <row r="20866" spans="1:12">
      <c r="A20866" s="6" t="s">
        <v>4151</v>
      </c>
      <c r="B20866" s="6"/>
      <c r="C20866" s="6" t="s">
        <v>20902</v>
      </c>
      <c r="D20866" s="6"/>
      <c r="E20866" s="6" t="s">
        <v>9</v>
      </c>
      <c r="F20866" s="7">
        <v>38657</v>
      </c>
      <c r="G20866" s="8">
        <v>1</v>
      </c>
      <c r="H20866" s="8">
        <v>1</v>
      </c>
      <c r="I20866" s="8">
        <v>0</v>
      </c>
      <c r="J20866" s="8">
        <v>1</v>
      </c>
      <c r="K20866" s="9">
        <v>8.06</v>
      </c>
      <c r="L20866" s="6" t="s">
        <v>4151</v>
      </c>
    </row>
    <row r="20867" spans="1:12">
      <c r="A20867" s="6" t="s">
        <v>4151</v>
      </c>
      <c r="B20867" s="6"/>
      <c r="C20867" s="6" t="s">
        <v>20903</v>
      </c>
      <c r="D20867" s="6"/>
      <c r="E20867" s="6" t="s">
        <v>9</v>
      </c>
      <c r="F20867" s="7">
        <v>38657</v>
      </c>
      <c r="G20867" s="8">
        <v>1</v>
      </c>
      <c r="H20867" s="8">
        <v>1</v>
      </c>
      <c r="I20867" s="8">
        <v>0</v>
      </c>
      <c r="J20867" s="8">
        <v>1</v>
      </c>
      <c r="K20867" s="9">
        <v>29</v>
      </c>
      <c r="L20867" s="6" t="s">
        <v>4151</v>
      </c>
    </row>
    <row r="20868" spans="1:12">
      <c r="A20868" s="6" t="s">
        <v>4151</v>
      </c>
      <c r="B20868" s="6"/>
      <c r="C20868" s="6" t="s">
        <v>20904</v>
      </c>
      <c r="D20868" s="6"/>
      <c r="E20868" s="6" t="s">
        <v>9</v>
      </c>
      <c r="F20868" s="7">
        <v>38657</v>
      </c>
      <c r="G20868" s="8">
        <v>1</v>
      </c>
      <c r="H20868" s="8">
        <v>1</v>
      </c>
      <c r="I20868" s="8">
        <v>0</v>
      </c>
      <c r="J20868" s="8">
        <v>1</v>
      </c>
      <c r="K20868" s="9">
        <v>25</v>
      </c>
      <c r="L20868" s="6" t="s">
        <v>4151</v>
      </c>
    </row>
    <row r="20869" spans="1:12">
      <c r="A20869" s="6" t="s">
        <v>4151</v>
      </c>
      <c r="B20869" s="6"/>
      <c r="C20869" s="6" t="s">
        <v>20905</v>
      </c>
      <c r="D20869" s="6"/>
      <c r="E20869" s="6" t="s">
        <v>9</v>
      </c>
      <c r="F20869" s="7">
        <v>38657</v>
      </c>
      <c r="G20869" s="8">
        <v>1</v>
      </c>
      <c r="H20869" s="8">
        <v>1</v>
      </c>
      <c r="I20869" s="8">
        <v>0</v>
      </c>
      <c r="J20869" s="8">
        <v>1</v>
      </c>
      <c r="K20869" s="9">
        <v>21</v>
      </c>
      <c r="L20869" s="6" t="s">
        <v>4151</v>
      </c>
    </row>
    <row r="20870" spans="1:12">
      <c r="A20870" s="6" t="s">
        <v>4151</v>
      </c>
      <c r="B20870" s="6"/>
      <c r="C20870" s="6" t="s">
        <v>20906</v>
      </c>
      <c r="D20870" s="6"/>
      <c r="E20870" s="6" t="s">
        <v>9</v>
      </c>
      <c r="F20870" s="7">
        <v>38657</v>
      </c>
      <c r="G20870" s="8">
        <v>1</v>
      </c>
      <c r="H20870" s="8">
        <v>1</v>
      </c>
      <c r="I20870" s="8">
        <v>0</v>
      </c>
      <c r="J20870" s="8">
        <v>1</v>
      </c>
      <c r="K20870" s="9">
        <v>4.0599999999999898</v>
      </c>
      <c r="L20870" s="6" t="s">
        <v>4151</v>
      </c>
    </row>
    <row r="20871" spans="1:12">
      <c r="A20871" s="6" t="s">
        <v>4151</v>
      </c>
      <c r="B20871" s="6"/>
      <c r="C20871" s="6" t="s">
        <v>20907</v>
      </c>
      <c r="D20871" s="6"/>
      <c r="E20871" s="6" t="s">
        <v>9</v>
      </c>
      <c r="F20871" s="7">
        <v>38657</v>
      </c>
      <c r="G20871" s="8">
        <v>1</v>
      </c>
      <c r="H20871" s="8">
        <v>1</v>
      </c>
      <c r="I20871" s="8">
        <v>0</v>
      </c>
      <c r="J20871" s="8">
        <v>1</v>
      </c>
      <c r="K20871" s="9">
        <v>16</v>
      </c>
      <c r="L20871" s="6" t="s">
        <v>4151</v>
      </c>
    </row>
    <row r="20872" spans="1:12">
      <c r="A20872" s="6" t="s">
        <v>4151</v>
      </c>
      <c r="B20872" s="6"/>
      <c r="C20872" s="6" t="s">
        <v>20908</v>
      </c>
      <c r="D20872" s="6"/>
      <c r="E20872" s="6" t="s">
        <v>9</v>
      </c>
      <c r="F20872" s="7">
        <v>38657</v>
      </c>
      <c r="G20872" s="8">
        <v>1</v>
      </c>
      <c r="H20872" s="8">
        <v>1</v>
      </c>
      <c r="I20872" s="8">
        <v>0</v>
      </c>
      <c r="J20872" s="8">
        <v>1</v>
      </c>
      <c r="K20872" s="9">
        <v>32</v>
      </c>
      <c r="L20872" s="6" t="s">
        <v>4151</v>
      </c>
    </row>
    <row r="20873" spans="1:12">
      <c r="A20873" s="6" t="s">
        <v>4151</v>
      </c>
      <c r="B20873" s="6"/>
      <c r="C20873" s="6" t="s">
        <v>20909</v>
      </c>
      <c r="D20873" s="6"/>
      <c r="E20873" s="6" t="s">
        <v>9</v>
      </c>
      <c r="F20873" s="7">
        <v>38657</v>
      </c>
      <c r="G20873" s="8">
        <v>1</v>
      </c>
      <c r="H20873" s="8">
        <v>1</v>
      </c>
      <c r="I20873" s="8">
        <v>0</v>
      </c>
      <c r="J20873" s="8">
        <v>1</v>
      </c>
      <c r="K20873" s="9">
        <v>16</v>
      </c>
      <c r="L20873" s="6" t="s">
        <v>4151</v>
      </c>
    </row>
    <row r="20874" spans="1:12">
      <c r="A20874" s="6" t="s">
        <v>4151</v>
      </c>
      <c r="B20874" s="6"/>
      <c r="C20874" s="6" t="s">
        <v>20910</v>
      </c>
      <c r="D20874" s="6"/>
      <c r="E20874" s="6" t="s">
        <v>9</v>
      </c>
      <c r="F20874" s="7">
        <v>38657</v>
      </c>
      <c r="G20874" s="8">
        <v>1</v>
      </c>
      <c r="H20874" s="8">
        <v>1</v>
      </c>
      <c r="I20874" s="8">
        <v>0</v>
      </c>
      <c r="J20874" s="8">
        <v>1</v>
      </c>
      <c r="K20874" s="9">
        <v>11</v>
      </c>
      <c r="L20874" s="6" t="s">
        <v>4151</v>
      </c>
    </row>
    <row r="20875" spans="1:12">
      <c r="A20875" s="6" t="s">
        <v>4151</v>
      </c>
      <c r="B20875" s="6"/>
      <c r="C20875" s="6" t="s">
        <v>20911</v>
      </c>
      <c r="D20875" s="6"/>
      <c r="E20875" s="6" t="s">
        <v>9</v>
      </c>
      <c r="F20875" s="7">
        <v>38657</v>
      </c>
      <c r="G20875" s="8">
        <v>1</v>
      </c>
      <c r="H20875" s="8">
        <v>1</v>
      </c>
      <c r="I20875" s="8">
        <v>0</v>
      </c>
      <c r="J20875" s="8">
        <v>1</v>
      </c>
      <c r="K20875" s="9">
        <v>13</v>
      </c>
      <c r="L20875" s="6" t="s">
        <v>4151</v>
      </c>
    </row>
    <row r="20876" spans="1:12">
      <c r="A20876" s="6" t="s">
        <v>4151</v>
      </c>
      <c r="B20876" s="6"/>
      <c r="C20876" s="6" t="s">
        <v>20912</v>
      </c>
      <c r="D20876" s="6"/>
      <c r="E20876" s="6" t="s">
        <v>9</v>
      </c>
      <c r="F20876" s="7">
        <v>38657</v>
      </c>
      <c r="G20876" s="8">
        <v>1</v>
      </c>
      <c r="H20876" s="8">
        <v>1</v>
      </c>
      <c r="I20876" s="8">
        <v>0</v>
      </c>
      <c r="J20876" s="8">
        <v>1</v>
      </c>
      <c r="K20876" s="9">
        <v>20</v>
      </c>
      <c r="L20876" s="6" t="s">
        <v>4151</v>
      </c>
    </row>
    <row r="20877" spans="1:12">
      <c r="A20877" s="6" t="s">
        <v>4151</v>
      </c>
      <c r="B20877" s="6"/>
      <c r="C20877" s="6" t="s">
        <v>20913</v>
      </c>
      <c r="D20877" s="6"/>
      <c r="E20877" s="6" t="s">
        <v>9</v>
      </c>
      <c r="F20877" s="7">
        <v>38657</v>
      </c>
      <c r="G20877" s="8">
        <v>1</v>
      </c>
      <c r="H20877" s="8">
        <v>1</v>
      </c>
      <c r="I20877" s="8">
        <v>0</v>
      </c>
      <c r="J20877" s="8">
        <v>1</v>
      </c>
      <c r="K20877" s="9">
        <v>43.68</v>
      </c>
      <c r="L20877" s="6" t="s">
        <v>4151</v>
      </c>
    </row>
    <row r="20878" spans="1:12">
      <c r="A20878" s="6" t="s">
        <v>4151</v>
      </c>
      <c r="B20878" s="6"/>
      <c r="C20878" s="6" t="s">
        <v>20914</v>
      </c>
      <c r="D20878" s="6"/>
      <c r="E20878" s="6" t="s">
        <v>9</v>
      </c>
      <c r="F20878" s="7">
        <v>38657</v>
      </c>
      <c r="G20878" s="8">
        <v>1</v>
      </c>
      <c r="H20878" s="8">
        <v>1</v>
      </c>
      <c r="I20878" s="8">
        <v>0</v>
      </c>
      <c r="J20878" s="8">
        <v>1</v>
      </c>
      <c r="K20878" s="9">
        <v>100</v>
      </c>
      <c r="L20878" s="6" t="s">
        <v>4151</v>
      </c>
    </row>
    <row r="20879" spans="1:12">
      <c r="A20879" s="6" t="s">
        <v>4151</v>
      </c>
      <c r="B20879" s="6"/>
      <c r="C20879" s="6" t="s">
        <v>20915</v>
      </c>
      <c r="D20879" s="6"/>
      <c r="E20879" s="6" t="s">
        <v>9</v>
      </c>
      <c r="F20879" s="7">
        <v>38657</v>
      </c>
      <c r="G20879" s="8">
        <v>1</v>
      </c>
      <c r="H20879" s="8">
        <v>1</v>
      </c>
      <c r="I20879" s="8">
        <v>0</v>
      </c>
      <c r="J20879" s="8">
        <v>1</v>
      </c>
      <c r="K20879" s="9">
        <v>2.67</v>
      </c>
      <c r="L20879" s="6" t="s">
        <v>4151</v>
      </c>
    </row>
    <row r="20880" spans="1:12">
      <c r="A20880" s="6" t="s">
        <v>4151</v>
      </c>
      <c r="B20880" s="6"/>
      <c r="C20880" s="6" t="s">
        <v>20916</v>
      </c>
      <c r="D20880" s="6"/>
      <c r="E20880" s="6" t="s">
        <v>9</v>
      </c>
      <c r="F20880" s="7">
        <v>38657</v>
      </c>
      <c r="G20880" s="8">
        <v>1</v>
      </c>
      <c r="H20880" s="8">
        <v>1</v>
      </c>
      <c r="I20880" s="8">
        <v>0</v>
      </c>
      <c r="J20880" s="8">
        <v>1</v>
      </c>
      <c r="K20880" s="9">
        <v>23</v>
      </c>
      <c r="L20880" s="6" t="s">
        <v>4151</v>
      </c>
    </row>
    <row r="20881" spans="1:12">
      <c r="A20881" s="6" t="s">
        <v>4151</v>
      </c>
      <c r="B20881" s="6"/>
      <c r="C20881" s="6" t="s">
        <v>20917</v>
      </c>
      <c r="D20881" s="6"/>
      <c r="E20881" s="6" t="s">
        <v>9</v>
      </c>
      <c r="F20881" s="7">
        <v>38657</v>
      </c>
      <c r="G20881" s="8">
        <v>1</v>
      </c>
      <c r="H20881" s="8">
        <v>1</v>
      </c>
      <c r="I20881" s="8">
        <v>0</v>
      </c>
      <c r="J20881" s="8">
        <v>1</v>
      </c>
      <c r="K20881" s="9">
        <v>12</v>
      </c>
      <c r="L20881" s="6" t="s">
        <v>4151</v>
      </c>
    </row>
    <row r="20882" spans="1:12">
      <c r="A20882" s="6" t="s">
        <v>4151</v>
      </c>
      <c r="B20882" s="6"/>
      <c r="C20882" s="6" t="s">
        <v>20918</v>
      </c>
      <c r="D20882" s="6"/>
      <c r="E20882" s="6" t="s">
        <v>9</v>
      </c>
      <c r="F20882" s="7">
        <v>38657</v>
      </c>
      <c r="G20882" s="8">
        <v>1</v>
      </c>
      <c r="H20882" s="8">
        <v>1</v>
      </c>
      <c r="I20882" s="8">
        <v>0</v>
      </c>
      <c r="J20882" s="8">
        <v>1</v>
      </c>
      <c r="K20882" s="9">
        <v>4.9400000000000004</v>
      </c>
      <c r="L20882" s="6" t="s">
        <v>4151</v>
      </c>
    </row>
    <row r="20883" spans="1:12">
      <c r="A20883" s="6" t="s">
        <v>4151</v>
      </c>
      <c r="B20883" s="6"/>
      <c r="C20883" s="6" t="s">
        <v>20919</v>
      </c>
      <c r="D20883" s="6"/>
      <c r="E20883" s="6" t="s">
        <v>9</v>
      </c>
      <c r="F20883" s="7">
        <v>38657</v>
      </c>
      <c r="G20883" s="8">
        <v>1</v>
      </c>
      <c r="H20883" s="8">
        <v>1</v>
      </c>
      <c r="I20883" s="8">
        <v>0</v>
      </c>
      <c r="J20883" s="8">
        <v>1</v>
      </c>
      <c r="K20883" s="9">
        <v>25</v>
      </c>
      <c r="L20883" s="6" t="s">
        <v>4151</v>
      </c>
    </row>
    <row r="20884" spans="1:12">
      <c r="A20884" s="6" t="s">
        <v>4151</v>
      </c>
      <c r="B20884" s="6"/>
      <c r="C20884" s="6" t="s">
        <v>20920</v>
      </c>
      <c r="D20884" s="6"/>
      <c r="E20884" s="6" t="s">
        <v>9</v>
      </c>
      <c r="F20884" s="7">
        <v>38657</v>
      </c>
      <c r="G20884" s="8">
        <v>1</v>
      </c>
      <c r="H20884" s="8">
        <v>1</v>
      </c>
      <c r="I20884" s="8">
        <v>0</v>
      </c>
      <c r="J20884" s="8">
        <v>1</v>
      </c>
      <c r="K20884" s="9">
        <v>104</v>
      </c>
      <c r="L20884" s="6" t="s">
        <v>4151</v>
      </c>
    </row>
    <row r="20885" spans="1:12">
      <c r="A20885" s="6" t="s">
        <v>4151</v>
      </c>
      <c r="B20885" s="6"/>
      <c r="C20885" s="6" t="s">
        <v>20921</v>
      </c>
      <c r="D20885" s="6"/>
      <c r="E20885" s="6" t="s">
        <v>9</v>
      </c>
      <c r="F20885" s="7">
        <v>38657</v>
      </c>
      <c r="G20885" s="8">
        <v>1</v>
      </c>
      <c r="H20885" s="8">
        <v>1</v>
      </c>
      <c r="I20885" s="8">
        <v>0</v>
      </c>
      <c r="J20885" s="8">
        <v>1</v>
      </c>
      <c r="K20885" s="9">
        <v>41</v>
      </c>
      <c r="L20885" s="6" t="s">
        <v>4151</v>
      </c>
    </row>
    <row r="20886" spans="1:12">
      <c r="A20886" s="6" t="s">
        <v>4151</v>
      </c>
      <c r="B20886" s="6"/>
      <c r="C20886" s="6" t="s">
        <v>20922</v>
      </c>
      <c r="D20886" s="6"/>
      <c r="E20886" s="6" t="s">
        <v>9</v>
      </c>
      <c r="F20886" s="7">
        <v>38657</v>
      </c>
      <c r="G20886" s="8">
        <v>1</v>
      </c>
      <c r="H20886" s="8">
        <v>1</v>
      </c>
      <c r="I20886" s="8">
        <v>0</v>
      </c>
      <c r="J20886" s="8">
        <v>1</v>
      </c>
      <c r="K20886" s="9">
        <v>108</v>
      </c>
      <c r="L20886" s="6" t="s">
        <v>4151</v>
      </c>
    </row>
    <row r="20887" spans="1:12">
      <c r="A20887" s="6" t="s">
        <v>4151</v>
      </c>
      <c r="B20887" s="6"/>
      <c r="C20887" s="6" t="s">
        <v>20923</v>
      </c>
      <c r="D20887" s="6"/>
      <c r="E20887" s="6" t="s">
        <v>9</v>
      </c>
      <c r="F20887" s="7">
        <v>38657</v>
      </c>
      <c r="G20887" s="8">
        <v>1</v>
      </c>
      <c r="H20887" s="8">
        <v>1</v>
      </c>
      <c r="I20887" s="8">
        <v>0</v>
      </c>
      <c r="J20887" s="8">
        <v>1</v>
      </c>
      <c r="K20887" s="9">
        <v>30</v>
      </c>
      <c r="L20887" s="6" t="s">
        <v>4151</v>
      </c>
    </row>
    <row r="20888" spans="1:12">
      <c r="A20888" s="6" t="s">
        <v>4151</v>
      </c>
      <c r="B20888" s="6"/>
      <c r="C20888" s="6" t="s">
        <v>20924</v>
      </c>
      <c r="D20888" s="6"/>
      <c r="E20888" s="6" t="s">
        <v>9</v>
      </c>
      <c r="F20888" s="7">
        <v>38657</v>
      </c>
      <c r="G20888" s="8">
        <v>1</v>
      </c>
      <c r="H20888" s="8">
        <v>1</v>
      </c>
      <c r="I20888" s="8">
        <v>0</v>
      </c>
      <c r="J20888" s="8">
        <v>1</v>
      </c>
      <c r="K20888" s="9">
        <v>144</v>
      </c>
      <c r="L20888" s="6" t="s">
        <v>4151</v>
      </c>
    </row>
    <row r="20889" spans="1:12">
      <c r="A20889" s="6" t="s">
        <v>4151</v>
      </c>
      <c r="B20889" s="6"/>
      <c r="C20889" s="6" t="s">
        <v>20925</v>
      </c>
      <c r="D20889" s="6"/>
      <c r="E20889" s="6" t="s">
        <v>9</v>
      </c>
      <c r="F20889" s="7">
        <v>38657</v>
      </c>
      <c r="G20889" s="8">
        <v>1</v>
      </c>
      <c r="H20889" s="8">
        <v>1</v>
      </c>
      <c r="I20889" s="8">
        <v>0</v>
      </c>
      <c r="J20889" s="8">
        <v>1</v>
      </c>
      <c r="K20889" s="9">
        <v>176</v>
      </c>
      <c r="L20889" s="6" t="s">
        <v>4151</v>
      </c>
    </row>
    <row r="20890" spans="1:12">
      <c r="A20890" s="6" t="s">
        <v>4151</v>
      </c>
      <c r="B20890" s="6"/>
      <c r="C20890" s="6" t="s">
        <v>20926</v>
      </c>
      <c r="D20890" s="6"/>
      <c r="E20890" s="6" t="s">
        <v>9</v>
      </c>
      <c r="F20890" s="7">
        <v>38657</v>
      </c>
      <c r="G20890" s="8">
        <v>1</v>
      </c>
      <c r="H20890" s="8">
        <v>1</v>
      </c>
      <c r="I20890" s="8">
        <v>0</v>
      </c>
      <c r="J20890" s="8">
        <v>1</v>
      </c>
      <c r="K20890" s="9">
        <v>168</v>
      </c>
      <c r="L20890" s="6" t="s">
        <v>4151</v>
      </c>
    </row>
    <row r="20891" spans="1:12">
      <c r="A20891" s="6" t="s">
        <v>4151</v>
      </c>
      <c r="B20891" s="6"/>
      <c r="C20891" s="6" t="s">
        <v>20927</v>
      </c>
      <c r="D20891" s="6"/>
      <c r="E20891" s="6" t="s">
        <v>9</v>
      </c>
      <c r="F20891" s="7">
        <v>38657</v>
      </c>
      <c r="G20891" s="8">
        <v>1</v>
      </c>
      <c r="H20891" s="8">
        <v>1</v>
      </c>
      <c r="I20891" s="8">
        <v>0</v>
      </c>
      <c r="J20891" s="8">
        <v>1</v>
      </c>
      <c r="K20891" s="9">
        <v>188</v>
      </c>
      <c r="L20891" s="6" t="s">
        <v>4151</v>
      </c>
    </row>
    <row r="20892" spans="1:12">
      <c r="A20892" s="6" t="s">
        <v>4151</v>
      </c>
      <c r="B20892" s="6"/>
      <c r="C20892" s="6" t="s">
        <v>20928</v>
      </c>
      <c r="D20892" s="6"/>
      <c r="E20892" s="6" t="s">
        <v>9</v>
      </c>
      <c r="F20892" s="7">
        <v>38657</v>
      </c>
      <c r="G20892" s="8">
        <v>1</v>
      </c>
      <c r="H20892" s="8">
        <v>1</v>
      </c>
      <c r="I20892" s="8">
        <v>0</v>
      </c>
      <c r="J20892" s="8">
        <v>1</v>
      </c>
      <c r="K20892" s="9">
        <v>186</v>
      </c>
      <c r="L20892" s="6" t="s">
        <v>4151</v>
      </c>
    </row>
    <row r="20893" spans="1:12">
      <c r="A20893" s="6" t="s">
        <v>4151</v>
      </c>
      <c r="B20893" s="6"/>
      <c r="C20893" s="6" t="s">
        <v>20929</v>
      </c>
      <c r="D20893" s="6"/>
      <c r="E20893" s="6" t="s">
        <v>9</v>
      </c>
      <c r="F20893" s="7">
        <v>38657</v>
      </c>
      <c r="G20893" s="8">
        <v>1</v>
      </c>
      <c r="H20893" s="8">
        <v>1</v>
      </c>
      <c r="I20893" s="8">
        <v>0</v>
      </c>
      <c r="J20893" s="8">
        <v>1</v>
      </c>
      <c r="K20893" s="9">
        <v>173</v>
      </c>
      <c r="L20893" s="6" t="s">
        <v>4151</v>
      </c>
    </row>
    <row r="20894" spans="1:12">
      <c r="A20894" s="6" t="s">
        <v>4151</v>
      </c>
      <c r="B20894" s="6"/>
      <c r="C20894" s="6" t="s">
        <v>20930</v>
      </c>
      <c r="D20894" s="6"/>
      <c r="E20894" s="6" t="s">
        <v>9</v>
      </c>
      <c r="F20894" s="7">
        <v>38657</v>
      </c>
      <c r="G20894" s="8">
        <v>1</v>
      </c>
      <c r="H20894" s="8">
        <v>1</v>
      </c>
      <c r="I20894" s="8">
        <v>0</v>
      </c>
      <c r="J20894" s="8">
        <v>1</v>
      </c>
      <c r="K20894" s="9">
        <v>146</v>
      </c>
      <c r="L20894" s="6" t="s">
        <v>4151</v>
      </c>
    </row>
    <row r="20895" spans="1:12">
      <c r="A20895" s="6" t="s">
        <v>4151</v>
      </c>
      <c r="B20895" s="6"/>
      <c r="C20895" s="6" t="s">
        <v>20931</v>
      </c>
      <c r="D20895" s="6"/>
      <c r="E20895" s="6" t="s">
        <v>9</v>
      </c>
      <c r="F20895" s="7">
        <v>38657</v>
      </c>
      <c r="G20895" s="8">
        <v>1</v>
      </c>
      <c r="H20895" s="8">
        <v>1</v>
      </c>
      <c r="I20895" s="8">
        <v>0</v>
      </c>
      <c r="J20895" s="8">
        <v>1</v>
      </c>
      <c r="K20895" s="9">
        <v>189</v>
      </c>
      <c r="L20895" s="6" t="s">
        <v>4151</v>
      </c>
    </row>
    <row r="20896" spans="1:12">
      <c r="A20896" s="6" t="s">
        <v>4151</v>
      </c>
      <c r="B20896" s="6"/>
      <c r="C20896" s="6" t="s">
        <v>20932</v>
      </c>
      <c r="D20896" s="6"/>
      <c r="E20896" s="6" t="s">
        <v>9</v>
      </c>
      <c r="F20896" s="7">
        <v>38657</v>
      </c>
      <c r="G20896" s="8">
        <v>1</v>
      </c>
      <c r="H20896" s="8">
        <v>1</v>
      </c>
      <c r="I20896" s="8">
        <v>0</v>
      </c>
      <c r="J20896" s="8">
        <v>1</v>
      </c>
      <c r="K20896" s="9">
        <v>104</v>
      </c>
      <c r="L20896" s="6" t="s">
        <v>4151</v>
      </c>
    </row>
    <row r="20897" spans="1:12">
      <c r="A20897" s="6" t="s">
        <v>4151</v>
      </c>
      <c r="B20897" s="6"/>
      <c r="C20897" s="6" t="s">
        <v>20933</v>
      </c>
      <c r="D20897" s="6"/>
      <c r="E20897" s="6" t="s">
        <v>9</v>
      </c>
      <c r="F20897" s="7">
        <v>38657</v>
      </c>
      <c r="G20897" s="8">
        <v>1</v>
      </c>
      <c r="H20897" s="8">
        <v>1</v>
      </c>
      <c r="I20897" s="8">
        <v>0</v>
      </c>
      <c r="J20897" s="8">
        <v>1</v>
      </c>
      <c r="K20897" s="9">
        <v>26</v>
      </c>
      <c r="L20897" s="6" t="s">
        <v>4151</v>
      </c>
    </row>
    <row r="20898" spans="1:12">
      <c r="A20898" s="6" t="s">
        <v>4151</v>
      </c>
      <c r="B20898" s="6"/>
      <c r="C20898" s="6" t="s">
        <v>20934</v>
      </c>
      <c r="D20898" s="6"/>
      <c r="E20898" s="6" t="s">
        <v>9</v>
      </c>
      <c r="F20898" s="7">
        <v>38657</v>
      </c>
      <c r="G20898" s="8">
        <v>1</v>
      </c>
      <c r="H20898" s="8">
        <v>1</v>
      </c>
      <c r="I20898" s="8">
        <v>0</v>
      </c>
      <c r="J20898" s="8">
        <v>1</v>
      </c>
      <c r="K20898" s="9">
        <v>154</v>
      </c>
      <c r="L20898" s="6" t="s">
        <v>4151</v>
      </c>
    </row>
    <row r="20899" spans="1:12">
      <c r="A20899" s="6" t="s">
        <v>4151</v>
      </c>
      <c r="B20899" s="6"/>
      <c r="C20899" s="6" t="s">
        <v>20935</v>
      </c>
      <c r="D20899" s="6"/>
      <c r="E20899" s="6" t="s">
        <v>9</v>
      </c>
      <c r="F20899" s="7">
        <v>38657</v>
      </c>
      <c r="G20899" s="8">
        <v>1</v>
      </c>
      <c r="H20899" s="8">
        <v>1</v>
      </c>
      <c r="I20899" s="8">
        <v>0</v>
      </c>
      <c r="J20899" s="8">
        <v>1</v>
      </c>
      <c r="K20899" s="9">
        <v>146</v>
      </c>
      <c r="L20899" s="6" t="s">
        <v>4151</v>
      </c>
    </row>
    <row r="20900" spans="1:12">
      <c r="A20900" s="6" t="s">
        <v>4151</v>
      </c>
      <c r="B20900" s="6"/>
      <c r="C20900" s="6" t="s">
        <v>20936</v>
      </c>
      <c r="D20900" s="6"/>
      <c r="E20900" s="6" t="s">
        <v>9</v>
      </c>
      <c r="F20900" s="7">
        <v>38657</v>
      </c>
      <c r="G20900" s="8">
        <v>1</v>
      </c>
      <c r="H20900" s="8">
        <v>1</v>
      </c>
      <c r="I20900" s="8">
        <v>0</v>
      </c>
      <c r="J20900" s="8">
        <v>1</v>
      </c>
      <c r="K20900" s="9">
        <v>149</v>
      </c>
      <c r="L20900" s="6" t="s">
        <v>4151</v>
      </c>
    </row>
    <row r="20901" spans="1:12">
      <c r="A20901" s="6" t="s">
        <v>4151</v>
      </c>
      <c r="B20901" s="6"/>
      <c r="C20901" s="6" t="s">
        <v>20937</v>
      </c>
      <c r="D20901" s="6"/>
      <c r="E20901" s="6" t="s">
        <v>9</v>
      </c>
      <c r="F20901" s="7">
        <v>38657</v>
      </c>
      <c r="G20901" s="8">
        <v>1</v>
      </c>
      <c r="H20901" s="8">
        <v>1</v>
      </c>
      <c r="I20901" s="8">
        <v>0</v>
      </c>
      <c r="J20901" s="8">
        <v>1</v>
      </c>
      <c r="K20901" s="9">
        <v>152</v>
      </c>
      <c r="L20901" s="6" t="s">
        <v>4151</v>
      </c>
    </row>
    <row r="20902" spans="1:12">
      <c r="A20902" s="6" t="s">
        <v>4151</v>
      </c>
      <c r="B20902" s="6"/>
      <c r="C20902" s="6" t="s">
        <v>20938</v>
      </c>
      <c r="D20902" s="6"/>
      <c r="E20902" s="6" t="s">
        <v>9</v>
      </c>
      <c r="F20902" s="7">
        <v>38657</v>
      </c>
      <c r="G20902" s="8">
        <v>1</v>
      </c>
      <c r="H20902" s="8">
        <v>1</v>
      </c>
      <c r="I20902" s="8">
        <v>0</v>
      </c>
      <c r="J20902" s="8">
        <v>1</v>
      </c>
      <c r="K20902" s="9">
        <v>5.5</v>
      </c>
      <c r="L20902" s="6" t="s">
        <v>4151</v>
      </c>
    </row>
    <row r="20903" spans="1:12">
      <c r="A20903" s="6" t="s">
        <v>4151</v>
      </c>
      <c r="B20903" s="6"/>
      <c r="C20903" s="6" t="s">
        <v>20939</v>
      </c>
      <c r="D20903" s="6"/>
      <c r="E20903" s="6" t="s">
        <v>9</v>
      </c>
      <c r="F20903" s="7">
        <v>38657</v>
      </c>
      <c r="G20903" s="8">
        <v>1</v>
      </c>
      <c r="H20903" s="8">
        <v>1</v>
      </c>
      <c r="I20903" s="8">
        <v>0</v>
      </c>
      <c r="J20903" s="8">
        <v>1</v>
      </c>
      <c r="K20903" s="9">
        <v>69</v>
      </c>
      <c r="L20903" s="6" t="s">
        <v>4151</v>
      </c>
    </row>
    <row r="20904" spans="1:12">
      <c r="A20904" s="6" t="s">
        <v>4151</v>
      </c>
      <c r="B20904" s="6"/>
      <c r="C20904" s="6" t="s">
        <v>20940</v>
      </c>
      <c r="D20904" s="6"/>
      <c r="E20904" s="6" t="s">
        <v>9</v>
      </c>
      <c r="F20904" s="7">
        <v>38657</v>
      </c>
      <c r="G20904" s="8">
        <v>1</v>
      </c>
      <c r="H20904" s="8">
        <v>1</v>
      </c>
      <c r="I20904" s="8">
        <v>0</v>
      </c>
      <c r="J20904" s="8">
        <v>1</v>
      </c>
      <c r="K20904" s="9">
        <v>139</v>
      </c>
      <c r="L20904" s="6" t="s">
        <v>4151</v>
      </c>
    </row>
    <row r="20905" spans="1:12">
      <c r="A20905" s="6" t="s">
        <v>4151</v>
      </c>
      <c r="B20905" s="6"/>
      <c r="C20905" s="6" t="s">
        <v>20941</v>
      </c>
      <c r="D20905" s="6"/>
      <c r="E20905" s="6" t="s">
        <v>9</v>
      </c>
      <c r="F20905" s="7">
        <v>38657</v>
      </c>
      <c r="G20905" s="8">
        <v>1</v>
      </c>
      <c r="H20905" s="8">
        <v>1</v>
      </c>
      <c r="I20905" s="8">
        <v>0</v>
      </c>
      <c r="J20905" s="8">
        <v>1</v>
      </c>
      <c r="K20905" s="9">
        <v>114</v>
      </c>
      <c r="L20905" s="6" t="s">
        <v>4151</v>
      </c>
    </row>
    <row r="20906" spans="1:12">
      <c r="A20906" s="6" t="s">
        <v>4151</v>
      </c>
      <c r="B20906" s="6"/>
      <c r="C20906" s="6" t="s">
        <v>20942</v>
      </c>
      <c r="D20906" s="6"/>
      <c r="E20906" s="6" t="s">
        <v>9</v>
      </c>
      <c r="F20906" s="7">
        <v>38657</v>
      </c>
      <c r="G20906" s="8">
        <v>1</v>
      </c>
      <c r="H20906" s="8">
        <v>1</v>
      </c>
      <c r="I20906" s="8">
        <v>0</v>
      </c>
      <c r="J20906" s="8">
        <v>1</v>
      </c>
      <c r="K20906" s="9">
        <v>23</v>
      </c>
      <c r="L20906" s="6" t="s">
        <v>4151</v>
      </c>
    </row>
    <row r="20907" spans="1:12">
      <c r="A20907" s="6" t="s">
        <v>4151</v>
      </c>
      <c r="B20907" s="6"/>
      <c r="C20907" s="6" t="s">
        <v>20943</v>
      </c>
      <c r="D20907" s="6"/>
      <c r="E20907" s="6" t="s">
        <v>9</v>
      </c>
      <c r="F20907" s="7">
        <v>38657</v>
      </c>
      <c r="G20907" s="8">
        <v>1</v>
      </c>
      <c r="H20907" s="8">
        <v>1</v>
      </c>
      <c r="I20907" s="8">
        <v>0</v>
      </c>
      <c r="J20907" s="8">
        <v>1</v>
      </c>
      <c r="K20907" s="9">
        <v>14</v>
      </c>
      <c r="L20907" s="6" t="s">
        <v>4151</v>
      </c>
    </row>
    <row r="20908" spans="1:12">
      <c r="A20908" s="6" t="s">
        <v>4151</v>
      </c>
      <c r="B20908" s="6"/>
      <c r="C20908" s="6" t="s">
        <v>20944</v>
      </c>
      <c r="D20908" s="6"/>
      <c r="E20908" s="6" t="s">
        <v>9</v>
      </c>
      <c r="F20908" s="7">
        <v>38657</v>
      </c>
      <c r="G20908" s="8">
        <v>1</v>
      </c>
      <c r="H20908" s="8">
        <v>1</v>
      </c>
      <c r="I20908" s="8">
        <v>0</v>
      </c>
      <c r="J20908" s="8">
        <v>1</v>
      </c>
      <c r="K20908" s="9">
        <v>30</v>
      </c>
      <c r="L20908" s="6" t="s">
        <v>4151</v>
      </c>
    </row>
    <row r="20909" spans="1:12">
      <c r="A20909" s="6" t="s">
        <v>4151</v>
      </c>
      <c r="B20909" s="6"/>
      <c r="C20909" s="6" t="s">
        <v>20945</v>
      </c>
      <c r="D20909" s="6"/>
      <c r="E20909" s="6" t="s">
        <v>9</v>
      </c>
      <c r="F20909" s="7">
        <v>38657</v>
      </c>
      <c r="G20909" s="8">
        <v>1</v>
      </c>
      <c r="H20909" s="8">
        <v>1</v>
      </c>
      <c r="I20909" s="8">
        <v>0</v>
      </c>
      <c r="J20909" s="8">
        <v>1</v>
      </c>
      <c r="K20909" s="9">
        <v>6.46</v>
      </c>
      <c r="L20909" s="6" t="s">
        <v>4151</v>
      </c>
    </row>
    <row r="20910" spans="1:12">
      <c r="A20910" s="6" t="s">
        <v>4151</v>
      </c>
      <c r="B20910" s="6"/>
      <c r="C20910" s="6" t="s">
        <v>20946</v>
      </c>
      <c r="D20910" s="6"/>
      <c r="E20910" s="6" t="s">
        <v>9</v>
      </c>
      <c r="F20910" s="7">
        <v>38657</v>
      </c>
      <c r="G20910" s="8">
        <v>1</v>
      </c>
      <c r="H20910" s="8">
        <v>1</v>
      </c>
      <c r="I20910" s="8">
        <v>0</v>
      </c>
      <c r="J20910" s="8">
        <v>1</v>
      </c>
      <c r="K20910" s="9">
        <v>13</v>
      </c>
      <c r="L20910" s="6" t="s">
        <v>4151</v>
      </c>
    </row>
    <row r="20911" spans="1:12">
      <c r="A20911" s="6" t="s">
        <v>4151</v>
      </c>
      <c r="B20911" s="6"/>
      <c r="C20911" s="6" t="s">
        <v>20947</v>
      </c>
      <c r="D20911" s="6"/>
      <c r="E20911" s="6" t="s">
        <v>9</v>
      </c>
      <c r="F20911" s="7">
        <v>38657</v>
      </c>
      <c r="G20911" s="8">
        <v>1</v>
      </c>
      <c r="H20911" s="8">
        <v>1</v>
      </c>
      <c r="I20911" s="8">
        <v>0</v>
      </c>
      <c r="J20911" s="8">
        <v>1</v>
      </c>
      <c r="K20911" s="9">
        <v>32</v>
      </c>
      <c r="L20911" s="6" t="s">
        <v>4151</v>
      </c>
    </row>
    <row r="20912" spans="1:12">
      <c r="A20912" s="6" t="s">
        <v>4151</v>
      </c>
      <c r="B20912" s="6"/>
      <c r="C20912" s="6" t="s">
        <v>20948</v>
      </c>
      <c r="D20912" s="6"/>
      <c r="E20912" s="6" t="s">
        <v>9</v>
      </c>
      <c r="F20912" s="7">
        <v>38657</v>
      </c>
      <c r="G20912" s="8">
        <v>1</v>
      </c>
      <c r="H20912" s="8">
        <v>1</v>
      </c>
      <c r="I20912" s="8">
        <v>0</v>
      </c>
      <c r="J20912" s="8">
        <v>1</v>
      </c>
      <c r="K20912" s="9">
        <v>1.67</v>
      </c>
      <c r="L20912" s="6" t="s">
        <v>4151</v>
      </c>
    </row>
    <row r="20913" spans="1:12">
      <c r="A20913" s="6" t="s">
        <v>4151</v>
      </c>
      <c r="B20913" s="6"/>
      <c r="C20913" s="6" t="s">
        <v>20949</v>
      </c>
      <c r="D20913" s="6"/>
      <c r="E20913" s="6" t="s">
        <v>9</v>
      </c>
      <c r="F20913" s="7">
        <v>38657</v>
      </c>
      <c r="G20913" s="8">
        <v>1</v>
      </c>
      <c r="H20913" s="8">
        <v>1</v>
      </c>
      <c r="I20913" s="8">
        <v>0</v>
      </c>
      <c r="J20913" s="8">
        <v>1</v>
      </c>
      <c r="K20913" s="9">
        <v>48</v>
      </c>
      <c r="L20913" s="6" t="s">
        <v>4151</v>
      </c>
    </row>
    <row r="20914" spans="1:12">
      <c r="A20914" s="6" t="s">
        <v>4151</v>
      </c>
      <c r="B20914" s="6"/>
      <c r="C20914" s="6" t="s">
        <v>20950</v>
      </c>
      <c r="D20914" s="6"/>
      <c r="E20914" s="6" t="s">
        <v>9</v>
      </c>
      <c r="F20914" s="7">
        <v>38657</v>
      </c>
      <c r="G20914" s="8">
        <v>1</v>
      </c>
      <c r="H20914" s="8">
        <v>1</v>
      </c>
      <c r="I20914" s="8">
        <v>0</v>
      </c>
      <c r="J20914" s="8">
        <v>1</v>
      </c>
      <c r="K20914" s="9">
        <v>3.81</v>
      </c>
      <c r="L20914" s="6" t="s">
        <v>4151</v>
      </c>
    </row>
    <row r="20915" spans="1:12">
      <c r="A20915" s="6" t="s">
        <v>4151</v>
      </c>
      <c r="B20915" s="6"/>
      <c r="C20915" s="6" t="s">
        <v>20951</v>
      </c>
      <c r="D20915" s="6"/>
      <c r="E20915" s="6" t="s">
        <v>9</v>
      </c>
      <c r="F20915" s="7">
        <v>38657</v>
      </c>
      <c r="G20915" s="8">
        <v>1</v>
      </c>
      <c r="H20915" s="8">
        <v>1</v>
      </c>
      <c r="I20915" s="8">
        <v>0</v>
      </c>
      <c r="J20915" s="8">
        <v>1</v>
      </c>
      <c r="K20915" s="9">
        <v>4.4800000000000004</v>
      </c>
      <c r="L20915" s="6" t="s">
        <v>4151</v>
      </c>
    </row>
    <row r="20916" spans="1:12">
      <c r="A20916" s="6" t="s">
        <v>4151</v>
      </c>
      <c r="B20916" s="6"/>
      <c r="C20916" s="6" t="s">
        <v>20952</v>
      </c>
      <c r="D20916" s="6"/>
      <c r="E20916" s="6" t="s">
        <v>9</v>
      </c>
      <c r="F20916" s="7">
        <v>38657</v>
      </c>
      <c r="G20916" s="8">
        <v>1</v>
      </c>
      <c r="H20916" s="8">
        <v>1</v>
      </c>
      <c r="I20916" s="8">
        <v>0</v>
      </c>
      <c r="J20916" s="8">
        <v>1</v>
      </c>
      <c r="K20916" s="9">
        <v>1.8</v>
      </c>
      <c r="L20916" s="6" t="s">
        <v>4151</v>
      </c>
    </row>
    <row r="20917" spans="1:12">
      <c r="A20917" s="6" t="s">
        <v>4151</v>
      </c>
      <c r="B20917" s="6"/>
      <c r="C20917" s="6" t="s">
        <v>20953</v>
      </c>
      <c r="D20917" s="6"/>
      <c r="E20917" s="6" t="s">
        <v>9</v>
      </c>
      <c r="F20917" s="7">
        <v>38657</v>
      </c>
      <c r="G20917" s="8">
        <v>1</v>
      </c>
      <c r="H20917" s="8">
        <v>1</v>
      </c>
      <c r="I20917" s="8">
        <v>0</v>
      </c>
      <c r="J20917" s="8">
        <v>1</v>
      </c>
      <c r="K20917" s="9">
        <v>10</v>
      </c>
      <c r="L20917" s="6" t="s">
        <v>4151</v>
      </c>
    </row>
    <row r="20918" spans="1:12">
      <c r="A20918" s="6" t="s">
        <v>4151</v>
      </c>
      <c r="B20918" s="6"/>
      <c r="C20918" s="6" t="s">
        <v>20954</v>
      </c>
      <c r="D20918" s="6"/>
      <c r="E20918" s="6" t="s">
        <v>9</v>
      </c>
      <c r="F20918" s="7">
        <v>38657</v>
      </c>
      <c r="G20918" s="8">
        <v>1</v>
      </c>
      <c r="H20918" s="8">
        <v>1</v>
      </c>
      <c r="I20918" s="8">
        <v>0</v>
      </c>
      <c r="J20918" s="8">
        <v>1</v>
      </c>
      <c r="K20918" s="9">
        <v>11</v>
      </c>
      <c r="L20918" s="6" t="s">
        <v>4151</v>
      </c>
    </row>
    <row r="20919" spans="1:12">
      <c r="A20919" s="6" t="s">
        <v>4151</v>
      </c>
      <c r="B20919" s="6"/>
      <c r="C20919" s="6" t="s">
        <v>20955</v>
      </c>
      <c r="D20919" s="6"/>
      <c r="E20919" s="6" t="s">
        <v>9</v>
      </c>
      <c r="F20919" s="7">
        <v>38657</v>
      </c>
      <c r="G20919" s="8">
        <v>1</v>
      </c>
      <c r="H20919" s="8">
        <v>1</v>
      </c>
      <c r="I20919" s="8">
        <v>0</v>
      </c>
      <c r="J20919" s="8">
        <v>1</v>
      </c>
      <c r="K20919" s="9">
        <v>30</v>
      </c>
      <c r="L20919" s="6" t="s">
        <v>4151</v>
      </c>
    </row>
    <row r="20920" spans="1:12">
      <c r="A20920" s="6" t="s">
        <v>4151</v>
      </c>
      <c r="B20920" s="6"/>
      <c r="C20920" s="6" t="s">
        <v>20956</v>
      </c>
      <c r="D20920" s="6"/>
      <c r="E20920" s="6" t="s">
        <v>9</v>
      </c>
      <c r="F20920" s="7">
        <v>38657</v>
      </c>
      <c r="G20920" s="8">
        <v>1</v>
      </c>
      <c r="H20920" s="8">
        <v>1</v>
      </c>
      <c r="I20920" s="8">
        <v>0</v>
      </c>
      <c r="J20920" s="8">
        <v>1</v>
      </c>
      <c r="K20920" s="9">
        <v>13</v>
      </c>
      <c r="L20920" s="6" t="s">
        <v>4151</v>
      </c>
    </row>
    <row r="20921" spans="1:12">
      <c r="A20921" s="6" t="s">
        <v>4151</v>
      </c>
      <c r="B20921" s="6"/>
      <c r="C20921" s="6" t="s">
        <v>20957</v>
      </c>
      <c r="D20921" s="6"/>
      <c r="E20921" s="6" t="s">
        <v>9</v>
      </c>
      <c r="F20921" s="7">
        <v>38657</v>
      </c>
      <c r="G20921" s="8">
        <v>1</v>
      </c>
      <c r="H20921" s="8">
        <v>1</v>
      </c>
      <c r="I20921" s="8">
        <v>0</v>
      </c>
      <c r="J20921" s="8">
        <v>1</v>
      </c>
      <c r="K20921" s="9">
        <v>1.0900000000000001</v>
      </c>
      <c r="L20921" s="6" t="s">
        <v>4151</v>
      </c>
    </row>
    <row r="20922" spans="1:12">
      <c r="A20922" s="6" t="s">
        <v>4151</v>
      </c>
      <c r="B20922" s="6"/>
      <c r="C20922" s="6" t="s">
        <v>20958</v>
      </c>
      <c r="D20922" s="6"/>
      <c r="E20922" s="6" t="s">
        <v>9</v>
      </c>
      <c r="F20922" s="7">
        <v>38657</v>
      </c>
      <c r="G20922" s="8">
        <v>1</v>
      </c>
      <c r="H20922" s="8">
        <v>1</v>
      </c>
      <c r="I20922" s="8">
        <v>0</v>
      </c>
      <c r="J20922" s="8">
        <v>1</v>
      </c>
      <c r="K20922" s="9">
        <v>2.25999999999999</v>
      </c>
      <c r="L20922" s="6" t="s">
        <v>4151</v>
      </c>
    </row>
    <row r="20923" spans="1:12">
      <c r="A20923" s="6" t="s">
        <v>4151</v>
      </c>
      <c r="B20923" s="6"/>
      <c r="C20923" s="6" t="s">
        <v>20959</v>
      </c>
      <c r="D20923" s="6"/>
      <c r="E20923" s="6" t="s">
        <v>9</v>
      </c>
      <c r="F20923" s="7">
        <v>38657</v>
      </c>
      <c r="G20923" s="8">
        <v>1</v>
      </c>
      <c r="H20923" s="8">
        <v>1</v>
      </c>
      <c r="I20923" s="8">
        <v>0</v>
      </c>
      <c r="J20923" s="8">
        <v>1</v>
      </c>
      <c r="K20923" s="9">
        <v>4.91</v>
      </c>
      <c r="L20923" s="6" t="s">
        <v>4151</v>
      </c>
    </row>
    <row r="20924" spans="1:12">
      <c r="A20924" s="6" t="s">
        <v>4151</v>
      </c>
      <c r="B20924" s="6"/>
      <c r="C20924" s="6" t="s">
        <v>20960</v>
      </c>
      <c r="D20924" s="6"/>
      <c r="E20924" s="6" t="s">
        <v>9</v>
      </c>
      <c r="F20924" s="7">
        <v>38657</v>
      </c>
      <c r="G20924" s="8">
        <v>1</v>
      </c>
      <c r="H20924" s="8">
        <v>1</v>
      </c>
      <c r="I20924" s="8">
        <v>0</v>
      </c>
      <c r="J20924" s="8">
        <v>1</v>
      </c>
      <c r="K20924" s="9">
        <v>38</v>
      </c>
      <c r="L20924" s="6" t="s">
        <v>4151</v>
      </c>
    </row>
    <row r="20925" spans="1:12">
      <c r="A20925" s="6" t="s">
        <v>4151</v>
      </c>
      <c r="B20925" s="6"/>
      <c r="C20925" s="6" t="s">
        <v>20961</v>
      </c>
      <c r="D20925" s="6"/>
      <c r="E20925" s="6" t="s">
        <v>9</v>
      </c>
      <c r="F20925" s="7">
        <v>38657</v>
      </c>
      <c r="G20925" s="8">
        <v>1</v>
      </c>
      <c r="H20925" s="8">
        <v>1</v>
      </c>
      <c r="I20925" s="8">
        <v>0</v>
      </c>
      <c r="J20925" s="8">
        <v>1</v>
      </c>
      <c r="K20925" s="9">
        <v>9.81</v>
      </c>
      <c r="L20925" s="6" t="s">
        <v>4151</v>
      </c>
    </row>
    <row r="20926" spans="1:12">
      <c r="A20926" s="6" t="s">
        <v>4151</v>
      </c>
      <c r="B20926" s="6"/>
      <c r="C20926" s="6" t="s">
        <v>20962</v>
      </c>
      <c r="D20926" s="6"/>
      <c r="E20926" s="6" t="s">
        <v>9</v>
      </c>
      <c r="F20926" s="7">
        <v>38657</v>
      </c>
      <c r="G20926" s="8">
        <v>1</v>
      </c>
      <c r="H20926" s="8">
        <v>1</v>
      </c>
      <c r="I20926" s="8">
        <v>0</v>
      </c>
      <c r="J20926" s="8">
        <v>1</v>
      </c>
      <c r="K20926" s="9">
        <v>0.02</v>
      </c>
      <c r="L20926" s="6" t="s">
        <v>4151</v>
      </c>
    </row>
    <row r="20927" spans="1:12">
      <c r="A20927" s="6" t="s">
        <v>4151</v>
      </c>
      <c r="B20927" s="6"/>
      <c r="C20927" s="6" t="s">
        <v>20963</v>
      </c>
      <c r="D20927" s="6"/>
      <c r="E20927" s="6" t="s">
        <v>9</v>
      </c>
      <c r="F20927" s="7">
        <v>38657</v>
      </c>
      <c r="G20927" s="8">
        <v>1</v>
      </c>
      <c r="H20927" s="8">
        <v>1</v>
      </c>
      <c r="I20927" s="8">
        <v>0</v>
      </c>
      <c r="J20927" s="8">
        <v>1</v>
      </c>
      <c r="K20927" s="9">
        <v>22</v>
      </c>
      <c r="L20927" s="6" t="s">
        <v>4151</v>
      </c>
    </row>
    <row r="20928" spans="1:12">
      <c r="A20928" s="6" t="s">
        <v>4151</v>
      </c>
      <c r="B20928" s="6"/>
      <c r="C20928" s="6" t="s">
        <v>20964</v>
      </c>
      <c r="D20928" s="6"/>
      <c r="E20928" s="6" t="s">
        <v>9</v>
      </c>
      <c r="F20928" s="7">
        <v>38657</v>
      </c>
      <c r="G20928" s="8">
        <v>1</v>
      </c>
      <c r="H20928" s="8">
        <v>1</v>
      </c>
      <c r="I20928" s="8">
        <v>0</v>
      </c>
      <c r="J20928" s="8">
        <v>1</v>
      </c>
      <c r="K20928" s="9">
        <v>23</v>
      </c>
      <c r="L20928" s="6" t="s">
        <v>4151</v>
      </c>
    </row>
    <row r="20929" spans="1:12">
      <c r="A20929" s="6" t="s">
        <v>4151</v>
      </c>
      <c r="B20929" s="6"/>
      <c r="C20929" s="6" t="s">
        <v>20965</v>
      </c>
      <c r="D20929" s="6"/>
      <c r="E20929" s="6" t="s">
        <v>9</v>
      </c>
      <c r="F20929" s="7">
        <v>38657</v>
      </c>
      <c r="G20929" s="8">
        <v>1</v>
      </c>
      <c r="H20929" s="8">
        <v>1</v>
      </c>
      <c r="I20929" s="8">
        <v>0</v>
      </c>
      <c r="J20929" s="8">
        <v>1</v>
      </c>
      <c r="K20929" s="9">
        <v>46</v>
      </c>
      <c r="L20929" s="6" t="s">
        <v>4151</v>
      </c>
    </row>
    <row r="20930" spans="1:12">
      <c r="A20930" s="6" t="s">
        <v>4151</v>
      </c>
      <c r="B20930" s="6"/>
      <c r="C20930" s="6" t="s">
        <v>20966</v>
      </c>
      <c r="D20930" s="6"/>
      <c r="E20930" s="6" t="s">
        <v>9</v>
      </c>
      <c r="F20930" s="7">
        <v>38657</v>
      </c>
      <c r="G20930" s="8">
        <v>1</v>
      </c>
      <c r="H20930" s="8">
        <v>1</v>
      </c>
      <c r="I20930" s="8">
        <v>0</v>
      </c>
      <c r="J20930" s="8">
        <v>1</v>
      </c>
      <c r="K20930" s="9">
        <v>30</v>
      </c>
      <c r="L20930" s="6" t="s">
        <v>4151</v>
      </c>
    </row>
    <row r="20931" spans="1:12">
      <c r="A20931" s="6" t="s">
        <v>4151</v>
      </c>
      <c r="B20931" s="6"/>
      <c r="C20931" s="6" t="s">
        <v>20967</v>
      </c>
      <c r="D20931" s="6"/>
      <c r="E20931" s="6" t="s">
        <v>9</v>
      </c>
      <c r="F20931" s="7">
        <v>38657</v>
      </c>
      <c r="G20931" s="8">
        <v>1</v>
      </c>
      <c r="H20931" s="8">
        <v>1</v>
      </c>
      <c r="I20931" s="8">
        <v>0</v>
      </c>
      <c r="J20931" s="8">
        <v>1</v>
      </c>
      <c r="K20931" s="9">
        <v>30</v>
      </c>
      <c r="L20931" s="6" t="s">
        <v>4151</v>
      </c>
    </row>
    <row r="20932" spans="1:12">
      <c r="A20932" s="6" t="s">
        <v>4151</v>
      </c>
      <c r="B20932" s="6"/>
      <c r="C20932" s="6" t="s">
        <v>20968</v>
      </c>
      <c r="D20932" s="6"/>
      <c r="E20932" s="6" t="s">
        <v>9</v>
      </c>
      <c r="F20932" s="7">
        <v>38657</v>
      </c>
      <c r="G20932" s="8">
        <v>1</v>
      </c>
      <c r="H20932" s="8">
        <v>1</v>
      </c>
      <c r="I20932" s="8">
        <v>0</v>
      </c>
      <c r="J20932" s="8">
        <v>1</v>
      </c>
      <c r="K20932" s="9">
        <v>15</v>
      </c>
      <c r="L20932" s="6" t="s">
        <v>4151</v>
      </c>
    </row>
    <row r="20933" spans="1:12">
      <c r="A20933" s="6" t="s">
        <v>4151</v>
      </c>
      <c r="B20933" s="6"/>
      <c r="C20933" s="6" t="s">
        <v>20969</v>
      </c>
      <c r="D20933" s="6"/>
      <c r="E20933" s="6" t="s">
        <v>9</v>
      </c>
      <c r="F20933" s="7">
        <v>38657</v>
      </c>
      <c r="G20933" s="8">
        <v>1</v>
      </c>
      <c r="H20933" s="8">
        <v>1</v>
      </c>
      <c r="I20933" s="8">
        <v>0</v>
      </c>
      <c r="J20933" s="8">
        <v>1</v>
      </c>
      <c r="K20933" s="9">
        <v>20</v>
      </c>
      <c r="L20933" s="6" t="s">
        <v>4151</v>
      </c>
    </row>
    <row r="20934" spans="1:12">
      <c r="A20934" s="6" t="s">
        <v>4151</v>
      </c>
      <c r="B20934" s="6"/>
      <c r="C20934" s="6" t="s">
        <v>20970</v>
      </c>
      <c r="D20934" s="6"/>
      <c r="E20934" s="6" t="s">
        <v>9</v>
      </c>
      <c r="F20934" s="7">
        <v>38657</v>
      </c>
      <c r="G20934" s="8">
        <v>1</v>
      </c>
      <c r="H20934" s="8">
        <v>1</v>
      </c>
      <c r="I20934" s="8">
        <v>0</v>
      </c>
      <c r="J20934" s="8">
        <v>1</v>
      </c>
      <c r="K20934" s="9">
        <v>25</v>
      </c>
      <c r="L20934" s="6" t="s">
        <v>4151</v>
      </c>
    </row>
    <row r="20935" spans="1:12">
      <c r="A20935" s="6" t="s">
        <v>4151</v>
      </c>
      <c r="B20935" s="6"/>
      <c r="C20935" s="6" t="s">
        <v>20971</v>
      </c>
      <c r="D20935" s="6"/>
      <c r="E20935" s="6" t="s">
        <v>9</v>
      </c>
      <c r="F20935" s="7">
        <v>38657</v>
      </c>
      <c r="G20935" s="8">
        <v>1</v>
      </c>
      <c r="H20935" s="8">
        <v>1</v>
      </c>
      <c r="I20935" s="8">
        <v>0</v>
      </c>
      <c r="J20935" s="8">
        <v>1</v>
      </c>
      <c r="K20935" s="9">
        <v>13</v>
      </c>
      <c r="L20935" s="6" t="s">
        <v>4151</v>
      </c>
    </row>
    <row r="20936" spans="1:12">
      <c r="A20936" s="6" t="s">
        <v>4151</v>
      </c>
      <c r="B20936" s="6"/>
      <c r="C20936" s="6" t="s">
        <v>20972</v>
      </c>
      <c r="D20936" s="6"/>
      <c r="E20936" s="6" t="s">
        <v>9</v>
      </c>
      <c r="F20936" s="7">
        <v>38657</v>
      </c>
      <c r="G20936" s="8">
        <v>1</v>
      </c>
      <c r="H20936" s="8">
        <v>1</v>
      </c>
      <c r="I20936" s="8">
        <v>0</v>
      </c>
      <c r="J20936" s="8">
        <v>1</v>
      </c>
      <c r="K20936" s="9">
        <v>16</v>
      </c>
      <c r="L20936" s="6" t="s">
        <v>4151</v>
      </c>
    </row>
    <row r="20937" spans="1:12">
      <c r="A20937" s="6" t="s">
        <v>4151</v>
      </c>
      <c r="B20937" s="6"/>
      <c r="C20937" s="6" t="s">
        <v>20973</v>
      </c>
      <c r="D20937" s="6"/>
      <c r="E20937" s="6" t="s">
        <v>9</v>
      </c>
      <c r="F20937" s="7">
        <v>38657</v>
      </c>
      <c r="G20937" s="8">
        <v>1</v>
      </c>
      <c r="H20937" s="8">
        <v>1</v>
      </c>
      <c r="I20937" s="8">
        <v>0</v>
      </c>
      <c r="J20937" s="8">
        <v>1</v>
      </c>
      <c r="K20937" s="9">
        <v>12</v>
      </c>
      <c r="L20937" s="6" t="s">
        <v>4151</v>
      </c>
    </row>
    <row r="20938" spans="1:12">
      <c r="A20938" s="6" t="s">
        <v>4151</v>
      </c>
      <c r="B20938" s="6"/>
      <c r="C20938" s="6" t="s">
        <v>20974</v>
      </c>
      <c r="D20938" s="6"/>
      <c r="E20938" s="6" t="s">
        <v>9</v>
      </c>
      <c r="F20938" s="7">
        <v>38657</v>
      </c>
      <c r="G20938" s="8">
        <v>1</v>
      </c>
      <c r="H20938" s="8">
        <v>1</v>
      </c>
      <c r="I20938" s="8">
        <v>0</v>
      </c>
      <c r="J20938" s="8">
        <v>1</v>
      </c>
      <c r="K20938" s="9">
        <v>11</v>
      </c>
      <c r="L20938" s="6" t="s">
        <v>4151</v>
      </c>
    </row>
    <row r="20939" spans="1:12">
      <c r="A20939" s="6" t="s">
        <v>4151</v>
      </c>
      <c r="B20939" s="6"/>
      <c r="C20939" s="6" t="s">
        <v>20975</v>
      </c>
      <c r="D20939" s="6"/>
      <c r="E20939" s="6" t="s">
        <v>9</v>
      </c>
      <c r="F20939" s="7">
        <v>38657</v>
      </c>
      <c r="G20939" s="8">
        <v>1</v>
      </c>
      <c r="H20939" s="8">
        <v>1</v>
      </c>
      <c r="I20939" s="8">
        <v>0</v>
      </c>
      <c r="J20939" s="8">
        <v>1</v>
      </c>
      <c r="K20939" s="9">
        <v>13</v>
      </c>
      <c r="L20939" s="6" t="s">
        <v>4151</v>
      </c>
    </row>
    <row r="20940" spans="1:12">
      <c r="A20940" s="6" t="s">
        <v>4151</v>
      </c>
      <c r="B20940" s="6"/>
      <c r="C20940" s="6" t="s">
        <v>20976</v>
      </c>
      <c r="D20940" s="6"/>
      <c r="E20940" s="6" t="s">
        <v>9</v>
      </c>
      <c r="F20940" s="7">
        <v>38657</v>
      </c>
      <c r="G20940" s="8">
        <v>1</v>
      </c>
      <c r="H20940" s="8">
        <v>1</v>
      </c>
      <c r="I20940" s="8">
        <v>0</v>
      </c>
      <c r="J20940" s="8">
        <v>1</v>
      </c>
      <c r="K20940" s="9">
        <v>24</v>
      </c>
      <c r="L20940" s="6" t="s">
        <v>4151</v>
      </c>
    </row>
    <row r="20941" spans="1:12">
      <c r="A20941" s="6" t="s">
        <v>4151</v>
      </c>
      <c r="B20941" s="6"/>
      <c r="C20941" s="6" t="s">
        <v>20977</v>
      </c>
      <c r="D20941" s="6"/>
      <c r="E20941" s="6" t="s">
        <v>9</v>
      </c>
      <c r="F20941" s="7">
        <v>38657</v>
      </c>
      <c r="G20941" s="8">
        <v>1</v>
      </c>
      <c r="H20941" s="8">
        <v>1</v>
      </c>
      <c r="I20941" s="8">
        <v>0</v>
      </c>
      <c r="J20941" s="8">
        <v>1</v>
      </c>
      <c r="K20941" s="9">
        <v>31</v>
      </c>
      <c r="L20941" s="6" t="s">
        <v>4151</v>
      </c>
    </row>
    <row r="20942" spans="1:12">
      <c r="A20942" s="6" t="s">
        <v>4151</v>
      </c>
      <c r="B20942" s="6"/>
      <c r="C20942" s="6" t="s">
        <v>20978</v>
      </c>
      <c r="D20942" s="6"/>
      <c r="E20942" s="6" t="s">
        <v>9</v>
      </c>
      <c r="F20942" s="7">
        <v>38657</v>
      </c>
      <c r="G20942" s="8">
        <v>1</v>
      </c>
      <c r="H20942" s="8">
        <v>1</v>
      </c>
      <c r="I20942" s="8">
        <v>0</v>
      </c>
      <c r="J20942" s="8">
        <v>1</v>
      </c>
      <c r="K20942" s="9">
        <v>25</v>
      </c>
      <c r="L20942" s="6" t="s">
        <v>4151</v>
      </c>
    </row>
    <row r="20943" spans="1:12">
      <c r="A20943" s="6" t="s">
        <v>4151</v>
      </c>
      <c r="B20943" s="6"/>
      <c r="C20943" s="6" t="s">
        <v>20979</v>
      </c>
      <c r="D20943" s="6"/>
      <c r="E20943" s="6" t="s">
        <v>9</v>
      </c>
      <c r="F20943" s="7">
        <v>38657</v>
      </c>
      <c r="G20943" s="8">
        <v>1</v>
      </c>
      <c r="H20943" s="8">
        <v>1</v>
      </c>
      <c r="I20943" s="8">
        <v>0</v>
      </c>
      <c r="J20943" s="8">
        <v>1</v>
      </c>
      <c r="K20943" s="9">
        <v>24</v>
      </c>
      <c r="L20943" s="6" t="s">
        <v>4151</v>
      </c>
    </row>
    <row r="20944" spans="1:12">
      <c r="A20944" s="6" t="s">
        <v>4151</v>
      </c>
      <c r="B20944" s="6"/>
      <c r="C20944" s="6" t="s">
        <v>20980</v>
      </c>
      <c r="D20944" s="6"/>
      <c r="E20944" s="6" t="s">
        <v>9</v>
      </c>
      <c r="F20944" s="7">
        <v>38657</v>
      </c>
      <c r="G20944" s="8">
        <v>1</v>
      </c>
      <c r="H20944" s="8">
        <v>1</v>
      </c>
      <c r="I20944" s="8">
        <v>0</v>
      </c>
      <c r="J20944" s="8">
        <v>1</v>
      </c>
      <c r="K20944" s="9">
        <v>24</v>
      </c>
      <c r="L20944" s="6" t="s">
        <v>4151</v>
      </c>
    </row>
    <row r="20945" spans="1:12">
      <c r="A20945" s="6" t="s">
        <v>4151</v>
      </c>
      <c r="B20945" s="6"/>
      <c r="C20945" s="6" t="s">
        <v>20981</v>
      </c>
      <c r="D20945" s="6"/>
      <c r="E20945" s="6" t="s">
        <v>9</v>
      </c>
      <c r="F20945" s="7">
        <v>38657</v>
      </c>
      <c r="G20945" s="8">
        <v>1</v>
      </c>
      <c r="H20945" s="8">
        <v>1</v>
      </c>
      <c r="I20945" s="8">
        <v>0</v>
      </c>
      <c r="J20945" s="8">
        <v>1</v>
      </c>
      <c r="K20945" s="9">
        <v>19</v>
      </c>
      <c r="L20945" s="6" t="s">
        <v>4151</v>
      </c>
    </row>
    <row r="20946" spans="1:12">
      <c r="A20946" s="6" t="s">
        <v>4151</v>
      </c>
      <c r="B20946" s="6"/>
      <c r="C20946" s="6" t="s">
        <v>20982</v>
      </c>
      <c r="D20946" s="6"/>
      <c r="E20946" s="6" t="s">
        <v>9</v>
      </c>
      <c r="F20946" s="7">
        <v>38657</v>
      </c>
      <c r="G20946" s="8">
        <v>1</v>
      </c>
      <c r="H20946" s="8">
        <v>1</v>
      </c>
      <c r="I20946" s="8">
        <v>0</v>
      </c>
      <c r="J20946" s="8">
        <v>1</v>
      </c>
      <c r="K20946" s="9">
        <v>17</v>
      </c>
      <c r="L20946" s="6" t="s">
        <v>4151</v>
      </c>
    </row>
    <row r="20947" spans="1:12">
      <c r="A20947" s="6" t="s">
        <v>4151</v>
      </c>
      <c r="B20947" s="6"/>
      <c r="C20947" s="6" t="s">
        <v>20983</v>
      </c>
      <c r="D20947" s="6"/>
      <c r="E20947" s="6" t="s">
        <v>9</v>
      </c>
      <c r="F20947" s="7">
        <v>38657</v>
      </c>
      <c r="G20947" s="8">
        <v>1</v>
      </c>
      <c r="H20947" s="8">
        <v>1</v>
      </c>
      <c r="I20947" s="8">
        <v>0</v>
      </c>
      <c r="J20947" s="8">
        <v>1</v>
      </c>
      <c r="K20947" s="9">
        <v>95</v>
      </c>
      <c r="L20947" s="6" t="s">
        <v>4151</v>
      </c>
    </row>
    <row r="20948" spans="1:12">
      <c r="A20948" s="6" t="s">
        <v>4151</v>
      </c>
      <c r="B20948" s="6"/>
      <c r="C20948" s="6" t="s">
        <v>20984</v>
      </c>
      <c r="D20948" s="6"/>
      <c r="E20948" s="6" t="s">
        <v>9</v>
      </c>
      <c r="F20948" s="7">
        <v>38657</v>
      </c>
      <c r="G20948" s="8">
        <v>1</v>
      </c>
      <c r="H20948" s="8">
        <v>1</v>
      </c>
      <c r="I20948" s="8">
        <v>0</v>
      </c>
      <c r="J20948" s="8">
        <v>1</v>
      </c>
      <c r="K20948" s="9">
        <v>72</v>
      </c>
      <c r="L20948" s="6" t="s">
        <v>4151</v>
      </c>
    </row>
    <row r="20949" spans="1:12">
      <c r="A20949" s="6" t="s">
        <v>4151</v>
      </c>
      <c r="B20949" s="6"/>
      <c r="C20949" s="6" t="s">
        <v>20985</v>
      </c>
      <c r="D20949" s="6"/>
      <c r="E20949" s="6" t="s">
        <v>9</v>
      </c>
      <c r="F20949" s="7">
        <v>38657</v>
      </c>
      <c r="G20949" s="8">
        <v>1</v>
      </c>
      <c r="H20949" s="8">
        <v>1</v>
      </c>
      <c r="I20949" s="8">
        <v>0</v>
      </c>
      <c r="J20949" s="8">
        <v>1</v>
      </c>
      <c r="K20949" s="9">
        <v>13</v>
      </c>
      <c r="L20949" s="6" t="s">
        <v>4151</v>
      </c>
    </row>
    <row r="20950" spans="1:12">
      <c r="A20950" s="6" t="s">
        <v>4151</v>
      </c>
      <c r="B20950" s="6"/>
      <c r="C20950" s="6" t="s">
        <v>20986</v>
      </c>
      <c r="D20950" s="6"/>
      <c r="E20950" s="6" t="s">
        <v>9</v>
      </c>
      <c r="F20950" s="7">
        <v>38657</v>
      </c>
      <c r="G20950" s="8">
        <v>1</v>
      </c>
      <c r="H20950" s="8">
        <v>1</v>
      </c>
      <c r="I20950" s="8">
        <v>0</v>
      </c>
      <c r="J20950" s="8">
        <v>1</v>
      </c>
      <c r="K20950" s="9">
        <v>135</v>
      </c>
      <c r="L20950" s="6" t="s">
        <v>4151</v>
      </c>
    </row>
    <row r="20951" spans="1:12">
      <c r="A20951" s="6" t="s">
        <v>4151</v>
      </c>
      <c r="B20951" s="6"/>
      <c r="C20951" s="6" t="s">
        <v>20987</v>
      </c>
      <c r="D20951" s="6"/>
      <c r="E20951" s="6" t="s">
        <v>9</v>
      </c>
      <c r="F20951" s="7">
        <v>38657</v>
      </c>
      <c r="G20951" s="8">
        <v>1</v>
      </c>
      <c r="H20951" s="8">
        <v>1</v>
      </c>
      <c r="I20951" s="8">
        <v>0</v>
      </c>
      <c r="J20951" s="8">
        <v>1</v>
      </c>
      <c r="K20951" s="9">
        <v>54</v>
      </c>
      <c r="L20951" s="6" t="s">
        <v>4151</v>
      </c>
    </row>
    <row r="20952" spans="1:12">
      <c r="A20952" s="6" t="s">
        <v>4151</v>
      </c>
      <c r="B20952" s="6"/>
      <c r="C20952" s="6" t="s">
        <v>20988</v>
      </c>
      <c r="D20952" s="6"/>
      <c r="E20952" s="6" t="s">
        <v>9</v>
      </c>
      <c r="F20952" s="7">
        <v>38657</v>
      </c>
      <c r="G20952" s="8">
        <v>1</v>
      </c>
      <c r="H20952" s="8">
        <v>1</v>
      </c>
      <c r="I20952" s="8">
        <v>0</v>
      </c>
      <c r="J20952" s="8">
        <v>1</v>
      </c>
      <c r="K20952" s="9">
        <v>5.04</v>
      </c>
      <c r="L20952" s="6" t="s">
        <v>4151</v>
      </c>
    </row>
    <row r="20953" spans="1:12">
      <c r="A20953" s="6" t="s">
        <v>4151</v>
      </c>
      <c r="B20953" s="6"/>
      <c r="C20953" s="6" t="s">
        <v>20989</v>
      </c>
      <c r="D20953" s="6"/>
      <c r="E20953" s="6" t="s">
        <v>9</v>
      </c>
      <c r="F20953" s="7">
        <v>38657</v>
      </c>
      <c r="G20953" s="8">
        <v>1</v>
      </c>
      <c r="H20953" s="8">
        <v>1</v>
      </c>
      <c r="I20953" s="8">
        <v>0</v>
      </c>
      <c r="J20953" s="8">
        <v>1</v>
      </c>
      <c r="K20953" s="9">
        <v>112</v>
      </c>
      <c r="L20953" s="6" t="s">
        <v>4151</v>
      </c>
    </row>
    <row r="20954" spans="1:12">
      <c r="A20954" s="6" t="s">
        <v>4151</v>
      </c>
      <c r="B20954" s="6"/>
      <c r="C20954" s="6" t="s">
        <v>20990</v>
      </c>
      <c r="D20954" s="6"/>
      <c r="E20954" s="6" t="s">
        <v>9</v>
      </c>
      <c r="F20954" s="7">
        <v>38657</v>
      </c>
      <c r="G20954" s="8">
        <v>1</v>
      </c>
      <c r="H20954" s="8">
        <v>1</v>
      </c>
      <c r="I20954" s="8">
        <v>0</v>
      </c>
      <c r="J20954" s="8">
        <v>1</v>
      </c>
      <c r="K20954" s="9">
        <v>13</v>
      </c>
      <c r="L20954" s="6" t="s">
        <v>4151</v>
      </c>
    </row>
    <row r="20955" spans="1:12">
      <c r="A20955" s="6" t="s">
        <v>4151</v>
      </c>
      <c r="B20955" s="6"/>
      <c r="C20955" s="6" t="s">
        <v>20991</v>
      </c>
      <c r="D20955" s="6"/>
      <c r="E20955" s="6" t="s">
        <v>9</v>
      </c>
      <c r="F20955" s="7">
        <v>38657</v>
      </c>
      <c r="G20955" s="8">
        <v>1</v>
      </c>
      <c r="H20955" s="8">
        <v>1</v>
      </c>
      <c r="I20955" s="8">
        <v>0</v>
      </c>
      <c r="J20955" s="8">
        <v>1</v>
      </c>
      <c r="K20955" s="9">
        <v>111</v>
      </c>
      <c r="L20955" s="6" t="s">
        <v>4151</v>
      </c>
    </row>
    <row r="20956" spans="1:12">
      <c r="A20956" s="6" t="s">
        <v>4151</v>
      </c>
      <c r="B20956" s="6"/>
      <c r="C20956" s="6" t="s">
        <v>20992</v>
      </c>
      <c r="D20956" s="6"/>
      <c r="E20956" s="6" t="s">
        <v>9</v>
      </c>
      <c r="F20956" s="7">
        <v>38657</v>
      </c>
      <c r="G20956" s="8">
        <v>1</v>
      </c>
      <c r="H20956" s="8">
        <v>1</v>
      </c>
      <c r="I20956" s="8">
        <v>0</v>
      </c>
      <c r="J20956" s="8">
        <v>1</v>
      </c>
      <c r="K20956" s="9">
        <v>12</v>
      </c>
      <c r="L20956" s="6" t="s">
        <v>4151</v>
      </c>
    </row>
    <row r="20957" spans="1:12">
      <c r="A20957" s="6" t="s">
        <v>4151</v>
      </c>
      <c r="B20957" s="6"/>
      <c r="C20957" s="6" t="s">
        <v>20993</v>
      </c>
      <c r="D20957" s="6"/>
      <c r="E20957" s="6" t="s">
        <v>9</v>
      </c>
      <c r="F20957" s="7">
        <v>38657</v>
      </c>
      <c r="G20957" s="8">
        <v>1</v>
      </c>
      <c r="H20957" s="8">
        <v>1</v>
      </c>
      <c r="I20957" s="8">
        <v>0</v>
      </c>
      <c r="J20957" s="8">
        <v>1</v>
      </c>
      <c r="K20957" s="9">
        <v>17</v>
      </c>
      <c r="L20957" s="6" t="s">
        <v>4151</v>
      </c>
    </row>
    <row r="20958" spans="1:12">
      <c r="A20958" s="6" t="s">
        <v>4151</v>
      </c>
      <c r="B20958" s="6"/>
      <c r="C20958" s="6" t="s">
        <v>20994</v>
      </c>
      <c r="D20958" s="6"/>
      <c r="E20958" s="6" t="s">
        <v>9</v>
      </c>
      <c r="F20958" s="7">
        <v>38657</v>
      </c>
      <c r="G20958" s="8">
        <v>1</v>
      </c>
      <c r="H20958" s="8">
        <v>1</v>
      </c>
      <c r="I20958" s="8">
        <v>0</v>
      </c>
      <c r="J20958" s="8">
        <v>1</v>
      </c>
      <c r="K20958" s="9">
        <v>6.11</v>
      </c>
      <c r="L20958" s="6" t="s">
        <v>4151</v>
      </c>
    </row>
    <row r="20959" spans="1:12">
      <c r="A20959" s="6" t="s">
        <v>4151</v>
      </c>
      <c r="B20959" s="6"/>
      <c r="C20959" s="6" t="s">
        <v>20995</v>
      </c>
      <c r="D20959" s="6"/>
      <c r="E20959" s="6" t="s">
        <v>9</v>
      </c>
      <c r="F20959" s="7">
        <v>38657</v>
      </c>
      <c r="G20959" s="8">
        <v>1</v>
      </c>
      <c r="H20959" s="8">
        <v>1</v>
      </c>
      <c r="I20959" s="8">
        <v>0</v>
      </c>
      <c r="J20959" s="8">
        <v>1</v>
      </c>
      <c r="K20959" s="9">
        <v>8.6300000000000008</v>
      </c>
      <c r="L20959" s="6" t="s">
        <v>4151</v>
      </c>
    </row>
    <row r="20960" spans="1:12">
      <c r="A20960" s="6" t="s">
        <v>4151</v>
      </c>
      <c r="B20960" s="6"/>
      <c r="C20960" s="6" t="s">
        <v>20996</v>
      </c>
      <c r="D20960" s="6"/>
      <c r="E20960" s="6" t="s">
        <v>9</v>
      </c>
      <c r="F20960" s="7">
        <v>38657</v>
      </c>
      <c r="G20960" s="8">
        <v>1</v>
      </c>
      <c r="H20960" s="8">
        <v>1</v>
      </c>
      <c r="I20960" s="8">
        <v>0</v>
      </c>
      <c r="J20960" s="8">
        <v>1</v>
      </c>
      <c r="K20960" s="9">
        <v>7.81</v>
      </c>
      <c r="L20960" s="6" t="s">
        <v>4151</v>
      </c>
    </row>
    <row r="20961" spans="1:12">
      <c r="A20961" s="6" t="s">
        <v>4151</v>
      </c>
      <c r="B20961" s="6"/>
      <c r="C20961" s="6" t="s">
        <v>20997</v>
      </c>
      <c r="D20961" s="6"/>
      <c r="E20961" s="6" t="s">
        <v>9</v>
      </c>
      <c r="F20961" s="7">
        <v>38657</v>
      </c>
      <c r="G20961" s="8">
        <v>1</v>
      </c>
      <c r="H20961" s="8">
        <v>1</v>
      </c>
      <c r="I20961" s="8">
        <v>0</v>
      </c>
      <c r="J20961" s="8">
        <v>1</v>
      </c>
      <c r="K20961" s="9">
        <v>11</v>
      </c>
      <c r="L20961" s="6" t="s">
        <v>4151</v>
      </c>
    </row>
    <row r="20962" spans="1:12">
      <c r="A20962" s="6" t="s">
        <v>4151</v>
      </c>
      <c r="B20962" s="6"/>
      <c r="C20962" s="6" t="s">
        <v>20998</v>
      </c>
      <c r="D20962" s="6"/>
      <c r="E20962" s="6" t="s">
        <v>9</v>
      </c>
      <c r="F20962" s="7">
        <v>38657</v>
      </c>
      <c r="G20962" s="8">
        <v>1</v>
      </c>
      <c r="H20962" s="8">
        <v>1</v>
      </c>
      <c r="I20962" s="8">
        <v>0</v>
      </c>
      <c r="J20962" s="8">
        <v>1</v>
      </c>
      <c r="K20962" s="9">
        <v>12</v>
      </c>
      <c r="L20962" s="6" t="s">
        <v>4151</v>
      </c>
    </row>
    <row r="20963" spans="1:12">
      <c r="A20963" s="6" t="s">
        <v>4151</v>
      </c>
      <c r="B20963" s="6"/>
      <c r="C20963" s="6" t="s">
        <v>20999</v>
      </c>
      <c r="D20963" s="6"/>
      <c r="E20963" s="6" t="s">
        <v>9</v>
      </c>
      <c r="F20963" s="7">
        <v>38657</v>
      </c>
      <c r="G20963" s="8">
        <v>1</v>
      </c>
      <c r="H20963" s="8">
        <v>1</v>
      </c>
      <c r="I20963" s="8">
        <v>0</v>
      </c>
      <c r="J20963" s="8">
        <v>1</v>
      </c>
      <c r="K20963" s="9">
        <v>17</v>
      </c>
      <c r="L20963" s="6" t="s">
        <v>4151</v>
      </c>
    </row>
    <row r="20964" spans="1:12">
      <c r="A20964" s="6" t="s">
        <v>4151</v>
      </c>
      <c r="B20964" s="6"/>
      <c r="C20964" s="6" t="s">
        <v>21000</v>
      </c>
      <c r="D20964" s="6"/>
      <c r="E20964" s="6" t="s">
        <v>9</v>
      </c>
      <c r="F20964" s="7">
        <v>38657</v>
      </c>
      <c r="G20964" s="8">
        <v>1</v>
      </c>
      <c r="H20964" s="8">
        <v>1</v>
      </c>
      <c r="I20964" s="8">
        <v>0</v>
      </c>
      <c r="J20964" s="8">
        <v>1</v>
      </c>
      <c r="K20964" s="9">
        <v>22</v>
      </c>
      <c r="L20964" s="6" t="s">
        <v>4151</v>
      </c>
    </row>
    <row r="20965" spans="1:12">
      <c r="A20965" s="6" t="s">
        <v>4151</v>
      </c>
      <c r="B20965" s="6"/>
      <c r="C20965" s="6" t="s">
        <v>21001</v>
      </c>
      <c r="D20965" s="6"/>
      <c r="E20965" s="6" t="s">
        <v>9</v>
      </c>
      <c r="F20965" s="7">
        <v>38657</v>
      </c>
      <c r="G20965" s="8">
        <v>1</v>
      </c>
      <c r="H20965" s="8">
        <v>1</v>
      </c>
      <c r="I20965" s="8">
        <v>0</v>
      </c>
      <c r="J20965" s="8">
        <v>1</v>
      </c>
      <c r="K20965" s="9">
        <v>22</v>
      </c>
      <c r="L20965" s="6" t="s">
        <v>4151</v>
      </c>
    </row>
    <row r="20966" spans="1:12">
      <c r="A20966" s="6" t="s">
        <v>4151</v>
      </c>
      <c r="B20966" s="6"/>
      <c r="C20966" s="6" t="s">
        <v>21002</v>
      </c>
      <c r="D20966" s="6"/>
      <c r="E20966" s="6" t="s">
        <v>9</v>
      </c>
      <c r="F20966" s="7">
        <v>38657</v>
      </c>
      <c r="G20966" s="8">
        <v>1</v>
      </c>
      <c r="H20966" s="8">
        <v>1</v>
      </c>
      <c r="I20966" s="8">
        <v>0</v>
      </c>
      <c r="J20966" s="8">
        <v>1</v>
      </c>
      <c r="K20966" s="9">
        <v>31</v>
      </c>
      <c r="L20966" s="6" t="s">
        <v>4151</v>
      </c>
    </row>
    <row r="20967" spans="1:12">
      <c r="A20967" s="6" t="s">
        <v>4151</v>
      </c>
      <c r="B20967" s="6"/>
      <c r="C20967" s="6" t="s">
        <v>21003</v>
      </c>
      <c r="D20967" s="6"/>
      <c r="E20967" s="6" t="s">
        <v>9</v>
      </c>
      <c r="F20967" s="7">
        <v>38657</v>
      </c>
      <c r="G20967" s="8">
        <v>1</v>
      </c>
      <c r="H20967" s="8">
        <v>1</v>
      </c>
      <c r="I20967" s="8">
        <v>0</v>
      </c>
      <c r="J20967" s="8">
        <v>1</v>
      </c>
      <c r="K20967" s="9">
        <v>10</v>
      </c>
      <c r="L20967" s="6" t="s">
        <v>4151</v>
      </c>
    </row>
    <row r="20968" spans="1:12">
      <c r="A20968" s="6" t="s">
        <v>4151</v>
      </c>
      <c r="B20968" s="6"/>
      <c r="C20968" s="6" t="s">
        <v>21004</v>
      </c>
      <c r="D20968" s="6"/>
      <c r="E20968" s="6" t="s">
        <v>9</v>
      </c>
      <c r="F20968" s="7">
        <v>38657</v>
      </c>
      <c r="G20968" s="8">
        <v>1</v>
      </c>
      <c r="H20968" s="8">
        <v>1</v>
      </c>
      <c r="I20968" s="8">
        <v>0</v>
      </c>
      <c r="J20968" s="8">
        <v>1</v>
      </c>
      <c r="K20968" s="9">
        <v>15</v>
      </c>
      <c r="L20968" s="6" t="s">
        <v>4151</v>
      </c>
    </row>
    <row r="20969" spans="1:12">
      <c r="A20969" s="6" t="s">
        <v>4151</v>
      </c>
      <c r="B20969" s="6"/>
      <c r="C20969" s="6" t="s">
        <v>21005</v>
      </c>
      <c r="D20969" s="6"/>
      <c r="E20969" s="6" t="s">
        <v>9</v>
      </c>
      <c r="F20969" s="7">
        <v>38657</v>
      </c>
      <c r="G20969" s="8">
        <v>1</v>
      </c>
      <c r="H20969" s="8">
        <v>1</v>
      </c>
      <c r="I20969" s="8">
        <v>0</v>
      </c>
      <c r="J20969" s="8">
        <v>1</v>
      </c>
      <c r="K20969" s="9">
        <v>22</v>
      </c>
      <c r="L20969" s="6" t="s">
        <v>4151</v>
      </c>
    </row>
    <row r="20970" spans="1:12">
      <c r="A20970" s="6" t="s">
        <v>4151</v>
      </c>
      <c r="B20970" s="6"/>
      <c r="C20970" s="6" t="s">
        <v>21006</v>
      </c>
      <c r="D20970" s="6"/>
      <c r="E20970" s="6" t="s">
        <v>9</v>
      </c>
      <c r="F20970" s="7">
        <v>38657</v>
      </c>
      <c r="G20970" s="8">
        <v>1</v>
      </c>
      <c r="H20970" s="8">
        <v>1</v>
      </c>
      <c r="I20970" s="8">
        <v>0</v>
      </c>
      <c r="J20970" s="8">
        <v>1</v>
      </c>
      <c r="K20970" s="9">
        <v>32</v>
      </c>
      <c r="L20970" s="6" t="s">
        <v>4151</v>
      </c>
    </row>
    <row r="20971" spans="1:12">
      <c r="A20971" s="6" t="s">
        <v>4151</v>
      </c>
      <c r="B20971" s="6"/>
      <c r="C20971" s="6" t="s">
        <v>21007</v>
      </c>
      <c r="D20971" s="6"/>
      <c r="E20971" s="6" t="s">
        <v>9</v>
      </c>
      <c r="F20971" s="7">
        <v>38657</v>
      </c>
      <c r="G20971" s="8">
        <v>1</v>
      </c>
      <c r="H20971" s="8">
        <v>1</v>
      </c>
      <c r="I20971" s="8">
        <v>0</v>
      </c>
      <c r="J20971" s="8">
        <v>1</v>
      </c>
      <c r="K20971" s="9">
        <v>29</v>
      </c>
      <c r="L20971" s="6" t="s">
        <v>4151</v>
      </c>
    </row>
    <row r="20972" spans="1:12">
      <c r="A20972" s="6" t="s">
        <v>4151</v>
      </c>
      <c r="B20972" s="6"/>
      <c r="C20972" s="6" t="s">
        <v>21008</v>
      </c>
      <c r="D20972" s="6"/>
      <c r="E20972" s="6" t="s">
        <v>9</v>
      </c>
      <c r="F20972" s="7">
        <v>38657</v>
      </c>
      <c r="G20972" s="8">
        <v>1</v>
      </c>
      <c r="H20972" s="8">
        <v>1</v>
      </c>
      <c r="I20972" s="8">
        <v>0</v>
      </c>
      <c r="J20972" s="8">
        <v>1</v>
      </c>
      <c r="K20972" s="9">
        <v>38</v>
      </c>
      <c r="L20972" s="6" t="s">
        <v>4151</v>
      </c>
    </row>
    <row r="20973" spans="1:12">
      <c r="A20973" s="6" t="s">
        <v>4151</v>
      </c>
      <c r="B20973" s="6"/>
      <c r="C20973" s="6" t="s">
        <v>21009</v>
      </c>
      <c r="D20973" s="6"/>
      <c r="E20973" s="6" t="s">
        <v>9</v>
      </c>
      <c r="F20973" s="7">
        <v>38657</v>
      </c>
      <c r="G20973" s="8">
        <v>1</v>
      </c>
      <c r="H20973" s="8">
        <v>1</v>
      </c>
      <c r="I20973" s="8">
        <v>0</v>
      </c>
      <c r="J20973" s="8">
        <v>1</v>
      </c>
      <c r="K20973" s="9">
        <v>27</v>
      </c>
      <c r="L20973" s="6" t="s">
        <v>4151</v>
      </c>
    </row>
    <row r="20974" spans="1:12">
      <c r="A20974" s="6" t="s">
        <v>4151</v>
      </c>
      <c r="B20974" s="6"/>
      <c r="C20974" s="6" t="s">
        <v>21010</v>
      </c>
      <c r="D20974" s="6"/>
      <c r="E20974" s="6" t="s">
        <v>9</v>
      </c>
      <c r="F20974" s="7">
        <v>38657</v>
      </c>
      <c r="G20974" s="8">
        <v>1</v>
      </c>
      <c r="H20974" s="8">
        <v>1</v>
      </c>
      <c r="I20974" s="8">
        <v>0</v>
      </c>
      <c r="J20974" s="8">
        <v>1</v>
      </c>
      <c r="K20974" s="9">
        <v>24</v>
      </c>
      <c r="L20974" s="6" t="s">
        <v>4151</v>
      </c>
    </row>
    <row r="20975" spans="1:12">
      <c r="A20975" s="6" t="s">
        <v>4151</v>
      </c>
      <c r="B20975" s="6"/>
      <c r="C20975" s="6" t="s">
        <v>21011</v>
      </c>
      <c r="D20975" s="6"/>
      <c r="E20975" s="6" t="s">
        <v>9</v>
      </c>
      <c r="F20975" s="7">
        <v>38657</v>
      </c>
      <c r="G20975" s="8">
        <v>1</v>
      </c>
      <c r="H20975" s="8">
        <v>1</v>
      </c>
      <c r="I20975" s="8">
        <v>0</v>
      </c>
      <c r="J20975" s="8">
        <v>1</v>
      </c>
      <c r="K20975" s="9">
        <v>24</v>
      </c>
      <c r="L20975" s="6" t="s">
        <v>4151</v>
      </c>
    </row>
    <row r="20976" spans="1:12">
      <c r="A20976" s="6" t="s">
        <v>4151</v>
      </c>
      <c r="B20976" s="6"/>
      <c r="C20976" s="6" t="s">
        <v>21012</v>
      </c>
      <c r="D20976" s="6"/>
      <c r="E20976" s="6" t="s">
        <v>9</v>
      </c>
      <c r="F20976" s="7">
        <v>38657</v>
      </c>
      <c r="G20976" s="8">
        <v>1</v>
      </c>
      <c r="H20976" s="8">
        <v>1</v>
      </c>
      <c r="I20976" s="8">
        <v>0</v>
      </c>
      <c r="J20976" s="8">
        <v>1</v>
      </c>
      <c r="K20976" s="9">
        <v>30.89</v>
      </c>
      <c r="L20976" s="6" t="s">
        <v>4151</v>
      </c>
    </row>
    <row r="20977" spans="1:12">
      <c r="A20977" s="6" t="s">
        <v>4151</v>
      </c>
      <c r="B20977" s="6"/>
      <c r="C20977" s="6" t="s">
        <v>21013</v>
      </c>
      <c r="D20977" s="6"/>
      <c r="E20977" s="6" t="s">
        <v>9</v>
      </c>
      <c r="F20977" s="7">
        <v>38657</v>
      </c>
      <c r="G20977" s="8">
        <v>1</v>
      </c>
      <c r="H20977" s="8">
        <v>1</v>
      </c>
      <c r="I20977" s="8">
        <v>0</v>
      </c>
      <c r="J20977" s="8">
        <v>1</v>
      </c>
      <c r="K20977" s="9">
        <v>135</v>
      </c>
      <c r="L20977" s="6" t="s">
        <v>4151</v>
      </c>
    </row>
    <row r="20978" spans="1:12">
      <c r="A20978" s="6" t="s">
        <v>4151</v>
      </c>
      <c r="B20978" s="6"/>
      <c r="C20978" s="6" t="s">
        <v>21014</v>
      </c>
      <c r="D20978" s="6"/>
      <c r="E20978" s="6" t="s">
        <v>9</v>
      </c>
      <c r="F20978" s="7">
        <v>38657</v>
      </c>
      <c r="G20978" s="8">
        <v>1</v>
      </c>
      <c r="H20978" s="8">
        <v>1</v>
      </c>
      <c r="I20978" s="8">
        <v>0</v>
      </c>
      <c r="J20978" s="8">
        <v>1</v>
      </c>
      <c r="K20978" s="9">
        <v>69</v>
      </c>
      <c r="L20978" s="6" t="s">
        <v>4151</v>
      </c>
    </row>
    <row r="20979" spans="1:12">
      <c r="A20979" s="6" t="s">
        <v>4151</v>
      </c>
      <c r="B20979" s="6"/>
      <c r="C20979" s="6" t="s">
        <v>21015</v>
      </c>
      <c r="D20979" s="6"/>
      <c r="E20979" s="6" t="s">
        <v>9</v>
      </c>
      <c r="F20979" s="7">
        <v>38657</v>
      </c>
      <c r="G20979" s="8">
        <v>1</v>
      </c>
      <c r="H20979" s="8">
        <v>1</v>
      </c>
      <c r="I20979" s="8">
        <v>0</v>
      </c>
      <c r="J20979" s="8">
        <v>1</v>
      </c>
      <c r="K20979" s="9">
        <v>135</v>
      </c>
      <c r="L20979" s="6" t="s">
        <v>4151</v>
      </c>
    </row>
    <row r="20980" spans="1:12">
      <c r="A20980" s="6" t="s">
        <v>4151</v>
      </c>
      <c r="B20980" s="6"/>
      <c r="C20980" s="6" t="s">
        <v>21016</v>
      </c>
      <c r="D20980" s="6"/>
      <c r="E20980" s="6" t="s">
        <v>9</v>
      </c>
      <c r="F20980" s="7">
        <v>38657</v>
      </c>
      <c r="G20980" s="8">
        <v>1</v>
      </c>
      <c r="H20980" s="8">
        <v>1</v>
      </c>
      <c r="I20980" s="8">
        <v>0</v>
      </c>
      <c r="J20980" s="8">
        <v>1</v>
      </c>
      <c r="K20980" s="9">
        <v>113</v>
      </c>
      <c r="L20980" s="6" t="s">
        <v>4151</v>
      </c>
    </row>
    <row r="20981" spans="1:12">
      <c r="A20981" s="6" t="s">
        <v>4151</v>
      </c>
      <c r="B20981" s="6"/>
      <c r="C20981" s="6" t="s">
        <v>21017</v>
      </c>
      <c r="D20981" s="6"/>
      <c r="E20981" s="6" t="s">
        <v>9</v>
      </c>
      <c r="F20981" s="7">
        <v>38657</v>
      </c>
      <c r="G20981" s="8">
        <v>1</v>
      </c>
      <c r="H20981" s="8">
        <v>1</v>
      </c>
      <c r="I20981" s="8">
        <v>0</v>
      </c>
      <c r="J20981" s="8">
        <v>1</v>
      </c>
      <c r="K20981" s="9">
        <v>59</v>
      </c>
      <c r="L20981" s="6" t="s">
        <v>4151</v>
      </c>
    </row>
    <row r="20982" spans="1:12">
      <c r="A20982" s="6" t="s">
        <v>4151</v>
      </c>
      <c r="B20982" s="6"/>
      <c r="C20982" s="6" t="s">
        <v>21018</v>
      </c>
      <c r="D20982" s="6"/>
      <c r="E20982" s="6" t="s">
        <v>9</v>
      </c>
      <c r="F20982" s="7">
        <v>38657</v>
      </c>
      <c r="G20982" s="8">
        <v>1</v>
      </c>
      <c r="H20982" s="8">
        <v>1</v>
      </c>
      <c r="I20982" s="8">
        <v>0</v>
      </c>
      <c r="J20982" s="8">
        <v>1</v>
      </c>
      <c r="K20982" s="9">
        <v>5.72</v>
      </c>
      <c r="L20982" s="6" t="s">
        <v>4151</v>
      </c>
    </row>
    <row r="20983" spans="1:12">
      <c r="A20983" s="6" t="s">
        <v>4151</v>
      </c>
      <c r="B20983" s="6"/>
      <c r="C20983" s="6" t="s">
        <v>21019</v>
      </c>
      <c r="D20983" s="6"/>
      <c r="E20983" s="6" t="s">
        <v>9</v>
      </c>
      <c r="F20983" s="7">
        <v>38657</v>
      </c>
      <c r="G20983" s="8">
        <v>1</v>
      </c>
      <c r="H20983" s="8">
        <v>1</v>
      </c>
      <c r="I20983" s="8">
        <v>0</v>
      </c>
      <c r="J20983" s="8">
        <v>1</v>
      </c>
      <c r="K20983" s="9">
        <v>201</v>
      </c>
      <c r="L20983" s="6" t="s">
        <v>4151</v>
      </c>
    </row>
    <row r="20984" spans="1:12">
      <c r="A20984" s="6" t="s">
        <v>4151</v>
      </c>
      <c r="B20984" s="6"/>
      <c r="C20984" s="6" t="s">
        <v>21020</v>
      </c>
      <c r="D20984" s="6"/>
      <c r="E20984" s="6" t="s">
        <v>9</v>
      </c>
      <c r="F20984" s="7">
        <v>38657</v>
      </c>
      <c r="G20984" s="8">
        <v>1</v>
      </c>
      <c r="H20984" s="8">
        <v>1</v>
      </c>
      <c r="I20984" s="8">
        <v>0</v>
      </c>
      <c r="J20984" s="8">
        <v>1</v>
      </c>
      <c r="K20984" s="9">
        <v>27</v>
      </c>
      <c r="L20984" s="6" t="s">
        <v>4151</v>
      </c>
    </row>
    <row r="20985" spans="1:12">
      <c r="A20985" s="6" t="s">
        <v>4151</v>
      </c>
      <c r="B20985" s="6"/>
      <c r="C20985" s="6" t="s">
        <v>21021</v>
      </c>
      <c r="D20985" s="6"/>
      <c r="E20985" s="6" t="s">
        <v>9</v>
      </c>
      <c r="F20985" s="7">
        <v>38657</v>
      </c>
      <c r="G20985" s="8">
        <v>1</v>
      </c>
      <c r="H20985" s="8">
        <v>1</v>
      </c>
      <c r="I20985" s="8">
        <v>0</v>
      </c>
      <c r="J20985" s="8">
        <v>1</v>
      </c>
      <c r="K20985" s="9">
        <v>611</v>
      </c>
      <c r="L20985" s="6" t="s">
        <v>4151</v>
      </c>
    </row>
    <row r="20986" spans="1:12">
      <c r="A20986" s="6" t="s">
        <v>4151</v>
      </c>
      <c r="B20986" s="6"/>
      <c r="C20986" s="6" t="s">
        <v>21022</v>
      </c>
      <c r="D20986" s="6"/>
      <c r="E20986" s="6" t="s">
        <v>9</v>
      </c>
      <c r="F20986" s="7">
        <v>38657</v>
      </c>
      <c r="G20986" s="8">
        <v>1</v>
      </c>
      <c r="H20986" s="8">
        <v>1</v>
      </c>
      <c r="I20986" s="8">
        <v>0</v>
      </c>
      <c r="J20986" s="8">
        <v>1</v>
      </c>
      <c r="K20986" s="9">
        <v>2550</v>
      </c>
      <c r="L20986" s="6" t="s">
        <v>4151</v>
      </c>
    </row>
    <row r="20987" spans="1:12">
      <c r="A20987" s="6" t="s">
        <v>4151</v>
      </c>
      <c r="B20987" s="6"/>
      <c r="C20987" s="6" t="s">
        <v>21023</v>
      </c>
      <c r="D20987" s="6"/>
      <c r="E20987" s="6" t="s">
        <v>9</v>
      </c>
      <c r="F20987" s="7">
        <v>38657</v>
      </c>
      <c r="G20987" s="8">
        <v>1</v>
      </c>
      <c r="H20987" s="8">
        <v>1</v>
      </c>
      <c r="I20987" s="8">
        <v>0</v>
      </c>
      <c r="J20987" s="8">
        <v>1</v>
      </c>
      <c r="K20987" s="9">
        <v>12.26</v>
      </c>
      <c r="L20987" s="6" t="s">
        <v>4151</v>
      </c>
    </row>
    <row r="20988" spans="1:12">
      <c r="A20988" s="6" t="s">
        <v>4151</v>
      </c>
      <c r="B20988" s="6"/>
      <c r="C20988" s="6" t="s">
        <v>21024</v>
      </c>
      <c r="D20988" s="6"/>
      <c r="E20988" s="6" t="s">
        <v>9</v>
      </c>
      <c r="F20988" s="7">
        <v>38657</v>
      </c>
      <c r="G20988" s="8">
        <v>1</v>
      </c>
      <c r="H20988" s="8">
        <v>1</v>
      </c>
      <c r="I20988" s="8">
        <v>0</v>
      </c>
      <c r="J20988" s="8">
        <v>1</v>
      </c>
      <c r="K20988" s="9">
        <v>116</v>
      </c>
      <c r="L20988" s="6" t="s">
        <v>4151</v>
      </c>
    </row>
    <row r="20989" spans="1:12">
      <c r="A20989" s="6" t="s">
        <v>4151</v>
      </c>
      <c r="B20989" s="6"/>
      <c r="C20989" s="6" t="s">
        <v>21025</v>
      </c>
      <c r="D20989" s="6"/>
      <c r="E20989" s="6" t="s">
        <v>9</v>
      </c>
      <c r="F20989" s="7">
        <v>38657</v>
      </c>
      <c r="G20989" s="8">
        <v>1</v>
      </c>
      <c r="H20989" s="8">
        <v>1</v>
      </c>
      <c r="I20989" s="8">
        <v>0</v>
      </c>
      <c r="J20989" s="8">
        <v>1</v>
      </c>
      <c r="K20989" s="9">
        <v>8.64</v>
      </c>
      <c r="L20989" s="6" t="s">
        <v>4151</v>
      </c>
    </row>
    <row r="20990" spans="1:12">
      <c r="A20990" s="6" t="s">
        <v>4151</v>
      </c>
      <c r="B20990" s="6"/>
      <c r="C20990" s="6" t="s">
        <v>21026</v>
      </c>
      <c r="D20990" s="6"/>
      <c r="E20990" s="6" t="s">
        <v>9</v>
      </c>
      <c r="F20990" s="7">
        <v>38657</v>
      </c>
      <c r="G20990" s="8">
        <v>1</v>
      </c>
      <c r="H20990" s="8">
        <v>1</v>
      </c>
      <c r="I20990" s="8">
        <v>0</v>
      </c>
      <c r="J20990" s="8">
        <v>1</v>
      </c>
      <c r="K20990" s="9">
        <v>6.01</v>
      </c>
      <c r="L20990" s="6" t="s">
        <v>4151</v>
      </c>
    </row>
    <row r="20991" spans="1:12">
      <c r="A20991" s="6" t="s">
        <v>4151</v>
      </c>
      <c r="B20991" s="6"/>
      <c r="C20991" s="6" t="s">
        <v>21027</v>
      </c>
      <c r="D20991" s="6"/>
      <c r="E20991" s="6" t="s">
        <v>9</v>
      </c>
      <c r="F20991" s="7">
        <v>38657</v>
      </c>
      <c r="G20991" s="8">
        <v>1</v>
      </c>
      <c r="H20991" s="8">
        <v>1</v>
      </c>
      <c r="I20991" s="8">
        <v>0</v>
      </c>
      <c r="J20991" s="8">
        <v>1</v>
      </c>
      <c r="K20991" s="9">
        <v>82</v>
      </c>
      <c r="L20991" s="6" t="s">
        <v>4151</v>
      </c>
    </row>
    <row r="20992" spans="1:12">
      <c r="A20992" s="6" t="s">
        <v>4151</v>
      </c>
      <c r="B20992" s="6"/>
      <c r="C20992" s="6" t="s">
        <v>21028</v>
      </c>
      <c r="D20992" s="6"/>
      <c r="E20992" s="6" t="s">
        <v>9</v>
      </c>
      <c r="F20992" s="7">
        <v>38657</v>
      </c>
      <c r="G20992" s="8">
        <v>1</v>
      </c>
      <c r="H20992" s="8">
        <v>1</v>
      </c>
      <c r="I20992" s="8">
        <v>0</v>
      </c>
      <c r="J20992" s="8">
        <v>1</v>
      </c>
      <c r="K20992" s="9">
        <v>12</v>
      </c>
      <c r="L20992" s="6" t="s">
        <v>4151</v>
      </c>
    </row>
    <row r="20993" spans="1:12">
      <c r="A20993" s="6" t="s">
        <v>4151</v>
      </c>
      <c r="B20993" s="6"/>
      <c r="C20993" s="6" t="s">
        <v>21029</v>
      </c>
      <c r="D20993" s="6"/>
      <c r="E20993" s="6" t="s">
        <v>9</v>
      </c>
      <c r="F20993" s="7">
        <v>38657</v>
      </c>
      <c r="G20993" s="8">
        <v>1</v>
      </c>
      <c r="H20993" s="8">
        <v>1</v>
      </c>
      <c r="I20993" s="8">
        <v>0</v>
      </c>
      <c r="J20993" s="8">
        <v>1</v>
      </c>
      <c r="K20993" s="9">
        <v>310</v>
      </c>
      <c r="L20993" s="6" t="s">
        <v>4151</v>
      </c>
    </row>
    <row r="20994" spans="1:12">
      <c r="A20994" s="6" t="s">
        <v>4151</v>
      </c>
      <c r="B20994" s="6"/>
      <c r="C20994" s="6" t="s">
        <v>21030</v>
      </c>
      <c r="D20994" s="6"/>
      <c r="E20994" s="6" t="s">
        <v>9</v>
      </c>
      <c r="F20994" s="7">
        <v>38657</v>
      </c>
      <c r="G20994" s="8">
        <v>1</v>
      </c>
      <c r="H20994" s="8">
        <v>1</v>
      </c>
      <c r="I20994" s="8">
        <v>0</v>
      </c>
      <c r="J20994" s="8">
        <v>1</v>
      </c>
      <c r="K20994" s="9">
        <v>1426</v>
      </c>
      <c r="L20994" s="6" t="s">
        <v>4151</v>
      </c>
    </row>
    <row r="20995" spans="1:12">
      <c r="A20995" s="6" t="s">
        <v>4151</v>
      </c>
      <c r="B20995" s="6"/>
      <c r="C20995" s="6" t="s">
        <v>21031</v>
      </c>
      <c r="D20995" s="6"/>
      <c r="E20995" s="6" t="s">
        <v>9</v>
      </c>
      <c r="F20995" s="7">
        <v>38657</v>
      </c>
      <c r="G20995" s="8">
        <v>1</v>
      </c>
      <c r="H20995" s="8">
        <v>1</v>
      </c>
      <c r="I20995" s="8">
        <v>0</v>
      </c>
      <c r="J20995" s="8">
        <v>1</v>
      </c>
      <c r="K20995" s="9">
        <v>543</v>
      </c>
      <c r="L20995" s="6" t="s">
        <v>4151</v>
      </c>
    </row>
    <row r="20996" spans="1:12">
      <c r="A20996" s="6" t="s">
        <v>4151</v>
      </c>
      <c r="B20996" s="6"/>
      <c r="C20996" s="6" t="s">
        <v>21032</v>
      </c>
      <c r="D20996" s="6"/>
      <c r="E20996" s="6" t="s">
        <v>9</v>
      </c>
      <c r="F20996" s="7">
        <v>38657</v>
      </c>
      <c r="G20996" s="8">
        <v>1</v>
      </c>
      <c r="H20996" s="8">
        <v>1</v>
      </c>
      <c r="I20996" s="8">
        <v>0</v>
      </c>
      <c r="J20996" s="8">
        <v>1</v>
      </c>
      <c r="K20996" s="9">
        <v>67</v>
      </c>
      <c r="L20996" s="6" t="s">
        <v>4151</v>
      </c>
    </row>
    <row r="20997" spans="1:12">
      <c r="A20997" s="6" t="s">
        <v>4151</v>
      </c>
      <c r="B20997" s="6"/>
      <c r="C20997" s="6" t="s">
        <v>21033</v>
      </c>
      <c r="D20997" s="6"/>
      <c r="E20997" s="6" t="s">
        <v>9</v>
      </c>
      <c r="F20997" s="7">
        <v>38657</v>
      </c>
      <c r="G20997" s="8">
        <v>1</v>
      </c>
      <c r="H20997" s="8">
        <v>1</v>
      </c>
      <c r="I20997" s="8">
        <v>0</v>
      </c>
      <c r="J20997" s="8">
        <v>1</v>
      </c>
      <c r="K20997" s="9">
        <v>250</v>
      </c>
      <c r="L20997" s="6" t="s">
        <v>4151</v>
      </c>
    </row>
    <row r="20998" spans="1:12">
      <c r="A20998" s="6" t="s">
        <v>4151</v>
      </c>
      <c r="B20998" s="6"/>
      <c r="C20998" s="6" t="s">
        <v>21034</v>
      </c>
      <c r="D20998" s="6"/>
      <c r="E20998" s="6" t="s">
        <v>9</v>
      </c>
      <c r="F20998" s="7">
        <v>38657</v>
      </c>
      <c r="G20998" s="8">
        <v>1</v>
      </c>
      <c r="H20998" s="8">
        <v>1</v>
      </c>
      <c r="I20998" s="8">
        <v>0</v>
      </c>
      <c r="J20998" s="8">
        <v>1</v>
      </c>
      <c r="K20998" s="9">
        <v>39.630000000000003</v>
      </c>
      <c r="L20998" s="6" t="s">
        <v>4151</v>
      </c>
    </row>
    <row r="20999" spans="1:12">
      <c r="A20999" s="6" t="s">
        <v>4151</v>
      </c>
      <c r="B20999" s="6"/>
      <c r="C20999" s="6" t="s">
        <v>21035</v>
      </c>
      <c r="D20999" s="6"/>
      <c r="E20999" s="6" t="s">
        <v>9</v>
      </c>
      <c r="F20999" s="7">
        <v>38657</v>
      </c>
      <c r="G20999" s="8">
        <v>1</v>
      </c>
      <c r="H20999" s="8">
        <v>1</v>
      </c>
      <c r="I20999" s="8">
        <v>0</v>
      </c>
      <c r="J20999" s="8">
        <v>1</v>
      </c>
      <c r="K20999" s="9">
        <v>65</v>
      </c>
      <c r="L20999" s="6" t="s">
        <v>4151</v>
      </c>
    </row>
    <row r="21000" spans="1:12">
      <c r="A21000" s="6" t="s">
        <v>4151</v>
      </c>
      <c r="B21000" s="6"/>
      <c r="C21000" s="6" t="s">
        <v>21036</v>
      </c>
      <c r="D21000" s="6"/>
      <c r="E21000" s="6" t="s">
        <v>9</v>
      </c>
      <c r="F21000" s="7">
        <v>38657</v>
      </c>
      <c r="G21000" s="8">
        <v>1</v>
      </c>
      <c r="H21000" s="8">
        <v>1</v>
      </c>
      <c r="I21000" s="8">
        <v>0</v>
      </c>
      <c r="J21000" s="8">
        <v>1</v>
      </c>
      <c r="K21000" s="9">
        <v>720</v>
      </c>
      <c r="L21000" s="6" t="s">
        <v>4151</v>
      </c>
    </row>
    <row r="21001" spans="1:12">
      <c r="A21001" s="6" t="s">
        <v>4151</v>
      </c>
      <c r="B21001" s="6"/>
      <c r="C21001" s="6" t="s">
        <v>21037</v>
      </c>
      <c r="D21001" s="6"/>
      <c r="E21001" s="6" t="s">
        <v>9</v>
      </c>
      <c r="F21001" s="7">
        <v>38657</v>
      </c>
      <c r="G21001" s="8">
        <v>1</v>
      </c>
      <c r="H21001" s="8">
        <v>1</v>
      </c>
      <c r="I21001" s="8">
        <v>0</v>
      </c>
      <c r="J21001" s="8">
        <v>1</v>
      </c>
      <c r="K21001" s="9">
        <v>216</v>
      </c>
      <c r="L21001" s="6" t="s">
        <v>4151</v>
      </c>
    </row>
    <row r="21002" spans="1:12">
      <c r="A21002" s="6" t="s">
        <v>4151</v>
      </c>
      <c r="B21002" s="6"/>
      <c r="C21002" s="6" t="s">
        <v>21038</v>
      </c>
      <c r="D21002" s="6"/>
      <c r="E21002" s="6" t="s">
        <v>9</v>
      </c>
      <c r="F21002" s="7">
        <v>38657</v>
      </c>
      <c r="G21002" s="8">
        <v>1</v>
      </c>
      <c r="H21002" s="8">
        <v>1</v>
      </c>
      <c r="I21002" s="8">
        <v>0</v>
      </c>
      <c r="J21002" s="8">
        <v>1</v>
      </c>
      <c r="K21002" s="9">
        <v>204</v>
      </c>
      <c r="L21002" s="6" t="s">
        <v>4151</v>
      </c>
    </row>
    <row r="21003" spans="1:12">
      <c r="A21003" s="6" t="s">
        <v>4151</v>
      </c>
      <c r="B21003" s="6"/>
      <c r="C21003" s="6" t="s">
        <v>21039</v>
      </c>
      <c r="D21003" s="6"/>
      <c r="E21003" s="6" t="s">
        <v>9</v>
      </c>
      <c r="F21003" s="7">
        <v>38657</v>
      </c>
      <c r="G21003" s="8">
        <v>1</v>
      </c>
      <c r="H21003" s="8">
        <v>1</v>
      </c>
      <c r="I21003" s="8">
        <v>0</v>
      </c>
      <c r="J21003" s="8">
        <v>1</v>
      </c>
      <c r="K21003" s="9">
        <v>54</v>
      </c>
      <c r="L21003" s="6" t="s">
        <v>4151</v>
      </c>
    </row>
    <row r="21004" spans="1:12">
      <c r="A21004" s="6" t="s">
        <v>4151</v>
      </c>
      <c r="B21004" s="6"/>
      <c r="C21004" s="6" t="s">
        <v>21040</v>
      </c>
      <c r="D21004" s="6"/>
      <c r="E21004" s="6" t="s">
        <v>9</v>
      </c>
      <c r="F21004" s="7">
        <v>38657</v>
      </c>
      <c r="G21004" s="8">
        <v>1</v>
      </c>
      <c r="H21004" s="8">
        <v>1</v>
      </c>
      <c r="I21004" s="8">
        <v>0</v>
      </c>
      <c r="J21004" s="8">
        <v>1</v>
      </c>
      <c r="K21004" s="9">
        <v>488</v>
      </c>
      <c r="L21004" s="6" t="s">
        <v>4151</v>
      </c>
    </row>
    <row r="21005" spans="1:12">
      <c r="A21005" s="6" t="s">
        <v>4151</v>
      </c>
      <c r="B21005" s="6"/>
      <c r="C21005" s="6" t="s">
        <v>21041</v>
      </c>
      <c r="D21005" s="6"/>
      <c r="E21005" s="6" t="s">
        <v>9</v>
      </c>
      <c r="F21005" s="7">
        <v>38657</v>
      </c>
      <c r="G21005" s="8">
        <v>1</v>
      </c>
      <c r="H21005" s="8">
        <v>1</v>
      </c>
      <c r="I21005" s="8">
        <v>0</v>
      </c>
      <c r="J21005" s="8">
        <v>1</v>
      </c>
      <c r="K21005" s="9">
        <v>135</v>
      </c>
      <c r="L21005" s="6" t="s">
        <v>4151</v>
      </c>
    </row>
    <row r="21006" spans="1:12">
      <c r="A21006" s="6" t="s">
        <v>4151</v>
      </c>
      <c r="B21006" s="6"/>
      <c r="C21006" s="6" t="s">
        <v>21042</v>
      </c>
      <c r="D21006" s="6"/>
      <c r="E21006" s="6" t="s">
        <v>9</v>
      </c>
      <c r="F21006" s="7">
        <v>38657</v>
      </c>
      <c r="G21006" s="8">
        <v>1</v>
      </c>
      <c r="H21006" s="8">
        <v>1</v>
      </c>
      <c r="I21006" s="8">
        <v>0</v>
      </c>
      <c r="J21006" s="8">
        <v>1</v>
      </c>
      <c r="K21006" s="9">
        <v>119</v>
      </c>
      <c r="L21006" s="6" t="s">
        <v>4151</v>
      </c>
    </row>
    <row r="21007" spans="1:12">
      <c r="A21007" s="6" t="s">
        <v>4151</v>
      </c>
      <c r="B21007" s="6"/>
      <c r="C21007" s="6" t="s">
        <v>21043</v>
      </c>
      <c r="D21007" s="6"/>
      <c r="E21007" s="6" t="s">
        <v>9</v>
      </c>
      <c r="F21007" s="7">
        <v>38657</v>
      </c>
      <c r="G21007" s="8">
        <v>1</v>
      </c>
      <c r="H21007" s="8">
        <v>1</v>
      </c>
      <c r="I21007" s="8">
        <v>0</v>
      </c>
      <c r="J21007" s="8">
        <v>1</v>
      </c>
      <c r="K21007" s="9">
        <v>9940</v>
      </c>
      <c r="L21007" s="6" t="s">
        <v>4151</v>
      </c>
    </row>
    <row r="21008" spans="1:12">
      <c r="A21008" s="6" t="s">
        <v>4151</v>
      </c>
      <c r="B21008" s="6"/>
      <c r="C21008" s="6" t="s">
        <v>21044</v>
      </c>
      <c r="D21008" s="6"/>
      <c r="E21008" s="6" t="s">
        <v>9</v>
      </c>
      <c r="F21008" s="7">
        <v>38657</v>
      </c>
      <c r="G21008" s="8">
        <v>1</v>
      </c>
      <c r="H21008" s="8">
        <v>1</v>
      </c>
      <c r="I21008" s="8">
        <v>0</v>
      </c>
      <c r="J21008" s="8">
        <v>1</v>
      </c>
      <c r="K21008" s="9">
        <v>63</v>
      </c>
      <c r="L21008" s="6" t="s">
        <v>4151</v>
      </c>
    </row>
    <row r="21009" spans="1:12">
      <c r="A21009" s="6" t="s">
        <v>4151</v>
      </c>
      <c r="B21009" s="6"/>
      <c r="C21009" s="6" t="s">
        <v>21045</v>
      </c>
      <c r="D21009" s="6"/>
      <c r="E21009" s="6" t="s">
        <v>9</v>
      </c>
      <c r="F21009" s="7">
        <v>38657</v>
      </c>
      <c r="G21009" s="8">
        <v>1</v>
      </c>
      <c r="H21009" s="8">
        <v>1</v>
      </c>
      <c r="I21009" s="8">
        <v>0</v>
      </c>
      <c r="J21009" s="8">
        <v>1</v>
      </c>
      <c r="K21009" s="9">
        <v>95</v>
      </c>
      <c r="L21009" s="6" t="s">
        <v>4151</v>
      </c>
    </row>
    <row r="21010" spans="1:12">
      <c r="A21010" s="6" t="s">
        <v>4151</v>
      </c>
      <c r="B21010" s="6"/>
      <c r="C21010" s="6" t="s">
        <v>21046</v>
      </c>
      <c r="D21010" s="6"/>
      <c r="E21010" s="6" t="s">
        <v>9</v>
      </c>
      <c r="F21010" s="7">
        <v>38657</v>
      </c>
      <c r="G21010" s="8">
        <v>1</v>
      </c>
      <c r="H21010" s="8">
        <v>1</v>
      </c>
      <c r="I21010" s="8">
        <v>0</v>
      </c>
      <c r="J21010" s="8">
        <v>1</v>
      </c>
      <c r="K21010" s="9">
        <v>350</v>
      </c>
      <c r="L21010" s="6" t="s">
        <v>4151</v>
      </c>
    </row>
    <row r="21011" spans="1:12">
      <c r="A21011" s="6" t="s">
        <v>4151</v>
      </c>
      <c r="B21011" s="6"/>
      <c r="C21011" s="6" t="s">
        <v>21047</v>
      </c>
      <c r="D21011" s="6"/>
      <c r="E21011" s="6" t="s">
        <v>9</v>
      </c>
      <c r="F21011" s="7">
        <v>38657</v>
      </c>
      <c r="G21011" s="8">
        <v>1</v>
      </c>
      <c r="H21011" s="8">
        <v>1</v>
      </c>
      <c r="I21011" s="8">
        <v>0</v>
      </c>
      <c r="J21011" s="8">
        <v>1</v>
      </c>
      <c r="K21011" s="9">
        <v>299</v>
      </c>
      <c r="L21011" s="6" t="s">
        <v>4151</v>
      </c>
    </row>
    <row r="21012" spans="1:12">
      <c r="A21012" s="6" t="s">
        <v>4151</v>
      </c>
      <c r="B21012" s="6"/>
      <c r="C21012" s="6" t="s">
        <v>21048</v>
      </c>
      <c r="D21012" s="6"/>
      <c r="E21012" s="6" t="s">
        <v>9</v>
      </c>
      <c r="F21012" s="7">
        <v>38657</v>
      </c>
      <c r="G21012" s="8">
        <v>1</v>
      </c>
      <c r="H21012" s="8">
        <v>1</v>
      </c>
      <c r="I21012" s="8">
        <v>0</v>
      </c>
      <c r="J21012" s="8">
        <v>1</v>
      </c>
      <c r="K21012" s="9">
        <v>97</v>
      </c>
      <c r="L21012" s="6" t="s">
        <v>4151</v>
      </c>
    </row>
    <row r="21013" spans="1:12">
      <c r="A21013" s="6" t="s">
        <v>4151</v>
      </c>
      <c r="B21013" s="6"/>
      <c r="C21013" s="6" t="s">
        <v>21049</v>
      </c>
      <c r="D21013" s="6"/>
      <c r="E21013" s="6" t="s">
        <v>9</v>
      </c>
      <c r="F21013" s="7">
        <v>38657</v>
      </c>
      <c r="G21013" s="8">
        <v>1</v>
      </c>
      <c r="H21013" s="8">
        <v>1</v>
      </c>
      <c r="I21013" s="8">
        <v>0</v>
      </c>
      <c r="J21013" s="8">
        <v>1</v>
      </c>
      <c r="K21013" s="9">
        <v>292</v>
      </c>
      <c r="L21013" s="6" t="s">
        <v>4151</v>
      </c>
    </row>
    <row r="21014" spans="1:12">
      <c r="A21014" s="6" t="s">
        <v>4151</v>
      </c>
      <c r="B21014" s="6"/>
      <c r="C21014" s="6" t="s">
        <v>21050</v>
      </c>
      <c r="D21014" s="6"/>
      <c r="E21014" s="6" t="s">
        <v>9</v>
      </c>
      <c r="F21014" s="7">
        <v>38657</v>
      </c>
      <c r="G21014" s="8">
        <v>1</v>
      </c>
      <c r="H21014" s="8">
        <v>1</v>
      </c>
      <c r="I21014" s="8">
        <v>0</v>
      </c>
      <c r="J21014" s="8">
        <v>1</v>
      </c>
      <c r="K21014" s="9">
        <v>192</v>
      </c>
      <c r="L21014" s="6" t="s">
        <v>4151</v>
      </c>
    </row>
    <row r="21015" spans="1:12">
      <c r="A21015" s="6" t="s">
        <v>4151</v>
      </c>
      <c r="B21015" s="6"/>
      <c r="C21015" s="6" t="s">
        <v>21051</v>
      </c>
      <c r="D21015" s="6"/>
      <c r="E21015" s="6" t="s">
        <v>9</v>
      </c>
      <c r="F21015" s="7">
        <v>38657</v>
      </c>
      <c r="G21015" s="8">
        <v>1</v>
      </c>
      <c r="H21015" s="8">
        <v>1</v>
      </c>
      <c r="I21015" s="8">
        <v>0</v>
      </c>
      <c r="J21015" s="8">
        <v>1</v>
      </c>
      <c r="K21015" s="9">
        <v>360</v>
      </c>
      <c r="L21015" s="6" t="s">
        <v>4151</v>
      </c>
    </row>
    <row r="21016" spans="1:12">
      <c r="A21016" s="6" t="s">
        <v>4151</v>
      </c>
      <c r="B21016" s="6"/>
      <c r="C21016" s="6" t="s">
        <v>21052</v>
      </c>
      <c r="D21016" s="6"/>
      <c r="E21016" s="6" t="s">
        <v>9</v>
      </c>
      <c r="F21016" s="7">
        <v>38657</v>
      </c>
      <c r="G21016" s="8">
        <v>1</v>
      </c>
      <c r="H21016" s="8">
        <v>1</v>
      </c>
      <c r="I21016" s="8">
        <v>0</v>
      </c>
      <c r="J21016" s="8">
        <v>1</v>
      </c>
      <c r="K21016" s="9">
        <v>742</v>
      </c>
      <c r="L21016" s="6" t="s">
        <v>4151</v>
      </c>
    </row>
    <row r="21017" spans="1:12">
      <c r="A21017" s="6" t="s">
        <v>4151</v>
      </c>
      <c r="B21017" s="6"/>
      <c r="C21017" s="6" t="s">
        <v>21053</v>
      </c>
      <c r="D21017" s="6"/>
      <c r="E21017" s="6" t="s">
        <v>9</v>
      </c>
      <c r="F21017" s="7">
        <v>38657</v>
      </c>
      <c r="G21017" s="8">
        <v>1</v>
      </c>
      <c r="H21017" s="8">
        <v>1</v>
      </c>
      <c r="I21017" s="8">
        <v>0</v>
      </c>
      <c r="J21017" s="8">
        <v>1</v>
      </c>
      <c r="K21017" s="9">
        <v>115</v>
      </c>
      <c r="L21017" s="6" t="s">
        <v>4151</v>
      </c>
    </row>
    <row r="21018" spans="1:12">
      <c r="A21018" s="6" t="s">
        <v>4151</v>
      </c>
      <c r="B21018" s="6"/>
      <c r="C21018" s="6" t="s">
        <v>21054</v>
      </c>
      <c r="D21018" s="6"/>
      <c r="E21018" s="6" t="s">
        <v>9</v>
      </c>
      <c r="F21018" s="7">
        <v>38657</v>
      </c>
      <c r="G21018" s="8">
        <v>1</v>
      </c>
      <c r="H21018" s="8">
        <v>1</v>
      </c>
      <c r="I21018" s="8">
        <v>0</v>
      </c>
      <c r="J21018" s="8">
        <v>1</v>
      </c>
      <c r="K21018" s="9">
        <v>139</v>
      </c>
      <c r="L21018" s="6" t="s">
        <v>4151</v>
      </c>
    </row>
    <row r="21019" spans="1:12">
      <c r="A21019" s="6" t="s">
        <v>4151</v>
      </c>
      <c r="B21019" s="6"/>
      <c r="C21019" s="6" t="s">
        <v>21055</v>
      </c>
      <c r="D21019" s="6"/>
      <c r="E21019" s="6" t="s">
        <v>9</v>
      </c>
      <c r="F21019" s="7">
        <v>38657</v>
      </c>
      <c r="G21019" s="8">
        <v>1</v>
      </c>
      <c r="H21019" s="8">
        <v>1</v>
      </c>
      <c r="I21019" s="8">
        <v>0</v>
      </c>
      <c r="J21019" s="8">
        <v>1</v>
      </c>
      <c r="K21019" s="9">
        <v>104</v>
      </c>
      <c r="L21019" s="6" t="s">
        <v>4151</v>
      </c>
    </row>
    <row r="21020" spans="1:12">
      <c r="A21020" s="6" t="s">
        <v>4151</v>
      </c>
      <c r="B21020" s="6"/>
      <c r="C21020" s="6" t="s">
        <v>21056</v>
      </c>
      <c r="D21020" s="6"/>
      <c r="E21020" s="6" t="s">
        <v>9</v>
      </c>
      <c r="F21020" s="7">
        <v>38657</v>
      </c>
      <c r="G21020" s="8">
        <v>1</v>
      </c>
      <c r="H21020" s="8">
        <v>1</v>
      </c>
      <c r="I21020" s="8">
        <v>0</v>
      </c>
      <c r="J21020" s="8">
        <v>1</v>
      </c>
      <c r="K21020" s="9">
        <v>18</v>
      </c>
      <c r="L21020" s="6" t="s">
        <v>4151</v>
      </c>
    </row>
    <row r="21021" spans="1:12">
      <c r="A21021" s="6" t="s">
        <v>4151</v>
      </c>
      <c r="B21021" s="6"/>
      <c r="C21021" s="6" t="s">
        <v>21057</v>
      </c>
      <c r="D21021" s="6"/>
      <c r="E21021" s="6" t="s">
        <v>9</v>
      </c>
      <c r="F21021" s="7">
        <v>38657</v>
      </c>
      <c r="G21021" s="8">
        <v>1</v>
      </c>
      <c r="H21021" s="8">
        <v>1</v>
      </c>
      <c r="I21021" s="8">
        <v>0</v>
      </c>
      <c r="J21021" s="8">
        <v>1</v>
      </c>
      <c r="K21021" s="9">
        <v>110</v>
      </c>
      <c r="L21021" s="6" t="s">
        <v>4151</v>
      </c>
    </row>
    <row r="21022" spans="1:12">
      <c r="A21022" s="6" t="s">
        <v>4151</v>
      </c>
      <c r="B21022" s="6"/>
      <c r="C21022" s="6" t="s">
        <v>21058</v>
      </c>
      <c r="D21022" s="6"/>
      <c r="E21022" s="6" t="s">
        <v>9</v>
      </c>
      <c r="F21022" s="7">
        <v>38657</v>
      </c>
      <c r="G21022" s="8">
        <v>1</v>
      </c>
      <c r="H21022" s="8">
        <v>1</v>
      </c>
      <c r="I21022" s="8">
        <v>0</v>
      </c>
      <c r="J21022" s="8">
        <v>1</v>
      </c>
      <c r="K21022" s="9">
        <v>345</v>
      </c>
      <c r="L21022" s="6" t="s">
        <v>4151</v>
      </c>
    </row>
    <row r="21023" spans="1:12">
      <c r="A21023" s="6" t="s">
        <v>4151</v>
      </c>
      <c r="B21023" s="6"/>
      <c r="C21023" s="6" t="s">
        <v>21059</v>
      </c>
      <c r="D21023" s="6"/>
      <c r="E21023" s="6" t="s">
        <v>9</v>
      </c>
      <c r="F21023" s="7">
        <v>38657</v>
      </c>
      <c r="G21023" s="8">
        <v>1</v>
      </c>
      <c r="H21023" s="8">
        <v>1</v>
      </c>
      <c r="I21023" s="8">
        <v>0</v>
      </c>
      <c r="J21023" s="8">
        <v>1</v>
      </c>
      <c r="K21023" s="9">
        <v>108</v>
      </c>
      <c r="L21023" s="6" t="s">
        <v>4151</v>
      </c>
    </row>
    <row r="21024" spans="1:12">
      <c r="A21024" s="6" t="s">
        <v>4151</v>
      </c>
      <c r="B21024" s="6"/>
      <c r="C21024" s="6" t="s">
        <v>21060</v>
      </c>
      <c r="D21024" s="6"/>
      <c r="E21024" s="6" t="s">
        <v>9</v>
      </c>
      <c r="F21024" s="7">
        <v>38657</v>
      </c>
      <c r="G21024" s="8">
        <v>1</v>
      </c>
      <c r="H21024" s="8">
        <v>1</v>
      </c>
      <c r="I21024" s="8">
        <v>0</v>
      </c>
      <c r="J21024" s="8">
        <v>1</v>
      </c>
      <c r="K21024" s="9">
        <v>34</v>
      </c>
      <c r="L21024" s="6" t="s">
        <v>4151</v>
      </c>
    </row>
    <row r="21025" spans="1:12">
      <c r="A21025" s="6" t="s">
        <v>4151</v>
      </c>
      <c r="B21025" s="6"/>
      <c r="C21025" s="6" t="s">
        <v>21061</v>
      </c>
      <c r="D21025" s="6"/>
      <c r="E21025" s="6" t="s">
        <v>9</v>
      </c>
      <c r="F21025" s="7">
        <v>38657</v>
      </c>
      <c r="G21025" s="8">
        <v>1</v>
      </c>
      <c r="H21025" s="8">
        <v>1</v>
      </c>
      <c r="I21025" s="8">
        <v>0</v>
      </c>
      <c r="J21025" s="8">
        <v>1</v>
      </c>
      <c r="K21025" s="9">
        <v>60</v>
      </c>
      <c r="L21025" s="6" t="s">
        <v>4151</v>
      </c>
    </row>
    <row r="21026" spans="1:12">
      <c r="A21026" s="6" t="s">
        <v>4151</v>
      </c>
      <c r="B21026" s="6"/>
      <c r="C21026" s="6" t="s">
        <v>21062</v>
      </c>
      <c r="D21026" s="6"/>
      <c r="E21026" s="6" t="s">
        <v>9</v>
      </c>
      <c r="F21026" s="7">
        <v>38657</v>
      </c>
      <c r="G21026" s="8">
        <v>1</v>
      </c>
      <c r="H21026" s="8">
        <v>1</v>
      </c>
      <c r="I21026" s="8">
        <v>0</v>
      </c>
      <c r="J21026" s="8">
        <v>1</v>
      </c>
      <c r="K21026" s="9">
        <v>4073</v>
      </c>
      <c r="L21026" s="6" t="s">
        <v>4151</v>
      </c>
    </row>
    <row r="21027" spans="1:12">
      <c r="A21027" s="6" t="s">
        <v>4151</v>
      </c>
      <c r="B21027" s="6"/>
      <c r="C21027" s="6" t="s">
        <v>21063</v>
      </c>
      <c r="D21027" s="6"/>
      <c r="E21027" s="6" t="s">
        <v>9</v>
      </c>
      <c r="F21027" s="7">
        <v>38657</v>
      </c>
      <c r="G21027" s="8">
        <v>1</v>
      </c>
      <c r="H21027" s="8">
        <v>1</v>
      </c>
      <c r="I21027" s="8">
        <v>0</v>
      </c>
      <c r="J21027" s="8">
        <v>1</v>
      </c>
      <c r="K21027" s="9">
        <v>127</v>
      </c>
      <c r="L21027" s="6" t="s">
        <v>4151</v>
      </c>
    </row>
    <row r="21028" spans="1:12">
      <c r="A21028" s="6" t="s">
        <v>4151</v>
      </c>
      <c r="B21028" s="6"/>
      <c r="C21028" s="6" t="s">
        <v>21064</v>
      </c>
      <c r="D21028" s="6"/>
      <c r="E21028" s="6" t="s">
        <v>9</v>
      </c>
      <c r="F21028" s="7">
        <v>38657</v>
      </c>
      <c r="G21028" s="8">
        <v>1</v>
      </c>
      <c r="H21028" s="8">
        <v>1</v>
      </c>
      <c r="I21028" s="8">
        <v>0</v>
      </c>
      <c r="J21028" s="8">
        <v>1</v>
      </c>
      <c r="K21028" s="9">
        <v>620</v>
      </c>
      <c r="L21028" s="6" t="s">
        <v>4151</v>
      </c>
    </row>
    <row r="21029" spans="1:12">
      <c r="A21029" s="6" t="s">
        <v>4151</v>
      </c>
      <c r="B21029" s="6"/>
      <c r="C21029" s="6" t="s">
        <v>21065</v>
      </c>
      <c r="D21029" s="6"/>
      <c r="E21029" s="6" t="s">
        <v>9</v>
      </c>
      <c r="F21029" s="7">
        <v>38657</v>
      </c>
      <c r="G21029" s="8">
        <v>1</v>
      </c>
      <c r="H21029" s="8">
        <v>1</v>
      </c>
      <c r="I21029" s="8">
        <v>0</v>
      </c>
      <c r="J21029" s="8">
        <v>1</v>
      </c>
      <c r="K21029" s="9">
        <v>143</v>
      </c>
      <c r="L21029" s="6" t="s">
        <v>4151</v>
      </c>
    </row>
    <row r="21030" spans="1:12">
      <c r="A21030" s="6" t="s">
        <v>4151</v>
      </c>
      <c r="B21030" s="6"/>
      <c r="C21030" s="6" t="s">
        <v>21066</v>
      </c>
      <c r="D21030" s="6"/>
      <c r="E21030" s="6" t="s">
        <v>9</v>
      </c>
      <c r="F21030" s="7">
        <v>38657</v>
      </c>
      <c r="G21030" s="8">
        <v>1</v>
      </c>
      <c r="H21030" s="8">
        <v>1</v>
      </c>
      <c r="I21030" s="8">
        <v>0</v>
      </c>
      <c r="J21030" s="8">
        <v>1</v>
      </c>
      <c r="K21030" s="9">
        <v>158</v>
      </c>
      <c r="L21030" s="6" t="s">
        <v>4151</v>
      </c>
    </row>
    <row r="21031" spans="1:12">
      <c r="A21031" s="6" t="s">
        <v>4151</v>
      </c>
      <c r="B21031" s="6"/>
      <c r="C21031" s="6" t="s">
        <v>21067</v>
      </c>
      <c r="D21031" s="6"/>
      <c r="E21031" s="6" t="s">
        <v>9</v>
      </c>
      <c r="F21031" s="7">
        <v>38657</v>
      </c>
      <c r="G21031" s="8">
        <v>1</v>
      </c>
      <c r="H21031" s="8">
        <v>1</v>
      </c>
      <c r="I21031" s="8">
        <v>0</v>
      </c>
      <c r="J21031" s="8">
        <v>1</v>
      </c>
      <c r="K21031" s="9">
        <v>0.24</v>
      </c>
      <c r="L21031" s="6" t="s">
        <v>4151</v>
      </c>
    </row>
    <row r="21032" spans="1:12">
      <c r="A21032" s="6" t="s">
        <v>4151</v>
      </c>
      <c r="B21032" s="6"/>
      <c r="C21032" s="6" t="s">
        <v>21068</v>
      </c>
      <c r="D21032" s="6"/>
      <c r="E21032" s="6" t="s">
        <v>9</v>
      </c>
      <c r="F21032" s="7">
        <v>38657</v>
      </c>
      <c r="G21032" s="8">
        <v>1</v>
      </c>
      <c r="H21032" s="8">
        <v>1</v>
      </c>
      <c r="I21032" s="8">
        <v>0</v>
      </c>
      <c r="J21032" s="8">
        <v>1</v>
      </c>
      <c r="K21032" s="9">
        <v>491</v>
      </c>
      <c r="L21032" s="6" t="s">
        <v>4151</v>
      </c>
    </row>
    <row r="21033" spans="1:12">
      <c r="A21033" s="6" t="s">
        <v>4151</v>
      </c>
      <c r="B21033" s="6"/>
      <c r="C21033" s="6" t="s">
        <v>21069</v>
      </c>
      <c r="D21033" s="6"/>
      <c r="E21033" s="6" t="s">
        <v>9</v>
      </c>
      <c r="F21033" s="7">
        <v>38657</v>
      </c>
      <c r="G21033" s="8">
        <v>1</v>
      </c>
      <c r="H21033" s="8">
        <v>1</v>
      </c>
      <c r="I21033" s="8">
        <v>0</v>
      </c>
      <c r="J21033" s="8">
        <v>1</v>
      </c>
      <c r="K21033" s="9">
        <v>127</v>
      </c>
      <c r="L21033" s="6" t="s">
        <v>4151</v>
      </c>
    </row>
    <row r="21034" spans="1:12">
      <c r="A21034" s="6" t="s">
        <v>4151</v>
      </c>
      <c r="B21034" s="6"/>
      <c r="C21034" s="6" t="s">
        <v>21070</v>
      </c>
      <c r="D21034" s="6"/>
      <c r="E21034" s="6" t="s">
        <v>9</v>
      </c>
      <c r="F21034" s="7">
        <v>38657</v>
      </c>
      <c r="G21034" s="8">
        <v>1</v>
      </c>
      <c r="H21034" s="8">
        <v>1</v>
      </c>
      <c r="I21034" s="8">
        <v>0</v>
      </c>
      <c r="J21034" s="8">
        <v>1</v>
      </c>
      <c r="K21034" s="9">
        <v>159</v>
      </c>
      <c r="L21034" s="6" t="s">
        <v>4151</v>
      </c>
    </row>
    <row r="21035" spans="1:12">
      <c r="A21035" s="6" t="s">
        <v>4151</v>
      </c>
      <c r="B21035" s="6"/>
      <c r="C21035" s="6" t="s">
        <v>21071</v>
      </c>
      <c r="D21035" s="6"/>
      <c r="E21035" s="6" t="s">
        <v>9</v>
      </c>
      <c r="F21035" s="7">
        <v>38657</v>
      </c>
      <c r="G21035" s="8">
        <v>1</v>
      </c>
      <c r="H21035" s="8">
        <v>1</v>
      </c>
      <c r="I21035" s="8">
        <v>0</v>
      </c>
      <c r="J21035" s="8">
        <v>1</v>
      </c>
      <c r="K21035" s="9">
        <v>215</v>
      </c>
      <c r="L21035" s="6" t="s">
        <v>4151</v>
      </c>
    </row>
    <row r="21036" spans="1:12">
      <c r="A21036" s="6" t="s">
        <v>4151</v>
      </c>
      <c r="B21036" s="6"/>
      <c r="C21036" s="6" t="s">
        <v>21072</v>
      </c>
      <c r="D21036" s="6"/>
      <c r="E21036" s="6" t="s">
        <v>9</v>
      </c>
      <c r="F21036" s="7">
        <v>38657</v>
      </c>
      <c r="G21036" s="8">
        <v>1</v>
      </c>
      <c r="H21036" s="8">
        <v>1</v>
      </c>
      <c r="I21036" s="8">
        <v>0</v>
      </c>
      <c r="J21036" s="8">
        <v>1</v>
      </c>
      <c r="K21036" s="9">
        <v>191</v>
      </c>
      <c r="L21036" s="6" t="s">
        <v>4151</v>
      </c>
    </row>
    <row r="21037" spans="1:12">
      <c r="A21037" s="6" t="s">
        <v>4151</v>
      </c>
      <c r="B21037" s="6"/>
      <c r="C21037" s="6" t="s">
        <v>21073</v>
      </c>
      <c r="D21037" s="6"/>
      <c r="E21037" s="6" t="s">
        <v>9</v>
      </c>
      <c r="F21037" s="7">
        <v>38657</v>
      </c>
      <c r="G21037" s="8">
        <v>1</v>
      </c>
      <c r="H21037" s="8">
        <v>1</v>
      </c>
      <c r="I21037" s="8">
        <v>0</v>
      </c>
      <c r="J21037" s="8">
        <v>1</v>
      </c>
      <c r="K21037" s="9">
        <v>1371</v>
      </c>
      <c r="L21037" s="6" t="s">
        <v>4151</v>
      </c>
    </row>
    <row r="21038" spans="1:12">
      <c r="A21038" s="6" t="s">
        <v>4151</v>
      </c>
      <c r="B21038" s="6"/>
      <c r="C21038" s="6" t="s">
        <v>21074</v>
      </c>
      <c r="D21038" s="6"/>
      <c r="E21038" s="6" t="s">
        <v>9</v>
      </c>
      <c r="F21038" s="7">
        <v>38657</v>
      </c>
      <c r="G21038" s="8">
        <v>1</v>
      </c>
      <c r="H21038" s="8">
        <v>1</v>
      </c>
      <c r="I21038" s="8">
        <v>0</v>
      </c>
      <c r="J21038" s="8">
        <v>1</v>
      </c>
      <c r="K21038" s="9">
        <v>192</v>
      </c>
      <c r="L21038" s="6" t="s">
        <v>4151</v>
      </c>
    </row>
    <row r="21039" spans="1:12">
      <c r="A21039" s="6" t="s">
        <v>4151</v>
      </c>
      <c r="B21039" s="6"/>
      <c r="C21039" s="6" t="s">
        <v>21075</v>
      </c>
      <c r="D21039" s="6"/>
      <c r="E21039" s="6" t="s">
        <v>9</v>
      </c>
      <c r="F21039" s="7">
        <v>38657</v>
      </c>
      <c r="G21039" s="8">
        <v>1</v>
      </c>
      <c r="H21039" s="8">
        <v>1</v>
      </c>
      <c r="I21039" s="8">
        <v>0</v>
      </c>
      <c r="J21039" s="8">
        <v>1</v>
      </c>
      <c r="K21039" s="9">
        <v>191</v>
      </c>
      <c r="L21039" s="6" t="s">
        <v>4151</v>
      </c>
    </row>
    <row r="21040" spans="1:12">
      <c r="A21040" s="6" t="s">
        <v>4151</v>
      </c>
      <c r="B21040" s="6"/>
      <c r="C21040" s="6" t="s">
        <v>21076</v>
      </c>
      <c r="D21040" s="6"/>
      <c r="E21040" s="6" t="s">
        <v>9</v>
      </c>
      <c r="F21040" s="7">
        <v>38657</v>
      </c>
      <c r="G21040" s="8">
        <v>1</v>
      </c>
      <c r="H21040" s="8">
        <v>1</v>
      </c>
      <c r="I21040" s="8">
        <v>0</v>
      </c>
      <c r="J21040" s="8">
        <v>1</v>
      </c>
      <c r="K21040" s="9">
        <v>885</v>
      </c>
      <c r="L21040" s="6" t="s">
        <v>4151</v>
      </c>
    </row>
    <row r="21041" spans="1:12">
      <c r="A21041" s="6" t="s">
        <v>4151</v>
      </c>
      <c r="B21041" s="6"/>
      <c r="C21041" s="6" t="s">
        <v>21077</v>
      </c>
      <c r="D21041" s="6"/>
      <c r="E21041" s="6" t="s">
        <v>9</v>
      </c>
      <c r="F21041" s="7">
        <v>38657</v>
      </c>
      <c r="G21041" s="8">
        <v>1</v>
      </c>
      <c r="H21041" s="8">
        <v>1</v>
      </c>
      <c r="I21041" s="8">
        <v>0</v>
      </c>
      <c r="J21041" s="8">
        <v>1</v>
      </c>
      <c r="K21041" s="9">
        <v>191</v>
      </c>
      <c r="L21041" s="6" t="s">
        <v>4151</v>
      </c>
    </row>
    <row r="21042" spans="1:12">
      <c r="A21042" s="6" t="s">
        <v>4151</v>
      </c>
      <c r="B21042" s="6"/>
      <c r="C21042" s="6" t="s">
        <v>21078</v>
      </c>
      <c r="D21042" s="6"/>
      <c r="E21042" s="6" t="s">
        <v>9</v>
      </c>
      <c r="F21042" s="7">
        <v>38657</v>
      </c>
      <c r="G21042" s="8">
        <v>1</v>
      </c>
      <c r="H21042" s="8">
        <v>1</v>
      </c>
      <c r="I21042" s="8">
        <v>0</v>
      </c>
      <c r="J21042" s="8">
        <v>1</v>
      </c>
      <c r="K21042" s="9">
        <v>30</v>
      </c>
      <c r="L21042" s="6" t="s">
        <v>4151</v>
      </c>
    </row>
    <row r="21043" spans="1:12">
      <c r="A21043" s="6" t="s">
        <v>4151</v>
      </c>
      <c r="B21043" s="6"/>
      <c r="C21043" s="6" t="s">
        <v>21079</v>
      </c>
      <c r="D21043" s="6"/>
      <c r="E21043" s="6" t="s">
        <v>9</v>
      </c>
      <c r="F21043" s="7">
        <v>38657</v>
      </c>
      <c r="G21043" s="8">
        <v>1</v>
      </c>
      <c r="H21043" s="8">
        <v>1</v>
      </c>
      <c r="I21043" s="8">
        <v>0</v>
      </c>
      <c r="J21043" s="8">
        <v>1</v>
      </c>
      <c r="K21043" s="9">
        <v>177</v>
      </c>
      <c r="L21043" s="6" t="s">
        <v>4151</v>
      </c>
    </row>
    <row r="21044" spans="1:12">
      <c r="A21044" s="6" t="s">
        <v>4151</v>
      </c>
      <c r="B21044" s="6"/>
      <c r="C21044" s="6" t="s">
        <v>21080</v>
      </c>
      <c r="D21044" s="6"/>
      <c r="E21044" s="6" t="s">
        <v>9</v>
      </c>
      <c r="F21044" s="7">
        <v>38657</v>
      </c>
      <c r="G21044" s="8">
        <v>1</v>
      </c>
      <c r="H21044" s="8">
        <v>1</v>
      </c>
      <c r="I21044" s="8">
        <v>0</v>
      </c>
      <c r="J21044" s="8">
        <v>1</v>
      </c>
      <c r="K21044" s="9">
        <v>747</v>
      </c>
      <c r="L21044" s="6" t="s">
        <v>4151</v>
      </c>
    </row>
    <row r="21045" spans="1:12">
      <c r="A21045" s="6" t="s">
        <v>4151</v>
      </c>
      <c r="B21045" s="6"/>
      <c r="C21045" s="6" t="s">
        <v>21081</v>
      </c>
      <c r="D21045" s="6"/>
      <c r="E21045" s="6" t="s">
        <v>9</v>
      </c>
      <c r="F21045" s="7">
        <v>38657</v>
      </c>
      <c r="G21045" s="8">
        <v>1</v>
      </c>
      <c r="H21045" s="8">
        <v>1</v>
      </c>
      <c r="I21045" s="8">
        <v>0</v>
      </c>
      <c r="J21045" s="8">
        <v>1</v>
      </c>
      <c r="K21045" s="9">
        <v>168</v>
      </c>
      <c r="L21045" s="6" t="s">
        <v>4151</v>
      </c>
    </row>
    <row r="21046" spans="1:12">
      <c r="A21046" s="6" t="s">
        <v>4151</v>
      </c>
      <c r="B21046" s="6"/>
      <c r="C21046" s="6" t="s">
        <v>21082</v>
      </c>
      <c r="D21046" s="6"/>
      <c r="E21046" s="6" t="s">
        <v>9</v>
      </c>
      <c r="F21046" s="7">
        <v>38657</v>
      </c>
      <c r="G21046" s="8">
        <v>1</v>
      </c>
      <c r="H21046" s="8">
        <v>1</v>
      </c>
      <c r="I21046" s="8">
        <v>0</v>
      </c>
      <c r="J21046" s="8">
        <v>1</v>
      </c>
      <c r="K21046" s="9">
        <v>149</v>
      </c>
      <c r="L21046" s="6" t="s">
        <v>4151</v>
      </c>
    </row>
    <row r="21047" spans="1:12">
      <c r="A21047" s="6" t="s">
        <v>4151</v>
      </c>
      <c r="B21047" s="6"/>
      <c r="C21047" s="6" t="s">
        <v>21083</v>
      </c>
      <c r="D21047" s="6"/>
      <c r="E21047" s="6" t="s">
        <v>9</v>
      </c>
      <c r="F21047" s="7">
        <v>38657</v>
      </c>
      <c r="G21047" s="8">
        <v>1</v>
      </c>
      <c r="H21047" s="8">
        <v>1</v>
      </c>
      <c r="I21047" s="8">
        <v>0</v>
      </c>
      <c r="J21047" s="8">
        <v>1</v>
      </c>
      <c r="K21047" s="9">
        <v>2110</v>
      </c>
      <c r="L21047" s="6" t="s">
        <v>4151</v>
      </c>
    </row>
    <row r="21048" spans="1:12">
      <c r="A21048" s="6" t="s">
        <v>4151</v>
      </c>
      <c r="B21048" s="6"/>
      <c r="C21048" s="6" t="s">
        <v>21084</v>
      </c>
      <c r="D21048" s="6"/>
      <c r="E21048" s="6" t="s">
        <v>9</v>
      </c>
      <c r="F21048" s="7">
        <v>38657</v>
      </c>
      <c r="G21048" s="8">
        <v>1</v>
      </c>
      <c r="H21048" s="8">
        <v>1</v>
      </c>
      <c r="I21048" s="8">
        <v>0</v>
      </c>
      <c r="J21048" s="8">
        <v>1</v>
      </c>
      <c r="K21048" s="9">
        <v>205</v>
      </c>
      <c r="L21048" s="6" t="s">
        <v>4151</v>
      </c>
    </row>
    <row r="21049" spans="1:12">
      <c r="A21049" s="6" t="s">
        <v>4151</v>
      </c>
      <c r="B21049" s="6"/>
      <c r="C21049" s="6" t="s">
        <v>21085</v>
      </c>
      <c r="D21049" s="6"/>
      <c r="E21049" s="6" t="s">
        <v>9</v>
      </c>
      <c r="F21049" s="7">
        <v>38657</v>
      </c>
      <c r="G21049" s="8">
        <v>1</v>
      </c>
      <c r="H21049" s="8">
        <v>1</v>
      </c>
      <c r="I21049" s="8">
        <v>0</v>
      </c>
      <c r="J21049" s="8">
        <v>1</v>
      </c>
      <c r="K21049" s="9">
        <v>167</v>
      </c>
      <c r="L21049" s="6" t="s">
        <v>4151</v>
      </c>
    </row>
    <row r="21050" spans="1:12">
      <c r="A21050" s="6" t="s">
        <v>4151</v>
      </c>
      <c r="B21050" s="6"/>
      <c r="C21050" s="6" t="s">
        <v>21086</v>
      </c>
      <c r="D21050" s="6"/>
      <c r="E21050" s="6" t="s">
        <v>9</v>
      </c>
      <c r="F21050" s="7">
        <v>38657</v>
      </c>
      <c r="G21050" s="8">
        <v>1</v>
      </c>
      <c r="H21050" s="8">
        <v>1</v>
      </c>
      <c r="I21050" s="8">
        <v>0</v>
      </c>
      <c r="J21050" s="8">
        <v>1</v>
      </c>
      <c r="K21050" s="9">
        <v>135</v>
      </c>
      <c r="L21050" s="6" t="s">
        <v>4151</v>
      </c>
    </row>
    <row r="21051" spans="1:12">
      <c r="A21051" s="6" t="s">
        <v>4151</v>
      </c>
      <c r="B21051" s="6"/>
      <c r="C21051" s="6" t="s">
        <v>21087</v>
      </c>
      <c r="D21051" s="6"/>
      <c r="E21051" s="6" t="s">
        <v>9</v>
      </c>
      <c r="F21051" s="7">
        <v>38657</v>
      </c>
      <c r="G21051" s="8">
        <v>1</v>
      </c>
      <c r="H21051" s="8">
        <v>1</v>
      </c>
      <c r="I21051" s="8">
        <v>0</v>
      </c>
      <c r="J21051" s="8">
        <v>1</v>
      </c>
      <c r="K21051" s="9">
        <v>170</v>
      </c>
      <c r="L21051" s="6" t="s">
        <v>4151</v>
      </c>
    </row>
    <row r="21052" spans="1:12">
      <c r="A21052" s="6" t="s">
        <v>4151</v>
      </c>
      <c r="B21052" s="6"/>
      <c r="C21052" s="6" t="s">
        <v>21088</v>
      </c>
      <c r="D21052" s="6"/>
      <c r="E21052" s="6" t="s">
        <v>9</v>
      </c>
      <c r="F21052" s="7">
        <v>38657</v>
      </c>
      <c r="G21052" s="8">
        <v>1</v>
      </c>
      <c r="H21052" s="8">
        <v>1</v>
      </c>
      <c r="I21052" s="8">
        <v>0</v>
      </c>
      <c r="J21052" s="8">
        <v>1</v>
      </c>
      <c r="K21052" s="9">
        <v>84</v>
      </c>
      <c r="L21052" s="6" t="s">
        <v>4151</v>
      </c>
    </row>
    <row r="21053" spans="1:12">
      <c r="A21053" s="6" t="s">
        <v>4151</v>
      </c>
      <c r="B21053" s="6"/>
      <c r="C21053" s="6" t="s">
        <v>21089</v>
      </c>
      <c r="D21053" s="6"/>
      <c r="E21053" s="6" t="s">
        <v>9</v>
      </c>
      <c r="F21053" s="7">
        <v>38657</v>
      </c>
      <c r="G21053" s="8">
        <v>1</v>
      </c>
      <c r="H21053" s="8">
        <v>1</v>
      </c>
      <c r="I21053" s="8">
        <v>0</v>
      </c>
      <c r="J21053" s="8">
        <v>1</v>
      </c>
      <c r="K21053" s="9">
        <v>30</v>
      </c>
      <c r="L21053" s="6" t="s">
        <v>4151</v>
      </c>
    </row>
    <row r="21054" spans="1:12">
      <c r="A21054" s="6" t="s">
        <v>4151</v>
      </c>
      <c r="B21054" s="6"/>
      <c r="C21054" s="6" t="s">
        <v>21090</v>
      </c>
      <c r="D21054" s="6"/>
      <c r="E21054" s="6" t="s">
        <v>9</v>
      </c>
      <c r="F21054" s="7">
        <v>38657</v>
      </c>
      <c r="G21054" s="8">
        <v>1</v>
      </c>
      <c r="H21054" s="8">
        <v>1</v>
      </c>
      <c r="I21054" s="8">
        <v>0</v>
      </c>
      <c r="J21054" s="8">
        <v>1</v>
      </c>
      <c r="K21054" s="9">
        <v>36</v>
      </c>
      <c r="L21054" s="6" t="s">
        <v>4151</v>
      </c>
    </row>
    <row r="21055" spans="1:12">
      <c r="A21055" s="6" t="s">
        <v>4151</v>
      </c>
      <c r="B21055" s="6"/>
      <c r="C21055" s="6" t="s">
        <v>21091</v>
      </c>
      <c r="D21055" s="6"/>
      <c r="E21055" s="6" t="s">
        <v>9</v>
      </c>
      <c r="F21055" s="7">
        <v>38657</v>
      </c>
      <c r="G21055" s="8">
        <v>1</v>
      </c>
      <c r="H21055" s="8">
        <v>1</v>
      </c>
      <c r="I21055" s="8">
        <v>0</v>
      </c>
      <c r="J21055" s="8">
        <v>1</v>
      </c>
      <c r="K21055" s="9">
        <v>58</v>
      </c>
      <c r="L21055" s="6" t="s">
        <v>4151</v>
      </c>
    </row>
    <row r="21056" spans="1:12">
      <c r="A21056" s="6" t="s">
        <v>4151</v>
      </c>
      <c r="B21056" s="6"/>
      <c r="C21056" s="6" t="s">
        <v>21092</v>
      </c>
      <c r="D21056" s="6"/>
      <c r="E21056" s="6" t="s">
        <v>9</v>
      </c>
      <c r="F21056" s="7">
        <v>38657</v>
      </c>
      <c r="G21056" s="8">
        <v>1</v>
      </c>
      <c r="H21056" s="8">
        <v>1</v>
      </c>
      <c r="I21056" s="8">
        <v>0</v>
      </c>
      <c r="J21056" s="8">
        <v>1</v>
      </c>
      <c r="K21056" s="9">
        <v>268</v>
      </c>
      <c r="L21056" s="6" t="s">
        <v>4151</v>
      </c>
    </row>
    <row r="21057" spans="1:12">
      <c r="A21057" s="6" t="s">
        <v>4151</v>
      </c>
      <c r="B21057" s="6"/>
      <c r="C21057" s="6" t="s">
        <v>21093</v>
      </c>
      <c r="D21057" s="6"/>
      <c r="E21057" s="6" t="s">
        <v>9</v>
      </c>
      <c r="F21057" s="7">
        <v>38657</v>
      </c>
      <c r="G21057" s="8">
        <v>1</v>
      </c>
      <c r="H21057" s="8">
        <v>1</v>
      </c>
      <c r="I21057" s="8">
        <v>0</v>
      </c>
      <c r="J21057" s="8">
        <v>1</v>
      </c>
      <c r="K21057" s="9">
        <v>469</v>
      </c>
      <c r="L21057" s="6" t="s">
        <v>4151</v>
      </c>
    </row>
    <row r="21058" spans="1:12">
      <c r="A21058" s="6" t="s">
        <v>4151</v>
      </c>
      <c r="B21058" s="6"/>
      <c r="C21058" s="6" t="s">
        <v>21094</v>
      </c>
      <c r="D21058" s="6"/>
      <c r="E21058" s="6" t="s">
        <v>9</v>
      </c>
      <c r="F21058" s="7">
        <v>38657</v>
      </c>
      <c r="G21058" s="8">
        <v>1</v>
      </c>
      <c r="H21058" s="8">
        <v>1</v>
      </c>
      <c r="I21058" s="8">
        <v>0</v>
      </c>
      <c r="J21058" s="8">
        <v>1</v>
      </c>
      <c r="K21058" s="9">
        <v>124</v>
      </c>
      <c r="L21058" s="6" t="s">
        <v>4151</v>
      </c>
    </row>
    <row r="21059" spans="1:12">
      <c r="A21059" s="6" t="s">
        <v>4151</v>
      </c>
      <c r="B21059" s="6"/>
      <c r="C21059" s="6" t="s">
        <v>21095</v>
      </c>
      <c r="D21059" s="6"/>
      <c r="E21059" s="6" t="s">
        <v>9</v>
      </c>
      <c r="F21059" s="7">
        <v>38657</v>
      </c>
      <c r="G21059" s="8">
        <v>1</v>
      </c>
      <c r="H21059" s="8">
        <v>1</v>
      </c>
      <c r="I21059" s="8">
        <v>0</v>
      </c>
      <c r="J21059" s="8">
        <v>1</v>
      </c>
      <c r="K21059" s="9">
        <v>246</v>
      </c>
      <c r="L21059" s="6" t="s">
        <v>4151</v>
      </c>
    </row>
    <row r="21060" spans="1:12">
      <c r="A21060" s="6" t="s">
        <v>4151</v>
      </c>
      <c r="B21060" s="6"/>
      <c r="C21060" s="6" t="s">
        <v>21096</v>
      </c>
      <c r="D21060" s="6"/>
      <c r="E21060" s="6" t="s">
        <v>9</v>
      </c>
      <c r="F21060" s="7">
        <v>38657</v>
      </c>
      <c r="G21060" s="8">
        <v>1</v>
      </c>
      <c r="H21060" s="8">
        <v>1</v>
      </c>
      <c r="I21060" s="8">
        <v>0</v>
      </c>
      <c r="J21060" s="8">
        <v>1</v>
      </c>
      <c r="K21060" s="9">
        <v>248</v>
      </c>
      <c r="L21060" s="6" t="s">
        <v>4151</v>
      </c>
    </row>
    <row r="21061" spans="1:12">
      <c r="A21061" s="6" t="s">
        <v>4151</v>
      </c>
      <c r="B21061" s="6"/>
      <c r="C21061" s="6" t="s">
        <v>21097</v>
      </c>
      <c r="D21061" s="6"/>
      <c r="E21061" s="6" t="s">
        <v>9</v>
      </c>
      <c r="F21061" s="7">
        <v>38657</v>
      </c>
      <c r="G21061" s="8">
        <v>1</v>
      </c>
      <c r="H21061" s="8">
        <v>1</v>
      </c>
      <c r="I21061" s="8">
        <v>0</v>
      </c>
      <c r="J21061" s="8">
        <v>1</v>
      </c>
      <c r="K21061" s="9">
        <v>95</v>
      </c>
      <c r="L21061" s="6" t="s">
        <v>4151</v>
      </c>
    </row>
    <row r="21062" spans="1:12">
      <c r="A21062" s="6" t="s">
        <v>4151</v>
      </c>
      <c r="B21062" s="6"/>
      <c r="C21062" s="6" t="s">
        <v>21098</v>
      </c>
      <c r="D21062" s="6"/>
      <c r="E21062" s="6" t="s">
        <v>9</v>
      </c>
      <c r="F21062" s="7">
        <v>38657</v>
      </c>
      <c r="G21062" s="8">
        <v>1</v>
      </c>
      <c r="H21062" s="8">
        <v>1</v>
      </c>
      <c r="I21062" s="8">
        <v>0</v>
      </c>
      <c r="J21062" s="8">
        <v>1</v>
      </c>
      <c r="K21062" s="9">
        <v>610</v>
      </c>
      <c r="L21062" s="6" t="s">
        <v>4151</v>
      </c>
    </row>
    <row r="21063" spans="1:12">
      <c r="A21063" s="6" t="s">
        <v>4151</v>
      </c>
      <c r="B21063" s="6"/>
      <c r="C21063" s="6" t="s">
        <v>21099</v>
      </c>
      <c r="D21063" s="6"/>
      <c r="E21063" s="6" t="s">
        <v>9</v>
      </c>
      <c r="F21063" s="7">
        <v>38657</v>
      </c>
      <c r="G21063" s="8">
        <v>1</v>
      </c>
      <c r="H21063" s="8">
        <v>1</v>
      </c>
      <c r="I21063" s="8">
        <v>0</v>
      </c>
      <c r="J21063" s="8">
        <v>1</v>
      </c>
      <c r="K21063" s="9">
        <v>128</v>
      </c>
      <c r="L21063" s="6" t="s">
        <v>4151</v>
      </c>
    </row>
    <row r="21064" spans="1:12">
      <c r="A21064" s="6" t="s">
        <v>4151</v>
      </c>
      <c r="B21064" s="6"/>
      <c r="C21064" s="6" t="s">
        <v>21100</v>
      </c>
      <c r="D21064" s="6"/>
      <c r="E21064" s="6" t="s">
        <v>9</v>
      </c>
      <c r="F21064" s="7">
        <v>38657</v>
      </c>
      <c r="G21064" s="8">
        <v>1</v>
      </c>
      <c r="H21064" s="8">
        <v>1</v>
      </c>
      <c r="I21064" s="8">
        <v>0</v>
      </c>
      <c r="J21064" s="8">
        <v>1</v>
      </c>
      <c r="K21064" s="9">
        <v>16</v>
      </c>
      <c r="L21064" s="6" t="s">
        <v>4151</v>
      </c>
    </row>
    <row r="21065" spans="1:12">
      <c r="A21065" s="6" t="s">
        <v>4151</v>
      </c>
      <c r="B21065" s="6"/>
      <c r="C21065" s="6" t="s">
        <v>21101</v>
      </c>
      <c r="D21065" s="6"/>
      <c r="E21065" s="6" t="s">
        <v>9</v>
      </c>
      <c r="F21065" s="7">
        <v>38657</v>
      </c>
      <c r="G21065" s="8">
        <v>1</v>
      </c>
      <c r="H21065" s="8">
        <v>1</v>
      </c>
      <c r="I21065" s="8">
        <v>0</v>
      </c>
      <c r="J21065" s="8">
        <v>1</v>
      </c>
      <c r="K21065" s="9">
        <v>30</v>
      </c>
      <c r="L21065" s="6" t="s">
        <v>4151</v>
      </c>
    </row>
    <row r="21066" spans="1:12">
      <c r="A21066" s="6" t="s">
        <v>4151</v>
      </c>
      <c r="B21066" s="6"/>
      <c r="C21066" s="6" t="s">
        <v>21102</v>
      </c>
      <c r="D21066" s="6"/>
      <c r="E21066" s="6" t="s">
        <v>9</v>
      </c>
      <c r="F21066" s="7">
        <v>38657</v>
      </c>
      <c r="G21066" s="8">
        <v>1</v>
      </c>
      <c r="H21066" s="8">
        <v>1</v>
      </c>
      <c r="I21066" s="8">
        <v>0</v>
      </c>
      <c r="J21066" s="8">
        <v>1</v>
      </c>
      <c r="K21066" s="9">
        <v>243</v>
      </c>
      <c r="L21066" s="6" t="s">
        <v>4151</v>
      </c>
    </row>
    <row r="21067" spans="1:12">
      <c r="A21067" s="6" t="s">
        <v>4151</v>
      </c>
      <c r="B21067" s="6"/>
      <c r="C21067" s="6" t="s">
        <v>21103</v>
      </c>
      <c r="D21067" s="6"/>
      <c r="E21067" s="6" t="s">
        <v>9</v>
      </c>
      <c r="F21067" s="7">
        <v>38657</v>
      </c>
      <c r="G21067" s="8">
        <v>1</v>
      </c>
      <c r="H21067" s="8">
        <v>1</v>
      </c>
      <c r="I21067" s="8">
        <v>0</v>
      </c>
      <c r="J21067" s="8">
        <v>1</v>
      </c>
      <c r="K21067" s="9">
        <v>512</v>
      </c>
      <c r="L21067" s="6" t="s">
        <v>4151</v>
      </c>
    </row>
    <row r="21068" spans="1:12">
      <c r="A21068" s="6" t="s">
        <v>4151</v>
      </c>
      <c r="B21068" s="6"/>
      <c r="C21068" s="6" t="s">
        <v>21104</v>
      </c>
      <c r="D21068" s="6"/>
      <c r="E21068" s="6" t="s">
        <v>9</v>
      </c>
      <c r="F21068" s="7">
        <v>38657</v>
      </c>
      <c r="G21068" s="8">
        <v>1</v>
      </c>
      <c r="H21068" s="8">
        <v>1</v>
      </c>
      <c r="I21068" s="8">
        <v>0</v>
      </c>
      <c r="J21068" s="8">
        <v>1</v>
      </c>
      <c r="K21068" s="9">
        <v>104</v>
      </c>
      <c r="L21068" s="6" t="s">
        <v>4151</v>
      </c>
    </row>
    <row r="21069" spans="1:12">
      <c r="A21069" s="6" t="s">
        <v>4151</v>
      </c>
      <c r="B21069" s="6"/>
      <c r="C21069" s="6" t="s">
        <v>21105</v>
      </c>
      <c r="D21069" s="6"/>
      <c r="E21069" s="6" t="s">
        <v>9</v>
      </c>
      <c r="F21069" s="7">
        <v>38657</v>
      </c>
      <c r="G21069" s="8">
        <v>1</v>
      </c>
      <c r="H21069" s="8">
        <v>1</v>
      </c>
      <c r="I21069" s="8">
        <v>0</v>
      </c>
      <c r="J21069" s="8">
        <v>1</v>
      </c>
      <c r="K21069" s="9">
        <v>189</v>
      </c>
      <c r="L21069" s="6" t="s">
        <v>4151</v>
      </c>
    </row>
    <row r="21070" spans="1:12">
      <c r="A21070" s="6" t="s">
        <v>4151</v>
      </c>
      <c r="B21070" s="6"/>
      <c r="C21070" s="6" t="s">
        <v>21106</v>
      </c>
      <c r="D21070" s="6"/>
      <c r="E21070" s="6" t="s">
        <v>9</v>
      </c>
      <c r="F21070" s="7">
        <v>38657</v>
      </c>
      <c r="G21070" s="8">
        <v>1</v>
      </c>
      <c r="H21070" s="8">
        <v>1</v>
      </c>
      <c r="I21070" s="8">
        <v>0</v>
      </c>
      <c r="J21070" s="8">
        <v>1</v>
      </c>
      <c r="K21070" s="9">
        <v>305</v>
      </c>
      <c r="L21070" s="6" t="s">
        <v>4151</v>
      </c>
    </row>
    <row r="21071" spans="1:12">
      <c r="A21071" s="6" t="s">
        <v>4151</v>
      </c>
      <c r="B21071" s="6"/>
      <c r="C21071" s="6" t="s">
        <v>21107</v>
      </c>
      <c r="D21071" s="6"/>
      <c r="E21071" s="6" t="s">
        <v>9</v>
      </c>
      <c r="F21071" s="7">
        <v>38657</v>
      </c>
      <c r="G21071" s="8">
        <v>1</v>
      </c>
      <c r="H21071" s="8">
        <v>1</v>
      </c>
      <c r="I21071" s="8">
        <v>0</v>
      </c>
      <c r="J21071" s="8">
        <v>1</v>
      </c>
      <c r="K21071" s="9">
        <v>178</v>
      </c>
      <c r="L21071" s="6" t="s">
        <v>4151</v>
      </c>
    </row>
    <row r="21072" spans="1:12">
      <c r="A21072" s="6" t="s">
        <v>4151</v>
      </c>
      <c r="B21072" s="6"/>
      <c r="C21072" s="6" t="s">
        <v>21108</v>
      </c>
      <c r="D21072" s="6"/>
      <c r="E21072" s="6" t="s">
        <v>9</v>
      </c>
      <c r="F21072" s="7">
        <v>39780</v>
      </c>
      <c r="G21072" s="8">
        <v>1</v>
      </c>
      <c r="H21072" s="8">
        <v>1</v>
      </c>
      <c r="I21072" s="8">
        <v>0</v>
      </c>
      <c r="J21072" s="8">
        <v>1</v>
      </c>
      <c r="K21072" s="9">
        <v>223</v>
      </c>
      <c r="L21072" s="6" t="s">
        <v>4151</v>
      </c>
    </row>
    <row r="21073" spans="1:12">
      <c r="A21073" s="6" t="s">
        <v>4151</v>
      </c>
      <c r="B21073" s="6"/>
      <c r="C21073" s="6" t="s">
        <v>21109</v>
      </c>
      <c r="D21073" s="6"/>
      <c r="E21073" s="6" t="s">
        <v>9</v>
      </c>
      <c r="F21073" s="7">
        <v>38657</v>
      </c>
      <c r="G21073" s="8">
        <v>1</v>
      </c>
      <c r="H21073" s="8">
        <v>1</v>
      </c>
      <c r="I21073" s="8">
        <v>0</v>
      </c>
      <c r="J21073" s="8">
        <v>1</v>
      </c>
      <c r="K21073" s="9">
        <v>204</v>
      </c>
      <c r="L21073" s="6" t="s">
        <v>4151</v>
      </c>
    </row>
    <row r="21074" spans="1:12">
      <c r="A21074" s="6" t="s">
        <v>4151</v>
      </c>
      <c r="B21074" s="6"/>
      <c r="C21074" s="6" t="s">
        <v>21110</v>
      </c>
      <c r="D21074" s="6"/>
      <c r="E21074" s="6" t="s">
        <v>9</v>
      </c>
      <c r="F21074" s="7">
        <v>38657</v>
      </c>
      <c r="G21074" s="8">
        <v>1</v>
      </c>
      <c r="H21074" s="8">
        <v>1</v>
      </c>
      <c r="I21074" s="8">
        <v>0</v>
      </c>
      <c r="J21074" s="8">
        <v>1</v>
      </c>
      <c r="K21074" s="9">
        <v>585</v>
      </c>
      <c r="L21074" s="6" t="s">
        <v>4151</v>
      </c>
    </row>
    <row r="21075" spans="1:12">
      <c r="A21075" s="6" t="s">
        <v>4151</v>
      </c>
      <c r="B21075" s="6"/>
      <c r="C21075" s="6" t="s">
        <v>21111</v>
      </c>
      <c r="D21075" s="6"/>
      <c r="E21075" s="6" t="s">
        <v>9</v>
      </c>
      <c r="F21075" s="7">
        <v>38657</v>
      </c>
      <c r="G21075" s="8">
        <v>1</v>
      </c>
      <c r="H21075" s="8">
        <v>1</v>
      </c>
      <c r="I21075" s="8">
        <v>0</v>
      </c>
      <c r="J21075" s="8">
        <v>1</v>
      </c>
      <c r="K21075" s="9">
        <v>914</v>
      </c>
      <c r="L21075" s="6" t="s">
        <v>4151</v>
      </c>
    </row>
    <row r="21076" spans="1:12">
      <c r="A21076" s="6" t="s">
        <v>4151</v>
      </c>
      <c r="B21076" s="6"/>
      <c r="C21076" s="6" t="s">
        <v>21112</v>
      </c>
      <c r="D21076" s="6"/>
      <c r="E21076" s="6" t="s">
        <v>9</v>
      </c>
      <c r="F21076" s="7">
        <v>38657</v>
      </c>
      <c r="G21076" s="8">
        <v>1</v>
      </c>
      <c r="H21076" s="8">
        <v>1</v>
      </c>
      <c r="I21076" s="8">
        <v>0</v>
      </c>
      <c r="J21076" s="8">
        <v>1</v>
      </c>
      <c r="K21076" s="9">
        <v>26</v>
      </c>
      <c r="L21076" s="6" t="s">
        <v>4151</v>
      </c>
    </row>
    <row r="21077" spans="1:12">
      <c r="A21077" s="6" t="s">
        <v>4151</v>
      </c>
      <c r="B21077" s="6"/>
      <c r="C21077" s="6" t="s">
        <v>21113</v>
      </c>
      <c r="D21077" s="6"/>
      <c r="E21077" s="6" t="s">
        <v>9</v>
      </c>
      <c r="F21077" s="7">
        <v>38657</v>
      </c>
      <c r="G21077" s="8">
        <v>1</v>
      </c>
      <c r="H21077" s="8">
        <v>1</v>
      </c>
      <c r="I21077" s="8">
        <v>0</v>
      </c>
      <c r="J21077" s="8">
        <v>1</v>
      </c>
      <c r="K21077" s="9">
        <v>192</v>
      </c>
      <c r="L21077" s="6" t="s">
        <v>4151</v>
      </c>
    </row>
    <row r="21078" spans="1:12">
      <c r="A21078" s="6" t="s">
        <v>4151</v>
      </c>
      <c r="B21078" s="6"/>
      <c r="C21078" s="6" t="s">
        <v>21114</v>
      </c>
      <c r="D21078" s="6"/>
      <c r="E21078" s="6" t="s">
        <v>9</v>
      </c>
      <c r="F21078" s="7">
        <v>38657</v>
      </c>
      <c r="G21078" s="8">
        <v>1</v>
      </c>
      <c r="H21078" s="8">
        <v>1</v>
      </c>
      <c r="I21078" s="8">
        <v>0</v>
      </c>
      <c r="J21078" s="8">
        <v>1</v>
      </c>
      <c r="K21078" s="9">
        <v>192</v>
      </c>
      <c r="L21078" s="6" t="s">
        <v>4151</v>
      </c>
    </row>
    <row r="21079" spans="1:12">
      <c r="A21079" s="6" t="s">
        <v>4151</v>
      </c>
      <c r="B21079" s="6"/>
      <c r="C21079" s="6" t="s">
        <v>21115</v>
      </c>
      <c r="D21079" s="6"/>
      <c r="E21079" s="6" t="s">
        <v>9</v>
      </c>
      <c r="F21079" s="7">
        <v>38657</v>
      </c>
      <c r="G21079" s="8">
        <v>1</v>
      </c>
      <c r="H21079" s="8">
        <v>1</v>
      </c>
      <c r="I21079" s="8">
        <v>0</v>
      </c>
      <c r="J21079" s="8">
        <v>1</v>
      </c>
      <c r="K21079" s="9">
        <v>934</v>
      </c>
      <c r="L21079" s="6" t="s">
        <v>4151</v>
      </c>
    </row>
    <row r="21080" spans="1:12">
      <c r="A21080" s="6" t="s">
        <v>4151</v>
      </c>
      <c r="B21080" s="6"/>
      <c r="C21080" s="6" t="s">
        <v>21116</v>
      </c>
      <c r="D21080" s="6"/>
      <c r="E21080" s="6" t="s">
        <v>9</v>
      </c>
      <c r="F21080" s="7">
        <v>38657</v>
      </c>
      <c r="G21080" s="8">
        <v>1</v>
      </c>
      <c r="H21080" s="8">
        <v>1</v>
      </c>
      <c r="I21080" s="8">
        <v>0</v>
      </c>
      <c r="J21080" s="8">
        <v>1</v>
      </c>
      <c r="K21080" s="9">
        <v>227</v>
      </c>
      <c r="L21080" s="6" t="s">
        <v>4151</v>
      </c>
    </row>
    <row r="21081" spans="1:12">
      <c r="A21081" s="6" t="s">
        <v>4151</v>
      </c>
      <c r="B21081" s="6"/>
      <c r="C21081" s="6" t="s">
        <v>21117</v>
      </c>
      <c r="D21081" s="6"/>
      <c r="E21081" s="6" t="s">
        <v>9</v>
      </c>
      <c r="F21081" s="7">
        <v>38657</v>
      </c>
      <c r="G21081" s="8">
        <v>1</v>
      </c>
      <c r="H21081" s="8">
        <v>1</v>
      </c>
      <c r="I21081" s="8">
        <v>0</v>
      </c>
      <c r="J21081" s="8">
        <v>1</v>
      </c>
      <c r="K21081" s="9">
        <v>192</v>
      </c>
      <c r="L21081" s="6" t="s">
        <v>4151</v>
      </c>
    </row>
    <row r="21082" spans="1:12">
      <c r="A21082" s="6" t="s">
        <v>4151</v>
      </c>
      <c r="B21082" s="6"/>
      <c r="C21082" s="6" t="s">
        <v>21118</v>
      </c>
      <c r="D21082" s="6"/>
      <c r="E21082" s="6" t="s">
        <v>9</v>
      </c>
      <c r="F21082" s="7">
        <v>38657</v>
      </c>
      <c r="G21082" s="8">
        <v>1</v>
      </c>
      <c r="H21082" s="8">
        <v>1</v>
      </c>
      <c r="I21082" s="8">
        <v>0</v>
      </c>
      <c r="J21082" s="8">
        <v>1</v>
      </c>
      <c r="K21082" s="9">
        <v>910</v>
      </c>
      <c r="L21082" s="6" t="s">
        <v>4151</v>
      </c>
    </row>
    <row r="21083" spans="1:12">
      <c r="A21083" s="6" t="s">
        <v>4151</v>
      </c>
      <c r="B21083" s="6"/>
      <c r="C21083" s="6" t="s">
        <v>21119</v>
      </c>
      <c r="D21083" s="6"/>
      <c r="E21083" s="6" t="s">
        <v>9</v>
      </c>
      <c r="F21083" s="7">
        <v>38657</v>
      </c>
      <c r="G21083" s="8">
        <v>1</v>
      </c>
      <c r="H21083" s="8">
        <v>1</v>
      </c>
      <c r="I21083" s="8">
        <v>0</v>
      </c>
      <c r="J21083" s="8">
        <v>1</v>
      </c>
      <c r="K21083" s="9">
        <v>191</v>
      </c>
      <c r="L21083" s="6" t="s">
        <v>4151</v>
      </c>
    </row>
    <row r="21084" spans="1:12">
      <c r="A21084" s="6" t="s">
        <v>4151</v>
      </c>
      <c r="B21084" s="6"/>
      <c r="C21084" s="6" t="s">
        <v>21120</v>
      </c>
      <c r="D21084" s="6"/>
      <c r="E21084" s="6" t="s">
        <v>9</v>
      </c>
      <c r="F21084" s="7">
        <v>38657</v>
      </c>
      <c r="G21084" s="8">
        <v>1</v>
      </c>
      <c r="H21084" s="8">
        <v>1</v>
      </c>
      <c r="I21084" s="8">
        <v>0</v>
      </c>
      <c r="J21084" s="8">
        <v>1</v>
      </c>
      <c r="K21084" s="9">
        <v>207</v>
      </c>
      <c r="L21084" s="6" t="s">
        <v>4151</v>
      </c>
    </row>
    <row r="21085" spans="1:12">
      <c r="A21085" s="6" t="s">
        <v>4151</v>
      </c>
      <c r="B21085" s="6"/>
      <c r="C21085" s="6" t="s">
        <v>21121</v>
      </c>
      <c r="D21085" s="6"/>
      <c r="E21085" s="6" t="s">
        <v>9</v>
      </c>
      <c r="F21085" s="7">
        <v>38657</v>
      </c>
      <c r="G21085" s="8">
        <v>1</v>
      </c>
      <c r="H21085" s="8">
        <v>1</v>
      </c>
      <c r="I21085" s="8">
        <v>0</v>
      </c>
      <c r="J21085" s="8">
        <v>1</v>
      </c>
      <c r="K21085" s="9">
        <v>607</v>
      </c>
      <c r="L21085" s="6" t="s">
        <v>4151</v>
      </c>
    </row>
    <row r="21086" spans="1:12">
      <c r="A21086" s="6" t="s">
        <v>4151</v>
      </c>
      <c r="B21086" s="6"/>
      <c r="C21086" s="6" t="s">
        <v>21122</v>
      </c>
      <c r="D21086" s="6"/>
      <c r="E21086" s="6" t="s">
        <v>9</v>
      </c>
      <c r="F21086" s="7">
        <v>38657</v>
      </c>
      <c r="G21086" s="8">
        <v>1</v>
      </c>
      <c r="H21086" s="8">
        <v>1</v>
      </c>
      <c r="I21086" s="8">
        <v>0</v>
      </c>
      <c r="J21086" s="8">
        <v>1</v>
      </c>
      <c r="K21086" s="9">
        <v>254</v>
      </c>
      <c r="L21086" s="6" t="s">
        <v>4151</v>
      </c>
    </row>
    <row r="21087" spans="1:12">
      <c r="A21087" s="6" t="s">
        <v>4151</v>
      </c>
      <c r="B21087" s="6"/>
      <c r="C21087" s="6" t="s">
        <v>21123</v>
      </c>
      <c r="D21087" s="6"/>
      <c r="E21087" s="6" t="s">
        <v>9</v>
      </c>
      <c r="F21087" s="7">
        <v>38657</v>
      </c>
      <c r="G21087" s="8">
        <v>1</v>
      </c>
      <c r="H21087" s="8">
        <v>1</v>
      </c>
      <c r="I21087" s="8">
        <v>0</v>
      </c>
      <c r="J21087" s="8">
        <v>1</v>
      </c>
      <c r="K21087" s="9">
        <v>7</v>
      </c>
      <c r="L21087" s="6" t="s">
        <v>4151</v>
      </c>
    </row>
    <row r="21088" spans="1:12">
      <c r="A21088" s="6" t="s">
        <v>4151</v>
      </c>
      <c r="B21088" s="6"/>
      <c r="C21088" s="6" t="s">
        <v>21124</v>
      </c>
      <c r="D21088" s="6"/>
      <c r="E21088" s="6" t="s">
        <v>9</v>
      </c>
      <c r="F21088" s="7">
        <v>38657</v>
      </c>
      <c r="G21088" s="8">
        <v>1</v>
      </c>
      <c r="H21088" s="8">
        <v>1</v>
      </c>
      <c r="I21088" s="8">
        <v>0</v>
      </c>
      <c r="J21088" s="8">
        <v>1</v>
      </c>
      <c r="K21088" s="9">
        <v>76</v>
      </c>
      <c r="L21088" s="6" t="s">
        <v>4151</v>
      </c>
    </row>
    <row r="21089" spans="1:12">
      <c r="A21089" s="6" t="s">
        <v>4151</v>
      </c>
      <c r="B21089" s="6"/>
      <c r="C21089" s="6" t="s">
        <v>21125</v>
      </c>
      <c r="D21089" s="6"/>
      <c r="E21089" s="6" t="s">
        <v>9</v>
      </c>
      <c r="F21089" s="7">
        <v>38657</v>
      </c>
      <c r="G21089" s="8">
        <v>1</v>
      </c>
      <c r="H21089" s="8">
        <v>1</v>
      </c>
      <c r="I21089" s="8">
        <v>0</v>
      </c>
      <c r="J21089" s="8">
        <v>1</v>
      </c>
      <c r="K21089" s="9">
        <v>150</v>
      </c>
      <c r="L21089" s="6" t="s">
        <v>4151</v>
      </c>
    </row>
    <row r="21090" spans="1:12">
      <c r="A21090" s="6" t="s">
        <v>4151</v>
      </c>
      <c r="B21090" s="6"/>
      <c r="C21090" s="6" t="s">
        <v>21126</v>
      </c>
      <c r="D21090" s="6"/>
      <c r="E21090" s="6" t="s">
        <v>9</v>
      </c>
      <c r="F21090" s="7">
        <v>38657</v>
      </c>
      <c r="G21090" s="8">
        <v>1</v>
      </c>
      <c r="H21090" s="8">
        <v>1</v>
      </c>
      <c r="I21090" s="8">
        <v>0</v>
      </c>
      <c r="J21090" s="8">
        <v>1</v>
      </c>
      <c r="K21090" s="9">
        <v>143</v>
      </c>
      <c r="L21090" s="6" t="s">
        <v>4151</v>
      </c>
    </row>
    <row r="21091" spans="1:12">
      <c r="A21091" s="6" t="s">
        <v>4151</v>
      </c>
      <c r="B21091" s="6"/>
      <c r="C21091" s="6" t="s">
        <v>21127</v>
      </c>
      <c r="D21091" s="6"/>
      <c r="E21091" s="6" t="s">
        <v>9</v>
      </c>
      <c r="F21091" s="7">
        <v>38657</v>
      </c>
      <c r="G21091" s="8">
        <v>1</v>
      </c>
      <c r="H21091" s="8">
        <v>1</v>
      </c>
      <c r="I21091" s="8">
        <v>0</v>
      </c>
      <c r="J21091" s="8">
        <v>1</v>
      </c>
      <c r="K21091" s="9">
        <v>143</v>
      </c>
      <c r="L21091" s="6" t="s">
        <v>4151</v>
      </c>
    </row>
    <row r="21092" spans="1:12">
      <c r="A21092" s="6" t="s">
        <v>4151</v>
      </c>
      <c r="B21092" s="6"/>
      <c r="C21092" s="6" t="s">
        <v>21128</v>
      </c>
      <c r="D21092" s="6"/>
      <c r="E21092" s="6" t="s">
        <v>9</v>
      </c>
      <c r="F21092" s="7">
        <v>38657</v>
      </c>
      <c r="G21092" s="8">
        <v>1</v>
      </c>
      <c r="H21092" s="8">
        <v>1</v>
      </c>
      <c r="I21092" s="8">
        <v>0</v>
      </c>
      <c r="J21092" s="8">
        <v>1</v>
      </c>
      <c r="K21092" s="9">
        <v>712</v>
      </c>
      <c r="L21092" s="6" t="s">
        <v>4151</v>
      </c>
    </row>
    <row r="21093" spans="1:12">
      <c r="A21093" s="6" t="s">
        <v>4151</v>
      </c>
      <c r="B21093" s="6"/>
      <c r="C21093" s="6" t="s">
        <v>21129</v>
      </c>
      <c r="D21093" s="6"/>
      <c r="E21093" s="6" t="s">
        <v>9</v>
      </c>
      <c r="F21093" s="7">
        <v>38657</v>
      </c>
      <c r="G21093" s="8">
        <v>1</v>
      </c>
      <c r="H21093" s="8">
        <v>1</v>
      </c>
      <c r="I21093" s="8">
        <v>0</v>
      </c>
      <c r="J21093" s="8">
        <v>1</v>
      </c>
      <c r="K21093" s="9">
        <v>769</v>
      </c>
      <c r="L21093" s="6" t="s">
        <v>4151</v>
      </c>
    </row>
    <row r="21094" spans="1:12">
      <c r="A21094" s="6" t="s">
        <v>4151</v>
      </c>
      <c r="B21094" s="6"/>
      <c r="C21094" s="6" t="s">
        <v>21130</v>
      </c>
      <c r="D21094" s="6"/>
      <c r="E21094" s="6" t="s">
        <v>9</v>
      </c>
      <c r="F21094" s="7">
        <v>38657</v>
      </c>
      <c r="G21094" s="8">
        <v>1</v>
      </c>
      <c r="H21094" s="8">
        <v>1</v>
      </c>
      <c r="I21094" s="8">
        <v>0</v>
      </c>
      <c r="J21094" s="8">
        <v>1</v>
      </c>
      <c r="K21094" s="9">
        <v>149</v>
      </c>
      <c r="L21094" s="6" t="s">
        <v>4151</v>
      </c>
    </row>
    <row r="21095" spans="1:12">
      <c r="A21095" s="6" t="s">
        <v>4151</v>
      </c>
      <c r="B21095" s="6"/>
      <c r="C21095" s="6" t="s">
        <v>21131</v>
      </c>
      <c r="D21095" s="6"/>
      <c r="E21095" s="6" t="s">
        <v>9</v>
      </c>
      <c r="F21095" s="7">
        <v>38657</v>
      </c>
      <c r="G21095" s="8">
        <v>1</v>
      </c>
      <c r="H21095" s="8">
        <v>1</v>
      </c>
      <c r="I21095" s="8">
        <v>0</v>
      </c>
      <c r="J21095" s="8">
        <v>1</v>
      </c>
      <c r="K21095" s="9">
        <v>173</v>
      </c>
      <c r="L21095" s="6" t="s">
        <v>4151</v>
      </c>
    </row>
    <row r="21096" spans="1:12">
      <c r="A21096" s="6" t="s">
        <v>4151</v>
      </c>
      <c r="B21096" s="6"/>
      <c r="C21096" s="6" t="s">
        <v>21132</v>
      </c>
      <c r="D21096" s="6"/>
      <c r="E21096" s="6" t="s">
        <v>9</v>
      </c>
      <c r="F21096" s="7">
        <v>38657</v>
      </c>
      <c r="G21096" s="8">
        <v>1</v>
      </c>
      <c r="H21096" s="8">
        <v>1</v>
      </c>
      <c r="I21096" s="8">
        <v>0</v>
      </c>
      <c r="J21096" s="8">
        <v>1</v>
      </c>
      <c r="K21096" s="9">
        <v>127</v>
      </c>
      <c r="L21096" s="6" t="s">
        <v>4151</v>
      </c>
    </row>
    <row r="21097" spans="1:12">
      <c r="A21097" s="6" t="s">
        <v>4151</v>
      </c>
      <c r="B21097" s="6"/>
      <c r="C21097" s="6" t="s">
        <v>21133</v>
      </c>
      <c r="D21097" s="6"/>
      <c r="E21097" s="6" t="s">
        <v>9</v>
      </c>
      <c r="F21097" s="7">
        <v>38657</v>
      </c>
      <c r="G21097" s="8">
        <v>1</v>
      </c>
      <c r="H21097" s="8">
        <v>1</v>
      </c>
      <c r="I21097" s="8">
        <v>0</v>
      </c>
      <c r="J21097" s="8">
        <v>1</v>
      </c>
      <c r="K21097" s="9">
        <v>136</v>
      </c>
      <c r="L21097" s="6" t="s">
        <v>4151</v>
      </c>
    </row>
    <row r="21098" spans="1:12">
      <c r="A21098" s="6" t="s">
        <v>4151</v>
      </c>
      <c r="B21098" s="6"/>
      <c r="C21098" s="6" t="s">
        <v>21134</v>
      </c>
      <c r="D21098" s="6"/>
      <c r="E21098" s="6" t="s">
        <v>9</v>
      </c>
      <c r="F21098" s="7">
        <v>38657</v>
      </c>
      <c r="G21098" s="8">
        <v>1</v>
      </c>
      <c r="H21098" s="8">
        <v>1</v>
      </c>
      <c r="I21098" s="8">
        <v>0</v>
      </c>
      <c r="J21098" s="8">
        <v>1</v>
      </c>
      <c r="K21098" s="9">
        <v>14</v>
      </c>
      <c r="L21098" s="6" t="s">
        <v>4151</v>
      </c>
    </row>
    <row r="21099" spans="1:12">
      <c r="A21099" s="6" t="s">
        <v>4151</v>
      </c>
      <c r="B21099" s="6"/>
      <c r="C21099" s="6" t="s">
        <v>21135</v>
      </c>
      <c r="D21099" s="6"/>
      <c r="E21099" s="6" t="s">
        <v>9</v>
      </c>
      <c r="F21099" s="7">
        <v>38657</v>
      </c>
      <c r="G21099" s="8">
        <v>1</v>
      </c>
      <c r="H21099" s="8">
        <v>1</v>
      </c>
      <c r="I21099" s="8">
        <v>0</v>
      </c>
      <c r="J21099" s="8">
        <v>1</v>
      </c>
      <c r="K21099" s="9">
        <v>616</v>
      </c>
      <c r="L21099" s="6" t="s">
        <v>4151</v>
      </c>
    </row>
    <row r="21100" spans="1:12">
      <c r="A21100" s="6" t="s">
        <v>4151</v>
      </c>
      <c r="B21100" s="6"/>
      <c r="C21100" s="6" t="s">
        <v>21136</v>
      </c>
      <c r="D21100" s="6"/>
      <c r="E21100" s="6" t="s">
        <v>9</v>
      </c>
      <c r="F21100" s="7">
        <v>38657</v>
      </c>
      <c r="G21100" s="8">
        <v>1</v>
      </c>
      <c r="H21100" s="8">
        <v>1</v>
      </c>
      <c r="I21100" s="8">
        <v>0</v>
      </c>
      <c r="J21100" s="8">
        <v>1</v>
      </c>
      <c r="K21100" s="9">
        <v>560</v>
      </c>
      <c r="L21100" s="6" t="s">
        <v>4151</v>
      </c>
    </row>
    <row r="21101" spans="1:12">
      <c r="A21101" s="6" t="s">
        <v>4151</v>
      </c>
      <c r="B21101" s="6"/>
      <c r="C21101" s="6" t="s">
        <v>21137</v>
      </c>
      <c r="D21101" s="6"/>
      <c r="E21101" s="6" t="s">
        <v>9</v>
      </c>
      <c r="F21101" s="7">
        <v>38657</v>
      </c>
      <c r="G21101" s="8">
        <v>1</v>
      </c>
      <c r="H21101" s="8">
        <v>1</v>
      </c>
      <c r="I21101" s="8">
        <v>0</v>
      </c>
      <c r="J21101" s="8">
        <v>1</v>
      </c>
      <c r="K21101" s="9">
        <v>134</v>
      </c>
      <c r="L21101" s="6" t="s">
        <v>4151</v>
      </c>
    </row>
    <row r="21102" spans="1:12">
      <c r="A21102" s="6" t="s">
        <v>4151</v>
      </c>
      <c r="B21102" s="6"/>
      <c r="C21102" s="6" t="s">
        <v>21138</v>
      </c>
      <c r="D21102" s="6"/>
      <c r="E21102" s="6" t="s">
        <v>9</v>
      </c>
      <c r="F21102" s="7">
        <v>38657</v>
      </c>
      <c r="G21102" s="8">
        <v>1</v>
      </c>
      <c r="H21102" s="8">
        <v>1</v>
      </c>
      <c r="I21102" s="8">
        <v>0</v>
      </c>
      <c r="J21102" s="8">
        <v>1</v>
      </c>
      <c r="K21102" s="9">
        <v>121</v>
      </c>
      <c r="L21102" s="6" t="s">
        <v>4151</v>
      </c>
    </row>
    <row r="21103" spans="1:12">
      <c r="A21103" s="6" t="s">
        <v>4151</v>
      </c>
      <c r="B21103" s="6"/>
      <c r="C21103" s="6" t="s">
        <v>21139</v>
      </c>
      <c r="D21103" s="6"/>
      <c r="E21103" s="6" t="s">
        <v>9</v>
      </c>
      <c r="F21103" s="7">
        <v>38657</v>
      </c>
      <c r="G21103" s="8">
        <v>1</v>
      </c>
      <c r="H21103" s="8">
        <v>1</v>
      </c>
      <c r="I21103" s="8">
        <v>0</v>
      </c>
      <c r="J21103" s="8">
        <v>1</v>
      </c>
      <c r="K21103" s="9">
        <v>1605</v>
      </c>
      <c r="L21103" s="6" t="s">
        <v>4151</v>
      </c>
    </row>
    <row r="21104" spans="1:12">
      <c r="A21104" s="6" t="s">
        <v>4151</v>
      </c>
      <c r="B21104" s="6"/>
      <c r="C21104" s="6" t="s">
        <v>21140</v>
      </c>
      <c r="D21104" s="6"/>
      <c r="E21104" s="6" t="s">
        <v>9</v>
      </c>
      <c r="F21104" s="7">
        <v>38657</v>
      </c>
      <c r="G21104" s="8">
        <v>1</v>
      </c>
      <c r="H21104" s="8">
        <v>1</v>
      </c>
      <c r="I21104" s="8">
        <v>0</v>
      </c>
      <c r="J21104" s="8">
        <v>1</v>
      </c>
      <c r="K21104" s="9">
        <v>66</v>
      </c>
      <c r="L21104" s="6" t="s">
        <v>4151</v>
      </c>
    </row>
    <row r="21105" spans="1:12">
      <c r="A21105" s="6" t="s">
        <v>4151</v>
      </c>
      <c r="B21105" s="6"/>
      <c r="C21105" s="6" t="s">
        <v>21141</v>
      </c>
      <c r="D21105" s="6"/>
      <c r="E21105" s="6" t="s">
        <v>9</v>
      </c>
      <c r="F21105" s="7">
        <v>38657</v>
      </c>
      <c r="G21105" s="8">
        <v>1</v>
      </c>
      <c r="H21105" s="8">
        <v>1</v>
      </c>
      <c r="I21105" s="8">
        <v>0</v>
      </c>
      <c r="J21105" s="8">
        <v>1</v>
      </c>
      <c r="K21105" s="9">
        <v>177</v>
      </c>
      <c r="L21105" s="6" t="s">
        <v>4151</v>
      </c>
    </row>
    <row r="21106" spans="1:12">
      <c r="A21106" s="6" t="s">
        <v>4151</v>
      </c>
      <c r="B21106" s="6"/>
      <c r="C21106" s="6" t="s">
        <v>21142</v>
      </c>
      <c r="D21106" s="6"/>
      <c r="E21106" s="6" t="s">
        <v>9</v>
      </c>
      <c r="F21106" s="7">
        <v>38657</v>
      </c>
      <c r="G21106" s="8">
        <v>1</v>
      </c>
      <c r="H21106" s="8">
        <v>1</v>
      </c>
      <c r="I21106" s="8">
        <v>0</v>
      </c>
      <c r="J21106" s="8">
        <v>1</v>
      </c>
      <c r="K21106" s="9">
        <v>150</v>
      </c>
      <c r="L21106" s="6" t="s">
        <v>4151</v>
      </c>
    </row>
    <row r="21107" spans="1:12">
      <c r="A21107" s="6" t="s">
        <v>4151</v>
      </c>
      <c r="B21107" s="6"/>
      <c r="C21107" s="6" t="s">
        <v>21143</v>
      </c>
      <c r="D21107" s="6"/>
      <c r="E21107" s="6" t="s">
        <v>9</v>
      </c>
      <c r="F21107" s="7">
        <v>38657</v>
      </c>
      <c r="G21107" s="8">
        <v>1</v>
      </c>
      <c r="H21107" s="8">
        <v>1</v>
      </c>
      <c r="I21107" s="8">
        <v>0</v>
      </c>
      <c r="J21107" s="8">
        <v>1</v>
      </c>
      <c r="K21107" s="9">
        <v>613</v>
      </c>
      <c r="L21107" s="6" t="s">
        <v>4151</v>
      </c>
    </row>
    <row r="21108" spans="1:12">
      <c r="A21108" s="6" t="s">
        <v>4151</v>
      </c>
      <c r="B21108" s="6"/>
      <c r="C21108" s="6" t="s">
        <v>21144</v>
      </c>
      <c r="D21108" s="6"/>
      <c r="E21108" s="6" t="s">
        <v>9</v>
      </c>
      <c r="F21108" s="7">
        <v>38657</v>
      </c>
      <c r="G21108" s="8">
        <v>1</v>
      </c>
      <c r="H21108" s="8">
        <v>1</v>
      </c>
      <c r="I21108" s="8">
        <v>0</v>
      </c>
      <c r="J21108" s="8">
        <v>1</v>
      </c>
      <c r="K21108" s="9">
        <v>143</v>
      </c>
      <c r="L21108" s="6" t="s">
        <v>4151</v>
      </c>
    </row>
    <row r="21109" spans="1:12">
      <c r="A21109" s="6" t="s">
        <v>4151</v>
      </c>
      <c r="B21109" s="6"/>
      <c r="C21109" s="6" t="s">
        <v>21145</v>
      </c>
      <c r="D21109" s="6"/>
      <c r="E21109" s="6" t="s">
        <v>9</v>
      </c>
      <c r="F21109" s="7">
        <v>38657</v>
      </c>
      <c r="G21109" s="8">
        <v>1</v>
      </c>
      <c r="H21109" s="8">
        <v>1</v>
      </c>
      <c r="I21109" s="8">
        <v>0</v>
      </c>
      <c r="J21109" s="8">
        <v>1</v>
      </c>
      <c r="K21109" s="9">
        <v>55</v>
      </c>
      <c r="L21109" s="6" t="s">
        <v>4151</v>
      </c>
    </row>
    <row r="21110" spans="1:12">
      <c r="A21110" s="6" t="s">
        <v>4151</v>
      </c>
      <c r="B21110" s="6"/>
      <c r="C21110" s="6" t="s">
        <v>21146</v>
      </c>
      <c r="D21110" s="6"/>
      <c r="E21110" s="6" t="s">
        <v>9</v>
      </c>
      <c r="F21110" s="7">
        <v>38657</v>
      </c>
      <c r="G21110" s="8">
        <v>1</v>
      </c>
      <c r="H21110" s="8">
        <v>1</v>
      </c>
      <c r="I21110" s="8">
        <v>0</v>
      </c>
      <c r="J21110" s="8">
        <v>1</v>
      </c>
      <c r="K21110" s="9">
        <v>119</v>
      </c>
      <c r="L21110" s="6" t="s">
        <v>4151</v>
      </c>
    </row>
    <row r="21111" spans="1:12">
      <c r="A21111" s="6" t="s">
        <v>4151</v>
      </c>
      <c r="B21111" s="6"/>
      <c r="C21111" s="6" t="s">
        <v>21147</v>
      </c>
      <c r="D21111" s="6"/>
      <c r="E21111" s="6" t="s">
        <v>9</v>
      </c>
      <c r="F21111" s="7">
        <v>38657</v>
      </c>
      <c r="G21111" s="8">
        <v>1</v>
      </c>
      <c r="H21111" s="8">
        <v>1</v>
      </c>
      <c r="I21111" s="8">
        <v>0</v>
      </c>
      <c r="J21111" s="8">
        <v>1</v>
      </c>
      <c r="K21111" s="9">
        <v>191</v>
      </c>
      <c r="L21111" s="6" t="s">
        <v>4151</v>
      </c>
    </row>
    <row r="21112" spans="1:12">
      <c r="A21112" s="6" t="s">
        <v>4151</v>
      </c>
      <c r="B21112" s="6"/>
      <c r="C21112" s="6" t="s">
        <v>21148</v>
      </c>
      <c r="D21112" s="6"/>
      <c r="E21112" s="6" t="s">
        <v>9</v>
      </c>
      <c r="F21112" s="7">
        <v>38657</v>
      </c>
      <c r="G21112" s="8">
        <v>1</v>
      </c>
      <c r="H21112" s="8">
        <v>1</v>
      </c>
      <c r="I21112" s="8">
        <v>0</v>
      </c>
      <c r="J21112" s="8">
        <v>1</v>
      </c>
      <c r="K21112" s="9">
        <v>217</v>
      </c>
      <c r="L21112" s="6" t="s">
        <v>4151</v>
      </c>
    </row>
    <row r="21113" spans="1:12">
      <c r="A21113" s="6" t="s">
        <v>4151</v>
      </c>
      <c r="B21113" s="6"/>
      <c r="C21113" s="6" t="s">
        <v>21149</v>
      </c>
      <c r="D21113" s="6"/>
      <c r="E21113" s="6" t="s">
        <v>9</v>
      </c>
      <c r="F21113" s="7">
        <v>38657</v>
      </c>
      <c r="G21113" s="8">
        <v>1</v>
      </c>
      <c r="H21113" s="8">
        <v>1</v>
      </c>
      <c r="I21113" s="8">
        <v>0</v>
      </c>
      <c r="J21113" s="8">
        <v>1</v>
      </c>
      <c r="K21113" s="9">
        <v>592</v>
      </c>
      <c r="L21113" s="6" t="s">
        <v>4151</v>
      </c>
    </row>
    <row r="21114" spans="1:12">
      <c r="A21114" s="6" t="s">
        <v>4151</v>
      </c>
      <c r="B21114" s="6"/>
      <c r="C21114" s="6" t="s">
        <v>21150</v>
      </c>
      <c r="D21114" s="6"/>
      <c r="E21114" s="6" t="s">
        <v>9</v>
      </c>
      <c r="F21114" s="7">
        <v>38657</v>
      </c>
      <c r="G21114" s="8">
        <v>1</v>
      </c>
      <c r="H21114" s="8">
        <v>1</v>
      </c>
      <c r="I21114" s="8">
        <v>0</v>
      </c>
      <c r="J21114" s="8">
        <v>1</v>
      </c>
      <c r="K21114" s="9">
        <v>180</v>
      </c>
      <c r="L21114" s="6" t="s">
        <v>4151</v>
      </c>
    </row>
    <row r="21115" spans="1:12">
      <c r="A21115" s="6" t="s">
        <v>4151</v>
      </c>
      <c r="B21115" s="6"/>
      <c r="C21115" s="6" t="s">
        <v>21151</v>
      </c>
      <c r="D21115" s="6"/>
      <c r="E21115" s="6" t="s">
        <v>9</v>
      </c>
      <c r="F21115" s="7">
        <v>38657</v>
      </c>
      <c r="G21115" s="8">
        <v>1</v>
      </c>
      <c r="H21115" s="8">
        <v>1</v>
      </c>
      <c r="I21115" s="8">
        <v>0</v>
      </c>
      <c r="J21115" s="8">
        <v>1</v>
      </c>
      <c r="K21115" s="9">
        <v>57</v>
      </c>
      <c r="L21115" s="6" t="s">
        <v>4151</v>
      </c>
    </row>
    <row r="21116" spans="1:12">
      <c r="A21116" s="6" t="s">
        <v>4151</v>
      </c>
      <c r="B21116" s="6"/>
      <c r="C21116" s="6" t="s">
        <v>21152</v>
      </c>
      <c r="D21116" s="6"/>
      <c r="E21116" s="6" t="s">
        <v>9</v>
      </c>
      <c r="F21116" s="7">
        <v>38657</v>
      </c>
      <c r="G21116" s="8">
        <v>1</v>
      </c>
      <c r="H21116" s="8">
        <v>1</v>
      </c>
      <c r="I21116" s="8">
        <v>0</v>
      </c>
      <c r="J21116" s="8">
        <v>1</v>
      </c>
      <c r="K21116" s="9">
        <v>294</v>
      </c>
      <c r="L21116" s="6" t="s">
        <v>4151</v>
      </c>
    </row>
    <row r="21117" spans="1:12">
      <c r="A21117" s="6" t="s">
        <v>4151</v>
      </c>
      <c r="B21117" s="6"/>
      <c r="C21117" s="6" t="s">
        <v>21153</v>
      </c>
      <c r="D21117" s="6"/>
      <c r="E21117" s="6" t="s">
        <v>9</v>
      </c>
      <c r="F21117" s="7">
        <v>38657</v>
      </c>
      <c r="G21117" s="8">
        <v>1</v>
      </c>
      <c r="H21117" s="8">
        <v>1</v>
      </c>
      <c r="I21117" s="8">
        <v>0</v>
      </c>
      <c r="J21117" s="8">
        <v>1</v>
      </c>
      <c r="K21117" s="9">
        <v>228</v>
      </c>
      <c r="L21117" s="6" t="s">
        <v>4151</v>
      </c>
    </row>
    <row r="21118" spans="1:12">
      <c r="A21118" s="6" t="s">
        <v>4151</v>
      </c>
      <c r="B21118" s="6"/>
      <c r="C21118" s="6" t="s">
        <v>21154</v>
      </c>
      <c r="D21118" s="6"/>
      <c r="E21118" s="6" t="s">
        <v>9</v>
      </c>
      <c r="F21118" s="7">
        <v>38657</v>
      </c>
      <c r="G21118" s="8">
        <v>1</v>
      </c>
      <c r="H21118" s="8">
        <v>1</v>
      </c>
      <c r="I21118" s="8">
        <v>0</v>
      </c>
      <c r="J21118" s="8">
        <v>1</v>
      </c>
      <c r="K21118" s="9">
        <v>84</v>
      </c>
      <c r="L21118" s="6" t="s">
        <v>4151</v>
      </c>
    </row>
    <row r="21119" spans="1:12">
      <c r="A21119" s="6" t="s">
        <v>4151</v>
      </c>
      <c r="B21119" s="6"/>
      <c r="C21119" s="6" t="s">
        <v>21155</v>
      </c>
      <c r="D21119" s="6"/>
      <c r="E21119" s="6" t="s">
        <v>9</v>
      </c>
      <c r="F21119" s="7">
        <v>38657</v>
      </c>
      <c r="G21119" s="8">
        <v>1</v>
      </c>
      <c r="H21119" s="8">
        <v>1</v>
      </c>
      <c r="I21119" s="8">
        <v>0</v>
      </c>
      <c r="J21119" s="8">
        <v>1</v>
      </c>
      <c r="K21119" s="9">
        <v>7.05</v>
      </c>
      <c r="L21119" s="6" t="s">
        <v>4151</v>
      </c>
    </row>
    <row r="21120" spans="1:12">
      <c r="A21120" s="6" t="s">
        <v>4151</v>
      </c>
      <c r="B21120" s="6"/>
      <c r="C21120" s="6" t="s">
        <v>21156</v>
      </c>
      <c r="D21120" s="6"/>
      <c r="E21120" s="6" t="s">
        <v>9</v>
      </c>
      <c r="F21120" s="7">
        <v>38657</v>
      </c>
      <c r="G21120" s="8">
        <v>1</v>
      </c>
      <c r="H21120" s="8">
        <v>1</v>
      </c>
      <c r="I21120" s="8">
        <v>0</v>
      </c>
      <c r="J21120" s="8">
        <v>1</v>
      </c>
      <c r="K21120" s="9">
        <v>60</v>
      </c>
      <c r="L21120" s="6" t="s">
        <v>4151</v>
      </c>
    </row>
    <row r="21121" spans="1:12">
      <c r="A21121" s="6" t="s">
        <v>4151</v>
      </c>
      <c r="B21121" s="6"/>
      <c r="C21121" s="6" t="s">
        <v>21157</v>
      </c>
      <c r="D21121" s="6"/>
      <c r="E21121" s="6" t="s">
        <v>9</v>
      </c>
      <c r="F21121" s="7">
        <v>38657</v>
      </c>
      <c r="G21121" s="8">
        <v>1</v>
      </c>
      <c r="H21121" s="8">
        <v>1</v>
      </c>
      <c r="I21121" s="8">
        <v>0</v>
      </c>
      <c r="J21121" s="8">
        <v>1</v>
      </c>
      <c r="K21121" s="9">
        <v>16</v>
      </c>
      <c r="L21121" s="6" t="s">
        <v>4151</v>
      </c>
    </row>
    <row r="21122" spans="1:12">
      <c r="A21122" s="6" t="s">
        <v>4151</v>
      </c>
      <c r="B21122" s="6"/>
      <c r="C21122" s="6" t="s">
        <v>21158</v>
      </c>
      <c r="D21122" s="6"/>
      <c r="E21122" s="6" t="s">
        <v>9</v>
      </c>
      <c r="F21122" s="7">
        <v>38657</v>
      </c>
      <c r="G21122" s="8">
        <v>1</v>
      </c>
      <c r="H21122" s="8">
        <v>1</v>
      </c>
      <c r="I21122" s="8">
        <v>0</v>
      </c>
      <c r="J21122" s="8">
        <v>1</v>
      </c>
      <c r="K21122" s="9">
        <v>197</v>
      </c>
      <c r="L21122" s="6" t="s">
        <v>4151</v>
      </c>
    </row>
    <row r="21123" spans="1:12">
      <c r="A21123" s="6" t="s">
        <v>4151</v>
      </c>
      <c r="B21123" s="6"/>
      <c r="C21123" s="6" t="s">
        <v>21159</v>
      </c>
      <c r="D21123" s="6"/>
      <c r="E21123" s="6" t="s">
        <v>9</v>
      </c>
      <c r="F21123" s="7">
        <v>38657</v>
      </c>
      <c r="G21123" s="8">
        <v>1</v>
      </c>
      <c r="H21123" s="8">
        <v>1</v>
      </c>
      <c r="I21123" s="8">
        <v>0</v>
      </c>
      <c r="J21123" s="8">
        <v>1</v>
      </c>
      <c r="K21123" s="9">
        <v>176</v>
      </c>
      <c r="L21123" s="6" t="s">
        <v>4151</v>
      </c>
    </row>
    <row r="21124" spans="1:12">
      <c r="A21124" s="6" t="s">
        <v>4151</v>
      </c>
      <c r="B21124" s="6"/>
      <c r="C21124" s="6" t="s">
        <v>21160</v>
      </c>
      <c r="D21124" s="6"/>
      <c r="E21124" s="6" t="s">
        <v>9</v>
      </c>
      <c r="F21124" s="7">
        <v>38657</v>
      </c>
      <c r="G21124" s="8">
        <v>1</v>
      </c>
      <c r="H21124" s="8">
        <v>1</v>
      </c>
      <c r="I21124" s="8">
        <v>0</v>
      </c>
      <c r="J21124" s="8">
        <v>1</v>
      </c>
      <c r="K21124" s="9">
        <v>319</v>
      </c>
      <c r="L21124" s="6" t="s">
        <v>4151</v>
      </c>
    </row>
    <row r="21125" spans="1:12">
      <c r="A21125" s="6" t="s">
        <v>4151</v>
      </c>
      <c r="B21125" s="6"/>
      <c r="C21125" s="6" t="s">
        <v>21161</v>
      </c>
      <c r="D21125" s="6"/>
      <c r="E21125" s="6" t="s">
        <v>9</v>
      </c>
      <c r="F21125" s="7">
        <v>38657</v>
      </c>
      <c r="G21125" s="8">
        <v>1</v>
      </c>
      <c r="H21125" s="8">
        <v>1</v>
      </c>
      <c r="I21125" s="8">
        <v>0</v>
      </c>
      <c r="J21125" s="8">
        <v>1</v>
      </c>
      <c r="K21125" s="9">
        <v>96</v>
      </c>
      <c r="L21125" s="6" t="s">
        <v>4151</v>
      </c>
    </row>
    <row r="21126" spans="1:12">
      <c r="A21126" s="6" t="s">
        <v>4151</v>
      </c>
      <c r="B21126" s="6"/>
      <c r="C21126" s="6" t="s">
        <v>21162</v>
      </c>
      <c r="D21126" s="6"/>
      <c r="E21126" s="6" t="s">
        <v>9</v>
      </c>
      <c r="F21126" s="7">
        <v>38657</v>
      </c>
      <c r="G21126" s="8">
        <v>1</v>
      </c>
      <c r="H21126" s="8">
        <v>1</v>
      </c>
      <c r="I21126" s="8">
        <v>0</v>
      </c>
      <c r="J21126" s="8">
        <v>1</v>
      </c>
      <c r="K21126" s="9">
        <v>462</v>
      </c>
      <c r="L21126" s="6" t="s">
        <v>4151</v>
      </c>
    </row>
    <row r="21127" spans="1:12">
      <c r="A21127" s="6" t="s">
        <v>4151</v>
      </c>
      <c r="B21127" s="6"/>
      <c r="C21127" s="6" t="s">
        <v>21163</v>
      </c>
      <c r="D21127" s="6"/>
      <c r="E21127" s="6" t="s">
        <v>9</v>
      </c>
      <c r="F21127" s="7">
        <v>38657</v>
      </c>
      <c r="G21127" s="8">
        <v>1</v>
      </c>
      <c r="H21127" s="8">
        <v>1</v>
      </c>
      <c r="I21127" s="8">
        <v>0</v>
      </c>
      <c r="J21127" s="8">
        <v>1</v>
      </c>
      <c r="K21127" s="9">
        <v>119</v>
      </c>
      <c r="L21127" s="6" t="s">
        <v>4151</v>
      </c>
    </row>
    <row r="21128" spans="1:12">
      <c r="A21128" s="6" t="s">
        <v>4151</v>
      </c>
      <c r="B21128" s="6"/>
      <c r="C21128" s="6" t="s">
        <v>21164</v>
      </c>
      <c r="D21128" s="6"/>
      <c r="E21128" s="6" t="s">
        <v>9</v>
      </c>
      <c r="F21128" s="7">
        <v>38657</v>
      </c>
      <c r="G21128" s="8">
        <v>1</v>
      </c>
      <c r="H21128" s="8">
        <v>1</v>
      </c>
      <c r="I21128" s="8">
        <v>0</v>
      </c>
      <c r="J21128" s="8">
        <v>1</v>
      </c>
      <c r="K21128" s="9">
        <v>116</v>
      </c>
      <c r="L21128" s="6" t="s">
        <v>4151</v>
      </c>
    </row>
    <row r="21129" spans="1:12">
      <c r="A21129" s="6" t="s">
        <v>4151</v>
      </c>
      <c r="B21129" s="6"/>
      <c r="C21129" s="6" t="s">
        <v>21165</v>
      </c>
      <c r="D21129" s="6"/>
      <c r="E21129" s="6" t="s">
        <v>9</v>
      </c>
      <c r="F21129" s="7">
        <v>38657</v>
      </c>
      <c r="G21129" s="8">
        <v>1</v>
      </c>
      <c r="H21129" s="8">
        <v>1</v>
      </c>
      <c r="I21129" s="8">
        <v>0</v>
      </c>
      <c r="J21129" s="8">
        <v>1</v>
      </c>
      <c r="K21129" s="9">
        <v>340</v>
      </c>
      <c r="L21129" s="6" t="s">
        <v>4151</v>
      </c>
    </row>
    <row r="21130" spans="1:12">
      <c r="A21130" s="6" t="s">
        <v>4151</v>
      </c>
      <c r="B21130" s="6"/>
      <c r="C21130" s="6" t="s">
        <v>21166</v>
      </c>
      <c r="D21130" s="6"/>
      <c r="E21130" s="6" t="s">
        <v>9</v>
      </c>
      <c r="F21130" s="7">
        <v>38657</v>
      </c>
      <c r="G21130" s="8">
        <v>1</v>
      </c>
      <c r="H21130" s="8">
        <v>1</v>
      </c>
      <c r="I21130" s="8">
        <v>0</v>
      </c>
      <c r="J21130" s="8">
        <v>1</v>
      </c>
      <c r="K21130" s="9">
        <v>123</v>
      </c>
      <c r="L21130" s="6" t="s">
        <v>4151</v>
      </c>
    </row>
    <row r="21131" spans="1:12">
      <c r="A21131" s="6" t="s">
        <v>4151</v>
      </c>
      <c r="B21131" s="6"/>
      <c r="C21131" s="6" t="s">
        <v>21167</v>
      </c>
      <c r="D21131" s="6"/>
      <c r="E21131" s="6" t="s">
        <v>9</v>
      </c>
      <c r="F21131" s="7">
        <v>38657</v>
      </c>
      <c r="G21131" s="8">
        <v>1</v>
      </c>
      <c r="H21131" s="8">
        <v>1</v>
      </c>
      <c r="I21131" s="8">
        <v>0</v>
      </c>
      <c r="J21131" s="8">
        <v>1</v>
      </c>
      <c r="K21131" s="9">
        <v>39.56</v>
      </c>
      <c r="L21131" s="6" t="s">
        <v>4151</v>
      </c>
    </row>
    <row r="21132" spans="1:12">
      <c r="A21132" s="6" t="s">
        <v>4151</v>
      </c>
      <c r="B21132" s="6"/>
      <c r="C21132" s="6" t="s">
        <v>21168</v>
      </c>
      <c r="D21132" s="6"/>
      <c r="E21132" s="6" t="s">
        <v>9</v>
      </c>
      <c r="F21132" s="7">
        <v>38657</v>
      </c>
      <c r="G21132" s="8">
        <v>1</v>
      </c>
      <c r="H21132" s="8">
        <v>1</v>
      </c>
      <c r="I21132" s="8">
        <v>0</v>
      </c>
      <c r="J21132" s="8">
        <v>1</v>
      </c>
      <c r="K21132" s="9">
        <v>457</v>
      </c>
      <c r="L21132" s="6" t="s">
        <v>4151</v>
      </c>
    </row>
    <row r="21133" spans="1:12">
      <c r="A21133" s="6" t="s">
        <v>4151</v>
      </c>
      <c r="B21133" s="6"/>
      <c r="C21133" s="6" t="s">
        <v>21169</v>
      </c>
      <c r="D21133" s="6"/>
      <c r="E21133" s="6" t="s">
        <v>9</v>
      </c>
      <c r="F21133" s="7">
        <v>38657</v>
      </c>
      <c r="G21133" s="8">
        <v>1</v>
      </c>
      <c r="H21133" s="8">
        <v>1</v>
      </c>
      <c r="I21133" s="8">
        <v>0</v>
      </c>
      <c r="J21133" s="8">
        <v>1</v>
      </c>
      <c r="K21133" s="9">
        <v>105</v>
      </c>
      <c r="L21133" s="6" t="s">
        <v>4151</v>
      </c>
    </row>
    <row r="21134" spans="1:12">
      <c r="A21134" s="6" t="s">
        <v>4151</v>
      </c>
      <c r="B21134" s="6"/>
      <c r="C21134" s="6" t="s">
        <v>21170</v>
      </c>
      <c r="D21134" s="6"/>
      <c r="E21134" s="6" t="s">
        <v>9</v>
      </c>
      <c r="F21134" s="7">
        <v>38657</v>
      </c>
      <c r="G21134" s="8">
        <v>1</v>
      </c>
      <c r="H21134" s="8">
        <v>1</v>
      </c>
      <c r="I21134" s="8">
        <v>0</v>
      </c>
      <c r="J21134" s="8">
        <v>1</v>
      </c>
      <c r="K21134" s="9">
        <v>130</v>
      </c>
      <c r="L21134" s="6" t="s">
        <v>4151</v>
      </c>
    </row>
    <row r="21135" spans="1:12">
      <c r="A21135" s="6" t="s">
        <v>4151</v>
      </c>
      <c r="B21135" s="6"/>
      <c r="C21135" s="6" t="s">
        <v>21171</v>
      </c>
      <c r="D21135" s="6"/>
      <c r="E21135" s="6" t="s">
        <v>9</v>
      </c>
      <c r="F21135" s="7">
        <v>38657</v>
      </c>
      <c r="G21135" s="8">
        <v>1</v>
      </c>
      <c r="H21135" s="8">
        <v>1</v>
      </c>
      <c r="I21135" s="8">
        <v>0</v>
      </c>
      <c r="J21135" s="8">
        <v>1</v>
      </c>
      <c r="K21135" s="9">
        <v>137</v>
      </c>
      <c r="L21135" s="6" t="s">
        <v>4151</v>
      </c>
    </row>
    <row r="21136" spans="1:12">
      <c r="A21136" s="6" t="s">
        <v>4151</v>
      </c>
      <c r="B21136" s="6"/>
      <c r="C21136" s="6" t="s">
        <v>21172</v>
      </c>
      <c r="D21136" s="6"/>
      <c r="E21136" s="6" t="s">
        <v>9</v>
      </c>
      <c r="F21136" s="7">
        <v>38657</v>
      </c>
      <c r="G21136" s="8">
        <v>1</v>
      </c>
      <c r="H21136" s="8">
        <v>1</v>
      </c>
      <c r="I21136" s="8">
        <v>0</v>
      </c>
      <c r="J21136" s="8">
        <v>1</v>
      </c>
      <c r="K21136" s="9">
        <v>1217</v>
      </c>
      <c r="L21136" s="6" t="s">
        <v>4151</v>
      </c>
    </row>
    <row r="21137" spans="1:12">
      <c r="A21137" s="6" t="s">
        <v>4151</v>
      </c>
      <c r="B21137" s="6"/>
      <c r="C21137" s="6" t="s">
        <v>21173</v>
      </c>
      <c r="D21137" s="6"/>
      <c r="E21137" s="6" t="s">
        <v>9</v>
      </c>
      <c r="F21137" s="7">
        <v>38657</v>
      </c>
      <c r="G21137" s="8">
        <v>1</v>
      </c>
      <c r="H21137" s="8">
        <v>1</v>
      </c>
      <c r="I21137" s="8">
        <v>0</v>
      </c>
      <c r="J21137" s="8">
        <v>1</v>
      </c>
      <c r="K21137" s="9">
        <v>123</v>
      </c>
      <c r="L21137" s="6" t="s">
        <v>4151</v>
      </c>
    </row>
    <row r="21138" spans="1:12">
      <c r="A21138" s="6" t="s">
        <v>4151</v>
      </c>
      <c r="B21138" s="6"/>
      <c r="C21138" s="6" t="s">
        <v>21174</v>
      </c>
      <c r="D21138" s="6"/>
      <c r="E21138" s="6" t="s">
        <v>9</v>
      </c>
      <c r="F21138" s="7">
        <v>38657</v>
      </c>
      <c r="G21138" s="8">
        <v>1</v>
      </c>
      <c r="H21138" s="8">
        <v>1</v>
      </c>
      <c r="I21138" s="8">
        <v>0</v>
      </c>
      <c r="J21138" s="8">
        <v>1</v>
      </c>
      <c r="K21138" s="9">
        <v>82</v>
      </c>
      <c r="L21138" s="6" t="s">
        <v>4151</v>
      </c>
    </row>
    <row r="21139" spans="1:12">
      <c r="A21139" s="6" t="s">
        <v>4151</v>
      </c>
      <c r="B21139" s="6"/>
      <c r="C21139" s="6" t="s">
        <v>21175</v>
      </c>
      <c r="D21139" s="6"/>
      <c r="E21139" s="6" t="s">
        <v>9</v>
      </c>
      <c r="F21139" s="7">
        <v>38657</v>
      </c>
      <c r="G21139" s="8">
        <v>1</v>
      </c>
      <c r="H21139" s="8">
        <v>1</v>
      </c>
      <c r="I21139" s="8">
        <v>0</v>
      </c>
      <c r="J21139" s="8">
        <v>1</v>
      </c>
      <c r="K21139" s="9">
        <v>84</v>
      </c>
      <c r="L21139" s="6" t="s">
        <v>4151</v>
      </c>
    </row>
    <row r="21140" spans="1:12">
      <c r="A21140" s="6" t="s">
        <v>4151</v>
      </c>
      <c r="B21140" s="6"/>
      <c r="C21140" s="6" t="s">
        <v>21176</v>
      </c>
      <c r="D21140" s="6"/>
      <c r="E21140" s="6" t="s">
        <v>9</v>
      </c>
      <c r="F21140" s="7">
        <v>38657</v>
      </c>
      <c r="G21140" s="8">
        <v>1</v>
      </c>
      <c r="H21140" s="8">
        <v>1</v>
      </c>
      <c r="I21140" s="8">
        <v>0</v>
      </c>
      <c r="J21140" s="8">
        <v>1</v>
      </c>
      <c r="K21140" s="9">
        <v>1.83</v>
      </c>
      <c r="L21140" s="6" t="s">
        <v>4151</v>
      </c>
    </row>
    <row r="21141" spans="1:12">
      <c r="A21141" s="6" t="s">
        <v>4151</v>
      </c>
      <c r="B21141" s="6"/>
      <c r="C21141" s="6" t="s">
        <v>21177</v>
      </c>
      <c r="D21141" s="6"/>
      <c r="E21141" s="6" t="s">
        <v>9</v>
      </c>
      <c r="F21141" s="7">
        <v>38657</v>
      </c>
      <c r="G21141" s="8">
        <v>1</v>
      </c>
      <c r="H21141" s="8">
        <v>1</v>
      </c>
      <c r="I21141" s="8">
        <v>0</v>
      </c>
      <c r="J21141" s="8">
        <v>1</v>
      </c>
      <c r="K21141" s="9">
        <v>43</v>
      </c>
      <c r="L21141" s="6" t="s">
        <v>4151</v>
      </c>
    </row>
    <row r="21142" spans="1:12">
      <c r="A21142" s="6" t="s">
        <v>4151</v>
      </c>
      <c r="B21142" s="6"/>
      <c r="C21142" s="6" t="s">
        <v>21178</v>
      </c>
      <c r="D21142" s="6"/>
      <c r="E21142" s="6" t="s">
        <v>9</v>
      </c>
      <c r="F21142" s="7">
        <v>38657</v>
      </c>
      <c r="G21142" s="8">
        <v>1</v>
      </c>
      <c r="H21142" s="8">
        <v>1</v>
      </c>
      <c r="I21142" s="8">
        <v>0</v>
      </c>
      <c r="J21142" s="8">
        <v>1</v>
      </c>
      <c r="K21142" s="9">
        <v>0.28999999999999898</v>
      </c>
      <c r="L21142" s="6" t="s">
        <v>4151</v>
      </c>
    </row>
    <row r="21143" spans="1:12">
      <c r="A21143" s="6" t="s">
        <v>4151</v>
      </c>
      <c r="B21143" s="6"/>
      <c r="C21143" s="6" t="s">
        <v>21179</v>
      </c>
      <c r="D21143" s="6"/>
      <c r="E21143" s="6" t="s">
        <v>9</v>
      </c>
      <c r="F21143" s="7">
        <v>38657</v>
      </c>
      <c r="G21143" s="8">
        <v>1</v>
      </c>
      <c r="H21143" s="8">
        <v>1</v>
      </c>
      <c r="I21143" s="8">
        <v>0</v>
      </c>
      <c r="J21143" s="8">
        <v>1</v>
      </c>
      <c r="K21143" s="9">
        <v>2.7</v>
      </c>
      <c r="L21143" s="6" t="s">
        <v>4151</v>
      </c>
    </row>
    <row r="21144" spans="1:12">
      <c r="A21144" s="6" t="s">
        <v>4151</v>
      </c>
      <c r="B21144" s="6"/>
      <c r="C21144" s="6" t="s">
        <v>21180</v>
      </c>
      <c r="D21144" s="6"/>
      <c r="E21144" s="6" t="s">
        <v>9</v>
      </c>
      <c r="F21144" s="7">
        <v>38657</v>
      </c>
      <c r="G21144" s="8">
        <v>1</v>
      </c>
      <c r="H21144" s="8">
        <v>1</v>
      </c>
      <c r="I21144" s="8">
        <v>0</v>
      </c>
      <c r="J21144" s="8">
        <v>1</v>
      </c>
      <c r="K21144" s="9">
        <v>565</v>
      </c>
      <c r="L21144" s="6" t="s">
        <v>4151</v>
      </c>
    </row>
    <row r="21145" spans="1:12">
      <c r="A21145" s="6" t="s">
        <v>4151</v>
      </c>
      <c r="B21145" s="6"/>
      <c r="C21145" s="6" t="s">
        <v>21181</v>
      </c>
      <c r="D21145" s="6"/>
      <c r="E21145" s="6" t="s">
        <v>9</v>
      </c>
      <c r="F21145" s="7">
        <v>38657</v>
      </c>
      <c r="G21145" s="8">
        <v>1</v>
      </c>
      <c r="H21145" s="8">
        <v>1</v>
      </c>
      <c r="I21145" s="8">
        <v>0</v>
      </c>
      <c r="J21145" s="8">
        <v>1</v>
      </c>
      <c r="K21145" s="9">
        <v>168</v>
      </c>
      <c r="L21145" s="6" t="s">
        <v>4151</v>
      </c>
    </row>
    <row r="21146" spans="1:12">
      <c r="A21146" s="6" t="s">
        <v>4151</v>
      </c>
      <c r="B21146" s="6"/>
      <c r="C21146" s="6" t="s">
        <v>21182</v>
      </c>
      <c r="D21146" s="6"/>
      <c r="E21146" s="6" t="s">
        <v>9</v>
      </c>
      <c r="F21146" s="7">
        <v>38657</v>
      </c>
      <c r="G21146" s="8">
        <v>1</v>
      </c>
      <c r="H21146" s="8">
        <v>1</v>
      </c>
      <c r="I21146" s="8">
        <v>0</v>
      </c>
      <c r="J21146" s="8">
        <v>1</v>
      </c>
      <c r="K21146" s="9">
        <v>177</v>
      </c>
      <c r="L21146" s="6" t="s">
        <v>4151</v>
      </c>
    </row>
    <row r="21147" spans="1:12">
      <c r="A21147" s="6" t="s">
        <v>4151</v>
      </c>
      <c r="B21147" s="6"/>
      <c r="C21147" s="6" t="s">
        <v>21183</v>
      </c>
      <c r="D21147" s="6"/>
      <c r="E21147" s="6" t="s">
        <v>9</v>
      </c>
      <c r="F21147" s="7">
        <v>38657</v>
      </c>
      <c r="G21147" s="8">
        <v>1</v>
      </c>
      <c r="H21147" s="8">
        <v>1</v>
      </c>
      <c r="I21147" s="8">
        <v>0</v>
      </c>
      <c r="J21147" s="8">
        <v>1</v>
      </c>
      <c r="K21147" s="9">
        <v>119</v>
      </c>
      <c r="L21147" s="6" t="s">
        <v>4151</v>
      </c>
    </row>
    <row r="21148" spans="1:12">
      <c r="A21148" s="6" t="s">
        <v>4151</v>
      </c>
      <c r="B21148" s="6"/>
      <c r="C21148" s="6" t="s">
        <v>21184</v>
      </c>
      <c r="D21148" s="6"/>
      <c r="E21148" s="6" t="s">
        <v>9</v>
      </c>
      <c r="F21148" s="7">
        <v>38657</v>
      </c>
      <c r="G21148" s="8">
        <v>1</v>
      </c>
      <c r="H21148" s="8">
        <v>1</v>
      </c>
      <c r="I21148" s="8">
        <v>0</v>
      </c>
      <c r="J21148" s="8">
        <v>1</v>
      </c>
      <c r="K21148" s="9">
        <v>180</v>
      </c>
      <c r="L21148" s="6" t="s">
        <v>4151</v>
      </c>
    </row>
    <row r="21149" spans="1:12">
      <c r="A21149" s="6" t="s">
        <v>4151</v>
      </c>
      <c r="B21149" s="6"/>
      <c r="C21149" s="6" t="s">
        <v>21185</v>
      </c>
      <c r="D21149" s="6"/>
      <c r="E21149" s="6" t="s">
        <v>9</v>
      </c>
      <c r="F21149" s="7">
        <v>38657</v>
      </c>
      <c r="G21149" s="8">
        <v>1</v>
      </c>
      <c r="H21149" s="8">
        <v>1</v>
      </c>
      <c r="I21149" s="8">
        <v>0</v>
      </c>
      <c r="J21149" s="8">
        <v>1</v>
      </c>
      <c r="K21149" s="9">
        <v>255</v>
      </c>
      <c r="L21149" s="6" t="s">
        <v>4151</v>
      </c>
    </row>
    <row r="21150" spans="1:12">
      <c r="A21150" s="6" t="s">
        <v>4151</v>
      </c>
      <c r="B21150" s="6"/>
      <c r="C21150" s="6" t="s">
        <v>21186</v>
      </c>
      <c r="D21150" s="6"/>
      <c r="E21150" s="6" t="s">
        <v>9</v>
      </c>
      <c r="F21150" s="7">
        <v>38657</v>
      </c>
      <c r="G21150" s="8">
        <v>1</v>
      </c>
      <c r="H21150" s="8">
        <v>1</v>
      </c>
      <c r="I21150" s="8">
        <v>0</v>
      </c>
      <c r="J21150" s="8">
        <v>1</v>
      </c>
      <c r="K21150" s="9">
        <v>121</v>
      </c>
      <c r="L21150" s="6" t="s">
        <v>4151</v>
      </c>
    </row>
    <row r="21151" spans="1:12">
      <c r="A21151" s="6" t="s">
        <v>4151</v>
      </c>
      <c r="B21151" s="6"/>
      <c r="C21151" s="6" t="s">
        <v>21187</v>
      </c>
      <c r="D21151" s="6"/>
      <c r="E21151" s="6" t="s">
        <v>9</v>
      </c>
      <c r="F21151" s="7">
        <v>38657</v>
      </c>
      <c r="G21151" s="8">
        <v>1</v>
      </c>
      <c r="H21151" s="8">
        <v>1</v>
      </c>
      <c r="I21151" s="8">
        <v>0</v>
      </c>
      <c r="J21151" s="8">
        <v>1</v>
      </c>
      <c r="K21151" s="9">
        <v>313</v>
      </c>
      <c r="L21151" s="6" t="s">
        <v>4151</v>
      </c>
    </row>
    <row r="21152" spans="1:12">
      <c r="A21152" s="6" t="s">
        <v>4151</v>
      </c>
      <c r="B21152" s="6"/>
      <c r="C21152" s="6" t="s">
        <v>21188</v>
      </c>
      <c r="D21152" s="6"/>
      <c r="E21152" s="6" t="s">
        <v>9</v>
      </c>
      <c r="F21152" s="7">
        <v>38657</v>
      </c>
      <c r="G21152" s="8">
        <v>1</v>
      </c>
      <c r="H21152" s="8">
        <v>1</v>
      </c>
      <c r="I21152" s="8">
        <v>0</v>
      </c>
      <c r="J21152" s="8">
        <v>1</v>
      </c>
      <c r="K21152" s="9">
        <v>71</v>
      </c>
      <c r="L21152" s="6" t="s">
        <v>4151</v>
      </c>
    </row>
    <row r="21153" spans="1:12">
      <c r="A21153" s="6" t="s">
        <v>4151</v>
      </c>
      <c r="B21153" s="6"/>
      <c r="C21153" s="6" t="s">
        <v>21189</v>
      </c>
      <c r="D21153" s="6"/>
      <c r="E21153" s="6" t="s">
        <v>9</v>
      </c>
      <c r="F21153" s="7">
        <v>38657</v>
      </c>
      <c r="G21153" s="8">
        <v>1</v>
      </c>
      <c r="H21153" s="8">
        <v>1</v>
      </c>
      <c r="I21153" s="8">
        <v>0</v>
      </c>
      <c r="J21153" s="8">
        <v>1</v>
      </c>
      <c r="K21153" s="9">
        <v>1.78</v>
      </c>
      <c r="L21153" s="6" t="s">
        <v>4151</v>
      </c>
    </row>
    <row r="21154" spans="1:12">
      <c r="A21154" s="6" t="s">
        <v>4151</v>
      </c>
      <c r="B21154" s="6"/>
      <c r="C21154" s="6" t="s">
        <v>21190</v>
      </c>
      <c r="D21154" s="6"/>
      <c r="E21154" s="6" t="s">
        <v>9</v>
      </c>
      <c r="F21154" s="7">
        <v>38657</v>
      </c>
      <c r="G21154" s="8">
        <v>1</v>
      </c>
      <c r="H21154" s="8">
        <v>1</v>
      </c>
      <c r="I21154" s="8">
        <v>0</v>
      </c>
      <c r="J21154" s="8">
        <v>1</v>
      </c>
      <c r="K21154" s="9">
        <v>99</v>
      </c>
      <c r="L21154" s="6" t="s">
        <v>4151</v>
      </c>
    </row>
    <row r="21155" spans="1:12">
      <c r="A21155" s="6" t="s">
        <v>4151</v>
      </c>
      <c r="B21155" s="6"/>
      <c r="C21155" s="6" t="s">
        <v>21191</v>
      </c>
      <c r="D21155" s="6"/>
      <c r="E21155" s="6" t="s">
        <v>9</v>
      </c>
      <c r="F21155" s="7">
        <v>38657</v>
      </c>
      <c r="G21155" s="8">
        <v>1</v>
      </c>
      <c r="H21155" s="8">
        <v>1</v>
      </c>
      <c r="I21155" s="8">
        <v>0</v>
      </c>
      <c r="J21155" s="8">
        <v>1</v>
      </c>
      <c r="K21155" s="9">
        <v>91</v>
      </c>
      <c r="L21155" s="6" t="s">
        <v>4151</v>
      </c>
    </row>
    <row r="21156" spans="1:12">
      <c r="A21156" s="6" t="s">
        <v>4151</v>
      </c>
      <c r="B21156" s="6"/>
      <c r="C21156" s="6" t="s">
        <v>21192</v>
      </c>
      <c r="D21156" s="6"/>
      <c r="E21156" s="6" t="s">
        <v>9</v>
      </c>
      <c r="F21156" s="7">
        <v>38657</v>
      </c>
      <c r="G21156" s="8">
        <v>1</v>
      </c>
      <c r="H21156" s="8">
        <v>1</v>
      </c>
      <c r="I21156" s="8">
        <v>0</v>
      </c>
      <c r="J21156" s="8">
        <v>1</v>
      </c>
      <c r="K21156" s="9">
        <v>306</v>
      </c>
      <c r="L21156" s="6" t="s">
        <v>4151</v>
      </c>
    </row>
    <row r="21157" spans="1:12">
      <c r="A21157" s="6" t="s">
        <v>4151</v>
      </c>
      <c r="B21157" s="6"/>
      <c r="C21157" s="6" t="s">
        <v>21193</v>
      </c>
      <c r="D21157" s="6"/>
      <c r="E21157" s="6" t="s">
        <v>9</v>
      </c>
      <c r="F21157" s="7">
        <v>38657</v>
      </c>
      <c r="G21157" s="8">
        <v>1</v>
      </c>
      <c r="H21157" s="8">
        <v>1</v>
      </c>
      <c r="I21157" s="8">
        <v>0</v>
      </c>
      <c r="J21157" s="8">
        <v>1</v>
      </c>
      <c r="K21157" s="9">
        <v>149</v>
      </c>
      <c r="L21157" s="6" t="s">
        <v>4151</v>
      </c>
    </row>
    <row r="21158" spans="1:12">
      <c r="A21158" s="6" t="s">
        <v>4151</v>
      </c>
      <c r="B21158" s="6"/>
      <c r="C21158" s="6" t="s">
        <v>21194</v>
      </c>
      <c r="D21158" s="6"/>
      <c r="E21158" s="6" t="s">
        <v>9</v>
      </c>
      <c r="F21158" s="7">
        <v>38657</v>
      </c>
      <c r="G21158" s="8">
        <v>1</v>
      </c>
      <c r="H21158" s="8">
        <v>1</v>
      </c>
      <c r="I21158" s="8">
        <v>0</v>
      </c>
      <c r="J21158" s="8">
        <v>1</v>
      </c>
      <c r="K21158" s="9">
        <v>136</v>
      </c>
      <c r="L21158" s="6" t="s">
        <v>4151</v>
      </c>
    </row>
    <row r="21159" spans="1:12">
      <c r="A21159" s="6" t="s">
        <v>4151</v>
      </c>
      <c r="B21159" s="6"/>
      <c r="C21159" s="6" t="s">
        <v>21195</v>
      </c>
      <c r="D21159" s="6"/>
      <c r="E21159" s="6" t="s">
        <v>9</v>
      </c>
      <c r="F21159" s="7">
        <v>38657</v>
      </c>
      <c r="G21159" s="8">
        <v>1</v>
      </c>
      <c r="H21159" s="8">
        <v>1</v>
      </c>
      <c r="I21159" s="8">
        <v>0</v>
      </c>
      <c r="J21159" s="8">
        <v>1</v>
      </c>
      <c r="K21159" s="9">
        <v>60</v>
      </c>
      <c r="L21159" s="6" t="s">
        <v>4151</v>
      </c>
    </row>
    <row r="21160" spans="1:12">
      <c r="A21160" s="6" t="s">
        <v>4151</v>
      </c>
      <c r="B21160" s="6"/>
      <c r="C21160" s="6" t="s">
        <v>21196</v>
      </c>
      <c r="D21160" s="6"/>
      <c r="E21160" s="6" t="s">
        <v>9</v>
      </c>
      <c r="F21160" s="7">
        <v>38657</v>
      </c>
      <c r="G21160" s="8">
        <v>1</v>
      </c>
      <c r="H21160" s="8">
        <v>1</v>
      </c>
      <c r="I21160" s="8">
        <v>0</v>
      </c>
      <c r="J21160" s="8">
        <v>1</v>
      </c>
      <c r="K21160" s="9">
        <v>153</v>
      </c>
      <c r="L21160" s="6" t="s">
        <v>4151</v>
      </c>
    </row>
    <row r="21161" spans="1:12">
      <c r="A21161" s="6" t="s">
        <v>4151</v>
      </c>
      <c r="B21161" s="6"/>
      <c r="C21161" s="6" t="s">
        <v>21197</v>
      </c>
      <c r="D21161" s="6"/>
      <c r="E21161" s="6" t="s">
        <v>9</v>
      </c>
      <c r="F21161" s="7">
        <v>38657</v>
      </c>
      <c r="G21161" s="8">
        <v>1</v>
      </c>
      <c r="H21161" s="8">
        <v>1</v>
      </c>
      <c r="I21161" s="8">
        <v>0</v>
      </c>
      <c r="J21161" s="8">
        <v>1</v>
      </c>
      <c r="K21161" s="9">
        <v>663</v>
      </c>
      <c r="L21161" s="6" t="s">
        <v>4151</v>
      </c>
    </row>
    <row r="21162" spans="1:12">
      <c r="A21162" s="6" t="s">
        <v>4151</v>
      </c>
      <c r="B21162" s="6"/>
      <c r="C21162" s="6" t="s">
        <v>21198</v>
      </c>
      <c r="D21162" s="6"/>
      <c r="E21162" s="6" t="s">
        <v>9</v>
      </c>
      <c r="F21162" s="7">
        <v>38657</v>
      </c>
      <c r="G21162" s="8">
        <v>1</v>
      </c>
      <c r="H21162" s="8">
        <v>1</v>
      </c>
      <c r="I21162" s="8">
        <v>0</v>
      </c>
      <c r="J21162" s="8">
        <v>1</v>
      </c>
      <c r="K21162" s="9">
        <v>190</v>
      </c>
      <c r="L21162" s="6" t="s">
        <v>4151</v>
      </c>
    </row>
    <row r="21163" spans="1:12">
      <c r="A21163" s="6" t="s">
        <v>4151</v>
      </c>
      <c r="B21163" s="6"/>
      <c r="C21163" s="6" t="s">
        <v>21199</v>
      </c>
      <c r="D21163" s="6"/>
      <c r="E21163" s="6" t="s">
        <v>9</v>
      </c>
      <c r="F21163" s="7">
        <v>38657</v>
      </c>
      <c r="G21163" s="8">
        <v>1</v>
      </c>
      <c r="H21163" s="8">
        <v>1</v>
      </c>
      <c r="I21163" s="8">
        <v>0</v>
      </c>
      <c r="J21163" s="8">
        <v>1</v>
      </c>
      <c r="K21163" s="9">
        <v>183</v>
      </c>
      <c r="L21163" s="6" t="s">
        <v>4151</v>
      </c>
    </row>
    <row r="21164" spans="1:12">
      <c r="A21164" s="6" t="s">
        <v>4151</v>
      </c>
      <c r="B21164" s="6"/>
      <c r="C21164" s="6" t="s">
        <v>21200</v>
      </c>
      <c r="D21164" s="6"/>
      <c r="E21164" s="6" t="s">
        <v>9</v>
      </c>
      <c r="F21164" s="7">
        <v>38657</v>
      </c>
      <c r="G21164" s="8">
        <v>1</v>
      </c>
      <c r="H21164" s="8">
        <v>1</v>
      </c>
      <c r="I21164" s="8">
        <v>0</v>
      </c>
      <c r="J21164" s="8">
        <v>1</v>
      </c>
      <c r="K21164" s="9">
        <v>11.47</v>
      </c>
      <c r="L21164" s="6" t="s">
        <v>4151</v>
      </c>
    </row>
    <row r="21165" spans="1:12">
      <c r="A21165" s="6" t="s">
        <v>4151</v>
      </c>
      <c r="B21165" s="6"/>
      <c r="C21165" s="6" t="s">
        <v>21201</v>
      </c>
      <c r="D21165" s="6"/>
      <c r="E21165" s="6" t="s">
        <v>9</v>
      </c>
      <c r="F21165" s="7">
        <v>38657</v>
      </c>
      <c r="G21165" s="8">
        <v>1</v>
      </c>
      <c r="H21165" s="8">
        <v>1</v>
      </c>
      <c r="I21165" s="8">
        <v>0</v>
      </c>
      <c r="J21165" s="8">
        <v>1</v>
      </c>
      <c r="K21165" s="9">
        <v>760</v>
      </c>
      <c r="L21165" s="6" t="s">
        <v>4151</v>
      </c>
    </row>
    <row r="21166" spans="1:12">
      <c r="A21166" s="6" t="s">
        <v>4151</v>
      </c>
      <c r="B21166" s="6"/>
      <c r="C21166" s="6" t="s">
        <v>21202</v>
      </c>
      <c r="D21166" s="6"/>
      <c r="E21166" s="6" t="s">
        <v>9</v>
      </c>
      <c r="F21166" s="7">
        <v>38657</v>
      </c>
      <c r="G21166" s="8">
        <v>1</v>
      </c>
      <c r="H21166" s="8">
        <v>1</v>
      </c>
      <c r="I21166" s="8">
        <v>0</v>
      </c>
      <c r="J21166" s="8">
        <v>1</v>
      </c>
      <c r="K21166" s="9">
        <v>60</v>
      </c>
      <c r="L21166" s="6" t="s">
        <v>4151</v>
      </c>
    </row>
    <row r="21167" spans="1:12">
      <c r="A21167" s="6" t="s">
        <v>4151</v>
      </c>
      <c r="B21167" s="6"/>
      <c r="C21167" s="6" t="s">
        <v>21203</v>
      </c>
      <c r="D21167" s="6"/>
      <c r="E21167" s="6" t="s">
        <v>9</v>
      </c>
      <c r="F21167" s="7">
        <v>38657</v>
      </c>
      <c r="G21167" s="8">
        <v>1</v>
      </c>
      <c r="H21167" s="8">
        <v>1</v>
      </c>
      <c r="I21167" s="8">
        <v>0</v>
      </c>
      <c r="J21167" s="8">
        <v>1</v>
      </c>
      <c r="K21167" s="9">
        <v>126</v>
      </c>
      <c r="L21167" s="6" t="s">
        <v>4151</v>
      </c>
    </row>
    <row r="21168" spans="1:12">
      <c r="A21168" s="6" t="s">
        <v>4151</v>
      </c>
      <c r="B21168" s="6"/>
      <c r="C21168" s="6" t="s">
        <v>21204</v>
      </c>
      <c r="D21168" s="6"/>
      <c r="E21168" s="6" t="s">
        <v>9</v>
      </c>
      <c r="F21168" s="7">
        <v>38657</v>
      </c>
      <c r="G21168" s="8">
        <v>1</v>
      </c>
      <c r="H21168" s="8">
        <v>1</v>
      </c>
      <c r="I21168" s="8">
        <v>0</v>
      </c>
      <c r="J21168" s="8">
        <v>1</v>
      </c>
      <c r="K21168" s="9">
        <v>611</v>
      </c>
      <c r="L21168" s="6" t="s">
        <v>4151</v>
      </c>
    </row>
    <row r="21169" spans="1:12">
      <c r="A21169" s="6" t="s">
        <v>4151</v>
      </c>
      <c r="B21169" s="6"/>
      <c r="C21169" s="6" t="s">
        <v>21205</v>
      </c>
      <c r="D21169" s="6"/>
      <c r="E21169" s="6" t="s">
        <v>9</v>
      </c>
      <c r="F21169" s="7">
        <v>38657</v>
      </c>
      <c r="G21169" s="8">
        <v>1</v>
      </c>
      <c r="H21169" s="8">
        <v>1</v>
      </c>
      <c r="I21169" s="8">
        <v>0</v>
      </c>
      <c r="J21169" s="8">
        <v>1</v>
      </c>
      <c r="K21169" s="9">
        <v>3.74</v>
      </c>
      <c r="L21169" s="6" t="s">
        <v>4151</v>
      </c>
    </row>
    <row r="21170" spans="1:12">
      <c r="A21170" s="6" t="s">
        <v>4151</v>
      </c>
      <c r="B21170" s="6"/>
      <c r="C21170" s="6" t="s">
        <v>21206</v>
      </c>
      <c r="D21170" s="6"/>
      <c r="E21170" s="6" t="s">
        <v>9</v>
      </c>
      <c r="F21170" s="7">
        <v>38657</v>
      </c>
      <c r="G21170" s="8">
        <v>1</v>
      </c>
      <c r="H21170" s="8">
        <v>1</v>
      </c>
      <c r="I21170" s="8">
        <v>0</v>
      </c>
      <c r="J21170" s="8">
        <v>1</v>
      </c>
      <c r="K21170" s="9">
        <v>99</v>
      </c>
      <c r="L21170" s="6" t="s">
        <v>4151</v>
      </c>
    </row>
    <row r="21171" spans="1:12">
      <c r="A21171" s="6" t="s">
        <v>4151</v>
      </c>
      <c r="B21171" s="6"/>
      <c r="C21171" s="6" t="s">
        <v>21207</v>
      </c>
      <c r="D21171" s="6"/>
      <c r="E21171" s="6" t="s">
        <v>9</v>
      </c>
      <c r="F21171" s="7">
        <v>38657</v>
      </c>
      <c r="G21171" s="8">
        <v>1</v>
      </c>
      <c r="H21171" s="8">
        <v>1</v>
      </c>
      <c r="I21171" s="8">
        <v>0</v>
      </c>
      <c r="J21171" s="8">
        <v>1</v>
      </c>
      <c r="K21171" s="9">
        <v>63</v>
      </c>
      <c r="L21171" s="6" t="s">
        <v>4151</v>
      </c>
    </row>
    <row r="21172" spans="1:12">
      <c r="A21172" s="6" t="s">
        <v>4151</v>
      </c>
      <c r="B21172" s="6"/>
      <c r="C21172" s="6" t="s">
        <v>21208</v>
      </c>
      <c r="D21172" s="6"/>
      <c r="E21172" s="6" t="s">
        <v>9</v>
      </c>
      <c r="F21172" s="7">
        <v>38657</v>
      </c>
      <c r="G21172" s="8">
        <v>1</v>
      </c>
      <c r="H21172" s="8">
        <v>1</v>
      </c>
      <c r="I21172" s="8">
        <v>0</v>
      </c>
      <c r="J21172" s="8">
        <v>1</v>
      </c>
      <c r="K21172" s="9">
        <v>472</v>
      </c>
      <c r="L21172" s="6" t="s">
        <v>4151</v>
      </c>
    </row>
    <row r="21173" spans="1:12">
      <c r="A21173" s="6" t="s">
        <v>4151</v>
      </c>
      <c r="B21173" s="6"/>
      <c r="C21173" s="6" t="s">
        <v>21209</v>
      </c>
      <c r="D21173" s="6"/>
      <c r="E21173" s="6" t="s">
        <v>9</v>
      </c>
      <c r="F21173" s="7">
        <v>38657</v>
      </c>
      <c r="G21173" s="8">
        <v>1</v>
      </c>
      <c r="H21173" s="8">
        <v>1</v>
      </c>
      <c r="I21173" s="8">
        <v>0</v>
      </c>
      <c r="J21173" s="8">
        <v>1</v>
      </c>
      <c r="K21173" s="9">
        <v>73</v>
      </c>
      <c r="L21173" s="6" t="s">
        <v>4151</v>
      </c>
    </row>
    <row r="21174" spans="1:12">
      <c r="A21174" s="6" t="s">
        <v>4151</v>
      </c>
      <c r="B21174" s="6"/>
      <c r="C21174" s="6" t="s">
        <v>21210</v>
      </c>
      <c r="D21174" s="6"/>
      <c r="E21174" s="6" t="s">
        <v>9</v>
      </c>
      <c r="F21174" s="7">
        <v>38657</v>
      </c>
      <c r="G21174" s="8">
        <v>1</v>
      </c>
      <c r="H21174" s="8">
        <v>1</v>
      </c>
      <c r="I21174" s="8">
        <v>0</v>
      </c>
      <c r="J21174" s="8">
        <v>1</v>
      </c>
      <c r="K21174" s="9">
        <v>69</v>
      </c>
      <c r="L21174" s="6" t="s">
        <v>4151</v>
      </c>
    </row>
    <row r="21175" spans="1:12">
      <c r="A21175" s="6" t="s">
        <v>4151</v>
      </c>
      <c r="B21175" s="6"/>
      <c r="C21175" s="6" t="s">
        <v>21211</v>
      </c>
      <c r="D21175" s="6"/>
      <c r="E21175" s="6" t="s">
        <v>9</v>
      </c>
      <c r="F21175" s="7">
        <v>38657</v>
      </c>
      <c r="G21175" s="8">
        <v>1</v>
      </c>
      <c r="H21175" s="8">
        <v>1</v>
      </c>
      <c r="I21175" s="8">
        <v>0</v>
      </c>
      <c r="J21175" s="8">
        <v>1</v>
      </c>
      <c r="K21175" s="9">
        <v>36</v>
      </c>
      <c r="L21175" s="6" t="s">
        <v>4151</v>
      </c>
    </row>
    <row r="21176" spans="1:12">
      <c r="A21176" s="6" t="s">
        <v>4151</v>
      </c>
      <c r="B21176" s="6"/>
      <c r="C21176" s="6" t="s">
        <v>21212</v>
      </c>
      <c r="D21176" s="6"/>
      <c r="E21176" s="6" t="s">
        <v>9</v>
      </c>
      <c r="F21176" s="7">
        <v>38657</v>
      </c>
      <c r="G21176" s="8">
        <v>1</v>
      </c>
      <c r="H21176" s="8">
        <v>1</v>
      </c>
      <c r="I21176" s="8">
        <v>0</v>
      </c>
      <c r="J21176" s="8">
        <v>1</v>
      </c>
      <c r="K21176" s="9">
        <v>11.27</v>
      </c>
      <c r="L21176" s="6" t="s">
        <v>4151</v>
      </c>
    </row>
    <row r="21177" spans="1:12">
      <c r="A21177" s="6" t="s">
        <v>4151</v>
      </c>
      <c r="B21177" s="6"/>
      <c r="C21177" s="6" t="s">
        <v>21213</v>
      </c>
      <c r="D21177" s="6"/>
      <c r="E21177" s="6" t="s">
        <v>9</v>
      </c>
      <c r="F21177" s="7">
        <v>38657</v>
      </c>
      <c r="G21177" s="8">
        <v>1</v>
      </c>
      <c r="H21177" s="8">
        <v>1</v>
      </c>
      <c r="I21177" s="8">
        <v>0</v>
      </c>
      <c r="J21177" s="8">
        <v>1</v>
      </c>
      <c r="K21177" s="9">
        <v>898</v>
      </c>
      <c r="L21177" s="6" t="s">
        <v>4151</v>
      </c>
    </row>
    <row r="21178" spans="1:12">
      <c r="A21178" s="6" t="s">
        <v>4151</v>
      </c>
      <c r="B21178" s="6"/>
      <c r="C21178" s="6" t="s">
        <v>21214</v>
      </c>
      <c r="D21178" s="6"/>
      <c r="E21178" s="6" t="s">
        <v>9</v>
      </c>
      <c r="F21178" s="7">
        <v>38657</v>
      </c>
      <c r="G21178" s="8">
        <v>1</v>
      </c>
      <c r="H21178" s="8">
        <v>1</v>
      </c>
      <c r="I21178" s="8">
        <v>0</v>
      </c>
      <c r="J21178" s="8">
        <v>1</v>
      </c>
      <c r="K21178" s="9">
        <v>1447</v>
      </c>
      <c r="L21178" s="6" t="s">
        <v>4151</v>
      </c>
    </row>
    <row r="21179" spans="1:12">
      <c r="A21179" s="6" t="s">
        <v>4151</v>
      </c>
      <c r="B21179" s="6"/>
      <c r="C21179" s="6" t="s">
        <v>21215</v>
      </c>
      <c r="D21179" s="6"/>
      <c r="E21179" s="6" t="s">
        <v>9</v>
      </c>
      <c r="F21179" s="7">
        <v>38657</v>
      </c>
      <c r="G21179" s="8">
        <v>1</v>
      </c>
      <c r="H21179" s="8">
        <v>1</v>
      </c>
      <c r="I21179" s="8">
        <v>0</v>
      </c>
      <c r="J21179" s="8">
        <v>1</v>
      </c>
      <c r="K21179" s="9">
        <v>1044</v>
      </c>
      <c r="L21179" s="6" t="s">
        <v>4151</v>
      </c>
    </row>
    <row r="21180" spans="1:12">
      <c r="A21180" s="6" t="s">
        <v>4151</v>
      </c>
      <c r="B21180" s="6"/>
      <c r="C21180" s="6" t="s">
        <v>21216</v>
      </c>
      <c r="D21180" s="6"/>
      <c r="E21180" s="6" t="s">
        <v>9</v>
      </c>
      <c r="F21180" s="7">
        <v>38657</v>
      </c>
      <c r="G21180" s="8">
        <v>1</v>
      </c>
      <c r="H21180" s="8">
        <v>1</v>
      </c>
      <c r="I21180" s="8">
        <v>0</v>
      </c>
      <c r="J21180" s="8">
        <v>1</v>
      </c>
      <c r="K21180" s="9">
        <v>10</v>
      </c>
      <c r="L21180" s="6" t="s">
        <v>4151</v>
      </c>
    </row>
    <row r="21181" spans="1:12">
      <c r="A21181" s="6" t="s">
        <v>4151</v>
      </c>
      <c r="B21181" s="6"/>
      <c r="C21181" s="6" t="s">
        <v>21217</v>
      </c>
      <c r="D21181" s="6"/>
      <c r="E21181" s="6" t="s">
        <v>9</v>
      </c>
      <c r="F21181" s="7">
        <v>38657</v>
      </c>
      <c r="G21181" s="8">
        <v>1</v>
      </c>
      <c r="H21181" s="8">
        <v>1</v>
      </c>
      <c r="I21181" s="8">
        <v>0</v>
      </c>
      <c r="J21181" s="8">
        <v>1</v>
      </c>
      <c r="K21181" s="9">
        <v>3.84</v>
      </c>
      <c r="L21181" s="6" t="s">
        <v>4151</v>
      </c>
    </row>
    <row r="21182" spans="1:12">
      <c r="A21182" s="6" t="s">
        <v>4151</v>
      </c>
      <c r="B21182" s="6"/>
      <c r="C21182" s="6" t="s">
        <v>21218</v>
      </c>
      <c r="D21182" s="6"/>
      <c r="E21182" s="6" t="s">
        <v>9</v>
      </c>
      <c r="F21182" s="7">
        <v>38657</v>
      </c>
      <c r="G21182" s="8">
        <v>1</v>
      </c>
      <c r="H21182" s="8">
        <v>1</v>
      </c>
      <c r="I21182" s="8">
        <v>0</v>
      </c>
      <c r="J21182" s="8">
        <v>1</v>
      </c>
      <c r="K21182" s="9">
        <v>8.17</v>
      </c>
      <c r="L21182" s="6" t="s">
        <v>4151</v>
      </c>
    </row>
    <row r="21183" spans="1:12">
      <c r="A21183" s="6" t="s">
        <v>4151</v>
      </c>
      <c r="B21183" s="6"/>
      <c r="C21183" s="6" t="s">
        <v>21219</v>
      </c>
      <c r="D21183" s="6"/>
      <c r="E21183" s="6" t="s">
        <v>9</v>
      </c>
      <c r="F21183" s="7">
        <v>38657</v>
      </c>
      <c r="G21183" s="8">
        <v>1</v>
      </c>
      <c r="H21183" s="8">
        <v>1</v>
      </c>
      <c r="I21183" s="8">
        <v>0</v>
      </c>
      <c r="J21183" s="8">
        <v>1</v>
      </c>
      <c r="K21183" s="9">
        <v>0.1</v>
      </c>
      <c r="L21183" s="6" t="s">
        <v>4151</v>
      </c>
    </row>
    <row r="21184" spans="1:12">
      <c r="A21184" s="6" t="s">
        <v>4151</v>
      </c>
      <c r="B21184" s="6"/>
      <c r="C21184" s="6" t="s">
        <v>21220</v>
      </c>
      <c r="D21184" s="6"/>
      <c r="E21184" s="6" t="s">
        <v>9</v>
      </c>
      <c r="F21184" s="7">
        <v>38657</v>
      </c>
      <c r="G21184" s="8">
        <v>1</v>
      </c>
      <c r="H21184" s="8">
        <v>1</v>
      </c>
      <c r="I21184" s="8">
        <v>0</v>
      </c>
      <c r="J21184" s="8">
        <v>1</v>
      </c>
      <c r="K21184" s="9">
        <v>1</v>
      </c>
      <c r="L21184" s="6" t="s">
        <v>4151</v>
      </c>
    </row>
    <row r="21185" spans="1:12">
      <c r="A21185" s="6" t="s">
        <v>4151</v>
      </c>
      <c r="B21185" s="6"/>
      <c r="C21185" s="6" t="s">
        <v>21221</v>
      </c>
      <c r="D21185" s="6"/>
      <c r="E21185" s="6" t="s">
        <v>9</v>
      </c>
      <c r="F21185" s="7">
        <v>38657</v>
      </c>
      <c r="G21185" s="8">
        <v>1</v>
      </c>
      <c r="H21185" s="8">
        <v>1</v>
      </c>
      <c r="I21185" s="8">
        <v>0</v>
      </c>
      <c r="J21185" s="8">
        <v>1</v>
      </c>
      <c r="K21185" s="9">
        <v>1.56</v>
      </c>
      <c r="L21185" s="6" t="s">
        <v>4151</v>
      </c>
    </row>
    <row r="21186" spans="1:12">
      <c r="A21186" s="6" t="s">
        <v>4151</v>
      </c>
      <c r="B21186" s="6"/>
      <c r="C21186" s="6" t="s">
        <v>21222</v>
      </c>
      <c r="D21186" s="6"/>
      <c r="E21186" s="6" t="s">
        <v>9</v>
      </c>
      <c r="F21186" s="7">
        <v>38657</v>
      </c>
      <c r="G21186" s="8">
        <v>1</v>
      </c>
      <c r="H21186" s="8">
        <v>1</v>
      </c>
      <c r="I21186" s="8">
        <v>0</v>
      </c>
      <c r="J21186" s="8">
        <v>1</v>
      </c>
      <c r="K21186" s="9">
        <v>1.49</v>
      </c>
      <c r="L21186" s="6" t="s">
        <v>4151</v>
      </c>
    </row>
    <row r="21187" spans="1:12">
      <c r="A21187" s="6" t="s">
        <v>4151</v>
      </c>
      <c r="B21187" s="6"/>
      <c r="C21187" s="6" t="s">
        <v>21223</v>
      </c>
      <c r="D21187" s="6"/>
      <c r="E21187" s="6" t="s">
        <v>9</v>
      </c>
      <c r="F21187" s="7">
        <v>38657</v>
      </c>
      <c r="G21187" s="8">
        <v>1</v>
      </c>
      <c r="H21187" s="8">
        <v>1</v>
      </c>
      <c r="I21187" s="8">
        <v>0</v>
      </c>
      <c r="J21187" s="8">
        <v>1</v>
      </c>
      <c r="K21187" s="9">
        <v>126</v>
      </c>
      <c r="L21187" s="6" t="s">
        <v>4151</v>
      </c>
    </row>
    <row r="21188" spans="1:12">
      <c r="A21188" s="6" t="s">
        <v>4151</v>
      </c>
      <c r="B21188" s="6"/>
      <c r="C21188" s="6" t="s">
        <v>21224</v>
      </c>
      <c r="D21188" s="6"/>
      <c r="E21188" s="6" t="s">
        <v>9</v>
      </c>
      <c r="F21188" s="7">
        <v>38657</v>
      </c>
      <c r="G21188" s="8">
        <v>1</v>
      </c>
      <c r="H21188" s="8">
        <v>1</v>
      </c>
      <c r="I21188" s="8">
        <v>0</v>
      </c>
      <c r="J21188" s="8">
        <v>1</v>
      </c>
      <c r="K21188" s="9">
        <v>7.65</v>
      </c>
      <c r="L21188" s="6" t="s">
        <v>4151</v>
      </c>
    </row>
    <row r="21189" spans="1:12">
      <c r="A21189" s="6" t="s">
        <v>4151</v>
      </c>
      <c r="B21189" s="6"/>
      <c r="C21189" s="6" t="s">
        <v>21225</v>
      </c>
      <c r="D21189" s="6"/>
      <c r="E21189" s="6" t="s">
        <v>9</v>
      </c>
      <c r="F21189" s="7">
        <v>38657</v>
      </c>
      <c r="G21189" s="8">
        <v>1</v>
      </c>
      <c r="H21189" s="8">
        <v>1</v>
      </c>
      <c r="I21189" s="8">
        <v>0</v>
      </c>
      <c r="J21189" s="8">
        <v>1</v>
      </c>
      <c r="K21189" s="9">
        <v>3.35</v>
      </c>
      <c r="L21189" s="6" t="s">
        <v>4151</v>
      </c>
    </row>
    <row r="21190" spans="1:12">
      <c r="A21190" s="6" t="s">
        <v>4151</v>
      </c>
      <c r="B21190" s="6"/>
      <c r="C21190" s="6" t="s">
        <v>21226</v>
      </c>
      <c r="D21190" s="6"/>
      <c r="E21190" s="6" t="s">
        <v>9</v>
      </c>
      <c r="F21190" s="7">
        <v>38657</v>
      </c>
      <c r="G21190" s="8">
        <v>1</v>
      </c>
      <c r="H21190" s="8">
        <v>1</v>
      </c>
      <c r="I21190" s="8">
        <v>0</v>
      </c>
      <c r="J21190" s="8">
        <v>1</v>
      </c>
      <c r="K21190" s="9">
        <v>27</v>
      </c>
      <c r="L21190" s="6" t="s">
        <v>4151</v>
      </c>
    </row>
    <row r="21191" spans="1:12">
      <c r="A21191" s="6" t="s">
        <v>4151</v>
      </c>
      <c r="B21191" s="6"/>
      <c r="C21191" s="6" t="s">
        <v>21227</v>
      </c>
      <c r="D21191" s="6"/>
      <c r="E21191" s="6" t="s">
        <v>9</v>
      </c>
      <c r="F21191" s="7">
        <v>38657</v>
      </c>
      <c r="G21191" s="8">
        <v>1</v>
      </c>
      <c r="H21191" s="8">
        <v>1</v>
      </c>
      <c r="I21191" s="8">
        <v>0</v>
      </c>
      <c r="J21191" s="8">
        <v>1</v>
      </c>
      <c r="K21191" s="9">
        <v>20</v>
      </c>
      <c r="L21191" s="6" t="s">
        <v>4151</v>
      </c>
    </row>
    <row r="21192" spans="1:12">
      <c r="A21192" s="6" t="s">
        <v>4151</v>
      </c>
      <c r="B21192" s="6"/>
      <c r="C21192" s="6" t="s">
        <v>21228</v>
      </c>
      <c r="D21192" s="6"/>
      <c r="E21192" s="6" t="s">
        <v>9</v>
      </c>
      <c r="F21192" s="7">
        <v>38657</v>
      </c>
      <c r="G21192" s="8">
        <v>1</v>
      </c>
      <c r="H21192" s="8">
        <v>1</v>
      </c>
      <c r="I21192" s="8">
        <v>0</v>
      </c>
      <c r="J21192" s="8">
        <v>1</v>
      </c>
      <c r="K21192" s="9">
        <v>40</v>
      </c>
      <c r="L21192" s="6" t="s">
        <v>4151</v>
      </c>
    </row>
    <row r="21193" spans="1:12">
      <c r="A21193" s="6" t="s">
        <v>4151</v>
      </c>
      <c r="B21193" s="6"/>
      <c r="C21193" s="6" t="s">
        <v>21229</v>
      </c>
      <c r="D21193" s="6"/>
      <c r="E21193" s="6" t="s">
        <v>9</v>
      </c>
      <c r="F21193" s="7">
        <v>38657</v>
      </c>
      <c r="G21193" s="8">
        <v>1</v>
      </c>
      <c r="H21193" s="8">
        <v>1</v>
      </c>
      <c r="I21193" s="8">
        <v>0</v>
      </c>
      <c r="J21193" s="8">
        <v>1</v>
      </c>
      <c r="K21193" s="9">
        <v>6.2</v>
      </c>
      <c r="L21193" s="6" t="s">
        <v>4151</v>
      </c>
    </row>
    <row r="21194" spans="1:12">
      <c r="A21194" s="6" t="s">
        <v>4151</v>
      </c>
      <c r="B21194" s="6"/>
      <c r="C21194" s="6" t="s">
        <v>21230</v>
      </c>
      <c r="D21194" s="6"/>
      <c r="E21194" s="6" t="s">
        <v>9</v>
      </c>
      <c r="F21194" s="7">
        <v>38657</v>
      </c>
      <c r="G21194" s="8">
        <v>1</v>
      </c>
      <c r="H21194" s="8">
        <v>1</v>
      </c>
      <c r="I21194" s="8">
        <v>0</v>
      </c>
      <c r="J21194" s="8">
        <v>1</v>
      </c>
      <c r="K21194" s="9">
        <v>15</v>
      </c>
      <c r="L21194" s="6" t="s">
        <v>4151</v>
      </c>
    </row>
    <row r="21195" spans="1:12">
      <c r="A21195" s="6" t="s">
        <v>4151</v>
      </c>
      <c r="B21195" s="6"/>
      <c r="C21195" s="6" t="s">
        <v>21231</v>
      </c>
      <c r="D21195" s="6"/>
      <c r="E21195" s="6" t="s">
        <v>9</v>
      </c>
      <c r="F21195" s="7">
        <v>38657</v>
      </c>
      <c r="G21195" s="8">
        <v>1</v>
      </c>
      <c r="H21195" s="8">
        <v>1</v>
      </c>
      <c r="I21195" s="8">
        <v>0</v>
      </c>
      <c r="J21195" s="8">
        <v>1</v>
      </c>
      <c r="K21195" s="9">
        <v>5.01</v>
      </c>
      <c r="L21195" s="6" t="s">
        <v>4151</v>
      </c>
    </row>
    <row r="21196" spans="1:12">
      <c r="A21196" s="6" t="s">
        <v>4151</v>
      </c>
      <c r="B21196" s="6"/>
      <c r="C21196" s="6" t="s">
        <v>21232</v>
      </c>
      <c r="D21196" s="6"/>
      <c r="E21196" s="6" t="s">
        <v>9</v>
      </c>
      <c r="F21196" s="7">
        <v>38657</v>
      </c>
      <c r="G21196" s="8">
        <v>1</v>
      </c>
      <c r="H21196" s="8">
        <v>1</v>
      </c>
      <c r="I21196" s="8">
        <v>0</v>
      </c>
      <c r="J21196" s="8">
        <v>1</v>
      </c>
      <c r="K21196" s="9">
        <v>40</v>
      </c>
      <c r="L21196" s="6" t="s">
        <v>4151</v>
      </c>
    </row>
    <row r="21197" spans="1:12">
      <c r="A21197" s="6" t="s">
        <v>4151</v>
      </c>
      <c r="B21197" s="6"/>
      <c r="C21197" s="6" t="s">
        <v>21233</v>
      </c>
      <c r="D21197" s="6"/>
      <c r="E21197" s="6" t="s">
        <v>9</v>
      </c>
      <c r="F21197" s="7">
        <v>38657</v>
      </c>
      <c r="G21197" s="8">
        <v>1</v>
      </c>
      <c r="H21197" s="8">
        <v>1</v>
      </c>
      <c r="I21197" s="8">
        <v>0</v>
      </c>
      <c r="J21197" s="8">
        <v>1</v>
      </c>
      <c r="K21197" s="9">
        <v>9.48</v>
      </c>
      <c r="L21197" s="6" t="s">
        <v>4151</v>
      </c>
    </row>
    <row r="21198" spans="1:12">
      <c r="A21198" s="6" t="s">
        <v>4151</v>
      </c>
      <c r="B21198" s="6"/>
      <c r="C21198" s="6" t="s">
        <v>21234</v>
      </c>
      <c r="D21198" s="6"/>
      <c r="E21198" s="6" t="s">
        <v>9</v>
      </c>
      <c r="F21198" s="7">
        <v>38657</v>
      </c>
      <c r="G21198" s="8">
        <v>1</v>
      </c>
      <c r="H21198" s="8">
        <v>1</v>
      </c>
      <c r="I21198" s="8">
        <v>0</v>
      </c>
      <c r="J21198" s="8">
        <v>1</v>
      </c>
      <c r="K21198" s="9">
        <v>27</v>
      </c>
      <c r="L21198" s="6" t="s">
        <v>4151</v>
      </c>
    </row>
    <row r="21199" spans="1:12">
      <c r="A21199" s="6" t="s">
        <v>4151</v>
      </c>
      <c r="B21199" s="6"/>
      <c r="C21199" s="6" t="s">
        <v>21235</v>
      </c>
      <c r="D21199" s="6"/>
      <c r="E21199" s="6" t="s">
        <v>9</v>
      </c>
      <c r="F21199" s="7">
        <v>38657</v>
      </c>
      <c r="G21199" s="8">
        <v>1</v>
      </c>
      <c r="H21199" s="8">
        <v>1</v>
      </c>
      <c r="I21199" s="8">
        <v>0</v>
      </c>
      <c r="J21199" s="8">
        <v>1</v>
      </c>
      <c r="K21199" s="9">
        <v>84</v>
      </c>
      <c r="L21199" s="6" t="s">
        <v>4151</v>
      </c>
    </row>
    <row r="21200" spans="1:12">
      <c r="A21200" s="6" t="s">
        <v>4151</v>
      </c>
      <c r="B21200" s="6"/>
      <c r="C21200" s="6" t="s">
        <v>21236</v>
      </c>
      <c r="D21200" s="6"/>
      <c r="E21200" s="6" t="s">
        <v>9</v>
      </c>
      <c r="F21200" s="7">
        <v>38657</v>
      </c>
      <c r="G21200" s="8">
        <v>1</v>
      </c>
      <c r="H21200" s="8">
        <v>1</v>
      </c>
      <c r="I21200" s="8">
        <v>0</v>
      </c>
      <c r="J21200" s="8">
        <v>1</v>
      </c>
      <c r="K21200" s="9">
        <v>25</v>
      </c>
      <c r="L21200" s="6" t="s">
        <v>4151</v>
      </c>
    </row>
    <row r="21201" spans="1:12">
      <c r="A21201" s="6" t="s">
        <v>4151</v>
      </c>
      <c r="B21201" s="6"/>
      <c r="C21201" s="6" t="s">
        <v>21237</v>
      </c>
      <c r="D21201" s="6"/>
      <c r="E21201" s="6" t="s">
        <v>9</v>
      </c>
      <c r="F21201" s="7">
        <v>38657</v>
      </c>
      <c r="G21201" s="8">
        <v>1</v>
      </c>
      <c r="H21201" s="8">
        <v>1</v>
      </c>
      <c r="I21201" s="8">
        <v>0</v>
      </c>
      <c r="J21201" s="8">
        <v>1</v>
      </c>
      <c r="K21201" s="9">
        <v>30</v>
      </c>
      <c r="L21201" s="6" t="s">
        <v>4151</v>
      </c>
    </row>
    <row r="21202" spans="1:12">
      <c r="A21202" s="6" t="s">
        <v>4151</v>
      </c>
      <c r="B21202" s="6"/>
      <c r="C21202" s="6" t="s">
        <v>21238</v>
      </c>
      <c r="D21202" s="6"/>
      <c r="E21202" s="6" t="s">
        <v>9</v>
      </c>
      <c r="F21202" s="7">
        <v>38657</v>
      </c>
      <c r="G21202" s="8">
        <v>1</v>
      </c>
      <c r="H21202" s="8">
        <v>1</v>
      </c>
      <c r="I21202" s="8">
        <v>0</v>
      </c>
      <c r="J21202" s="8">
        <v>1</v>
      </c>
      <c r="K21202" s="9">
        <v>7.87</v>
      </c>
      <c r="L21202" s="6" t="s">
        <v>4151</v>
      </c>
    </row>
    <row r="21203" spans="1:12">
      <c r="A21203" s="6" t="s">
        <v>4151</v>
      </c>
      <c r="B21203" s="6"/>
      <c r="C21203" s="6" t="s">
        <v>21239</v>
      </c>
      <c r="D21203" s="6"/>
      <c r="E21203" s="6" t="s">
        <v>9</v>
      </c>
      <c r="F21203" s="7">
        <v>38657</v>
      </c>
      <c r="G21203" s="8">
        <v>1</v>
      </c>
      <c r="H21203" s="8">
        <v>1</v>
      </c>
      <c r="I21203" s="8">
        <v>0</v>
      </c>
      <c r="J21203" s="8">
        <v>1</v>
      </c>
      <c r="K21203" s="9">
        <v>7.88</v>
      </c>
      <c r="L21203" s="6" t="s">
        <v>4151</v>
      </c>
    </row>
    <row r="21204" spans="1:12">
      <c r="A21204" s="6" t="s">
        <v>4151</v>
      </c>
      <c r="B21204" s="6"/>
      <c r="C21204" s="6" t="s">
        <v>21240</v>
      </c>
      <c r="D21204" s="6"/>
      <c r="E21204" s="6" t="s">
        <v>9</v>
      </c>
      <c r="F21204" s="7">
        <v>38657</v>
      </c>
      <c r="G21204" s="8">
        <v>1</v>
      </c>
      <c r="H21204" s="8">
        <v>1</v>
      </c>
      <c r="I21204" s="8">
        <v>0</v>
      </c>
      <c r="J21204" s="8">
        <v>1</v>
      </c>
      <c r="K21204" s="9">
        <v>4.91</v>
      </c>
      <c r="L21204" s="6" t="s">
        <v>4151</v>
      </c>
    </row>
    <row r="21205" spans="1:12">
      <c r="A21205" s="6" t="s">
        <v>4151</v>
      </c>
      <c r="B21205" s="6"/>
      <c r="C21205" s="6" t="s">
        <v>21241</v>
      </c>
      <c r="D21205" s="6"/>
      <c r="E21205" s="6" t="s">
        <v>9</v>
      </c>
      <c r="F21205" s="7">
        <v>38657</v>
      </c>
      <c r="G21205" s="8">
        <v>1</v>
      </c>
      <c r="H21205" s="8">
        <v>1</v>
      </c>
      <c r="I21205" s="8">
        <v>0</v>
      </c>
      <c r="J21205" s="8">
        <v>1</v>
      </c>
      <c r="K21205" s="9">
        <v>1.58</v>
      </c>
      <c r="L21205" s="6" t="s">
        <v>4151</v>
      </c>
    </row>
    <row r="21206" spans="1:12">
      <c r="A21206" s="6" t="s">
        <v>4151</v>
      </c>
      <c r="B21206" s="6"/>
      <c r="C21206" s="6" t="s">
        <v>21242</v>
      </c>
      <c r="D21206" s="6"/>
      <c r="E21206" s="6" t="s">
        <v>9</v>
      </c>
      <c r="F21206" s="7">
        <v>38657</v>
      </c>
      <c r="G21206" s="8">
        <v>1</v>
      </c>
      <c r="H21206" s="8">
        <v>1</v>
      </c>
      <c r="I21206" s="8">
        <v>0</v>
      </c>
      <c r="J21206" s="8">
        <v>1</v>
      </c>
      <c r="K21206" s="9">
        <v>23</v>
      </c>
      <c r="L21206" s="6" t="s">
        <v>4151</v>
      </c>
    </row>
    <row r="21207" spans="1:12">
      <c r="A21207" s="6" t="s">
        <v>4151</v>
      </c>
      <c r="B21207" s="6"/>
      <c r="C21207" s="6" t="s">
        <v>21243</v>
      </c>
      <c r="D21207" s="6"/>
      <c r="E21207" s="6" t="s">
        <v>9</v>
      </c>
      <c r="F21207" s="7">
        <v>38657</v>
      </c>
      <c r="G21207" s="8">
        <v>1</v>
      </c>
      <c r="H21207" s="8">
        <v>1</v>
      </c>
      <c r="I21207" s="8">
        <v>0</v>
      </c>
      <c r="J21207" s="8">
        <v>1</v>
      </c>
      <c r="K21207" s="9">
        <v>3.3</v>
      </c>
      <c r="L21207" s="6" t="s">
        <v>4151</v>
      </c>
    </row>
    <row r="21208" spans="1:12">
      <c r="A21208" s="6" t="s">
        <v>4151</v>
      </c>
      <c r="B21208" s="6"/>
      <c r="C21208" s="6" t="s">
        <v>21244</v>
      </c>
      <c r="D21208" s="6"/>
      <c r="E21208" s="6" t="s">
        <v>9</v>
      </c>
      <c r="F21208" s="7">
        <v>38657</v>
      </c>
      <c r="G21208" s="8">
        <v>1</v>
      </c>
      <c r="H21208" s="8">
        <v>1</v>
      </c>
      <c r="I21208" s="8">
        <v>0</v>
      </c>
      <c r="J21208" s="8">
        <v>1</v>
      </c>
      <c r="K21208" s="9">
        <v>2.08</v>
      </c>
      <c r="L21208" s="6" t="s">
        <v>4151</v>
      </c>
    </row>
    <row r="21209" spans="1:12">
      <c r="A21209" s="6" t="s">
        <v>4151</v>
      </c>
      <c r="B21209" s="6"/>
      <c r="C21209" s="6" t="s">
        <v>21245</v>
      </c>
      <c r="D21209" s="6"/>
      <c r="E21209" s="6" t="s">
        <v>9</v>
      </c>
      <c r="F21209" s="7">
        <v>38657</v>
      </c>
      <c r="G21209" s="8">
        <v>1</v>
      </c>
      <c r="H21209" s="8">
        <v>1</v>
      </c>
      <c r="I21209" s="8">
        <v>0</v>
      </c>
      <c r="J21209" s="8">
        <v>1</v>
      </c>
      <c r="K21209" s="9">
        <v>54</v>
      </c>
      <c r="L21209" s="6" t="s">
        <v>4151</v>
      </c>
    </row>
    <row r="21210" spans="1:12">
      <c r="A21210" s="6" t="s">
        <v>4151</v>
      </c>
      <c r="B21210" s="6"/>
      <c r="C21210" s="6" t="s">
        <v>21246</v>
      </c>
      <c r="D21210" s="6"/>
      <c r="E21210" s="6" t="s">
        <v>9</v>
      </c>
      <c r="F21210" s="7">
        <v>38657</v>
      </c>
      <c r="G21210" s="8">
        <v>1</v>
      </c>
      <c r="H21210" s="8">
        <v>1</v>
      </c>
      <c r="I21210" s="8">
        <v>0</v>
      </c>
      <c r="J21210" s="8">
        <v>1</v>
      </c>
      <c r="K21210" s="9">
        <v>41</v>
      </c>
      <c r="L21210" s="6" t="s">
        <v>4151</v>
      </c>
    </row>
    <row r="21211" spans="1:12">
      <c r="A21211" s="6" t="s">
        <v>4151</v>
      </c>
      <c r="B21211" s="6"/>
      <c r="C21211" s="6" t="s">
        <v>21247</v>
      </c>
      <c r="D21211" s="6"/>
      <c r="E21211" s="6" t="s">
        <v>9</v>
      </c>
      <c r="F21211" s="7">
        <v>38657</v>
      </c>
      <c r="G21211" s="8">
        <v>1</v>
      </c>
      <c r="H21211" s="8">
        <v>1</v>
      </c>
      <c r="I21211" s="8">
        <v>0</v>
      </c>
      <c r="J21211" s="8">
        <v>1</v>
      </c>
      <c r="K21211" s="9">
        <v>34</v>
      </c>
      <c r="L21211" s="6" t="s">
        <v>4151</v>
      </c>
    </row>
    <row r="21212" spans="1:12">
      <c r="A21212" s="6" t="s">
        <v>4151</v>
      </c>
      <c r="B21212" s="6"/>
      <c r="C21212" s="6" t="s">
        <v>21248</v>
      </c>
      <c r="D21212" s="6"/>
      <c r="E21212" s="6" t="s">
        <v>9</v>
      </c>
      <c r="F21212" s="7">
        <v>38657</v>
      </c>
      <c r="G21212" s="8">
        <v>1</v>
      </c>
      <c r="H21212" s="8">
        <v>1</v>
      </c>
      <c r="I21212" s="8">
        <v>0</v>
      </c>
      <c r="J21212" s="8">
        <v>1</v>
      </c>
      <c r="K21212" s="9">
        <v>34</v>
      </c>
      <c r="L21212" s="6" t="s">
        <v>4151</v>
      </c>
    </row>
    <row r="21213" spans="1:12">
      <c r="A21213" s="6" t="s">
        <v>4151</v>
      </c>
      <c r="B21213" s="6"/>
      <c r="C21213" s="6" t="s">
        <v>21249</v>
      </c>
      <c r="D21213" s="6"/>
      <c r="E21213" s="6" t="s">
        <v>9</v>
      </c>
      <c r="F21213" s="7">
        <v>38657</v>
      </c>
      <c r="G21213" s="8">
        <v>1</v>
      </c>
      <c r="H21213" s="8">
        <v>1</v>
      </c>
      <c r="I21213" s="8">
        <v>0</v>
      </c>
      <c r="J21213" s="8">
        <v>1</v>
      </c>
      <c r="K21213" s="9">
        <v>21</v>
      </c>
      <c r="L21213" s="6" t="s">
        <v>4151</v>
      </c>
    </row>
    <row r="21214" spans="1:12">
      <c r="A21214" s="6" t="s">
        <v>4151</v>
      </c>
      <c r="B21214" s="6"/>
      <c r="C21214" s="6" t="s">
        <v>21250</v>
      </c>
      <c r="D21214" s="6"/>
      <c r="E21214" s="6" t="s">
        <v>9</v>
      </c>
      <c r="F21214" s="7">
        <v>38657</v>
      </c>
      <c r="G21214" s="8">
        <v>1</v>
      </c>
      <c r="H21214" s="8">
        <v>1</v>
      </c>
      <c r="I21214" s="8">
        <v>0</v>
      </c>
      <c r="J21214" s="8">
        <v>1</v>
      </c>
      <c r="K21214" s="9">
        <v>40</v>
      </c>
      <c r="L21214" s="6" t="s">
        <v>4151</v>
      </c>
    </row>
    <row r="21215" spans="1:12">
      <c r="A21215" s="6" t="s">
        <v>4151</v>
      </c>
      <c r="B21215" s="6"/>
      <c r="C21215" s="6" t="s">
        <v>21251</v>
      </c>
      <c r="D21215" s="6"/>
      <c r="E21215" s="6" t="s">
        <v>9</v>
      </c>
      <c r="F21215" s="7">
        <v>38657</v>
      </c>
      <c r="G21215" s="8">
        <v>1</v>
      </c>
      <c r="H21215" s="8">
        <v>1</v>
      </c>
      <c r="I21215" s="8">
        <v>0</v>
      </c>
      <c r="J21215" s="8">
        <v>1</v>
      </c>
      <c r="K21215" s="9">
        <v>38</v>
      </c>
      <c r="L21215" s="6" t="s">
        <v>4151</v>
      </c>
    </row>
    <row r="21216" spans="1:12">
      <c r="A21216" s="6" t="s">
        <v>4151</v>
      </c>
      <c r="B21216" s="6"/>
      <c r="C21216" s="6" t="s">
        <v>21252</v>
      </c>
      <c r="D21216" s="6"/>
      <c r="E21216" s="6" t="s">
        <v>9</v>
      </c>
      <c r="F21216" s="7">
        <v>38657</v>
      </c>
      <c r="G21216" s="8">
        <v>1</v>
      </c>
      <c r="H21216" s="8">
        <v>1</v>
      </c>
      <c r="I21216" s="8">
        <v>0</v>
      </c>
      <c r="J21216" s="8">
        <v>1</v>
      </c>
      <c r="K21216" s="9">
        <v>31</v>
      </c>
      <c r="L21216" s="6" t="s">
        <v>4151</v>
      </c>
    </row>
    <row r="21217" spans="1:12">
      <c r="A21217" s="6" t="s">
        <v>4151</v>
      </c>
      <c r="B21217" s="6"/>
      <c r="C21217" s="6" t="s">
        <v>21253</v>
      </c>
      <c r="D21217" s="6"/>
      <c r="E21217" s="6" t="s">
        <v>9</v>
      </c>
      <c r="F21217" s="7">
        <v>38657</v>
      </c>
      <c r="G21217" s="8">
        <v>1</v>
      </c>
      <c r="H21217" s="8">
        <v>1</v>
      </c>
      <c r="I21217" s="8">
        <v>0</v>
      </c>
      <c r="J21217" s="8">
        <v>1</v>
      </c>
      <c r="K21217" s="9">
        <v>33</v>
      </c>
      <c r="L21217" s="6" t="s">
        <v>4151</v>
      </c>
    </row>
    <row r="21218" spans="1:12">
      <c r="A21218" s="6" t="s">
        <v>4151</v>
      </c>
      <c r="B21218" s="6"/>
      <c r="C21218" s="6" t="s">
        <v>21254</v>
      </c>
      <c r="D21218" s="6"/>
      <c r="E21218" s="6" t="s">
        <v>9</v>
      </c>
      <c r="F21218" s="7">
        <v>38657</v>
      </c>
      <c r="G21218" s="8">
        <v>1</v>
      </c>
      <c r="H21218" s="8">
        <v>1</v>
      </c>
      <c r="I21218" s="8">
        <v>0</v>
      </c>
      <c r="J21218" s="8">
        <v>1</v>
      </c>
      <c r="K21218" s="9">
        <v>3.3</v>
      </c>
      <c r="L21218" s="6" t="s">
        <v>4151</v>
      </c>
    </row>
    <row r="21219" spans="1:12">
      <c r="A21219" s="6" t="s">
        <v>4151</v>
      </c>
      <c r="B21219" s="6"/>
      <c r="C21219" s="6" t="s">
        <v>21255</v>
      </c>
      <c r="D21219" s="6"/>
      <c r="E21219" s="6" t="s">
        <v>9</v>
      </c>
      <c r="F21219" s="7">
        <v>38657</v>
      </c>
      <c r="G21219" s="8">
        <v>1</v>
      </c>
      <c r="H21219" s="8">
        <v>1</v>
      </c>
      <c r="I21219" s="8">
        <v>0</v>
      </c>
      <c r="J21219" s="8">
        <v>1</v>
      </c>
      <c r="K21219" s="9">
        <v>0.66</v>
      </c>
      <c r="L21219" s="6" t="s">
        <v>4151</v>
      </c>
    </row>
    <row r="21220" spans="1:12">
      <c r="A21220" s="6" t="s">
        <v>4151</v>
      </c>
      <c r="B21220" s="6"/>
      <c r="C21220" s="6" t="s">
        <v>21256</v>
      </c>
      <c r="D21220" s="6"/>
      <c r="E21220" s="6" t="s">
        <v>9</v>
      </c>
      <c r="F21220" s="7">
        <v>38657</v>
      </c>
      <c r="G21220" s="8">
        <v>1</v>
      </c>
      <c r="H21220" s="8">
        <v>1</v>
      </c>
      <c r="I21220" s="8">
        <v>0</v>
      </c>
      <c r="J21220" s="8">
        <v>1</v>
      </c>
      <c r="K21220" s="9">
        <v>25</v>
      </c>
      <c r="L21220" s="6" t="s">
        <v>4151</v>
      </c>
    </row>
    <row r="21221" spans="1:12">
      <c r="A21221" s="6" t="s">
        <v>4151</v>
      </c>
      <c r="B21221" s="6"/>
      <c r="C21221" s="6" t="s">
        <v>21257</v>
      </c>
      <c r="D21221" s="6"/>
      <c r="E21221" s="6" t="s">
        <v>9</v>
      </c>
      <c r="F21221" s="7">
        <v>38657</v>
      </c>
      <c r="G21221" s="8">
        <v>1</v>
      </c>
      <c r="H21221" s="8">
        <v>1</v>
      </c>
      <c r="I21221" s="8">
        <v>0</v>
      </c>
      <c r="J21221" s="8">
        <v>1</v>
      </c>
      <c r="K21221" s="9">
        <v>9.15</v>
      </c>
      <c r="L21221" s="6" t="s">
        <v>4151</v>
      </c>
    </row>
    <row r="21222" spans="1:12">
      <c r="A21222" s="6" t="s">
        <v>4151</v>
      </c>
      <c r="B21222" s="6"/>
      <c r="C21222" s="6" t="s">
        <v>21258</v>
      </c>
      <c r="D21222" s="6"/>
      <c r="E21222" s="6" t="s">
        <v>9</v>
      </c>
      <c r="F21222" s="7">
        <v>38657</v>
      </c>
      <c r="G21222" s="8">
        <v>1</v>
      </c>
      <c r="H21222" s="8">
        <v>1</v>
      </c>
      <c r="I21222" s="8">
        <v>0</v>
      </c>
      <c r="J21222" s="8">
        <v>1</v>
      </c>
      <c r="K21222" s="9">
        <v>11</v>
      </c>
      <c r="L21222" s="6" t="s">
        <v>4151</v>
      </c>
    </row>
    <row r="21223" spans="1:12">
      <c r="A21223" s="6" t="s">
        <v>4151</v>
      </c>
      <c r="B21223" s="6"/>
      <c r="C21223" s="6" t="s">
        <v>21259</v>
      </c>
      <c r="D21223" s="6"/>
      <c r="E21223" s="6" t="s">
        <v>9</v>
      </c>
      <c r="F21223" s="7">
        <v>38657</v>
      </c>
      <c r="G21223" s="8">
        <v>1</v>
      </c>
      <c r="H21223" s="8">
        <v>1</v>
      </c>
      <c r="I21223" s="8">
        <v>0</v>
      </c>
      <c r="J21223" s="8">
        <v>1</v>
      </c>
      <c r="K21223" s="9">
        <v>7.34</v>
      </c>
      <c r="L21223" s="6" t="s">
        <v>4151</v>
      </c>
    </row>
    <row r="21224" spans="1:12">
      <c r="A21224" s="6" t="s">
        <v>4151</v>
      </c>
      <c r="B21224" s="6"/>
      <c r="C21224" s="6" t="s">
        <v>21260</v>
      </c>
      <c r="D21224" s="6"/>
      <c r="E21224" s="6" t="s">
        <v>9</v>
      </c>
      <c r="F21224" s="7">
        <v>38657</v>
      </c>
      <c r="G21224" s="8">
        <v>1</v>
      </c>
      <c r="H21224" s="8">
        <v>1</v>
      </c>
      <c r="I21224" s="8">
        <v>0</v>
      </c>
      <c r="J21224" s="8">
        <v>1</v>
      </c>
      <c r="K21224" s="9">
        <v>59</v>
      </c>
      <c r="L21224" s="6" t="s">
        <v>4151</v>
      </c>
    </row>
    <row r="21225" spans="1:12">
      <c r="A21225" s="6" t="s">
        <v>4151</v>
      </c>
      <c r="B21225" s="6"/>
      <c r="C21225" s="6" t="s">
        <v>21261</v>
      </c>
      <c r="D21225" s="6"/>
      <c r="E21225" s="6" t="s">
        <v>9</v>
      </c>
      <c r="F21225" s="7">
        <v>38657</v>
      </c>
      <c r="G21225" s="8">
        <v>1</v>
      </c>
      <c r="H21225" s="8">
        <v>1</v>
      </c>
      <c r="I21225" s="8">
        <v>0</v>
      </c>
      <c r="J21225" s="8">
        <v>1</v>
      </c>
      <c r="K21225" s="9">
        <v>31</v>
      </c>
      <c r="L21225" s="6" t="s">
        <v>4151</v>
      </c>
    </row>
    <row r="21226" spans="1:12">
      <c r="A21226" s="6" t="s">
        <v>4151</v>
      </c>
      <c r="B21226" s="6"/>
      <c r="C21226" s="6" t="s">
        <v>21262</v>
      </c>
      <c r="D21226" s="6"/>
      <c r="E21226" s="6" t="s">
        <v>9</v>
      </c>
      <c r="F21226" s="7">
        <v>38657</v>
      </c>
      <c r="G21226" s="8">
        <v>1</v>
      </c>
      <c r="H21226" s="8">
        <v>1</v>
      </c>
      <c r="I21226" s="8">
        <v>0</v>
      </c>
      <c r="J21226" s="8">
        <v>1</v>
      </c>
      <c r="K21226" s="9">
        <v>6.62</v>
      </c>
      <c r="L21226" s="6" t="s">
        <v>4151</v>
      </c>
    </row>
    <row r="21227" spans="1:12">
      <c r="A21227" s="6" t="s">
        <v>4151</v>
      </c>
      <c r="B21227" s="6"/>
      <c r="C21227" s="6" t="s">
        <v>21263</v>
      </c>
      <c r="D21227" s="6"/>
      <c r="E21227" s="6" t="s">
        <v>9</v>
      </c>
      <c r="F21227" s="7">
        <v>38657</v>
      </c>
      <c r="G21227" s="8">
        <v>1</v>
      </c>
      <c r="H21227" s="8">
        <v>1</v>
      </c>
      <c r="I21227" s="8">
        <v>0</v>
      </c>
      <c r="J21227" s="8">
        <v>1</v>
      </c>
      <c r="K21227" s="9">
        <v>21</v>
      </c>
      <c r="L21227" s="6" t="s">
        <v>4151</v>
      </c>
    </row>
    <row r="21228" spans="1:12">
      <c r="A21228" s="6" t="s">
        <v>4151</v>
      </c>
      <c r="B21228" s="6"/>
      <c r="C21228" s="6" t="s">
        <v>21264</v>
      </c>
      <c r="D21228" s="6"/>
      <c r="E21228" s="6" t="s">
        <v>9</v>
      </c>
      <c r="F21228" s="7">
        <v>38657</v>
      </c>
      <c r="G21228" s="8">
        <v>1</v>
      </c>
      <c r="H21228" s="8">
        <v>1</v>
      </c>
      <c r="I21228" s="8">
        <v>0</v>
      </c>
      <c r="J21228" s="8">
        <v>1</v>
      </c>
      <c r="K21228" s="9">
        <v>2.91</v>
      </c>
      <c r="L21228" s="6" t="s">
        <v>4151</v>
      </c>
    </row>
    <row r="21229" spans="1:12">
      <c r="A21229" s="6" t="s">
        <v>4151</v>
      </c>
      <c r="B21229" s="6"/>
      <c r="C21229" s="6" t="s">
        <v>21265</v>
      </c>
      <c r="D21229" s="6"/>
      <c r="E21229" s="6" t="s">
        <v>9</v>
      </c>
      <c r="F21229" s="7">
        <v>38657</v>
      </c>
      <c r="G21229" s="8">
        <v>1</v>
      </c>
      <c r="H21229" s="8">
        <v>1</v>
      </c>
      <c r="I21229" s="8">
        <v>0</v>
      </c>
      <c r="J21229" s="8">
        <v>1</v>
      </c>
      <c r="K21229" s="9">
        <v>32</v>
      </c>
      <c r="L21229" s="6" t="s">
        <v>4151</v>
      </c>
    </row>
    <row r="21230" spans="1:12">
      <c r="A21230" s="6" t="s">
        <v>4151</v>
      </c>
      <c r="B21230" s="6"/>
      <c r="C21230" s="6" t="s">
        <v>21266</v>
      </c>
      <c r="D21230" s="6"/>
      <c r="E21230" s="6" t="s">
        <v>9</v>
      </c>
      <c r="F21230" s="7">
        <v>38657</v>
      </c>
      <c r="G21230" s="8">
        <v>1</v>
      </c>
      <c r="H21230" s="8">
        <v>1</v>
      </c>
      <c r="I21230" s="8">
        <v>0</v>
      </c>
      <c r="J21230" s="8">
        <v>1</v>
      </c>
      <c r="K21230" s="9">
        <v>50</v>
      </c>
      <c r="L21230" s="6" t="s">
        <v>4151</v>
      </c>
    </row>
    <row r="21231" spans="1:12">
      <c r="A21231" s="6" t="s">
        <v>4151</v>
      </c>
      <c r="B21231" s="6"/>
      <c r="C21231" s="6" t="s">
        <v>21267</v>
      </c>
      <c r="D21231" s="6"/>
      <c r="E21231" s="6" t="s">
        <v>9</v>
      </c>
      <c r="F21231" s="7">
        <v>38657</v>
      </c>
      <c r="G21231" s="8">
        <v>1</v>
      </c>
      <c r="H21231" s="8">
        <v>1</v>
      </c>
      <c r="I21231" s="8">
        <v>0</v>
      </c>
      <c r="J21231" s="8">
        <v>1</v>
      </c>
      <c r="K21231" s="9">
        <v>1.91</v>
      </c>
      <c r="L21231" s="6" t="s">
        <v>4151</v>
      </c>
    </row>
    <row r="21232" spans="1:12">
      <c r="A21232" s="6" t="s">
        <v>4151</v>
      </c>
      <c r="B21232" s="6"/>
      <c r="C21232" s="6" t="s">
        <v>21268</v>
      </c>
      <c r="D21232" s="6"/>
      <c r="E21232" s="6" t="s">
        <v>9</v>
      </c>
      <c r="F21232" s="7">
        <v>38657</v>
      </c>
      <c r="G21232" s="8">
        <v>1</v>
      </c>
      <c r="H21232" s="8">
        <v>1</v>
      </c>
      <c r="I21232" s="8">
        <v>0</v>
      </c>
      <c r="J21232" s="8">
        <v>1</v>
      </c>
      <c r="K21232" s="9">
        <v>13</v>
      </c>
      <c r="L21232" s="6" t="s">
        <v>4151</v>
      </c>
    </row>
    <row r="21233" spans="1:12">
      <c r="A21233" s="6" t="s">
        <v>4151</v>
      </c>
      <c r="B21233" s="6"/>
      <c r="C21233" s="6" t="s">
        <v>21269</v>
      </c>
      <c r="D21233" s="6"/>
      <c r="E21233" s="6" t="s">
        <v>9</v>
      </c>
      <c r="F21233" s="7">
        <v>38657</v>
      </c>
      <c r="G21233" s="8">
        <v>1</v>
      </c>
      <c r="H21233" s="8">
        <v>1</v>
      </c>
      <c r="I21233" s="8">
        <v>0</v>
      </c>
      <c r="J21233" s="8">
        <v>1</v>
      </c>
      <c r="K21233" s="9">
        <v>13</v>
      </c>
      <c r="L21233" s="6" t="s">
        <v>4151</v>
      </c>
    </row>
    <row r="21234" spans="1:12">
      <c r="A21234" s="6" t="s">
        <v>4151</v>
      </c>
      <c r="B21234" s="6"/>
      <c r="C21234" s="6" t="s">
        <v>21270</v>
      </c>
      <c r="D21234" s="6"/>
      <c r="E21234" s="6" t="s">
        <v>9</v>
      </c>
      <c r="F21234" s="7">
        <v>38657</v>
      </c>
      <c r="G21234" s="8">
        <v>1</v>
      </c>
      <c r="H21234" s="8">
        <v>1</v>
      </c>
      <c r="I21234" s="8">
        <v>0</v>
      </c>
      <c r="J21234" s="8">
        <v>1</v>
      </c>
      <c r="K21234" s="9">
        <v>5.04</v>
      </c>
      <c r="L21234" s="6" t="s">
        <v>4151</v>
      </c>
    </row>
    <row r="21235" spans="1:12">
      <c r="A21235" s="6" t="s">
        <v>4151</v>
      </c>
      <c r="B21235" s="6"/>
      <c r="C21235" s="6" t="s">
        <v>21271</v>
      </c>
      <c r="D21235" s="6"/>
      <c r="E21235" s="6" t="s">
        <v>9</v>
      </c>
      <c r="F21235" s="7">
        <v>38657</v>
      </c>
      <c r="G21235" s="8">
        <v>1</v>
      </c>
      <c r="H21235" s="8">
        <v>1</v>
      </c>
      <c r="I21235" s="8">
        <v>0</v>
      </c>
      <c r="J21235" s="8">
        <v>1</v>
      </c>
      <c r="K21235" s="9">
        <v>33</v>
      </c>
      <c r="L21235" s="6" t="s">
        <v>4151</v>
      </c>
    </row>
    <row r="21236" spans="1:12">
      <c r="A21236" s="6" t="s">
        <v>4151</v>
      </c>
      <c r="B21236" s="6"/>
      <c r="C21236" s="6" t="s">
        <v>21272</v>
      </c>
      <c r="D21236" s="6"/>
      <c r="E21236" s="6" t="s">
        <v>9</v>
      </c>
      <c r="F21236" s="7">
        <v>38657</v>
      </c>
      <c r="G21236" s="8">
        <v>1</v>
      </c>
      <c r="H21236" s="8">
        <v>1</v>
      </c>
      <c r="I21236" s="8">
        <v>0</v>
      </c>
      <c r="J21236" s="8">
        <v>1</v>
      </c>
      <c r="K21236" s="9">
        <v>2.52</v>
      </c>
      <c r="L21236" s="6" t="s">
        <v>4151</v>
      </c>
    </row>
    <row r="21237" spans="1:12">
      <c r="A21237" s="6" t="s">
        <v>4151</v>
      </c>
      <c r="B21237" s="6"/>
      <c r="C21237" s="6" t="s">
        <v>21273</v>
      </c>
      <c r="D21237" s="6"/>
      <c r="E21237" s="6" t="s">
        <v>9</v>
      </c>
      <c r="F21237" s="7">
        <v>38657</v>
      </c>
      <c r="G21237" s="8">
        <v>1</v>
      </c>
      <c r="H21237" s="8">
        <v>1</v>
      </c>
      <c r="I21237" s="8">
        <v>0</v>
      </c>
      <c r="J21237" s="8">
        <v>1</v>
      </c>
      <c r="K21237" s="9">
        <v>9.91</v>
      </c>
      <c r="L21237" s="6" t="s">
        <v>4151</v>
      </c>
    </row>
    <row r="21238" spans="1:12">
      <c r="A21238" s="6" t="s">
        <v>4151</v>
      </c>
      <c r="B21238" s="6"/>
      <c r="C21238" s="6" t="s">
        <v>21274</v>
      </c>
      <c r="D21238" s="6"/>
      <c r="E21238" s="6" t="s">
        <v>9</v>
      </c>
      <c r="F21238" s="7">
        <v>38657</v>
      </c>
      <c r="G21238" s="8">
        <v>1</v>
      </c>
      <c r="H21238" s="8">
        <v>1</v>
      </c>
      <c r="I21238" s="8">
        <v>0</v>
      </c>
      <c r="J21238" s="8">
        <v>1</v>
      </c>
      <c r="K21238" s="9">
        <v>8.59</v>
      </c>
      <c r="L21238" s="6" t="s">
        <v>4151</v>
      </c>
    </row>
    <row r="21239" spans="1:12">
      <c r="A21239" s="6" t="s">
        <v>4151</v>
      </c>
      <c r="B21239" s="6"/>
      <c r="C21239" s="6" t="s">
        <v>21275</v>
      </c>
      <c r="D21239" s="6"/>
      <c r="E21239" s="6" t="s">
        <v>9</v>
      </c>
      <c r="F21239" s="7">
        <v>38657</v>
      </c>
      <c r="G21239" s="8">
        <v>1</v>
      </c>
      <c r="H21239" s="8">
        <v>1</v>
      </c>
      <c r="I21239" s="8">
        <v>0</v>
      </c>
      <c r="J21239" s="8">
        <v>1</v>
      </c>
      <c r="K21239" s="9">
        <v>14.23</v>
      </c>
      <c r="L21239" s="6" t="s">
        <v>4151</v>
      </c>
    </row>
    <row r="21240" spans="1:12">
      <c r="A21240" s="6" t="s">
        <v>4151</v>
      </c>
      <c r="B21240" s="6"/>
      <c r="C21240" s="6" t="s">
        <v>21276</v>
      </c>
      <c r="D21240" s="6"/>
      <c r="E21240" s="6" t="s">
        <v>9</v>
      </c>
      <c r="F21240" s="7">
        <v>38657</v>
      </c>
      <c r="G21240" s="8">
        <v>1</v>
      </c>
      <c r="H21240" s="8">
        <v>1</v>
      </c>
      <c r="I21240" s="8">
        <v>0</v>
      </c>
      <c r="J21240" s="8">
        <v>1</v>
      </c>
      <c r="K21240" s="9">
        <v>27</v>
      </c>
      <c r="L21240" s="6" t="s">
        <v>4151</v>
      </c>
    </row>
    <row r="21241" spans="1:12">
      <c r="A21241" s="6" t="s">
        <v>4151</v>
      </c>
      <c r="B21241" s="6"/>
      <c r="C21241" s="6" t="s">
        <v>21277</v>
      </c>
      <c r="D21241" s="6"/>
      <c r="E21241" s="6" t="s">
        <v>9</v>
      </c>
      <c r="F21241" s="7">
        <v>38657</v>
      </c>
      <c r="G21241" s="8">
        <v>1</v>
      </c>
      <c r="H21241" s="8">
        <v>1</v>
      </c>
      <c r="I21241" s="8">
        <v>0</v>
      </c>
      <c r="J21241" s="8">
        <v>1</v>
      </c>
      <c r="K21241" s="9">
        <v>29.01</v>
      </c>
      <c r="L21241" s="6" t="s">
        <v>4151</v>
      </c>
    </row>
    <row r="21242" spans="1:12">
      <c r="A21242" s="6" t="s">
        <v>4151</v>
      </c>
      <c r="B21242" s="6"/>
      <c r="C21242" s="6" t="s">
        <v>21278</v>
      </c>
      <c r="D21242" s="6"/>
      <c r="E21242" s="6" t="s">
        <v>9</v>
      </c>
      <c r="F21242" s="7">
        <v>38657</v>
      </c>
      <c r="G21242" s="8">
        <v>1</v>
      </c>
      <c r="H21242" s="8">
        <v>1</v>
      </c>
      <c r="I21242" s="8">
        <v>0</v>
      </c>
      <c r="J21242" s="8">
        <v>1</v>
      </c>
      <c r="K21242" s="9">
        <v>0.74</v>
      </c>
      <c r="L21242" s="6" t="s">
        <v>4151</v>
      </c>
    </row>
    <row r="21243" spans="1:12">
      <c r="A21243" s="6" t="s">
        <v>4151</v>
      </c>
      <c r="B21243" s="6"/>
      <c r="C21243" s="6" t="s">
        <v>21279</v>
      </c>
      <c r="D21243" s="6"/>
      <c r="E21243" s="6" t="s">
        <v>9</v>
      </c>
      <c r="F21243" s="7">
        <v>38657</v>
      </c>
      <c r="G21243" s="8">
        <v>1</v>
      </c>
      <c r="H21243" s="8">
        <v>1</v>
      </c>
      <c r="I21243" s="8">
        <v>0</v>
      </c>
      <c r="J21243" s="8">
        <v>1</v>
      </c>
      <c r="K21243" s="9">
        <v>6.35</v>
      </c>
      <c r="L21243" s="6" t="s">
        <v>4151</v>
      </c>
    </row>
    <row r="21244" spans="1:12">
      <c r="A21244" s="6" t="s">
        <v>4151</v>
      </c>
      <c r="B21244" s="6"/>
      <c r="C21244" s="6" t="s">
        <v>21280</v>
      </c>
      <c r="D21244" s="6"/>
      <c r="E21244" s="6" t="s">
        <v>9</v>
      </c>
      <c r="F21244" s="7">
        <v>38657</v>
      </c>
      <c r="G21244" s="8">
        <v>1</v>
      </c>
      <c r="H21244" s="8">
        <v>1</v>
      </c>
      <c r="I21244" s="8">
        <v>0</v>
      </c>
      <c r="J21244" s="8">
        <v>1</v>
      </c>
      <c r="K21244" s="9">
        <v>4.4800000000000004</v>
      </c>
      <c r="L21244" s="6" t="s">
        <v>4151</v>
      </c>
    </row>
    <row r="21245" spans="1:12">
      <c r="A21245" s="6" t="s">
        <v>4151</v>
      </c>
      <c r="B21245" s="6"/>
      <c r="C21245" s="6" t="s">
        <v>21281</v>
      </c>
      <c r="D21245" s="6"/>
      <c r="E21245" s="6" t="s">
        <v>9</v>
      </c>
      <c r="F21245" s="7">
        <v>38657</v>
      </c>
      <c r="G21245" s="8">
        <v>1</v>
      </c>
      <c r="H21245" s="8">
        <v>1</v>
      </c>
      <c r="I21245" s="8">
        <v>0</v>
      </c>
      <c r="J21245" s="8">
        <v>1</v>
      </c>
      <c r="K21245" s="9">
        <v>5.63</v>
      </c>
      <c r="L21245" s="6" t="s">
        <v>4151</v>
      </c>
    </row>
    <row r="21246" spans="1:12">
      <c r="A21246" s="6" t="s">
        <v>4151</v>
      </c>
      <c r="B21246" s="6"/>
      <c r="C21246" s="6" t="s">
        <v>21282</v>
      </c>
      <c r="D21246" s="6"/>
      <c r="E21246" s="6" t="s">
        <v>9</v>
      </c>
      <c r="F21246" s="7">
        <v>38657</v>
      </c>
      <c r="G21246" s="8">
        <v>1</v>
      </c>
      <c r="H21246" s="8">
        <v>1</v>
      </c>
      <c r="I21246" s="8">
        <v>0</v>
      </c>
      <c r="J21246" s="8">
        <v>1</v>
      </c>
      <c r="K21246" s="9">
        <v>47</v>
      </c>
      <c r="L21246" s="6" t="s">
        <v>4151</v>
      </c>
    </row>
    <row r="21247" spans="1:12">
      <c r="A21247" s="6" t="s">
        <v>4151</v>
      </c>
      <c r="B21247" s="6"/>
      <c r="C21247" s="6" t="s">
        <v>21283</v>
      </c>
      <c r="D21247" s="6"/>
      <c r="E21247" s="6" t="s">
        <v>9</v>
      </c>
      <c r="F21247" s="7">
        <v>38657</v>
      </c>
      <c r="G21247" s="8">
        <v>1</v>
      </c>
      <c r="H21247" s="8">
        <v>1</v>
      </c>
      <c r="I21247" s="8">
        <v>0</v>
      </c>
      <c r="J21247" s="8">
        <v>1</v>
      </c>
      <c r="K21247" s="9">
        <v>22</v>
      </c>
      <c r="L21247" s="6" t="s">
        <v>4151</v>
      </c>
    </row>
    <row r="21248" spans="1:12">
      <c r="A21248" s="6" t="s">
        <v>4151</v>
      </c>
      <c r="B21248" s="6"/>
      <c r="C21248" s="6" t="s">
        <v>21284</v>
      </c>
      <c r="D21248" s="6"/>
      <c r="E21248" s="6" t="s">
        <v>9</v>
      </c>
      <c r="F21248" s="7">
        <v>38657</v>
      </c>
      <c r="G21248" s="8">
        <v>1</v>
      </c>
      <c r="H21248" s="8">
        <v>1</v>
      </c>
      <c r="I21248" s="8">
        <v>0</v>
      </c>
      <c r="J21248" s="8">
        <v>1</v>
      </c>
      <c r="K21248" s="9">
        <v>31</v>
      </c>
      <c r="L21248" s="6" t="s">
        <v>4151</v>
      </c>
    </row>
    <row r="21249" spans="1:12">
      <c r="A21249" s="6" t="s">
        <v>4151</v>
      </c>
      <c r="B21249" s="6"/>
      <c r="C21249" s="6" t="s">
        <v>21285</v>
      </c>
      <c r="D21249" s="6"/>
      <c r="E21249" s="6" t="s">
        <v>9</v>
      </c>
      <c r="F21249" s="7">
        <v>38657</v>
      </c>
      <c r="G21249" s="8">
        <v>1</v>
      </c>
      <c r="H21249" s="8">
        <v>1</v>
      </c>
      <c r="I21249" s="8">
        <v>0</v>
      </c>
      <c r="J21249" s="8">
        <v>1</v>
      </c>
      <c r="K21249" s="9">
        <v>11</v>
      </c>
      <c r="L21249" s="6" t="s">
        <v>4151</v>
      </c>
    </row>
    <row r="21250" spans="1:12">
      <c r="A21250" s="6" t="s">
        <v>4151</v>
      </c>
      <c r="B21250" s="6"/>
      <c r="C21250" s="6" t="s">
        <v>21286</v>
      </c>
      <c r="D21250" s="6"/>
      <c r="E21250" s="6" t="s">
        <v>9</v>
      </c>
      <c r="F21250" s="7">
        <v>38657</v>
      </c>
      <c r="G21250" s="8">
        <v>1</v>
      </c>
      <c r="H21250" s="8">
        <v>1</v>
      </c>
      <c r="I21250" s="8">
        <v>0</v>
      </c>
      <c r="J21250" s="8">
        <v>1</v>
      </c>
      <c r="K21250" s="9">
        <v>10</v>
      </c>
      <c r="L21250" s="6" t="s">
        <v>4151</v>
      </c>
    </row>
    <row r="21251" spans="1:12">
      <c r="A21251" s="6" t="s">
        <v>4151</v>
      </c>
      <c r="B21251" s="6"/>
      <c r="C21251" s="6" t="s">
        <v>21287</v>
      </c>
      <c r="D21251" s="6"/>
      <c r="E21251" s="6" t="s">
        <v>9</v>
      </c>
      <c r="F21251" s="7">
        <v>38657</v>
      </c>
      <c r="G21251" s="8">
        <v>1</v>
      </c>
      <c r="H21251" s="8">
        <v>1</v>
      </c>
      <c r="I21251" s="8">
        <v>0</v>
      </c>
      <c r="J21251" s="8">
        <v>1</v>
      </c>
      <c r="K21251" s="9">
        <v>23</v>
      </c>
      <c r="L21251" s="6" t="s">
        <v>4151</v>
      </c>
    </row>
    <row r="21252" spans="1:12">
      <c r="A21252" s="6" t="s">
        <v>4151</v>
      </c>
      <c r="B21252" s="6"/>
      <c r="C21252" s="6" t="s">
        <v>21288</v>
      </c>
      <c r="D21252" s="6"/>
      <c r="E21252" s="6" t="s">
        <v>9</v>
      </c>
      <c r="F21252" s="7">
        <v>38657</v>
      </c>
      <c r="G21252" s="8">
        <v>1</v>
      </c>
      <c r="H21252" s="8">
        <v>1</v>
      </c>
      <c r="I21252" s="8">
        <v>0</v>
      </c>
      <c r="J21252" s="8">
        <v>1</v>
      </c>
      <c r="K21252" s="9">
        <v>11</v>
      </c>
      <c r="L21252" s="6" t="s">
        <v>4151</v>
      </c>
    </row>
    <row r="21253" spans="1:12">
      <c r="A21253" s="6" t="s">
        <v>4151</v>
      </c>
      <c r="B21253" s="6"/>
      <c r="C21253" s="6" t="s">
        <v>21289</v>
      </c>
      <c r="D21253" s="6"/>
      <c r="E21253" s="6" t="s">
        <v>9</v>
      </c>
      <c r="F21253" s="7">
        <v>38657</v>
      </c>
      <c r="G21253" s="8">
        <v>1</v>
      </c>
      <c r="H21253" s="8">
        <v>1</v>
      </c>
      <c r="I21253" s="8">
        <v>0</v>
      </c>
      <c r="J21253" s="8">
        <v>1</v>
      </c>
      <c r="K21253" s="9">
        <v>2.88</v>
      </c>
      <c r="L21253" s="6" t="s">
        <v>4151</v>
      </c>
    </row>
    <row r="21254" spans="1:12">
      <c r="A21254" s="6" t="s">
        <v>4151</v>
      </c>
      <c r="B21254" s="6"/>
      <c r="C21254" s="6" t="s">
        <v>21290</v>
      </c>
      <c r="D21254" s="6"/>
      <c r="E21254" s="6" t="s">
        <v>9</v>
      </c>
      <c r="F21254" s="7">
        <v>38657</v>
      </c>
      <c r="G21254" s="8">
        <v>1</v>
      </c>
      <c r="H21254" s="8">
        <v>1</v>
      </c>
      <c r="I21254" s="8">
        <v>0</v>
      </c>
      <c r="J21254" s="8">
        <v>1</v>
      </c>
      <c r="K21254" s="9">
        <v>5.13</v>
      </c>
      <c r="L21254" s="6" t="s">
        <v>4151</v>
      </c>
    </row>
    <row r="21255" spans="1:12">
      <c r="A21255" s="6" t="s">
        <v>4151</v>
      </c>
      <c r="B21255" s="6"/>
      <c r="C21255" s="6" t="s">
        <v>21291</v>
      </c>
      <c r="D21255" s="6"/>
      <c r="E21255" s="6" t="s">
        <v>9</v>
      </c>
      <c r="F21255" s="7">
        <v>38657</v>
      </c>
      <c r="G21255" s="8">
        <v>1</v>
      </c>
      <c r="H21255" s="8">
        <v>1</v>
      </c>
      <c r="I21255" s="8">
        <v>0</v>
      </c>
      <c r="J21255" s="8">
        <v>1</v>
      </c>
      <c r="K21255" s="9">
        <v>7.65</v>
      </c>
      <c r="L21255" s="6" t="s">
        <v>4151</v>
      </c>
    </row>
    <row r="21256" spans="1:12">
      <c r="A21256" s="6" t="s">
        <v>4151</v>
      </c>
      <c r="B21256" s="6"/>
      <c r="C21256" s="6" t="s">
        <v>21292</v>
      </c>
      <c r="D21256" s="6"/>
      <c r="E21256" s="6" t="s">
        <v>9</v>
      </c>
      <c r="F21256" s="7">
        <v>38657</v>
      </c>
      <c r="G21256" s="8">
        <v>1</v>
      </c>
      <c r="H21256" s="8">
        <v>1</v>
      </c>
      <c r="I21256" s="8">
        <v>0</v>
      </c>
      <c r="J21256" s="8">
        <v>1</v>
      </c>
      <c r="K21256" s="9">
        <v>9.69</v>
      </c>
      <c r="L21256" s="6" t="s">
        <v>4151</v>
      </c>
    </row>
    <row r="21257" spans="1:12">
      <c r="A21257" s="6" t="s">
        <v>4151</v>
      </c>
      <c r="B21257" s="6"/>
      <c r="C21257" s="6" t="s">
        <v>21293</v>
      </c>
      <c r="D21257" s="6"/>
      <c r="E21257" s="6" t="s">
        <v>9</v>
      </c>
      <c r="F21257" s="7">
        <v>38657</v>
      </c>
      <c r="G21257" s="8">
        <v>1</v>
      </c>
      <c r="H21257" s="8">
        <v>1</v>
      </c>
      <c r="I21257" s="8">
        <v>0</v>
      </c>
      <c r="J21257" s="8">
        <v>1</v>
      </c>
      <c r="K21257" s="9">
        <v>19</v>
      </c>
      <c r="L21257" s="6" t="s">
        <v>4151</v>
      </c>
    </row>
    <row r="21258" spans="1:12">
      <c r="A21258" s="6" t="s">
        <v>4151</v>
      </c>
      <c r="B21258" s="6"/>
      <c r="C21258" s="6" t="s">
        <v>21294</v>
      </c>
      <c r="D21258" s="6"/>
      <c r="E21258" s="6" t="s">
        <v>9</v>
      </c>
      <c r="F21258" s="7">
        <v>38657</v>
      </c>
      <c r="G21258" s="8">
        <v>1</v>
      </c>
      <c r="H21258" s="8">
        <v>1</v>
      </c>
      <c r="I21258" s="8">
        <v>0</v>
      </c>
      <c r="J21258" s="8">
        <v>1</v>
      </c>
      <c r="K21258" s="9">
        <v>25</v>
      </c>
      <c r="L21258" s="6" t="s">
        <v>4151</v>
      </c>
    </row>
    <row r="21259" spans="1:12">
      <c r="A21259" s="6" t="s">
        <v>4151</v>
      </c>
      <c r="B21259" s="6"/>
      <c r="C21259" s="6" t="s">
        <v>21295</v>
      </c>
      <c r="D21259" s="6"/>
      <c r="E21259" s="6" t="s">
        <v>9</v>
      </c>
      <c r="F21259" s="7">
        <v>38657</v>
      </c>
      <c r="G21259" s="8">
        <v>1</v>
      </c>
      <c r="H21259" s="8">
        <v>1</v>
      </c>
      <c r="I21259" s="8">
        <v>0</v>
      </c>
      <c r="J21259" s="8">
        <v>1</v>
      </c>
      <c r="K21259" s="9">
        <v>28</v>
      </c>
      <c r="L21259" s="6" t="s">
        <v>4151</v>
      </c>
    </row>
    <row r="21260" spans="1:12">
      <c r="A21260" s="6" t="s">
        <v>4151</v>
      </c>
      <c r="B21260" s="6"/>
      <c r="C21260" s="6" t="s">
        <v>21296</v>
      </c>
      <c r="D21260" s="6"/>
      <c r="E21260" s="6" t="s">
        <v>9</v>
      </c>
      <c r="F21260" s="7">
        <v>38657</v>
      </c>
      <c r="G21260" s="8">
        <v>1</v>
      </c>
      <c r="H21260" s="8">
        <v>1</v>
      </c>
      <c r="I21260" s="8">
        <v>0</v>
      </c>
      <c r="J21260" s="8">
        <v>1</v>
      </c>
      <c r="K21260" s="9">
        <v>25</v>
      </c>
      <c r="L21260" s="6" t="s">
        <v>4151</v>
      </c>
    </row>
    <row r="21261" spans="1:12">
      <c r="A21261" s="6" t="s">
        <v>4151</v>
      </c>
      <c r="B21261" s="6"/>
      <c r="C21261" s="6" t="s">
        <v>21297</v>
      </c>
      <c r="D21261" s="6"/>
      <c r="E21261" s="6" t="s">
        <v>9</v>
      </c>
      <c r="F21261" s="7">
        <v>38657</v>
      </c>
      <c r="G21261" s="8">
        <v>1</v>
      </c>
      <c r="H21261" s="8">
        <v>1</v>
      </c>
      <c r="I21261" s="8">
        <v>0</v>
      </c>
      <c r="J21261" s="8">
        <v>1</v>
      </c>
      <c r="K21261" s="9">
        <v>21</v>
      </c>
      <c r="L21261" s="6" t="s">
        <v>4151</v>
      </c>
    </row>
    <row r="21262" spans="1:12">
      <c r="A21262" s="6" t="s">
        <v>4151</v>
      </c>
      <c r="B21262" s="6"/>
      <c r="C21262" s="6" t="s">
        <v>21298</v>
      </c>
      <c r="D21262" s="6"/>
      <c r="E21262" s="6" t="s">
        <v>9</v>
      </c>
      <c r="F21262" s="7">
        <v>38657</v>
      </c>
      <c r="G21262" s="8">
        <v>1</v>
      </c>
      <c r="H21262" s="8">
        <v>1</v>
      </c>
      <c r="I21262" s="8">
        <v>0</v>
      </c>
      <c r="J21262" s="8">
        <v>1</v>
      </c>
      <c r="K21262" s="9">
        <v>17</v>
      </c>
      <c r="L21262" s="6" t="s">
        <v>4151</v>
      </c>
    </row>
    <row r="21263" spans="1:12">
      <c r="A21263" s="6" t="s">
        <v>4151</v>
      </c>
      <c r="B21263" s="6"/>
      <c r="C21263" s="6" t="s">
        <v>21299</v>
      </c>
      <c r="D21263" s="6"/>
      <c r="E21263" s="6" t="s">
        <v>9</v>
      </c>
      <c r="F21263" s="7">
        <v>38657</v>
      </c>
      <c r="G21263" s="8">
        <v>1</v>
      </c>
      <c r="H21263" s="8">
        <v>1</v>
      </c>
      <c r="I21263" s="8">
        <v>0</v>
      </c>
      <c r="J21263" s="8">
        <v>1</v>
      </c>
      <c r="K21263" s="9">
        <v>20</v>
      </c>
      <c r="L21263" s="6" t="s">
        <v>4151</v>
      </c>
    </row>
    <row r="21264" spans="1:12">
      <c r="A21264" s="6" t="s">
        <v>4151</v>
      </c>
      <c r="B21264" s="6"/>
      <c r="C21264" s="6" t="s">
        <v>21300</v>
      </c>
      <c r="D21264" s="6"/>
      <c r="E21264" s="6" t="s">
        <v>9</v>
      </c>
      <c r="F21264" s="7">
        <v>38657</v>
      </c>
      <c r="G21264" s="8">
        <v>1</v>
      </c>
      <c r="H21264" s="8">
        <v>1</v>
      </c>
      <c r="I21264" s="8">
        <v>0</v>
      </c>
      <c r="J21264" s="8">
        <v>1</v>
      </c>
      <c r="K21264" s="9">
        <v>44</v>
      </c>
      <c r="L21264" s="6" t="s">
        <v>4151</v>
      </c>
    </row>
    <row r="21265" spans="1:12">
      <c r="A21265" s="6" t="s">
        <v>4151</v>
      </c>
      <c r="B21265" s="6"/>
      <c r="C21265" s="6" t="s">
        <v>21301</v>
      </c>
      <c r="D21265" s="6"/>
      <c r="E21265" s="6" t="s">
        <v>9</v>
      </c>
      <c r="F21265" s="7">
        <v>38657</v>
      </c>
      <c r="G21265" s="8">
        <v>1</v>
      </c>
      <c r="H21265" s="8">
        <v>1</v>
      </c>
      <c r="I21265" s="8">
        <v>0</v>
      </c>
      <c r="J21265" s="8">
        <v>1</v>
      </c>
      <c r="K21265" s="9">
        <v>17</v>
      </c>
      <c r="L21265" s="6" t="s">
        <v>4151</v>
      </c>
    </row>
    <row r="21266" spans="1:12">
      <c r="A21266" s="6" t="s">
        <v>4151</v>
      </c>
      <c r="B21266" s="6"/>
      <c r="C21266" s="6" t="s">
        <v>21302</v>
      </c>
      <c r="D21266" s="6"/>
      <c r="E21266" s="6" t="s">
        <v>9</v>
      </c>
      <c r="F21266" s="7">
        <v>38657</v>
      </c>
      <c r="G21266" s="8">
        <v>1</v>
      </c>
      <c r="H21266" s="8">
        <v>1</v>
      </c>
      <c r="I21266" s="8">
        <v>0</v>
      </c>
      <c r="J21266" s="8">
        <v>1</v>
      </c>
      <c r="K21266" s="9">
        <v>10</v>
      </c>
      <c r="L21266" s="6" t="s">
        <v>4151</v>
      </c>
    </row>
    <row r="21267" spans="1:12">
      <c r="A21267" s="6" t="s">
        <v>4151</v>
      </c>
      <c r="B21267" s="6"/>
      <c r="C21267" s="6" t="s">
        <v>21303</v>
      </c>
      <c r="D21267" s="6"/>
      <c r="E21267" s="6" t="s">
        <v>9</v>
      </c>
      <c r="F21267" s="7">
        <v>38657</v>
      </c>
      <c r="G21267" s="8">
        <v>1</v>
      </c>
      <c r="H21267" s="8">
        <v>1</v>
      </c>
      <c r="I21267" s="8">
        <v>0</v>
      </c>
      <c r="J21267" s="8">
        <v>1</v>
      </c>
      <c r="K21267" s="9">
        <v>10</v>
      </c>
      <c r="L21267" s="6" t="s">
        <v>4151</v>
      </c>
    </row>
    <row r="21268" spans="1:12">
      <c r="A21268" s="6" t="s">
        <v>4151</v>
      </c>
      <c r="B21268" s="6"/>
      <c r="C21268" s="6" t="s">
        <v>21304</v>
      </c>
      <c r="D21268" s="6"/>
      <c r="E21268" s="6" t="s">
        <v>9</v>
      </c>
      <c r="F21268" s="7">
        <v>38657</v>
      </c>
      <c r="G21268" s="8">
        <v>1</v>
      </c>
      <c r="H21268" s="8">
        <v>1</v>
      </c>
      <c r="I21268" s="8">
        <v>0</v>
      </c>
      <c r="J21268" s="8">
        <v>1</v>
      </c>
      <c r="K21268" s="9">
        <v>30</v>
      </c>
      <c r="L21268" s="6" t="s">
        <v>4151</v>
      </c>
    </row>
    <row r="21269" spans="1:12">
      <c r="A21269" s="6" t="s">
        <v>4151</v>
      </c>
      <c r="B21269" s="6"/>
      <c r="C21269" s="6" t="s">
        <v>21305</v>
      </c>
      <c r="D21269" s="6"/>
      <c r="E21269" s="6" t="s">
        <v>9</v>
      </c>
      <c r="F21269" s="7">
        <v>38657</v>
      </c>
      <c r="G21269" s="8">
        <v>1</v>
      </c>
      <c r="H21269" s="8">
        <v>1</v>
      </c>
      <c r="I21269" s="8">
        <v>0</v>
      </c>
      <c r="J21269" s="8">
        <v>1</v>
      </c>
      <c r="K21269" s="9">
        <v>342</v>
      </c>
      <c r="L21269" s="6" t="s">
        <v>4151</v>
      </c>
    </row>
    <row r="21270" spans="1:12">
      <c r="A21270" s="6" t="s">
        <v>4151</v>
      </c>
      <c r="B21270" s="6"/>
      <c r="C21270" s="6" t="s">
        <v>21306</v>
      </c>
      <c r="D21270" s="6"/>
      <c r="E21270" s="6" t="s">
        <v>9</v>
      </c>
      <c r="F21270" s="7">
        <v>38657</v>
      </c>
      <c r="G21270" s="8">
        <v>1</v>
      </c>
      <c r="H21270" s="8">
        <v>1</v>
      </c>
      <c r="I21270" s="8">
        <v>0</v>
      </c>
      <c r="J21270" s="8">
        <v>1</v>
      </c>
      <c r="K21270" s="9">
        <v>20</v>
      </c>
      <c r="L21270" s="6" t="s">
        <v>4151</v>
      </c>
    </row>
    <row r="21271" spans="1:12">
      <c r="A21271" s="6" t="s">
        <v>4151</v>
      </c>
      <c r="B21271" s="6"/>
      <c r="C21271" s="6" t="s">
        <v>21307</v>
      </c>
      <c r="D21271" s="6"/>
      <c r="E21271" s="6" t="s">
        <v>9</v>
      </c>
      <c r="F21271" s="7">
        <v>38657</v>
      </c>
      <c r="G21271" s="8">
        <v>1</v>
      </c>
      <c r="H21271" s="8">
        <v>1</v>
      </c>
      <c r="I21271" s="8">
        <v>0</v>
      </c>
      <c r="J21271" s="8">
        <v>1</v>
      </c>
      <c r="K21271" s="9">
        <v>10</v>
      </c>
      <c r="L21271" s="6" t="s">
        <v>4151</v>
      </c>
    </row>
    <row r="21272" spans="1:12">
      <c r="A21272" s="6" t="s">
        <v>4151</v>
      </c>
      <c r="B21272" s="6"/>
      <c r="C21272" s="6" t="s">
        <v>21308</v>
      </c>
      <c r="D21272" s="6"/>
      <c r="E21272" s="6" t="s">
        <v>9</v>
      </c>
      <c r="F21272" s="7">
        <v>38657</v>
      </c>
      <c r="G21272" s="8">
        <v>1</v>
      </c>
      <c r="H21272" s="8">
        <v>1</v>
      </c>
      <c r="I21272" s="8">
        <v>0</v>
      </c>
      <c r="J21272" s="8">
        <v>1</v>
      </c>
      <c r="K21272" s="9">
        <v>8.06</v>
      </c>
      <c r="L21272" s="6" t="s">
        <v>4151</v>
      </c>
    </row>
    <row r="21273" spans="1:12">
      <c r="A21273" s="6" t="s">
        <v>4151</v>
      </c>
      <c r="B21273" s="6"/>
      <c r="C21273" s="6" t="s">
        <v>21309</v>
      </c>
      <c r="D21273" s="6"/>
      <c r="E21273" s="6" t="s">
        <v>9</v>
      </c>
      <c r="F21273" s="7">
        <v>38657</v>
      </c>
      <c r="G21273" s="8">
        <v>1</v>
      </c>
      <c r="H21273" s="8">
        <v>1</v>
      </c>
      <c r="I21273" s="8">
        <v>0</v>
      </c>
      <c r="J21273" s="8">
        <v>1</v>
      </c>
      <c r="K21273" s="9">
        <v>15</v>
      </c>
      <c r="L21273" s="6" t="s">
        <v>4151</v>
      </c>
    </row>
    <row r="21274" spans="1:12">
      <c r="A21274" s="6" t="s">
        <v>4151</v>
      </c>
      <c r="B21274" s="6"/>
      <c r="C21274" s="6" t="s">
        <v>21310</v>
      </c>
      <c r="D21274" s="6"/>
      <c r="E21274" s="6" t="s">
        <v>9</v>
      </c>
      <c r="F21274" s="7">
        <v>38657</v>
      </c>
      <c r="G21274" s="8">
        <v>1</v>
      </c>
      <c r="H21274" s="8">
        <v>1</v>
      </c>
      <c r="I21274" s="8">
        <v>0</v>
      </c>
      <c r="J21274" s="8">
        <v>1</v>
      </c>
      <c r="K21274" s="9">
        <v>0.43</v>
      </c>
      <c r="L21274" s="6" t="s">
        <v>4151</v>
      </c>
    </row>
    <row r="21275" spans="1:12">
      <c r="A21275" s="6" t="s">
        <v>4151</v>
      </c>
      <c r="B21275" s="6"/>
      <c r="C21275" s="6" t="s">
        <v>21311</v>
      </c>
      <c r="D21275" s="6"/>
      <c r="E21275" s="6" t="s">
        <v>9</v>
      </c>
      <c r="F21275" s="7">
        <v>38657</v>
      </c>
      <c r="G21275" s="8">
        <v>1</v>
      </c>
      <c r="H21275" s="8">
        <v>1</v>
      </c>
      <c r="I21275" s="8">
        <v>0</v>
      </c>
      <c r="J21275" s="8">
        <v>1</v>
      </c>
      <c r="K21275" s="9">
        <v>45</v>
      </c>
      <c r="L21275" s="6" t="s">
        <v>4151</v>
      </c>
    </row>
    <row r="21276" spans="1:12">
      <c r="A21276" s="6" t="s">
        <v>4151</v>
      </c>
      <c r="B21276" s="6"/>
      <c r="C21276" s="6" t="s">
        <v>21312</v>
      </c>
      <c r="D21276" s="6"/>
      <c r="E21276" s="6" t="s">
        <v>9</v>
      </c>
      <c r="F21276" s="7">
        <v>38657</v>
      </c>
      <c r="G21276" s="8">
        <v>1</v>
      </c>
      <c r="H21276" s="8">
        <v>1</v>
      </c>
      <c r="I21276" s="8">
        <v>0</v>
      </c>
      <c r="J21276" s="8">
        <v>1</v>
      </c>
      <c r="K21276" s="9">
        <v>3.5</v>
      </c>
      <c r="L21276" s="6" t="s">
        <v>4151</v>
      </c>
    </row>
    <row r="21277" spans="1:12">
      <c r="A21277" s="6" t="s">
        <v>4151</v>
      </c>
      <c r="B21277" s="6"/>
      <c r="C21277" s="6" t="s">
        <v>21313</v>
      </c>
      <c r="D21277" s="6"/>
      <c r="E21277" s="6" t="s">
        <v>9</v>
      </c>
      <c r="F21277" s="7">
        <v>38657</v>
      </c>
      <c r="G21277" s="8">
        <v>1</v>
      </c>
      <c r="H21277" s="8">
        <v>1</v>
      </c>
      <c r="I21277" s="8">
        <v>0</v>
      </c>
      <c r="J21277" s="8">
        <v>1</v>
      </c>
      <c r="K21277" s="9">
        <v>1.38</v>
      </c>
      <c r="L21277" s="6" t="s">
        <v>4151</v>
      </c>
    </row>
    <row r="21278" spans="1:12">
      <c r="A21278" s="6" t="s">
        <v>4151</v>
      </c>
      <c r="B21278" s="6"/>
      <c r="C21278" s="6" t="s">
        <v>21314</v>
      </c>
      <c r="D21278" s="6"/>
      <c r="E21278" s="6" t="s">
        <v>9</v>
      </c>
      <c r="F21278" s="7">
        <v>38657</v>
      </c>
      <c r="G21278" s="8">
        <v>1</v>
      </c>
      <c r="H21278" s="8">
        <v>1</v>
      </c>
      <c r="I21278" s="8">
        <v>0</v>
      </c>
      <c r="J21278" s="8">
        <v>1</v>
      </c>
      <c r="K21278" s="9">
        <v>39</v>
      </c>
      <c r="L21278" s="6" t="s">
        <v>4151</v>
      </c>
    </row>
    <row r="21279" spans="1:12">
      <c r="A21279" s="6" t="s">
        <v>4151</v>
      </c>
      <c r="B21279" s="6"/>
      <c r="C21279" s="6" t="s">
        <v>21315</v>
      </c>
      <c r="D21279" s="6"/>
      <c r="E21279" s="6" t="s">
        <v>9</v>
      </c>
      <c r="F21279" s="7">
        <v>38657</v>
      </c>
      <c r="G21279" s="8">
        <v>1</v>
      </c>
      <c r="H21279" s="8">
        <v>1</v>
      </c>
      <c r="I21279" s="8">
        <v>0</v>
      </c>
      <c r="J21279" s="8">
        <v>1</v>
      </c>
      <c r="K21279" s="9">
        <v>16.05</v>
      </c>
      <c r="L21279" s="6" t="s">
        <v>4151</v>
      </c>
    </row>
    <row r="21280" spans="1:12">
      <c r="A21280" s="6" t="s">
        <v>4151</v>
      </c>
      <c r="B21280" s="6"/>
      <c r="C21280" s="6" t="s">
        <v>21316</v>
      </c>
      <c r="D21280" s="6"/>
      <c r="E21280" s="6" t="s">
        <v>9</v>
      </c>
      <c r="F21280" s="7">
        <v>38657</v>
      </c>
      <c r="G21280" s="8">
        <v>1</v>
      </c>
      <c r="H21280" s="8">
        <v>1</v>
      </c>
      <c r="I21280" s="8">
        <v>0</v>
      </c>
      <c r="J21280" s="8">
        <v>1</v>
      </c>
      <c r="K21280" s="9">
        <v>23</v>
      </c>
      <c r="L21280" s="6" t="s">
        <v>4151</v>
      </c>
    </row>
    <row r="21281" spans="1:12">
      <c r="A21281" s="6" t="s">
        <v>4151</v>
      </c>
      <c r="B21281" s="6"/>
      <c r="C21281" s="6" t="s">
        <v>21317</v>
      </c>
      <c r="D21281" s="6"/>
      <c r="E21281" s="6" t="s">
        <v>9</v>
      </c>
      <c r="F21281" s="7">
        <v>38657</v>
      </c>
      <c r="G21281" s="8">
        <v>1</v>
      </c>
      <c r="H21281" s="8">
        <v>1</v>
      </c>
      <c r="I21281" s="8">
        <v>0</v>
      </c>
      <c r="J21281" s="8">
        <v>1</v>
      </c>
      <c r="K21281" s="9">
        <v>48.4</v>
      </c>
      <c r="L21281" s="6" t="s">
        <v>4151</v>
      </c>
    </row>
    <row r="21282" spans="1:12">
      <c r="A21282" s="6" t="s">
        <v>4151</v>
      </c>
      <c r="B21282" s="6"/>
      <c r="C21282" s="6" t="s">
        <v>21318</v>
      </c>
      <c r="D21282" s="6"/>
      <c r="E21282" s="6" t="s">
        <v>9</v>
      </c>
      <c r="F21282" s="7">
        <v>38657</v>
      </c>
      <c r="G21282" s="8">
        <v>1</v>
      </c>
      <c r="H21282" s="8">
        <v>1</v>
      </c>
      <c r="I21282" s="8">
        <v>0</v>
      </c>
      <c r="J21282" s="8">
        <v>1</v>
      </c>
      <c r="K21282" s="9">
        <v>6.01</v>
      </c>
      <c r="L21282" s="6" t="s">
        <v>4151</v>
      </c>
    </row>
    <row r="21283" spans="1:12">
      <c r="A21283" s="6" t="s">
        <v>4151</v>
      </c>
      <c r="B21283" s="6"/>
      <c r="C21283" s="6" t="s">
        <v>21319</v>
      </c>
      <c r="D21283" s="6"/>
      <c r="E21283" s="6" t="s">
        <v>9</v>
      </c>
      <c r="F21283" s="7">
        <v>38657</v>
      </c>
      <c r="G21283" s="8">
        <v>1</v>
      </c>
      <c r="H21283" s="8">
        <v>1</v>
      </c>
      <c r="I21283" s="8">
        <v>0</v>
      </c>
      <c r="J21283" s="8">
        <v>1</v>
      </c>
      <c r="K21283" s="9">
        <v>15</v>
      </c>
      <c r="L21283" s="6" t="s">
        <v>4151</v>
      </c>
    </row>
    <row r="21284" spans="1:12">
      <c r="A21284" s="6" t="s">
        <v>4151</v>
      </c>
      <c r="B21284" s="6"/>
      <c r="C21284" s="6" t="s">
        <v>21320</v>
      </c>
      <c r="D21284" s="6"/>
      <c r="E21284" s="6" t="s">
        <v>9</v>
      </c>
      <c r="F21284" s="7">
        <v>38657</v>
      </c>
      <c r="G21284" s="8">
        <v>1</v>
      </c>
      <c r="H21284" s="8">
        <v>1</v>
      </c>
      <c r="I21284" s="8">
        <v>0</v>
      </c>
      <c r="J21284" s="8">
        <v>1</v>
      </c>
      <c r="K21284" s="9">
        <v>56</v>
      </c>
      <c r="L21284" s="6" t="s">
        <v>4151</v>
      </c>
    </row>
    <row r="21285" spans="1:12">
      <c r="A21285" s="6" t="s">
        <v>4151</v>
      </c>
      <c r="B21285" s="6"/>
      <c r="C21285" s="6" t="s">
        <v>21321</v>
      </c>
      <c r="D21285" s="6"/>
      <c r="E21285" s="6" t="s">
        <v>9</v>
      </c>
      <c r="F21285" s="7">
        <v>38657</v>
      </c>
      <c r="G21285" s="8">
        <v>1</v>
      </c>
      <c r="H21285" s="8">
        <v>1</v>
      </c>
      <c r="I21285" s="8">
        <v>0</v>
      </c>
      <c r="J21285" s="8">
        <v>1</v>
      </c>
      <c r="K21285" s="9">
        <v>30</v>
      </c>
      <c r="L21285" s="6" t="s">
        <v>4151</v>
      </c>
    </row>
    <row r="21286" spans="1:12">
      <c r="A21286" s="6" t="s">
        <v>4151</v>
      </c>
      <c r="B21286" s="6"/>
      <c r="C21286" s="6" t="s">
        <v>21322</v>
      </c>
      <c r="D21286" s="6"/>
      <c r="E21286" s="6" t="s">
        <v>9</v>
      </c>
      <c r="F21286" s="7">
        <v>38657</v>
      </c>
      <c r="G21286" s="8">
        <v>1</v>
      </c>
      <c r="H21286" s="8">
        <v>1</v>
      </c>
      <c r="I21286" s="8">
        <v>0</v>
      </c>
      <c r="J21286" s="8">
        <v>1</v>
      </c>
      <c r="K21286" s="9">
        <v>9.39</v>
      </c>
      <c r="L21286" s="6" t="s">
        <v>4151</v>
      </c>
    </row>
    <row r="21287" spans="1:12">
      <c r="A21287" s="6" t="s">
        <v>4151</v>
      </c>
      <c r="B21287" s="6"/>
      <c r="C21287" s="6" t="s">
        <v>21323</v>
      </c>
      <c r="D21287" s="6"/>
      <c r="E21287" s="6" t="s">
        <v>9</v>
      </c>
      <c r="F21287" s="7">
        <v>38657</v>
      </c>
      <c r="G21287" s="8">
        <v>1</v>
      </c>
      <c r="H21287" s="8">
        <v>1</v>
      </c>
      <c r="I21287" s="8">
        <v>0</v>
      </c>
      <c r="J21287" s="8">
        <v>1</v>
      </c>
      <c r="K21287" s="9">
        <v>8.86</v>
      </c>
      <c r="L21287" s="6" t="s">
        <v>4151</v>
      </c>
    </row>
    <row r="21288" spans="1:12">
      <c r="A21288" s="6" t="s">
        <v>4151</v>
      </c>
      <c r="B21288" s="6"/>
      <c r="C21288" s="6" t="s">
        <v>21324</v>
      </c>
      <c r="D21288" s="6"/>
      <c r="E21288" s="6" t="s">
        <v>9</v>
      </c>
      <c r="F21288" s="7">
        <v>38657</v>
      </c>
      <c r="G21288" s="8">
        <v>1</v>
      </c>
      <c r="H21288" s="8">
        <v>1</v>
      </c>
      <c r="I21288" s="8">
        <v>0</v>
      </c>
      <c r="J21288" s="8">
        <v>1</v>
      </c>
      <c r="K21288" s="9">
        <v>146</v>
      </c>
      <c r="L21288" s="6" t="s">
        <v>4151</v>
      </c>
    </row>
    <row r="21289" spans="1:12">
      <c r="A21289" s="6" t="s">
        <v>4151</v>
      </c>
      <c r="B21289" s="6"/>
      <c r="C21289" s="6" t="s">
        <v>21325</v>
      </c>
      <c r="D21289" s="6"/>
      <c r="E21289" s="6" t="s">
        <v>9</v>
      </c>
      <c r="F21289" s="7">
        <v>38657</v>
      </c>
      <c r="G21289" s="8">
        <v>1</v>
      </c>
      <c r="H21289" s="8">
        <v>1</v>
      </c>
      <c r="I21289" s="8">
        <v>0</v>
      </c>
      <c r="J21289" s="8">
        <v>1</v>
      </c>
      <c r="K21289" s="9">
        <v>26</v>
      </c>
      <c r="L21289" s="6" t="s">
        <v>4151</v>
      </c>
    </row>
    <row r="21290" spans="1:12">
      <c r="A21290" s="6" t="s">
        <v>4151</v>
      </c>
      <c r="B21290" s="6"/>
      <c r="C21290" s="6" t="s">
        <v>21326</v>
      </c>
      <c r="D21290" s="6"/>
      <c r="E21290" s="6" t="s">
        <v>9</v>
      </c>
      <c r="F21290" s="7">
        <v>38657</v>
      </c>
      <c r="G21290" s="8">
        <v>1</v>
      </c>
      <c r="H21290" s="8">
        <v>1</v>
      </c>
      <c r="I21290" s="8">
        <v>0</v>
      </c>
      <c r="J21290" s="8">
        <v>1</v>
      </c>
      <c r="K21290" s="9">
        <v>117</v>
      </c>
      <c r="L21290" s="6" t="s">
        <v>4151</v>
      </c>
    </row>
    <row r="21291" spans="1:12">
      <c r="A21291" s="6" t="s">
        <v>4151</v>
      </c>
      <c r="B21291" s="6"/>
      <c r="C21291" s="6" t="s">
        <v>21327</v>
      </c>
      <c r="D21291" s="6"/>
      <c r="E21291" s="6" t="s">
        <v>9</v>
      </c>
      <c r="F21291" s="7">
        <v>38657</v>
      </c>
      <c r="G21291" s="8">
        <v>1</v>
      </c>
      <c r="H21291" s="8">
        <v>1</v>
      </c>
      <c r="I21291" s="8">
        <v>0</v>
      </c>
      <c r="J21291" s="8">
        <v>1</v>
      </c>
      <c r="K21291" s="9">
        <v>38</v>
      </c>
      <c r="L21291" s="6" t="s">
        <v>4151</v>
      </c>
    </row>
    <row r="21292" spans="1:12">
      <c r="A21292" s="6" t="s">
        <v>4151</v>
      </c>
      <c r="B21292" s="6"/>
      <c r="C21292" s="6" t="s">
        <v>21328</v>
      </c>
      <c r="D21292" s="6"/>
      <c r="E21292" s="6" t="s">
        <v>9</v>
      </c>
      <c r="F21292" s="7">
        <v>38657</v>
      </c>
      <c r="G21292" s="8">
        <v>1</v>
      </c>
      <c r="H21292" s="8">
        <v>1</v>
      </c>
      <c r="I21292" s="8">
        <v>0</v>
      </c>
      <c r="J21292" s="8">
        <v>1</v>
      </c>
      <c r="K21292" s="9">
        <v>8.5500000000000007</v>
      </c>
      <c r="L21292" s="6" t="s">
        <v>4151</v>
      </c>
    </row>
    <row r="21293" spans="1:12">
      <c r="A21293" s="6" t="s">
        <v>4151</v>
      </c>
      <c r="B21293" s="6"/>
      <c r="C21293" s="6" t="s">
        <v>21329</v>
      </c>
      <c r="D21293" s="6"/>
      <c r="E21293" s="6" t="s">
        <v>9</v>
      </c>
      <c r="F21293" s="7">
        <v>38657</v>
      </c>
      <c r="G21293" s="8">
        <v>1</v>
      </c>
      <c r="H21293" s="8">
        <v>1</v>
      </c>
      <c r="I21293" s="8">
        <v>0</v>
      </c>
      <c r="J21293" s="8">
        <v>1</v>
      </c>
      <c r="K21293" s="9">
        <v>1.1299999999999899</v>
      </c>
      <c r="L21293" s="6" t="s">
        <v>4151</v>
      </c>
    </row>
    <row r="21294" spans="1:12">
      <c r="A21294" s="6" t="s">
        <v>4151</v>
      </c>
      <c r="B21294" s="6"/>
      <c r="C21294" s="6" t="s">
        <v>21330</v>
      </c>
      <c r="D21294" s="6"/>
      <c r="E21294" s="6" t="s">
        <v>9</v>
      </c>
      <c r="F21294" s="7">
        <v>38657</v>
      </c>
      <c r="G21294" s="8">
        <v>1</v>
      </c>
      <c r="H21294" s="8">
        <v>1</v>
      </c>
      <c r="I21294" s="8">
        <v>0</v>
      </c>
      <c r="J21294" s="8">
        <v>1</v>
      </c>
      <c r="K21294" s="9">
        <v>84</v>
      </c>
      <c r="L21294" s="6" t="s">
        <v>4151</v>
      </c>
    </row>
    <row r="21295" spans="1:12">
      <c r="A21295" s="6" t="s">
        <v>4151</v>
      </c>
      <c r="B21295" s="6"/>
      <c r="C21295" s="6" t="s">
        <v>21331</v>
      </c>
      <c r="D21295" s="6"/>
      <c r="E21295" s="6" t="s">
        <v>9</v>
      </c>
      <c r="F21295" s="7">
        <v>38657</v>
      </c>
      <c r="G21295" s="8">
        <v>1</v>
      </c>
      <c r="H21295" s="8">
        <v>1</v>
      </c>
      <c r="I21295" s="8">
        <v>0</v>
      </c>
      <c r="J21295" s="8">
        <v>1</v>
      </c>
      <c r="K21295" s="9">
        <v>15</v>
      </c>
      <c r="L21295" s="6" t="s">
        <v>4151</v>
      </c>
    </row>
    <row r="21296" spans="1:12">
      <c r="A21296" s="6" t="s">
        <v>4151</v>
      </c>
      <c r="B21296" s="6"/>
      <c r="C21296" s="6" t="s">
        <v>21332</v>
      </c>
      <c r="D21296" s="6"/>
      <c r="E21296" s="6" t="s">
        <v>9</v>
      </c>
      <c r="F21296" s="7">
        <v>38657</v>
      </c>
      <c r="G21296" s="8">
        <v>1</v>
      </c>
      <c r="H21296" s="8">
        <v>1</v>
      </c>
      <c r="I21296" s="8">
        <v>0</v>
      </c>
      <c r="J21296" s="8">
        <v>1</v>
      </c>
      <c r="K21296" s="9">
        <v>25</v>
      </c>
      <c r="L21296" s="6" t="s">
        <v>4151</v>
      </c>
    </row>
    <row r="21297" spans="1:12">
      <c r="A21297" s="6" t="s">
        <v>4151</v>
      </c>
      <c r="B21297" s="6"/>
      <c r="C21297" s="6" t="s">
        <v>21333</v>
      </c>
      <c r="D21297" s="6"/>
      <c r="E21297" s="6" t="s">
        <v>9</v>
      </c>
      <c r="F21297" s="7">
        <v>38657</v>
      </c>
      <c r="G21297" s="8">
        <v>1</v>
      </c>
      <c r="H21297" s="8">
        <v>1</v>
      </c>
      <c r="I21297" s="8">
        <v>0</v>
      </c>
      <c r="J21297" s="8">
        <v>1</v>
      </c>
      <c r="K21297" s="9">
        <v>15</v>
      </c>
      <c r="L21297" s="6" t="s">
        <v>4151</v>
      </c>
    </row>
    <row r="21298" spans="1:12">
      <c r="A21298" s="6" t="s">
        <v>4151</v>
      </c>
      <c r="B21298" s="6"/>
      <c r="C21298" s="6" t="s">
        <v>21334</v>
      </c>
      <c r="D21298" s="6"/>
      <c r="E21298" s="6" t="s">
        <v>9</v>
      </c>
      <c r="F21298" s="7">
        <v>38657</v>
      </c>
      <c r="G21298" s="8">
        <v>1</v>
      </c>
      <c r="H21298" s="8">
        <v>1</v>
      </c>
      <c r="I21298" s="8">
        <v>0</v>
      </c>
      <c r="J21298" s="8">
        <v>1</v>
      </c>
      <c r="K21298" s="9">
        <v>9.9499999999999904</v>
      </c>
      <c r="L21298" s="6" t="s">
        <v>4151</v>
      </c>
    </row>
    <row r="21299" spans="1:12">
      <c r="A21299" s="6" t="s">
        <v>4151</v>
      </c>
      <c r="B21299" s="6"/>
      <c r="C21299" s="6" t="s">
        <v>21335</v>
      </c>
      <c r="D21299" s="6"/>
      <c r="E21299" s="6" t="s">
        <v>9</v>
      </c>
      <c r="F21299" s="7">
        <v>38657</v>
      </c>
      <c r="G21299" s="8">
        <v>1</v>
      </c>
      <c r="H21299" s="8">
        <v>1</v>
      </c>
      <c r="I21299" s="8">
        <v>0</v>
      </c>
      <c r="J21299" s="8">
        <v>1</v>
      </c>
      <c r="K21299" s="9">
        <v>10</v>
      </c>
      <c r="L21299" s="6" t="s">
        <v>4151</v>
      </c>
    </row>
    <row r="21300" spans="1:12">
      <c r="A21300" s="6" t="s">
        <v>4151</v>
      </c>
      <c r="B21300" s="6"/>
      <c r="C21300" s="6" t="s">
        <v>21336</v>
      </c>
      <c r="D21300" s="6"/>
      <c r="E21300" s="6" t="s">
        <v>9</v>
      </c>
      <c r="F21300" s="7">
        <v>38657</v>
      </c>
      <c r="G21300" s="8">
        <v>1</v>
      </c>
      <c r="H21300" s="8">
        <v>1</v>
      </c>
      <c r="I21300" s="8">
        <v>0</v>
      </c>
      <c r="J21300" s="8">
        <v>1</v>
      </c>
      <c r="K21300" s="9">
        <v>28</v>
      </c>
      <c r="L21300" s="6" t="s">
        <v>4151</v>
      </c>
    </row>
    <row r="21301" spans="1:12">
      <c r="A21301" s="6" t="s">
        <v>4151</v>
      </c>
      <c r="B21301" s="6"/>
      <c r="C21301" s="6" t="s">
        <v>21337</v>
      </c>
      <c r="D21301" s="6"/>
      <c r="E21301" s="6" t="s">
        <v>9</v>
      </c>
      <c r="F21301" s="7">
        <v>38657</v>
      </c>
      <c r="G21301" s="8">
        <v>1</v>
      </c>
      <c r="H21301" s="8">
        <v>1</v>
      </c>
      <c r="I21301" s="8">
        <v>0</v>
      </c>
      <c r="J21301" s="8">
        <v>1</v>
      </c>
      <c r="K21301" s="9">
        <v>13</v>
      </c>
      <c r="L21301" s="6" t="s">
        <v>4151</v>
      </c>
    </row>
    <row r="21302" spans="1:12">
      <c r="A21302" s="6" t="s">
        <v>4151</v>
      </c>
      <c r="B21302" s="6"/>
      <c r="C21302" s="6" t="s">
        <v>21338</v>
      </c>
      <c r="D21302" s="6"/>
      <c r="E21302" s="6" t="s">
        <v>9</v>
      </c>
      <c r="F21302" s="7">
        <v>38657</v>
      </c>
      <c r="G21302" s="8">
        <v>1</v>
      </c>
      <c r="H21302" s="8">
        <v>1</v>
      </c>
      <c r="I21302" s="8">
        <v>0</v>
      </c>
      <c r="J21302" s="8">
        <v>1</v>
      </c>
      <c r="K21302" s="9">
        <v>170</v>
      </c>
      <c r="L21302" s="6" t="s">
        <v>4151</v>
      </c>
    </row>
    <row r="21303" spans="1:12">
      <c r="A21303" s="6" t="s">
        <v>4151</v>
      </c>
      <c r="B21303" s="6"/>
      <c r="C21303" s="6" t="s">
        <v>21339</v>
      </c>
      <c r="D21303" s="6"/>
      <c r="E21303" s="6" t="s">
        <v>9</v>
      </c>
      <c r="F21303" s="7">
        <v>38657</v>
      </c>
      <c r="G21303" s="8">
        <v>1</v>
      </c>
      <c r="H21303" s="8">
        <v>1</v>
      </c>
      <c r="I21303" s="8">
        <v>0</v>
      </c>
      <c r="J21303" s="8">
        <v>1</v>
      </c>
      <c r="K21303" s="9">
        <v>204</v>
      </c>
      <c r="L21303" s="6" t="s">
        <v>4151</v>
      </c>
    </row>
    <row r="21304" spans="1:12">
      <c r="A21304" s="6" t="s">
        <v>4151</v>
      </c>
      <c r="B21304" s="6"/>
      <c r="C21304" s="6" t="s">
        <v>21340</v>
      </c>
      <c r="D21304" s="6"/>
      <c r="E21304" s="6" t="s">
        <v>9</v>
      </c>
      <c r="F21304" s="7">
        <v>38657</v>
      </c>
      <c r="G21304" s="8">
        <v>1</v>
      </c>
      <c r="H21304" s="8">
        <v>1</v>
      </c>
      <c r="I21304" s="8">
        <v>0</v>
      </c>
      <c r="J21304" s="8">
        <v>1</v>
      </c>
      <c r="K21304" s="9">
        <v>109</v>
      </c>
      <c r="L21304" s="6" t="s">
        <v>4151</v>
      </c>
    </row>
    <row r="21305" spans="1:12">
      <c r="A21305" s="6" t="s">
        <v>4151</v>
      </c>
      <c r="B21305" s="6"/>
      <c r="C21305" s="6" t="s">
        <v>21341</v>
      </c>
      <c r="D21305" s="6"/>
      <c r="E21305" s="6" t="s">
        <v>9</v>
      </c>
      <c r="F21305" s="7">
        <v>38657</v>
      </c>
      <c r="G21305" s="8">
        <v>1</v>
      </c>
      <c r="H21305" s="8">
        <v>1</v>
      </c>
      <c r="I21305" s="8">
        <v>0</v>
      </c>
      <c r="J21305" s="8">
        <v>1</v>
      </c>
      <c r="K21305" s="9">
        <v>471</v>
      </c>
      <c r="L21305" s="6" t="s">
        <v>4151</v>
      </c>
    </row>
    <row r="21306" spans="1:12">
      <c r="A21306" s="6" t="s">
        <v>4151</v>
      </c>
      <c r="B21306" s="6"/>
      <c r="C21306" s="6" t="s">
        <v>21342</v>
      </c>
      <c r="D21306" s="6"/>
      <c r="E21306" s="6" t="s">
        <v>9</v>
      </c>
      <c r="F21306" s="7">
        <v>38657</v>
      </c>
      <c r="G21306" s="8">
        <v>1</v>
      </c>
      <c r="H21306" s="8">
        <v>1</v>
      </c>
      <c r="I21306" s="8">
        <v>0</v>
      </c>
      <c r="J21306" s="8">
        <v>1</v>
      </c>
      <c r="K21306" s="9">
        <v>725</v>
      </c>
      <c r="L21306" s="6" t="s">
        <v>4151</v>
      </c>
    </row>
    <row r="21307" spans="1:12">
      <c r="A21307" s="6" t="s">
        <v>4151</v>
      </c>
      <c r="B21307" s="6"/>
      <c r="C21307" s="6" t="s">
        <v>21343</v>
      </c>
      <c r="D21307" s="6"/>
      <c r="E21307" s="6" t="s">
        <v>9</v>
      </c>
      <c r="F21307" s="7">
        <v>38657</v>
      </c>
      <c r="G21307" s="8">
        <v>1</v>
      </c>
      <c r="H21307" s="8">
        <v>1</v>
      </c>
      <c r="I21307" s="8">
        <v>0</v>
      </c>
      <c r="J21307" s="8">
        <v>1</v>
      </c>
      <c r="K21307" s="9">
        <v>29.06</v>
      </c>
      <c r="L21307" s="6" t="s">
        <v>4151</v>
      </c>
    </row>
    <row r="21308" spans="1:12">
      <c r="A21308" s="6" t="s">
        <v>4151</v>
      </c>
      <c r="B21308" s="6"/>
      <c r="C21308" s="6" t="s">
        <v>21344</v>
      </c>
      <c r="D21308" s="6"/>
      <c r="E21308" s="6" t="s">
        <v>9</v>
      </c>
      <c r="F21308" s="7">
        <v>38657</v>
      </c>
      <c r="G21308" s="8">
        <v>1</v>
      </c>
      <c r="H21308" s="8">
        <v>1</v>
      </c>
      <c r="I21308" s="8">
        <v>0</v>
      </c>
      <c r="J21308" s="8">
        <v>1</v>
      </c>
      <c r="K21308" s="9">
        <v>719</v>
      </c>
      <c r="L21308" s="6" t="s">
        <v>4151</v>
      </c>
    </row>
    <row r="21309" spans="1:12">
      <c r="A21309" s="6" t="s">
        <v>4151</v>
      </c>
      <c r="B21309" s="6"/>
      <c r="C21309" s="6" t="s">
        <v>21345</v>
      </c>
      <c r="D21309" s="6"/>
      <c r="E21309" s="6" t="s">
        <v>9</v>
      </c>
      <c r="F21309" s="7">
        <v>38657</v>
      </c>
      <c r="G21309" s="8">
        <v>1</v>
      </c>
      <c r="H21309" s="8">
        <v>1</v>
      </c>
      <c r="I21309" s="8">
        <v>0</v>
      </c>
      <c r="J21309" s="8">
        <v>1</v>
      </c>
      <c r="K21309" s="9">
        <v>301</v>
      </c>
      <c r="L21309" s="6" t="s">
        <v>4151</v>
      </c>
    </row>
    <row r="21310" spans="1:12">
      <c r="A21310" s="6" t="s">
        <v>4151</v>
      </c>
      <c r="B21310" s="6"/>
      <c r="C21310" s="6" t="s">
        <v>21346</v>
      </c>
      <c r="D21310" s="6"/>
      <c r="E21310" s="6" t="s">
        <v>9</v>
      </c>
      <c r="F21310" s="7">
        <v>38657</v>
      </c>
      <c r="G21310" s="8">
        <v>1</v>
      </c>
      <c r="H21310" s="8">
        <v>1</v>
      </c>
      <c r="I21310" s="8">
        <v>0</v>
      </c>
      <c r="J21310" s="8">
        <v>1</v>
      </c>
      <c r="K21310" s="9">
        <v>648</v>
      </c>
      <c r="L21310" s="6" t="s">
        <v>4151</v>
      </c>
    </row>
    <row r="21311" spans="1:12">
      <c r="A21311" s="6" t="s">
        <v>4151</v>
      </c>
      <c r="B21311" s="6"/>
      <c r="C21311" s="6" t="s">
        <v>21347</v>
      </c>
      <c r="D21311" s="6"/>
      <c r="E21311" s="6" t="s">
        <v>9</v>
      </c>
      <c r="F21311" s="7">
        <v>38657</v>
      </c>
      <c r="G21311" s="8">
        <v>1</v>
      </c>
      <c r="H21311" s="8">
        <v>1</v>
      </c>
      <c r="I21311" s="8">
        <v>0</v>
      </c>
      <c r="J21311" s="8">
        <v>1</v>
      </c>
      <c r="K21311" s="9">
        <v>251</v>
      </c>
      <c r="L21311" s="6" t="s">
        <v>4151</v>
      </c>
    </row>
    <row r="21312" spans="1:12">
      <c r="A21312" s="6" t="s">
        <v>4151</v>
      </c>
      <c r="B21312" s="6"/>
      <c r="C21312" s="6" t="s">
        <v>21348</v>
      </c>
      <c r="D21312" s="6"/>
      <c r="E21312" s="6" t="s">
        <v>9</v>
      </c>
      <c r="F21312" s="7">
        <v>38657</v>
      </c>
      <c r="G21312" s="8">
        <v>1</v>
      </c>
      <c r="H21312" s="8">
        <v>1</v>
      </c>
      <c r="I21312" s="8">
        <v>0</v>
      </c>
      <c r="J21312" s="8">
        <v>1</v>
      </c>
      <c r="K21312" s="9">
        <v>26</v>
      </c>
      <c r="L21312" s="6" t="s">
        <v>4151</v>
      </c>
    </row>
    <row r="21313" spans="1:12">
      <c r="A21313" s="6" t="s">
        <v>4151</v>
      </c>
      <c r="B21313" s="6"/>
      <c r="C21313" s="6" t="s">
        <v>21349</v>
      </c>
      <c r="D21313" s="6"/>
      <c r="E21313" s="6" t="s">
        <v>9</v>
      </c>
      <c r="F21313" s="7">
        <v>38657</v>
      </c>
      <c r="G21313" s="8">
        <v>1</v>
      </c>
      <c r="H21313" s="8">
        <v>1</v>
      </c>
      <c r="I21313" s="8">
        <v>0</v>
      </c>
      <c r="J21313" s="8">
        <v>1</v>
      </c>
      <c r="K21313" s="9">
        <v>7.94</v>
      </c>
      <c r="L21313" s="6" t="s">
        <v>4151</v>
      </c>
    </row>
    <row r="21314" spans="1:12">
      <c r="A21314" s="6" t="s">
        <v>4151</v>
      </c>
      <c r="B21314" s="6"/>
      <c r="C21314" s="6" t="s">
        <v>21350</v>
      </c>
      <c r="D21314" s="6"/>
      <c r="E21314" s="6" t="s">
        <v>9</v>
      </c>
      <c r="F21314" s="7">
        <v>38657</v>
      </c>
      <c r="G21314" s="8">
        <v>1</v>
      </c>
      <c r="H21314" s="8">
        <v>1</v>
      </c>
      <c r="I21314" s="8">
        <v>0</v>
      </c>
      <c r="J21314" s="8">
        <v>1</v>
      </c>
      <c r="K21314" s="9">
        <v>18</v>
      </c>
      <c r="L21314" s="6" t="s">
        <v>4151</v>
      </c>
    </row>
    <row r="21315" spans="1:12">
      <c r="A21315" s="6" t="s">
        <v>4151</v>
      </c>
      <c r="B21315" s="6"/>
      <c r="C21315" s="6" t="s">
        <v>21351</v>
      </c>
      <c r="D21315" s="6"/>
      <c r="E21315" s="6" t="s">
        <v>9</v>
      </c>
      <c r="F21315" s="7">
        <v>38657</v>
      </c>
      <c r="G21315" s="8">
        <v>1</v>
      </c>
      <c r="H21315" s="8">
        <v>1</v>
      </c>
      <c r="I21315" s="8">
        <v>0</v>
      </c>
      <c r="J21315" s="8">
        <v>1</v>
      </c>
      <c r="K21315" s="9">
        <v>9.09</v>
      </c>
      <c r="L21315" s="6" t="s">
        <v>4151</v>
      </c>
    </row>
    <row r="21316" spans="1:12">
      <c r="A21316" s="6" t="s">
        <v>4151</v>
      </c>
      <c r="B21316" s="6"/>
      <c r="C21316" s="6" t="s">
        <v>21352</v>
      </c>
      <c r="D21316" s="6"/>
      <c r="E21316" s="6" t="s">
        <v>9</v>
      </c>
      <c r="F21316" s="7">
        <v>38657</v>
      </c>
      <c r="G21316" s="8">
        <v>1</v>
      </c>
      <c r="H21316" s="8">
        <v>1</v>
      </c>
      <c r="I21316" s="8">
        <v>0</v>
      </c>
      <c r="J21316" s="8">
        <v>1</v>
      </c>
      <c r="K21316" s="9">
        <v>7.98</v>
      </c>
      <c r="L21316" s="6" t="s">
        <v>4151</v>
      </c>
    </row>
    <row r="21317" spans="1:12">
      <c r="A21317" s="6" t="s">
        <v>4151</v>
      </c>
      <c r="B21317" s="6"/>
      <c r="C21317" s="6" t="s">
        <v>21353</v>
      </c>
      <c r="D21317" s="6"/>
      <c r="E21317" s="6" t="s">
        <v>9</v>
      </c>
      <c r="F21317" s="7">
        <v>38657</v>
      </c>
      <c r="G21317" s="8">
        <v>1</v>
      </c>
      <c r="H21317" s="8">
        <v>1</v>
      </c>
      <c r="I21317" s="8">
        <v>0</v>
      </c>
      <c r="J21317" s="8">
        <v>1</v>
      </c>
      <c r="K21317" s="9">
        <v>3.55</v>
      </c>
      <c r="L21317" s="6" t="s">
        <v>4151</v>
      </c>
    </row>
    <row r="21318" spans="1:12">
      <c r="A21318" s="6" t="s">
        <v>4151</v>
      </c>
      <c r="B21318" s="6"/>
      <c r="C21318" s="6" t="s">
        <v>21354</v>
      </c>
      <c r="D21318" s="6"/>
      <c r="E21318" s="6" t="s">
        <v>9</v>
      </c>
      <c r="F21318" s="7">
        <v>38657</v>
      </c>
      <c r="G21318" s="8">
        <v>1</v>
      </c>
      <c r="H21318" s="8">
        <v>1</v>
      </c>
      <c r="I21318" s="8">
        <v>0</v>
      </c>
      <c r="J21318" s="8">
        <v>1</v>
      </c>
      <c r="K21318" s="9">
        <v>28</v>
      </c>
      <c r="L21318" s="6" t="s">
        <v>4151</v>
      </c>
    </row>
    <row r="21319" spans="1:12">
      <c r="A21319" s="6" t="s">
        <v>4151</v>
      </c>
      <c r="B21319" s="6"/>
      <c r="C21319" s="6" t="s">
        <v>21355</v>
      </c>
      <c r="D21319" s="6"/>
      <c r="E21319" s="6" t="s">
        <v>9</v>
      </c>
      <c r="F21319" s="7">
        <v>38657</v>
      </c>
      <c r="G21319" s="8">
        <v>1</v>
      </c>
      <c r="H21319" s="8">
        <v>1</v>
      </c>
      <c r="I21319" s="8">
        <v>0</v>
      </c>
      <c r="J21319" s="8">
        <v>1</v>
      </c>
      <c r="K21319" s="9">
        <v>24</v>
      </c>
      <c r="L21319" s="6" t="s">
        <v>4151</v>
      </c>
    </row>
    <row r="21320" spans="1:12">
      <c r="A21320" s="6" t="s">
        <v>4151</v>
      </c>
      <c r="B21320" s="6"/>
      <c r="C21320" s="6" t="s">
        <v>21356</v>
      </c>
      <c r="D21320" s="6"/>
      <c r="E21320" s="6" t="s">
        <v>9</v>
      </c>
      <c r="F21320" s="7">
        <v>38657</v>
      </c>
      <c r="G21320" s="8">
        <v>1</v>
      </c>
      <c r="H21320" s="8">
        <v>1</v>
      </c>
      <c r="I21320" s="8">
        <v>0</v>
      </c>
      <c r="J21320" s="8">
        <v>1</v>
      </c>
      <c r="K21320" s="9">
        <v>19</v>
      </c>
      <c r="L21320" s="6" t="s">
        <v>4151</v>
      </c>
    </row>
    <row r="21321" spans="1:12">
      <c r="A21321" s="6" t="s">
        <v>4151</v>
      </c>
      <c r="B21321" s="6"/>
      <c r="C21321" s="6" t="s">
        <v>21357</v>
      </c>
      <c r="D21321" s="6"/>
      <c r="E21321" s="6" t="s">
        <v>9</v>
      </c>
      <c r="F21321" s="7">
        <v>38657</v>
      </c>
      <c r="G21321" s="8">
        <v>1</v>
      </c>
      <c r="H21321" s="8">
        <v>1</v>
      </c>
      <c r="I21321" s="8">
        <v>0</v>
      </c>
      <c r="J21321" s="8">
        <v>1</v>
      </c>
      <c r="K21321" s="9">
        <v>87</v>
      </c>
      <c r="L21321" s="6" t="s">
        <v>4151</v>
      </c>
    </row>
    <row r="21322" spans="1:12">
      <c r="A21322" s="6" t="s">
        <v>4151</v>
      </c>
      <c r="B21322" s="6"/>
      <c r="C21322" s="6" t="s">
        <v>21358</v>
      </c>
      <c r="D21322" s="6"/>
      <c r="E21322" s="6" t="s">
        <v>9</v>
      </c>
      <c r="F21322" s="7">
        <v>38657</v>
      </c>
      <c r="G21322" s="8">
        <v>1</v>
      </c>
      <c r="H21322" s="8">
        <v>1</v>
      </c>
      <c r="I21322" s="8">
        <v>0</v>
      </c>
      <c r="J21322" s="8">
        <v>1</v>
      </c>
      <c r="K21322" s="9">
        <v>107</v>
      </c>
      <c r="L21322" s="6" t="s">
        <v>4151</v>
      </c>
    </row>
    <row r="21323" spans="1:12">
      <c r="A21323" s="6" t="s">
        <v>4151</v>
      </c>
      <c r="B21323" s="6"/>
      <c r="C21323" s="6" t="s">
        <v>21359</v>
      </c>
      <c r="D21323" s="6"/>
      <c r="E21323" s="6" t="s">
        <v>9</v>
      </c>
      <c r="F21323" s="7">
        <v>38657</v>
      </c>
      <c r="G21323" s="8">
        <v>1</v>
      </c>
      <c r="H21323" s="8">
        <v>1</v>
      </c>
      <c r="I21323" s="8">
        <v>0</v>
      </c>
      <c r="J21323" s="8">
        <v>1</v>
      </c>
      <c r="K21323" s="9">
        <v>106</v>
      </c>
      <c r="L21323" s="6" t="s">
        <v>4151</v>
      </c>
    </row>
    <row r="21324" spans="1:12">
      <c r="A21324" s="6" t="s">
        <v>4151</v>
      </c>
      <c r="B21324" s="6"/>
      <c r="C21324" s="6" t="s">
        <v>21360</v>
      </c>
      <c r="D21324" s="6"/>
      <c r="E21324" s="6" t="s">
        <v>9</v>
      </c>
      <c r="F21324" s="7">
        <v>38657</v>
      </c>
      <c r="G21324" s="8">
        <v>1</v>
      </c>
      <c r="H21324" s="8">
        <v>1</v>
      </c>
      <c r="I21324" s="8">
        <v>0</v>
      </c>
      <c r="J21324" s="8">
        <v>1</v>
      </c>
      <c r="K21324" s="9">
        <v>108</v>
      </c>
      <c r="L21324" s="6" t="s">
        <v>4151</v>
      </c>
    </row>
    <row r="21325" spans="1:12">
      <c r="A21325" s="6" t="s">
        <v>4151</v>
      </c>
      <c r="B21325" s="6"/>
      <c r="C21325" s="6" t="s">
        <v>21361</v>
      </c>
      <c r="D21325" s="6"/>
      <c r="E21325" s="6" t="s">
        <v>9</v>
      </c>
      <c r="F21325" s="7">
        <v>38657</v>
      </c>
      <c r="G21325" s="8">
        <v>1</v>
      </c>
      <c r="H21325" s="8">
        <v>1</v>
      </c>
      <c r="I21325" s="8">
        <v>0</v>
      </c>
      <c r="J21325" s="8">
        <v>1</v>
      </c>
      <c r="K21325" s="9">
        <v>36</v>
      </c>
      <c r="L21325" s="6" t="s">
        <v>4151</v>
      </c>
    </row>
    <row r="21326" spans="1:12">
      <c r="A21326" s="6" t="s">
        <v>4151</v>
      </c>
      <c r="B21326" s="6"/>
      <c r="C21326" s="6" t="s">
        <v>21362</v>
      </c>
      <c r="D21326" s="6"/>
      <c r="E21326" s="6" t="s">
        <v>9</v>
      </c>
      <c r="F21326" s="7">
        <v>38657</v>
      </c>
      <c r="G21326" s="8">
        <v>1</v>
      </c>
      <c r="H21326" s="8">
        <v>1</v>
      </c>
      <c r="I21326" s="8">
        <v>0</v>
      </c>
      <c r="J21326" s="8">
        <v>1</v>
      </c>
      <c r="K21326" s="9">
        <v>18</v>
      </c>
      <c r="L21326" s="6" t="s">
        <v>4151</v>
      </c>
    </row>
    <row r="21327" spans="1:12">
      <c r="A21327" s="6" t="s">
        <v>4151</v>
      </c>
      <c r="B21327" s="6"/>
      <c r="C21327" s="6" t="s">
        <v>21363</v>
      </c>
      <c r="D21327" s="6"/>
      <c r="E21327" s="6" t="s">
        <v>9</v>
      </c>
      <c r="F21327" s="7">
        <v>38657</v>
      </c>
      <c r="G21327" s="8">
        <v>1</v>
      </c>
      <c r="H21327" s="8">
        <v>1</v>
      </c>
      <c r="I21327" s="8">
        <v>0</v>
      </c>
      <c r="J21327" s="8">
        <v>1</v>
      </c>
      <c r="K21327" s="9">
        <v>8.7200000000000006</v>
      </c>
      <c r="L21327" s="6" t="s">
        <v>4151</v>
      </c>
    </row>
    <row r="21328" spans="1:12">
      <c r="A21328" s="6" t="s">
        <v>4151</v>
      </c>
      <c r="B21328" s="6"/>
      <c r="C21328" s="6" t="s">
        <v>21364</v>
      </c>
      <c r="D21328" s="6"/>
      <c r="E21328" s="6" t="s">
        <v>9</v>
      </c>
      <c r="F21328" s="7">
        <v>38657</v>
      </c>
      <c r="G21328" s="8">
        <v>1</v>
      </c>
      <c r="H21328" s="8">
        <v>1</v>
      </c>
      <c r="I21328" s="8">
        <v>0</v>
      </c>
      <c r="J21328" s="8">
        <v>1</v>
      </c>
      <c r="K21328" s="9">
        <v>1.4</v>
      </c>
      <c r="L21328" s="6" t="s">
        <v>4151</v>
      </c>
    </row>
    <row r="21329" spans="1:12">
      <c r="A21329" s="6" t="s">
        <v>4151</v>
      </c>
      <c r="B21329" s="6"/>
      <c r="C21329" s="6" t="s">
        <v>21365</v>
      </c>
      <c r="D21329" s="6"/>
      <c r="E21329" s="6" t="s">
        <v>9</v>
      </c>
      <c r="F21329" s="7">
        <v>38657</v>
      </c>
      <c r="G21329" s="8">
        <v>1</v>
      </c>
      <c r="H21329" s="8">
        <v>1</v>
      </c>
      <c r="I21329" s="8">
        <v>0</v>
      </c>
      <c r="J21329" s="8">
        <v>1</v>
      </c>
      <c r="K21329" s="9">
        <v>16.3</v>
      </c>
      <c r="L21329" s="6" t="s">
        <v>4151</v>
      </c>
    </row>
    <row r="21330" spans="1:12">
      <c r="A21330" s="6" t="s">
        <v>4151</v>
      </c>
      <c r="B21330" s="6"/>
      <c r="C21330" s="6" t="s">
        <v>21366</v>
      </c>
      <c r="D21330" s="6"/>
      <c r="E21330" s="6" t="s">
        <v>9</v>
      </c>
      <c r="F21330" s="7">
        <v>38657</v>
      </c>
      <c r="G21330" s="8">
        <v>1</v>
      </c>
      <c r="H21330" s="8">
        <v>1</v>
      </c>
      <c r="I21330" s="8">
        <v>0</v>
      </c>
      <c r="J21330" s="8">
        <v>1</v>
      </c>
      <c r="K21330" s="9">
        <v>38</v>
      </c>
      <c r="L21330" s="6" t="s">
        <v>4151</v>
      </c>
    </row>
    <row r="21331" spans="1:12">
      <c r="A21331" s="6" t="s">
        <v>4151</v>
      </c>
      <c r="B21331" s="6"/>
      <c r="C21331" s="6" t="s">
        <v>21367</v>
      </c>
      <c r="D21331" s="6"/>
      <c r="E21331" s="6" t="s">
        <v>9</v>
      </c>
      <c r="F21331" s="7">
        <v>38657</v>
      </c>
      <c r="G21331" s="8">
        <v>1</v>
      </c>
      <c r="H21331" s="8">
        <v>1</v>
      </c>
      <c r="I21331" s="8">
        <v>0</v>
      </c>
      <c r="J21331" s="8">
        <v>1</v>
      </c>
      <c r="K21331" s="9">
        <v>6.1</v>
      </c>
      <c r="L21331" s="6" t="s">
        <v>4151</v>
      </c>
    </row>
    <row r="21332" spans="1:12">
      <c r="A21332" s="6" t="s">
        <v>4151</v>
      </c>
      <c r="B21332" s="6"/>
      <c r="C21332" s="6" t="s">
        <v>21368</v>
      </c>
      <c r="D21332" s="6"/>
      <c r="E21332" s="6" t="s">
        <v>9</v>
      </c>
      <c r="F21332" s="7">
        <v>38657</v>
      </c>
      <c r="G21332" s="8">
        <v>1</v>
      </c>
      <c r="H21332" s="8">
        <v>1</v>
      </c>
      <c r="I21332" s="8">
        <v>0</v>
      </c>
      <c r="J21332" s="8">
        <v>1</v>
      </c>
      <c r="K21332" s="9">
        <v>49</v>
      </c>
      <c r="L21332" s="6" t="s">
        <v>4151</v>
      </c>
    </row>
    <row r="21333" spans="1:12">
      <c r="A21333" s="6" t="s">
        <v>4151</v>
      </c>
      <c r="B21333" s="6"/>
      <c r="C21333" s="6" t="s">
        <v>21369</v>
      </c>
      <c r="D21333" s="6"/>
      <c r="E21333" s="6" t="s">
        <v>9</v>
      </c>
      <c r="F21333" s="7">
        <v>38657</v>
      </c>
      <c r="G21333" s="8">
        <v>1</v>
      </c>
      <c r="H21333" s="8">
        <v>1</v>
      </c>
      <c r="I21333" s="8">
        <v>0</v>
      </c>
      <c r="J21333" s="8">
        <v>1</v>
      </c>
      <c r="K21333" s="9">
        <v>51</v>
      </c>
      <c r="L21333" s="6" t="s">
        <v>4151</v>
      </c>
    </row>
    <row r="21334" spans="1:12">
      <c r="A21334" s="6" t="s">
        <v>4151</v>
      </c>
      <c r="B21334" s="6"/>
      <c r="C21334" s="6" t="s">
        <v>21370</v>
      </c>
      <c r="D21334" s="6"/>
      <c r="E21334" s="6" t="s">
        <v>9</v>
      </c>
      <c r="F21334" s="7">
        <v>38657</v>
      </c>
      <c r="G21334" s="8">
        <v>1</v>
      </c>
      <c r="H21334" s="8">
        <v>1</v>
      </c>
      <c r="I21334" s="8">
        <v>0</v>
      </c>
      <c r="J21334" s="8">
        <v>1</v>
      </c>
      <c r="K21334" s="9">
        <v>11</v>
      </c>
      <c r="L21334" s="6" t="s">
        <v>4151</v>
      </c>
    </row>
    <row r="21335" spans="1:12">
      <c r="A21335" s="6" t="s">
        <v>4151</v>
      </c>
      <c r="B21335" s="6"/>
      <c r="C21335" s="6" t="s">
        <v>21371</v>
      </c>
      <c r="D21335" s="6"/>
      <c r="E21335" s="6" t="s">
        <v>9</v>
      </c>
      <c r="F21335" s="7">
        <v>38657</v>
      </c>
      <c r="G21335" s="8">
        <v>1</v>
      </c>
      <c r="H21335" s="8">
        <v>1</v>
      </c>
      <c r="I21335" s="8">
        <v>0</v>
      </c>
      <c r="J21335" s="8">
        <v>1</v>
      </c>
      <c r="K21335" s="9">
        <v>31</v>
      </c>
      <c r="L21335" s="6" t="s">
        <v>4151</v>
      </c>
    </row>
    <row r="21336" spans="1:12">
      <c r="A21336" s="6" t="s">
        <v>4151</v>
      </c>
      <c r="B21336" s="6"/>
      <c r="C21336" s="6" t="s">
        <v>21372</v>
      </c>
      <c r="D21336" s="6"/>
      <c r="E21336" s="6" t="s">
        <v>9</v>
      </c>
      <c r="F21336" s="7">
        <v>38657</v>
      </c>
      <c r="G21336" s="8">
        <v>1</v>
      </c>
      <c r="H21336" s="8">
        <v>1</v>
      </c>
      <c r="I21336" s="8">
        <v>0</v>
      </c>
      <c r="J21336" s="8">
        <v>1</v>
      </c>
      <c r="K21336" s="9">
        <v>7.17</v>
      </c>
      <c r="L21336" s="6" t="s">
        <v>4151</v>
      </c>
    </row>
    <row r="21337" spans="1:12">
      <c r="A21337" s="6" t="s">
        <v>4151</v>
      </c>
      <c r="B21337" s="6"/>
      <c r="C21337" s="6" t="s">
        <v>21373</v>
      </c>
      <c r="D21337" s="6"/>
      <c r="E21337" s="6" t="s">
        <v>9</v>
      </c>
      <c r="F21337" s="7">
        <v>38657</v>
      </c>
      <c r="G21337" s="8">
        <v>1</v>
      </c>
      <c r="H21337" s="8">
        <v>1</v>
      </c>
      <c r="I21337" s="8">
        <v>0</v>
      </c>
      <c r="J21337" s="8">
        <v>1</v>
      </c>
      <c r="K21337" s="9">
        <v>36</v>
      </c>
      <c r="L21337" s="6" t="s">
        <v>4151</v>
      </c>
    </row>
    <row r="21338" spans="1:12">
      <c r="A21338" s="6" t="s">
        <v>4151</v>
      </c>
      <c r="B21338" s="6"/>
      <c r="C21338" s="6" t="s">
        <v>21374</v>
      </c>
      <c r="D21338" s="6"/>
      <c r="E21338" s="6" t="s">
        <v>9</v>
      </c>
      <c r="F21338" s="7">
        <v>38657</v>
      </c>
      <c r="G21338" s="8">
        <v>1</v>
      </c>
      <c r="H21338" s="8">
        <v>1</v>
      </c>
      <c r="I21338" s="8">
        <v>0</v>
      </c>
      <c r="J21338" s="8">
        <v>1</v>
      </c>
      <c r="K21338" s="9">
        <v>4.2699999999999898</v>
      </c>
      <c r="L21338" s="6" t="s">
        <v>4151</v>
      </c>
    </row>
    <row r="21339" spans="1:12">
      <c r="A21339" s="6" t="s">
        <v>4151</v>
      </c>
      <c r="B21339" s="6"/>
      <c r="C21339" s="6" t="s">
        <v>21375</v>
      </c>
      <c r="D21339" s="6"/>
      <c r="E21339" s="6" t="s">
        <v>9</v>
      </c>
      <c r="F21339" s="7">
        <v>38657</v>
      </c>
      <c r="G21339" s="8">
        <v>1</v>
      </c>
      <c r="H21339" s="8">
        <v>1</v>
      </c>
      <c r="I21339" s="8">
        <v>0</v>
      </c>
      <c r="J21339" s="8">
        <v>1</v>
      </c>
      <c r="K21339" s="9">
        <v>3.99</v>
      </c>
      <c r="L21339" s="6" t="s">
        <v>4151</v>
      </c>
    </row>
    <row r="21340" spans="1:12">
      <c r="A21340" s="6" t="s">
        <v>4151</v>
      </c>
      <c r="B21340" s="6"/>
      <c r="C21340" s="6" t="s">
        <v>21376</v>
      </c>
      <c r="D21340" s="6"/>
      <c r="E21340" s="6" t="s">
        <v>9</v>
      </c>
      <c r="F21340" s="7">
        <v>38657</v>
      </c>
      <c r="G21340" s="8">
        <v>1</v>
      </c>
      <c r="H21340" s="8">
        <v>1</v>
      </c>
      <c r="I21340" s="8">
        <v>0</v>
      </c>
      <c r="J21340" s="8">
        <v>1</v>
      </c>
      <c r="K21340" s="9">
        <v>13</v>
      </c>
      <c r="L21340" s="6" t="s">
        <v>4151</v>
      </c>
    </row>
    <row r="21341" spans="1:12">
      <c r="A21341" s="6" t="s">
        <v>4151</v>
      </c>
      <c r="B21341" s="6"/>
      <c r="C21341" s="6" t="s">
        <v>21377</v>
      </c>
      <c r="D21341" s="6"/>
      <c r="E21341" s="6" t="s">
        <v>9</v>
      </c>
      <c r="F21341" s="7">
        <v>38657</v>
      </c>
      <c r="G21341" s="8">
        <v>1</v>
      </c>
      <c r="H21341" s="8">
        <v>1</v>
      </c>
      <c r="I21341" s="8">
        <v>0</v>
      </c>
      <c r="J21341" s="8">
        <v>1</v>
      </c>
      <c r="K21341" s="9">
        <v>10</v>
      </c>
      <c r="L21341" s="6" t="s">
        <v>4151</v>
      </c>
    </row>
    <row r="21342" spans="1:12">
      <c r="A21342" s="6" t="s">
        <v>4151</v>
      </c>
      <c r="B21342" s="6"/>
      <c r="C21342" s="6" t="s">
        <v>21378</v>
      </c>
      <c r="D21342" s="6"/>
      <c r="E21342" s="6" t="s">
        <v>9</v>
      </c>
      <c r="F21342" s="7">
        <v>38657</v>
      </c>
      <c r="G21342" s="8">
        <v>1</v>
      </c>
      <c r="H21342" s="8">
        <v>1</v>
      </c>
      <c r="I21342" s="8">
        <v>0</v>
      </c>
      <c r="J21342" s="8">
        <v>1</v>
      </c>
      <c r="K21342" s="9">
        <v>3.99</v>
      </c>
      <c r="L21342" s="6" t="s">
        <v>4151</v>
      </c>
    </row>
    <row r="21343" spans="1:12">
      <c r="A21343" s="6" t="s">
        <v>4151</v>
      </c>
      <c r="B21343" s="6"/>
      <c r="C21343" s="6" t="s">
        <v>21379</v>
      </c>
      <c r="D21343" s="6"/>
      <c r="E21343" s="6" t="s">
        <v>9</v>
      </c>
      <c r="F21343" s="7">
        <v>38657</v>
      </c>
      <c r="G21343" s="8">
        <v>1</v>
      </c>
      <c r="H21343" s="8">
        <v>1</v>
      </c>
      <c r="I21343" s="8">
        <v>0</v>
      </c>
      <c r="J21343" s="8">
        <v>1</v>
      </c>
      <c r="K21343" s="9">
        <v>7.77</v>
      </c>
      <c r="L21343" s="6" t="s">
        <v>4151</v>
      </c>
    </row>
    <row r="21344" spans="1:12">
      <c r="A21344" s="6" t="s">
        <v>4151</v>
      </c>
      <c r="B21344" s="6"/>
      <c r="C21344" s="6" t="s">
        <v>21380</v>
      </c>
      <c r="D21344" s="6"/>
      <c r="E21344" s="6" t="s">
        <v>9</v>
      </c>
      <c r="F21344" s="7">
        <v>38657</v>
      </c>
      <c r="G21344" s="8">
        <v>1</v>
      </c>
      <c r="H21344" s="8">
        <v>1</v>
      </c>
      <c r="I21344" s="8">
        <v>0</v>
      </c>
      <c r="J21344" s="8">
        <v>1</v>
      </c>
      <c r="K21344" s="9">
        <v>16</v>
      </c>
      <c r="L21344" s="6" t="s">
        <v>4151</v>
      </c>
    </row>
    <row r="21345" spans="1:12">
      <c r="A21345" s="6" t="s">
        <v>4151</v>
      </c>
      <c r="B21345" s="6"/>
      <c r="C21345" s="6" t="s">
        <v>21381</v>
      </c>
      <c r="D21345" s="6"/>
      <c r="E21345" s="6" t="s">
        <v>9</v>
      </c>
      <c r="F21345" s="7">
        <v>38657</v>
      </c>
      <c r="G21345" s="8">
        <v>1</v>
      </c>
      <c r="H21345" s="8">
        <v>1</v>
      </c>
      <c r="I21345" s="8">
        <v>0</v>
      </c>
      <c r="J21345" s="8">
        <v>1</v>
      </c>
      <c r="K21345" s="9">
        <v>25</v>
      </c>
      <c r="L21345" s="6" t="s">
        <v>4151</v>
      </c>
    </row>
    <row r="21346" spans="1:12">
      <c r="A21346" s="6" t="s">
        <v>4151</v>
      </c>
      <c r="B21346" s="6"/>
      <c r="C21346" s="6" t="s">
        <v>21382</v>
      </c>
      <c r="D21346" s="6"/>
      <c r="E21346" s="6" t="s">
        <v>9</v>
      </c>
      <c r="F21346" s="7">
        <v>38657</v>
      </c>
      <c r="G21346" s="8">
        <v>1</v>
      </c>
      <c r="H21346" s="8">
        <v>1</v>
      </c>
      <c r="I21346" s="8">
        <v>0</v>
      </c>
      <c r="J21346" s="8">
        <v>1</v>
      </c>
      <c r="K21346" s="9">
        <v>7.25</v>
      </c>
      <c r="L21346" s="6" t="s">
        <v>4151</v>
      </c>
    </row>
    <row r="21347" spans="1:12">
      <c r="A21347" s="6" t="s">
        <v>4151</v>
      </c>
      <c r="B21347" s="6"/>
      <c r="C21347" s="6" t="s">
        <v>21383</v>
      </c>
      <c r="D21347" s="6"/>
      <c r="E21347" s="6" t="s">
        <v>9</v>
      </c>
      <c r="F21347" s="7">
        <v>38657</v>
      </c>
      <c r="G21347" s="8">
        <v>1</v>
      </c>
      <c r="H21347" s="8">
        <v>1</v>
      </c>
      <c r="I21347" s="8">
        <v>0</v>
      </c>
      <c r="J21347" s="8">
        <v>1</v>
      </c>
      <c r="K21347" s="9">
        <v>15</v>
      </c>
      <c r="L21347" s="6" t="s">
        <v>4151</v>
      </c>
    </row>
    <row r="21348" spans="1:12">
      <c r="A21348" s="6" t="s">
        <v>4151</v>
      </c>
      <c r="B21348" s="6"/>
      <c r="C21348" s="6" t="s">
        <v>21384</v>
      </c>
      <c r="D21348" s="6"/>
      <c r="E21348" s="6" t="s">
        <v>9</v>
      </c>
      <c r="F21348" s="7">
        <v>38657</v>
      </c>
      <c r="G21348" s="8">
        <v>1</v>
      </c>
      <c r="H21348" s="8">
        <v>1</v>
      </c>
      <c r="I21348" s="8">
        <v>0</v>
      </c>
      <c r="J21348" s="8">
        <v>1</v>
      </c>
      <c r="K21348" s="9">
        <v>2.7</v>
      </c>
      <c r="L21348" s="6" t="s">
        <v>4151</v>
      </c>
    </row>
    <row r="21349" spans="1:12">
      <c r="A21349" s="6" t="s">
        <v>4151</v>
      </c>
      <c r="B21349" s="6"/>
      <c r="C21349" s="6" t="s">
        <v>21385</v>
      </c>
      <c r="D21349" s="6"/>
      <c r="E21349" s="6" t="s">
        <v>9</v>
      </c>
      <c r="F21349" s="7">
        <v>38657</v>
      </c>
      <c r="G21349" s="8">
        <v>1</v>
      </c>
      <c r="H21349" s="8">
        <v>1</v>
      </c>
      <c r="I21349" s="8">
        <v>0</v>
      </c>
      <c r="J21349" s="8">
        <v>1</v>
      </c>
      <c r="K21349" s="9">
        <v>21</v>
      </c>
      <c r="L21349" s="6" t="s">
        <v>4151</v>
      </c>
    </row>
    <row r="21350" spans="1:12">
      <c r="A21350" s="6" t="s">
        <v>4151</v>
      </c>
      <c r="B21350" s="6"/>
      <c r="C21350" s="6" t="s">
        <v>21386</v>
      </c>
      <c r="D21350" s="6"/>
      <c r="E21350" s="6" t="s">
        <v>9</v>
      </c>
      <c r="F21350" s="7">
        <v>38657</v>
      </c>
      <c r="G21350" s="8">
        <v>1</v>
      </c>
      <c r="H21350" s="8">
        <v>1</v>
      </c>
      <c r="I21350" s="8">
        <v>0</v>
      </c>
      <c r="J21350" s="8">
        <v>1</v>
      </c>
      <c r="K21350" s="9">
        <v>10</v>
      </c>
      <c r="L21350" s="6" t="s">
        <v>4151</v>
      </c>
    </row>
    <row r="21351" spans="1:12">
      <c r="A21351" s="6" t="s">
        <v>4151</v>
      </c>
      <c r="B21351" s="6"/>
      <c r="C21351" s="6" t="s">
        <v>21387</v>
      </c>
      <c r="D21351" s="6"/>
      <c r="E21351" s="6" t="s">
        <v>9</v>
      </c>
      <c r="F21351" s="7">
        <v>38657</v>
      </c>
      <c r="G21351" s="8">
        <v>1</v>
      </c>
      <c r="H21351" s="8">
        <v>1</v>
      </c>
      <c r="I21351" s="8">
        <v>0</v>
      </c>
      <c r="J21351" s="8">
        <v>1</v>
      </c>
      <c r="K21351" s="9">
        <v>17</v>
      </c>
      <c r="L21351" s="6" t="s">
        <v>4151</v>
      </c>
    </row>
    <row r="21352" spans="1:12">
      <c r="A21352" s="6" t="s">
        <v>4151</v>
      </c>
      <c r="B21352" s="6"/>
      <c r="C21352" s="6" t="s">
        <v>21388</v>
      </c>
      <c r="D21352" s="6"/>
      <c r="E21352" s="6" t="s">
        <v>9</v>
      </c>
      <c r="F21352" s="7">
        <v>38657</v>
      </c>
      <c r="G21352" s="8">
        <v>1</v>
      </c>
      <c r="H21352" s="8">
        <v>1</v>
      </c>
      <c r="I21352" s="8">
        <v>0</v>
      </c>
      <c r="J21352" s="8">
        <v>1</v>
      </c>
      <c r="K21352" s="9">
        <v>9.9700000000000006</v>
      </c>
      <c r="L21352" s="6" t="s">
        <v>4151</v>
      </c>
    </row>
    <row r="21353" spans="1:12">
      <c r="A21353" s="6" t="s">
        <v>4151</v>
      </c>
      <c r="B21353" s="6"/>
      <c r="C21353" s="6" t="s">
        <v>21389</v>
      </c>
      <c r="D21353" s="6"/>
      <c r="E21353" s="6" t="s">
        <v>9</v>
      </c>
      <c r="F21353" s="7">
        <v>38657</v>
      </c>
      <c r="G21353" s="8">
        <v>1</v>
      </c>
      <c r="H21353" s="8">
        <v>1</v>
      </c>
      <c r="I21353" s="8">
        <v>0</v>
      </c>
      <c r="J21353" s="8">
        <v>1</v>
      </c>
      <c r="K21353" s="9">
        <v>107</v>
      </c>
      <c r="L21353" s="6" t="s">
        <v>4151</v>
      </c>
    </row>
    <row r="21354" spans="1:12">
      <c r="A21354" s="6" t="s">
        <v>4151</v>
      </c>
      <c r="B21354" s="6"/>
      <c r="C21354" s="6" t="s">
        <v>21390</v>
      </c>
      <c r="D21354" s="6"/>
      <c r="E21354" s="6" t="s">
        <v>9</v>
      </c>
      <c r="F21354" s="7">
        <v>38657</v>
      </c>
      <c r="G21354" s="8">
        <v>1</v>
      </c>
      <c r="H21354" s="8">
        <v>1</v>
      </c>
      <c r="I21354" s="8">
        <v>0</v>
      </c>
      <c r="J21354" s="8">
        <v>1</v>
      </c>
      <c r="K21354" s="9">
        <v>64</v>
      </c>
      <c r="L21354" s="6" t="s">
        <v>4151</v>
      </c>
    </row>
    <row r="21355" spans="1:12">
      <c r="A21355" s="6" t="s">
        <v>4151</v>
      </c>
      <c r="B21355" s="6"/>
      <c r="C21355" s="6" t="s">
        <v>21391</v>
      </c>
      <c r="D21355" s="6"/>
      <c r="E21355" s="6" t="s">
        <v>9</v>
      </c>
      <c r="F21355" s="7">
        <v>38657</v>
      </c>
      <c r="G21355" s="8">
        <v>1</v>
      </c>
      <c r="H21355" s="8">
        <v>1</v>
      </c>
      <c r="I21355" s="8">
        <v>0</v>
      </c>
      <c r="J21355" s="8">
        <v>1</v>
      </c>
      <c r="K21355" s="9">
        <v>1.8</v>
      </c>
      <c r="L21355" s="6" t="s">
        <v>4151</v>
      </c>
    </row>
    <row r="21356" spans="1:12">
      <c r="A21356" s="6" t="s">
        <v>4151</v>
      </c>
      <c r="B21356" s="6"/>
      <c r="C21356" s="6" t="s">
        <v>21392</v>
      </c>
      <c r="D21356" s="6"/>
      <c r="E21356" s="6" t="s">
        <v>9</v>
      </c>
      <c r="F21356" s="7">
        <v>38657</v>
      </c>
      <c r="G21356" s="8">
        <v>1</v>
      </c>
      <c r="H21356" s="8">
        <v>1</v>
      </c>
      <c r="I21356" s="8">
        <v>0</v>
      </c>
      <c r="J21356" s="8">
        <v>1</v>
      </c>
      <c r="K21356" s="9">
        <v>24</v>
      </c>
      <c r="L21356" s="6" t="s">
        <v>4151</v>
      </c>
    </row>
    <row r="21357" spans="1:12">
      <c r="A21357" s="6" t="s">
        <v>4151</v>
      </c>
      <c r="B21357" s="6"/>
      <c r="C21357" s="6" t="s">
        <v>21393</v>
      </c>
      <c r="D21357" s="6"/>
      <c r="E21357" s="6" t="s">
        <v>9</v>
      </c>
      <c r="F21357" s="7">
        <v>38657</v>
      </c>
      <c r="G21357" s="8">
        <v>1</v>
      </c>
      <c r="H21357" s="8">
        <v>1</v>
      </c>
      <c r="I21357" s="8">
        <v>0</v>
      </c>
      <c r="J21357" s="8">
        <v>1</v>
      </c>
      <c r="K21357" s="9">
        <v>24</v>
      </c>
      <c r="L21357" s="6" t="s">
        <v>4151</v>
      </c>
    </row>
    <row r="21358" spans="1:12">
      <c r="A21358" s="6" t="s">
        <v>4151</v>
      </c>
      <c r="B21358" s="6"/>
      <c r="C21358" s="6" t="s">
        <v>21394</v>
      </c>
      <c r="D21358" s="6"/>
      <c r="E21358" s="6" t="s">
        <v>9</v>
      </c>
      <c r="F21358" s="7">
        <v>38657</v>
      </c>
      <c r="G21358" s="8">
        <v>1</v>
      </c>
      <c r="H21358" s="8">
        <v>1</v>
      </c>
      <c r="I21358" s="8">
        <v>0</v>
      </c>
      <c r="J21358" s="8">
        <v>1</v>
      </c>
      <c r="K21358" s="9">
        <v>2.2999999999999901</v>
      </c>
      <c r="L21358" s="6" t="s">
        <v>4151</v>
      </c>
    </row>
    <row r="21359" spans="1:12">
      <c r="A21359" s="6" t="s">
        <v>4151</v>
      </c>
      <c r="B21359" s="6"/>
      <c r="C21359" s="6" t="s">
        <v>21395</v>
      </c>
      <c r="D21359" s="6"/>
      <c r="E21359" s="6" t="s">
        <v>9</v>
      </c>
      <c r="F21359" s="7">
        <v>38657</v>
      </c>
      <c r="G21359" s="8">
        <v>1</v>
      </c>
      <c r="H21359" s="8">
        <v>1</v>
      </c>
      <c r="I21359" s="8">
        <v>0</v>
      </c>
      <c r="J21359" s="8">
        <v>1</v>
      </c>
      <c r="K21359" s="9">
        <v>20</v>
      </c>
      <c r="L21359" s="6" t="s">
        <v>4151</v>
      </c>
    </row>
    <row r="21360" spans="1:12">
      <c r="A21360" s="6" t="s">
        <v>4151</v>
      </c>
      <c r="B21360" s="6"/>
      <c r="C21360" s="6" t="s">
        <v>21396</v>
      </c>
      <c r="D21360" s="6"/>
      <c r="E21360" s="6" t="s">
        <v>9</v>
      </c>
      <c r="F21360" s="7">
        <v>38657</v>
      </c>
      <c r="G21360" s="8">
        <v>1</v>
      </c>
      <c r="H21360" s="8">
        <v>1</v>
      </c>
      <c r="I21360" s="8">
        <v>0</v>
      </c>
      <c r="J21360" s="8">
        <v>1</v>
      </c>
      <c r="K21360" s="9">
        <v>3.04</v>
      </c>
      <c r="L21360" s="6" t="s">
        <v>4151</v>
      </c>
    </row>
    <row r="21361" spans="1:12">
      <c r="A21361" s="6" t="s">
        <v>4151</v>
      </c>
      <c r="B21361" s="6"/>
      <c r="C21361" s="6" t="s">
        <v>21397</v>
      </c>
      <c r="D21361" s="6"/>
      <c r="E21361" s="6" t="s">
        <v>9</v>
      </c>
      <c r="F21361" s="7">
        <v>38657</v>
      </c>
      <c r="G21361" s="8">
        <v>1</v>
      </c>
      <c r="H21361" s="8">
        <v>1</v>
      </c>
      <c r="I21361" s="8">
        <v>0</v>
      </c>
      <c r="J21361" s="8">
        <v>1</v>
      </c>
      <c r="K21361" s="9">
        <v>12</v>
      </c>
      <c r="L21361" s="6" t="s">
        <v>4151</v>
      </c>
    </row>
    <row r="21362" spans="1:12">
      <c r="A21362" s="6" t="s">
        <v>4151</v>
      </c>
      <c r="B21362" s="6"/>
      <c r="C21362" s="6" t="s">
        <v>21398</v>
      </c>
      <c r="D21362" s="6"/>
      <c r="E21362" s="6" t="s">
        <v>9</v>
      </c>
      <c r="F21362" s="7">
        <v>38657</v>
      </c>
      <c r="G21362" s="8">
        <v>1</v>
      </c>
      <c r="H21362" s="8">
        <v>1</v>
      </c>
      <c r="I21362" s="8">
        <v>0</v>
      </c>
      <c r="J21362" s="8">
        <v>1</v>
      </c>
      <c r="K21362" s="9">
        <v>30</v>
      </c>
      <c r="L21362" s="6" t="s">
        <v>4151</v>
      </c>
    </row>
    <row r="21363" spans="1:12">
      <c r="A21363" s="6" t="s">
        <v>4151</v>
      </c>
      <c r="B21363" s="6"/>
      <c r="C21363" s="6" t="s">
        <v>21399</v>
      </c>
      <c r="D21363" s="6"/>
      <c r="E21363" s="6" t="s">
        <v>9</v>
      </c>
      <c r="F21363" s="7">
        <v>38657</v>
      </c>
      <c r="G21363" s="8">
        <v>1</v>
      </c>
      <c r="H21363" s="8">
        <v>1</v>
      </c>
      <c r="I21363" s="8">
        <v>0</v>
      </c>
      <c r="J21363" s="8">
        <v>1</v>
      </c>
      <c r="K21363" s="9">
        <v>0.18</v>
      </c>
      <c r="L21363" s="6" t="s">
        <v>4151</v>
      </c>
    </row>
    <row r="21364" spans="1:12">
      <c r="A21364" s="6" t="s">
        <v>4151</v>
      </c>
      <c r="B21364" s="6"/>
      <c r="C21364" s="6" t="s">
        <v>21400</v>
      </c>
      <c r="D21364" s="6"/>
      <c r="E21364" s="6" t="s">
        <v>9</v>
      </c>
      <c r="F21364" s="7">
        <v>38657</v>
      </c>
      <c r="G21364" s="8">
        <v>1</v>
      </c>
      <c r="H21364" s="8">
        <v>1</v>
      </c>
      <c r="I21364" s="8">
        <v>0</v>
      </c>
      <c r="J21364" s="8">
        <v>1</v>
      </c>
      <c r="K21364" s="9">
        <v>6.58</v>
      </c>
      <c r="L21364" s="6" t="s">
        <v>4151</v>
      </c>
    </row>
    <row r="21365" spans="1:12">
      <c r="A21365" s="6" t="s">
        <v>4151</v>
      </c>
      <c r="B21365" s="6"/>
      <c r="C21365" s="6" t="s">
        <v>21401</v>
      </c>
      <c r="D21365" s="6"/>
      <c r="E21365" s="6" t="s">
        <v>9</v>
      </c>
      <c r="F21365" s="7">
        <v>38657</v>
      </c>
      <c r="G21365" s="8">
        <v>1</v>
      </c>
      <c r="H21365" s="8">
        <v>1</v>
      </c>
      <c r="I21365" s="8">
        <v>0</v>
      </c>
      <c r="J21365" s="8">
        <v>1</v>
      </c>
      <c r="K21365" s="9">
        <v>5.5</v>
      </c>
      <c r="L21365" s="6" t="s">
        <v>4151</v>
      </c>
    </row>
    <row r="21366" spans="1:12">
      <c r="A21366" s="6" t="s">
        <v>4151</v>
      </c>
      <c r="B21366" s="6"/>
      <c r="C21366" s="6" t="s">
        <v>21402</v>
      </c>
      <c r="D21366" s="6"/>
      <c r="E21366" s="6" t="s">
        <v>9</v>
      </c>
      <c r="F21366" s="7">
        <v>38657</v>
      </c>
      <c r="G21366" s="8">
        <v>1</v>
      </c>
      <c r="H21366" s="8">
        <v>1</v>
      </c>
      <c r="I21366" s="8">
        <v>0</v>
      </c>
      <c r="J21366" s="8">
        <v>1</v>
      </c>
      <c r="K21366" s="9">
        <v>3.75</v>
      </c>
      <c r="L21366" s="6" t="s">
        <v>4151</v>
      </c>
    </row>
    <row r="21367" spans="1:12">
      <c r="A21367" s="6" t="s">
        <v>4151</v>
      </c>
      <c r="B21367" s="6"/>
      <c r="C21367" s="6" t="s">
        <v>21403</v>
      </c>
      <c r="D21367" s="6"/>
      <c r="E21367" s="6" t="s">
        <v>9</v>
      </c>
      <c r="F21367" s="7">
        <v>38657</v>
      </c>
      <c r="G21367" s="8">
        <v>1</v>
      </c>
      <c r="H21367" s="8">
        <v>1</v>
      </c>
      <c r="I21367" s="8">
        <v>0</v>
      </c>
      <c r="J21367" s="8">
        <v>1</v>
      </c>
      <c r="K21367" s="9">
        <v>12</v>
      </c>
      <c r="L21367" s="6" t="s">
        <v>4151</v>
      </c>
    </row>
    <row r="21368" spans="1:12">
      <c r="A21368" s="6" t="s">
        <v>4151</v>
      </c>
      <c r="B21368" s="6"/>
      <c r="C21368" s="6" t="s">
        <v>21404</v>
      </c>
      <c r="D21368" s="6"/>
      <c r="E21368" s="6" t="s">
        <v>9</v>
      </c>
      <c r="F21368" s="7">
        <v>38657</v>
      </c>
      <c r="G21368" s="8">
        <v>1</v>
      </c>
      <c r="H21368" s="8">
        <v>1</v>
      </c>
      <c r="I21368" s="8">
        <v>0</v>
      </c>
      <c r="J21368" s="8">
        <v>1</v>
      </c>
      <c r="K21368" s="9">
        <v>13</v>
      </c>
      <c r="L21368" s="6" t="s">
        <v>4151</v>
      </c>
    </row>
    <row r="21369" spans="1:12">
      <c r="A21369" s="6" t="s">
        <v>4151</v>
      </c>
      <c r="B21369" s="6"/>
      <c r="C21369" s="6" t="s">
        <v>21405</v>
      </c>
      <c r="D21369" s="6"/>
      <c r="E21369" s="6" t="s">
        <v>9</v>
      </c>
      <c r="F21369" s="7">
        <v>38657</v>
      </c>
      <c r="G21369" s="8">
        <v>1</v>
      </c>
      <c r="H21369" s="8">
        <v>1</v>
      </c>
      <c r="I21369" s="8">
        <v>0</v>
      </c>
      <c r="J21369" s="8">
        <v>1</v>
      </c>
      <c r="K21369" s="9">
        <v>1.4</v>
      </c>
      <c r="L21369" s="6" t="s">
        <v>4151</v>
      </c>
    </row>
    <row r="21370" spans="1:12">
      <c r="A21370" s="6" t="s">
        <v>4151</v>
      </c>
      <c r="B21370" s="6"/>
      <c r="C21370" s="6" t="s">
        <v>21406</v>
      </c>
      <c r="D21370" s="6"/>
      <c r="E21370" s="6" t="s">
        <v>9</v>
      </c>
      <c r="F21370" s="7">
        <v>38657</v>
      </c>
      <c r="G21370" s="8">
        <v>1</v>
      </c>
      <c r="H21370" s="8">
        <v>1</v>
      </c>
      <c r="I21370" s="8">
        <v>0</v>
      </c>
      <c r="J21370" s="8">
        <v>1</v>
      </c>
      <c r="K21370" s="9">
        <v>2.52999999999999</v>
      </c>
      <c r="L21370" s="6" t="s">
        <v>4151</v>
      </c>
    </row>
    <row r="21371" spans="1:12">
      <c r="A21371" s="6" t="s">
        <v>4151</v>
      </c>
      <c r="B21371" s="6"/>
      <c r="C21371" s="6" t="s">
        <v>21407</v>
      </c>
      <c r="D21371" s="6"/>
      <c r="E21371" s="6" t="s">
        <v>9</v>
      </c>
      <c r="F21371" s="7">
        <v>38657</v>
      </c>
      <c r="G21371" s="8">
        <v>1</v>
      </c>
      <c r="H21371" s="8">
        <v>1</v>
      </c>
      <c r="I21371" s="8">
        <v>0</v>
      </c>
      <c r="J21371" s="8">
        <v>1</v>
      </c>
      <c r="K21371" s="9">
        <v>1.92</v>
      </c>
      <c r="L21371" s="6" t="s">
        <v>4151</v>
      </c>
    </row>
    <row r="21372" spans="1:12">
      <c r="A21372" s="6" t="s">
        <v>4151</v>
      </c>
      <c r="B21372" s="6"/>
      <c r="C21372" s="6" t="s">
        <v>21408</v>
      </c>
      <c r="D21372" s="6"/>
      <c r="E21372" s="6" t="s">
        <v>9</v>
      </c>
      <c r="F21372" s="7"/>
      <c r="G21372" s="8">
        <v>1</v>
      </c>
      <c r="H21372" s="8">
        <v>1</v>
      </c>
      <c r="I21372" s="8">
        <v>0</v>
      </c>
      <c r="J21372" s="8">
        <v>1</v>
      </c>
      <c r="K21372" s="9">
        <v>56</v>
      </c>
      <c r="L21372" s="6" t="s">
        <v>4151</v>
      </c>
    </row>
    <row r="21373" spans="1:12">
      <c r="A21373" s="6" t="s">
        <v>4151</v>
      </c>
      <c r="B21373" s="6"/>
      <c r="C21373" s="6" t="s">
        <v>21409</v>
      </c>
      <c r="D21373" s="6"/>
      <c r="E21373" s="6" t="s">
        <v>9</v>
      </c>
      <c r="F21373" s="7">
        <v>38657</v>
      </c>
      <c r="G21373" s="8">
        <v>1</v>
      </c>
      <c r="H21373" s="8">
        <v>1</v>
      </c>
      <c r="I21373" s="8">
        <v>0</v>
      </c>
      <c r="J21373" s="8">
        <v>1</v>
      </c>
      <c r="K21373" s="9">
        <v>25</v>
      </c>
      <c r="L21373" s="6" t="s">
        <v>4151</v>
      </c>
    </row>
    <row r="21374" spans="1:12">
      <c r="A21374" s="6" t="s">
        <v>4151</v>
      </c>
      <c r="B21374" s="6"/>
      <c r="C21374" s="6" t="s">
        <v>21410</v>
      </c>
      <c r="D21374" s="6"/>
      <c r="E21374" s="6" t="s">
        <v>9</v>
      </c>
      <c r="F21374" s="7"/>
      <c r="G21374" s="8">
        <v>1</v>
      </c>
      <c r="H21374" s="8">
        <v>1</v>
      </c>
      <c r="I21374" s="8">
        <v>0</v>
      </c>
      <c r="J21374" s="8">
        <v>1</v>
      </c>
      <c r="K21374" s="9">
        <v>27</v>
      </c>
      <c r="L21374" s="6" t="s">
        <v>4151</v>
      </c>
    </row>
    <row r="21375" spans="1:12">
      <c r="A21375" s="6" t="s">
        <v>4151</v>
      </c>
      <c r="B21375" s="6"/>
      <c r="C21375" s="6" t="s">
        <v>21411</v>
      </c>
      <c r="D21375" s="6"/>
      <c r="E21375" s="6" t="s">
        <v>9</v>
      </c>
      <c r="F21375" s="7">
        <v>38657</v>
      </c>
      <c r="G21375" s="8">
        <v>1</v>
      </c>
      <c r="H21375" s="8">
        <v>1</v>
      </c>
      <c r="I21375" s="8">
        <v>0</v>
      </c>
      <c r="J21375" s="8">
        <v>1</v>
      </c>
      <c r="K21375" s="9">
        <v>353</v>
      </c>
      <c r="L21375" s="6" t="s">
        <v>4151</v>
      </c>
    </row>
    <row r="21376" spans="1:12">
      <c r="A21376" s="6" t="s">
        <v>4151</v>
      </c>
      <c r="B21376" s="6"/>
      <c r="C21376" s="6" t="s">
        <v>21412</v>
      </c>
      <c r="D21376" s="6"/>
      <c r="E21376" s="6" t="s">
        <v>9</v>
      </c>
      <c r="F21376" s="7">
        <v>38657</v>
      </c>
      <c r="G21376" s="8">
        <v>1</v>
      </c>
      <c r="H21376" s="8">
        <v>1</v>
      </c>
      <c r="I21376" s="8">
        <v>0</v>
      </c>
      <c r="J21376" s="8">
        <v>1</v>
      </c>
      <c r="K21376" s="9">
        <v>254</v>
      </c>
      <c r="L21376" s="6" t="s">
        <v>4151</v>
      </c>
    </row>
    <row r="21377" spans="1:12">
      <c r="A21377" s="6" t="s">
        <v>4151</v>
      </c>
      <c r="B21377" s="6"/>
      <c r="C21377" s="6" t="s">
        <v>21413</v>
      </c>
      <c r="D21377" s="6"/>
      <c r="E21377" s="6" t="s">
        <v>9</v>
      </c>
      <c r="F21377" s="7">
        <v>38657</v>
      </c>
      <c r="G21377" s="8">
        <v>1</v>
      </c>
      <c r="H21377" s="8">
        <v>1</v>
      </c>
      <c r="I21377" s="8">
        <v>0</v>
      </c>
      <c r="J21377" s="8">
        <v>1</v>
      </c>
      <c r="K21377" s="9">
        <v>33</v>
      </c>
      <c r="L21377" s="6" t="s">
        <v>4151</v>
      </c>
    </row>
    <row r="21378" spans="1:12">
      <c r="A21378" s="6" t="s">
        <v>4151</v>
      </c>
      <c r="B21378" s="6"/>
      <c r="C21378" s="6" t="s">
        <v>21414</v>
      </c>
      <c r="D21378" s="6"/>
      <c r="E21378" s="6" t="s">
        <v>9</v>
      </c>
      <c r="F21378" s="7">
        <v>38657</v>
      </c>
      <c r="G21378" s="8">
        <v>1</v>
      </c>
      <c r="H21378" s="8">
        <v>1</v>
      </c>
      <c r="I21378" s="8">
        <v>0</v>
      </c>
      <c r="J21378" s="8">
        <v>1</v>
      </c>
      <c r="K21378" s="9">
        <v>99</v>
      </c>
      <c r="L21378" s="6" t="s">
        <v>4151</v>
      </c>
    </row>
    <row r="21379" spans="1:12">
      <c r="A21379" s="6" t="s">
        <v>4151</v>
      </c>
      <c r="B21379" s="6"/>
      <c r="C21379" s="6" t="s">
        <v>21415</v>
      </c>
      <c r="D21379" s="6"/>
      <c r="E21379" s="6" t="s">
        <v>9</v>
      </c>
      <c r="F21379" s="7">
        <v>38657</v>
      </c>
      <c r="G21379" s="8">
        <v>1</v>
      </c>
      <c r="H21379" s="8">
        <v>1</v>
      </c>
      <c r="I21379" s="8">
        <v>0</v>
      </c>
      <c r="J21379" s="8">
        <v>1</v>
      </c>
      <c r="K21379" s="9">
        <v>178</v>
      </c>
      <c r="L21379" s="6" t="s">
        <v>4151</v>
      </c>
    </row>
    <row r="21380" spans="1:12">
      <c r="A21380" s="6" t="s">
        <v>4151</v>
      </c>
      <c r="B21380" s="6"/>
      <c r="C21380" s="6" t="s">
        <v>21416</v>
      </c>
      <c r="D21380" s="6"/>
      <c r="E21380" s="6" t="s">
        <v>9</v>
      </c>
      <c r="F21380" s="7">
        <v>38657</v>
      </c>
      <c r="G21380" s="8">
        <v>1</v>
      </c>
      <c r="H21380" s="8">
        <v>1</v>
      </c>
      <c r="I21380" s="8">
        <v>0</v>
      </c>
      <c r="J21380" s="8">
        <v>1</v>
      </c>
      <c r="K21380" s="9">
        <v>223</v>
      </c>
      <c r="L21380" s="6" t="s">
        <v>4151</v>
      </c>
    </row>
    <row r="21381" spans="1:12">
      <c r="A21381" s="6" t="s">
        <v>4151</v>
      </c>
      <c r="B21381" s="6"/>
      <c r="C21381" s="6" t="s">
        <v>21417</v>
      </c>
      <c r="D21381" s="6"/>
      <c r="E21381" s="6" t="s">
        <v>9</v>
      </c>
      <c r="F21381" s="7">
        <v>38657</v>
      </c>
      <c r="G21381" s="8">
        <v>1</v>
      </c>
      <c r="H21381" s="8">
        <v>1</v>
      </c>
      <c r="I21381" s="8">
        <v>0</v>
      </c>
      <c r="J21381" s="8">
        <v>1</v>
      </c>
      <c r="K21381" s="9">
        <v>625</v>
      </c>
      <c r="L21381" s="6" t="s">
        <v>4151</v>
      </c>
    </row>
    <row r="21382" spans="1:12">
      <c r="A21382" s="6" t="s">
        <v>4151</v>
      </c>
      <c r="B21382" s="6"/>
      <c r="C21382" s="6" t="s">
        <v>21418</v>
      </c>
      <c r="D21382" s="6"/>
      <c r="E21382" s="6" t="s">
        <v>9</v>
      </c>
      <c r="F21382" s="7">
        <v>38657</v>
      </c>
      <c r="G21382" s="8">
        <v>1</v>
      </c>
      <c r="H21382" s="8">
        <v>1</v>
      </c>
      <c r="I21382" s="8">
        <v>0</v>
      </c>
      <c r="J21382" s="8">
        <v>1</v>
      </c>
      <c r="K21382" s="9">
        <v>505</v>
      </c>
      <c r="L21382" s="6" t="s">
        <v>4151</v>
      </c>
    </row>
    <row r="21383" spans="1:12">
      <c r="A21383" s="6" t="s">
        <v>4151</v>
      </c>
      <c r="B21383" s="6"/>
      <c r="C21383" s="6" t="s">
        <v>21419</v>
      </c>
      <c r="D21383" s="6"/>
      <c r="E21383" s="6" t="s">
        <v>9</v>
      </c>
      <c r="F21383" s="7">
        <v>38657</v>
      </c>
      <c r="G21383" s="8">
        <v>1</v>
      </c>
      <c r="H21383" s="8">
        <v>1</v>
      </c>
      <c r="I21383" s="8">
        <v>0</v>
      </c>
      <c r="J21383" s="8">
        <v>1</v>
      </c>
      <c r="K21383" s="9">
        <v>417</v>
      </c>
      <c r="L21383" s="6" t="s">
        <v>4151</v>
      </c>
    </row>
    <row r="21384" spans="1:12">
      <c r="A21384" s="6" t="s">
        <v>4151</v>
      </c>
      <c r="B21384" s="6"/>
      <c r="C21384" s="6" t="s">
        <v>21420</v>
      </c>
      <c r="D21384" s="6"/>
      <c r="E21384" s="6" t="s">
        <v>9</v>
      </c>
      <c r="F21384" s="7">
        <v>38657</v>
      </c>
      <c r="G21384" s="8">
        <v>1</v>
      </c>
      <c r="H21384" s="8">
        <v>1</v>
      </c>
      <c r="I21384" s="8">
        <v>0</v>
      </c>
      <c r="J21384" s="8">
        <v>1</v>
      </c>
      <c r="K21384" s="9">
        <v>31</v>
      </c>
      <c r="L21384" s="6" t="s">
        <v>4151</v>
      </c>
    </row>
    <row r="21385" spans="1:12">
      <c r="A21385" s="6" t="s">
        <v>4151</v>
      </c>
      <c r="B21385" s="6"/>
      <c r="C21385" s="6" t="s">
        <v>21421</v>
      </c>
      <c r="D21385" s="6"/>
      <c r="E21385" s="6" t="s">
        <v>9</v>
      </c>
      <c r="F21385" s="7">
        <v>38657</v>
      </c>
      <c r="G21385" s="8">
        <v>1</v>
      </c>
      <c r="H21385" s="8">
        <v>1</v>
      </c>
      <c r="I21385" s="8">
        <v>0</v>
      </c>
      <c r="J21385" s="8">
        <v>1</v>
      </c>
      <c r="K21385" s="9">
        <v>243</v>
      </c>
      <c r="L21385" s="6" t="s">
        <v>4151</v>
      </c>
    </row>
    <row r="21386" spans="1:12">
      <c r="A21386" s="6" t="s">
        <v>4151</v>
      </c>
      <c r="B21386" s="6"/>
      <c r="C21386" s="6" t="s">
        <v>21422</v>
      </c>
      <c r="D21386" s="6"/>
      <c r="E21386" s="6" t="s">
        <v>9</v>
      </c>
      <c r="F21386" s="7">
        <v>38657</v>
      </c>
      <c r="G21386" s="8">
        <v>1</v>
      </c>
      <c r="H21386" s="8">
        <v>1</v>
      </c>
      <c r="I21386" s="8">
        <v>0</v>
      </c>
      <c r="J21386" s="8">
        <v>1</v>
      </c>
      <c r="K21386" s="9">
        <v>243</v>
      </c>
      <c r="L21386" s="6" t="s">
        <v>4151</v>
      </c>
    </row>
    <row r="21387" spans="1:12">
      <c r="A21387" s="6" t="s">
        <v>4151</v>
      </c>
      <c r="B21387" s="6"/>
      <c r="C21387" s="6" t="s">
        <v>21423</v>
      </c>
      <c r="D21387" s="6"/>
      <c r="E21387" s="6" t="s">
        <v>9</v>
      </c>
      <c r="F21387" s="7">
        <v>38657</v>
      </c>
      <c r="G21387" s="8">
        <v>1</v>
      </c>
      <c r="H21387" s="8">
        <v>1</v>
      </c>
      <c r="I21387" s="8">
        <v>0</v>
      </c>
      <c r="J21387" s="8">
        <v>1</v>
      </c>
      <c r="K21387" s="9">
        <v>427</v>
      </c>
      <c r="L21387" s="6" t="s">
        <v>4151</v>
      </c>
    </row>
    <row r="21388" spans="1:12">
      <c r="A21388" s="6" t="s">
        <v>4151</v>
      </c>
      <c r="B21388" s="6"/>
      <c r="C21388" s="6" t="s">
        <v>21424</v>
      </c>
      <c r="D21388" s="6"/>
      <c r="E21388" s="6" t="s">
        <v>9</v>
      </c>
      <c r="F21388" s="7">
        <v>38657</v>
      </c>
      <c r="G21388" s="8">
        <v>1</v>
      </c>
      <c r="H21388" s="8">
        <v>1</v>
      </c>
      <c r="I21388" s="8">
        <v>0</v>
      </c>
      <c r="J21388" s="8">
        <v>1</v>
      </c>
      <c r="K21388" s="9">
        <v>457</v>
      </c>
      <c r="L21388" s="6" t="s">
        <v>4151</v>
      </c>
    </row>
    <row r="21389" spans="1:12">
      <c r="A21389" s="6" t="s">
        <v>4151</v>
      </c>
      <c r="B21389" s="6"/>
      <c r="C21389" s="6" t="s">
        <v>21425</v>
      </c>
      <c r="D21389" s="6"/>
      <c r="E21389" s="6" t="s">
        <v>9</v>
      </c>
      <c r="F21389" s="7">
        <v>38657</v>
      </c>
      <c r="G21389" s="8">
        <v>1</v>
      </c>
      <c r="H21389" s="8">
        <v>1</v>
      </c>
      <c r="I21389" s="8">
        <v>0</v>
      </c>
      <c r="J21389" s="8">
        <v>1</v>
      </c>
      <c r="K21389" s="9">
        <v>721</v>
      </c>
      <c r="L21389" s="6" t="s">
        <v>4151</v>
      </c>
    </row>
    <row r="21390" spans="1:12">
      <c r="A21390" s="6" t="s">
        <v>4151</v>
      </c>
      <c r="B21390" s="6"/>
      <c r="C21390" s="6" t="s">
        <v>21426</v>
      </c>
      <c r="D21390" s="6"/>
      <c r="E21390" s="6" t="s">
        <v>9</v>
      </c>
      <c r="F21390" s="7">
        <v>38657</v>
      </c>
      <c r="G21390" s="8">
        <v>1</v>
      </c>
      <c r="H21390" s="8">
        <v>1</v>
      </c>
      <c r="I21390" s="8">
        <v>0</v>
      </c>
      <c r="J21390" s="8">
        <v>1</v>
      </c>
      <c r="K21390" s="9">
        <v>2587</v>
      </c>
      <c r="L21390" s="6" t="s">
        <v>4151</v>
      </c>
    </row>
    <row r="21391" spans="1:12">
      <c r="A21391" s="6" t="s">
        <v>4151</v>
      </c>
      <c r="B21391" s="6"/>
      <c r="C21391" s="6" t="s">
        <v>21427</v>
      </c>
      <c r="D21391" s="6"/>
      <c r="E21391" s="6" t="s">
        <v>9</v>
      </c>
      <c r="F21391" s="7">
        <v>38657</v>
      </c>
      <c r="G21391" s="8">
        <v>1</v>
      </c>
      <c r="H21391" s="8">
        <v>1</v>
      </c>
      <c r="I21391" s="8">
        <v>0</v>
      </c>
      <c r="J21391" s="8">
        <v>1</v>
      </c>
      <c r="K21391" s="9">
        <v>646</v>
      </c>
      <c r="L21391" s="6" t="s">
        <v>4151</v>
      </c>
    </row>
    <row r="21392" spans="1:12">
      <c r="A21392" s="6" t="s">
        <v>4151</v>
      </c>
      <c r="B21392" s="6"/>
      <c r="C21392" s="6" t="s">
        <v>21428</v>
      </c>
      <c r="D21392" s="6"/>
      <c r="E21392" s="6" t="s">
        <v>9</v>
      </c>
      <c r="F21392" s="7">
        <v>38657</v>
      </c>
      <c r="G21392" s="8">
        <v>1</v>
      </c>
      <c r="H21392" s="8">
        <v>1</v>
      </c>
      <c r="I21392" s="8">
        <v>0</v>
      </c>
      <c r="J21392" s="8">
        <v>1</v>
      </c>
      <c r="K21392" s="9">
        <v>199</v>
      </c>
      <c r="L21392" s="6" t="s">
        <v>4151</v>
      </c>
    </row>
    <row r="21393" spans="1:12">
      <c r="A21393" s="6" t="s">
        <v>4151</v>
      </c>
      <c r="B21393" s="6"/>
      <c r="C21393" s="6" t="s">
        <v>21429</v>
      </c>
      <c r="D21393" s="6"/>
      <c r="E21393" s="6" t="s">
        <v>9</v>
      </c>
      <c r="F21393" s="7">
        <v>38657</v>
      </c>
      <c r="G21393" s="8">
        <v>1</v>
      </c>
      <c r="H21393" s="8">
        <v>1</v>
      </c>
      <c r="I21393" s="8">
        <v>0</v>
      </c>
      <c r="J21393" s="8">
        <v>1</v>
      </c>
      <c r="K21393" s="9">
        <v>411</v>
      </c>
      <c r="L21393" s="6" t="s">
        <v>4151</v>
      </c>
    </row>
    <row r="21394" spans="1:12">
      <c r="A21394" s="6" t="s">
        <v>4151</v>
      </c>
      <c r="B21394" s="6"/>
      <c r="C21394" s="6" t="s">
        <v>21430</v>
      </c>
      <c r="D21394" s="6"/>
      <c r="E21394" s="6" t="s">
        <v>9</v>
      </c>
      <c r="F21394" s="7">
        <v>38657</v>
      </c>
      <c r="G21394" s="8">
        <v>1</v>
      </c>
      <c r="H21394" s="8">
        <v>1</v>
      </c>
      <c r="I21394" s="8">
        <v>0</v>
      </c>
      <c r="J21394" s="8">
        <v>1</v>
      </c>
      <c r="K21394" s="9">
        <v>43</v>
      </c>
      <c r="L21394" s="6" t="s">
        <v>4151</v>
      </c>
    </row>
    <row r="21395" spans="1:12">
      <c r="A21395" s="6" t="s">
        <v>4151</v>
      </c>
      <c r="B21395" s="6"/>
      <c r="C21395" s="6" t="s">
        <v>21431</v>
      </c>
      <c r="D21395" s="6"/>
      <c r="E21395" s="6" t="s">
        <v>9</v>
      </c>
      <c r="F21395" s="7">
        <v>38657</v>
      </c>
      <c r="G21395" s="8">
        <v>1</v>
      </c>
      <c r="H21395" s="8">
        <v>1</v>
      </c>
      <c r="I21395" s="8">
        <v>0</v>
      </c>
      <c r="J21395" s="8">
        <v>1</v>
      </c>
      <c r="K21395" s="9">
        <v>49</v>
      </c>
      <c r="L21395" s="6" t="s">
        <v>4151</v>
      </c>
    </row>
    <row r="21396" spans="1:12">
      <c r="A21396" s="6" t="s">
        <v>4151</v>
      </c>
      <c r="B21396" s="6"/>
      <c r="C21396" s="6" t="s">
        <v>21432</v>
      </c>
      <c r="D21396" s="6"/>
      <c r="E21396" s="6" t="s">
        <v>9</v>
      </c>
      <c r="F21396" s="7">
        <v>38657</v>
      </c>
      <c r="G21396" s="8">
        <v>1</v>
      </c>
      <c r="H21396" s="8">
        <v>1</v>
      </c>
      <c r="I21396" s="8">
        <v>0</v>
      </c>
      <c r="J21396" s="8">
        <v>1</v>
      </c>
      <c r="K21396" s="9">
        <v>26</v>
      </c>
      <c r="L21396" s="6" t="s">
        <v>4151</v>
      </c>
    </row>
    <row r="21397" spans="1:12">
      <c r="A21397" s="6" t="s">
        <v>4151</v>
      </c>
      <c r="B21397" s="6"/>
      <c r="C21397" s="6" t="s">
        <v>21433</v>
      </c>
      <c r="D21397" s="6"/>
      <c r="E21397" s="6" t="s">
        <v>9</v>
      </c>
      <c r="F21397" s="7">
        <v>38657</v>
      </c>
      <c r="G21397" s="8">
        <v>1</v>
      </c>
      <c r="H21397" s="8">
        <v>1</v>
      </c>
      <c r="I21397" s="8">
        <v>0</v>
      </c>
      <c r="J21397" s="8">
        <v>1</v>
      </c>
      <c r="K21397" s="9">
        <v>44</v>
      </c>
      <c r="L21397" s="6" t="s">
        <v>4151</v>
      </c>
    </row>
    <row r="21398" spans="1:12">
      <c r="A21398" s="6" t="s">
        <v>4151</v>
      </c>
      <c r="B21398" s="6"/>
      <c r="C21398" s="6" t="s">
        <v>21434</v>
      </c>
      <c r="D21398" s="6"/>
      <c r="E21398" s="6" t="s">
        <v>9</v>
      </c>
      <c r="F21398" s="7">
        <v>38657</v>
      </c>
      <c r="G21398" s="8">
        <v>1</v>
      </c>
      <c r="H21398" s="8">
        <v>1</v>
      </c>
      <c r="I21398" s="8">
        <v>0</v>
      </c>
      <c r="J21398" s="8">
        <v>1</v>
      </c>
      <c r="K21398" s="9">
        <v>275</v>
      </c>
      <c r="L21398" s="6" t="s">
        <v>4151</v>
      </c>
    </row>
    <row r="21399" spans="1:12">
      <c r="A21399" s="6" t="s">
        <v>4151</v>
      </c>
      <c r="B21399" s="6"/>
      <c r="C21399" s="6" t="s">
        <v>21435</v>
      </c>
      <c r="D21399" s="6"/>
      <c r="E21399" s="6" t="s">
        <v>9</v>
      </c>
      <c r="F21399" s="7">
        <v>38657</v>
      </c>
      <c r="G21399" s="8">
        <v>1</v>
      </c>
      <c r="H21399" s="8">
        <v>1</v>
      </c>
      <c r="I21399" s="8">
        <v>0</v>
      </c>
      <c r="J21399" s="8">
        <v>1</v>
      </c>
      <c r="K21399" s="9">
        <v>96</v>
      </c>
      <c r="L21399" s="6" t="s">
        <v>4151</v>
      </c>
    </row>
    <row r="21400" spans="1:12">
      <c r="A21400" s="6" t="s">
        <v>4151</v>
      </c>
      <c r="B21400" s="6"/>
      <c r="C21400" s="6" t="s">
        <v>21436</v>
      </c>
      <c r="D21400" s="6"/>
      <c r="E21400" s="6" t="s">
        <v>9</v>
      </c>
      <c r="F21400" s="7">
        <v>38657</v>
      </c>
      <c r="G21400" s="8">
        <v>1</v>
      </c>
      <c r="H21400" s="8">
        <v>1</v>
      </c>
      <c r="I21400" s="8">
        <v>0</v>
      </c>
      <c r="J21400" s="8">
        <v>1</v>
      </c>
      <c r="K21400" s="9">
        <v>141</v>
      </c>
      <c r="L21400" s="6" t="s">
        <v>4151</v>
      </c>
    </row>
    <row r="21401" spans="1:12">
      <c r="A21401" s="6" t="s">
        <v>4151</v>
      </c>
      <c r="B21401" s="6"/>
      <c r="C21401" s="6" t="s">
        <v>21437</v>
      </c>
      <c r="D21401" s="6"/>
      <c r="E21401" s="6" t="s">
        <v>9</v>
      </c>
      <c r="F21401" s="7">
        <v>38657</v>
      </c>
      <c r="G21401" s="8">
        <v>1</v>
      </c>
      <c r="H21401" s="8">
        <v>1</v>
      </c>
      <c r="I21401" s="8">
        <v>0</v>
      </c>
      <c r="J21401" s="8">
        <v>1</v>
      </c>
      <c r="K21401" s="9">
        <v>473</v>
      </c>
      <c r="L21401" s="6" t="s">
        <v>4151</v>
      </c>
    </row>
    <row r="21402" spans="1:12">
      <c r="A21402" s="6" t="s">
        <v>4151</v>
      </c>
      <c r="B21402" s="6"/>
      <c r="C21402" s="6" t="s">
        <v>21438</v>
      </c>
      <c r="D21402" s="6"/>
      <c r="E21402" s="6" t="s">
        <v>9</v>
      </c>
      <c r="F21402" s="7">
        <v>38657</v>
      </c>
      <c r="G21402" s="8">
        <v>1</v>
      </c>
      <c r="H21402" s="8">
        <v>1</v>
      </c>
      <c r="I21402" s="8">
        <v>0</v>
      </c>
      <c r="J21402" s="8">
        <v>1</v>
      </c>
      <c r="K21402" s="9">
        <v>247</v>
      </c>
      <c r="L21402" s="6" t="s">
        <v>4151</v>
      </c>
    </row>
    <row r="21403" spans="1:12">
      <c r="A21403" s="6" t="s">
        <v>4151</v>
      </c>
      <c r="B21403" s="6"/>
      <c r="C21403" s="6" t="s">
        <v>21439</v>
      </c>
      <c r="D21403" s="6"/>
      <c r="E21403" s="6" t="s">
        <v>9</v>
      </c>
      <c r="F21403" s="7">
        <v>38657</v>
      </c>
      <c r="G21403" s="8">
        <v>1</v>
      </c>
      <c r="H21403" s="8">
        <v>1</v>
      </c>
      <c r="I21403" s="8">
        <v>0</v>
      </c>
      <c r="J21403" s="8">
        <v>1</v>
      </c>
      <c r="K21403" s="9">
        <v>27</v>
      </c>
      <c r="L21403" s="6" t="s">
        <v>4151</v>
      </c>
    </row>
    <row r="21404" spans="1:12">
      <c r="A21404" s="6" t="s">
        <v>4151</v>
      </c>
      <c r="B21404" s="6"/>
      <c r="C21404" s="6" t="s">
        <v>21440</v>
      </c>
      <c r="D21404" s="6"/>
      <c r="E21404" s="6" t="s">
        <v>9</v>
      </c>
      <c r="F21404" s="7">
        <v>38657</v>
      </c>
      <c r="G21404" s="8">
        <v>1</v>
      </c>
      <c r="H21404" s="8">
        <v>1</v>
      </c>
      <c r="I21404" s="8">
        <v>0</v>
      </c>
      <c r="J21404" s="8">
        <v>1</v>
      </c>
      <c r="K21404" s="9">
        <v>1815</v>
      </c>
      <c r="L21404" s="6" t="s">
        <v>4151</v>
      </c>
    </row>
    <row r="21405" spans="1:12">
      <c r="A21405" s="6" t="s">
        <v>4151</v>
      </c>
      <c r="B21405" s="6"/>
      <c r="C21405" s="6" t="s">
        <v>21441</v>
      </c>
      <c r="D21405" s="6"/>
      <c r="E21405" s="6" t="s">
        <v>9</v>
      </c>
      <c r="F21405" s="7">
        <v>38657</v>
      </c>
      <c r="G21405" s="8">
        <v>1</v>
      </c>
      <c r="H21405" s="8">
        <v>1</v>
      </c>
      <c r="I21405" s="8">
        <v>0</v>
      </c>
      <c r="J21405" s="8">
        <v>1</v>
      </c>
      <c r="K21405" s="9">
        <v>683</v>
      </c>
      <c r="L21405" s="6" t="s">
        <v>4151</v>
      </c>
    </row>
    <row r="21406" spans="1:12">
      <c r="A21406" s="6" t="s">
        <v>4151</v>
      </c>
      <c r="B21406" s="6"/>
      <c r="C21406" s="6" t="s">
        <v>21442</v>
      </c>
      <c r="D21406" s="6"/>
      <c r="E21406" s="6" t="s">
        <v>9</v>
      </c>
      <c r="F21406" s="7">
        <v>38657</v>
      </c>
      <c r="G21406" s="8">
        <v>1</v>
      </c>
      <c r="H21406" s="8">
        <v>1</v>
      </c>
      <c r="I21406" s="8">
        <v>0</v>
      </c>
      <c r="J21406" s="8">
        <v>1</v>
      </c>
      <c r="K21406" s="9">
        <v>881</v>
      </c>
      <c r="L21406" s="6" t="s">
        <v>4151</v>
      </c>
    </row>
    <row r="21407" spans="1:12">
      <c r="A21407" s="6" t="s">
        <v>4151</v>
      </c>
      <c r="B21407" s="6"/>
      <c r="C21407" s="6" t="s">
        <v>21443</v>
      </c>
      <c r="D21407" s="6"/>
      <c r="E21407" s="6" t="s">
        <v>9</v>
      </c>
      <c r="F21407" s="7">
        <v>38657</v>
      </c>
      <c r="G21407" s="8">
        <v>1</v>
      </c>
      <c r="H21407" s="8">
        <v>1</v>
      </c>
      <c r="I21407" s="8">
        <v>0</v>
      </c>
      <c r="J21407" s="8">
        <v>1</v>
      </c>
      <c r="K21407" s="9">
        <v>10</v>
      </c>
      <c r="L21407" s="6" t="s">
        <v>4151</v>
      </c>
    </row>
    <row r="21408" spans="1:12">
      <c r="A21408" s="6" t="s">
        <v>4151</v>
      </c>
      <c r="B21408" s="6"/>
      <c r="C21408" s="6" t="s">
        <v>21444</v>
      </c>
      <c r="D21408" s="6"/>
      <c r="E21408" s="6" t="s">
        <v>9</v>
      </c>
      <c r="F21408" s="7">
        <v>38657</v>
      </c>
      <c r="G21408" s="8">
        <v>1</v>
      </c>
      <c r="H21408" s="8">
        <v>1</v>
      </c>
      <c r="I21408" s="8">
        <v>0</v>
      </c>
      <c r="J21408" s="8">
        <v>1</v>
      </c>
      <c r="K21408" s="9">
        <v>365</v>
      </c>
      <c r="L21408" s="6" t="s">
        <v>4151</v>
      </c>
    </row>
    <row r="21409" spans="1:12">
      <c r="A21409" s="6" t="s">
        <v>4151</v>
      </c>
      <c r="B21409" s="6"/>
      <c r="C21409" s="6" t="s">
        <v>21445</v>
      </c>
      <c r="D21409" s="6"/>
      <c r="E21409" s="6" t="s">
        <v>9</v>
      </c>
      <c r="F21409" s="7">
        <v>38657</v>
      </c>
      <c r="G21409" s="8">
        <v>1</v>
      </c>
      <c r="H21409" s="8">
        <v>1</v>
      </c>
      <c r="I21409" s="8">
        <v>0</v>
      </c>
      <c r="J21409" s="8">
        <v>1</v>
      </c>
      <c r="K21409" s="9">
        <v>1134</v>
      </c>
      <c r="L21409" s="6" t="s">
        <v>4151</v>
      </c>
    </row>
    <row r="21410" spans="1:12">
      <c r="A21410" s="6" t="s">
        <v>4151</v>
      </c>
      <c r="B21410" s="6"/>
      <c r="C21410" s="6" t="s">
        <v>21446</v>
      </c>
      <c r="D21410" s="6"/>
      <c r="E21410" s="6" t="s">
        <v>9</v>
      </c>
      <c r="F21410" s="7">
        <v>38657</v>
      </c>
      <c r="G21410" s="8">
        <v>1</v>
      </c>
      <c r="H21410" s="8">
        <v>1</v>
      </c>
      <c r="I21410" s="8">
        <v>0</v>
      </c>
      <c r="J21410" s="8">
        <v>1</v>
      </c>
      <c r="K21410" s="9">
        <v>0.75</v>
      </c>
      <c r="L21410" s="6" t="s">
        <v>4151</v>
      </c>
    </row>
    <row r="21411" spans="1:12">
      <c r="A21411" s="6" t="s">
        <v>4151</v>
      </c>
      <c r="B21411" s="6"/>
      <c r="C21411" s="6" t="s">
        <v>21447</v>
      </c>
      <c r="D21411" s="6"/>
      <c r="E21411" s="6" t="s">
        <v>9</v>
      </c>
      <c r="F21411" s="7">
        <v>38657</v>
      </c>
      <c r="G21411" s="8">
        <v>1</v>
      </c>
      <c r="H21411" s="8">
        <v>1</v>
      </c>
      <c r="I21411" s="8">
        <v>0</v>
      </c>
      <c r="J21411" s="8">
        <v>1</v>
      </c>
      <c r="K21411" s="9">
        <v>5.65</v>
      </c>
      <c r="L21411" s="6" t="s">
        <v>4151</v>
      </c>
    </row>
    <row r="21412" spans="1:12">
      <c r="A21412" s="6" t="s">
        <v>4151</v>
      </c>
      <c r="B21412" s="6"/>
      <c r="C21412" s="6" t="s">
        <v>21448</v>
      </c>
      <c r="D21412" s="6"/>
      <c r="E21412" s="6" t="s">
        <v>9</v>
      </c>
      <c r="F21412" s="7">
        <v>38657</v>
      </c>
      <c r="G21412" s="8">
        <v>1</v>
      </c>
      <c r="H21412" s="8">
        <v>1</v>
      </c>
      <c r="I21412" s="8">
        <v>0</v>
      </c>
      <c r="J21412" s="8">
        <v>1</v>
      </c>
      <c r="K21412" s="9">
        <v>6.6</v>
      </c>
      <c r="L21412" s="6" t="s">
        <v>4151</v>
      </c>
    </row>
    <row r="21413" spans="1:12">
      <c r="A21413" s="6" t="s">
        <v>4151</v>
      </c>
      <c r="B21413" s="6"/>
      <c r="C21413" s="6" t="s">
        <v>21449</v>
      </c>
      <c r="D21413" s="6"/>
      <c r="E21413" s="6" t="s">
        <v>9</v>
      </c>
      <c r="F21413" s="7">
        <v>38657</v>
      </c>
      <c r="G21413" s="8">
        <v>1</v>
      </c>
      <c r="H21413" s="8">
        <v>1</v>
      </c>
      <c r="I21413" s="8">
        <v>0</v>
      </c>
      <c r="J21413" s="8">
        <v>1</v>
      </c>
      <c r="K21413" s="9">
        <v>315</v>
      </c>
      <c r="L21413" s="6" t="s">
        <v>4151</v>
      </c>
    </row>
    <row r="21414" spans="1:12">
      <c r="A21414" s="6" t="s">
        <v>4151</v>
      </c>
      <c r="B21414" s="6"/>
      <c r="C21414" s="6" t="s">
        <v>21450</v>
      </c>
      <c r="D21414" s="6"/>
      <c r="E21414" s="6" t="s">
        <v>9</v>
      </c>
      <c r="F21414" s="7">
        <v>38657</v>
      </c>
      <c r="G21414" s="8">
        <v>1</v>
      </c>
      <c r="H21414" s="8">
        <v>1</v>
      </c>
      <c r="I21414" s="8">
        <v>0</v>
      </c>
      <c r="J21414" s="8">
        <v>1</v>
      </c>
      <c r="K21414" s="9">
        <v>1145</v>
      </c>
      <c r="L21414" s="6" t="s">
        <v>4151</v>
      </c>
    </row>
    <row r="21415" spans="1:12">
      <c r="A21415" s="6" t="s">
        <v>4151</v>
      </c>
      <c r="B21415" s="6"/>
      <c r="C21415" s="6" t="s">
        <v>21451</v>
      </c>
      <c r="D21415" s="6"/>
      <c r="E21415" s="6" t="s">
        <v>9</v>
      </c>
      <c r="F21415" s="7">
        <v>38657</v>
      </c>
      <c r="G21415" s="8">
        <v>1</v>
      </c>
      <c r="H21415" s="8">
        <v>1</v>
      </c>
      <c r="I21415" s="8">
        <v>0</v>
      </c>
      <c r="J21415" s="8">
        <v>1</v>
      </c>
      <c r="K21415" s="9">
        <v>763</v>
      </c>
      <c r="L21415" s="6" t="s">
        <v>4151</v>
      </c>
    </row>
    <row r="21416" spans="1:12">
      <c r="A21416" s="6" t="s">
        <v>4151</v>
      </c>
      <c r="B21416" s="6"/>
      <c r="C21416" s="6" t="s">
        <v>21452</v>
      </c>
      <c r="D21416" s="6"/>
      <c r="E21416" s="6" t="s">
        <v>9</v>
      </c>
      <c r="F21416" s="7">
        <v>38657</v>
      </c>
      <c r="G21416" s="8">
        <v>1</v>
      </c>
      <c r="H21416" s="8">
        <v>1</v>
      </c>
      <c r="I21416" s="8">
        <v>0</v>
      </c>
      <c r="J21416" s="8">
        <v>1</v>
      </c>
      <c r="K21416" s="9">
        <v>24</v>
      </c>
      <c r="L21416" s="6" t="s">
        <v>4151</v>
      </c>
    </row>
    <row r="21417" spans="1:12">
      <c r="A21417" s="6" t="s">
        <v>4151</v>
      </c>
      <c r="B21417" s="6"/>
      <c r="C21417" s="6" t="s">
        <v>21453</v>
      </c>
      <c r="D21417" s="6"/>
      <c r="E21417" s="6" t="s">
        <v>9</v>
      </c>
      <c r="F21417" s="7">
        <v>38657</v>
      </c>
      <c r="G21417" s="8">
        <v>1</v>
      </c>
      <c r="H21417" s="8">
        <v>1</v>
      </c>
      <c r="I21417" s="8">
        <v>0</v>
      </c>
      <c r="J21417" s="8">
        <v>1</v>
      </c>
      <c r="K21417" s="9">
        <v>6.07</v>
      </c>
      <c r="L21417" s="6" t="s">
        <v>4151</v>
      </c>
    </row>
    <row r="21418" spans="1:12">
      <c r="A21418" s="6" t="s">
        <v>4151</v>
      </c>
      <c r="B21418" s="6"/>
      <c r="C21418" s="6" t="s">
        <v>21454</v>
      </c>
      <c r="D21418" s="6"/>
      <c r="E21418" s="6" t="s">
        <v>9</v>
      </c>
      <c r="F21418" s="7">
        <v>38657</v>
      </c>
      <c r="G21418" s="8">
        <v>1</v>
      </c>
      <c r="H21418" s="8">
        <v>1</v>
      </c>
      <c r="I21418" s="8">
        <v>0</v>
      </c>
      <c r="J21418" s="8">
        <v>1</v>
      </c>
      <c r="K21418" s="9">
        <v>30</v>
      </c>
      <c r="L21418" s="6" t="s">
        <v>4151</v>
      </c>
    </row>
    <row r="21419" spans="1:12">
      <c r="A21419" s="6" t="s">
        <v>4151</v>
      </c>
      <c r="B21419" s="6"/>
      <c r="C21419" s="6" t="s">
        <v>21455</v>
      </c>
      <c r="D21419" s="6"/>
      <c r="E21419" s="6" t="s">
        <v>9</v>
      </c>
      <c r="F21419" s="7">
        <v>38657</v>
      </c>
      <c r="G21419" s="8">
        <v>1</v>
      </c>
      <c r="H21419" s="8">
        <v>1</v>
      </c>
      <c r="I21419" s="8">
        <v>0</v>
      </c>
      <c r="J21419" s="8">
        <v>1</v>
      </c>
      <c r="K21419" s="9">
        <v>24</v>
      </c>
      <c r="L21419" s="6" t="s">
        <v>4151</v>
      </c>
    </row>
    <row r="21420" spans="1:12">
      <c r="A21420" s="6" t="s">
        <v>4151</v>
      </c>
      <c r="B21420" s="6"/>
      <c r="C21420" s="6" t="s">
        <v>21456</v>
      </c>
      <c r="D21420" s="6"/>
      <c r="E21420" s="6" t="s">
        <v>9</v>
      </c>
      <c r="F21420" s="7">
        <v>38657</v>
      </c>
      <c r="G21420" s="8">
        <v>1</v>
      </c>
      <c r="H21420" s="8">
        <v>1</v>
      </c>
      <c r="I21420" s="8">
        <v>0</v>
      </c>
      <c r="J21420" s="8">
        <v>1</v>
      </c>
      <c r="K21420" s="9">
        <v>20</v>
      </c>
      <c r="L21420" s="6" t="s">
        <v>4151</v>
      </c>
    </row>
    <row r="21421" spans="1:12">
      <c r="A21421" s="6" t="s">
        <v>4151</v>
      </c>
      <c r="B21421" s="6"/>
      <c r="C21421" s="6" t="s">
        <v>21457</v>
      </c>
      <c r="D21421" s="6"/>
      <c r="E21421" s="6" t="s">
        <v>9</v>
      </c>
      <c r="F21421" s="7">
        <v>38657</v>
      </c>
      <c r="G21421" s="8">
        <v>1</v>
      </c>
      <c r="H21421" s="8">
        <v>1</v>
      </c>
      <c r="I21421" s="8">
        <v>0</v>
      </c>
      <c r="J21421" s="8">
        <v>1</v>
      </c>
      <c r="K21421" s="9">
        <v>47.59</v>
      </c>
      <c r="L21421" s="6" t="s">
        <v>4151</v>
      </c>
    </row>
    <row r="21422" spans="1:12">
      <c r="A21422" s="6" t="s">
        <v>4151</v>
      </c>
      <c r="B21422" s="6"/>
      <c r="C21422" s="6" t="s">
        <v>21458</v>
      </c>
      <c r="D21422" s="6"/>
      <c r="E21422" s="6" t="s">
        <v>9</v>
      </c>
      <c r="F21422" s="7">
        <v>38657</v>
      </c>
      <c r="G21422" s="8">
        <v>1</v>
      </c>
      <c r="H21422" s="8">
        <v>1</v>
      </c>
      <c r="I21422" s="8">
        <v>0</v>
      </c>
      <c r="J21422" s="8">
        <v>1</v>
      </c>
      <c r="K21422" s="9">
        <v>2175</v>
      </c>
      <c r="L21422" s="6" t="s">
        <v>4151</v>
      </c>
    </row>
    <row r="21423" spans="1:12">
      <c r="A21423" s="6" t="s">
        <v>4151</v>
      </c>
      <c r="B21423" s="6"/>
      <c r="C21423" s="6" t="s">
        <v>21459</v>
      </c>
      <c r="D21423" s="6"/>
      <c r="E21423" s="6" t="s">
        <v>9</v>
      </c>
      <c r="F21423" s="7">
        <v>38657</v>
      </c>
      <c r="G21423" s="8">
        <v>1</v>
      </c>
      <c r="H21423" s="8">
        <v>1</v>
      </c>
      <c r="I21423" s="8">
        <v>0</v>
      </c>
      <c r="J21423" s="8">
        <v>1</v>
      </c>
      <c r="K21423" s="9">
        <v>18.18</v>
      </c>
      <c r="L21423" s="6" t="s">
        <v>4151</v>
      </c>
    </row>
    <row r="21424" spans="1:12">
      <c r="A21424" s="6" t="s">
        <v>4151</v>
      </c>
      <c r="B21424" s="6"/>
      <c r="C21424" s="6" t="s">
        <v>21460</v>
      </c>
      <c r="D21424" s="6"/>
      <c r="E21424" s="6" t="s">
        <v>9</v>
      </c>
      <c r="F21424" s="7">
        <v>38657</v>
      </c>
      <c r="G21424" s="8">
        <v>1</v>
      </c>
      <c r="H21424" s="8">
        <v>1</v>
      </c>
      <c r="I21424" s="8">
        <v>0</v>
      </c>
      <c r="J21424" s="8">
        <v>1</v>
      </c>
      <c r="K21424" s="9">
        <v>18</v>
      </c>
      <c r="L21424" s="6" t="s">
        <v>4151</v>
      </c>
    </row>
    <row r="21425" spans="1:12">
      <c r="A21425" s="6" t="s">
        <v>4151</v>
      </c>
      <c r="B21425" s="6"/>
      <c r="C21425" s="6" t="s">
        <v>21461</v>
      </c>
      <c r="D21425" s="6"/>
      <c r="E21425" s="6" t="s">
        <v>9</v>
      </c>
      <c r="F21425" s="7">
        <v>38657</v>
      </c>
      <c r="G21425" s="8">
        <v>1</v>
      </c>
      <c r="H21425" s="8">
        <v>1</v>
      </c>
      <c r="I21425" s="8">
        <v>0</v>
      </c>
      <c r="J21425" s="8">
        <v>1</v>
      </c>
      <c r="K21425" s="9">
        <v>14</v>
      </c>
      <c r="L21425" s="6" t="s">
        <v>4151</v>
      </c>
    </row>
    <row r="21426" spans="1:12">
      <c r="A21426" s="6" t="s">
        <v>4151</v>
      </c>
      <c r="B21426" s="6"/>
      <c r="C21426" s="6" t="s">
        <v>21462</v>
      </c>
      <c r="D21426" s="6"/>
      <c r="E21426" s="6" t="s">
        <v>9</v>
      </c>
      <c r="F21426" s="7">
        <v>38657</v>
      </c>
      <c r="G21426" s="8">
        <v>1</v>
      </c>
      <c r="H21426" s="8">
        <v>1</v>
      </c>
      <c r="I21426" s="8">
        <v>0</v>
      </c>
      <c r="J21426" s="8">
        <v>1</v>
      </c>
      <c r="K21426" s="9">
        <v>0.22</v>
      </c>
      <c r="L21426" s="6" t="s">
        <v>4151</v>
      </c>
    </row>
    <row r="21427" spans="1:12">
      <c r="A21427" s="6" t="s">
        <v>4151</v>
      </c>
      <c r="B21427" s="6"/>
      <c r="C21427" s="6" t="s">
        <v>21463</v>
      </c>
      <c r="D21427" s="6"/>
      <c r="E21427" s="6" t="s">
        <v>9</v>
      </c>
      <c r="F21427" s="7">
        <v>38657</v>
      </c>
      <c r="G21427" s="8">
        <v>1</v>
      </c>
      <c r="H21427" s="8">
        <v>1</v>
      </c>
      <c r="I21427" s="8">
        <v>0</v>
      </c>
      <c r="J21427" s="8">
        <v>1</v>
      </c>
      <c r="K21427" s="9">
        <v>86</v>
      </c>
      <c r="L21427" s="6" t="s">
        <v>4151</v>
      </c>
    </row>
    <row r="21428" spans="1:12">
      <c r="A21428" s="6" t="s">
        <v>4151</v>
      </c>
      <c r="B21428" s="6"/>
      <c r="C21428" s="6" t="s">
        <v>21464</v>
      </c>
      <c r="D21428" s="6"/>
      <c r="E21428" s="6" t="s">
        <v>9</v>
      </c>
      <c r="F21428" s="7">
        <v>38657</v>
      </c>
      <c r="G21428" s="8">
        <v>1</v>
      </c>
      <c r="H21428" s="8">
        <v>1</v>
      </c>
      <c r="I21428" s="8">
        <v>0</v>
      </c>
      <c r="J21428" s="8">
        <v>1</v>
      </c>
      <c r="K21428" s="9">
        <v>18</v>
      </c>
      <c r="L21428" s="6" t="s">
        <v>4151</v>
      </c>
    </row>
    <row r="21429" spans="1:12">
      <c r="A21429" s="6" t="s">
        <v>4151</v>
      </c>
      <c r="B21429" s="6"/>
      <c r="C21429" s="6" t="s">
        <v>21465</v>
      </c>
      <c r="D21429" s="6"/>
      <c r="E21429" s="6" t="s">
        <v>9</v>
      </c>
      <c r="F21429" s="7">
        <v>38657</v>
      </c>
      <c r="G21429" s="8">
        <v>1</v>
      </c>
      <c r="H21429" s="8">
        <v>1</v>
      </c>
      <c r="I21429" s="8">
        <v>0</v>
      </c>
      <c r="J21429" s="8">
        <v>1</v>
      </c>
      <c r="K21429" s="9">
        <v>33</v>
      </c>
      <c r="L21429" s="6" t="s">
        <v>4151</v>
      </c>
    </row>
    <row r="21430" spans="1:12">
      <c r="A21430" s="6" t="s">
        <v>4151</v>
      </c>
      <c r="B21430" s="6"/>
      <c r="C21430" s="6" t="s">
        <v>21466</v>
      </c>
      <c r="D21430" s="6"/>
      <c r="E21430" s="6" t="s">
        <v>9</v>
      </c>
      <c r="F21430" s="7">
        <v>38657</v>
      </c>
      <c r="G21430" s="8">
        <v>1</v>
      </c>
      <c r="H21430" s="8">
        <v>1</v>
      </c>
      <c r="I21430" s="8">
        <v>0</v>
      </c>
      <c r="J21430" s="8">
        <v>1</v>
      </c>
      <c r="K21430" s="9">
        <v>15</v>
      </c>
      <c r="L21430" s="6" t="s">
        <v>4151</v>
      </c>
    </row>
    <row r="21431" spans="1:12">
      <c r="A21431" s="6" t="s">
        <v>4151</v>
      </c>
      <c r="B21431" s="6"/>
      <c r="C21431" s="6" t="s">
        <v>21467</v>
      </c>
      <c r="D21431" s="6"/>
      <c r="E21431" s="6" t="s">
        <v>9</v>
      </c>
      <c r="F21431" s="7">
        <v>38657</v>
      </c>
      <c r="G21431" s="8">
        <v>1</v>
      </c>
      <c r="H21431" s="8">
        <v>1</v>
      </c>
      <c r="I21431" s="8">
        <v>0</v>
      </c>
      <c r="J21431" s="8">
        <v>1</v>
      </c>
      <c r="K21431" s="9">
        <v>31</v>
      </c>
      <c r="L21431" s="6" t="s">
        <v>4151</v>
      </c>
    </row>
    <row r="21432" spans="1:12">
      <c r="A21432" s="6" t="s">
        <v>4151</v>
      </c>
      <c r="B21432" s="6"/>
      <c r="C21432" s="6" t="s">
        <v>21468</v>
      </c>
      <c r="D21432" s="6"/>
      <c r="E21432" s="6" t="s">
        <v>9</v>
      </c>
      <c r="F21432" s="7">
        <v>38657</v>
      </c>
      <c r="G21432" s="8">
        <v>1</v>
      </c>
      <c r="H21432" s="8">
        <v>1</v>
      </c>
      <c r="I21432" s="8">
        <v>0</v>
      </c>
      <c r="J21432" s="8">
        <v>1</v>
      </c>
      <c r="K21432" s="9">
        <v>46</v>
      </c>
      <c r="L21432" s="6" t="s">
        <v>4151</v>
      </c>
    </row>
    <row r="21433" spans="1:12">
      <c r="A21433" s="6" t="s">
        <v>4151</v>
      </c>
      <c r="B21433" s="6"/>
      <c r="C21433" s="6" t="s">
        <v>21469</v>
      </c>
      <c r="D21433" s="6"/>
      <c r="E21433" s="6" t="s">
        <v>9</v>
      </c>
      <c r="F21433" s="7">
        <v>38657</v>
      </c>
      <c r="G21433" s="8">
        <v>1</v>
      </c>
      <c r="H21433" s="8">
        <v>1</v>
      </c>
      <c r="I21433" s="8">
        <v>0</v>
      </c>
      <c r="J21433" s="8">
        <v>1</v>
      </c>
      <c r="K21433" s="9">
        <v>7.8</v>
      </c>
      <c r="L21433" s="6" t="s">
        <v>4151</v>
      </c>
    </row>
    <row r="21434" spans="1:12">
      <c r="A21434" s="6" t="s">
        <v>4151</v>
      </c>
      <c r="B21434" s="6"/>
      <c r="C21434" s="6" t="s">
        <v>21470</v>
      </c>
      <c r="D21434" s="6"/>
      <c r="E21434" s="6" t="s">
        <v>9</v>
      </c>
      <c r="F21434" s="7">
        <v>38657</v>
      </c>
      <c r="G21434" s="8">
        <v>1</v>
      </c>
      <c r="H21434" s="8">
        <v>1</v>
      </c>
      <c r="I21434" s="8">
        <v>0</v>
      </c>
      <c r="J21434" s="8">
        <v>1</v>
      </c>
      <c r="K21434" s="9">
        <v>13</v>
      </c>
      <c r="L21434" s="6" t="s">
        <v>4151</v>
      </c>
    </row>
    <row r="21435" spans="1:12">
      <c r="A21435" s="6" t="s">
        <v>4151</v>
      </c>
      <c r="B21435" s="6"/>
      <c r="C21435" s="6" t="s">
        <v>21471</v>
      </c>
      <c r="D21435" s="6"/>
      <c r="E21435" s="6" t="s">
        <v>9</v>
      </c>
      <c r="F21435" s="7">
        <v>38657</v>
      </c>
      <c r="G21435" s="8">
        <v>1</v>
      </c>
      <c r="H21435" s="8">
        <v>1</v>
      </c>
      <c r="I21435" s="8">
        <v>0</v>
      </c>
      <c r="J21435" s="8">
        <v>1</v>
      </c>
      <c r="K21435" s="9">
        <v>13.99</v>
      </c>
      <c r="L21435" s="6" t="s">
        <v>4151</v>
      </c>
    </row>
    <row r="21436" spans="1:12">
      <c r="A21436" s="6" t="s">
        <v>4151</v>
      </c>
      <c r="B21436" s="6"/>
      <c r="C21436" s="6" t="s">
        <v>21472</v>
      </c>
      <c r="D21436" s="6"/>
      <c r="E21436" s="6" t="s">
        <v>9</v>
      </c>
      <c r="F21436" s="7">
        <v>38657</v>
      </c>
      <c r="G21436" s="8">
        <v>1</v>
      </c>
      <c r="H21436" s="8">
        <v>1</v>
      </c>
      <c r="I21436" s="8">
        <v>0</v>
      </c>
      <c r="J21436" s="8">
        <v>1</v>
      </c>
      <c r="K21436" s="9">
        <v>54</v>
      </c>
      <c r="L21436" s="6" t="s">
        <v>4151</v>
      </c>
    </row>
    <row r="21437" spans="1:12">
      <c r="A21437" s="6" t="s">
        <v>4151</v>
      </c>
      <c r="B21437" s="6"/>
      <c r="C21437" s="6" t="s">
        <v>21473</v>
      </c>
      <c r="D21437" s="6"/>
      <c r="E21437" s="6" t="s">
        <v>9</v>
      </c>
      <c r="F21437" s="7">
        <v>38657</v>
      </c>
      <c r="G21437" s="8">
        <v>1</v>
      </c>
      <c r="H21437" s="8">
        <v>1</v>
      </c>
      <c r="I21437" s="8">
        <v>0</v>
      </c>
      <c r="J21437" s="8">
        <v>1</v>
      </c>
      <c r="K21437" s="9">
        <v>423</v>
      </c>
      <c r="L21437" s="6" t="s">
        <v>4151</v>
      </c>
    </row>
    <row r="21438" spans="1:12">
      <c r="A21438" s="6" t="s">
        <v>4151</v>
      </c>
      <c r="B21438" s="6"/>
      <c r="C21438" s="6" t="s">
        <v>21474</v>
      </c>
      <c r="D21438" s="6"/>
      <c r="E21438" s="6" t="s">
        <v>9</v>
      </c>
      <c r="F21438" s="7">
        <v>38657</v>
      </c>
      <c r="G21438" s="8">
        <v>1</v>
      </c>
      <c r="H21438" s="8">
        <v>1</v>
      </c>
      <c r="I21438" s="8">
        <v>0</v>
      </c>
      <c r="J21438" s="8">
        <v>1</v>
      </c>
      <c r="K21438" s="9">
        <v>24</v>
      </c>
      <c r="L21438" s="6" t="s">
        <v>4151</v>
      </c>
    </row>
    <row r="21439" spans="1:12">
      <c r="A21439" s="6" t="s">
        <v>4151</v>
      </c>
      <c r="B21439" s="6"/>
      <c r="C21439" s="6" t="s">
        <v>21475</v>
      </c>
      <c r="D21439" s="6"/>
      <c r="E21439" s="6" t="s">
        <v>9</v>
      </c>
      <c r="F21439" s="7">
        <v>38657</v>
      </c>
      <c r="G21439" s="8">
        <v>1</v>
      </c>
      <c r="H21439" s="8">
        <v>1</v>
      </c>
      <c r="I21439" s="8">
        <v>0</v>
      </c>
      <c r="J21439" s="8">
        <v>1</v>
      </c>
      <c r="K21439" s="9">
        <v>179</v>
      </c>
      <c r="L21439" s="6" t="s">
        <v>4151</v>
      </c>
    </row>
    <row r="21440" spans="1:12">
      <c r="A21440" s="6" t="s">
        <v>4151</v>
      </c>
      <c r="B21440" s="6"/>
      <c r="C21440" s="6" t="s">
        <v>21476</v>
      </c>
      <c r="D21440" s="6"/>
      <c r="E21440" s="6" t="s">
        <v>9</v>
      </c>
      <c r="F21440" s="7">
        <v>38657</v>
      </c>
      <c r="G21440" s="8">
        <v>1</v>
      </c>
      <c r="H21440" s="8">
        <v>1</v>
      </c>
      <c r="I21440" s="8">
        <v>0</v>
      </c>
      <c r="J21440" s="8">
        <v>1</v>
      </c>
      <c r="K21440" s="9">
        <v>5.6</v>
      </c>
      <c r="L21440" s="6" t="s">
        <v>4151</v>
      </c>
    </row>
    <row r="21441" spans="1:12">
      <c r="A21441" s="6" t="s">
        <v>4151</v>
      </c>
      <c r="B21441" s="6"/>
      <c r="C21441" s="6" t="s">
        <v>21477</v>
      </c>
      <c r="D21441" s="6"/>
      <c r="E21441" s="6" t="s">
        <v>9</v>
      </c>
      <c r="F21441" s="7">
        <v>38657</v>
      </c>
      <c r="G21441" s="8">
        <v>1</v>
      </c>
      <c r="H21441" s="8">
        <v>1</v>
      </c>
      <c r="I21441" s="8">
        <v>0</v>
      </c>
      <c r="J21441" s="8">
        <v>1</v>
      </c>
      <c r="K21441" s="9">
        <v>156</v>
      </c>
      <c r="L21441" s="6" t="s">
        <v>4151</v>
      </c>
    </row>
    <row r="21442" spans="1:12">
      <c r="A21442" s="6" t="s">
        <v>4151</v>
      </c>
      <c r="B21442" s="6"/>
      <c r="C21442" s="6" t="s">
        <v>21478</v>
      </c>
      <c r="D21442" s="6"/>
      <c r="E21442" s="6" t="s">
        <v>9</v>
      </c>
      <c r="F21442" s="7">
        <v>38657</v>
      </c>
      <c r="G21442" s="8">
        <v>1</v>
      </c>
      <c r="H21442" s="8">
        <v>1</v>
      </c>
      <c r="I21442" s="8">
        <v>0</v>
      </c>
      <c r="J21442" s="8">
        <v>1</v>
      </c>
      <c r="K21442" s="9">
        <v>404</v>
      </c>
      <c r="L21442" s="6" t="s">
        <v>4151</v>
      </c>
    </row>
    <row r="21443" spans="1:12">
      <c r="A21443" s="6" t="s">
        <v>4151</v>
      </c>
      <c r="B21443" s="6"/>
      <c r="C21443" s="6" t="s">
        <v>21479</v>
      </c>
      <c r="D21443" s="6"/>
      <c r="E21443" s="6" t="s">
        <v>9</v>
      </c>
      <c r="F21443" s="7">
        <v>38657</v>
      </c>
      <c r="G21443" s="8">
        <v>1</v>
      </c>
      <c r="H21443" s="8">
        <v>1</v>
      </c>
      <c r="I21443" s="8">
        <v>0</v>
      </c>
      <c r="J21443" s="8">
        <v>1</v>
      </c>
      <c r="K21443" s="9">
        <v>27</v>
      </c>
      <c r="L21443" s="6" t="s">
        <v>4151</v>
      </c>
    </row>
    <row r="21444" spans="1:12">
      <c r="A21444" s="6" t="s">
        <v>4151</v>
      </c>
      <c r="B21444" s="6"/>
      <c r="C21444" s="6" t="s">
        <v>21480</v>
      </c>
      <c r="D21444" s="6"/>
      <c r="E21444" s="6" t="s">
        <v>9</v>
      </c>
      <c r="F21444" s="7">
        <v>38657</v>
      </c>
      <c r="G21444" s="8">
        <v>1</v>
      </c>
      <c r="H21444" s="8">
        <v>1</v>
      </c>
      <c r="I21444" s="8">
        <v>0</v>
      </c>
      <c r="J21444" s="8">
        <v>1</v>
      </c>
      <c r="K21444" s="9">
        <v>366</v>
      </c>
      <c r="L21444" s="6" t="s">
        <v>4151</v>
      </c>
    </row>
    <row r="21445" spans="1:12">
      <c r="A21445" s="6" t="s">
        <v>4151</v>
      </c>
      <c r="B21445" s="6"/>
      <c r="C21445" s="6" t="s">
        <v>21481</v>
      </c>
      <c r="D21445" s="6"/>
      <c r="E21445" s="6" t="s">
        <v>9</v>
      </c>
      <c r="F21445" s="7">
        <v>38657</v>
      </c>
      <c r="G21445" s="8">
        <v>1</v>
      </c>
      <c r="H21445" s="8">
        <v>1</v>
      </c>
      <c r="I21445" s="8">
        <v>0</v>
      </c>
      <c r="J21445" s="8">
        <v>1</v>
      </c>
      <c r="K21445" s="9">
        <v>202</v>
      </c>
      <c r="L21445" s="6" t="s">
        <v>4151</v>
      </c>
    </row>
    <row r="21446" spans="1:12">
      <c r="A21446" s="6" t="s">
        <v>4151</v>
      </c>
      <c r="B21446" s="6"/>
      <c r="C21446" s="6" t="s">
        <v>21482</v>
      </c>
      <c r="D21446" s="6"/>
      <c r="E21446" s="6" t="s">
        <v>9</v>
      </c>
      <c r="F21446" s="7">
        <v>38657</v>
      </c>
      <c r="G21446" s="8">
        <v>1</v>
      </c>
      <c r="H21446" s="8">
        <v>1</v>
      </c>
      <c r="I21446" s="8">
        <v>0</v>
      </c>
      <c r="J21446" s="8">
        <v>1</v>
      </c>
      <c r="K21446" s="9">
        <v>76</v>
      </c>
      <c r="L21446" s="6" t="s">
        <v>4151</v>
      </c>
    </row>
    <row r="21447" spans="1:12">
      <c r="A21447" s="6" t="s">
        <v>4151</v>
      </c>
      <c r="B21447" s="6"/>
      <c r="C21447" s="6" t="s">
        <v>21483</v>
      </c>
      <c r="D21447" s="6"/>
      <c r="E21447" s="6" t="s">
        <v>9</v>
      </c>
      <c r="F21447" s="7">
        <v>38657</v>
      </c>
      <c r="G21447" s="8">
        <v>1</v>
      </c>
      <c r="H21447" s="8">
        <v>1</v>
      </c>
      <c r="I21447" s="8">
        <v>0</v>
      </c>
      <c r="J21447" s="8">
        <v>1</v>
      </c>
      <c r="K21447" s="9">
        <v>0.75</v>
      </c>
      <c r="L21447" s="6" t="s">
        <v>4151</v>
      </c>
    </row>
    <row r="21448" spans="1:12">
      <c r="A21448" s="6" t="s">
        <v>4151</v>
      </c>
      <c r="B21448" s="6"/>
      <c r="C21448" s="6" t="s">
        <v>21484</v>
      </c>
      <c r="D21448" s="6"/>
      <c r="E21448" s="6" t="s">
        <v>9</v>
      </c>
      <c r="F21448" s="7">
        <v>38657</v>
      </c>
      <c r="G21448" s="8">
        <v>1</v>
      </c>
      <c r="H21448" s="8">
        <v>1</v>
      </c>
      <c r="I21448" s="8">
        <v>0</v>
      </c>
      <c r="J21448" s="8">
        <v>1</v>
      </c>
      <c r="K21448" s="9">
        <v>0.4</v>
      </c>
      <c r="L21448" s="6" t="s">
        <v>4151</v>
      </c>
    </row>
    <row r="21449" spans="1:12">
      <c r="A21449" s="6" t="s">
        <v>4151</v>
      </c>
      <c r="B21449" s="6"/>
      <c r="C21449" s="6" t="s">
        <v>21485</v>
      </c>
      <c r="D21449" s="6"/>
      <c r="E21449" s="6" t="s">
        <v>9</v>
      </c>
      <c r="F21449" s="7">
        <v>38657</v>
      </c>
      <c r="G21449" s="8">
        <v>1</v>
      </c>
      <c r="H21449" s="8">
        <v>1</v>
      </c>
      <c r="I21449" s="8">
        <v>0</v>
      </c>
      <c r="J21449" s="8">
        <v>1</v>
      </c>
      <c r="K21449" s="9">
        <v>0.28000000000000003</v>
      </c>
      <c r="L21449" s="6" t="s">
        <v>4151</v>
      </c>
    </row>
    <row r="21450" spans="1:12">
      <c r="A21450" s="6" t="s">
        <v>4151</v>
      </c>
      <c r="B21450" s="6"/>
      <c r="C21450" s="6" t="s">
        <v>21486</v>
      </c>
      <c r="D21450" s="6"/>
      <c r="E21450" s="6" t="s">
        <v>9</v>
      </c>
      <c r="F21450" s="7">
        <v>38657</v>
      </c>
      <c r="G21450" s="8">
        <v>1</v>
      </c>
      <c r="H21450" s="8">
        <v>1</v>
      </c>
      <c r="I21450" s="8">
        <v>0</v>
      </c>
      <c r="J21450" s="8">
        <v>1</v>
      </c>
      <c r="K21450" s="9">
        <v>55</v>
      </c>
      <c r="L21450" s="6" t="s">
        <v>4151</v>
      </c>
    </row>
    <row r="21451" spans="1:12">
      <c r="A21451" s="6" t="s">
        <v>4151</v>
      </c>
      <c r="B21451" s="6"/>
      <c r="C21451" s="6" t="s">
        <v>21487</v>
      </c>
      <c r="D21451" s="6"/>
      <c r="E21451" s="6" t="s">
        <v>9</v>
      </c>
      <c r="F21451" s="7">
        <v>38657</v>
      </c>
      <c r="G21451" s="8">
        <v>1</v>
      </c>
      <c r="H21451" s="8">
        <v>1</v>
      </c>
      <c r="I21451" s="8">
        <v>0</v>
      </c>
      <c r="J21451" s="8">
        <v>1</v>
      </c>
      <c r="K21451" s="9">
        <v>20</v>
      </c>
      <c r="L21451" s="6" t="s">
        <v>4151</v>
      </c>
    </row>
    <row r="21452" spans="1:12">
      <c r="A21452" s="6" t="s">
        <v>4151</v>
      </c>
      <c r="B21452" s="6"/>
      <c r="C21452" s="6" t="s">
        <v>21488</v>
      </c>
      <c r="D21452" s="6"/>
      <c r="E21452" s="6" t="s">
        <v>9</v>
      </c>
      <c r="F21452" s="7">
        <v>38657</v>
      </c>
      <c r="G21452" s="8">
        <v>1</v>
      </c>
      <c r="H21452" s="8">
        <v>1</v>
      </c>
      <c r="I21452" s="8">
        <v>0</v>
      </c>
      <c r="J21452" s="8">
        <v>1</v>
      </c>
      <c r="K21452" s="9">
        <v>17</v>
      </c>
      <c r="L21452" s="6" t="s">
        <v>4151</v>
      </c>
    </row>
    <row r="21453" spans="1:12">
      <c r="A21453" s="6" t="s">
        <v>4151</v>
      </c>
      <c r="B21453" s="6"/>
      <c r="C21453" s="6" t="s">
        <v>21489</v>
      </c>
      <c r="D21453" s="6"/>
      <c r="E21453" s="6" t="s">
        <v>9</v>
      </c>
      <c r="F21453" s="7">
        <v>38657</v>
      </c>
      <c r="G21453" s="8">
        <v>1</v>
      </c>
      <c r="H21453" s="8">
        <v>1</v>
      </c>
      <c r="I21453" s="8">
        <v>0</v>
      </c>
      <c r="J21453" s="8">
        <v>1</v>
      </c>
      <c r="K21453" s="9">
        <v>29</v>
      </c>
      <c r="L21453" s="6" t="s">
        <v>4151</v>
      </c>
    </row>
    <row r="21454" spans="1:12">
      <c r="A21454" s="6" t="s">
        <v>4151</v>
      </c>
      <c r="B21454" s="6"/>
      <c r="C21454" s="6" t="s">
        <v>21490</v>
      </c>
      <c r="D21454" s="6"/>
      <c r="E21454" s="6" t="s">
        <v>9</v>
      </c>
      <c r="F21454" s="7">
        <v>38657</v>
      </c>
      <c r="G21454" s="8">
        <v>1</v>
      </c>
      <c r="H21454" s="8">
        <v>1</v>
      </c>
      <c r="I21454" s="8">
        <v>0</v>
      </c>
      <c r="J21454" s="8">
        <v>1</v>
      </c>
      <c r="K21454" s="9">
        <v>19</v>
      </c>
      <c r="L21454" s="6" t="s">
        <v>4151</v>
      </c>
    </row>
    <row r="21455" spans="1:12">
      <c r="A21455" s="6" t="s">
        <v>4151</v>
      </c>
      <c r="B21455" s="6"/>
      <c r="C21455" s="6" t="s">
        <v>21491</v>
      </c>
      <c r="D21455" s="6"/>
      <c r="E21455" s="6" t="s">
        <v>9</v>
      </c>
      <c r="F21455" s="7">
        <v>38657</v>
      </c>
      <c r="G21455" s="8">
        <v>1</v>
      </c>
      <c r="H21455" s="8">
        <v>1</v>
      </c>
      <c r="I21455" s="8">
        <v>0</v>
      </c>
      <c r="J21455" s="8">
        <v>1</v>
      </c>
      <c r="K21455" s="9">
        <v>32</v>
      </c>
      <c r="L21455" s="6" t="s">
        <v>4151</v>
      </c>
    </row>
    <row r="21456" spans="1:12">
      <c r="A21456" s="6" t="s">
        <v>4151</v>
      </c>
      <c r="B21456" s="6"/>
      <c r="C21456" s="6" t="s">
        <v>21492</v>
      </c>
      <c r="D21456" s="6"/>
      <c r="E21456" s="6" t="s">
        <v>9</v>
      </c>
      <c r="F21456" s="7">
        <v>38657</v>
      </c>
      <c r="G21456" s="8">
        <v>1</v>
      </c>
      <c r="H21456" s="8">
        <v>1</v>
      </c>
      <c r="I21456" s="8">
        <v>0</v>
      </c>
      <c r="J21456" s="8">
        <v>1</v>
      </c>
      <c r="K21456" s="9">
        <v>9</v>
      </c>
      <c r="L21456" s="6" t="s">
        <v>4151</v>
      </c>
    </row>
    <row r="21457" spans="1:12">
      <c r="A21457" s="6" t="s">
        <v>4151</v>
      </c>
      <c r="B21457" s="6"/>
      <c r="C21457" s="6" t="s">
        <v>21493</v>
      </c>
      <c r="D21457" s="6"/>
      <c r="E21457" s="6" t="s">
        <v>9</v>
      </c>
      <c r="F21457" s="7">
        <v>38657</v>
      </c>
      <c r="G21457" s="8">
        <v>1</v>
      </c>
      <c r="H21457" s="8">
        <v>1</v>
      </c>
      <c r="I21457" s="8">
        <v>0</v>
      </c>
      <c r="J21457" s="8">
        <v>1</v>
      </c>
      <c r="K21457" s="9">
        <v>5</v>
      </c>
      <c r="L21457" s="6" t="s">
        <v>4151</v>
      </c>
    </row>
    <row r="21458" spans="1:12">
      <c r="A21458" s="6" t="s">
        <v>4151</v>
      </c>
      <c r="B21458" s="6"/>
      <c r="C21458" s="6" t="s">
        <v>21494</v>
      </c>
      <c r="D21458" s="6"/>
      <c r="E21458" s="6" t="s">
        <v>9</v>
      </c>
      <c r="F21458" s="7">
        <v>38657</v>
      </c>
      <c r="G21458" s="8">
        <v>1</v>
      </c>
      <c r="H21458" s="8">
        <v>1</v>
      </c>
      <c r="I21458" s="8">
        <v>0</v>
      </c>
      <c r="J21458" s="8">
        <v>1</v>
      </c>
      <c r="K21458" s="9">
        <v>54.65</v>
      </c>
      <c r="L21458" s="6" t="s">
        <v>4151</v>
      </c>
    </row>
    <row r="21459" spans="1:12">
      <c r="A21459" s="6" t="s">
        <v>4151</v>
      </c>
      <c r="B21459" s="6"/>
      <c r="C21459" s="6" t="s">
        <v>21495</v>
      </c>
      <c r="D21459" s="6"/>
      <c r="E21459" s="6" t="s">
        <v>9</v>
      </c>
      <c r="F21459" s="7">
        <v>38657</v>
      </c>
      <c r="G21459" s="8">
        <v>1</v>
      </c>
      <c r="H21459" s="8">
        <v>1</v>
      </c>
      <c r="I21459" s="8">
        <v>0</v>
      </c>
      <c r="J21459" s="8">
        <v>1</v>
      </c>
      <c r="K21459" s="9">
        <v>235</v>
      </c>
      <c r="L21459" s="6" t="s">
        <v>4151</v>
      </c>
    </row>
    <row r="21460" spans="1:12">
      <c r="A21460" s="6" t="s">
        <v>4151</v>
      </c>
      <c r="B21460" s="6"/>
      <c r="C21460" s="6" t="s">
        <v>21496</v>
      </c>
      <c r="D21460" s="6"/>
      <c r="E21460" s="6" t="s">
        <v>9</v>
      </c>
      <c r="F21460" s="7">
        <v>38657</v>
      </c>
      <c r="G21460" s="8">
        <v>1</v>
      </c>
      <c r="H21460" s="8">
        <v>1</v>
      </c>
      <c r="I21460" s="8">
        <v>0</v>
      </c>
      <c r="J21460" s="8">
        <v>1</v>
      </c>
      <c r="K21460" s="9">
        <v>31</v>
      </c>
      <c r="L21460" s="6" t="s">
        <v>4151</v>
      </c>
    </row>
    <row r="21461" spans="1:12">
      <c r="A21461" s="6" t="s">
        <v>4151</v>
      </c>
      <c r="B21461" s="6"/>
      <c r="C21461" s="6" t="s">
        <v>21497</v>
      </c>
      <c r="D21461" s="6"/>
      <c r="E21461" s="6" t="s">
        <v>9</v>
      </c>
      <c r="F21461" s="7">
        <v>38657</v>
      </c>
      <c r="G21461" s="8">
        <v>1</v>
      </c>
      <c r="H21461" s="8">
        <v>1</v>
      </c>
      <c r="I21461" s="8">
        <v>0</v>
      </c>
      <c r="J21461" s="8">
        <v>1</v>
      </c>
      <c r="K21461" s="9">
        <v>58</v>
      </c>
      <c r="L21461" s="6" t="s">
        <v>4151</v>
      </c>
    </row>
    <row r="21462" spans="1:12">
      <c r="A21462" s="6" t="s">
        <v>4151</v>
      </c>
      <c r="B21462" s="6"/>
      <c r="C21462" s="6" t="s">
        <v>21498</v>
      </c>
      <c r="D21462" s="6"/>
      <c r="E21462" s="6" t="s">
        <v>9</v>
      </c>
      <c r="F21462" s="7">
        <v>38657</v>
      </c>
      <c r="G21462" s="8">
        <v>1</v>
      </c>
      <c r="H21462" s="8">
        <v>1</v>
      </c>
      <c r="I21462" s="8">
        <v>0</v>
      </c>
      <c r="J21462" s="8">
        <v>1</v>
      </c>
      <c r="K21462" s="9">
        <v>34</v>
      </c>
      <c r="L21462" s="6" t="s">
        <v>4151</v>
      </c>
    </row>
    <row r="21463" spans="1:12">
      <c r="A21463" s="6" t="s">
        <v>4151</v>
      </c>
      <c r="B21463" s="6"/>
      <c r="C21463" s="6" t="s">
        <v>21499</v>
      </c>
      <c r="D21463" s="6"/>
      <c r="E21463" s="6" t="s">
        <v>9</v>
      </c>
      <c r="F21463" s="7">
        <v>38657</v>
      </c>
      <c r="G21463" s="8">
        <v>1</v>
      </c>
      <c r="H21463" s="8">
        <v>1</v>
      </c>
      <c r="I21463" s="8">
        <v>0</v>
      </c>
      <c r="J21463" s="8">
        <v>1</v>
      </c>
      <c r="K21463" s="9">
        <v>66</v>
      </c>
      <c r="L21463" s="6" t="s">
        <v>4151</v>
      </c>
    </row>
    <row r="21464" spans="1:12">
      <c r="A21464" s="6" t="s">
        <v>4151</v>
      </c>
      <c r="B21464" s="6"/>
      <c r="C21464" s="6" t="s">
        <v>21500</v>
      </c>
      <c r="D21464" s="6"/>
      <c r="E21464" s="6" t="s">
        <v>9</v>
      </c>
      <c r="F21464" s="7">
        <v>38657</v>
      </c>
      <c r="G21464" s="8">
        <v>1</v>
      </c>
      <c r="H21464" s="8">
        <v>1</v>
      </c>
      <c r="I21464" s="8">
        <v>0</v>
      </c>
      <c r="J21464" s="8">
        <v>1</v>
      </c>
      <c r="K21464" s="9">
        <v>104</v>
      </c>
      <c r="L21464" s="6" t="s">
        <v>4151</v>
      </c>
    </row>
    <row r="21465" spans="1:12">
      <c r="A21465" s="6" t="s">
        <v>4151</v>
      </c>
      <c r="B21465" s="6"/>
      <c r="C21465" s="6" t="s">
        <v>21501</v>
      </c>
      <c r="D21465" s="6"/>
      <c r="E21465" s="6" t="s">
        <v>9</v>
      </c>
      <c r="F21465" s="7">
        <v>38657</v>
      </c>
      <c r="G21465" s="8">
        <v>1</v>
      </c>
      <c r="H21465" s="8">
        <v>1</v>
      </c>
      <c r="I21465" s="8">
        <v>0</v>
      </c>
      <c r="J21465" s="8">
        <v>1</v>
      </c>
      <c r="K21465" s="9">
        <v>118</v>
      </c>
      <c r="L21465" s="6" t="s">
        <v>4151</v>
      </c>
    </row>
    <row r="21466" spans="1:12">
      <c r="A21466" s="6" t="s">
        <v>4151</v>
      </c>
      <c r="B21466" s="6"/>
      <c r="C21466" s="6" t="s">
        <v>21502</v>
      </c>
      <c r="D21466" s="6"/>
      <c r="E21466" s="6" t="s">
        <v>9</v>
      </c>
      <c r="F21466" s="7">
        <v>38657</v>
      </c>
      <c r="G21466" s="8">
        <v>1</v>
      </c>
      <c r="H21466" s="8">
        <v>1</v>
      </c>
      <c r="I21466" s="8">
        <v>0</v>
      </c>
      <c r="J21466" s="8">
        <v>1</v>
      </c>
      <c r="K21466" s="9">
        <v>104</v>
      </c>
      <c r="L21466" s="6" t="s">
        <v>4151</v>
      </c>
    </row>
    <row r="21467" spans="1:12">
      <c r="A21467" s="6" t="s">
        <v>4151</v>
      </c>
      <c r="B21467" s="6"/>
      <c r="C21467" s="6" t="s">
        <v>21503</v>
      </c>
      <c r="D21467" s="6"/>
      <c r="E21467" s="6" t="s">
        <v>9</v>
      </c>
      <c r="F21467" s="7">
        <v>38657</v>
      </c>
      <c r="G21467" s="8">
        <v>1</v>
      </c>
      <c r="H21467" s="8">
        <v>1</v>
      </c>
      <c r="I21467" s="8">
        <v>0</v>
      </c>
      <c r="J21467" s="8">
        <v>1</v>
      </c>
      <c r="K21467" s="9">
        <v>96</v>
      </c>
      <c r="L21467" s="6" t="s">
        <v>4151</v>
      </c>
    </row>
    <row r="21468" spans="1:12">
      <c r="A21468" s="6" t="s">
        <v>4151</v>
      </c>
      <c r="B21468" s="6"/>
      <c r="C21468" s="6" t="s">
        <v>21504</v>
      </c>
      <c r="D21468" s="6"/>
      <c r="E21468" s="6" t="s">
        <v>9</v>
      </c>
      <c r="F21468" s="7">
        <v>38657</v>
      </c>
      <c r="G21468" s="8">
        <v>1</v>
      </c>
      <c r="H21468" s="8">
        <v>1</v>
      </c>
      <c r="I21468" s="8">
        <v>0</v>
      </c>
      <c r="J21468" s="8">
        <v>1</v>
      </c>
      <c r="K21468" s="9">
        <v>230</v>
      </c>
      <c r="L21468" s="6" t="s">
        <v>4151</v>
      </c>
    </row>
    <row r="21469" spans="1:12">
      <c r="A21469" s="6" t="s">
        <v>4151</v>
      </c>
      <c r="B21469" s="6"/>
      <c r="C21469" s="6" t="s">
        <v>21505</v>
      </c>
      <c r="D21469" s="6"/>
      <c r="E21469" s="6" t="s">
        <v>9</v>
      </c>
      <c r="F21469" s="7">
        <v>38657</v>
      </c>
      <c r="G21469" s="8">
        <v>1</v>
      </c>
      <c r="H21469" s="8">
        <v>1</v>
      </c>
      <c r="I21469" s="8">
        <v>0</v>
      </c>
      <c r="J21469" s="8">
        <v>1</v>
      </c>
      <c r="K21469" s="9">
        <v>112</v>
      </c>
      <c r="L21469" s="6" t="s">
        <v>4151</v>
      </c>
    </row>
    <row r="21470" spans="1:12">
      <c r="A21470" s="6" t="s">
        <v>4151</v>
      </c>
      <c r="B21470" s="6"/>
      <c r="C21470" s="6" t="s">
        <v>21506</v>
      </c>
      <c r="D21470" s="6"/>
      <c r="E21470" s="6" t="s">
        <v>9</v>
      </c>
      <c r="F21470" s="7">
        <v>38657</v>
      </c>
      <c r="G21470" s="8">
        <v>1</v>
      </c>
      <c r="H21470" s="8">
        <v>1</v>
      </c>
      <c r="I21470" s="8">
        <v>0</v>
      </c>
      <c r="J21470" s="8">
        <v>1</v>
      </c>
      <c r="K21470" s="9">
        <v>7.99</v>
      </c>
      <c r="L21470" s="6" t="s">
        <v>4151</v>
      </c>
    </row>
    <row r="21471" spans="1:12">
      <c r="A21471" s="6" t="s">
        <v>4151</v>
      </c>
      <c r="B21471" s="6"/>
      <c r="C21471" s="6" t="s">
        <v>21507</v>
      </c>
      <c r="D21471" s="6"/>
      <c r="E21471" s="6" t="s">
        <v>9</v>
      </c>
      <c r="F21471" s="7">
        <v>38657</v>
      </c>
      <c r="G21471" s="8">
        <v>1</v>
      </c>
      <c r="H21471" s="8">
        <v>1</v>
      </c>
      <c r="I21471" s="8">
        <v>0</v>
      </c>
      <c r="J21471" s="8">
        <v>1</v>
      </c>
      <c r="K21471" s="9">
        <v>133</v>
      </c>
      <c r="L21471" s="6" t="s">
        <v>4151</v>
      </c>
    </row>
    <row r="21472" spans="1:12">
      <c r="A21472" s="6" t="s">
        <v>4151</v>
      </c>
      <c r="B21472" s="6"/>
      <c r="C21472" s="6" t="s">
        <v>21508</v>
      </c>
      <c r="D21472" s="6"/>
      <c r="E21472" s="6" t="s">
        <v>9</v>
      </c>
      <c r="F21472" s="7">
        <v>38657</v>
      </c>
      <c r="G21472" s="8">
        <v>1</v>
      </c>
      <c r="H21472" s="8">
        <v>1</v>
      </c>
      <c r="I21472" s="8">
        <v>0</v>
      </c>
      <c r="J21472" s="8">
        <v>1</v>
      </c>
      <c r="K21472" s="9">
        <v>116</v>
      </c>
      <c r="L21472" s="6" t="s">
        <v>4151</v>
      </c>
    </row>
    <row r="21473" spans="1:12">
      <c r="A21473" s="6" t="s">
        <v>4151</v>
      </c>
      <c r="B21473" s="6"/>
      <c r="C21473" s="6" t="s">
        <v>21509</v>
      </c>
      <c r="D21473" s="6"/>
      <c r="E21473" s="6" t="s">
        <v>9</v>
      </c>
      <c r="F21473" s="7">
        <v>38657</v>
      </c>
      <c r="G21473" s="8">
        <v>1</v>
      </c>
      <c r="H21473" s="8">
        <v>1</v>
      </c>
      <c r="I21473" s="8">
        <v>0</v>
      </c>
      <c r="J21473" s="8">
        <v>1</v>
      </c>
      <c r="K21473" s="9">
        <v>10</v>
      </c>
      <c r="L21473" s="6" t="s">
        <v>4151</v>
      </c>
    </row>
    <row r="21474" spans="1:12">
      <c r="A21474" s="6" t="s">
        <v>4151</v>
      </c>
      <c r="B21474" s="6"/>
      <c r="C21474" s="6" t="s">
        <v>21510</v>
      </c>
      <c r="D21474" s="6"/>
      <c r="E21474" s="6" t="s">
        <v>9</v>
      </c>
      <c r="F21474" s="7">
        <v>38657</v>
      </c>
      <c r="G21474" s="8">
        <v>1</v>
      </c>
      <c r="H21474" s="8">
        <v>1</v>
      </c>
      <c r="I21474" s="8">
        <v>0</v>
      </c>
      <c r="J21474" s="8">
        <v>1</v>
      </c>
      <c r="K21474" s="9">
        <v>58</v>
      </c>
      <c r="L21474" s="6" t="s">
        <v>4151</v>
      </c>
    </row>
    <row r="21475" spans="1:12">
      <c r="A21475" s="6" t="s">
        <v>4151</v>
      </c>
      <c r="B21475" s="6"/>
      <c r="C21475" s="6" t="s">
        <v>21511</v>
      </c>
      <c r="D21475" s="6"/>
      <c r="E21475" s="6" t="s">
        <v>9</v>
      </c>
      <c r="F21475" s="7">
        <v>38657</v>
      </c>
      <c r="G21475" s="8">
        <v>1</v>
      </c>
      <c r="H21475" s="8">
        <v>1</v>
      </c>
      <c r="I21475" s="8">
        <v>0</v>
      </c>
      <c r="J21475" s="8">
        <v>1</v>
      </c>
      <c r="K21475" s="9">
        <v>168</v>
      </c>
      <c r="L21475" s="6" t="s">
        <v>4151</v>
      </c>
    </row>
    <row r="21476" spans="1:12">
      <c r="A21476" s="6" t="s">
        <v>4151</v>
      </c>
      <c r="B21476" s="6"/>
      <c r="C21476" s="6" t="s">
        <v>21512</v>
      </c>
      <c r="D21476" s="6"/>
      <c r="E21476" s="6" t="s">
        <v>9</v>
      </c>
      <c r="F21476" s="7">
        <v>38657</v>
      </c>
      <c r="G21476" s="8">
        <v>1</v>
      </c>
      <c r="H21476" s="8">
        <v>1</v>
      </c>
      <c r="I21476" s="8">
        <v>0</v>
      </c>
      <c r="J21476" s="8">
        <v>1</v>
      </c>
      <c r="K21476" s="9">
        <v>18</v>
      </c>
      <c r="L21476" s="6" t="s">
        <v>4151</v>
      </c>
    </row>
    <row r="21477" spans="1:12">
      <c r="A21477" s="6" t="s">
        <v>4151</v>
      </c>
      <c r="B21477" s="6"/>
      <c r="C21477" s="6" t="s">
        <v>21513</v>
      </c>
      <c r="D21477" s="6"/>
      <c r="E21477" s="6" t="s">
        <v>9</v>
      </c>
      <c r="F21477" s="7"/>
      <c r="G21477" s="8">
        <v>1</v>
      </c>
      <c r="H21477" s="8">
        <v>1</v>
      </c>
      <c r="I21477" s="8">
        <v>0</v>
      </c>
      <c r="J21477" s="8">
        <v>1</v>
      </c>
      <c r="K21477" s="9">
        <v>129</v>
      </c>
      <c r="L21477" s="6" t="s">
        <v>4151</v>
      </c>
    </row>
    <row r="21478" spans="1:12">
      <c r="A21478" s="6" t="s">
        <v>4151</v>
      </c>
      <c r="B21478" s="6"/>
      <c r="C21478" s="6" t="s">
        <v>21514</v>
      </c>
      <c r="D21478" s="6"/>
      <c r="E21478" s="6" t="s">
        <v>9</v>
      </c>
      <c r="F21478" s="7">
        <v>38657</v>
      </c>
      <c r="G21478" s="8">
        <v>1</v>
      </c>
      <c r="H21478" s="8">
        <v>1</v>
      </c>
      <c r="I21478" s="8">
        <v>0</v>
      </c>
      <c r="J21478" s="8">
        <v>1</v>
      </c>
      <c r="K21478" s="9">
        <v>22</v>
      </c>
      <c r="L21478" s="6" t="s">
        <v>4151</v>
      </c>
    </row>
    <row r="21479" spans="1:12">
      <c r="A21479" s="6" t="s">
        <v>4151</v>
      </c>
      <c r="B21479" s="6"/>
      <c r="C21479" s="6" t="s">
        <v>21515</v>
      </c>
      <c r="D21479" s="6"/>
      <c r="E21479" s="6" t="s">
        <v>9</v>
      </c>
      <c r="F21479" s="7">
        <v>38657</v>
      </c>
      <c r="G21479" s="8">
        <v>1</v>
      </c>
      <c r="H21479" s="8">
        <v>1</v>
      </c>
      <c r="I21479" s="8">
        <v>0</v>
      </c>
      <c r="J21479" s="8">
        <v>1</v>
      </c>
      <c r="K21479" s="9">
        <v>18</v>
      </c>
      <c r="L21479" s="6" t="s">
        <v>4151</v>
      </c>
    </row>
    <row r="21480" spans="1:12">
      <c r="A21480" s="6" t="s">
        <v>4151</v>
      </c>
      <c r="B21480" s="6"/>
      <c r="C21480" s="6" t="s">
        <v>21516</v>
      </c>
      <c r="D21480" s="6"/>
      <c r="E21480" s="6" t="s">
        <v>9</v>
      </c>
      <c r="F21480" s="7">
        <v>38657</v>
      </c>
      <c r="G21480" s="8">
        <v>1</v>
      </c>
      <c r="H21480" s="8">
        <v>1</v>
      </c>
      <c r="I21480" s="8">
        <v>0</v>
      </c>
      <c r="J21480" s="8">
        <v>1</v>
      </c>
      <c r="K21480" s="9">
        <v>14</v>
      </c>
      <c r="L21480" s="6" t="s">
        <v>4151</v>
      </c>
    </row>
    <row r="21481" spans="1:12">
      <c r="A21481" s="6" t="s">
        <v>4151</v>
      </c>
      <c r="B21481" s="6"/>
      <c r="C21481" s="6" t="s">
        <v>21517</v>
      </c>
      <c r="D21481" s="6"/>
      <c r="E21481" s="6" t="s">
        <v>9</v>
      </c>
      <c r="F21481" s="7">
        <v>38657</v>
      </c>
      <c r="G21481" s="8">
        <v>1</v>
      </c>
      <c r="H21481" s="8">
        <v>1</v>
      </c>
      <c r="I21481" s="8">
        <v>0</v>
      </c>
      <c r="J21481" s="8">
        <v>1</v>
      </c>
      <c r="K21481" s="9">
        <v>37.020000000000003</v>
      </c>
      <c r="L21481" s="6" t="s">
        <v>4151</v>
      </c>
    </row>
    <row r="21482" spans="1:12">
      <c r="A21482" s="6" t="s">
        <v>4151</v>
      </c>
      <c r="B21482" s="6"/>
      <c r="C21482" s="6" t="s">
        <v>21518</v>
      </c>
      <c r="D21482" s="6"/>
      <c r="E21482" s="6" t="s">
        <v>9</v>
      </c>
      <c r="F21482" s="7">
        <v>38657</v>
      </c>
      <c r="G21482" s="8">
        <v>1</v>
      </c>
      <c r="H21482" s="8">
        <v>1</v>
      </c>
      <c r="I21482" s="8">
        <v>0</v>
      </c>
      <c r="J21482" s="8">
        <v>1</v>
      </c>
      <c r="K21482" s="9">
        <v>8.42</v>
      </c>
      <c r="L21482" s="6" t="s">
        <v>4151</v>
      </c>
    </row>
    <row r="21483" spans="1:12">
      <c r="A21483" s="6" t="s">
        <v>4151</v>
      </c>
      <c r="B21483" s="6"/>
      <c r="C21483" s="6" t="s">
        <v>21519</v>
      </c>
      <c r="D21483" s="6"/>
      <c r="E21483" s="6" t="s">
        <v>9</v>
      </c>
      <c r="F21483" s="7">
        <v>41260</v>
      </c>
      <c r="G21483" s="8">
        <v>1</v>
      </c>
      <c r="H21483" s="8">
        <v>1</v>
      </c>
      <c r="I21483" s="8">
        <v>0</v>
      </c>
      <c r="J21483" s="8">
        <v>1</v>
      </c>
      <c r="K21483" s="9">
        <v>9.9</v>
      </c>
      <c r="L21483" s="6" t="s">
        <v>4151</v>
      </c>
    </row>
    <row r="21484" spans="1:12">
      <c r="A21484" s="6" t="s">
        <v>4151</v>
      </c>
      <c r="B21484" s="6"/>
      <c r="C21484" s="6" t="s">
        <v>21520</v>
      </c>
      <c r="D21484" s="6"/>
      <c r="E21484" s="6" t="s">
        <v>9</v>
      </c>
      <c r="F21484" s="7">
        <v>38657</v>
      </c>
      <c r="G21484" s="8">
        <v>1</v>
      </c>
      <c r="H21484" s="8">
        <v>1</v>
      </c>
      <c r="I21484" s="8">
        <v>0</v>
      </c>
      <c r="J21484" s="8">
        <v>1</v>
      </c>
      <c r="K21484" s="9">
        <v>60</v>
      </c>
      <c r="L21484" s="6" t="s">
        <v>4151</v>
      </c>
    </row>
    <row r="21485" spans="1:12">
      <c r="A21485" s="6" t="s">
        <v>4151</v>
      </c>
      <c r="B21485" s="6"/>
      <c r="C21485" s="6" t="s">
        <v>21521</v>
      </c>
      <c r="D21485" s="6"/>
      <c r="E21485" s="6" t="s">
        <v>9</v>
      </c>
      <c r="F21485" s="7">
        <v>38657</v>
      </c>
      <c r="G21485" s="8">
        <v>1</v>
      </c>
      <c r="H21485" s="8">
        <v>1</v>
      </c>
      <c r="I21485" s="8">
        <v>0</v>
      </c>
      <c r="J21485" s="8">
        <v>1</v>
      </c>
      <c r="K21485" s="9">
        <v>80</v>
      </c>
      <c r="L21485" s="6" t="s">
        <v>4151</v>
      </c>
    </row>
    <row r="21486" spans="1:12">
      <c r="A21486" s="6" t="s">
        <v>4151</v>
      </c>
      <c r="B21486" s="6"/>
      <c r="C21486" s="6" t="s">
        <v>21522</v>
      </c>
      <c r="D21486" s="6"/>
      <c r="E21486" s="6" t="s">
        <v>9</v>
      </c>
      <c r="F21486" s="7">
        <v>38657</v>
      </c>
      <c r="G21486" s="8">
        <v>1</v>
      </c>
      <c r="H21486" s="8">
        <v>1</v>
      </c>
      <c r="I21486" s="8">
        <v>0</v>
      </c>
      <c r="J21486" s="8">
        <v>1</v>
      </c>
      <c r="K21486" s="9">
        <v>80</v>
      </c>
      <c r="L21486" s="6" t="s">
        <v>4151</v>
      </c>
    </row>
    <row r="21487" spans="1:12">
      <c r="A21487" s="6" t="s">
        <v>4151</v>
      </c>
      <c r="B21487" s="6"/>
      <c r="C21487" s="6" t="s">
        <v>21523</v>
      </c>
      <c r="D21487" s="6"/>
      <c r="E21487" s="6" t="s">
        <v>9</v>
      </c>
      <c r="F21487" s="7">
        <v>38657</v>
      </c>
      <c r="G21487" s="8">
        <v>1</v>
      </c>
      <c r="H21487" s="8">
        <v>1</v>
      </c>
      <c r="I21487" s="8">
        <v>0</v>
      </c>
      <c r="J21487" s="8">
        <v>1</v>
      </c>
      <c r="K21487" s="9">
        <v>80</v>
      </c>
      <c r="L21487" s="6" t="s">
        <v>4151</v>
      </c>
    </row>
    <row r="21488" spans="1:12">
      <c r="A21488" s="6" t="s">
        <v>4151</v>
      </c>
      <c r="B21488" s="6"/>
      <c r="C21488" s="6" t="s">
        <v>21524</v>
      </c>
      <c r="D21488" s="6"/>
      <c r="E21488" s="6" t="s">
        <v>9</v>
      </c>
      <c r="F21488" s="7">
        <v>38657</v>
      </c>
      <c r="G21488" s="8">
        <v>1</v>
      </c>
      <c r="H21488" s="8">
        <v>1</v>
      </c>
      <c r="I21488" s="8">
        <v>0</v>
      </c>
      <c r="J21488" s="8">
        <v>1</v>
      </c>
      <c r="K21488" s="9">
        <v>80</v>
      </c>
      <c r="L21488" s="6" t="s">
        <v>4151</v>
      </c>
    </row>
    <row r="21489" spans="1:12">
      <c r="A21489" s="6" t="s">
        <v>4151</v>
      </c>
      <c r="B21489" s="6"/>
      <c r="C21489" s="6" t="s">
        <v>21525</v>
      </c>
      <c r="D21489" s="6"/>
      <c r="E21489" s="6" t="s">
        <v>9</v>
      </c>
      <c r="F21489" s="7">
        <v>38657</v>
      </c>
      <c r="G21489" s="8">
        <v>1</v>
      </c>
      <c r="H21489" s="8">
        <v>1</v>
      </c>
      <c r="I21489" s="8">
        <v>0</v>
      </c>
      <c r="J21489" s="8">
        <v>1</v>
      </c>
      <c r="K21489" s="9">
        <v>78</v>
      </c>
      <c r="L21489" s="6" t="s">
        <v>4151</v>
      </c>
    </row>
    <row r="21490" spans="1:12">
      <c r="A21490" s="6" t="s">
        <v>4151</v>
      </c>
      <c r="B21490" s="6"/>
      <c r="C21490" s="6" t="s">
        <v>21526</v>
      </c>
      <c r="D21490" s="6"/>
      <c r="E21490" s="6" t="s">
        <v>9</v>
      </c>
      <c r="F21490" s="7">
        <v>38657</v>
      </c>
      <c r="G21490" s="8">
        <v>1</v>
      </c>
      <c r="H21490" s="8">
        <v>1</v>
      </c>
      <c r="I21490" s="8">
        <v>0</v>
      </c>
      <c r="J21490" s="8">
        <v>1</v>
      </c>
      <c r="K21490" s="9">
        <v>5.48</v>
      </c>
      <c r="L21490" s="6" t="s">
        <v>4151</v>
      </c>
    </row>
    <row r="21491" spans="1:12">
      <c r="A21491" s="6" t="s">
        <v>4151</v>
      </c>
      <c r="B21491" s="6"/>
      <c r="C21491" s="6" t="s">
        <v>21527</v>
      </c>
      <c r="D21491" s="6"/>
      <c r="E21491" s="6" t="s">
        <v>9</v>
      </c>
      <c r="F21491" s="7">
        <v>38657</v>
      </c>
      <c r="G21491" s="8">
        <v>1</v>
      </c>
      <c r="H21491" s="8">
        <v>1</v>
      </c>
      <c r="I21491" s="8">
        <v>0</v>
      </c>
      <c r="J21491" s="8">
        <v>1</v>
      </c>
      <c r="K21491" s="9">
        <v>7.41</v>
      </c>
      <c r="L21491" s="6" t="s">
        <v>4151</v>
      </c>
    </row>
    <row r="21492" spans="1:12">
      <c r="A21492" s="6" t="s">
        <v>4151</v>
      </c>
      <c r="B21492" s="6"/>
      <c r="C21492" s="6" t="s">
        <v>21528</v>
      </c>
      <c r="D21492" s="6"/>
      <c r="E21492" s="6" t="s">
        <v>9</v>
      </c>
      <c r="F21492" s="7">
        <v>38657</v>
      </c>
      <c r="G21492" s="8">
        <v>1</v>
      </c>
      <c r="H21492" s="8">
        <v>1</v>
      </c>
      <c r="I21492" s="8">
        <v>0</v>
      </c>
      <c r="J21492" s="8">
        <v>1</v>
      </c>
      <c r="K21492" s="9">
        <v>7.41</v>
      </c>
      <c r="L21492" s="6" t="s">
        <v>4151</v>
      </c>
    </row>
    <row r="21493" spans="1:12">
      <c r="A21493" s="6" t="s">
        <v>4151</v>
      </c>
      <c r="B21493" s="6"/>
      <c r="C21493" s="6" t="s">
        <v>21529</v>
      </c>
      <c r="D21493" s="6"/>
      <c r="E21493" s="6" t="s">
        <v>9</v>
      </c>
      <c r="F21493" s="7">
        <v>38657</v>
      </c>
      <c r="G21493" s="8">
        <v>1</v>
      </c>
      <c r="H21493" s="8">
        <v>1</v>
      </c>
      <c r="I21493" s="8">
        <v>0</v>
      </c>
      <c r="J21493" s="8">
        <v>1</v>
      </c>
      <c r="K21493" s="9">
        <v>7.41</v>
      </c>
      <c r="L21493" s="6" t="s">
        <v>4151</v>
      </c>
    </row>
    <row r="21494" spans="1:12">
      <c r="A21494" s="6" t="s">
        <v>4151</v>
      </c>
      <c r="B21494" s="6"/>
      <c r="C21494" s="6" t="s">
        <v>21530</v>
      </c>
      <c r="D21494" s="6"/>
      <c r="E21494" s="6" t="s">
        <v>9</v>
      </c>
      <c r="F21494" s="7">
        <v>38657</v>
      </c>
      <c r="G21494" s="8">
        <v>1</v>
      </c>
      <c r="H21494" s="8">
        <v>1</v>
      </c>
      <c r="I21494" s="8">
        <v>0</v>
      </c>
      <c r="J21494" s="8">
        <v>1</v>
      </c>
      <c r="K21494" s="9">
        <v>7.41</v>
      </c>
      <c r="L21494" s="6" t="s">
        <v>4151</v>
      </c>
    </row>
    <row r="21495" spans="1:12">
      <c r="A21495" s="6" t="s">
        <v>4151</v>
      </c>
      <c r="B21495" s="6"/>
      <c r="C21495" s="6" t="s">
        <v>21531</v>
      </c>
      <c r="D21495" s="6"/>
      <c r="E21495" s="6" t="s">
        <v>9</v>
      </c>
      <c r="F21495" s="7">
        <v>38657</v>
      </c>
      <c r="G21495" s="8">
        <v>1</v>
      </c>
      <c r="H21495" s="8">
        <v>1</v>
      </c>
      <c r="I21495" s="8">
        <v>0</v>
      </c>
      <c r="J21495" s="8">
        <v>1</v>
      </c>
      <c r="K21495" s="9">
        <v>54.54</v>
      </c>
      <c r="L21495" s="6" t="s">
        <v>4151</v>
      </c>
    </row>
    <row r="21496" spans="1:12">
      <c r="A21496" s="6" t="s">
        <v>4151</v>
      </c>
      <c r="B21496" s="6"/>
      <c r="C21496" s="6" t="s">
        <v>21532</v>
      </c>
      <c r="D21496" s="6"/>
      <c r="E21496" s="6" t="s">
        <v>9</v>
      </c>
      <c r="F21496" s="7">
        <v>38657</v>
      </c>
      <c r="G21496" s="8">
        <v>1</v>
      </c>
      <c r="H21496" s="8">
        <v>1</v>
      </c>
      <c r="I21496" s="8">
        <v>0</v>
      </c>
      <c r="J21496" s="8">
        <v>1</v>
      </c>
      <c r="K21496" s="9">
        <v>7.41</v>
      </c>
      <c r="L21496" s="6" t="s">
        <v>4151</v>
      </c>
    </row>
    <row r="21497" spans="1:12">
      <c r="A21497" s="6" t="s">
        <v>4151</v>
      </c>
      <c r="B21497" s="6"/>
      <c r="C21497" s="6" t="s">
        <v>21533</v>
      </c>
      <c r="D21497" s="6"/>
      <c r="E21497" s="6" t="s">
        <v>9</v>
      </c>
      <c r="F21497" s="7">
        <v>38657</v>
      </c>
      <c r="G21497" s="8">
        <v>1</v>
      </c>
      <c r="H21497" s="8">
        <v>1</v>
      </c>
      <c r="I21497" s="8">
        <v>0</v>
      </c>
      <c r="J21497" s="8">
        <v>1</v>
      </c>
      <c r="K21497" s="9">
        <v>6.68</v>
      </c>
      <c r="L21497" s="6" t="s">
        <v>4151</v>
      </c>
    </row>
    <row r="21498" spans="1:12">
      <c r="A21498" s="6" t="s">
        <v>4151</v>
      </c>
      <c r="B21498" s="6"/>
      <c r="C21498" s="6" t="s">
        <v>21534</v>
      </c>
      <c r="D21498" s="6"/>
      <c r="E21498" s="6" t="s">
        <v>9</v>
      </c>
      <c r="F21498" s="7">
        <v>38657</v>
      </c>
      <c r="G21498" s="8">
        <v>1</v>
      </c>
      <c r="H21498" s="8">
        <v>1</v>
      </c>
      <c r="I21498" s="8">
        <v>0</v>
      </c>
      <c r="J21498" s="8">
        <v>1</v>
      </c>
      <c r="K21498" s="9">
        <v>239</v>
      </c>
      <c r="L21498" s="6" t="s">
        <v>4151</v>
      </c>
    </row>
    <row r="21499" spans="1:12">
      <c r="A21499" s="6" t="s">
        <v>4151</v>
      </c>
      <c r="B21499" s="6"/>
      <c r="C21499" s="6" t="s">
        <v>21535</v>
      </c>
      <c r="D21499" s="6"/>
      <c r="E21499" s="6" t="s">
        <v>9</v>
      </c>
      <c r="F21499" s="7">
        <v>38657</v>
      </c>
      <c r="G21499" s="8">
        <v>1</v>
      </c>
      <c r="H21499" s="8">
        <v>1</v>
      </c>
      <c r="I21499" s="8">
        <v>0</v>
      </c>
      <c r="J21499" s="8">
        <v>1</v>
      </c>
      <c r="K21499" s="9">
        <v>185</v>
      </c>
      <c r="L21499" s="6" t="s">
        <v>4151</v>
      </c>
    </row>
    <row r="21500" spans="1:12">
      <c r="A21500" s="6" t="s">
        <v>4151</v>
      </c>
      <c r="B21500" s="6"/>
      <c r="C21500" s="6" t="s">
        <v>21536</v>
      </c>
      <c r="D21500" s="6"/>
      <c r="E21500" s="6" t="s">
        <v>9</v>
      </c>
      <c r="F21500" s="7">
        <v>41660</v>
      </c>
      <c r="G21500" s="8">
        <v>1</v>
      </c>
      <c r="H21500" s="8">
        <v>1</v>
      </c>
      <c r="I21500" s="8">
        <v>0</v>
      </c>
      <c r="J21500" s="8">
        <v>1</v>
      </c>
      <c r="K21500" s="9">
        <v>733</v>
      </c>
      <c r="L21500" s="6" t="s">
        <v>4151</v>
      </c>
    </row>
    <row r="21501" spans="1:12">
      <c r="A21501" s="6" t="s">
        <v>4151</v>
      </c>
      <c r="B21501" s="6"/>
      <c r="C21501" s="6" t="s">
        <v>21537</v>
      </c>
      <c r="D21501" s="6"/>
      <c r="E21501" s="6" t="s">
        <v>9</v>
      </c>
      <c r="F21501" s="7">
        <v>41660</v>
      </c>
      <c r="G21501" s="8">
        <v>1</v>
      </c>
      <c r="H21501" s="8">
        <v>1</v>
      </c>
      <c r="I21501" s="8">
        <v>0</v>
      </c>
      <c r="J21501" s="8">
        <v>1</v>
      </c>
      <c r="K21501" s="9">
        <v>192</v>
      </c>
      <c r="L21501" s="6" t="s">
        <v>4151</v>
      </c>
    </row>
    <row r="21502" spans="1:12">
      <c r="A21502" s="6" t="s">
        <v>4151</v>
      </c>
      <c r="B21502" s="6"/>
      <c r="C21502" s="6" t="s">
        <v>21538</v>
      </c>
      <c r="D21502" s="6"/>
      <c r="E21502" s="6" t="s">
        <v>9</v>
      </c>
      <c r="F21502" s="7">
        <v>41660</v>
      </c>
      <c r="G21502" s="8">
        <v>1</v>
      </c>
      <c r="H21502" s="8">
        <v>1</v>
      </c>
      <c r="I21502" s="8">
        <v>0</v>
      </c>
      <c r="J21502" s="8">
        <v>1</v>
      </c>
      <c r="K21502" s="9">
        <v>1212</v>
      </c>
      <c r="L21502" s="6" t="s">
        <v>4151</v>
      </c>
    </row>
    <row r="21503" spans="1:12">
      <c r="A21503" s="6" t="s">
        <v>4151</v>
      </c>
      <c r="B21503" s="6"/>
      <c r="C21503" s="6" t="s">
        <v>21539</v>
      </c>
      <c r="D21503" s="6"/>
      <c r="E21503" s="6" t="s">
        <v>9</v>
      </c>
      <c r="F21503" s="7">
        <v>41660</v>
      </c>
      <c r="G21503" s="8">
        <v>1</v>
      </c>
      <c r="H21503" s="8">
        <v>1</v>
      </c>
      <c r="I21503" s="8">
        <v>0</v>
      </c>
      <c r="J21503" s="8">
        <v>1</v>
      </c>
      <c r="K21503" s="9">
        <v>211</v>
      </c>
      <c r="L21503" s="6" t="s">
        <v>4151</v>
      </c>
    </row>
    <row r="21504" spans="1:12">
      <c r="A21504" s="6" t="s">
        <v>4151</v>
      </c>
      <c r="B21504" s="6"/>
      <c r="C21504" s="6" t="s">
        <v>21540</v>
      </c>
      <c r="D21504" s="6"/>
      <c r="E21504" s="6" t="s">
        <v>9</v>
      </c>
      <c r="F21504" s="7">
        <v>41660</v>
      </c>
      <c r="G21504" s="8">
        <v>1</v>
      </c>
      <c r="H21504" s="8">
        <v>1</v>
      </c>
      <c r="I21504" s="8">
        <v>0</v>
      </c>
      <c r="J21504" s="8">
        <v>1</v>
      </c>
      <c r="K21504" s="9">
        <v>1003</v>
      </c>
      <c r="L21504" s="6" t="s">
        <v>4151</v>
      </c>
    </row>
    <row r="21505" spans="1:12">
      <c r="A21505" s="6" t="s">
        <v>4151</v>
      </c>
      <c r="B21505" s="6"/>
      <c r="C21505" s="6" t="s">
        <v>21541</v>
      </c>
      <c r="D21505" s="6"/>
      <c r="E21505" s="6" t="s">
        <v>9</v>
      </c>
      <c r="F21505" s="7">
        <v>41660</v>
      </c>
      <c r="G21505" s="8">
        <v>1</v>
      </c>
      <c r="H21505" s="8">
        <v>1</v>
      </c>
      <c r="I21505" s="8">
        <v>0</v>
      </c>
      <c r="J21505" s="8">
        <v>1</v>
      </c>
      <c r="K21505" s="9">
        <v>290</v>
      </c>
      <c r="L21505" s="6" t="s">
        <v>4151</v>
      </c>
    </row>
    <row r="21506" spans="1:12">
      <c r="A21506" s="6" t="s">
        <v>4151</v>
      </c>
      <c r="B21506" s="6"/>
      <c r="C21506" s="6" t="s">
        <v>21542</v>
      </c>
      <c r="D21506" s="6"/>
      <c r="E21506" s="6" t="s">
        <v>9</v>
      </c>
      <c r="F21506" s="7">
        <v>38657</v>
      </c>
      <c r="G21506" s="8">
        <v>1</v>
      </c>
      <c r="H21506" s="8">
        <v>1</v>
      </c>
      <c r="I21506" s="8">
        <v>0</v>
      </c>
      <c r="J21506" s="8">
        <v>1</v>
      </c>
      <c r="K21506" s="9">
        <v>35</v>
      </c>
      <c r="L21506" s="6" t="s">
        <v>4151</v>
      </c>
    </row>
    <row r="21507" spans="1:12">
      <c r="A21507" s="6" t="s">
        <v>4151</v>
      </c>
      <c r="B21507" s="6"/>
      <c r="C21507" s="6" t="s">
        <v>21543</v>
      </c>
      <c r="D21507" s="6"/>
      <c r="E21507" s="6" t="s">
        <v>9</v>
      </c>
      <c r="F21507" s="7">
        <v>38657</v>
      </c>
      <c r="G21507" s="8">
        <v>1</v>
      </c>
      <c r="H21507" s="8">
        <v>1</v>
      </c>
      <c r="I21507" s="8">
        <v>0</v>
      </c>
      <c r="J21507" s="8">
        <v>1</v>
      </c>
      <c r="K21507" s="9">
        <v>74.38</v>
      </c>
      <c r="L21507" s="6" t="s">
        <v>4151</v>
      </c>
    </row>
    <row r="21508" spans="1:12">
      <c r="A21508" s="6" t="s">
        <v>4151</v>
      </c>
      <c r="B21508" s="6"/>
      <c r="C21508" s="6" t="s">
        <v>21544</v>
      </c>
      <c r="D21508" s="6"/>
      <c r="E21508" s="6" t="s">
        <v>9</v>
      </c>
      <c r="F21508" s="7">
        <v>41660</v>
      </c>
      <c r="G21508" s="8">
        <v>1</v>
      </c>
      <c r="H21508" s="8">
        <v>1</v>
      </c>
      <c r="I21508" s="8">
        <v>0</v>
      </c>
      <c r="J21508" s="8">
        <v>1</v>
      </c>
      <c r="K21508" s="9">
        <v>1413</v>
      </c>
      <c r="L21508" s="6" t="s">
        <v>4151</v>
      </c>
    </row>
    <row r="21509" spans="1:12">
      <c r="A21509" s="6" t="s">
        <v>4151</v>
      </c>
      <c r="B21509" s="6"/>
      <c r="C21509" s="6" t="s">
        <v>21545</v>
      </c>
      <c r="D21509" s="6"/>
      <c r="E21509" s="6" t="s">
        <v>9</v>
      </c>
      <c r="F21509" s="7">
        <v>41660</v>
      </c>
      <c r="G21509" s="8">
        <v>1</v>
      </c>
      <c r="H21509" s="8">
        <v>1</v>
      </c>
      <c r="I21509" s="8">
        <v>0</v>
      </c>
      <c r="J21509" s="8">
        <v>1</v>
      </c>
      <c r="K21509" s="9">
        <v>277</v>
      </c>
      <c r="L21509" s="6" t="s">
        <v>4151</v>
      </c>
    </row>
    <row r="21510" spans="1:12">
      <c r="A21510" s="6" t="s">
        <v>4151</v>
      </c>
      <c r="B21510" s="6"/>
      <c r="C21510" s="6" t="s">
        <v>21546</v>
      </c>
      <c r="D21510" s="6"/>
      <c r="E21510" s="6" t="s">
        <v>9</v>
      </c>
      <c r="F21510" s="7">
        <v>41660</v>
      </c>
      <c r="G21510" s="8">
        <v>1</v>
      </c>
      <c r="H21510" s="8">
        <v>1</v>
      </c>
      <c r="I21510" s="8">
        <v>0</v>
      </c>
      <c r="J21510" s="8">
        <v>1</v>
      </c>
      <c r="K21510" s="9">
        <v>1293</v>
      </c>
      <c r="L21510" s="6" t="s">
        <v>4151</v>
      </c>
    </row>
    <row r="21511" spans="1:12">
      <c r="A21511" s="6" t="s">
        <v>4151</v>
      </c>
      <c r="B21511" s="6"/>
      <c r="C21511" s="6" t="s">
        <v>21547</v>
      </c>
      <c r="D21511" s="6"/>
      <c r="E21511" s="6" t="s">
        <v>9</v>
      </c>
      <c r="F21511" s="7">
        <v>41660</v>
      </c>
      <c r="G21511" s="8">
        <v>1</v>
      </c>
      <c r="H21511" s="8">
        <v>1</v>
      </c>
      <c r="I21511" s="8">
        <v>0</v>
      </c>
      <c r="J21511" s="8">
        <v>1</v>
      </c>
      <c r="K21511" s="9">
        <v>1305</v>
      </c>
      <c r="L21511" s="6" t="s">
        <v>4151</v>
      </c>
    </row>
    <row r="21512" spans="1:12">
      <c r="A21512" s="6" t="s">
        <v>4151</v>
      </c>
      <c r="B21512" s="6"/>
      <c r="C21512" s="6" t="s">
        <v>21548</v>
      </c>
      <c r="D21512" s="6"/>
      <c r="E21512" s="6" t="s">
        <v>9</v>
      </c>
      <c r="F21512" s="7">
        <v>41660</v>
      </c>
      <c r="G21512" s="8">
        <v>1</v>
      </c>
      <c r="H21512" s="8">
        <v>1</v>
      </c>
      <c r="I21512" s="8">
        <v>0</v>
      </c>
      <c r="J21512" s="8">
        <v>1</v>
      </c>
      <c r="K21512" s="9">
        <v>145</v>
      </c>
      <c r="L21512" s="6" t="s">
        <v>4151</v>
      </c>
    </row>
    <row r="21513" spans="1:12">
      <c r="A21513" s="6" t="s">
        <v>4151</v>
      </c>
      <c r="B21513" s="6"/>
      <c r="C21513" s="6" t="s">
        <v>21549</v>
      </c>
      <c r="D21513" s="6"/>
      <c r="E21513" s="6" t="s">
        <v>9</v>
      </c>
      <c r="F21513" s="7">
        <v>41660</v>
      </c>
      <c r="G21513" s="8">
        <v>1</v>
      </c>
      <c r="H21513" s="8">
        <v>1</v>
      </c>
      <c r="I21513" s="8">
        <v>0</v>
      </c>
      <c r="J21513" s="8">
        <v>1</v>
      </c>
      <c r="K21513" s="9">
        <v>462</v>
      </c>
      <c r="L21513" s="6" t="s">
        <v>4151</v>
      </c>
    </row>
    <row r="21514" spans="1:12">
      <c r="A21514" s="6" t="s">
        <v>4151</v>
      </c>
      <c r="B21514" s="6"/>
      <c r="C21514" s="6" t="s">
        <v>21550</v>
      </c>
      <c r="D21514" s="6"/>
      <c r="E21514" s="6" t="s">
        <v>9</v>
      </c>
      <c r="F21514" s="7">
        <v>41660</v>
      </c>
      <c r="G21514" s="8">
        <v>1</v>
      </c>
      <c r="H21514" s="8">
        <v>1</v>
      </c>
      <c r="I21514" s="8">
        <v>0</v>
      </c>
      <c r="J21514" s="8">
        <v>1</v>
      </c>
      <c r="K21514" s="9">
        <v>923</v>
      </c>
      <c r="L21514" s="6" t="s">
        <v>4151</v>
      </c>
    </row>
    <row r="21515" spans="1:12">
      <c r="A21515" s="6" t="s">
        <v>4151</v>
      </c>
      <c r="B21515" s="6"/>
      <c r="C21515" s="6" t="s">
        <v>21551</v>
      </c>
      <c r="D21515" s="6"/>
      <c r="E21515" s="6" t="s">
        <v>9</v>
      </c>
      <c r="F21515" s="7">
        <v>41660</v>
      </c>
      <c r="G21515" s="8">
        <v>1</v>
      </c>
      <c r="H21515" s="8">
        <v>1</v>
      </c>
      <c r="I21515" s="8">
        <v>0</v>
      </c>
      <c r="J21515" s="8">
        <v>1</v>
      </c>
      <c r="K21515" s="9">
        <v>364</v>
      </c>
      <c r="L21515" s="6" t="s">
        <v>4151</v>
      </c>
    </row>
    <row r="21516" spans="1:12">
      <c r="A21516" s="6" t="s">
        <v>4151</v>
      </c>
      <c r="B21516" s="6"/>
      <c r="C21516" s="6" t="s">
        <v>21552</v>
      </c>
      <c r="D21516" s="6"/>
      <c r="E21516" s="6" t="s">
        <v>9</v>
      </c>
      <c r="F21516" s="7">
        <v>41660</v>
      </c>
      <c r="G21516" s="8">
        <v>1</v>
      </c>
      <c r="H21516" s="8">
        <v>1</v>
      </c>
      <c r="I21516" s="8">
        <v>0</v>
      </c>
      <c r="J21516" s="8">
        <v>1</v>
      </c>
      <c r="K21516" s="9">
        <v>383</v>
      </c>
      <c r="L21516" s="6" t="s">
        <v>4151</v>
      </c>
    </row>
    <row r="21517" spans="1:12">
      <c r="A21517" s="6" t="s">
        <v>4151</v>
      </c>
      <c r="B21517" s="6"/>
      <c r="C21517" s="6" t="s">
        <v>21553</v>
      </c>
      <c r="D21517" s="6"/>
      <c r="E21517" s="6" t="s">
        <v>9</v>
      </c>
      <c r="F21517" s="7">
        <v>41660</v>
      </c>
      <c r="G21517" s="8">
        <v>1</v>
      </c>
      <c r="H21517" s="8">
        <v>1</v>
      </c>
      <c r="I21517" s="8">
        <v>0</v>
      </c>
      <c r="J21517" s="8">
        <v>1</v>
      </c>
      <c r="K21517" s="9">
        <v>118</v>
      </c>
      <c r="L21517" s="6" t="s">
        <v>4151</v>
      </c>
    </row>
    <row r="21518" spans="1:12">
      <c r="A21518" s="6" t="s">
        <v>4151</v>
      </c>
      <c r="B21518" s="6"/>
      <c r="C21518" s="6" t="s">
        <v>21554</v>
      </c>
      <c r="D21518" s="6"/>
      <c r="E21518" s="6" t="s">
        <v>9</v>
      </c>
      <c r="F21518" s="7">
        <v>38657</v>
      </c>
      <c r="G21518" s="8">
        <v>1</v>
      </c>
      <c r="H21518" s="8">
        <v>1</v>
      </c>
      <c r="I21518" s="8">
        <v>0</v>
      </c>
      <c r="J21518" s="8">
        <v>1</v>
      </c>
      <c r="K21518" s="9">
        <v>71</v>
      </c>
      <c r="L21518" s="6" t="s">
        <v>4151</v>
      </c>
    </row>
    <row r="21519" spans="1:12">
      <c r="A21519" s="6" t="s">
        <v>4151</v>
      </c>
      <c r="B21519" s="6"/>
      <c r="C21519" s="6" t="s">
        <v>21555</v>
      </c>
      <c r="D21519" s="6"/>
      <c r="E21519" s="6" t="s">
        <v>9</v>
      </c>
      <c r="F21519" s="7">
        <v>41660</v>
      </c>
      <c r="G21519" s="8">
        <v>1</v>
      </c>
      <c r="H21519" s="8">
        <v>1</v>
      </c>
      <c r="I21519" s="8">
        <v>0</v>
      </c>
      <c r="J21519" s="8">
        <v>1</v>
      </c>
      <c r="K21519" s="9">
        <v>44</v>
      </c>
      <c r="L21519" s="6" t="s">
        <v>4151</v>
      </c>
    </row>
    <row r="21520" spans="1:12">
      <c r="A21520" s="6" t="s">
        <v>4151</v>
      </c>
      <c r="B21520" s="6"/>
      <c r="C21520" s="6" t="s">
        <v>21556</v>
      </c>
      <c r="D21520" s="6"/>
      <c r="E21520" s="6" t="s">
        <v>9</v>
      </c>
      <c r="F21520" s="7">
        <v>41660</v>
      </c>
      <c r="G21520" s="8">
        <v>1</v>
      </c>
      <c r="H21520" s="8">
        <v>1</v>
      </c>
      <c r="I21520" s="8">
        <v>0</v>
      </c>
      <c r="J21520" s="8">
        <v>1</v>
      </c>
      <c r="K21520" s="9">
        <v>37</v>
      </c>
      <c r="L21520" s="6" t="s">
        <v>4151</v>
      </c>
    </row>
    <row r="21521" spans="1:12">
      <c r="A21521" s="6" t="s">
        <v>4151</v>
      </c>
      <c r="B21521" s="6"/>
      <c r="C21521" s="6" t="s">
        <v>21557</v>
      </c>
      <c r="D21521" s="6"/>
      <c r="E21521" s="6" t="s">
        <v>9</v>
      </c>
      <c r="F21521" s="7">
        <v>41660</v>
      </c>
      <c r="G21521" s="8">
        <v>1</v>
      </c>
      <c r="H21521" s="8">
        <v>1</v>
      </c>
      <c r="I21521" s="8">
        <v>0</v>
      </c>
      <c r="J21521" s="8">
        <v>1</v>
      </c>
      <c r="K21521" s="9">
        <v>33</v>
      </c>
      <c r="L21521" s="6" t="s">
        <v>4151</v>
      </c>
    </row>
    <row r="21522" spans="1:12">
      <c r="A21522" s="6" t="s">
        <v>4151</v>
      </c>
      <c r="B21522" s="6"/>
      <c r="C21522" s="6" t="s">
        <v>21558</v>
      </c>
      <c r="D21522" s="6"/>
      <c r="E21522" s="6" t="s">
        <v>9</v>
      </c>
      <c r="F21522" s="7">
        <v>41690</v>
      </c>
      <c r="G21522" s="8">
        <v>1</v>
      </c>
      <c r="H21522" s="8">
        <v>1</v>
      </c>
      <c r="I21522" s="8">
        <v>0</v>
      </c>
      <c r="J21522" s="8">
        <v>1</v>
      </c>
      <c r="K21522" s="9">
        <v>238</v>
      </c>
      <c r="L21522" s="6" t="s">
        <v>4151</v>
      </c>
    </row>
    <row r="21523" spans="1:12">
      <c r="A21523" s="6" t="s">
        <v>4151</v>
      </c>
      <c r="B21523" s="6"/>
      <c r="C21523" s="6" t="s">
        <v>21559</v>
      </c>
      <c r="D21523" s="6"/>
      <c r="E21523" s="6" t="s">
        <v>9</v>
      </c>
      <c r="F21523" s="7">
        <v>41660</v>
      </c>
      <c r="G21523" s="8">
        <v>1</v>
      </c>
      <c r="H21523" s="8">
        <v>1</v>
      </c>
      <c r="I21523" s="8">
        <v>0</v>
      </c>
      <c r="J21523" s="8">
        <v>1</v>
      </c>
      <c r="K21523" s="9">
        <v>163</v>
      </c>
      <c r="L21523" s="6" t="s">
        <v>4151</v>
      </c>
    </row>
    <row r="21524" spans="1:12">
      <c r="A21524" s="6" t="s">
        <v>4151</v>
      </c>
      <c r="B21524" s="6"/>
      <c r="C21524" s="6" t="s">
        <v>21560</v>
      </c>
      <c r="D21524" s="6"/>
      <c r="E21524" s="6" t="s">
        <v>9</v>
      </c>
      <c r="F21524" s="7">
        <v>41660</v>
      </c>
      <c r="G21524" s="8">
        <v>1</v>
      </c>
      <c r="H21524" s="8">
        <v>1</v>
      </c>
      <c r="I21524" s="8">
        <v>0</v>
      </c>
      <c r="J21524" s="8">
        <v>1</v>
      </c>
      <c r="K21524" s="9">
        <v>98</v>
      </c>
      <c r="L21524" s="6" t="s">
        <v>4151</v>
      </c>
    </row>
    <row r="21525" spans="1:12">
      <c r="A21525" s="6" t="s">
        <v>4151</v>
      </c>
      <c r="B21525" s="6"/>
      <c r="C21525" s="6" t="s">
        <v>21561</v>
      </c>
      <c r="D21525" s="6"/>
      <c r="E21525" s="6" t="s">
        <v>9</v>
      </c>
      <c r="F21525" s="7">
        <v>41660</v>
      </c>
      <c r="G21525" s="8">
        <v>1</v>
      </c>
      <c r="H21525" s="8">
        <v>1</v>
      </c>
      <c r="I21525" s="8">
        <v>0</v>
      </c>
      <c r="J21525" s="8">
        <v>1</v>
      </c>
      <c r="K21525" s="9">
        <v>60</v>
      </c>
      <c r="L21525" s="6" t="s">
        <v>4151</v>
      </c>
    </row>
    <row r="21526" spans="1:12">
      <c r="A21526" s="6" t="s">
        <v>4151</v>
      </c>
      <c r="B21526" s="6"/>
      <c r="C21526" s="6" t="s">
        <v>21562</v>
      </c>
      <c r="D21526" s="6"/>
      <c r="E21526" s="6" t="s">
        <v>9</v>
      </c>
      <c r="F21526" s="7">
        <v>41660</v>
      </c>
      <c r="G21526" s="8">
        <v>1</v>
      </c>
      <c r="H21526" s="8">
        <v>1</v>
      </c>
      <c r="I21526" s="8">
        <v>0</v>
      </c>
      <c r="J21526" s="8">
        <v>1</v>
      </c>
      <c r="K21526" s="9">
        <v>34</v>
      </c>
      <c r="L21526" s="6" t="s">
        <v>4151</v>
      </c>
    </row>
    <row r="21527" spans="1:12">
      <c r="A21527" s="6" t="s">
        <v>4151</v>
      </c>
      <c r="B21527" s="6"/>
      <c r="C21527" s="6" t="s">
        <v>21563</v>
      </c>
      <c r="D21527" s="6"/>
      <c r="E21527" s="6" t="s">
        <v>9</v>
      </c>
      <c r="F21527" s="7">
        <v>41660</v>
      </c>
      <c r="G21527" s="8">
        <v>1</v>
      </c>
      <c r="H21527" s="8">
        <v>1</v>
      </c>
      <c r="I21527" s="8">
        <v>0</v>
      </c>
      <c r="J21527" s="8">
        <v>1</v>
      </c>
      <c r="K21527" s="9">
        <v>67</v>
      </c>
      <c r="L21527" s="6" t="s">
        <v>4151</v>
      </c>
    </row>
    <row r="21528" spans="1:12">
      <c r="A21528" s="6" t="s">
        <v>4151</v>
      </c>
      <c r="B21528" s="6"/>
      <c r="C21528" s="6" t="s">
        <v>21564</v>
      </c>
      <c r="D21528" s="6"/>
      <c r="E21528" s="6" t="s">
        <v>9</v>
      </c>
      <c r="F21528" s="7">
        <v>41660</v>
      </c>
      <c r="G21528" s="8">
        <v>1</v>
      </c>
      <c r="H21528" s="8">
        <v>1</v>
      </c>
      <c r="I21528" s="8">
        <v>0</v>
      </c>
      <c r="J21528" s="8">
        <v>1</v>
      </c>
      <c r="K21528" s="9">
        <v>51</v>
      </c>
      <c r="L21528" s="6" t="s">
        <v>4151</v>
      </c>
    </row>
    <row r="21529" spans="1:12">
      <c r="A21529" s="6" t="s">
        <v>4151</v>
      </c>
      <c r="B21529" s="6"/>
      <c r="C21529" s="6" t="s">
        <v>21565</v>
      </c>
      <c r="D21529" s="6"/>
      <c r="E21529" s="6" t="s">
        <v>9</v>
      </c>
      <c r="F21529" s="7">
        <v>38657</v>
      </c>
      <c r="G21529" s="8">
        <v>1</v>
      </c>
      <c r="H21529" s="8">
        <v>1</v>
      </c>
      <c r="I21529" s="8">
        <v>0</v>
      </c>
      <c r="J21529" s="8">
        <v>1</v>
      </c>
      <c r="K21529" s="9">
        <v>6.65</v>
      </c>
      <c r="L21529" s="6" t="s">
        <v>4151</v>
      </c>
    </row>
    <row r="21530" spans="1:12">
      <c r="A21530" s="6" t="s">
        <v>4151</v>
      </c>
      <c r="B21530" s="6"/>
      <c r="C21530" s="6" t="s">
        <v>21566</v>
      </c>
      <c r="D21530" s="6"/>
      <c r="E21530" s="6" t="s">
        <v>9</v>
      </c>
      <c r="F21530" s="7">
        <v>41660</v>
      </c>
      <c r="G21530" s="8">
        <v>1</v>
      </c>
      <c r="H21530" s="8">
        <v>1</v>
      </c>
      <c r="I21530" s="8">
        <v>0</v>
      </c>
      <c r="J21530" s="8">
        <v>1</v>
      </c>
      <c r="K21530" s="9">
        <v>28</v>
      </c>
      <c r="L21530" s="6" t="s">
        <v>4151</v>
      </c>
    </row>
    <row r="21531" spans="1:12">
      <c r="A21531" s="6" t="s">
        <v>4151</v>
      </c>
      <c r="B21531" s="6"/>
      <c r="C21531" s="6" t="s">
        <v>21567</v>
      </c>
      <c r="D21531" s="6"/>
      <c r="E21531" s="6" t="s">
        <v>9</v>
      </c>
      <c r="F21531" s="7">
        <v>41660</v>
      </c>
      <c r="G21531" s="8">
        <v>1</v>
      </c>
      <c r="H21531" s="8">
        <v>1</v>
      </c>
      <c r="I21531" s="8">
        <v>0</v>
      </c>
      <c r="J21531" s="8">
        <v>1</v>
      </c>
      <c r="K21531" s="9">
        <v>204</v>
      </c>
      <c r="L21531" s="6" t="s">
        <v>4151</v>
      </c>
    </row>
    <row r="21532" spans="1:12">
      <c r="A21532" s="6" t="s">
        <v>4151</v>
      </c>
      <c r="B21532" s="6"/>
      <c r="C21532" s="6" t="s">
        <v>21568</v>
      </c>
      <c r="D21532" s="6"/>
      <c r="E21532" s="6" t="s">
        <v>9</v>
      </c>
      <c r="F21532" s="7">
        <v>41660</v>
      </c>
      <c r="G21532" s="8">
        <v>1</v>
      </c>
      <c r="H21532" s="8">
        <v>1</v>
      </c>
      <c r="I21532" s="8">
        <v>0</v>
      </c>
      <c r="J21532" s="8">
        <v>1</v>
      </c>
      <c r="K21532" s="9">
        <v>17</v>
      </c>
      <c r="L21532" s="6" t="s">
        <v>4151</v>
      </c>
    </row>
    <row r="21533" spans="1:12">
      <c r="A21533" s="6" t="s">
        <v>4151</v>
      </c>
      <c r="B21533" s="6"/>
      <c r="C21533" s="6" t="s">
        <v>21569</v>
      </c>
      <c r="D21533" s="6"/>
      <c r="E21533" s="6" t="s">
        <v>9</v>
      </c>
      <c r="F21533" s="7">
        <v>41730</v>
      </c>
      <c r="G21533" s="8">
        <v>1</v>
      </c>
      <c r="H21533" s="8">
        <v>1</v>
      </c>
      <c r="I21533" s="8">
        <v>0</v>
      </c>
      <c r="J21533" s="8">
        <v>1</v>
      </c>
      <c r="K21533" s="9">
        <v>19</v>
      </c>
      <c r="L21533" s="6" t="s">
        <v>4151</v>
      </c>
    </row>
    <row r="21534" spans="1:12">
      <c r="A21534" s="6" t="s">
        <v>4151</v>
      </c>
      <c r="B21534" s="6"/>
      <c r="C21534" s="6" t="s">
        <v>21570</v>
      </c>
      <c r="D21534" s="6"/>
      <c r="E21534" s="6" t="s">
        <v>9</v>
      </c>
      <c r="F21534" s="7">
        <v>41660</v>
      </c>
      <c r="G21534" s="8">
        <v>1</v>
      </c>
      <c r="H21534" s="8">
        <v>1</v>
      </c>
      <c r="I21534" s="8">
        <v>0</v>
      </c>
      <c r="J21534" s="8">
        <v>1</v>
      </c>
      <c r="K21534" s="9">
        <v>9</v>
      </c>
      <c r="L21534" s="6" t="s">
        <v>4151</v>
      </c>
    </row>
    <row r="21535" spans="1:12">
      <c r="A21535" s="6" t="s">
        <v>4151</v>
      </c>
      <c r="B21535" s="6"/>
      <c r="C21535" s="6" t="s">
        <v>21571</v>
      </c>
      <c r="D21535" s="6"/>
      <c r="E21535" s="6" t="s">
        <v>9</v>
      </c>
      <c r="F21535" s="7">
        <v>41660</v>
      </c>
      <c r="G21535" s="8">
        <v>1</v>
      </c>
      <c r="H21535" s="8">
        <v>1</v>
      </c>
      <c r="I21535" s="8">
        <v>0</v>
      </c>
      <c r="J21535" s="8">
        <v>1</v>
      </c>
      <c r="K21535" s="9">
        <v>36</v>
      </c>
      <c r="L21535" s="6" t="s">
        <v>4151</v>
      </c>
    </row>
    <row r="21536" spans="1:12">
      <c r="A21536" s="6" t="s">
        <v>4151</v>
      </c>
      <c r="B21536" s="6"/>
      <c r="C21536" s="6" t="s">
        <v>21572</v>
      </c>
      <c r="D21536" s="6"/>
      <c r="E21536" s="6" t="s">
        <v>9</v>
      </c>
      <c r="F21536" s="7">
        <v>41760</v>
      </c>
      <c r="G21536" s="8">
        <v>1</v>
      </c>
      <c r="H21536" s="8">
        <v>1</v>
      </c>
      <c r="I21536" s="8">
        <v>0</v>
      </c>
      <c r="J21536" s="8">
        <v>1</v>
      </c>
      <c r="K21536" s="9">
        <v>72</v>
      </c>
      <c r="L21536" s="6" t="s">
        <v>4151</v>
      </c>
    </row>
    <row r="21537" spans="1:12">
      <c r="A21537" s="6" t="s">
        <v>4151</v>
      </c>
      <c r="B21537" s="6"/>
      <c r="C21537" s="6" t="s">
        <v>21573</v>
      </c>
      <c r="D21537" s="6"/>
      <c r="E21537" s="6" t="s">
        <v>9</v>
      </c>
      <c r="F21537" s="7">
        <v>41660</v>
      </c>
      <c r="G21537" s="8">
        <v>1</v>
      </c>
      <c r="H21537" s="8">
        <v>1</v>
      </c>
      <c r="I21537" s="8">
        <v>0</v>
      </c>
      <c r="J21537" s="8">
        <v>1</v>
      </c>
      <c r="K21537" s="9">
        <v>117</v>
      </c>
      <c r="L21537" s="6" t="s">
        <v>4151</v>
      </c>
    </row>
    <row r="21538" spans="1:12">
      <c r="A21538" s="6" t="s">
        <v>4151</v>
      </c>
      <c r="B21538" s="6"/>
      <c r="C21538" s="6" t="s">
        <v>21574</v>
      </c>
      <c r="D21538" s="6"/>
      <c r="E21538" s="6" t="s">
        <v>9</v>
      </c>
      <c r="F21538" s="7">
        <v>41660</v>
      </c>
      <c r="G21538" s="8">
        <v>1</v>
      </c>
      <c r="H21538" s="8">
        <v>1</v>
      </c>
      <c r="I21538" s="8">
        <v>0</v>
      </c>
      <c r="J21538" s="8">
        <v>1</v>
      </c>
      <c r="K21538" s="9">
        <v>81</v>
      </c>
      <c r="L21538" s="6" t="s">
        <v>4151</v>
      </c>
    </row>
    <row r="21539" spans="1:12">
      <c r="A21539" s="6" t="s">
        <v>4151</v>
      </c>
      <c r="B21539" s="6"/>
      <c r="C21539" s="6" t="s">
        <v>21575</v>
      </c>
      <c r="D21539" s="6"/>
      <c r="E21539" s="6" t="s">
        <v>9</v>
      </c>
      <c r="F21539" s="7">
        <v>41660</v>
      </c>
      <c r="G21539" s="8">
        <v>1</v>
      </c>
      <c r="H21539" s="8">
        <v>1</v>
      </c>
      <c r="I21539" s="8">
        <v>0</v>
      </c>
      <c r="J21539" s="8">
        <v>1</v>
      </c>
      <c r="K21539" s="9">
        <v>43</v>
      </c>
      <c r="L21539" s="6" t="s">
        <v>4151</v>
      </c>
    </row>
    <row r="21540" spans="1:12">
      <c r="A21540" s="6" t="s">
        <v>4151</v>
      </c>
      <c r="B21540" s="6"/>
      <c r="C21540" s="6" t="s">
        <v>21576</v>
      </c>
      <c r="D21540" s="6"/>
      <c r="E21540" s="6" t="s">
        <v>9</v>
      </c>
      <c r="F21540" s="7">
        <v>38657</v>
      </c>
      <c r="G21540" s="8">
        <v>1</v>
      </c>
      <c r="H21540" s="8">
        <v>1</v>
      </c>
      <c r="I21540" s="8">
        <v>0</v>
      </c>
      <c r="J21540" s="8">
        <v>1</v>
      </c>
      <c r="K21540" s="9">
        <v>13</v>
      </c>
      <c r="L21540" s="6" t="s">
        <v>4151</v>
      </c>
    </row>
    <row r="21541" spans="1:12">
      <c r="A21541" s="6" t="s">
        <v>4151</v>
      </c>
      <c r="B21541" s="6"/>
      <c r="C21541" s="6" t="s">
        <v>21577</v>
      </c>
      <c r="D21541" s="6"/>
      <c r="E21541" s="6" t="s">
        <v>9</v>
      </c>
      <c r="F21541" s="7">
        <v>41660</v>
      </c>
      <c r="G21541" s="8">
        <v>1</v>
      </c>
      <c r="H21541" s="8">
        <v>1</v>
      </c>
      <c r="I21541" s="8">
        <v>0</v>
      </c>
      <c r="J21541" s="8">
        <v>1</v>
      </c>
      <c r="K21541" s="9">
        <v>85</v>
      </c>
      <c r="L21541" s="6" t="s">
        <v>4151</v>
      </c>
    </row>
    <row r="21542" spans="1:12">
      <c r="A21542" s="6" t="s">
        <v>4151</v>
      </c>
      <c r="B21542" s="6"/>
      <c r="C21542" s="6" t="s">
        <v>21578</v>
      </c>
      <c r="D21542" s="6"/>
      <c r="E21542" s="6" t="s">
        <v>9</v>
      </c>
      <c r="F21542" s="7">
        <v>41660</v>
      </c>
      <c r="G21542" s="8">
        <v>1</v>
      </c>
      <c r="H21542" s="8">
        <v>1</v>
      </c>
      <c r="I21542" s="8">
        <v>0</v>
      </c>
      <c r="J21542" s="8">
        <v>1</v>
      </c>
      <c r="K21542" s="9">
        <v>61</v>
      </c>
      <c r="L21542" s="6" t="s">
        <v>4151</v>
      </c>
    </row>
    <row r="21543" spans="1:12">
      <c r="A21543" s="6" t="s">
        <v>4151</v>
      </c>
      <c r="B21543" s="6"/>
      <c r="C21543" s="6" t="s">
        <v>21579</v>
      </c>
      <c r="D21543" s="6"/>
      <c r="E21543" s="6" t="s">
        <v>9</v>
      </c>
      <c r="F21543" s="7">
        <v>41660</v>
      </c>
      <c r="G21543" s="8">
        <v>1</v>
      </c>
      <c r="H21543" s="8">
        <v>1</v>
      </c>
      <c r="I21543" s="8">
        <v>0</v>
      </c>
      <c r="J21543" s="8">
        <v>1</v>
      </c>
      <c r="K21543" s="9">
        <v>36</v>
      </c>
      <c r="L21543" s="6" t="s">
        <v>4151</v>
      </c>
    </row>
    <row r="21544" spans="1:12">
      <c r="A21544" s="6" t="s">
        <v>4151</v>
      </c>
      <c r="B21544" s="6"/>
      <c r="C21544" s="6" t="s">
        <v>21580</v>
      </c>
      <c r="D21544" s="6"/>
      <c r="E21544" s="6" t="s">
        <v>9</v>
      </c>
      <c r="F21544" s="7">
        <v>41660</v>
      </c>
      <c r="G21544" s="8">
        <v>1</v>
      </c>
      <c r="H21544" s="8">
        <v>1</v>
      </c>
      <c r="I21544" s="8">
        <v>0</v>
      </c>
      <c r="J21544" s="8">
        <v>1</v>
      </c>
      <c r="K21544" s="9">
        <v>16</v>
      </c>
      <c r="L21544" s="6" t="s">
        <v>4151</v>
      </c>
    </row>
    <row r="21545" spans="1:12">
      <c r="A21545" s="6" t="s">
        <v>4151</v>
      </c>
      <c r="B21545" s="6"/>
      <c r="C21545" s="6" t="s">
        <v>21581</v>
      </c>
      <c r="D21545" s="6"/>
      <c r="E21545" s="6" t="s">
        <v>9</v>
      </c>
      <c r="F21545" s="7">
        <v>41660</v>
      </c>
      <c r="G21545" s="8">
        <v>1</v>
      </c>
      <c r="H21545" s="8">
        <v>1</v>
      </c>
      <c r="I21545" s="8">
        <v>0</v>
      </c>
      <c r="J21545" s="8">
        <v>1</v>
      </c>
      <c r="K21545" s="9">
        <v>45</v>
      </c>
      <c r="L21545" s="6" t="s">
        <v>4151</v>
      </c>
    </row>
    <row r="21546" spans="1:12">
      <c r="A21546" s="6" t="s">
        <v>4151</v>
      </c>
      <c r="B21546" s="6"/>
      <c r="C21546" s="6" t="s">
        <v>21582</v>
      </c>
      <c r="D21546" s="6"/>
      <c r="E21546" s="6" t="s">
        <v>9</v>
      </c>
      <c r="F21546" s="7">
        <v>41660</v>
      </c>
      <c r="G21546" s="8">
        <v>1</v>
      </c>
      <c r="H21546" s="8">
        <v>1</v>
      </c>
      <c r="I21546" s="8">
        <v>0</v>
      </c>
      <c r="J21546" s="8">
        <v>1</v>
      </c>
      <c r="K21546" s="9">
        <v>13</v>
      </c>
      <c r="L21546" s="6" t="s">
        <v>4151</v>
      </c>
    </row>
    <row r="21547" spans="1:12">
      <c r="A21547" s="6" t="s">
        <v>4151</v>
      </c>
      <c r="B21547" s="6"/>
      <c r="C21547" s="6" t="s">
        <v>21583</v>
      </c>
      <c r="D21547" s="6"/>
      <c r="E21547" s="6" t="s">
        <v>9</v>
      </c>
      <c r="F21547" s="7">
        <v>41660</v>
      </c>
      <c r="G21547" s="8">
        <v>1</v>
      </c>
      <c r="H21547" s="8">
        <v>1</v>
      </c>
      <c r="I21547" s="8">
        <v>0</v>
      </c>
      <c r="J21547" s="8">
        <v>1</v>
      </c>
      <c r="K21547" s="9">
        <v>35</v>
      </c>
      <c r="L21547" s="6" t="s">
        <v>4151</v>
      </c>
    </row>
    <row r="21548" spans="1:12">
      <c r="A21548" s="6" t="s">
        <v>4151</v>
      </c>
      <c r="B21548" s="6"/>
      <c r="C21548" s="6" t="s">
        <v>21584</v>
      </c>
      <c r="D21548" s="6"/>
      <c r="E21548" s="6" t="s">
        <v>9</v>
      </c>
      <c r="F21548" s="7">
        <v>41730</v>
      </c>
      <c r="G21548" s="8">
        <v>1</v>
      </c>
      <c r="H21548" s="8">
        <v>1</v>
      </c>
      <c r="I21548" s="8">
        <v>0</v>
      </c>
      <c r="J21548" s="8">
        <v>1</v>
      </c>
      <c r="K21548" s="9">
        <v>26</v>
      </c>
      <c r="L21548" s="6" t="s">
        <v>4151</v>
      </c>
    </row>
    <row r="21549" spans="1:12">
      <c r="A21549" s="6" t="s">
        <v>4151</v>
      </c>
      <c r="B21549" s="6"/>
      <c r="C21549" s="6" t="s">
        <v>21585</v>
      </c>
      <c r="D21549" s="6"/>
      <c r="E21549" s="6" t="s">
        <v>9</v>
      </c>
      <c r="F21549" s="7">
        <v>41660</v>
      </c>
      <c r="G21549" s="8">
        <v>1</v>
      </c>
      <c r="H21549" s="8">
        <v>1</v>
      </c>
      <c r="I21549" s="8">
        <v>0</v>
      </c>
      <c r="J21549" s="8">
        <v>1</v>
      </c>
      <c r="K21549" s="9">
        <v>59</v>
      </c>
      <c r="L21549" s="6" t="s">
        <v>4151</v>
      </c>
    </row>
    <row r="21550" spans="1:12">
      <c r="A21550" s="6" t="s">
        <v>4151</v>
      </c>
      <c r="B21550" s="6"/>
      <c r="C21550" s="6" t="s">
        <v>21586</v>
      </c>
      <c r="D21550" s="6"/>
      <c r="E21550" s="6" t="s">
        <v>9</v>
      </c>
      <c r="F21550" s="7">
        <v>41660</v>
      </c>
      <c r="G21550" s="8">
        <v>1</v>
      </c>
      <c r="H21550" s="8">
        <v>1</v>
      </c>
      <c r="I21550" s="8">
        <v>0</v>
      </c>
      <c r="J21550" s="8">
        <v>1</v>
      </c>
      <c r="K21550" s="9">
        <v>76</v>
      </c>
      <c r="L21550" s="6" t="s">
        <v>4151</v>
      </c>
    </row>
    <row r="21551" spans="1:12">
      <c r="A21551" s="6" t="s">
        <v>4151</v>
      </c>
      <c r="B21551" s="6"/>
      <c r="C21551" s="6" t="s">
        <v>21587</v>
      </c>
      <c r="D21551" s="6"/>
      <c r="E21551" s="6" t="s">
        <v>9</v>
      </c>
      <c r="F21551" s="7">
        <v>38657</v>
      </c>
      <c r="G21551" s="8">
        <v>1</v>
      </c>
      <c r="H21551" s="8">
        <v>1</v>
      </c>
      <c r="I21551" s="8">
        <v>0</v>
      </c>
      <c r="J21551" s="8">
        <v>1</v>
      </c>
      <c r="K21551" s="9">
        <v>29</v>
      </c>
      <c r="L21551" s="6" t="s">
        <v>4151</v>
      </c>
    </row>
    <row r="21552" spans="1:12">
      <c r="A21552" s="6" t="s">
        <v>4151</v>
      </c>
      <c r="B21552" s="6"/>
      <c r="C21552" s="6" t="s">
        <v>21588</v>
      </c>
      <c r="D21552" s="6"/>
      <c r="E21552" s="6" t="s">
        <v>9</v>
      </c>
      <c r="F21552" s="7">
        <v>41660</v>
      </c>
      <c r="G21552" s="8">
        <v>1</v>
      </c>
      <c r="H21552" s="8">
        <v>1</v>
      </c>
      <c r="I21552" s="8">
        <v>0</v>
      </c>
      <c r="J21552" s="8">
        <v>1</v>
      </c>
      <c r="K21552" s="9">
        <v>62</v>
      </c>
      <c r="L21552" s="6" t="s">
        <v>4151</v>
      </c>
    </row>
    <row r="21553" spans="1:12">
      <c r="A21553" s="6" t="s">
        <v>4151</v>
      </c>
      <c r="B21553" s="6"/>
      <c r="C21553" s="6" t="s">
        <v>21589</v>
      </c>
      <c r="D21553" s="6"/>
      <c r="E21553" s="6" t="s">
        <v>9</v>
      </c>
      <c r="F21553" s="7">
        <v>41660</v>
      </c>
      <c r="G21553" s="8">
        <v>1</v>
      </c>
      <c r="H21553" s="8">
        <v>1</v>
      </c>
      <c r="I21553" s="8">
        <v>0</v>
      </c>
      <c r="J21553" s="8">
        <v>1</v>
      </c>
      <c r="K21553" s="9">
        <v>27</v>
      </c>
      <c r="L21553" s="6" t="s">
        <v>4151</v>
      </c>
    </row>
    <row r="21554" spans="1:12">
      <c r="A21554" s="6" t="s">
        <v>4151</v>
      </c>
      <c r="B21554" s="6"/>
      <c r="C21554" s="6" t="s">
        <v>21590</v>
      </c>
      <c r="D21554" s="6"/>
      <c r="E21554" s="6" t="s">
        <v>9</v>
      </c>
      <c r="F21554" s="7">
        <v>41660</v>
      </c>
      <c r="G21554" s="8">
        <v>1</v>
      </c>
      <c r="H21554" s="8">
        <v>1</v>
      </c>
      <c r="I21554" s="8">
        <v>0</v>
      </c>
      <c r="J21554" s="8">
        <v>1</v>
      </c>
      <c r="K21554" s="9">
        <v>6</v>
      </c>
      <c r="L21554" s="6" t="s">
        <v>4151</v>
      </c>
    </row>
    <row r="21555" spans="1:12">
      <c r="A21555" s="6" t="s">
        <v>4151</v>
      </c>
      <c r="B21555" s="6"/>
      <c r="C21555" s="6" t="s">
        <v>21591</v>
      </c>
      <c r="D21555" s="6"/>
      <c r="E21555" s="6" t="s">
        <v>9</v>
      </c>
      <c r="F21555" s="7">
        <v>41660</v>
      </c>
      <c r="G21555" s="8">
        <v>1</v>
      </c>
      <c r="H21555" s="8">
        <v>1</v>
      </c>
      <c r="I21555" s="8">
        <v>0</v>
      </c>
      <c r="J21555" s="8">
        <v>1</v>
      </c>
      <c r="K21555" s="9">
        <v>71</v>
      </c>
      <c r="L21555" s="6" t="s">
        <v>4151</v>
      </c>
    </row>
    <row r="21556" spans="1:12">
      <c r="A21556" s="6" t="s">
        <v>4151</v>
      </c>
      <c r="B21556" s="6"/>
      <c r="C21556" s="6" t="s">
        <v>21592</v>
      </c>
      <c r="D21556" s="6"/>
      <c r="E21556" s="6" t="s">
        <v>9</v>
      </c>
      <c r="F21556" s="7">
        <v>41660</v>
      </c>
      <c r="G21556" s="8">
        <v>1</v>
      </c>
      <c r="H21556" s="8">
        <v>1</v>
      </c>
      <c r="I21556" s="8">
        <v>0</v>
      </c>
      <c r="J21556" s="8">
        <v>1</v>
      </c>
      <c r="K21556" s="9">
        <v>76</v>
      </c>
      <c r="L21556" s="6" t="s">
        <v>4151</v>
      </c>
    </row>
    <row r="21557" spans="1:12">
      <c r="A21557" s="6" t="s">
        <v>4151</v>
      </c>
      <c r="B21557" s="6"/>
      <c r="C21557" s="6" t="s">
        <v>21593</v>
      </c>
      <c r="D21557" s="6"/>
      <c r="E21557" s="6" t="s">
        <v>9</v>
      </c>
      <c r="F21557" s="7">
        <v>41660</v>
      </c>
      <c r="G21557" s="8">
        <v>1</v>
      </c>
      <c r="H21557" s="8">
        <v>1</v>
      </c>
      <c r="I21557" s="8">
        <v>0</v>
      </c>
      <c r="J21557" s="8">
        <v>1</v>
      </c>
      <c r="K21557" s="9">
        <v>42</v>
      </c>
      <c r="L21557" s="6" t="s">
        <v>4151</v>
      </c>
    </row>
    <row r="21558" spans="1:12">
      <c r="A21558" s="6" t="s">
        <v>4151</v>
      </c>
      <c r="B21558" s="6"/>
      <c r="C21558" s="6" t="s">
        <v>21594</v>
      </c>
      <c r="D21558" s="6"/>
      <c r="E21558" s="6" t="s">
        <v>9</v>
      </c>
      <c r="F21558" s="7">
        <v>41660</v>
      </c>
      <c r="G21558" s="8">
        <v>1</v>
      </c>
      <c r="H21558" s="8">
        <v>1</v>
      </c>
      <c r="I21558" s="8">
        <v>0</v>
      </c>
      <c r="J21558" s="8">
        <v>1</v>
      </c>
      <c r="K21558" s="9">
        <v>163</v>
      </c>
      <c r="L21558" s="6" t="s">
        <v>4151</v>
      </c>
    </row>
    <row r="21559" spans="1:12">
      <c r="A21559" s="6" t="s">
        <v>4151</v>
      </c>
      <c r="B21559" s="6"/>
      <c r="C21559" s="6" t="s">
        <v>21595</v>
      </c>
      <c r="D21559" s="6"/>
      <c r="E21559" s="6" t="s">
        <v>9</v>
      </c>
      <c r="F21559" s="7">
        <v>41660</v>
      </c>
      <c r="G21559" s="8">
        <v>1</v>
      </c>
      <c r="H21559" s="8">
        <v>1</v>
      </c>
      <c r="I21559" s="8">
        <v>0</v>
      </c>
      <c r="J21559" s="8">
        <v>1</v>
      </c>
      <c r="K21559" s="9">
        <v>105</v>
      </c>
      <c r="L21559" s="6" t="s">
        <v>4151</v>
      </c>
    </row>
    <row r="21560" spans="1:12">
      <c r="A21560" s="6" t="s">
        <v>4151</v>
      </c>
      <c r="B21560" s="6"/>
      <c r="C21560" s="6" t="s">
        <v>21596</v>
      </c>
      <c r="D21560" s="6"/>
      <c r="E21560" s="6" t="s">
        <v>9</v>
      </c>
      <c r="F21560" s="7">
        <v>41660</v>
      </c>
      <c r="G21560" s="8">
        <v>1</v>
      </c>
      <c r="H21560" s="8">
        <v>1</v>
      </c>
      <c r="I21560" s="8">
        <v>0</v>
      </c>
      <c r="J21560" s="8">
        <v>1</v>
      </c>
      <c r="K21560" s="9">
        <v>155</v>
      </c>
      <c r="L21560" s="6" t="s">
        <v>4151</v>
      </c>
    </row>
    <row r="21561" spans="1:12">
      <c r="A21561" s="6" t="s">
        <v>4151</v>
      </c>
      <c r="B21561" s="6"/>
      <c r="C21561" s="6" t="s">
        <v>21597</v>
      </c>
      <c r="D21561" s="6"/>
      <c r="E21561" s="6" t="s">
        <v>9</v>
      </c>
      <c r="F21561" s="7">
        <v>41660</v>
      </c>
      <c r="G21561" s="8">
        <v>1</v>
      </c>
      <c r="H21561" s="8">
        <v>1</v>
      </c>
      <c r="I21561" s="8">
        <v>0</v>
      </c>
      <c r="J21561" s="8">
        <v>1</v>
      </c>
      <c r="K21561" s="9">
        <v>626</v>
      </c>
      <c r="L21561" s="6" t="s">
        <v>4151</v>
      </c>
    </row>
    <row r="21562" spans="1:12">
      <c r="A21562" s="6" t="s">
        <v>4151</v>
      </c>
      <c r="B21562" s="6"/>
      <c r="C21562" s="6" t="s">
        <v>21598</v>
      </c>
      <c r="D21562" s="6"/>
      <c r="E21562" s="6" t="s">
        <v>9</v>
      </c>
      <c r="F21562" s="7">
        <v>38657</v>
      </c>
      <c r="G21562" s="8">
        <v>1</v>
      </c>
      <c r="H21562" s="8">
        <v>1</v>
      </c>
      <c r="I21562" s="8">
        <v>0</v>
      </c>
      <c r="J21562" s="8">
        <v>1</v>
      </c>
      <c r="K21562" s="9">
        <v>13.11</v>
      </c>
      <c r="L21562" s="6" t="s">
        <v>4151</v>
      </c>
    </row>
    <row r="21563" spans="1:12">
      <c r="A21563" s="6" t="s">
        <v>4151</v>
      </c>
      <c r="B21563" s="6"/>
      <c r="C21563" s="6" t="s">
        <v>21599</v>
      </c>
      <c r="D21563" s="6"/>
      <c r="E21563" s="6" t="s">
        <v>9</v>
      </c>
      <c r="F21563" s="7">
        <v>41660</v>
      </c>
      <c r="G21563" s="8">
        <v>1</v>
      </c>
      <c r="H21563" s="8">
        <v>1</v>
      </c>
      <c r="I21563" s="8">
        <v>0</v>
      </c>
      <c r="J21563" s="8">
        <v>1</v>
      </c>
      <c r="K21563" s="9">
        <v>346</v>
      </c>
      <c r="L21563" s="6" t="s">
        <v>4151</v>
      </c>
    </row>
    <row r="21564" spans="1:12">
      <c r="A21564" s="6" t="s">
        <v>4151</v>
      </c>
      <c r="B21564" s="6"/>
      <c r="C21564" s="6" t="s">
        <v>21600</v>
      </c>
      <c r="D21564" s="6"/>
      <c r="E21564" s="6" t="s">
        <v>9</v>
      </c>
      <c r="F21564" s="7">
        <v>41660</v>
      </c>
      <c r="G21564" s="8">
        <v>1</v>
      </c>
      <c r="H21564" s="8">
        <v>1</v>
      </c>
      <c r="I21564" s="8">
        <v>0</v>
      </c>
      <c r="J21564" s="8">
        <v>1</v>
      </c>
      <c r="K21564" s="9">
        <v>53</v>
      </c>
      <c r="L21564" s="6" t="s">
        <v>4151</v>
      </c>
    </row>
    <row r="21565" spans="1:12">
      <c r="A21565" s="6" t="s">
        <v>4151</v>
      </c>
      <c r="B21565" s="6"/>
      <c r="C21565" s="6" t="s">
        <v>21601</v>
      </c>
      <c r="D21565" s="6"/>
      <c r="E21565" s="6" t="s">
        <v>9</v>
      </c>
      <c r="F21565" s="7">
        <v>41660</v>
      </c>
      <c r="G21565" s="8">
        <v>1</v>
      </c>
      <c r="H21565" s="8">
        <v>1</v>
      </c>
      <c r="I21565" s="8">
        <v>0</v>
      </c>
      <c r="J21565" s="8">
        <v>1</v>
      </c>
      <c r="K21565" s="9">
        <v>60</v>
      </c>
      <c r="L21565" s="6" t="s">
        <v>4151</v>
      </c>
    </row>
    <row r="21566" spans="1:12">
      <c r="A21566" s="6" t="s">
        <v>4151</v>
      </c>
      <c r="B21566" s="6"/>
      <c r="C21566" s="6" t="s">
        <v>21602</v>
      </c>
      <c r="D21566" s="6"/>
      <c r="E21566" s="6" t="s">
        <v>9</v>
      </c>
      <c r="F21566" s="7">
        <v>41660</v>
      </c>
      <c r="G21566" s="8">
        <v>1</v>
      </c>
      <c r="H21566" s="8">
        <v>1</v>
      </c>
      <c r="I21566" s="8">
        <v>0</v>
      </c>
      <c r="J21566" s="8">
        <v>1</v>
      </c>
      <c r="K21566" s="9">
        <v>47</v>
      </c>
      <c r="L21566" s="6" t="s">
        <v>4151</v>
      </c>
    </row>
    <row r="21567" spans="1:12">
      <c r="A21567" s="6" t="s">
        <v>4151</v>
      </c>
      <c r="B21567" s="6"/>
      <c r="C21567" s="6" t="s">
        <v>21603</v>
      </c>
      <c r="D21567" s="6"/>
      <c r="E21567" s="6" t="s">
        <v>9</v>
      </c>
      <c r="F21567" s="7">
        <v>41660</v>
      </c>
      <c r="G21567" s="8">
        <v>1</v>
      </c>
      <c r="H21567" s="8">
        <v>1</v>
      </c>
      <c r="I21567" s="8">
        <v>0</v>
      </c>
      <c r="J21567" s="8">
        <v>1</v>
      </c>
      <c r="K21567" s="9">
        <v>120</v>
      </c>
      <c r="L21567" s="6" t="s">
        <v>4151</v>
      </c>
    </row>
    <row r="21568" spans="1:12">
      <c r="A21568" s="6" t="s">
        <v>4151</v>
      </c>
      <c r="B21568" s="6"/>
      <c r="C21568" s="6" t="s">
        <v>21604</v>
      </c>
      <c r="D21568" s="6"/>
      <c r="E21568" s="6" t="s">
        <v>9</v>
      </c>
      <c r="F21568" s="7">
        <v>41660</v>
      </c>
      <c r="G21568" s="8">
        <v>1</v>
      </c>
      <c r="H21568" s="8">
        <v>1</v>
      </c>
      <c r="I21568" s="8">
        <v>0</v>
      </c>
      <c r="J21568" s="8">
        <v>1</v>
      </c>
      <c r="K21568" s="9">
        <v>131</v>
      </c>
      <c r="L21568" s="6" t="s">
        <v>4151</v>
      </c>
    </row>
    <row r="21569" spans="1:12">
      <c r="A21569" s="6" t="s">
        <v>4151</v>
      </c>
      <c r="B21569" s="6"/>
      <c r="C21569" s="6" t="s">
        <v>21605</v>
      </c>
      <c r="D21569" s="6"/>
      <c r="E21569" s="6" t="s">
        <v>9</v>
      </c>
      <c r="F21569" s="7">
        <v>38657</v>
      </c>
      <c r="G21569" s="8">
        <v>1</v>
      </c>
      <c r="H21569" s="8">
        <v>1</v>
      </c>
      <c r="I21569" s="8">
        <v>0</v>
      </c>
      <c r="J21569" s="8">
        <v>1</v>
      </c>
      <c r="K21569" s="9">
        <v>16</v>
      </c>
      <c r="L21569" s="6" t="s">
        <v>4151</v>
      </c>
    </row>
    <row r="21570" spans="1:12">
      <c r="A21570" s="6" t="s">
        <v>4151</v>
      </c>
      <c r="B21570" s="6"/>
      <c r="C21570" s="6" t="s">
        <v>21606</v>
      </c>
      <c r="D21570" s="6"/>
      <c r="E21570" s="6" t="s">
        <v>9</v>
      </c>
      <c r="F21570" s="7">
        <v>38657</v>
      </c>
      <c r="G21570" s="8">
        <v>1</v>
      </c>
      <c r="H21570" s="8">
        <v>1</v>
      </c>
      <c r="I21570" s="8">
        <v>0</v>
      </c>
      <c r="J21570" s="8">
        <v>1</v>
      </c>
      <c r="K21570" s="9">
        <v>20</v>
      </c>
      <c r="L21570" s="6" t="s">
        <v>4151</v>
      </c>
    </row>
    <row r="21571" spans="1:12">
      <c r="A21571" s="6" t="s">
        <v>4151</v>
      </c>
      <c r="B21571" s="6"/>
      <c r="C21571" s="6" t="s">
        <v>21607</v>
      </c>
      <c r="D21571" s="6"/>
      <c r="E21571" s="6" t="s">
        <v>9</v>
      </c>
      <c r="F21571" s="7">
        <v>38657</v>
      </c>
      <c r="G21571" s="8">
        <v>1</v>
      </c>
      <c r="H21571" s="8">
        <v>1</v>
      </c>
      <c r="I21571" s="8">
        <v>0</v>
      </c>
      <c r="J21571" s="8">
        <v>1</v>
      </c>
      <c r="K21571" s="9">
        <v>219</v>
      </c>
      <c r="L21571" s="6" t="s">
        <v>4151</v>
      </c>
    </row>
    <row r="21572" spans="1:12">
      <c r="A21572" s="6" t="s">
        <v>4151</v>
      </c>
      <c r="B21572" s="6"/>
      <c r="C21572" s="6" t="s">
        <v>21608</v>
      </c>
      <c r="D21572" s="6"/>
      <c r="E21572" s="6" t="s">
        <v>9</v>
      </c>
      <c r="F21572" s="7">
        <v>38657</v>
      </c>
      <c r="G21572" s="8">
        <v>1</v>
      </c>
      <c r="H21572" s="8">
        <v>1</v>
      </c>
      <c r="I21572" s="8">
        <v>0</v>
      </c>
      <c r="J21572" s="8">
        <v>1</v>
      </c>
      <c r="K21572" s="9">
        <v>104</v>
      </c>
      <c r="L21572" s="6" t="s">
        <v>4151</v>
      </c>
    </row>
    <row r="21573" spans="1:12">
      <c r="A21573" s="6" t="s">
        <v>4151</v>
      </c>
      <c r="B21573" s="6"/>
      <c r="C21573" s="6" t="s">
        <v>21609</v>
      </c>
      <c r="D21573" s="6"/>
      <c r="E21573" s="6" t="s">
        <v>9</v>
      </c>
      <c r="F21573" s="7">
        <v>38657</v>
      </c>
      <c r="G21573" s="8">
        <v>1</v>
      </c>
      <c r="H21573" s="8">
        <v>1</v>
      </c>
      <c r="I21573" s="8">
        <v>0</v>
      </c>
      <c r="J21573" s="8">
        <v>1</v>
      </c>
      <c r="K21573" s="9">
        <v>10</v>
      </c>
      <c r="L21573" s="6" t="s">
        <v>4151</v>
      </c>
    </row>
    <row r="21574" spans="1:12">
      <c r="A21574" s="6" t="s">
        <v>4151</v>
      </c>
      <c r="B21574" s="6"/>
      <c r="C21574" s="6" t="s">
        <v>21610</v>
      </c>
      <c r="D21574" s="6"/>
      <c r="E21574" s="6" t="s">
        <v>9</v>
      </c>
      <c r="F21574" s="7">
        <v>38657</v>
      </c>
      <c r="G21574" s="8">
        <v>1</v>
      </c>
      <c r="H21574" s="8">
        <v>1</v>
      </c>
      <c r="I21574" s="8">
        <v>0</v>
      </c>
      <c r="J21574" s="8">
        <v>1</v>
      </c>
      <c r="K21574" s="9">
        <v>964</v>
      </c>
      <c r="L21574" s="6" t="s">
        <v>4151</v>
      </c>
    </row>
    <row r="21575" spans="1:12">
      <c r="A21575" s="6" t="s">
        <v>4151</v>
      </c>
      <c r="B21575" s="6"/>
      <c r="C21575" s="6" t="s">
        <v>21611</v>
      </c>
      <c r="D21575" s="6"/>
      <c r="E21575" s="6" t="s">
        <v>9</v>
      </c>
      <c r="F21575" s="7">
        <v>38657</v>
      </c>
      <c r="G21575" s="8">
        <v>1</v>
      </c>
      <c r="H21575" s="8">
        <v>1</v>
      </c>
      <c r="I21575" s="8">
        <v>0</v>
      </c>
      <c r="J21575" s="8">
        <v>1</v>
      </c>
      <c r="K21575" s="9">
        <v>17</v>
      </c>
      <c r="L21575" s="6" t="s">
        <v>4151</v>
      </c>
    </row>
    <row r="21576" spans="1:12">
      <c r="A21576" s="6" t="s">
        <v>4151</v>
      </c>
      <c r="B21576" s="6"/>
      <c r="C21576" s="6" t="s">
        <v>21612</v>
      </c>
      <c r="D21576" s="6"/>
      <c r="E21576" s="6" t="s">
        <v>9</v>
      </c>
      <c r="F21576" s="7">
        <v>38657</v>
      </c>
      <c r="G21576" s="8">
        <v>1</v>
      </c>
      <c r="H21576" s="8">
        <v>1</v>
      </c>
      <c r="I21576" s="8">
        <v>0</v>
      </c>
      <c r="J21576" s="8">
        <v>1</v>
      </c>
      <c r="K21576" s="9">
        <v>28</v>
      </c>
      <c r="L21576" s="6" t="s">
        <v>4151</v>
      </c>
    </row>
    <row r="21577" spans="1:12">
      <c r="A21577" s="6" t="s">
        <v>4151</v>
      </c>
      <c r="B21577" s="6"/>
      <c r="C21577" s="6" t="s">
        <v>21613</v>
      </c>
      <c r="D21577" s="6"/>
      <c r="E21577" s="6" t="s">
        <v>9</v>
      </c>
      <c r="F21577" s="7">
        <v>38657</v>
      </c>
      <c r="G21577" s="8">
        <v>1</v>
      </c>
      <c r="H21577" s="8">
        <v>1</v>
      </c>
      <c r="I21577" s="8">
        <v>0</v>
      </c>
      <c r="J21577" s="8">
        <v>1</v>
      </c>
      <c r="K21577" s="9">
        <v>28</v>
      </c>
      <c r="L21577" s="6" t="s">
        <v>4151</v>
      </c>
    </row>
    <row r="21578" spans="1:12">
      <c r="A21578" s="6" t="s">
        <v>4151</v>
      </c>
      <c r="B21578" s="6"/>
      <c r="C21578" s="6" t="s">
        <v>21614</v>
      </c>
      <c r="D21578" s="6"/>
      <c r="E21578" s="6" t="s">
        <v>9</v>
      </c>
      <c r="F21578" s="7">
        <v>38657</v>
      </c>
      <c r="G21578" s="8">
        <v>1</v>
      </c>
      <c r="H21578" s="8">
        <v>1</v>
      </c>
      <c r="I21578" s="8">
        <v>0</v>
      </c>
      <c r="J21578" s="8">
        <v>1</v>
      </c>
      <c r="K21578" s="9">
        <v>27</v>
      </c>
      <c r="L21578" s="6" t="s">
        <v>4151</v>
      </c>
    </row>
    <row r="21579" spans="1:12">
      <c r="A21579" s="6" t="s">
        <v>4151</v>
      </c>
      <c r="B21579" s="6"/>
      <c r="C21579" s="6" t="s">
        <v>21615</v>
      </c>
      <c r="D21579" s="6"/>
      <c r="E21579" s="6" t="s">
        <v>9</v>
      </c>
      <c r="F21579" s="7">
        <v>38657</v>
      </c>
      <c r="G21579" s="8">
        <v>1</v>
      </c>
      <c r="H21579" s="8">
        <v>1</v>
      </c>
      <c r="I21579" s="8">
        <v>0</v>
      </c>
      <c r="J21579" s="8">
        <v>1</v>
      </c>
      <c r="K21579" s="9">
        <v>27</v>
      </c>
      <c r="L21579" s="6" t="s">
        <v>4151</v>
      </c>
    </row>
    <row r="21580" spans="1:12">
      <c r="A21580" s="6" t="s">
        <v>4151</v>
      </c>
      <c r="B21580" s="6"/>
      <c r="C21580" s="6" t="s">
        <v>21616</v>
      </c>
      <c r="D21580" s="6"/>
      <c r="E21580" s="6" t="s">
        <v>9</v>
      </c>
      <c r="F21580" s="7">
        <v>38657</v>
      </c>
      <c r="G21580" s="8">
        <v>1</v>
      </c>
      <c r="H21580" s="8">
        <v>1</v>
      </c>
      <c r="I21580" s="8">
        <v>0</v>
      </c>
      <c r="J21580" s="8">
        <v>1</v>
      </c>
      <c r="K21580" s="9">
        <v>38</v>
      </c>
      <c r="L21580" s="6" t="s">
        <v>4151</v>
      </c>
    </row>
    <row r="21581" spans="1:12">
      <c r="A21581" s="6" t="s">
        <v>4151</v>
      </c>
      <c r="B21581" s="6"/>
      <c r="C21581" s="6" t="s">
        <v>21617</v>
      </c>
      <c r="D21581" s="6"/>
      <c r="E21581" s="6" t="s">
        <v>9</v>
      </c>
      <c r="F21581" s="7">
        <v>38657</v>
      </c>
      <c r="G21581" s="8">
        <v>1</v>
      </c>
      <c r="H21581" s="8">
        <v>1</v>
      </c>
      <c r="I21581" s="8">
        <v>0</v>
      </c>
      <c r="J21581" s="8">
        <v>1</v>
      </c>
      <c r="K21581" s="9">
        <v>27</v>
      </c>
      <c r="L21581" s="6" t="s">
        <v>4151</v>
      </c>
    </row>
    <row r="21582" spans="1:12">
      <c r="A21582" s="6" t="s">
        <v>4151</v>
      </c>
      <c r="B21582" s="6"/>
      <c r="C21582" s="6" t="s">
        <v>21618</v>
      </c>
      <c r="D21582" s="6"/>
      <c r="E21582" s="6" t="s">
        <v>9</v>
      </c>
      <c r="F21582" s="7">
        <v>38657</v>
      </c>
      <c r="G21582" s="8">
        <v>1</v>
      </c>
      <c r="H21582" s="8">
        <v>1</v>
      </c>
      <c r="I21582" s="8">
        <v>0</v>
      </c>
      <c r="J21582" s="8">
        <v>1</v>
      </c>
      <c r="K21582" s="9">
        <v>38</v>
      </c>
      <c r="L21582" s="6" t="s">
        <v>4151</v>
      </c>
    </row>
    <row r="21583" spans="1:12">
      <c r="A21583" s="6" t="s">
        <v>4151</v>
      </c>
      <c r="B21583" s="6"/>
      <c r="C21583" s="6" t="s">
        <v>21619</v>
      </c>
      <c r="D21583" s="6"/>
      <c r="E21583" s="6" t="s">
        <v>9</v>
      </c>
      <c r="F21583" s="7">
        <v>38657</v>
      </c>
      <c r="G21583" s="8">
        <v>1</v>
      </c>
      <c r="H21583" s="8">
        <v>1</v>
      </c>
      <c r="I21583" s="8">
        <v>0</v>
      </c>
      <c r="J21583" s="8">
        <v>1</v>
      </c>
      <c r="K21583" s="9">
        <v>27</v>
      </c>
      <c r="L21583" s="6" t="s">
        <v>4151</v>
      </c>
    </row>
    <row r="21584" spans="1:12">
      <c r="A21584" s="6" t="s">
        <v>4151</v>
      </c>
      <c r="B21584" s="6"/>
      <c r="C21584" s="6" t="s">
        <v>21620</v>
      </c>
      <c r="D21584" s="6"/>
      <c r="E21584" s="6" t="s">
        <v>9</v>
      </c>
      <c r="F21584" s="7">
        <v>38657</v>
      </c>
      <c r="G21584" s="8">
        <v>1</v>
      </c>
      <c r="H21584" s="8">
        <v>1</v>
      </c>
      <c r="I21584" s="8">
        <v>0</v>
      </c>
      <c r="J21584" s="8">
        <v>1</v>
      </c>
      <c r="K21584" s="9">
        <v>42</v>
      </c>
      <c r="L21584" s="6" t="s">
        <v>4151</v>
      </c>
    </row>
    <row r="21585" spans="1:12">
      <c r="A21585" s="6" t="s">
        <v>4151</v>
      </c>
      <c r="B21585" s="6"/>
      <c r="C21585" s="6" t="s">
        <v>21621</v>
      </c>
      <c r="D21585" s="6"/>
      <c r="E21585" s="6" t="s">
        <v>9</v>
      </c>
      <c r="F21585" s="7">
        <v>38657</v>
      </c>
      <c r="G21585" s="8">
        <v>1</v>
      </c>
      <c r="H21585" s="8">
        <v>1</v>
      </c>
      <c r="I21585" s="8">
        <v>0</v>
      </c>
      <c r="J21585" s="8">
        <v>1</v>
      </c>
      <c r="K21585" s="9">
        <v>38</v>
      </c>
      <c r="L21585" s="6" t="s">
        <v>4151</v>
      </c>
    </row>
    <row r="21586" spans="1:12">
      <c r="A21586" s="6" t="s">
        <v>4151</v>
      </c>
      <c r="B21586" s="6"/>
      <c r="C21586" s="6" t="s">
        <v>21622</v>
      </c>
      <c r="D21586" s="6"/>
      <c r="E21586" s="6" t="s">
        <v>9</v>
      </c>
      <c r="F21586" s="7">
        <v>38657</v>
      </c>
      <c r="G21586" s="8">
        <v>1</v>
      </c>
      <c r="H21586" s="8">
        <v>1</v>
      </c>
      <c r="I21586" s="8">
        <v>0</v>
      </c>
      <c r="J21586" s="8">
        <v>1</v>
      </c>
      <c r="K21586" s="9">
        <v>27</v>
      </c>
      <c r="L21586" s="6" t="s">
        <v>4151</v>
      </c>
    </row>
    <row r="21587" spans="1:12">
      <c r="A21587" s="6" t="s">
        <v>4151</v>
      </c>
      <c r="B21587" s="6"/>
      <c r="C21587" s="6" t="s">
        <v>21623</v>
      </c>
      <c r="D21587" s="6"/>
      <c r="E21587" s="6" t="s">
        <v>9</v>
      </c>
      <c r="F21587" s="7">
        <v>38657</v>
      </c>
      <c r="G21587" s="8">
        <v>1</v>
      </c>
      <c r="H21587" s="8">
        <v>1</v>
      </c>
      <c r="I21587" s="8">
        <v>0</v>
      </c>
      <c r="J21587" s="8">
        <v>1</v>
      </c>
      <c r="K21587" s="9">
        <v>38</v>
      </c>
      <c r="L21587" s="6" t="s">
        <v>4151</v>
      </c>
    </row>
    <row r="21588" spans="1:12">
      <c r="A21588" s="6" t="s">
        <v>4151</v>
      </c>
      <c r="B21588" s="6"/>
      <c r="C21588" s="6" t="s">
        <v>21624</v>
      </c>
      <c r="D21588" s="6"/>
      <c r="E21588" s="6" t="s">
        <v>9</v>
      </c>
      <c r="F21588" s="7">
        <v>38657</v>
      </c>
      <c r="G21588" s="8">
        <v>1</v>
      </c>
      <c r="H21588" s="8">
        <v>1</v>
      </c>
      <c r="I21588" s="8">
        <v>0</v>
      </c>
      <c r="J21588" s="8">
        <v>1</v>
      </c>
      <c r="K21588" s="9">
        <v>27</v>
      </c>
      <c r="L21588" s="6" t="s">
        <v>4151</v>
      </c>
    </row>
    <row r="21589" spans="1:12">
      <c r="A21589" s="6" t="s">
        <v>4151</v>
      </c>
      <c r="B21589" s="6"/>
      <c r="C21589" s="6" t="s">
        <v>21625</v>
      </c>
      <c r="D21589" s="6"/>
      <c r="E21589" s="6" t="s">
        <v>9</v>
      </c>
      <c r="F21589" s="7">
        <v>38657</v>
      </c>
      <c r="G21589" s="8">
        <v>1</v>
      </c>
      <c r="H21589" s="8">
        <v>1</v>
      </c>
      <c r="I21589" s="8">
        <v>0</v>
      </c>
      <c r="J21589" s="8">
        <v>1</v>
      </c>
      <c r="K21589" s="9">
        <v>29</v>
      </c>
      <c r="L21589" s="6" t="s">
        <v>4151</v>
      </c>
    </row>
    <row r="21590" spans="1:12">
      <c r="A21590" s="6" t="s">
        <v>4151</v>
      </c>
      <c r="B21590" s="6"/>
      <c r="C21590" s="6" t="s">
        <v>21626</v>
      </c>
      <c r="D21590" s="6"/>
      <c r="E21590" s="6" t="s">
        <v>9</v>
      </c>
      <c r="F21590" s="7">
        <v>38657</v>
      </c>
      <c r="G21590" s="8">
        <v>1</v>
      </c>
      <c r="H21590" s="8">
        <v>1</v>
      </c>
      <c r="I21590" s="8">
        <v>0</v>
      </c>
      <c r="J21590" s="8">
        <v>1</v>
      </c>
      <c r="K21590" s="9">
        <v>19</v>
      </c>
      <c r="L21590" s="6" t="s">
        <v>4151</v>
      </c>
    </row>
    <row r="21591" spans="1:12">
      <c r="A21591" s="6" t="s">
        <v>4151</v>
      </c>
      <c r="B21591" s="6"/>
      <c r="C21591" s="6" t="s">
        <v>21627</v>
      </c>
      <c r="D21591" s="6"/>
      <c r="E21591" s="6" t="s">
        <v>9</v>
      </c>
      <c r="F21591" s="7">
        <v>38657</v>
      </c>
      <c r="G21591" s="8">
        <v>1</v>
      </c>
      <c r="H21591" s="8">
        <v>1</v>
      </c>
      <c r="I21591" s="8">
        <v>0</v>
      </c>
      <c r="J21591" s="8">
        <v>1</v>
      </c>
      <c r="K21591" s="9">
        <v>88</v>
      </c>
      <c r="L21591" s="6" t="s">
        <v>4151</v>
      </c>
    </row>
    <row r="21592" spans="1:12">
      <c r="A21592" s="6" t="s">
        <v>4151</v>
      </c>
      <c r="B21592" s="6"/>
      <c r="C21592" s="6" t="s">
        <v>21628</v>
      </c>
      <c r="D21592" s="6"/>
      <c r="E21592" s="6" t="s">
        <v>9</v>
      </c>
      <c r="F21592" s="7">
        <v>38657</v>
      </c>
      <c r="G21592" s="8">
        <v>1</v>
      </c>
      <c r="H21592" s="8">
        <v>1</v>
      </c>
      <c r="I21592" s="8">
        <v>0</v>
      </c>
      <c r="J21592" s="8">
        <v>1</v>
      </c>
      <c r="K21592" s="9">
        <v>35</v>
      </c>
      <c r="L21592" s="6" t="s">
        <v>4151</v>
      </c>
    </row>
    <row r="21593" spans="1:12">
      <c r="A21593" s="6" t="s">
        <v>4151</v>
      </c>
      <c r="B21593" s="6"/>
      <c r="C21593" s="6" t="s">
        <v>21629</v>
      </c>
      <c r="D21593" s="6"/>
      <c r="E21593" s="6" t="s">
        <v>9</v>
      </c>
      <c r="F21593" s="7">
        <v>38657</v>
      </c>
      <c r="G21593" s="8">
        <v>1</v>
      </c>
      <c r="H21593" s="8">
        <v>1</v>
      </c>
      <c r="I21593" s="8">
        <v>0</v>
      </c>
      <c r="J21593" s="8">
        <v>1</v>
      </c>
      <c r="K21593" s="9">
        <v>38</v>
      </c>
      <c r="L21593" s="6" t="s">
        <v>4151</v>
      </c>
    </row>
    <row r="21594" spans="1:12">
      <c r="A21594" s="6" t="s">
        <v>4151</v>
      </c>
      <c r="B21594" s="6"/>
      <c r="C21594" s="6" t="s">
        <v>21630</v>
      </c>
      <c r="D21594" s="6"/>
      <c r="E21594" s="6" t="s">
        <v>9</v>
      </c>
      <c r="F21594" s="7">
        <v>38657</v>
      </c>
      <c r="G21594" s="8">
        <v>1</v>
      </c>
      <c r="H21594" s="8">
        <v>1</v>
      </c>
      <c r="I21594" s="8">
        <v>0</v>
      </c>
      <c r="J21594" s="8">
        <v>1</v>
      </c>
      <c r="K21594" s="9">
        <v>38</v>
      </c>
      <c r="L21594" s="6" t="s">
        <v>4151</v>
      </c>
    </row>
    <row r="21595" spans="1:12">
      <c r="A21595" s="6" t="s">
        <v>4151</v>
      </c>
      <c r="B21595" s="6"/>
      <c r="C21595" s="6" t="s">
        <v>21631</v>
      </c>
      <c r="D21595" s="6"/>
      <c r="E21595" s="6" t="s">
        <v>9</v>
      </c>
      <c r="F21595" s="7">
        <v>38657</v>
      </c>
      <c r="G21595" s="8">
        <v>1</v>
      </c>
      <c r="H21595" s="8">
        <v>1</v>
      </c>
      <c r="I21595" s="8">
        <v>0</v>
      </c>
      <c r="J21595" s="8">
        <v>1</v>
      </c>
      <c r="K21595" s="9">
        <v>7.2</v>
      </c>
      <c r="L21595" s="6" t="s">
        <v>4151</v>
      </c>
    </row>
    <row r="21596" spans="1:12">
      <c r="A21596" s="6" t="s">
        <v>4151</v>
      </c>
      <c r="B21596" s="6"/>
      <c r="C21596" s="6" t="s">
        <v>21632</v>
      </c>
      <c r="D21596" s="6"/>
      <c r="E21596" s="6" t="s">
        <v>9</v>
      </c>
      <c r="F21596" s="7">
        <v>38657</v>
      </c>
      <c r="G21596" s="8">
        <v>1</v>
      </c>
      <c r="H21596" s="8">
        <v>1</v>
      </c>
      <c r="I21596" s="8">
        <v>0</v>
      </c>
      <c r="J21596" s="8">
        <v>1</v>
      </c>
      <c r="K21596" s="9">
        <v>38</v>
      </c>
      <c r="L21596" s="6" t="s">
        <v>4151</v>
      </c>
    </row>
    <row r="21597" spans="1:12">
      <c r="A21597" s="6" t="s">
        <v>4151</v>
      </c>
      <c r="B21597" s="6"/>
      <c r="C21597" s="6" t="s">
        <v>21633</v>
      </c>
      <c r="D21597" s="6"/>
      <c r="E21597" s="6" t="s">
        <v>9</v>
      </c>
      <c r="F21597" s="7">
        <v>38657</v>
      </c>
      <c r="G21597" s="8">
        <v>1</v>
      </c>
      <c r="H21597" s="8">
        <v>1</v>
      </c>
      <c r="I21597" s="8">
        <v>0</v>
      </c>
      <c r="J21597" s="8">
        <v>1</v>
      </c>
      <c r="K21597" s="9">
        <v>38</v>
      </c>
      <c r="L21597" s="6" t="s">
        <v>4151</v>
      </c>
    </row>
    <row r="21598" spans="1:12">
      <c r="A21598" s="6" t="s">
        <v>4151</v>
      </c>
      <c r="B21598" s="6"/>
      <c r="C21598" s="6" t="s">
        <v>21634</v>
      </c>
      <c r="D21598" s="6"/>
      <c r="E21598" s="6" t="s">
        <v>9</v>
      </c>
      <c r="F21598" s="7">
        <v>38657</v>
      </c>
      <c r="G21598" s="8">
        <v>1</v>
      </c>
      <c r="H21598" s="8">
        <v>1</v>
      </c>
      <c r="I21598" s="8">
        <v>0</v>
      </c>
      <c r="J21598" s="8">
        <v>1</v>
      </c>
      <c r="K21598" s="9">
        <v>38</v>
      </c>
      <c r="L21598" s="6" t="s">
        <v>4151</v>
      </c>
    </row>
    <row r="21599" spans="1:12">
      <c r="A21599" s="6" t="s">
        <v>4151</v>
      </c>
      <c r="B21599" s="6"/>
      <c r="C21599" s="6" t="s">
        <v>21635</v>
      </c>
      <c r="D21599" s="6"/>
      <c r="E21599" s="6" t="s">
        <v>9</v>
      </c>
      <c r="F21599" s="7">
        <v>38657</v>
      </c>
      <c r="G21599" s="8">
        <v>1</v>
      </c>
      <c r="H21599" s="8">
        <v>1</v>
      </c>
      <c r="I21599" s="8">
        <v>0</v>
      </c>
      <c r="J21599" s="8">
        <v>1</v>
      </c>
      <c r="K21599" s="9">
        <v>38</v>
      </c>
      <c r="L21599" s="6" t="s">
        <v>4151</v>
      </c>
    </row>
    <row r="21600" spans="1:12">
      <c r="A21600" s="6" t="s">
        <v>4151</v>
      </c>
      <c r="B21600" s="6"/>
      <c r="C21600" s="6" t="s">
        <v>21636</v>
      </c>
      <c r="D21600" s="6"/>
      <c r="E21600" s="6" t="s">
        <v>9</v>
      </c>
      <c r="F21600" s="7">
        <v>38657</v>
      </c>
      <c r="G21600" s="8">
        <v>1</v>
      </c>
      <c r="H21600" s="8">
        <v>1</v>
      </c>
      <c r="I21600" s="8">
        <v>0</v>
      </c>
      <c r="J21600" s="8">
        <v>1</v>
      </c>
      <c r="K21600" s="9">
        <v>37</v>
      </c>
      <c r="L21600" s="6" t="s">
        <v>4151</v>
      </c>
    </row>
    <row r="21601" spans="1:12">
      <c r="A21601" s="6" t="s">
        <v>4151</v>
      </c>
      <c r="B21601" s="6"/>
      <c r="C21601" s="6" t="s">
        <v>21637</v>
      </c>
      <c r="D21601" s="6"/>
      <c r="E21601" s="6" t="s">
        <v>9</v>
      </c>
      <c r="F21601" s="7">
        <v>38657</v>
      </c>
      <c r="G21601" s="8">
        <v>1</v>
      </c>
      <c r="H21601" s="8">
        <v>1</v>
      </c>
      <c r="I21601" s="8">
        <v>0</v>
      </c>
      <c r="J21601" s="8">
        <v>1</v>
      </c>
      <c r="K21601" s="9">
        <v>38</v>
      </c>
      <c r="L21601" s="6" t="s">
        <v>4151</v>
      </c>
    </row>
    <row r="21602" spans="1:12">
      <c r="A21602" s="6" t="s">
        <v>4151</v>
      </c>
      <c r="B21602" s="6"/>
      <c r="C21602" s="6" t="s">
        <v>21638</v>
      </c>
      <c r="D21602" s="6"/>
      <c r="E21602" s="6" t="s">
        <v>9</v>
      </c>
      <c r="F21602" s="7">
        <v>38657</v>
      </c>
      <c r="G21602" s="8">
        <v>1</v>
      </c>
      <c r="H21602" s="8">
        <v>1</v>
      </c>
      <c r="I21602" s="8">
        <v>0</v>
      </c>
      <c r="J21602" s="8">
        <v>1</v>
      </c>
      <c r="K21602" s="9">
        <v>7.9</v>
      </c>
      <c r="L21602" s="6" t="s">
        <v>4151</v>
      </c>
    </row>
    <row r="21603" spans="1:12">
      <c r="A21603" s="6" t="s">
        <v>4151</v>
      </c>
      <c r="B21603" s="6"/>
      <c r="C21603" s="6" t="s">
        <v>21639</v>
      </c>
      <c r="D21603" s="6"/>
      <c r="E21603" s="6" t="s">
        <v>9</v>
      </c>
      <c r="F21603" s="7">
        <v>38657</v>
      </c>
      <c r="G21603" s="8">
        <v>1</v>
      </c>
      <c r="H21603" s="8">
        <v>1</v>
      </c>
      <c r="I21603" s="8">
        <v>0</v>
      </c>
      <c r="J21603" s="8">
        <v>1</v>
      </c>
      <c r="K21603" s="9">
        <v>2.95</v>
      </c>
      <c r="L21603" s="6" t="s">
        <v>4151</v>
      </c>
    </row>
    <row r="21604" spans="1:12">
      <c r="A21604" s="6" t="s">
        <v>4151</v>
      </c>
      <c r="B21604" s="6"/>
      <c r="C21604" s="6" t="s">
        <v>21640</v>
      </c>
      <c r="D21604" s="6"/>
      <c r="E21604" s="6" t="s">
        <v>9</v>
      </c>
      <c r="F21604" s="7">
        <v>38657</v>
      </c>
      <c r="G21604" s="8">
        <v>1</v>
      </c>
      <c r="H21604" s="8">
        <v>1</v>
      </c>
      <c r="I21604" s="8">
        <v>0</v>
      </c>
      <c r="J21604" s="8">
        <v>1</v>
      </c>
      <c r="K21604" s="9">
        <v>39</v>
      </c>
      <c r="L21604" s="6" t="s">
        <v>4151</v>
      </c>
    </row>
    <row r="21605" spans="1:12">
      <c r="A21605" s="6" t="s">
        <v>4151</v>
      </c>
      <c r="B21605" s="6"/>
      <c r="C21605" s="6" t="s">
        <v>21641</v>
      </c>
      <c r="D21605" s="6"/>
      <c r="E21605" s="6" t="s">
        <v>9</v>
      </c>
      <c r="F21605" s="7">
        <v>38657</v>
      </c>
      <c r="G21605" s="8">
        <v>1</v>
      </c>
      <c r="H21605" s="8">
        <v>1</v>
      </c>
      <c r="I21605" s="8">
        <v>0</v>
      </c>
      <c r="J21605" s="8">
        <v>1</v>
      </c>
      <c r="K21605" s="9">
        <v>41</v>
      </c>
      <c r="L21605" s="6" t="s">
        <v>4151</v>
      </c>
    </row>
    <row r="21606" spans="1:12">
      <c r="A21606" s="6" t="s">
        <v>4151</v>
      </c>
      <c r="B21606" s="6"/>
      <c r="C21606" s="6" t="s">
        <v>21642</v>
      </c>
      <c r="D21606" s="6"/>
      <c r="E21606" s="6" t="s">
        <v>9</v>
      </c>
      <c r="F21606" s="7">
        <v>38657</v>
      </c>
      <c r="G21606" s="8">
        <v>1</v>
      </c>
      <c r="H21606" s="8">
        <v>1</v>
      </c>
      <c r="I21606" s="8">
        <v>0</v>
      </c>
      <c r="J21606" s="8">
        <v>1</v>
      </c>
      <c r="K21606" s="9">
        <v>10</v>
      </c>
      <c r="L21606" s="6" t="s">
        <v>4151</v>
      </c>
    </row>
    <row r="21607" spans="1:12">
      <c r="A21607" s="6" t="s">
        <v>4151</v>
      </c>
      <c r="B21607" s="6"/>
      <c r="C21607" s="6" t="s">
        <v>21643</v>
      </c>
      <c r="D21607" s="6"/>
      <c r="E21607" s="6" t="s">
        <v>9</v>
      </c>
      <c r="F21607" s="7">
        <v>38657</v>
      </c>
      <c r="G21607" s="8">
        <v>1</v>
      </c>
      <c r="H21607" s="8">
        <v>1</v>
      </c>
      <c r="I21607" s="8">
        <v>0</v>
      </c>
      <c r="J21607" s="8">
        <v>1</v>
      </c>
      <c r="K21607" s="9">
        <v>46</v>
      </c>
      <c r="L21607" s="6" t="s">
        <v>4151</v>
      </c>
    </row>
    <row r="21608" spans="1:12">
      <c r="A21608" s="6" t="s">
        <v>4151</v>
      </c>
      <c r="B21608" s="6"/>
      <c r="C21608" s="6" t="s">
        <v>21644</v>
      </c>
      <c r="D21608" s="6"/>
      <c r="E21608" s="6" t="s">
        <v>9</v>
      </c>
      <c r="F21608" s="7">
        <v>38657</v>
      </c>
      <c r="G21608" s="8">
        <v>1</v>
      </c>
      <c r="H21608" s="8">
        <v>1</v>
      </c>
      <c r="I21608" s="8">
        <v>0</v>
      </c>
      <c r="J21608" s="8">
        <v>1</v>
      </c>
      <c r="K21608" s="9">
        <v>30</v>
      </c>
      <c r="L21608" s="6" t="s">
        <v>4151</v>
      </c>
    </row>
    <row r="21609" spans="1:12">
      <c r="A21609" s="6" t="s">
        <v>4151</v>
      </c>
      <c r="B21609" s="6"/>
      <c r="C21609" s="6" t="s">
        <v>21645</v>
      </c>
      <c r="D21609" s="6"/>
      <c r="E21609" s="6" t="s">
        <v>9</v>
      </c>
      <c r="F21609" s="7">
        <v>38657</v>
      </c>
      <c r="G21609" s="8">
        <v>1</v>
      </c>
      <c r="H21609" s="8">
        <v>1</v>
      </c>
      <c r="I21609" s="8">
        <v>0</v>
      </c>
      <c r="J21609" s="8">
        <v>1</v>
      </c>
      <c r="K21609" s="9">
        <v>46</v>
      </c>
      <c r="L21609" s="6" t="s">
        <v>4151</v>
      </c>
    </row>
    <row r="21610" spans="1:12">
      <c r="A21610" s="6" t="s">
        <v>4151</v>
      </c>
      <c r="B21610" s="6"/>
      <c r="C21610" s="6" t="s">
        <v>21646</v>
      </c>
      <c r="D21610" s="6"/>
      <c r="E21610" s="6" t="s">
        <v>9</v>
      </c>
      <c r="F21610" s="7">
        <v>38657</v>
      </c>
      <c r="G21610" s="8">
        <v>1</v>
      </c>
      <c r="H21610" s="8">
        <v>1</v>
      </c>
      <c r="I21610" s="8">
        <v>0</v>
      </c>
      <c r="J21610" s="8">
        <v>1</v>
      </c>
      <c r="K21610" s="9">
        <v>76</v>
      </c>
      <c r="L21610" s="6" t="s">
        <v>4151</v>
      </c>
    </row>
    <row r="21611" spans="1:12">
      <c r="A21611" s="6" t="s">
        <v>4151</v>
      </c>
      <c r="B21611" s="6"/>
      <c r="C21611" s="6" t="s">
        <v>21647</v>
      </c>
      <c r="D21611" s="6"/>
      <c r="E21611" s="6" t="s">
        <v>9</v>
      </c>
      <c r="F21611" s="7">
        <v>38657</v>
      </c>
      <c r="G21611" s="8">
        <v>1</v>
      </c>
      <c r="H21611" s="8">
        <v>1</v>
      </c>
      <c r="I21611" s="8">
        <v>0</v>
      </c>
      <c r="J21611" s="8">
        <v>1</v>
      </c>
      <c r="K21611" s="9">
        <v>21</v>
      </c>
      <c r="L21611" s="6" t="s">
        <v>4151</v>
      </c>
    </row>
    <row r="21612" spans="1:12">
      <c r="A21612" s="6" t="s">
        <v>4151</v>
      </c>
      <c r="B21612" s="6"/>
      <c r="C21612" s="6" t="s">
        <v>21648</v>
      </c>
      <c r="D21612" s="6"/>
      <c r="E21612" s="6" t="s">
        <v>9</v>
      </c>
      <c r="F21612" s="7">
        <v>38657</v>
      </c>
      <c r="G21612" s="8">
        <v>1</v>
      </c>
      <c r="H21612" s="8">
        <v>1</v>
      </c>
      <c r="I21612" s="8">
        <v>0</v>
      </c>
      <c r="J21612" s="8">
        <v>1</v>
      </c>
      <c r="K21612" s="9">
        <v>19</v>
      </c>
      <c r="L21612" s="6" t="s">
        <v>4151</v>
      </c>
    </row>
    <row r="21613" spans="1:12">
      <c r="A21613" s="6" t="s">
        <v>4151</v>
      </c>
      <c r="B21613" s="6"/>
      <c r="C21613" s="6" t="s">
        <v>21649</v>
      </c>
      <c r="D21613" s="6"/>
      <c r="E21613" s="6" t="s">
        <v>9</v>
      </c>
      <c r="F21613" s="7">
        <v>38657</v>
      </c>
      <c r="G21613" s="8">
        <v>1</v>
      </c>
      <c r="H21613" s="8">
        <v>1</v>
      </c>
      <c r="I21613" s="8">
        <v>0</v>
      </c>
      <c r="J21613" s="8">
        <v>1</v>
      </c>
      <c r="K21613" s="9">
        <v>21</v>
      </c>
      <c r="L21613" s="6" t="s">
        <v>4151</v>
      </c>
    </row>
    <row r="21614" spans="1:12">
      <c r="A21614" s="6" t="s">
        <v>4151</v>
      </c>
      <c r="B21614" s="6"/>
      <c r="C21614" s="6" t="s">
        <v>21650</v>
      </c>
      <c r="D21614" s="6"/>
      <c r="E21614" s="6" t="s">
        <v>9</v>
      </c>
      <c r="F21614" s="7">
        <v>38657</v>
      </c>
      <c r="G21614" s="8">
        <v>1</v>
      </c>
      <c r="H21614" s="8">
        <v>1</v>
      </c>
      <c r="I21614" s="8">
        <v>0</v>
      </c>
      <c r="J21614" s="8">
        <v>1</v>
      </c>
      <c r="K21614" s="9">
        <v>19</v>
      </c>
      <c r="L21614" s="6" t="s">
        <v>4151</v>
      </c>
    </row>
    <row r="21615" spans="1:12">
      <c r="A21615" s="6" t="s">
        <v>4151</v>
      </c>
      <c r="B21615" s="6"/>
      <c r="C21615" s="6" t="s">
        <v>21651</v>
      </c>
      <c r="D21615" s="6"/>
      <c r="E21615" s="6" t="s">
        <v>9</v>
      </c>
      <c r="F21615" s="7">
        <v>38657</v>
      </c>
      <c r="G21615" s="8">
        <v>1</v>
      </c>
      <c r="H21615" s="8">
        <v>1</v>
      </c>
      <c r="I21615" s="8">
        <v>0</v>
      </c>
      <c r="J21615" s="8">
        <v>1</v>
      </c>
      <c r="K21615" s="9">
        <v>46</v>
      </c>
      <c r="L21615" s="6" t="s">
        <v>4151</v>
      </c>
    </row>
    <row r="21616" spans="1:12">
      <c r="A21616" s="6" t="s">
        <v>4151</v>
      </c>
      <c r="B21616" s="6"/>
      <c r="C21616" s="6" t="s">
        <v>21652</v>
      </c>
      <c r="D21616" s="6"/>
      <c r="E21616" s="6" t="s">
        <v>9</v>
      </c>
      <c r="F21616" s="7">
        <v>38657</v>
      </c>
      <c r="G21616" s="8">
        <v>1</v>
      </c>
      <c r="H21616" s="8">
        <v>1</v>
      </c>
      <c r="I21616" s="8">
        <v>0</v>
      </c>
      <c r="J21616" s="8">
        <v>1</v>
      </c>
      <c r="K21616" s="9">
        <v>48.91</v>
      </c>
      <c r="L21616" s="6" t="s">
        <v>4151</v>
      </c>
    </row>
    <row r="21617" spans="1:12">
      <c r="A21617" s="6" t="s">
        <v>4151</v>
      </c>
      <c r="B21617" s="6"/>
      <c r="C21617" s="6" t="s">
        <v>21653</v>
      </c>
      <c r="D21617" s="6"/>
      <c r="E21617" s="6" t="s">
        <v>9</v>
      </c>
      <c r="F21617" s="7">
        <v>38657</v>
      </c>
      <c r="G21617" s="8">
        <v>1</v>
      </c>
      <c r="H21617" s="8">
        <v>1</v>
      </c>
      <c r="I21617" s="8">
        <v>0</v>
      </c>
      <c r="J21617" s="8">
        <v>1</v>
      </c>
      <c r="K21617" s="9">
        <v>123</v>
      </c>
      <c r="L21617" s="6" t="s">
        <v>4151</v>
      </c>
    </row>
    <row r="21618" spans="1:12">
      <c r="A21618" s="6" t="s">
        <v>4151</v>
      </c>
      <c r="B21618" s="6"/>
      <c r="C21618" s="6" t="s">
        <v>21654</v>
      </c>
      <c r="D21618" s="6"/>
      <c r="E21618" s="6" t="s">
        <v>9</v>
      </c>
      <c r="F21618" s="7">
        <v>38657</v>
      </c>
      <c r="G21618" s="8">
        <v>1</v>
      </c>
      <c r="H21618" s="8">
        <v>1</v>
      </c>
      <c r="I21618" s="8">
        <v>0</v>
      </c>
      <c r="J21618" s="8">
        <v>1</v>
      </c>
      <c r="K21618" s="9">
        <v>10</v>
      </c>
      <c r="L21618" s="6" t="s">
        <v>4151</v>
      </c>
    </row>
    <row r="21619" spans="1:12">
      <c r="A21619" s="6" t="s">
        <v>4151</v>
      </c>
      <c r="B21619" s="6"/>
      <c r="C21619" s="6" t="s">
        <v>21655</v>
      </c>
      <c r="D21619" s="6"/>
      <c r="E21619" s="6" t="s">
        <v>9</v>
      </c>
      <c r="F21619" s="7">
        <v>38657</v>
      </c>
      <c r="G21619" s="8">
        <v>1</v>
      </c>
      <c r="H21619" s="8">
        <v>1</v>
      </c>
      <c r="I21619" s="8">
        <v>0</v>
      </c>
      <c r="J21619" s="8">
        <v>1</v>
      </c>
      <c r="K21619" s="9">
        <v>87</v>
      </c>
      <c r="L21619" s="6" t="s">
        <v>4151</v>
      </c>
    </row>
    <row r="21620" spans="1:12">
      <c r="A21620" s="6" t="s">
        <v>4151</v>
      </c>
      <c r="B21620" s="6"/>
      <c r="C21620" s="6" t="s">
        <v>21656</v>
      </c>
      <c r="D21620" s="6"/>
      <c r="E21620" s="6" t="s">
        <v>9</v>
      </c>
      <c r="F21620" s="7">
        <v>38657</v>
      </c>
      <c r="G21620" s="8">
        <v>1</v>
      </c>
      <c r="H21620" s="8">
        <v>1</v>
      </c>
      <c r="I21620" s="8">
        <v>0</v>
      </c>
      <c r="J21620" s="8">
        <v>1</v>
      </c>
      <c r="K21620" s="9">
        <v>32</v>
      </c>
      <c r="L21620" s="6" t="s">
        <v>4151</v>
      </c>
    </row>
    <row r="21621" spans="1:12">
      <c r="A21621" s="6" t="s">
        <v>4151</v>
      </c>
      <c r="B21621" s="6"/>
      <c r="C21621" s="6" t="s">
        <v>21657</v>
      </c>
      <c r="D21621" s="6"/>
      <c r="E21621" s="6" t="s">
        <v>9</v>
      </c>
      <c r="F21621" s="7">
        <v>38657</v>
      </c>
      <c r="G21621" s="8">
        <v>1</v>
      </c>
      <c r="H21621" s="8">
        <v>1</v>
      </c>
      <c r="I21621" s="8">
        <v>0</v>
      </c>
      <c r="J21621" s="8">
        <v>1</v>
      </c>
      <c r="K21621" s="9">
        <v>29</v>
      </c>
      <c r="L21621" s="6" t="s">
        <v>4151</v>
      </c>
    </row>
    <row r="21622" spans="1:12">
      <c r="A21622" s="6" t="s">
        <v>4151</v>
      </c>
      <c r="B21622" s="6"/>
      <c r="C21622" s="6" t="s">
        <v>21658</v>
      </c>
      <c r="D21622" s="6"/>
      <c r="E21622" s="6" t="s">
        <v>9</v>
      </c>
      <c r="F21622" s="7">
        <v>38657</v>
      </c>
      <c r="G21622" s="8">
        <v>1</v>
      </c>
      <c r="H21622" s="8">
        <v>1</v>
      </c>
      <c r="I21622" s="8">
        <v>0</v>
      </c>
      <c r="J21622" s="8">
        <v>1</v>
      </c>
      <c r="K21622" s="9">
        <v>44</v>
      </c>
      <c r="L21622" s="6" t="s">
        <v>4151</v>
      </c>
    </row>
    <row r="21623" spans="1:12">
      <c r="A21623" s="6" t="s">
        <v>4151</v>
      </c>
      <c r="B21623" s="6"/>
      <c r="C21623" s="6" t="s">
        <v>21659</v>
      </c>
      <c r="D21623" s="6"/>
      <c r="E21623" s="6" t="s">
        <v>9</v>
      </c>
      <c r="F21623" s="7">
        <v>38657</v>
      </c>
      <c r="G21623" s="8">
        <v>1</v>
      </c>
      <c r="H21623" s="8">
        <v>1</v>
      </c>
      <c r="I21623" s="8">
        <v>0</v>
      </c>
      <c r="J21623" s="8">
        <v>1</v>
      </c>
      <c r="K21623" s="9">
        <v>35</v>
      </c>
      <c r="L21623" s="6" t="s">
        <v>4151</v>
      </c>
    </row>
    <row r="21624" spans="1:12">
      <c r="A21624" s="6" t="s">
        <v>4151</v>
      </c>
      <c r="B21624" s="6"/>
      <c r="C21624" s="6" t="s">
        <v>21660</v>
      </c>
      <c r="D21624" s="6"/>
      <c r="E21624" s="6" t="s">
        <v>9</v>
      </c>
      <c r="F21624" s="7">
        <v>38657</v>
      </c>
      <c r="G21624" s="8">
        <v>1</v>
      </c>
      <c r="H21624" s="8">
        <v>1</v>
      </c>
      <c r="I21624" s="8">
        <v>0</v>
      </c>
      <c r="J21624" s="8">
        <v>1</v>
      </c>
      <c r="K21624" s="9">
        <v>30</v>
      </c>
      <c r="L21624" s="6" t="s">
        <v>4151</v>
      </c>
    </row>
    <row r="21625" spans="1:12">
      <c r="A21625" s="6" t="s">
        <v>4151</v>
      </c>
      <c r="B21625" s="6"/>
      <c r="C21625" s="6" t="s">
        <v>21661</v>
      </c>
      <c r="D21625" s="6"/>
      <c r="E21625" s="6" t="s">
        <v>9</v>
      </c>
      <c r="F21625" s="7">
        <v>38657</v>
      </c>
      <c r="G21625" s="8">
        <v>1</v>
      </c>
      <c r="H21625" s="8">
        <v>1</v>
      </c>
      <c r="I21625" s="8">
        <v>0</v>
      </c>
      <c r="J21625" s="8">
        <v>1</v>
      </c>
      <c r="K21625" s="9">
        <v>17</v>
      </c>
      <c r="L21625" s="6" t="s">
        <v>4151</v>
      </c>
    </row>
    <row r="21626" spans="1:12">
      <c r="A21626" s="6" t="s">
        <v>4151</v>
      </c>
      <c r="B21626" s="6"/>
      <c r="C21626" s="6" t="s">
        <v>21662</v>
      </c>
      <c r="D21626" s="6"/>
      <c r="E21626" s="6" t="s">
        <v>9</v>
      </c>
      <c r="F21626" s="7">
        <v>38657</v>
      </c>
      <c r="G21626" s="8">
        <v>1</v>
      </c>
      <c r="H21626" s="8">
        <v>1</v>
      </c>
      <c r="I21626" s="8">
        <v>0</v>
      </c>
      <c r="J21626" s="8">
        <v>1</v>
      </c>
      <c r="K21626" s="9">
        <v>7.64</v>
      </c>
      <c r="L21626" s="6" t="s">
        <v>4151</v>
      </c>
    </row>
    <row r="21627" spans="1:12">
      <c r="A21627" s="6" t="s">
        <v>4151</v>
      </c>
      <c r="B21627" s="6"/>
      <c r="C21627" s="6" t="s">
        <v>21663</v>
      </c>
      <c r="D21627" s="6"/>
      <c r="E21627" s="6" t="s">
        <v>9</v>
      </c>
      <c r="F21627" s="7">
        <v>38657</v>
      </c>
      <c r="G21627" s="8">
        <v>1</v>
      </c>
      <c r="H21627" s="8">
        <v>1</v>
      </c>
      <c r="I21627" s="8">
        <v>0</v>
      </c>
      <c r="J21627" s="8">
        <v>1</v>
      </c>
      <c r="K21627" s="9">
        <v>60</v>
      </c>
      <c r="L21627" s="6" t="s">
        <v>4151</v>
      </c>
    </row>
    <row r="21628" spans="1:12">
      <c r="A21628" s="6" t="s">
        <v>4151</v>
      </c>
      <c r="B21628" s="6"/>
      <c r="C21628" s="6" t="s">
        <v>21664</v>
      </c>
      <c r="D21628" s="6"/>
      <c r="E21628" s="6" t="s">
        <v>9</v>
      </c>
      <c r="F21628" s="7">
        <v>38657</v>
      </c>
      <c r="G21628" s="8">
        <v>1</v>
      </c>
      <c r="H21628" s="8">
        <v>1</v>
      </c>
      <c r="I21628" s="8">
        <v>0</v>
      </c>
      <c r="J21628" s="8">
        <v>1</v>
      </c>
      <c r="K21628" s="9">
        <v>80</v>
      </c>
      <c r="L21628" s="6" t="s">
        <v>4151</v>
      </c>
    </row>
    <row r="21629" spans="1:12">
      <c r="A21629" s="6" t="s">
        <v>4151</v>
      </c>
      <c r="B21629" s="6"/>
      <c r="C21629" s="6" t="s">
        <v>21665</v>
      </c>
      <c r="D21629" s="6"/>
      <c r="E21629" s="6" t="s">
        <v>9</v>
      </c>
      <c r="F21629" s="7">
        <v>38657</v>
      </c>
      <c r="G21629" s="8">
        <v>1</v>
      </c>
      <c r="H21629" s="8">
        <v>1</v>
      </c>
      <c r="I21629" s="8">
        <v>0</v>
      </c>
      <c r="J21629" s="8">
        <v>1</v>
      </c>
      <c r="K21629" s="9">
        <v>28</v>
      </c>
      <c r="L21629" s="6" t="s">
        <v>4151</v>
      </c>
    </row>
    <row r="21630" spans="1:12">
      <c r="A21630" s="6" t="s">
        <v>4151</v>
      </c>
      <c r="B21630" s="6"/>
      <c r="C21630" s="6" t="s">
        <v>21666</v>
      </c>
      <c r="D21630" s="6"/>
      <c r="E21630" s="6" t="s">
        <v>9</v>
      </c>
      <c r="F21630" s="7">
        <v>38657</v>
      </c>
      <c r="G21630" s="8">
        <v>1</v>
      </c>
      <c r="H21630" s="8">
        <v>1</v>
      </c>
      <c r="I21630" s="8">
        <v>0</v>
      </c>
      <c r="J21630" s="8">
        <v>1</v>
      </c>
      <c r="K21630" s="9">
        <v>23</v>
      </c>
      <c r="L21630" s="6" t="s">
        <v>4151</v>
      </c>
    </row>
    <row r="21631" spans="1:12">
      <c r="A21631" s="6" t="s">
        <v>4151</v>
      </c>
      <c r="B21631" s="6"/>
      <c r="C21631" s="6" t="s">
        <v>21667</v>
      </c>
      <c r="D21631" s="6"/>
      <c r="E21631" s="6" t="s">
        <v>9</v>
      </c>
      <c r="F21631" s="7">
        <v>38657</v>
      </c>
      <c r="G21631" s="8">
        <v>1</v>
      </c>
      <c r="H21631" s="8">
        <v>1</v>
      </c>
      <c r="I21631" s="8">
        <v>0</v>
      </c>
      <c r="J21631" s="8">
        <v>1</v>
      </c>
      <c r="K21631" s="9">
        <v>23</v>
      </c>
      <c r="L21631" s="6" t="s">
        <v>4151</v>
      </c>
    </row>
    <row r="21632" spans="1:12">
      <c r="A21632" s="6" t="s">
        <v>4151</v>
      </c>
      <c r="B21632" s="6"/>
      <c r="C21632" s="6" t="s">
        <v>21668</v>
      </c>
      <c r="D21632" s="6"/>
      <c r="E21632" s="6" t="s">
        <v>9</v>
      </c>
      <c r="F21632" s="7">
        <v>38657</v>
      </c>
      <c r="G21632" s="8">
        <v>1</v>
      </c>
      <c r="H21632" s="8">
        <v>1</v>
      </c>
      <c r="I21632" s="8">
        <v>0</v>
      </c>
      <c r="J21632" s="8">
        <v>1</v>
      </c>
      <c r="K21632" s="9">
        <v>33</v>
      </c>
      <c r="L21632" s="6" t="s">
        <v>4151</v>
      </c>
    </row>
    <row r="21633" spans="1:12">
      <c r="A21633" s="6" t="s">
        <v>4151</v>
      </c>
      <c r="B21633" s="6"/>
      <c r="C21633" s="6" t="s">
        <v>21669</v>
      </c>
      <c r="D21633" s="6"/>
      <c r="E21633" s="6" t="s">
        <v>9</v>
      </c>
      <c r="F21633" s="7">
        <v>41660</v>
      </c>
      <c r="G21633" s="8">
        <v>1</v>
      </c>
      <c r="H21633" s="8">
        <v>1</v>
      </c>
      <c r="I21633" s="8">
        <v>0</v>
      </c>
      <c r="J21633" s="8">
        <v>1</v>
      </c>
      <c r="K21633" s="9">
        <v>224</v>
      </c>
      <c r="L21633" s="6" t="s">
        <v>4151</v>
      </c>
    </row>
    <row r="21634" spans="1:12">
      <c r="A21634" s="6" t="s">
        <v>4151</v>
      </c>
      <c r="B21634" s="6"/>
      <c r="C21634" s="6" t="s">
        <v>21670</v>
      </c>
      <c r="D21634" s="6"/>
      <c r="E21634" s="6" t="s">
        <v>9</v>
      </c>
      <c r="F21634" s="7">
        <v>38657</v>
      </c>
      <c r="G21634" s="8">
        <v>1</v>
      </c>
      <c r="H21634" s="8">
        <v>1</v>
      </c>
      <c r="I21634" s="8">
        <v>0</v>
      </c>
      <c r="J21634" s="8">
        <v>1</v>
      </c>
      <c r="K21634" s="9">
        <v>94</v>
      </c>
      <c r="L21634" s="6" t="s">
        <v>4151</v>
      </c>
    </row>
    <row r="21635" spans="1:12">
      <c r="A21635" s="6" t="s">
        <v>4151</v>
      </c>
      <c r="B21635" s="6"/>
      <c r="C21635" s="6" t="s">
        <v>21671</v>
      </c>
      <c r="D21635" s="6"/>
      <c r="E21635" s="6" t="s">
        <v>9</v>
      </c>
      <c r="F21635" s="7">
        <v>38657</v>
      </c>
      <c r="G21635" s="8">
        <v>1</v>
      </c>
      <c r="H21635" s="8">
        <v>1</v>
      </c>
      <c r="I21635" s="8">
        <v>0</v>
      </c>
      <c r="J21635" s="8">
        <v>1</v>
      </c>
      <c r="K21635" s="9">
        <v>52</v>
      </c>
      <c r="L21635" s="6" t="s">
        <v>4151</v>
      </c>
    </row>
    <row r="21636" spans="1:12">
      <c r="A21636" s="6" t="s">
        <v>4151</v>
      </c>
      <c r="B21636" s="6"/>
      <c r="C21636" s="6" t="s">
        <v>21672</v>
      </c>
      <c r="D21636" s="6"/>
      <c r="E21636" s="6" t="s">
        <v>9</v>
      </c>
      <c r="F21636" s="7">
        <v>38657</v>
      </c>
      <c r="G21636" s="8">
        <v>1</v>
      </c>
      <c r="H21636" s="8">
        <v>1</v>
      </c>
      <c r="I21636" s="8">
        <v>0</v>
      </c>
      <c r="J21636" s="8">
        <v>1</v>
      </c>
      <c r="K21636" s="9">
        <v>86</v>
      </c>
      <c r="L21636" s="6" t="s">
        <v>4151</v>
      </c>
    </row>
    <row r="21637" spans="1:12">
      <c r="A21637" s="6" t="s">
        <v>4151</v>
      </c>
      <c r="B21637" s="6"/>
      <c r="C21637" s="6" t="s">
        <v>21673</v>
      </c>
      <c r="D21637" s="6"/>
      <c r="E21637" s="6" t="s">
        <v>9</v>
      </c>
      <c r="F21637" s="7">
        <v>38657</v>
      </c>
      <c r="G21637" s="8">
        <v>1</v>
      </c>
      <c r="H21637" s="8">
        <v>1</v>
      </c>
      <c r="I21637" s="8">
        <v>0</v>
      </c>
      <c r="J21637" s="8">
        <v>1</v>
      </c>
      <c r="K21637" s="9">
        <v>7.21</v>
      </c>
      <c r="L21637" s="6" t="s">
        <v>4151</v>
      </c>
    </row>
    <row r="21638" spans="1:12">
      <c r="A21638" s="6" t="s">
        <v>4151</v>
      </c>
      <c r="B21638" s="6"/>
      <c r="C21638" s="6" t="s">
        <v>21674</v>
      </c>
      <c r="D21638" s="6"/>
      <c r="E21638" s="6" t="s">
        <v>9</v>
      </c>
      <c r="F21638" s="7">
        <v>38657</v>
      </c>
      <c r="G21638" s="8">
        <v>1</v>
      </c>
      <c r="H21638" s="8">
        <v>1</v>
      </c>
      <c r="I21638" s="8">
        <v>0</v>
      </c>
      <c r="J21638" s="8">
        <v>1</v>
      </c>
      <c r="K21638" s="9">
        <v>19</v>
      </c>
      <c r="L21638" s="6" t="s">
        <v>4151</v>
      </c>
    </row>
    <row r="21639" spans="1:12">
      <c r="A21639" s="6" t="s">
        <v>4151</v>
      </c>
      <c r="B21639" s="6"/>
      <c r="C21639" s="6" t="s">
        <v>21675</v>
      </c>
      <c r="D21639" s="6"/>
      <c r="E21639" s="6" t="s">
        <v>9</v>
      </c>
      <c r="F21639" s="7">
        <v>38657</v>
      </c>
      <c r="G21639" s="8">
        <v>1</v>
      </c>
      <c r="H21639" s="8">
        <v>1</v>
      </c>
      <c r="I21639" s="8">
        <v>0</v>
      </c>
      <c r="J21639" s="8">
        <v>1</v>
      </c>
      <c r="K21639" s="9">
        <v>20</v>
      </c>
      <c r="L21639" s="6" t="s">
        <v>4151</v>
      </c>
    </row>
    <row r="21640" spans="1:12">
      <c r="A21640" s="6" t="s">
        <v>4151</v>
      </c>
      <c r="B21640" s="6"/>
      <c r="C21640" s="6" t="s">
        <v>21676</v>
      </c>
      <c r="D21640" s="6"/>
      <c r="E21640" s="6" t="s">
        <v>9</v>
      </c>
      <c r="F21640" s="7">
        <v>38657</v>
      </c>
      <c r="G21640" s="8">
        <v>1</v>
      </c>
      <c r="H21640" s="8">
        <v>1</v>
      </c>
      <c r="I21640" s="8">
        <v>0</v>
      </c>
      <c r="J21640" s="8">
        <v>1</v>
      </c>
      <c r="K21640" s="9">
        <v>23</v>
      </c>
      <c r="L21640" s="6" t="s">
        <v>4151</v>
      </c>
    </row>
    <row r="21641" spans="1:12">
      <c r="A21641" s="6" t="s">
        <v>4151</v>
      </c>
      <c r="B21641" s="6"/>
      <c r="C21641" s="6" t="s">
        <v>21677</v>
      </c>
      <c r="D21641" s="6"/>
      <c r="E21641" s="6" t="s">
        <v>9</v>
      </c>
      <c r="F21641" s="7">
        <v>38657</v>
      </c>
      <c r="G21641" s="8">
        <v>1</v>
      </c>
      <c r="H21641" s="8">
        <v>1</v>
      </c>
      <c r="I21641" s="8">
        <v>0</v>
      </c>
      <c r="J21641" s="8">
        <v>1</v>
      </c>
      <c r="K21641" s="9">
        <v>59</v>
      </c>
      <c r="L21641" s="6" t="s">
        <v>4151</v>
      </c>
    </row>
    <row r="21642" spans="1:12">
      <c r="A21642" s="6" t="s">
        <v>4151</v>
      </c>
      <c r="B21642" s="6"/>
      <c r="C21642" s="6" t="s">
        <v>21678</v>
      </c>
      <c r="D21642" s="6"/>
      <c r="E21642" s="6" t="s">
        <v>9</v>
      </c>
      <c r="F21642" s="7">
        <v>38657</v>
      </c>
      <c r="G21642" s="8">
        <v>1</v>
      </c>
      <c r="H21642" s="8">
        <v>1</v>
      </c>
      <c r="I21642" s="8">
        <v>0</v>
      </c>
      <c r="J21642" s="8">
        <v>1</v>
      </c>
      <c r="K21642" s="9">
        <v>252</v>
      </c>
      <c r="L21642" s="6" t="s">
        <v>4151</v>
      </c>
    </row>
    <row r="21643" spans="1:12">
      <c r="A21643" s="6" t="s">
        <v>4151</v>
      </c>
      <c r="B21643" s="6"/>
      <c r="C21643" s="6" t="s">
        <v>21679</v>
      </c>
      <c r="D21643" s="6"/>
      <c r="E21643" s="6" t="s">
        <v>9</v>
      </c>
      <c r="F21643" s="7">
        <v>38657</v>
      </c>
      <c r="G21643" s="8">
        <v>1</v>
      </c>
      <c r="H21643" s="8">
        <v>1</v>
      </c>
      <c r="I21643" s="8">
        <v>0</v>
      </c>
      <c r="J21643" s="8">
        <v>1</v>
      </c>
      <c r="K21643" s="9">
        <v>24</v>
      </c>
      <c r="L21643" s="6" t="s">
        <v>4151</v>
      </c>
    </row>
    <row r="21644" spans="1:12">
      <c r="A21644" s="6" t="s">
        <v>4151</v>
      </c>
      <c r="B21644" s="6"/>
      <c r="C21644" s="6" t="s">
        <v>21680</v>
      </c>
      <c r="D21644" s="6"/>
      <c r="E21644" s="6" t="s">
        <v>9</v>
      </c>
      <c r="F21644" s="7">
        <v>38657</v>
      </c>
      <c r="G21644" s="8">
        <v>1</v>
      </c>
      <c r="H21644" s="8">
        <v>1</v>
      </c>
      <c r="I21644" s="8">
        <v>0</v>
      </c>
      <c r="J21644" s="8">
        <v>1</v>
      </c>
      <c r="K21644" s="9">
        <v>67</v>
      </c>
      <c r="L21644" s="6" t="s">
        <v>4151</v>
      </c>
    </row>
    <row r="21645" spans="1:12">
      <c r="A21645" s="6" t="s">
        <v>4151</v>
      </c>
      <c r="B21645" s="6"/>
      <c r="C21645" s="6" t="s">
        <v>21681</v>
      </c>
      <c r="D21645" s="6"/>
      <c r="E21645" s="6" t="s">
        <v>9</v>
      </c>
      <c r="F21645" s="7">
        <v>38657</v>
      </c>
      <c r="G21645" s="8">
        <v>1</v>
      </c>
      <c r="H21645" s="8">
        <v>1</v>
      </c>
      <c r="I21645" s="8">
        <v>0</v>
      </c>
      <c r="J21645" s="8">
        <v>1</v>
      </c>
      <c r="K21645" s="9">
        <v>54</v>
      </c>
      <c r="L21645" s="6" t="s">
        <v>4151</v>
      </c>
    </row>
    <row r="21646" spans="1:12">
      <c r="A21646" s="6" t="s">
        <v>4151</v>
      </c>
      <c r="B21646" s="6"/>
      <c r="C21646" s="6" t="s">
        <v>21682</v>
      </c>
      <c r="D21646" s="6"/>
      <c r="E21646" s="6" t="s">
        <v>9</v>
      </c>
      <c r="F21646" s="7">
        <v>38657</v>
      </c>
      <c r="G21646" s="8">
        <v>1</v>
      </c>
      <c r="H21646" s="8">
        <v>1</v>
      </c>
      <c r="I21646" s="8">
        <v>0</v>
      </c>
      <c r="J21646" s="8">
        <v>1</v>
      </c>
      <c r="K21646" s="9">
        <v>54</v>
      </c>
      <c r="L21646" s="6" t="s">
        <v>4151</v>
      </c>
    </row>
    <row r="21647" spans="1:12">
      <c r="A21647" s="6" t="s">
        <v>4151</v>
      </c>
      <c r="B21647" s="6"/>
      <c r="C21647" s="6" t="s">
        <v>21683</v>
      </c>
      <c r="D21647" s="6"/>
      <c r="E21647" s="6" t="s">
        <v>9</v>
      </c>
      <c r="F21647" s="7">
        <v>38657</v>
      </c>
      <c r="G21647" s="8">
        <v>1</v>
      </c>
      <c r="H21647" s="8">
        <v>1</v>
      </c>
      <c r="I21647" s="8">
        <v>0</v>
      </c>
      <c r="J21647" s="8">
        <v>1</v>
      </c>
      <c r="K21647" s="9">
        <v>54</v>
      </c>
      <c r="L21647" s="6" t="s">
        <v>4151</v>
      </c>
    </row>
    <row r="21648" spans="1:12">
      <c r="A21648" s="6" t="s">
        <v>4151</v>
      </c>
      <c r="B21648" s="6"/>
      <c r="C21648" s="6" t="s">
        <v>21684</v>
      </c>
      <c r="D21648" s="6"/>
      <c r="E21648" s="6" t="s">
        <v>9</v>
      </c>
      <c r="F21648" s="7">
        <v>38657</v>
      </c>
      <c r="G21648" s="8">
        <v>1</v>
      </c>
      <c r="H21648" s="8">
        <v>1</v>
      </c>
      <c r="I21648" s="8">
        <v>0</v>
      </c>
      <c r="J21648" s="8">
        <v>1</v>
      </c>
      <c r="K21648" s="9">
        <v>54</v>
      </c>
      <c r="L21648" s="6" t="s">
        <v>4151</v>
      </c>
    </row>
    <row r="21649" spans="1:12">
      <c r="A21649" s="6" t="s">
        <v>4151</v>
      </c>
      <c r="B21649" s="6"/>
      <c r="C21649" s="6" t="s">
        <v>21685</v>
      </c>
      <c r="D21649" s="6"/>
      <c r="E21649" s="6" t="s">
        <v>9</v>
      </c>
      <c r="F21649" s="7">
        <v>38657</v>
      </c>
      <c r="G21649" s="8">
        <v>1</v>
      </c>
      <c r="H21649" s="8">
        <v>1</v>
      </c>
      <c r="I21649" s="8">
        <v>0</v>
      </c>
      <c r="J21649" s="8">
        <v>1</v>
      </c>
      <c r="K21649" s="9">
        <v>54</v>
      </c>
      <c r="L21649" s="6" t="s">
        <v>4151</v>
      </c>
    </row>
    <row r="21650" spans="1:12">
      <c r="A21650" s="6" t="s">
        <v>4151</v>
      </c>
      <c r="B21650" s="6"/>
      <c r="C21650" s="6" t="s">
        <v>21686</v>
      </c>
      <c r="D21650" s="6"/>
      <c r="E21650" s="6" t="s">
        <v>9</v>
      </c>
      <c r="F21650" s="7">
        <v>38657</v>
      </c>
      <c r="G21650" s="8">
        <v>1</v>
      </c>
      <c r="H21650" s="8">
        <v>1</v>
      </c>
      <c r="I21650" s="8">
        <v>0</v>
      </c>
      <c r="J21650" s="8">
        <v>1</v>
      </c>
      <c r="K21650" s="9">
        <v>54</v>
      </c>
      <c r="L21650" s="6" t="s">
        <v>4151</v>
      </c>
    </row>
    <row r="21651" spans="1:12">
      <c r="A21651" s="6" t="s">
        <v>4151</v>
      </c>
      <c r="B21651" s="6"/>
      <c r="C21651" s="6" t="s">
        <v>21687</v>
      </c>
      <c r="D21651" s="6"/>
      <c r="E21651" s="6" t="s">
        <v>9</v>
      </c>
      <c r="F21651" s="7">
        <v>38657</v>
      </c>
      <c r="G21651" s="8">
        <v>1</v>
      </c>
      <c r="H21651" s="8">
        <v>1</v>
      </c>
      <c r="I21651" s="8">
        <v>0</v>
      </c>
      <c r="J21651" s="8">
        <v>1</v>
      </c>
      <c r="K21651" s="9">
        <v>0.97</v>
      </c>
      <c r="L21651" s="6" t="s">
        <v>4151</v>
      </c>
    </row>
    <row r="21652" spans="1:12">
      <c r="A21652" s="6" t="s">
        <v>4151</v>
      </c>
      <c r="B21652" s="6"/>
      <c r="C21652" s="6" t="s">
        <v>21688</v>
      </c>
      <c r="D21652" s="6"/>
      <c r="E21652" s="6" t="s">
        <v>9</v>
      </c>
      <c r="F21652" s="7">
        <v>38657</v>
      </c>
      <c r="G21652" s="8">
        <v>1</v>
      </c>
      <c r="H21652" s="8">
        <v>1</v>
      </c>
      <c r="I21652" s="8">
        <v>0</v>
      </c>
      <c r="J21652" s="8">
        <v>1</v>
      </c>
      <c r="K21652" s="9">
        <v>54</v>
      </c>
      <c r="L21652" s="6" t="s">
        <v>4151</v>
      </c>
    </row>
    <row r="21653" spans="1:12">
      <c r="A21653" s="6" t="s">
        <v>4151</v>
      </c>
      <c r="B21653" s="6"/>
      <c r="C21653" s="6" t="s">
        <v>21689</v>
      </c>
      <c r="D21653" s="6"/>
      <c r="E21653" s="6" t="s">
        <v>9</v>
      </c>
      <c r="F21653" s="7">
        <v>38657</v>
      </c>
      <c r="G21653" s="8">
        <v>1</v>
      </c>
      <c r="H21653" s="8">
        <v>1</v>
      </c>
      <c r="I21653" s="8">
        <v>0</v>
      </c>
      <c r="J21653" s="8">
        <v>1</v>
      </c>
      <c r="K21653" s="9">
        <v>54</v>
      </c>
      <c r="L21653" s="6" t="s">
        <v>4151</v>
      </c>
    </row>
    <row r="21654" spans="1:12">
      <c r="A21654" s="6" t="s">
        <v>4151</v>
      </c>
      <c r="B21654" s="6"/>
      <c r="C21654" s="6" t="s">
        <v>21690</v>
      </c>
      <c r="D21654" s="6"/>
      <c r="E21654" s="6" t="s">
        <v>9</v>
      </c>
      <c r="F21654" s="7">
        <v>38657</v>
      </c>
      <c r="G21654" s="8">
        <v>1</v>
      </c>
      <c r="H21654" s="8">
        <v>1</v>
      </c>
      <c r="I21654" s="8">
        <v>0</v>
      </c>
      <c r="J21654" s="8">
        <v>1</v>
      </c>
      <c r="K21654" s="9">
        <v>54</v>
      </c>
      <c r="L21654" s="6" t="s">
        <v>4151</v>
      </c>
    </row>
    <row r="21655" spans="1:12">
      <c r="A21655" s="6" t="s">
        <v>4151</v>
      </c>
      <c r="B21655" s="6"/>
      <c r="C21655" s="6" t="s">
        <v>21691</v>
      </c>
      <c r="D21655" s="6"/>
      <c r="E21655" s="6" t="s">
        <v>9</v>
      </c>
      <c r="F21655" s="7">
        <v>38657</v>
      </c>
      <c r="G21655" s="8">
        <v>1</v>
      </c>
      <c r="H21655" s="8">
        <v>1</v>
      </c>
      <c r="I21655" s="8">
        <v>0</v>
      </c>
      <c r="J21655" s="8">
        <v>1</v>
      </c>
      <c r="K21655" s="9">
        <v>54</v>
      </c>
      <c r="L21655" s="6" t="s">
        <v>4151</v>
      </c>
    </row>
    <row r="21656" spans="1:12">
      <c r="A21656" s="6" t="s">
        <v>4151</v>
      </c>
      <c r="B21656" s="6"/>
      <c r="C21656" s="6" t="s">
        <v>21692</v>
      </c>
      <c r="D21656" s="6"/>
      <c r="E21656" s="6" t="s">
        <v>9</v>
      </c>
      <c r="F21656" s="7">
        <v>38657</v>
      </c>
      <c r="G21656" s="8">
        <v>1</v>
      </c>
      <c r="H21656" s="8">
        <v>1</v>
      </c>
      <c r="I21656" s="8">
        <v>0</v>
      </c>
      <c r="J21656" s="8">
        <v>1</v>
      </c>
      <c r="K21656" s="9">
        <v>58</v>
      </c>
      <c r="L21656" s="6" t="s">
        <v>4151</v>
      </c>
    </row>
    <row r="21657" spans="1:12">
      <c r="A21657" s="6" t="s">
        <v>4151</v>
      </c>
      <c r="B21657" s="6"/>
      <c r="C21657" s="6" t="s">
        <v>21693</v>
      </c>
      <c r="D21657" s="6"/>
      <c r="E21657" s="6" t="s">
        <v>9</v>
      </c>
      <c r="F21657" s="7">
        <v>38657</v>
      </c>
      <c r="G21657" s="8">
        <v>1</v>
      </c>
      <c r="H21657" s="8">
        <v>1</v>
      </c>
      <c r="I21657" s="8">
        <v>0</v>
      </c>
      <c r="J21657" s="8">
        <v>1</v>
      </c>
      <c r="K21657" s="9">
        <v>57</v>
      </c>
      <c r="L21657" s="6" t="s">
        <v>4151</v>
      </c>
    </row>
    <row r="21658" spans="1:12">
      <c r="A21658" s="6" t="s">
        <v>4151</v>
      </c>
      <c r="B21658" s="6"/>
      <c r="C21658" s="6" t="s">
        <v>21694</v>
      </c>
      <c r="D21658" s="6"/>
      <c r="E21658" s="6" t="s">
        <v>9</v>
      </c>
      <c r="F21658" s="7">
        <v>38657</v>
      </c>
      <c r="G21658" s="8">
        <v>1</v>
      </c>
      <c r="H21658" s="8">
        <v>1</v>
      </c>
      <c r="I21658" s="8">
        <v>0</v>
      </c>
      <c r="J21658" s="8">
        <v>1</v>
      </c>
      <c r="K21658" s="9">
        <v>121</v>
      </c>
      <c r="L21658" s="6" t="s">
        <v>4151</v>
      </c>
    </row>
    <row r="21659" spans="1:12">
      <c r="A21659" s="6" t="s">
        <v>4151</v>
      </c>
      <c r="B21659" s="6"/>
      <c r="C21659" s="6" t="s">
        <v>21695</v>
      </c>
      <c r="D21659" s="6"/>
      <c r="E21659" s="6" t="s">
        <v>9</v>
      </c>
      <c r="F21659" s="7">
        <v>38657</v>
      </c>
      <c r="G21659" s="8">
        <v>1</v>
      </c>
      <c r="H21659" s="8">
        <v>1</v>
      </c>
      <c r="I21659" s="8">
        <v>0</v>
      </c>
      <c r="J21659" s="8">
        <v>1</v>
      </c>
      <c r="K21659" s="9">
        <v>52</v>
      </c>
      <c r="L21659" s="6" t="s">
        <v>4151</v>
      </c>
    </row>
    <row r="21660" spans="1:12">
      <c r="A21660" s="6" t="s">
        <v>4151</v>
      </c>
      <c r="B21660" s="6"/>
      <c r="C21660" s="6" t="s">
        <v>21696</v>
      </c>
      <c r="D21660" s="6"/>
      <c r="E21660" s="6" t="s">
        <v>9</v>
      </c>
      <c r="F21660" s="7">
        <v>38657</v>
      </c>
      <c r="G21660" s="8">
        <v>1</v>
      </c>
      <c r="H21660" s="8">
        <v>1</v>
      </c>
      <c r="I21660" s="8">
        <v>0</v>
      </c>
      <c r="J21660" s="8">
        <v>1</v>
      </c>
      <c r="K21660" s="9">
        <v>1236</v>
      </c>
      <c r="L21660" s="6" t="s">
        <v>4151</v>
      </c>
    </row>
    <row r="21661" spans="1:12">
      <c r="A21661" s="6" t="s">
        <v>4151</v>
      </c>
      <c r="B21661" s="6"/>
      <c r="C21661" s="6" t="s">
        <v>21697</v>
      </c>
      <c r="D21661" s="6"/>
      <c r="E21661" s="6" t="s">
        <v>9</v>
      </c>
      <c r="F21661" s="7">
        <v>38657</v>
      </c>
      <c r="G21661" s="8">
        <v>1</v>
      </c>
      <c r="H21661" s="8">
        <v>1</v>
      </c>
      <c r="I21661" s="8">
        <v>0</v>
      </c>
      <c r="J21661" s="8">
        <v>1</v>
      </c>
      <c r="K21661" s="9">
        <v>142</v>
      </c>
      <c r="L21661" s="6" t="s">
        <v>4151</v>
      </c>
    </row>
    <row r="21662" spans="1:12">
      <c r="A21662" s="6" t="s">
        <v>4151</v>
      </c>
      <c r="B21662" s="6"/>
      <c r="C21662" s="6" t="s">
        <v>21698</v>
      </c>
      <c r="D21662" s="6"/>
      <c r="E21662" s="6" t="s">
        <v>9</v>
      </c>
      <c r="F21662" s="7">
        <v>38657</v>
      </c>
      <c r="G21662" s="8">
        <v>1</v>
      </c>
      <c r="H21662" s="8">
        <v>1</v>
      </c>
      <c r="I21662" s="8">
        <v>0</v>
      </c>
      <c r="J21662" s="8">
        <v>1</v>
      </c>
      <c r="K21662" s="9">
        <v>82</v>
      </c>
      <c r="L21662" s="6" t="s">
        <v>4151</v>
      </c>
    </row>
    <row r="21663" spans="1:12">
      <c r="A21663" s="6" t="s">
        <v>4151</v>
      </c>
      <c r="B21663" s="6"/>
      <c r="C21663" s="6" t="s">
        <v>21699</v>
      </c>
      <c r="D21663" s="6"/>
      <c r="E21663" s="6" t="s">
        <v>9</v>
      </c>
      <c r="F21663" s="7">
        <v>38657</v>
      </c>
      <c r="G21663" s="8">
        <v>1</v>
      </c>
      <c r="H21663" s="8">
        <v>1</v>
      </c>
      <c r="I21663" s="8">
        <v>0</v>
      </c>
      <c r="J21663" s="8">
        <v>1</v>
      </c>
      <c r="K21663" s="9">
        <v>47</v>
      </c>
      <c r="L21663" s="6" t="s">
        <v>4151</v>
      </c>
    </row>
    <row r="21664" spans="1:12">
      <c r="A21664" s="6" t="s">
        <v>4151</v>
      </c>
      <c r="B21664" s="6"/>
      <c r="C21664" s="6" t="s">
        <v>21700</v>
      </c>
      <c r="D21664" s="6"/>
      <c r="E21664" s="6" t="s">
        <v>9</v>
      </c>
      <c r="F21664" s="7">
        <v>38657</v>
      </c>
      <c r="G21664" s="8">
        <v>1</v>
      </c>
      <c r="H21664" s="8">
        <v>1</v>
      </c>
      <c r="I21664" s="8">
        <v>0</v>
      </c>
      <c r="J21664" s="8">
        <v>1</v>
      </c>
      <c r="K21664" s="9">
        <v>44</v>
      </c>
      <c r="L21664" s="6" t="s">
        <v>4151</v>
      </c>
    </row>
    <row r="21665" spans="1:12">
      <c r="A21665" s="6" t="s">
        <v>4151</v>
      </c>
      <c r="B21665" s="6"/>
      <c r="C21665" s="6" t="s">
        <v>21701</v>
      </c>
      <c r="D21665" s="6"/>
      <c r="E21665" s="6" t="s">
        <v>9</v>
      </c>
      <c r="F21665" s="7">
        <v>38657</v>
      </c>
      <c r="G21665" s="8">
        <v>1</v>
      </c>
      <c r="H21665" s="8">
        <v>1</v>
      </c>
      <c r="I21665" s="8">
        <v>0</v>
      </c>
      <c r="J21665" s="8">
        <v>1</v>
      </c>
      <c r="K21665" s="9">
        <v>179</v>
      </c>
      <c r="L21665" s="6" t="s">
        <v>4151</v>
      </c>
    </row>
    <row r="21666" spans="1:12">
      <c r="A21666" s="6" t="s">
        <v>4151</v>
      </c>
      <c r="B21666" s="6"/>
      <c r="C21666" s="6" t="s">
        <v>21702</v>
      </c>
      <c r="D21666" s="6"/>
      <c r="E21666" s="6" t="s">
        <v>9</v>
      </c>
      <c r="F21666" s="7">
        <v>38657</v>
      </c>
      <c r="G21666" s="8">
        <v>1</v>
      </c>
      <c r="H21666" s="8">
        <v>1</v>
      </c>
      <c r="I21666" s="8">
        <v>0</v>
      </c>
      <c r="J21666" s="8">
        <v>1</v>
      </c>
      <c r="K21666" s="9">
        <v>29</v>
      </c>
      <c r="L21666" s="6" t="s">
        <v>4151</v>
      </c>
    </row>
    <row r="21667" spans="1:12">
      <c r="A21667" s="6" t="s">
        <v>4151</v>
      </c>
      <c r="B21667" s="6"/>
      <c r="C21667" s="6" t="s">
        <v>21703</v>
      </c>
      <c r="D21667" s="6"/>
      <c r="E21667" s="6" t="s">
        <v>9</v>
      </c>
      <c r="F21667" s="7">
        <v>38657</v>
      </c>
      <c r="G21667" s="8">
        <v>1</v>
      </c>
      <c r="H21667" s="8">
        <v>1</v>
      </c>
      <c r="I21667" s="8">
        <v>0</v>
      </c>
      <c r="J21667" s="8">
        <v>1</v>
      </c>
      <c r="K21667" s="9">
        <v>6.69</v>
      </c>
      <c r="L21667" s="6" t="s">
        <v>4151</v>
      </c>
    </row>
    <row r="21668" spans="1:12">
      <c r="A21668" s="6" t="s">
        <v>4151</v>
      </c>
      <c r="B21668" s="6"/>
      <c r="C21668" s="6" t="s">
        <v>21704</v>
      </c>
      <c r="D21668" s="6"/>
      <c r="E21668" s="6" t="s">
        <v>9</v>
      </c>
      <c r="F21668" s="7">
        <v>38657</v>
      </c>
      <c r="G21668" s="8">
        <v>1</v>
      </c>
      <c r="H21668" s="8">
        <v>1</v>
      </c>
      <c r="I21668" s="8">
        <v>0</v>
      </c>
      <c r="J21668" s="8">
        <v>1</v>
      </c>
      <c r="K21668" s="9">
        <v>22</v>
      </c>
      <c r="L21668" s="6" t="s">
        <v>4151</v>
      </c>
    </row>
    <row r="21669" spans="1:12">
      <c r="A21669" s="6" t="s">
        <v>4151</v>
      </c>
      <c r="B21669" s="6"/>
      <c r="C21669" s="6" t="s">
        <v>21705</v>
      </c>
      <c r="D21669" s="6"/>
      <c r="E21669" s="6" t="s">
        <v>9</v>
      </c>
      <c r="F21669" s="7">
        <v>38657</v>
      </c>
      <c r="G21669" s="8">
        <v>1</v>
      </c>
      <c r="H21669" s="8">
        <v>1</v>
      </c>
      <c r="I21669" s="8">
        <v>0</v>
      </c>
      <c r="J21669" s="8">
        <v>1</v>
      </c>
      <c r="K21669" s="9">
        <v>29</v>
      </c>
      <c r="L21669" s="6" t="s">
        <v>4151</v>
      </c>
    </row>
    <row r="21670" spans="1:12">
      <c r="A21670" s="6" t="s">
        <v>4151</v>
      </c>
      <c r="B21670" s="6"/>
      <c r="C21670" s="6" t="s">
        <v>21706</v>
      </c>
      <c r="D21670" s="6"/>
      <c r="E21670" s="6" t="s">
        <v>9</v>
      </c>
      <c r="F21670" s="7">
        <v>38657</v>
      </c>
      <c r="G21670" s="8">
        <v>1</v>
      </c>
      <c r="H21670" s="8">
        <v>1</v>
      </c>
      <c r="I21670" s="8">
        <v>0</v>
      </c>
      <c r="J21670" s="8">
        <v>1</v>
      </c>
      <c r="K21670" s="9">
        <v>26</v>
      </c>
      <c r="L21670" s="6" t="s">
        <v>4151</v>
      </c>
    </row>
    <row r="21671" spans="1:12">
      <c r="A21671" s="6" t="s">
        <v>4151</v>
      </c>
      <c r="B21671" s="6"/>
      <c r="C21671" s="6" t="s">
        <v>21707</v>
      </c>
      <c r="D21671" s="6"/>
      <c r="E21671" s="6" t="s">
        <v>9</v>
      </c>
      <c r="F21671" s="7">
        <v>38657</v>
      </c>
      <c r="G21671" s="8">
        <v>1</v>
      </c>
      <c r="H21671" s="8">
        <v>1</v>
      </c>
      <c r="I21671" s="8">
        <v>0</v>
      </c>
      <c r="J21671" s="8">
        <v>1</v>
      </c>
      <c r="K21671" s="9">
        <v>3.6</v>
      </c>
      <c r="L21671" s="6" t="s">
        <v>4151</v>
      </c>
    </row>
    <row r="21672" spans="1:12">
      <c r="A21672" s="6" t="s">
        <v>4151</v>
      </c>
      <c r="B21672" s="6"/>
      <c r="C21672" s="6" t="s">
        <v>21708</v>
      </c>
      <c r="D21672" s="6"/>
      <c r="E21672" s="6" t="s">
        <v>9</v>
      </c>
      <c r="F21672" s="7">
        <v>38657</v>
      </c>
      <c r="G21672" s="8">
        <v>1</v>
      </c>
      <c r="H21672" s="8">
        <v>1</v>
      </c>
      <c r="I21672" s="8">
        <v>0</v>
      </c>
      <c r="J21672" s="8">
        <v>1</v>
      </c>
      <c r="K21672" s="9">
        <v>2.2999999999999901</v>
      </c>
      <c r="L21672" s="6" t="s">
        <v>4151</v>
      </c>
    </row>
    <row r="21673" spans="1:12">
      <c r="A21673" s="6" t="s">
        <v>4151</v>
      </c>
      <c r="B21673" s="6"/>
      <c r="C21673" s="6" t="s">
        <v>21709</v>
      </c>
      <c r="D21673" s="6"/>
      <c r="E21673" s="6" t="s">
        <v>9</v>
      </c>
      <c r="F21673" s="7">
        <v>38657</v>
      </c>
      <c r="G21673" s="8">
        <v>1</v>
      </c>
      <c r="H21673" s="8">
        <v>1</v>
      </c>
      <c r="I21673" s="8">
        <v>0</v>
      </c>
      <c r="J21673" s="8">
        <v>1</v>
      </c>
      <c r="K21673" s="9">
        <v>79</v>
      </c>
      <c r="L21673" s="6" t="s">
        <v>4151</v>
      </c>
    </row>
    <row r="21674" spans="1:12">
      <c r="A21674" s="6" t="s">
        <v>4151</v>
      </c>
      <c r="B21674" s="6"/>
      <c r="C21674" s="6" t="s">
        <v>21710</v>
      </c>
      <c r="D21674" s="6"/>
      <c r="E21674" s="6" t="s">
        <v>9</v>
      </c>
      <c r="F21674" s="7">
        <v>38657</v>
      </c>
      <c r="G21674" s="8">
        <v>1</v>
      </c>
      <c r="H21674" s="8">
        <v>1</v>
      </c>
      <c r="I21674" s="8">
        <v>0</v>
      </c>
      <c r="J21674" s="8">
        <v>1</v>
      </c>
      <c r="K21674" s="9">
        <v>1.85</v>
      </c>
      <c r="L21674" s="6" t="s">
        <v>4151</v>
      </c>
    </row>
    <row r="21675" spans="1:12">
      <c r="A21675" s="6" t="s">
        <v>4151</v>
      </c>
      <c r="B21675" s="6"/>
      <c r="C21675" s="6" t="s">
        <v>21711</v>
      </c>
      <c r="D21675" s="6"/>
      <c r="E21675" s="6" t="s">
        <v>9</v>
      </c>
      <c r="F21675" s="7">
        <v>38657</v>
      </c>
      <c r="G21675" s="8">
        <v>1</v>
      </c>
      <c r="H21675" s="8">
        <v>1</v>
      </c>
      <c r="I21675" s="8">
        <v>0</v>
      </c>
      <c r="J21675" s="8">
        <v>1</v>
      </c>
      <c r="K21675" s="9">
        <v>3.33</v>
      </c>
      <c r="L21675" s="6" t="s">
        <v>4151</v>
      </c>
    </row>
    <row r="21676" spans="1:12">
      <c r="A21676" s="6" t="s">
        <v>4151</v>
      </c>
      <c r="B21676" s="6"/>
      <c r="C21676" s="6" t="s">
        <v>21712</v>
      </c>
      <c r="D21676" s="6"/>
      <c r="E21676" s="6" t="s">
        <v>9</v>
      </c>
      <c r="F21676" s="7">
        <v>38657</v>
      </c>
      <c r="G21676" s="8">
        <v>1</v>
      </c>
      <c r="H21676" s="8">
        <v>1</v>
      </c>
      <c r="I21676" s="8">
        <v>0</v>
      </c>
      <c r="J21676" s="8">
        <v>1</v>
      </c>
      <c r="K21676" s="9">
        <v>1.1399999999999899</v>
      </c>
      <c r="L21676" s="6" t="s">
        <v>4151</v>
      </c>
    </row>
    <row r="21677" spans="1:12">
      <c r="A21677" s="6" t="s">
        <v>4151</v>
      </c>
      <c r="B21677" s="6"/>
      <c r="C21677" s="6" t="s">
        <v>21713</v>
      </c>
      <c r="D21677" s="6"/>
      <c r="E21677" s="6" t="s">
        <v>9</v>
      </c>
      <c r="F21677" s="7">
        <v>38657</v>
      </c>
      <c r="G21677" s="8">
        <v>1</v>
      </c>
      <c r="H21677" s="8">
        <v>1</v>
      </c>
      <c r="I21677" s="8">
        <v>0</v>
      </c>
      <c r="J21677" s="8">
        <v>1</v>
      </c>
      <c r="K21677" s="9">
        <v>11</v>
      </c>
      <c r="L21677" s="6" t="s">
        <v>4151</v>
      </c>
    </row>
    <row r="21678" spans="1:12">
      <c r="A21678" s="6" t="s">
        <v>4151</v>
      </c>
      <c r="B21678" s="6"/>
      <c r="C21678" s="6" t="s">
        <v>21714</v>
      </c>
      <c r="D21678" s="6"/>
      <c r="E21678" s="6" t="s">
        <v>9</v>
      </c>
      <c r="F21678" s="7">
        <v>38657</v>
      </c>
      <c r="G21678" s="8">
        <v>1</v>
      </c>
      <c r="H21678" s="8">
        <v>1</v>
      </c>
      <c r="I21678" s="8">
        <v>0</v>
      </c>
      <c r="J21678" s="8">
        <v>1</v>
      </c>
      <c r="K21678" s="9">
        <v>12</v>
      </c>
      <c r="L21678" s="6" t="s">
        <v>4151</v>
      </c>
    </row>
    <row r="21679" spans="1:12">
      <c r="A21679" s="6" t="s">
        <v>4151</v>
      </c>
      <c r="B21679" s="6"/>
      <c r="C21679" s="6" t="s">
        <v>21715</v>
      </c>
      <c r="D21679" s="6"/>
      <c r="E21679" s="6" t="s">
        <v>9</v>
      </c>
      <c r="F21679" s="7">
        <v>38657</v>
      </c>
      <c r="G21679" s="8">
        <v>1</v>
      </c>
      <c r="H21679" s="8">
        <v>1</v>
      </c>
      <c r="I21679" s="8">
        <v>0</v>
      </c>
      <c r="J21679" s="8">
        <v>1</v>
      </c>
      <c r="K21679" s="9">
        <v>20</v>
      </c>
      <c r="L21679" s="6" t="s">
        <v>4151</v>
      </c>
    </row>
    <row r="21680" spans="1:12">
      <c r="A21680" s="6" t="s">
        <v>4151</v>
      </c>
      <c r="B21680" s="6"/>
      <c r="C21680" s="6" t="s">
        <v>21716</v>
      </c>
      <c r="D21680" s="6"/>
      <c r="E21680" s="6" t="s">
        <v>9</v>
      </c>
      <c r="F21680" s="7">
        <v>38657</v>
      </c>
      <c r="G21680" s="8">
        <v>1</v>
      </c>
      <c r="H21680" s="8">
        <v>1</v>
      </c>
      <c r="I21680" s="8">
        <v>0</v>
      </c>
      <c r="J21680" s="8">
        <v>1</v>
      </c>
      <c r="K21680" s="9">
        <v>38</v>
      </c>
      <c r="L21680" s="6" t="s">
        <v>4151</v>
      </c>
    </row>
    <row r="21681" spans="1:12">
      <c r="A21681" s="6" t="s">
        <v>4151</v>
      </c>
      <c r="B21681" s="6"/>
      <c r="C21681" s="6" t="s">
        <v>21717</v>
      </c>
      <c r="D21681" s="6"/>
      <c r="E21681" s="6" t="s">
        <v>9</v>
      </c>
      <c r="F21681" s="7">
        <v>38657</v>
      </c>
      <c r="G21681" s="8">
        <v>1</v>
      </c>
      <c r="H21681" s="8">
        <v>1</v>
      </c>
      <c r="I21681" s="8">
        <v>0</v>
      </c>
      <c r="J21681" s="8">
        <v>1</v>
      </c>
      <c r="K21681" s="9">
        <v>28</v>
      </c>
      <c r="L21681" s="6" t="s">
        <v>4151</v>
      </c>
    </row>
    <row r="21682" spans="1:12">
      <c r="A21682" s="6" t="s">
        <v>4151</v>
      </c>
      <c r="B21682" s="6"/>
      <c r="C21682" s="6" t="s">
        <v>21718</v>
      </c>
      <c r="D21682" s="6"/>
      <c r="E21682" s="6" t="s">
        <v>9</v>
      </c>
      <c r="F21682" s="7">
        <v>38657</v>
      </c>
      <c r="G21682" s="8">
        <v>1</v>
      </c>
      <c r="H21682" s="8">
        <v>1</v>
      </c>
      <c r="I21682" s="8">
        <v>0</v>
      </c>
      <c r="J21682" s="8">
        <v>1</v>
      </c>
      <c r="K21682" s="9">
        <v>34</v>
      </c>
      <c r="L21682" s="6" t="s">
        <v>4151</v>
      </c>
    </row>
    <row r="21683" spans="1:12">
      <c r="A21683" s="6" t="s">
        <v>4151</v>
      </c>
      <c r="B21683" s="6"/>
      <c r="C21683" s="6" t="s">
        <v>21719</v>
      </c>
      <c r="D21683" s="6"/>
      <c r="E21683" s="6" t="s">
        <v>9</v>
      </c>
      <c r="F21683" s="7">
        <v>38657</v>
      </c>
      <c r="G21683" s="8">
        <v>1</v>
      </c>
      <c r="H21683" s="8">
        <v>1</v>
      </c>
      <c r="I21683" s="8">
        <v>0</v>
      </c>
      <c r="J21683" s="8">
        <v>1</v>
      </c>
      <c r="K21683" s="9">
        <v>18</v>
      </c>
      <c r="L21683" s="6" t="s">
        <v>4151</v>
      </c>
    </row>
    <row r="21684" spans="1:12">
      <c r="A21684" s="6" t="s">
        <v>4151</v>
      </c>
      <c r="B21684" s="6"/>
      <c r="C21684" s="6" t="s">
        <v>21720</v>
      </c>
      <c r="D21684" s="6"/>
      <c r="E21684" s="6" t="s">
        <v>9</v>
      </c>
      <c r="F21684" s="7">
        <v>38657</v>
      </c>
      <c r="G21684" s="8">
        <v>1</v>
      </c>
      <c r="H21684" s="8">
        <v>1</v>
      </c>
      <c r="I21684" s="8">
        <v>0</v>
      </c>
      <c r="J21684" s="8">
        <v>1</v>
      </c>
      <c r="K21684" s="9">
        <v>3.3</v>
      </c>
      <c r="L21684" s="6" t="s">
        <v>4151</v>
      </c>
    </row>
    <row r="21685" spans="1:12">
      <c r="A21685" s="6" t="s">
        <v>4151</v>
      </c>
      <c r="B21685" s="6"/>
      <c r="C21685" s="6" t="s">
        <v>21721</v>
      </c>
      <c r="D21685" s="6"/>
      <c r="E21685" s="6" t="s">
        <v>9</v>
      </c>
      <c r="F21685" s="7">
        <v>38657</v>
      </c>
      <c r="G21685" s="8">
        <v>1</v>
      </c>
      <c r="H21685" s="8">
        <v>1</v>
      </c>
      <c r="I21685" s="8">
        <v>0</v>
      </c>
      <c r="J21685" s="8">
        <v>1</v>
      </c>
      <c r="K21685" s="9">
        <v>20</v>
      </c>
      <c r="L21685" s="6" t="s">
        <v>4151</v>
      </c>
    </row>
    <row r="21686" spans="1:12">
      <c r="A21686" s="6" t="s">
        <v>4151</v>
      </c>
      <c r="B21686" s="6"/>
      <c r="C21686" s="6" t="s">
        <v>21722</v>
      </c>
      <c r="D21686" s="6"/>
      <c r="E21686" s="6" t="s">
        <v>9</v>
      </c>
      <c r="F21686" s="7">
        <v>38657</v>
      </c>
      <c r="G21686" s="8">
        <v>1</v>
      </c>
      <c r="H21686" s="8">
        <v>1</v>
      </c>
      <c r="I21686" s="8">
        <v>0</v>
      </c>
      <c r="J21686" s="8">
        <v>1</v>
      </c>
      <c r="K21686" s="9">
        <v>48</v>
      </c>
      <c r="L21686" s="6" t="s">
        <v>4151</v>
      </c>
    </row>
    <row r="21687" spans="1:12">
      <c r="A21687" s="6" t="s">
        <v>4151</v>
      </c>
      <c r="B21687" s="6"/>
      <c r="C21687" s="6" t="s">
        <v>21723</v>
      </c>
      <c r="D21687" s="6"/>
      <c r="E21687" s="6" t="s">
        <v>9</v>
      </c>
      <c r="F21687" s="7">
        <v>38657</v>
      </c>
      <c r="G21687" s="8">
        <v>1</v>
      </c>
      <c r="H21687" s="8">
        <v>1</v>
      </c>
      <c r="I21687" s="8">
        <v>0</v>
      </c>
      <c r="J21687" s="8">
        <v>1</v>
      </c>
      <c r="K21687" s="9">
        <v>53</v>
      </c>
      <c r="L21687" s="6" t="s">
        <v>4151</v>
      </c>
    </row>
    <row r="21688" spans="1:12">
      <c r="A21688" s="6" t="s">
        <v>4151</v>
      </c>
      <c r="B21688" s="6"/>
      <c r="C21688" s="6" t="s">
        <v>21724</v>
      </c>
      <c r="D21688" s="6"/>
      <c r="E21688" s="6" t="s">
        <v>9</v>
      </c>
      <c r="F21688" s="7">
        <v>38657</v>
      </c>
      <c r="G21688" s="8">
        <v>1</v>
      </c>
      <c r="H21688" s="8">
        <v>1</v>
      </c>
      <c r="I21688" s="8">
        <v>0</v>
      </c>
      <c r="J21688" s="8">
        <v>1</v>
      </c>
      <c r="K21688" s="9">
        <v>57</v>
      </c>
      <c r="L21688" s="6" t="s">
        <v>4151</v>
      </c>
    </row>
    <row r="21689" spans="1:12">
      <c r="A21689" s="6" t="s">
        <v>4151</v>
      </c>
      <c r="B21689" s="6"/>
      <c r="C21689" s="6" t="s">
        <v>21725</v>
      </c>
      <c r="D21689" s="6"/>
      <c r="E21689" s="6" t="s">
        <v>9</v>
      </c>
      <c r="F21689" s="7">
        <v>38657</v>
      </c>
      <c r="G21689" s="8">
        <v>1</v>
      </c>
      <c r="H21689" s="8">
        <v>1</v>
      </c>
      <c r="I21689" s="8">
        <v>0</v>
      </c>
      <c r="J21689" s="8">
        <v>1</v>
      </c>
      <c r="K21689" s="9">
        <v>29</v>
      </c>
      <c r="L21689" s="6" t="s">
        <v>4151</v>
      </c>
    </row>
    <row r="21690" spans="1:12">
      <c r="A21690" s="6" t="s">
        <v>4151</v>
      </c>
      <c r="B21690" s="6"/>
      <c r="C21690" s="6" t="s">
        <v>21726</v>
      </c>
      <c r="D21690" s="6"/>
      <c r="E21690" s="6" t="s">
        <v>9</v>
      </c>
      <c r="F21690" s="7">
        <v>38657</v>
      </c>
      <c r="G21690" s="8">
        <v>1</v>
      </c>
      <c r="H21690" s="8">
        <v>1</v>
      </c>
      <c r="I21690" s="8">
        <v>0</v>
      </c>
      <c r="J21690" s="8">
        <v>1</v>
      </c>
      <c r="K21690" s="9">
        <v>48</v>
      </c>
      <c r="L21690" s="6" t="s">
        <v>4151</v>
      </c>
    </row>
    <row r="21691" spans="1:12">
      <c r="A21691" s="6" t="s">
        <v>4151</v>
      </c>
      <c r="B21691" s="6"/>
      <c r="C21691" s="6" t="s">
        <v>21727</v>
      </c>
      <c r="D21691" s="6"/>
      <c r="E21691" s="6" t="s">
        <v>9</v>
      </c>
      <c r="F21691" s="7">
        <v>38657</v>
      </c>
      <c r="G21691" s="8">
        <v>1</v>
      </c>
      <c r="H21691" s="8">
        <v>1</v>
      </c>
      <c r="I21691" s="8">
        <v>0</v>
      </c>
      <c r="J21691" s="8">
        <v>1</v>
      </c>
      <c r="K21691" s="9">
        <v>9.1999999999999904</v>
      </c>
      <c r="L21691" s="6" t="s">
        <v>4151</v>
      </c>
    </row>
    <row r="21692" spans="1:12">
      <c r="A21692" s="6" t="s">
        <v>4151</v>
      </c>
      <c r="B21692" s="6"/>
      <c r="C21692" s="6" t="s">
        <v>21728</v>
      </c>
      <c r="D21692" s="6"/>
      <c r="E21692" s="6" t="s">
        <v>9</v>
      </c>
      <c r="F21692" s="7">
        <v>38657</v>
      </c>
      <c r="G21692" s="8">
        <v>1</v>
      </c>
      <c r="H21692" s="8">
        <v>1</v>
      </c>
      <c r="I21692" s="8">
        <v>0</v>
      </c>
      <c r="J21692" s="8">
        <v>1</v>
      </c>
      <c r="K21692" s="9">
        <v>16.52</v>
      </c>
      <c r="L21692" s="6" t="s">
        <v>4151</v>
      </c>
    </row>
    <row r="21693" spans="1:12">
      <c r="A21693" s="6" t="s">
        <v>4151</v>
      </c>
      <c r="B21693" s="6"/>
      <c r="C21693" s="6" t="s">
        <v>21729</v>
      </c>
      <c r="D21693" s="6"/>
      <c r="E21693" s="6" t="s">
        <v>9</v>
      </c>
      <c r="F21693" s="7">
        <v>38657</v>
      </c>
      <c r="G21693" s="8">
        <v>1</v>
      </c>
      <c r="H21693" s="8">
        <v>1</v>
      </c>
      <c r="I21693" s="8">
        <v>0</v>
      </c>
      <c r="J21693" s="8">
        <v>1</v>
      </c>
      <c r="K21693" s="9">
        <v>10.06</v>
      </c>
      <c r="L21693" s="6" t="s">
        <v>4151</v>
      </c>
    </row>
    <row r="21694" spans="1:12">
      <c r="A21694" s="6" t="s">
        <v>4151</v>
      </c>
      <c r="B21694" s="6"/>
      <c r="C21694" s="6" t="s">
        <v>21730</v>
      </c>
      <c r="D21694" s="6"/>
      <c r="E21694" s="6" t="s">
        <v>9</v>
      </c>
      <c r="F21694" s="7">
        <v>38657</v>
      </c>
      <c r="G21694" s="8">
        <v>1</v>
      </c>
      <c r="H21694" s="8">
        <v>1</v>
      </c>
      <c r="I21694" s="8">
        <v>0</v>
      </c>
      <c r="J21694" s="8">
        <v>1</v>
      </c>
      <c r="K21694" s="9">
        <v>13</v>
      </c>
      <c r="L21694" s="6" t="s">
        <v>4151</v>
      </c>
    </row>
    <row r="21695" spans="1:12">
      <c r="A21695" s="6" t="s">
        <v>4151</v>
      </c>
      <c r="B21695" s="6"/>
      <c r="C21695" s="6" t="s">
        <v>21731</v>
      </c>
      <c r="D21695" s="6"/>
      <c r="E21695" s="6" t="s">
        <v>9</v>
      </c>
      <c r="F21695" s="7">
        <v>38657</v>
      </c>
      <c r="G21695" s="8">
        <v>1</v>
      </c>
      <c r="H21695" s="8">
        <v>1</v>
      </c>
      <c r="I21695" s="8">
        <v>0</v>
      </c>
      <c r="J21695" s="8">
        <v>1</v>
      </c>
      <c r="K21695" s="9">
        <v>10</v>
      </c>
      <c r="L21695" s="6" t="s">
        <v>4151</v>
      </c>
    </row>
    <row r="21696" spans="1:12">
      <c r="A21696" s="6" t="s">
        <v>4151</v>
      </c>
      <c r="B21696" s="6"/>
      <c r="C21696" s="6" t="s">
        <v>21732</v>
      </c>
      <c r="D21696" s="6"/>
      <c r="E21696" s="6" t="s">
        <v>9</v>
      </c>
      <c r="F21696" s="7">
        <v>38657</v>
      </c>
      <c r="G21696" s="8">
        <v>1</v>
      </c>
      <c r="H21696" s="8">
        <v>1</v>
      </c>
      <c r="I21696" s="8">
        <v>0</v>
      </c>
      <c r="J21696" s="8">
        <v>1</v>
      </c>
      <c r="K21696" s="9">
        <v>63.49</v>
      </c>
      <c r="L21696" s="6" t="s">
        <v>4151</v>
      </c>
    </row>
    <row r="21697" spans="1:12">
      <c r="A21697" s="6" t="s">
        <v>4151</v>
      </c>
      <c r="B21697" s="6"/>
      <c r="C21697" s="6" t="s">
        <v>21733</v>
      </c>
      <c r="D21697" s="6"/>
      <c r="E21697" s="6" t="s">
        <v>9</v>
      </c>
      <c r="F21697" s="7">
        <v>38657</v>
      </c>
      <c r="G21697" s="8">
        <v>1</v>
      </c>
      <c r="H21697" s="8">
        <v>1</v>
      </c>
      <c r="I21697" s="8">
        <v>0</v>
      </c>
      <c r="J21697" s="8">
        <v>1</v>
      </c>
      <c r="K21697" s="9">
        <v>191</v>
      </c>
      <c r="L21697" s="6" t="s">
        <v>4151</v>
      </c>
    </row>
    <row r="21698" spans="1:12">
      <c r="A21698" s="6" t="s">
        <v>4151</v>
      </c>
      <c r="B21698" s="6"/>
      <c r="C21698" s="6" t="s">
        <v>21734</v>
      </c>
      <c r="D21698" s="6"/>
      <c r="E21698" s="6" t="s">
        <v>9</v>
      </c>
      <c r="F21698" s="7">
        <v>38657</v>
      </c>
      <c r="G21698" s="8">
        <v>1</v>
      </c>
      <c r="H21698" s="8">
        <v>1</v>
      </c>
      <c r="I21698" s="8">
        <v>0</v>
      </c>
      <c r="J21698" s="8">
        <v>1</v>
      </c>
      <c r="K21698" s="9">
        <v>23</v>
      </c>
      <c r="L21698" s="6" t="s">
        <v>4151</v>
      </c>
    </row>
    <row r="21699" spans="1:12">
      <c r="A21699" s="6" t="s">
        <v>4151</v>
      </c>
      <c r="B21699" s="6"/>
      <c r="C21699" s="6" t="s">
        <v>21735</v>
      </c>
      <c r="D21699" s="6"/>
      <c r="E21699" s="6" t="s">
        <v>9</v>
      </c>
      <c r="F21699" s="7">
        <v>38657</v>
      </c>
      <c r="G21699" s="8">
        <v>1</v>
      </c>
      <c r="H21699" s="8">
        <v>1</v>
      </c>
      <c r="I21699" s="8">
        <v>0</v>
      </c>
      <c r="J21699" s="8">
        <v>1</v>
      </c>
      <c r="K21699" s="9">
        <v>18</v>
      </c>
      <c r="L21699" s="6" t="s">
        <v>4151</v>
      </c>
    </row>
    <row r="21700" spans="1:12">
      <c r="A21700" s="6" t="s">
        <v>4151</v>
      </c>
      <c r="B21700" s="6"/>
      <c r="C21700" s="6" t="s">
        <v>21736</v>
      </c>
      <c r="D21700" s="6"/>
      <c r="E21700" s="6" t="s">
        <v>9</v>
      </c>
      <c r="F21700" s="7">
        <v>38657</v>
      </c>
      <c r="G21700" s="8">
        <v>1</v>
      </c>
      <c r="H21700" s="8">
        <v>1</v>
      </c>
      <c r="I21700" s="8">
        <v>0</v>
      </c>
      <c r="J21700" s="8">
        <v>1</v>
      </c>
      <c r="K21700" s="9">
        <v>20</v>
      </c>
      <c r="L21700" s="6" t="s">
        <v>4151</v>
      </c>
    </row>
    <row r="21701" spans="1:12">
      <c r="A21701" s="6" t="s">
        <v>4151</v>
      </c>
      <c r="B21701" s="6"/>
      <c r="C21701" s="6" t="s">
        <v>21737</v>
      </c>
      <c r="D21701" s="6"/>
      <c r="E21701" s="6" t="s">
        <v>9</v>
      </c>
      <c r="F21701" s="7">
        <v>38657</v>
      </c>
      <c r="G21701" s="8">
        <v>1</v>
      </c>
      <c r="H21701" s="8">
        <v>1</v>
      </c>
      <c r="I21701" s="8">
        <v>0</v>
      </c>
      <c r="J21701" s="8">
        <v>1</v>
      </c>
      <c r="K21701" s="9">
        <v>8.75</v>
      </c>
      <c r="L21701" s="6" t="s">
        <v>4151</v>
      </c>
    </row>
    <row r="21702" spans="1:12">
      <c r="A21702" s="6" t="s">
        <v>4151</v>
      </c>
      <c r="B21702" s="6"/>
      <c r="C21702" s="6" t="s">
        <v>21738</v>
      </c>
      <c r="D21702" s="6"/>
      <c r="E21702" s="6" t="s">
        <v>9</v>
      </c>
      <c r="F21702" s="7">
        <v>38657</v>
      </c>
      <c r="G21702" s="8">
        <v>1</v>
      </c>
      <c r="H21702" s="8">
        <v>1</v>
      </c>
      <c r="I21702" s="8">
        <v>0</v>
      </c>
      <c r="J21702" s="8">
        <v>1</v>
      </c>
      <c r="K21702" s="9">
        <v>1.05</v>
      </c>
      <c r="L21702" s="6" t="s">
        <v>4151</v>
      </c>
    </row>
    <row r="21703" spans="1:12">
      <c r="A21703" s="6" t="s">
        <v>4151</v>
      </c>
      <c r="B21703" s="6"/>
      <c r="C21703" s="6" t="s">
        <v>21739</v>
      </c>
      <c r="D21703" s="6"/>
      <c r="E21703" s="6" t="s">
        <v>9</v>
      </c>
      <c r="F21703" s="7">
        <v>38657</v>
      </c>
      <c r="G21703" s="8">
        <v>1</v>
      </c>
      <c r="H21703" s="8">
        <v>1</v>
      </c>
      <c r="I21703" s="8">
        <v>0</v>
      </c>
      <c r="J21703" s="8">
        <v>1</v>
      </c>
      <c r="K21703" s="9">
        <v>4.09</v>
      </c>
      <c r="L21703" s="6" t="s">
        <v>4151</v>
      </c>
    </row>
    <row r="21704" spans="1:12">
      <c r="A21704" s="6" t="s">
        <v>4151</v>
      </c>
      <c r="B21704" s="6"/>
      <c r="C21704" s="6" t="s">
        <v>21740</v>
      </c>
      <c r="D21704" s="6"/>
      <c r="E21704" s="6" t="s">
        <v>9</v>
      </c>
      <c r="F21704" s="7">
        <v>38657</v>
      </c>
      <c r="G21704" s="8">
        <v>1</v>
      </c>
      <c r="H21704" s="8">
        <v>1</v>
      </c>
      <c r="I21704" s="8">
        <v>0</v>
      </c>
      <c r="J21704" s="8">
        <v>1</v>
      </c>
      <c r="K21704" s="9">
        <v>33</v>
      </c>
      <c r="L21704" s="6" t="s">
        <v>4151</v>
      </c>
    </row>
    <row r="21705" spans="1:12">
      <c r="A21705" s="6" t="s">
        <v>4151</v>
      </c>
      <c r="B21705" s="6"/>
      <c r="C21705" s="6" t="s">
        <v>21741</v>
      </c>
      <c r="D21705" s="6"/>
      <c r="E21705" s="6" t="s">
        <v>9</v>
      </c>
      <c r="F21705" s="7">
        <v>38657</v>
      </c>
      <c r="G21705" s="8">
        <v>1</v>
      </c>
      <c r="H21705" s="8">
        <v>1</v>
      </c>
      <c r="I21705" s="8">
        <v>0</v>
      </c>
      <c r="J21705" s="8">
        <v>1</v>
      </c>
      <c r="K21705" s="9">
        <v>33</v>
      </c>
      <c r="L21705" s="6" t="s">
        <v>4151</v>
      </c>
    </row>
    <row r="21706" spans="1:12">
      <c r="A21706" s="6" t="s">
        <v>4151</v>
      </c>
      <c r="B21706" s="6"/>
      <c r="C21706" s="6" t="s">
        <v>21742</v>
      </c>
      <c r="D21706" s="6"/>
      <c r="E21706" s="6" t="s">
        <v>9</v>
      </c>
      <c r="F21706" s="7">
        <v>38657</v>
      </c>
      <c r="G21706" s="8">
        <v>1</v>
      </c>
      <c r="H21706" s="8">
        <v>1</v>
      </c>
      <c r="I21706" s="8">
        <v>0</v>
      </c>
      <c r="J21706" s="8">
        <v>1</v>
      </c>
      <c r="K21706" s="9">
        <v>78</v>
      </c>
      <c r="L21706" s="6" t="s">
        <v>4151</v>
      </c>
    </row>
    <row r="21707" spans="1:12">
      <c r="A21707" s="6" t="s">
        <v>4151</v>
      </c>
      <c r="B21707" s="6"/>
      <c r="C21707" s="6" t="s">
        <v>21743</v>
      </c>
      <c r="D21707" s="6"/>
      <c r="E21707" s="6" t="s">
        <v>9</v>
      </c>
      <c r="F21707" s="7">
        <v>38657</v>
      </c>
      <c r="G21707" s="8">
        <v>1</v>
      </c>
      <c r="H21707" s="8">
        <v>1</v>
      </c>
      <c r="I21707" s="8">
        <v>0</v>
      </c>
      <c r="J21707" s="8">
        <v>1</v>
      </c>
      <c r="K21707" s="9">
        <v>33</v>
      </c>
      <c r="L21707" s="6" t="s">
        <v>4151</v>
      </c>
    </row>
    <row r="21708" spans="1:12">
      <c r="A21708" s="6" t="s">
        <v>4151</v>
      </c>
      <c r="B21708" s="6"/>
      <c r="C21708" s="6" t="s">
        <v>21744</v>
      </c>
      <c r="D21708" s="6"/>
      <c r="E21708" s="6" t="s">
        <v>9</v>
      </c>
      <c r="F21708" s="7">
        <v>38657</v>
      </c>
      <c r="G21708" s="8">
        <v>1</v>
      </c>
      <c r="H21708" s="8">
        <v>1</v>
      </c>
      <c r="I21708" s="8">
        <v>0</v>
      </c>
      <c r="J21708" s="8">
        <v>1</v>
      </c>
      <c r="K21708" s="9">
        <v>14</v>
      </c>
      <c r="L21708" s="6" t="s">
        <v>4151</v>
      </c>
    </row>
    <row r="21709" spans="1:12">
      <c r="A21709" s="6" t="s">
        <v>4151</v>
      </c>
      <c r="B21709" s="6"/>
      <c r="C21709" s="6" t="s">
        <v>21745</v>
      </c>
      <c r="D21709" s="6"/>
      <c r="E21709" s="6" t="s">
        <v>9</v>
      </c>
      <c r="F21709" s="7">
        <v>38657</v>
      </c>
      <c r="G21709" s="8">
        <v>1</v>
      </c>
      <c r="H21709" s="8">
        <v>1</v>
      </c>
      <c r="I21709" s="8">
        <v>0</v>
      </c>
      <c r="J21709" s="8">
        <v>1</v>
      </c>
      <c r="K21709" s="9">
        <v>33</v>
      </c>
      <c r="L21709" s="6" t="s">
        <v>4151</v>
      </c>
    </row>
    <row r="21710" spans="1:12">
      <c r="A21710" s="6" t="s">
        <v>4151</v>
      </c>
      <c r="B21710" s="6"/>
      <c r="C21710" s="6" t="s">
        <v>21746</v>
      </c>
      <c r="D21710" s="6"/>
      <c r="E21710" s="6" t="s">
        <v>9</v>
      </c>
      <c r="F21710" s="7">
        <v>38657</v>
      </c>
      <c r="G21710" s="8">
        <v>1</v>
      </c>
      <c r="H21710" s="8">
        <v>1</v>
      </c>
      <c r="I21710" s="8">
        <v>0</v>
      </c>
      <c r="J21710" s="8">
        <v>1</v>
      </c>
      <c r="K21710" s="9">
        <v>33</v>
      </c>
      <c r="L21710" s="6" t="s">
        <v>4151</v>
      </c>
    </row>
    <row r="21711" spans="1:12">
      <c r="A21711" s="6" t="s">
        <v>4151</v>
      </c>
      <c r="B21711" s="6"/>
      <c r="C21711" s="6" t="s">
        <v>21747</v>
      </c>
      <c r="D21711" s="6"/>
      <c r="E21711" s="6" t="s">
        <v>9</v>
      </c>
      <c r="F21711" s="7">
        <v>38657</v>
      </c>
      <c r="G21711" s="8">
        <v>1</v>
      </c>
      <c r="H21711" s="8">
        <v>1</v>
      </c>
      <c r="I21711" s="8">
        <v>0</v>
      </c>
      <c r="J21711" s="8">
        <v>1</v>
      </c>
      <c r="K21711" s="9">
        <v>59</v>
      </c>
      <c r="L21711" s="6" t="s">
        <v>4151</v>
      </c>
    </row>
    <row r="21712" spans="1:12">
      <c r="A21712" s="6" t="s">
        <v>4151</v>
      </c>
      <c r="B21712" s="6"/>
      <c r="C21712" s="6" t="s">
        <v>21748</v>
      </c>
      <c r="D21712" s="6"/>
      <c r="E21712" s="6" t="s">
        <v>9</v>
      </c>
      <c r="F21712" s="7">
        <v>38657</v>
      </c>
      <c r="G21712" s="8">
        <v>1</v>
      </c>
      <c r="H21712" s="8">
        <v>1</v>
      </c>
      <c r="I21712" s="8">
        <v>0</v>
      </c>
      <c r="J21712" s="8">
        <v>1</v>
      </c>
      <c r="K21712" s="9">
        <v>33</v>
      </c>
      <c r="L21712" s="6" t="s">
        <v>4151</v>
      </c>
    </row>
    <row r="21713" spans="1:12">
      <c r="A21713" s="6" t="s">
        <v>4151</v>
      </c>
      <c r="B21713" s="6"/>
      <c r="C21713" s="6" t="s">
        <v>21749</v>
      </c>
      <c r="D21713" s="6"/>
      <c r="E21713" s="6" t="s">
        <v>9</v>
      </c>
      <c r="F21713" s="7">
        <v>38657</v>
      </c>
      <c r="G21713" s="8">
        <v>1</v>
      </c>
      <c r="H21713" s="8">
        <v>1</v>
      </c>
      <c r="I21713" s="8">
        <v>0</v>
      </c>
      <c r="J21713" s="8">
        <v>1</v>
      </c>
      <c r="K21713" s="9">
        <v>33</v>
      </c>
      <c r="L21713" s="6" t="s">
        <v>4151</v>
      </c>
    </row>
    <row r="21714" spans="1:12">
      <c r="A21714" s="6" t="s">
        <v>4151</v>
      </c>
      <c r="B21714" s="6"/>
      <c r="C21714" s="6" t="s">
        <v>21750</v>
      </c>
      <c r="D21714" s="6"/>
      <c r="E21714" s="6" t="s">
        <v>9</v>
      </c>
      <c r="F21714" s="7">
        <v>38657</v>
      </c>
      <c r="G21714" s="8">
        <v>1</v>
      </c>
      <c r="H21714" s="8">
        <v>1</v>
      </c>
      <c r="I21714" s="8">
        <v>0</v>
      </c>
      <c r="J21714" s="8">
        <v>1</v>
      </c>
      <c r="K21714" s="9">
        <v>33</v>
      </c>
      <c r="L21714" s="6" t="s">
        <v>4151</v>
      </c>
    </row>
    <row r="21715" spans="1:12">
      <c r="A21715" s="6" t="s">
        <v>4151</v>
      </c>
      <c r="B21715" s="6"/>
      <c r="C21715" s="6" t="s">
        <v>21751</v>
      </c>
      <c r="D21715" s="6"/>
      <c r="E21715" s="6" t="s">
        <v>9</v>
      </c>
      <c r="F21715" s="7">
        <v>38657</v>
      </c>
      <c r="G21715" s="8">
        <v>1</v>
      </c>
      <c r="H21715" s="8">
        <v>1</v>
      </c>
      <c r="I21715" s="8">
        <v>0</v>
      </c>
      <c r="J21715" s="8">
        <v>1</v>
      </c>
      <c r="K21715" s="9">
        <v>33</v>
      </c>
      <c r="L21715" s="6" t="s">
        <v>4151</v>
      </c>
    </row>
    <row r="21716" spans="1:12">
      <c r="A21716" s="6" t="s">
        <v>4151</v>
      </c>
      <c r="B21716" s="6"/>
      <c r="C21716" s="6" t="s">
        <v>21752</v>
      </c>
      <c r="D21716" s="6"/>
      <c r="E21716" s="6" t="s">
        <v>9</v>
      </c>
      <c r="F21716" s="7">
        <v>38657</v>
      </c>
      <c r="G21716" s="8">
        <v>1</v>
      </c>
      <c r="H21716" s="8">
        <v>1</v>
      </c>
      <c r="I21716" s="8">
        <v>0</v>
      </c>
      <c r="J21716" s="8">
        <v>1</v>
      </c>
      <c r="K21716" s="9">
        <v>33</v>
      </c>
      <c r="L21716" s="6" t="s">
        <v>4151</v>
      </c>
    </row>
    <row r="21717" spans="1:12">
      <c r="A21717" s="6" t="s">
        <v>4151</v>
      </c>
      <c r="B21717" s="6"/>
      <c r="C21717" s="6" t="s">
        <v>21753</v>
      </c>
      <c r="D21717" s="6"/>
      <c r="E21717" s="6" t="s">
        <v>9</v>
      </c>
      <c r="F21717" s="7">
        <v>38657</v>
      </c>
      <c r="G21717" s="8">
        <v>1</v>
      </c>
      <c r="H21717" s="8">
        <v>1</v>
      </c>
      <c r="I21717" s="8">
        <v>0</v>
      </c>
      <c r="J21717" s="8">
        <v>1</v>
      </c>
      <c r="K21717" s="9">
        <v>65</v>
      </c>
      <c r="L21717" s="6" t="s">
        <v>4151</v>
      </c>
    </row>
    <row r="21718" spans="1:12">
      <c r="A21718" s="6" t="s">
        <v>4151</v>
      </c>
      <c r="B21718" s="6"/>
      <c r="C21718" s="6" t="s">
        <v>21754</v>
      </c>
      <c r="D21718" s="6"/>
      <c r="E21718" s="6" t="s">
        <v>9</v>
      </c>
      <c r="F21718" s="7">
        <v>38657</v>
      </c>
      <c r="G21718" s="8">
        <v>1</v>
      </c>
      <c r="H21718" s="8">
        <v>1</v>
      </c>
      <c r="I21718" s="8">
        <v>0</v>
      </c>
      <c r="J21718" s="8">
        <v>1</v>
      </c>
      <c r="K21718" s="9">
        <v>33</v>
      </c>
      <c r="L21718" s="6" t="s">
        <v>4151</v>
      </c>
    </row>
    <row r="21719" spans="1:12">
      <c r="A21719" s="6" t="s">
        <v>4151</v>
      </c>
      <c r="B21719" s="6"/>
      <c r="C21719" s="6" t="s">
        <v>21755</v>
      </c>
      <c r="D21719" s="6"/>
      <c r="E21719" s="6" t="s">
        <v>9</v>
      </c>
      <c r="F21719" s="7">
        <v>38657</v>
      </c>
      <c r="G21719" s="8">
        <v>1</v>
      </c>
      <c r="H21719" s="8">
        <v>1</v>
      </c>
      <c r="I21719" s="8">
        <v>0</v>
      </c>
      <c r="J21719" s="8">
        <v>1</v>
      </c>
      <c r="K21719" s="9">
        <v>33</v>
      </c>
      <c r="L21719" s="6" t="s">
        <v>4151</v>
      </c>
    </row>
    <row r="21720" spans="1:12">
      <c r="A21720" s="6" t="s">
        <v>4151</v>
      </c>
      <c r="B21720" s="6"/>
      <c r="C21720" s="6" t="s">
        <v>21756</v>
      </c>
      <c r="D21720" s="6"/>
      <c r="E21720" s="6" t="s">
        <v>9</v>
      </c>
      <c r="F21720" s="7">
        <v>38657</v>
      </c>
      <c r="G21720" s="8">
        <v>1</v>
      </c>
      <c r="H21720" s="8">
        <v>1</v>
      </c>
      <c r="I21720" s="8">
        <v>0</v>
      </c>
      <c r="J21720" s="8">
        <v>1</v>
      </c>
      <c r="K21720" s="9">
        <v>125</v>
      </c>
      <c r="L21720" s="6" t="s">
        <v>4151</v>
      </c>
    </row>
    <row r="21721" spans="1:12">
      <c r="A21721" s="6" t="s">
        <v>4151</v>
      </c>
      <c r="B21721" s="6"/>
      <c r="C21721" s="6" t="s">
        <v>21757</v>
      </c>
      <c r="D21721" s="6"/>
      <c r="E21721" s="6" t="s">
        <v>9</v>
      </c>
      <c r="F21721" s="7">
        <v>38657</v>
      </c>
      <c r="G21721" s="8">
        <v>1</v>
      </c>
      <c r="H21721" s="8">
        <v>1</v>
      </c>
      <c r="I21721" s="8">
        <v>0</v>
      </c>
      <c r="J21721" s="8">
        <v>1</v>
      </c>
      <c r="K21721" s="9">
        <v>33</v>
      </c>
      <c r="L21721" s="6" t="s">
        <v>4151</v>
      </c>
    </row>
    <row r="21722" spans="1:12">
      <c r="A21722" s="6" t="s">
        <v>4151</v>
      </c>
      <c r="B21722" s="6"/>
      <c r="C21722" s="6" t="s">
        <v>21758</v>
      </c>
      <c r="D21722" s="6"/>
      <c r="E21722" s="6" t="s">
        <v>9</v>
      </c>
      <c r="F21722" s="7">
        <v>38657</v>
      </c>
      <c r="G21722" s="8">
        <v>1</v>
      </c>
      <c r="H21722" s="8">
        <v>1</v>
      </c>
      <c r="I21722" s="8">
        <v>0</v>
      </c>
      <c r="J21722" s="8">
        <v>1</v>
      </c>
      <c r="K21722" s="9">
        <v>33</v>
      </c>
      <c r="L21722" s="6" t="s">
        <v>4151</v>
      </c>
    </row>
    <row r="21723" spans="1:12">
      <c r="A21723" s="6" t="s">
        <v>4151</v>
      </c>
      <c r="B21723" s="6"/>
      <c r="C21723" s="6" t="s">
        <v>21759</v>
      </c>
      <c r="D21723" s="6"/>
      <c r="E21723" s="6" t="s">
        <v>9</v>
      </c>
      <c r="F21723" s="7">
        <v>38657</v>
      </c>
      <c r="G21723" s="8">
        <v>1</v>
      </c>
      <c r="H21723" s="8">
        <v>1</v>
      </c>
      <c r="I21723" s="8">
        <v>0</v>
      </c>
      <c r="J21723" s="8">
        <v>1</v>
      </c>
      <c r="K21723" s="9">
        <v>33</v>
      </c>
      <c r="L21723" s="6" t="s">
        <v>4151</v>
      </c>
    </row>
    <row r="21724" spans="1:12">
      <c r="A21724" s="6" t="s">
        <v>4151</v>
      </c>
      <c r="B21724" s="6"/>
      <c r="C21724" s="6" t="s">
        <v>21760</v>
      </c>
      <c r="D21724" s="6"/>
      <c r="E21724" s="6" t="s">
        <v>9</v>
      </c>
      <c r="F21724" s="7">
        <v>38657</v>
      </c>
      <c r="G21724" s="8">
        <v>1</v>
      </c>
      <c r="H21724" s="8">
        <v>1</v>
      </c>
      <c r="I21724" s="8">
        <v>0</v>
      </c>
      <c r="J21724" s="8">
        <v>1</v>
      </c>
      <c r="K21724" s="9">
        <v>33</v>
      </c>
      <c r="L21724" s="6" t="s">
        <v>4151</v>
      </c>
    </row>
    <row r="21725" spans="1:12">
      <c r="A21725" s="6" t="s">
        <v>4151</v>
      </c>
      <c r="B21725" s="6"/>
      <c r="C21725" s="6" t="s">
        <v>21761</v>
      </c>
      <c r="D21725" s="6"/>
      <c r="E21725" s="6" t="s">
        <v>9</v>
      </c>
      <c r="F21725" s="7">
        <v>38657</v>
      </c>
      <c r="G21725" s="8">
        <v>1</v>
      </c>
      <c r="H21725" s="8">
        <v>1</v>
      </c>
      <c r="I21725" s="8">
        <v>0</v>
      </c>
      <c r="J21725" s="8">
        <v>1</v>
      </c>
      <c r="K21725" s="9">
        <v>33</v>
      </c>
      <c r="L21725" s="6" t="s">
        <v>4151</v>
      </c>
    </row>
    <row r="21726" spans="1:12">
      <c r="A21726" s="6" t="s">
        <v>4151</v>
      </c>
      <c r="B21726" s="6"/>
      <c r="C21726" s="6" t="s">
        <v>21762</v>
      </c>
      <c r="D21726" s="6"/>
      <c r="E21726" s="6" t="s">
        <v>9</v>
      </c>
      <c r="F21726" s="7">
        <v>38657</v>
      </c>
      <c r="G21726" s="8">
        <v>1</v>
      </c>
      <c r="H21726" s="8">
        <v>1</v>
      </c>
      <c r="I21726" s="8">
        <v>0</v>
      </c>
      <c r="J21726" s="8">
        <v>1</v>
      </c>
      <c r="K21726" s="9">
        <v>33</v>
      </c>
      <c r="L21726" s="6" t="s">
        <v>4151</v>
      </c>
    </row>
    <row r="21727" spans="1:12">
      <c r="A21727" s="6" t="s">
        <v>4151</v>
      </c>
      <c r="B21727" s="6"/>
      <c r="C21727" s="6" t="s">
        <v>21763</v>
      </c>
      <c r="D21727" s="6"/>
      <c r="E21727" s="6" t="s">
        <v>9</v>
      </c>
      <c r="F21727" s="7">
        <v>38657</v>
      </c>
      <c r="G21727" s="8">
        <v>1</v>
      </c>
      <c r="H21727" s="8">
        <v>1</v>
      </c>
      <c r="I21727" s="8">
        <v>0</v>
      </c>
      <c r="J21727" s="8">
        <v>1</v>
      </c>
      <c r="K21727" s="9">
        <v>36</v>
      </c>
      <c r="L21727" s="6" t="s">
        <v>4151</v>
      </c>
    </row>
    <row r="21728" spans="1:12">
      <c r="A21728" s="6" t="s">
        <v>4151</v>
      </c>
      <c r="B21728" s="6"/>
      <c r="C21728" s="6" t="s">
        <v>21764</v>
      </c>
      <c r="D21728" s="6"/>
      <c r="E21728" s="6" t="s">
        <v>9</v>
      </c>
      <c r="F21728" s="7">
        <v>38657</v>
      </c>
      <c r="G21728" s="8">
        <v>1</v>
      </c>
      <c r="H21728" s="8">
        <v>1</v>
      </c>
      <c r="I21728" s="8">
        <v>0</v>
      </c>
      <c r="J21728" s="8">
        <v>1</v>
      </c>
      <c r="K21728" s="9">
        <v>48</v>
      </c>
      <c r="L21728" s="6" t="s">
        <v>4151</v>
      </c>
    </row>
    <row r="21729" spans="1:12">
      <c r="A21729" s="6" t="s">
        <v>4151</v>
      </c>
      <c r="B21729" s="6"/>
      <c r="C21729" s="6" t="s">
        <v>21765</v>
      </c>
      <c r="D21729" s="6"/>
      <c r="E21729" s="6" t="s">
        <v>9</v>
      </c>
      <c r="F21729" s="7">
        <v>38657</v>
      </c>
      <c r="G21729" s="8">
        <v>1</v>
      </c>
      <c r="H21729" s="8">
        <v>1</v>
      </c>
      <c r="I21729" s="8">
        <v>0</v>
      </c>
      <c r="J21729" s="8">
        <v>1</v>
      </c>
      <c r="K21729" s="9">
        <v>46</v>
      </c>
      <c r="L21729" s="6" t="s">
        <v>4151</v>
      </c>
    </row>
    <row r="21730" spans="1:12">
      <c r="A21730" s="6" t="s">
        <v>4151</v>
      </c>
      <c r="B21730" s="6"/>
      <c r="C21730" s="6" t="s">
        <v>21766</v>
      </c>
      <c r="D21730" s="6"/>
      <c r="E21730" s="6" t="s">
        <v>9</v>
      </c>
      <c r="F21730" s="7">
        <v>38657</v>
      </c>
      <c r="G21730" s="8">
        <v>1</v>
      </c>
      <c r="H21730" s="8">
        <v>1</v>
      </c>
      <c r="I21730" s="8">
        <v>0</v>
      </c>
      <c r="J21730" s="8">
        <v>1</v>
      </c>
      <c r="K21730" s="9">
        <v>33</v>
      </c>
      <c r="L21730" s="6" t="s">
        <v>4151</v>
      </c>
    </row>
    <row r="21731" spans="1:12">
      <c r="A21731" s="6" t="s">
        <v>4151</v>
      </c>
      <c r="B21731" s="6"/>
      <c r="C21731" s="6" t="s">
        <v>21767</v>
      </c>
      <c r="D21731" s="6"/>
      <c r="E21731" s="6" t="s">
        <v>9</v>
      </c>
      <c r="F21731" s="7">
        <v>38657</v>
      </c>
      <c r="G21731" s="8">
        <v>1</v>
      </c>
      <c r="H21731" s="8">
        <v>1</v>
      </c>
      <c r="I21731" s="8">
        <v>0</v>
      </c>
      <c r="J21731" s="8">
        <v>1</v>
      </c>
      <c r="K21731" s="9">
        <v>23</v>
      </c>
      <c r="L21731" s="6" t="s">
        <v>4151</v>
      </c>
    </row>
    <row r="21732" spans="1:12">
      <c r="A21732" s="6" t="s">
        <v>4151</v>
      </c>
      <c r="B21732" s="6"/>
      <c r="C21732" s="6" t="s">
        <v>21768</v>
      </c>
      <c r="D21732" s="6"/>
      <c r="E21732" s="6" t="s">
        <v>9</v>
      </c>
      <c r="F21732" s="7">
        <v>38657</v>
      </c>
      <c r="G21732" s="8">
        <v>1</v>
      </c>
      <c r="H21732" s="8">
        <v>1</v>
      </c>
      <c r="I21732" s="8">
        <v>0</v>
      </c>
      <c r="J21732" s="8">
        <v>1</v>
      </c>
      <c r="K21732" s="9">
        <v>36</v>
      </c>
      <c r="L21732" s="6" t="s">
        <v>4151</v>
      </c>
    </row>
    <row r="21733" spans="1:12">
      <c r="A21733" s="6" t="s">
        <v>4151</v>
      </c>
      <c r="B21733" s="6"/>
      <c r="C21733" s="6" t="s">
        <v>21769</v>
      </c>
      <c r="D21733" s="6"/>
      <c r="E21733" s="6" t="s">
        <v>9</v>
      </c>
      <c r="F21733" s="7">
        <v>38657</v>
      </c>
      <c r="G21733" s="8">
        <v>1</v>
      </c>
      <c r="H21733" s="8">
        <v>1</v>
      </c>
      <c r="I21733" s="8">
        <v>0</v>
      </c>
      <c r="J21733" s="8">
        <v>1</v>
      </c>
      <c r="K21733" s="9">
        <v>33</v>
      </c>
      <c r="L21733" s="6" t="s">
        <v>4151</v>
      </c>
    </row>
    <row r="21734" spans="1:12">
      <c r="A21734" s="6" t="s">
        <v>4151</v>
      </c>
      <c r="B21734" s="6"/>
      <c r="C21734" s="6" t="s">
        <v>21770</v>
      </c>
      <c r="D21734" s="6"/>
      <c r="E21734" s="6" t="s">
        <v>9</v>
      </c>
      <c r="F21734" s="7">
        <v>38657</v>
      </c>
      <c r="G21734" s="8">
        <v>1</v>
      </c>
      <c r="H21734" s="8">
        <v>1</v>
      </c>
      <c r="I21734" s="8">
        <v>0</v>
      </c>
      <c r="J21734" s="8">
        <v>1</v>
      </c>
      <c r="K21734" s="9">
        <v>42</v>
      </c>
      <c r="L21734" s="6" t="s">
        <v>4151</v>
      </c>
    </row>
    <row r="21735" spans="1:12">
      <c r="A21735" s="6" t="s">
        <v>4151</v>
      </c>
      <c r="B21735" s="6"/>
      <c r="C21735" s="6" t="s">
        <v>21771</v>
      </c>
      <c r="D21735" s="6"/>
      <c r="E21735" s="6" t="s">
        <v>9</v>
      </c>
      <c r="F21735" s="7">
        <v>38657</v>
      </c>
      <c r="G21735" s="8">
        <v>1</v>
      </c>
      <c r="H21735" s="8">
        <v>1</v>
      </c>
      <c r="I21735" s="8">
        <v>0</v>
      </c>
      <c r="J21735" s="8">
        <v>1</v>
      </c>
      <c r="K21735" s="9">
        <v>33</v>
      </c>
      <c r="L21735" s="6" t="s">
        <v>4151</v>
      </c>
    </row>
    <row r="21736" spans="1:12">
      <c r="A21736" s="6" t="s">
        <v>4151</v>
      </c>
      <c r="B21736" s="6"/>
      <c r="C21736" s="6" t="s">
        <v>21772</v>
      </c>
      <c r="D21736" s="6"/>
      <c r="E21736" s="6" t="s">
        <v>9</v>
      </c>
      <c r="F21736" s="7">
        <v>38657</v>
      </c>
      <c r="G21736" s="8">
        <v>1</v>
      </c>
      <c r="H21736" s="8">
        <v>1</v>
      </c>
      <c r="I21736" s="8">
        <v>0</v>
      </c>
      <c r="J21736" s="8">
        <v>1</v>
      </c>
      <c r="K21736" s="9">
        <v>33</v>
      </c>
      <c r="L21736" s="6" t="s">
        <v>4151</v>
      </c>
    </row>
    <row r="21737" spans="1:12">
      <c r="A21737" s="6" t="s">
        <v>4151</v>
      </c>
      <c r="B21737" s="6"/>
      <c r="C21737" s="6" t="s">
        <v>21773</v>
      </c>
      <c r="D21737" s="6"/>
      <c r="E21737" s="6" t="s">
        <v>9</v>
      </c>
      <c r="F21737" s="7">
        <v>38657</v>
      </c>
      <c r="G21737" s="8">
        <v>1</v>
      </c>
      <c r="H21737" s="8">
        <v>1</v>
      </c>
      <c r="I21737" s="8">
        <v>0</v>
      </c>
      <c r="J21737" s="8">
        <v>1</v>
      </c>
      <c r="K21737" s="9">
        <v>33</v>
      </c>
      <c r="L21737" s="6" t="s">
        <v>4151</v>
      </c>
    </row>
    <row r="21738" spans="1:12">
      <c r="A21738" s="6" t="s">
        <v>4151</v>
      </c>
      <c r="B21738" s="6"/>
      <c r="C21738" s="6" t="s">
        <v>21774</v>
      </c>
      <c r="D21738" s="6"/>
      <c r="E21738" s="6" t="s">
        <v>9</v>
      </c>
      <c r="F21738" s="7">
        <v>38657</v>
      </c>
      <c r="G21738" s="8">
        <v>1</v>
      </c>
      <c r="H21738" s="8">
        <v>1</v>
      </c>
      <c r="I21738" s="8">
        <v>0</v>
      </c>
      <c r="J21738" s="8">
        <v>1</v>
      </c>
      <c r="K21738" s="9">
        <v>33</v>
      </c>
      <c r="L21738" s="6" t="s">
        <v>4151</v>
      </c>
    </row>
    <row r="21739" spans="1:12">
      <c r="A21739" s="6" t="s">
        <v>4151</v>
      </c>
      <c r="B21739" s="6"/>
      <c r="C21739" s="6" t="s">
        <v>21775</v>
      </c>
      <c r="D21739" s="6"/>
      <c r="E21739" s="6" t="s">
        <v>9</v>
      </c>
      <c r="F21739" s="7">
        <v>38657</v>
      </c>
      <c r="G21739" s="8">
        <v>1</v>
      </c>
      <c r="H21739" s="8">
        <v>1</v>
      </c>
      <c r="I21739" s="8">
        <v>0</v>
      </c>
      <c r="J21739" s="8">
        <v>1</v>
      </c>
      <c r="K21739" s="9">
        <v>33</v>
      </c>
      <c r="L21739" s="6" t="s">
        <v>4151</v>
      </c>
    </row>
    <row r="21740" spans="1:12">
      <c r="A21740" s="6" t="s">
        <v>4151</v>
      </c>
      <c r="B21740" s="6"/>
      <c r="C21740" s="6" t="s">
        <v>21776</v>
      </c>
      <c r="D21740" s="6"/>
      <c r="E21740" s="6" t="s">
        <v>9</v>
      </c>
      <c r="F21740" s="7">
        <v>38657</v>
      </c>
      <c r="G21740" s="8">
        <v>1</v>
      </c>
      <c r="H21740" s="8">
        <v>1</v>
      </c>
      <c r="I21740" s="8">
        <v>0</v>
      </c>
      <c r="J21740" s="8">
        <v>1</v>
      </c>
      <c r="K21740" s="9">
        <v>18</v>
      </c>
      <c r="L21740" s="6" t="s">
        <v>4151</v>
      </c>
    </row>
    <row r="21741" spans="1:12">
      <c r="A21741" s="6" t="s">
        <v>4151</v>
      </c>
      <c r="B21741" s="6"/>
      <c r="C21741" s="6" t="s">
        <v>21777</v>
      </c>
      <c r="D21741" s="6"/>
      <c r="E21741" s="6" t="s">
        <v>9</v>
      </c>
      <c r="F21741" s="7">
        <v>38657</v>
      </c>
      <c r="G21741" s="8">
        <v>1</v>
      </c>
      <c r="H21741" s="8">
        <v>1</v>
      </c>
      <c r="I21741" s="8">
        <v>0</v>
      </c>
      <c r="J21741" s="8">
        <v>1</v>
      </c>
      <c r="K21741" s="9">
        <v>33</v>
      </c>
      <c r="L21741" s="6" t="s">
        <v>4151</v>
      </c>
    </row>
    <row r="21742" spans="1:12">
      <c r="A21742" s="6" t="s">
        <v>4151</v>
      </c>
      <c r="B21742" s="6"/>
      <c r="C21742" s="6" t="s">
        <v>21778</v>
      </c>
      <c r="D21742" s="6"/>
      <c r="E21742" s="6" t="s">
        <v>9</v>
      </c>
      <c r="F21742" s="7">
        <v>38657</v>
      </c>
      <c r="G21742" s="8">
        <v>1</v>
      </c>
      <c r="H21742" s="8">
        <v>1</v>
      </c>
      <c r="I21742" s="8">
        <v>0</v>
      </c>
      <c r="J21742" s="8">
        <v>1</v>
      </c>
      <c r="K21742" s="9">
        <v>38</v>
      </c>
      <c r="L21742" s="6" t="s">
        <v>4151</v>
      </c>
    </row>
    <row r="21743" spans="1:12">
      <c r="A21743" s="6" t="s">
        <v>4151</v>
      </c>
      <c r="B21743" s="6"/>
      <c r="C21743" s="6" t="s">
        <v>21779</v>
      </c>
      <c r="D21743" s="6"/>
      <c r="E21743" s="6" t="s">
        <v>9</v>
      </c>
      <c r="F21743" s="7">
        <v>38657</v>
      </c>
      <c r="G21743" s="8">
        <v>1</v>
      </c>
      <c r="H21743" s="8">
        <v>1</v>
      </c>
      <c r="I21743" s="8">
        <v>0</v>
      </c>
      <c r="J21743" s="8">
        <v>1</v>
      </c>
      <c r="K21743" s="9">
        <v>25</v>
      </c>
      <c r="L21743" s="6" t="s">
        <v>4151</v>
      </c>
    </row>
    <row r="21744" spans="1:12">
      <c r="A21744" s="6" t="s">
        <v>4151</v>
      </c>
      <c r="B21744" s="6"/>
      <c r="C21744" s="6" t="s">
        <v>21780</v>
      </c>
      <c r="D21744" s="6"/>
      <c r="E21744" s="6" t="s">
        <v>9</v>
      </c>
      <c r="F21744" s="7">
        <v>38657</v>
      </c>
      <c r="G21744" s="8">
        <v>1</v>
      </c>
      <c r="H21744" s="8">
        <v>1</v>
      </c>
      <c r="I21744" s="8">
        <v>0</v>
      </c>
      <c r="J21744" s="8">
        <v>1</v>
      </c>
      <c r="K21744" s="9">
        <v>25</v>
      </c>
      <c r="L21744" s="6" t="s">
        <v>4151</v>
      </c>
    </row>
    <row r="21745" spans="1:12">
      <c r="A21745" s="6" t="s">
        <v>4151</v>
      </c>
      <c r="B21745" s="6"/>
      <c r="C21745" s="6" t="s">
        <v>21781</v>
      </c>
      <c r="D21745" s="6"/>
      <c r="E21745" s="6" t="s">
        <v>9</v>
      </c>
      <c r="F21745" s="7">
        <v>38657</v>
      </c>
      <c r="G21745" s="8">
        <v>1</v>
      </c>
      <c r="H21745" s="8">
        <v>1</v>
      </c>
      <c r="I21745" s="8">
        <v>0</v>
      </c>
      <c r="J21745" s="8">
        <v>1</v>
      </c>
      <c r="K21745" s="9">
        <v>25</v>
      </c>
      <c r="L21745" s="6" t="s">
        <v>4151</v>
      </c>
    </row>
    <row r="21746" spans="1:12">
      <c r="A21746" s="6" t="s">
        <v>4151</v>
      </c>
      <c r="B21746" s="6"/>
      <c r="C21746" s="6" t="s">
        <v>21782</v>
      </c>
      <c r="D21746" s="6"/>
      <c r="E21746" s="6" t="s">
        <v>9</v>
      </c>
      <c r="F21746" s="7">
        <v>38657</v>
      </c>
      <c r="G21746" s="8">
        <v>1</v>
      </c>
      <c r="H21746" s="8">
        <v>1</v>
      </c>
      <c r="I21746" s="8">
        <v>0</v>
      </c>
      <c r="J21746" s="8">
        <v>1</v>
      </c>
      <c r="K21746" s="9">
        <v>25</v>
      </c>
      <c r="L21746" s="6" t="s">
        <v>4151</v>
      </c>
    </row>
    <row r="21747" spans="1:12">
      <c r="A21747" s="6" t="s">
        <v>4151</v>
      </c>
      <c r="B21747" s="6"/>
      <c r="C21747" s="6" t="s">
        <v>21783</v>
      </c>
      <c r="D21747" s="6"/>
      <c r="E21747" s="6" t="s">
        <v>9</v>
      </c>
      <c r="F21747" s="7">
        <v>38657</v>
      </c>
      <c r="G21747" s="8">
        <v>1</v>
      </c>
      <c r="H21747" s="8">
        <v>1</v>
      </c>
      <c r="I21747" s="8">
        <v>0</v>
      </c>
      <c r="J21747" s="8">
        <v>1</v>
      </c>
      <c r="K21747" s="9">
        <v>24</v>
      </c>
      <c r="L21747" s="6" t="s">
        <v>4151</v>
      </c>
    </row>
    <row r="21748" spans="1:12">
      <c r="A21748" s="6" t="s">
        <v>4151</v>
      </c>
      <c r="B21748" s="6"/>
      <c r="C21748" s="6" t="s">
        <v>21784</v>
      </c>
      <c r="D21748" s="6"/>
      <c r="E21748" s="6" t="s">
        <v>9</v>
      </c>
      <c r="F21748" s="7">
        <v>38657</v>
      </c>
      <c r="G21748" s="8">
        <v>1</v>
      </c>
      <c r="H21748" s="8">
        <v>1</v>
      </c>
      <c r="I21748" s="8">
        <v>0</v>
      </c>
      <c r="J21748" s="8">
        <v>1</v>
      </c>
      <c r="K21748" s="9">
        <v>61</v>
      </c>
      <c r="L21748" s="6" t="s">
        <v>4151</v>
      </c>
    </row>
    <row r="21749" spans="1:12">
      <c r="A21749" s="6" t="s">
        <v>4151</v>
      </c>
      <c r="B21749" s="6"/>
      <c r="C21749" s="6" t="s">
        <v>21785</v>
      </c>
      <c r="D21749" s="6"/>
      <c r="E21749" s="6" t="s">
        <v>9</v>
      </c>
      <c r="F21749" s="7">
        <v>38657</v>
      </c>
      <c r="G21749" s="8">
        <v>1</v>
      </c>
      <c r="H21749" s="8">
        <v>1</v>
      </c>
      <c r="I21749" s="8">
        <v>0</v>
      </c>
      <c r="J21749" s="8">
        <v>1</v>
      </c>
      <c r="K21749" s="9">
        <v>73.95</v>
      </c>
      <c r="L21749" s="6" t="s">
        <v>4151</v>
      </c>
    </row>
    <row r="21750" spans="1:12">
      <c r="A21750" s="6" t="s">
        <v>4151</v>
      </c>
      <c r="B21750" s="6"/>
      <c r="C21750" s="6" t="s">
        <v>21786</v>
      </c>
      <c r="D21750" s="6"/>
      <c r="E21750" s="6" t="s">
        <v>9</v>
      </c>
      <c r="F21750" s="7">
        <v>38657</v>
      </c>
      <c r="G21750" s="8">
        <v>1</v>
      </c>
      <c r="H21750" s="8">
        <v>1</v>
      </c>
      <c r="I21750" s="8">
        <v>0</v>
      </c>
      <c r="J21750" s="8">
        <v>1</v>
      </c>
      <c r="K21750" s="9">
        <v>23</v>
      </c>
      <c r="L21750" s="6" t="s">
        <v>4151</v>
      </c>
    </row>
    <row r="21751" spans="1:12">
      <c r="A21751" s="6" t="s">
        <v>4151</v>
      </c>
      <c r="B21751" s="6"/>
      <c r="C21751" s="6" t="s">
        <v>21787</v>
      </c>
      <c r="D21751" s="6"/>
      <c r="E21751" s="6" t="s">
        <v>9</v>
      </c>
      <c r="F21751" s="7">
        <v>38657</v>
      </c>
      <c r="G21751" s="8">
        <v>1</v>
      </c>
      <c r="H21751" s="8">
        <v>1</v>
      </c>
      <c r="I21751" s="8">
        <v>0</v>
      </c>
      <c r="J21751" s="8">
        <v>1</v>
      </c>
      <c r="K21751" s="9">
        <v>23</v>
      </c>
      <c r="L21751" s="6" t="s">
        <v>4151</v>
      </c>
    </row>
    <row r="21752" spans="1:12">
      <c r="A21752" s="6" t="s">
        <v>4151</v>
      </c>
      <c r="B21752" s="6"/>
      <c r="C21752" s="6" t="s">
        <v>21788</v>
      </c>
      <c r="D21752" s="6"/>
      <c r="E21752" s="6" t="s">
        <v>9</v>
      </c>
      <c r="F21752" s="7">
        <v>38657</v>
      </c>
      <c r="G21752" s="8">
        <v>1</v>
      </c>
      <c r="H21752" s="8">
        <v>1</v>
      </c>
      <c r="I21752" s="8">
        <v>0</v>
      </c>
      <c r="J21752" s="8">
        <v>1</v>
      </c>
      <c r="K21752" s="9">
        <v>19</v>
      </c>
      <c r="L21752" s="6" t="s">
        <v>4151</v>
      </c>
    </row>
    <row r="21753" spans="1:12">
      <c r="A21753" s="6" t="s">
        <v>4151</v>
      </c>
      <c r="B21753" s="6"/>
      <c r="C21753" s="6" t="s">
        <v>21789</v>
      </c>
      <c r="D21753" s="6"/>
      <c r="E21753" s="6" t="s">
        <v>9</v>
      </c>
      <c r="F21753" s="7">
        <v>38657</v>
      </c>
      <c r="G21753" s="8">
        <v>1</v>
      </c>
      <c r="H21753" s="8">
        <v>1</v>
      </c>
      <c r="I21753" s="8">
        <v>0</v>
      </c>
      <c r="J21753" s="8">
        <v>1</v>
      </c>
      <c r="K21753" s="9">
        <v>23</v>
      </c>
      <c r="L21753" s="6" t="s">
        <v>4151</v>
      </c>
    </row>
    <row r="21754" spans="1:12">
      <c r="A21754" s="6" t="s">
        <v>4151</v>
      </c>
      <c r="B21754" s="6"/>
      <c r="C21754" s="6" t="s">
        <v>21790</v>
      </c>
      <c r="D21754" s="6"/>
      <c r="E21754" s="6" t="s">
        <v>9</v>
      </c>
      <c r="F21754" s="7">
        <v>38657</v>
      </c>
      <c r="G21754" s="8">
        <v>1</v>
      </c>
      <c r="H21754" s="8">
        <v>1</v>
      </c>
      <c r="I21754" s="8">
        <v>0</v>
      </c>
      <c r="J21754" s="8">
        <v>1</v>
      </c>
      <c r="K21754" s="9">
        <v>23</v>
      </c>
      <c r="L21754" s="6" t="s">
        <v>4151</v>
      </c>
    </row>
    <row r="21755" spans="1:12">
      <c r="A21755" s="6" t="s">
        <v>4151</v>
      </c>
      <c r="B21755" s="6"/>
      <c r="C21755" s="6" t="s">
        <v>21791</v>
      </c>
      <c r="D21755" s="6"/>
      <c r="E21755" s="6" t="s">
        <v>9</v>
      </c>
      <c r="F21755" s="7">
        <v>38657</v>
      </c>
      <c r="G21755" s="8">
        <v>1</v>
      </c>
      <c r="H21755" s="8">
        <v>1</v>
      </c>
      <c r="I21755" s="8">
        <v>0</v>
      </c>
      <c r="J21755" s="8">
        <v>1</v>
      </c>
      <c r="K21755" s="9">
        <v>9.91</v>
      </c>
      <c r="L21755" s="6" t="s">
        <v>4151</v>
      </c>
    </row>
    <row r="21756" spans="1:12">
      <c r="A21756" s="6" t="s">
        <v>4151</v>
      </c>
      <c r="B21756" s="6"/>
      <c r="C21756" s="6" t="s">
        <v>21792</v>
      </c>
      <c r="D21756" s="6"/>
      <c r="E21756" s="6" t="s">
        <v>9</v>
      </c>
      <c r="F21756" s="7">
        <v>38657</v>
      </c>
      <c r="G21756" s="8">
        <v>1</v>
      </c>
      <c r="H21756" s="8">
        <v>1</v>
      </c>
      <c r="I21756" s="8">
        <v>0</v>
      </c>
      <c r="J21756" s="8">
        <v>1</v>
      </c>
      <c r="K21756" s="9">
        <v>0.38</v>
      </c>
      <c r="L21756" s="6" t="s">
        <v>4151</v>
      </c>
    </row>
    <row r="21757" spans="1:12">
      <c r="A21757" s="6" t="s">
        <v>4151</v>
      </c>
      <c r="B21757" s="6"/>
      <c r="C21757" s="6" t="s">
        <v>21793</v>
      </c>
      <c r="D21757" s="6"/>
      <c r="E21757" s="6" t="s">
        <v>9</v>
      </c>
      <c r="F21757" s="7">
        <v>38657</v>
      </c>
      <c r="G21757" s="8">
        <v>1</v>
      </c>
      <c r="H21757" s="8">
        <v>1</v>
      </c>
      <c r="I21757" s="8">
        <v>0</v>
      </c>
      <c r="J21757" s="8">
        <v>1</v>
      </c>
      <c r="K21757" s="9">
        <v>31.36</v>
      </c>
      <c r="L21757" s="6" t="s">
        <v>4151</v>
      </c>
    </row>
    <row r="21758" spans="1:12">
      <c r="A21758" s="6" t="s">
        <v>4151</v>
      </c>
      <c r="B21758" s="6"/>
      <c r="C21758" s="6" t="s">
        <v>21794</v>
      </c>
      <c r="D21758" s="6"/>
      <c r="E21758" s="6" t="s">
        <v>9</v>
      </c>
      <c r="F21758" s="7">
        <v>38657</v>
      </c>
      <c r="G21758" s="8">
        <v>1</v>
      </c>
      <c r="H21758" s="8">
        <v>1</v>
      </c>
      <c r="I21758" s="8">
        <v>0</v>
      </c>
      <c r="J21758" s="8">
        <v>1</v>
      </c>
      <c r="K21758" s="9">
        <v>3.77</v>
      </c>
      <c r="L21758" s="6" t="s">
        <v>4151</v>
      </c>
    </row>
    <row r="21759" spans="1:12">
      <c r="A21759" s="6" t="s">
        <v>4151</v>
      </c>
      <c r="B21759" s="6"/>
      <c r="C21759" s="6" t="s">
        <v>21795</v>
      </c>
      <c r="D21759" s="6"/>
      <c r="E21759" s="6" t="s">
        <v>9</v>
      </c>
      <c r="F21759" s="7">
        <v>38657</v>
      </c>
      <c r="G21759" s="8">
        <v>1</v>
      </c>
      <c r="H21759" s="8">
        <v>1</v>
      </c>
      <c r="I21759" s="8">
        <v>0</v>
      </c>
      <c r="J21759" s="8">
        <v>1</v>
      </c>
      <c r="K21759" s="9">
        <v>84</v>
      </c>
      <c r="L21759" s="6" t="s">
        <v>4151</v>
      </c>
    </row>
    <row r="21760" spans="1:12">
      <c r="A21760" s="6" t="s">
        <v>4151</v>
      </c>
      <c r="B21760" s="6"/>
      <c r="C21760" s="6" t="s">
        <v>21796</v>
      </c>
      <c r="D21760" s="6"/>
      <c r="E21760" s="6" t="s">
        <v>9</v>
      </c>
      <c r="F21760" s="7">
        <v>38657</v>
      </c>
      <c r="G21760" s="8">
        <v>1</v>
      </c>
      <c r="H21760" s="8">
        <v>1</v>
      </c>
      <c r="I21760" s="8">
        <v>0</v>
      </c>
      <c r="J21760" s="8">
        <v>1</v>
      </c>
      <c r="K21760" s="9">
        <v>41</v>
      </c>
      <c r="L21760" s="6" t="s">
        <v>4151</v>
      </c>
    </row>
    <row r="21761" spans="1:12">
      <c r="A21761" s="6" t="s">
        <v>4151</v>
      </c>
      <c r="B21761" s="6"/>
      <c r="C21761" s="6" t="s">
        <v>21797</v>
      </c>
      <c r="D21761" s="6"/>
      <c r="E21761" s="6" t="s">
        <v>9</v>
      </c>
      <c r="F21761" s="7">
        <v>38657</v>
      </c>
      <c r="G21761" s="8">
        <v>1</v>
      </c>
      <c r="H21761" s="8">
        <v>1</v>
      </c>
      <c r="I21761" s="8">
        <v>0</v>
      </c>
      <c r="J21761" s="8">
        <v>1</v>
      </c>
      <c r="K21761" s="9">
        <v>25</v>
      </c>
      <c r="L21761" s="6" t="s">
        <v>4151</v>
      </c>
    </row>
    <row r="21762" spans="1:12">
      <c r="A21762" s="6" t="s">
        <v>4151</v>
      </c>
      <c r="B21762" s="6"/>
      <c r="C21762" s="6" t="s">
        <v>21798</v>
      </c>
      <c r="D21762" s="6"/>
      <c r="E21762" s="6" t="s">
        <v>9</v>
      </c>
      <c r="F21762" s="7">
        <v>41978</v>
      </c>
      <c r="G21762" s="8">
        <v>1</v>
      </c>
      <c r="H21762" s="8">
        <v>1</v>
      </c>
      <c r="I21762" s="8">
        <v>0</v>
      </c>
      <c r="J21762" s="8">
        <v>1</v>
      </c>
      <c r="K21762" s="9">
        <v>108</v>
      </c>
      <c r="L21762" s="6" t="s">
        <v>4151</v>
      </c>
    </row>
    <row r="21763" spans="1:12">
      <c r="A21763" s="6" t="s">
        <v>4151</v>
      </c>
      <c r="B21763" s="6"/>
      <c r="C21763" s="6" t="s">
        <v>21799</v>
      </c>
      <c r="D21763" s="6"/>
      <c r="E21763" s="6" t="s">
        <v>9</v>
      </c>
      <c r="F21763" s="7">
        <v>41950</v>
      </c>
      <c r="G21763" s="8">
        <v>1</v>
      </c>
      <c r="H21763" s="8">
        <v>1</v>
      </c>
      <c r="I21763" s="8">
        <v>0</v>
      </c>
      <c r="J21763" s="8">
        <v>1</v>
      </c>
      <c r="K21763" s="9">
        <v>85</v>
      </c>
      <c r="L21763" s="6" t="s">
        <v>4151</v>
      </c>
    </row>
    <row r="21764" spans="1:12">
      <c r="A21764" s="6" t="s">
        <v>4151</v>
      </c>
      <c r="B21764" s="6"/>
      <c r="C21764" s="6" t="s">
        <v>21800</v>
      </c>
      <c r="D21764" s="6"/>
      <c r="E21764" s="6" t="s">
        <v>9</v>
      </c>
      <c r="F21764" s="7">
        <v>41950</v>
      </c>
      <c r="G21764" s="8">
        <v>1</v>
      </c>
      <c r="H21764" s="8">
        <v>1</v>
      </c>
      <c r="I21764" s="8">
        <v>0</v>
      </c>
      <c r="J21764" s="8">
        <v>1</v>
      </c>
      <c r="K21764" s="9">
        <v>425</v>
      </c>
      <c r="L21764" s="6" t="s">
        <v>4151</v>
      </c>
    </row>
    <row r="21765" spans="1:12">
      <c r="A21765" s="6" t="s">
        <v>4151</v>
      </c>
      <c r="B21765" s="6"/>
      <c r="C21765" s="6" t="s">
        <v>21801</v>
      </c>
      <c r="D21765" s="6"/>
      <c r="E21765" s="6" t="s">
        <v>9</v>
      </c>
      <c r="F21765" s="7">
        <v>41950</v>
      </c>
      <c r="G21765" s="8">
        <v>1</v>
      </c>
      <c r="H21765" s="8">
        <v>1</v>
      </c>
      <c r="I21765" s="8">
        <v>0</v>
      </c>
      <c r="J21765" s="8">
        <v>1</v>
      </c>
      <c r="K21765" s="9">
        <v>160</v>
      </c>
      <c r="L21765" s="6" t="s">
        <v>4151</v>
      </c>
    </row>
    <row r="21766" spans="1:12">
      <c r="A21766" s="6" t="s">
        <v>4151</v>
      </c>
      <c r="B21766" s="6"/>
      <c r="C21766" s="6" t="s">
        <v>21802</v>
      </c>
      <c r="D21766" s="6"/>
      <c r="E21766" s="6" t="s">
        <v>9</v>
      </c>
      <c r="F21766" s="7">
        <v>41950</v>
      </c>
      <c r="G21766" s="8">
        <v>1</v>
      </c>
      <c r="H21766" s="8">
        <v>1</v>
      </c>
      <c r="I21766" s="8">
        <v>0</v>
      </c>
      <c r="J21766" s="8">
        <v>1</v>
      </c>
      <c r="K21766" s="9">
        <v>232</v>
      </c>
      <c r="L21766" s="6" t="s">
        <v>4151</v>
      </c>
    </row>
    <row r="21767" spans="1:12">
      <c r="A21767" s="6" t="s">
        <v>4151</v>
      </c>
      <c r="B21767" s="6"/>
      <c r="C21767" s="6" t="s">
        <v>21803</v>
      </c>
      <c r="D21767" s="6"/>
      <c r="E21767" s="6" t="s">
        <v>9</v>
      </c>
      <c r="F21767" s="7">
        <v>41950</v>
      </c>
      <c r="G21767" s="8">
        <v>1</v>
      </c>
      <c r="H21767" s="8">
        <v>1</v>
      </c>
      <c r="I21767" s="8">
        <v>0</v>
      </c>
      <c r="J21767" s="8">
        <v>1</v>
      </c>
      <c r="K21767" s="9">
        <v>30</v>
      </c>
      <c r="L21767" s="6" t="s">
        <v>4151</v>
      </c>
    </row>
    <row r="21768" spans="1:12">
      <c r="A21768" s="6" t="s">
        <v>4151</v>
      </c>
      <c r="B21768" s="6"/>
      <c r="C21768" s="6" t="s">
        <v>21804</v>
      </c>
      <c r="D21768" s="6"/>
      <c r="E21768" s="6" t="s">
        <v>9</v>
      </c>
      <c r="F21768" s="7">
        <v>38657</v>
      </c>
      <c r="G21768" s="8">
        <v>1</v>
      </c>
      <c r="H21768" s="8">
        <v>1</v>
      </c>
      <c r="I21768" s="8">
        <v>0</v>
      </c>
      <c r="J21768" s="8">
        <v>1</v>
      </c>
      <c r="K21768" s="9">
        <v>3.3</v>
      </c>
      <c r="L21768" s="6" t="s">
        <v>4151</v>
      </c>
    </row>
    <row r="21769" spans="1:12">
      <c r="A21769" s="6" t="s">
        <v>4151</v>
      </c>
      <c r="B21769" s="6"/>
      <c r="C21769" s="6" t="s">
        <v>21805</v>
      </c>
      <c r="D21769" s="6"/>
      <c r="E21769" s="6" t="s">
        <v>9</v>
      </c>
      <c r="F21769" s="7">
        <v>41950</v>
      </c>
      <c r="G21769" s="8">
        <v>1</v>
      </c>
      <c r="H21769" s="8">
        <v>1</v>
      </c>
      <c r="I21769" s="8">
        <v>0</v>
      </c>
      <c r="J21769" s="8">
        <v>1</v>
      </c>
      <c r="K21769" s="9">
        <v>36</v>
      </c>
      <c r="L21769" s="6" t="s">
        <v>4151</v>
      </c>
    </row>
    <row r="21770" spans="1:12">
      <c r="A21770" s="6" t="s">
        <v>4151</v>
      </c>
      <c r="B21770" s="6"/>
      <c r="C21770" s="6" t="s">
        <v>21806</v>
      </c>
      <c r="D21770" s="6"/>
      <c r="E21770" s="6" t="s">
        <v>9</v>
      </c>
      <c r="F21770" s="7">
        <v>41950</v>
      </c>
      <c r="G21770" s="8">
        <v>1</v>
      </c>
      <c r="H21770" s="8">
        <v>1</v>
      </c>
      <c r="I21770" s="8">
        <v>0</v>
      </c>
      <c r="J21770" s="8">
        <v>1</v>
      </c>
      <c r="K21770" s="9">
        <v>78</v>
      </c>
      <c r="L21770" s="6" t="s">
        <v>4151</v>
      </c>
    </row>
    <row r="21771" spans="1:12">
      <c r="A21771" s="6" t="s">
        <v>4151</v>
      </c>
      <c r="B21771" s="6"/>
      <c r="C21771" s="6" t="s">
        <v>21807</v>
      </c>
      <c r="D21771" s="6"/>
      <c r="E21771" s="6" t="s">
        <v>9</v>
      </c>
      <c r="F21771" s="7">
        <v>41978</v>
      </c>
      <c r="G21771" s="8">
        <v>1</v>
      </c>
      <c r="H21771" s="8">
        <v>1</v>
      </c>
      <c r="I21771" s="8">
        <v>0</v>
      </c>
      <c r="J21771" s="8">
        <v>1</v>
      </c>
      <c r="K21771" s="9">
        <v>49</v>
      </c>
      <c r="L21771" s="6" t="s">
        <v>4151</v>
      </c>
    </row>
    <row r="21772" spans="1:12">
      <c r="A21772" s="6" t="s">
        <v>4151</v>
      </c>
      <c r="B21772" s="6"/>
      <c r="C21772" s="6" t="s">
        <v>21808</v>
      </c>
      <c r="D21772" s="6"/>
      <c r="E21772" s="6" t="s">
        <v>9</v>
      </c>
      <c r="F21772" s="7">
        <v>41950</v>
      </c>
      <c r="G21772" s="8">
        <v>1</v>
      </c>
      <c r="H21772" s="8">
        <v>1</v>
      </c>
      <c r="I21772" s="8">
        <v>0</v>
      </c>
      <c r="J21772" s="8">
        <v>1</v>
      </c>
      <c r="K21772" s="9">
        <v>215</v>
      </c>
      <c r="L21772" s="6" t="s">
        <v>4151</v>
      </c>
    </row>
    <row r="21773" spans="1:12">
      <c r="A21773" s="6" t="s">
        <v>4151</v>
      </c>
      <c r="B21773" s="6"/>
      <c r="C21773" s="6" t="s">
        <v>21809</v>
      </c>
      <c r="D21773" s="6"/>
      <c r="E21773" s="6" t="s">
        <v>9</v>
      </c>
      <c r="F21773" s="7">
        <v>41950</v>
      </c>
      <c r="G21773" s="8">
        <v>1</v>
      </c>
      <c r="H21773" s="8">
        <v>1</v>
      </c>
      <c r="I21773" s="8">
        <v>0</v>
      </c>
      <c r="J21773" s="8">
        <v>1</v>
      </c>
      <c r="K21773" s="9">
        <v>230</v>
      </c>
      <c r="L21773" s="6" t="s">
        <v>4151</v>
      </c>
    </row>
    <row r="21774" spans="1:12">
      <c r="A21774" s="6" t="s">
        <v>4151</v>
      </c>
      <c r="B21774" s="6"/>
      <c r="C21774" s="6" t="s">
        <v>21810</v>
      </c>
      <c r="D21774" s="6"/>
      <c r="E21774" s="6" t="s">
        <v>9</v>
      </c>
      <c r="F21774" s="7">
        <v>41950</v>
      </c>
      <c r="G21774" s="8">
        <v>1</v>
      </c>
      <c r="H21774" s="8">
        <v>1</v>
      </c>
      <c r="I21774" s="8">
        <v>0</v>
      </c>
      <c r="J21774" s="8">
        <v>1</v>
      </c>
      <c r="K21774" s="9">
        <v>55</v>
      </c>
      <c r="L21774" s="6" t="s">
        <v>4151</v>
      </c>
    </row>
    <row r="21775" spans="1:12">
      <c r="A21775" s="6" t="s">
        <v>4151</v>
      </c>
      <c r="B21775" s="6"/>
      <c r="C21775" s="6" t="s">
        <v>21811</v>
      </c>
      <c r="D21775" s="6"/>
      <c r="E21775" s="6" t="s">
        <v>9</v>
      </c>
      <c r="F21775" s="7">
        <v>41950</v>
      </c>
      <c r="G21775" s="8">
        <v>1</v>
      </c>
      <c r="H21775" s="8">
        <v>1</v>
      </c>
      <c r="I21775" s="8">
        <v>0</v>
      </c>
      <c r="J21775" s="8">
        <v>1</v>
      </c>
      <c r="K21775" s="9">
        <v>110</v>
      </c>
      <c r="L21775" s="6" t="s">
        <v>4151</v>
      </c>
    </row>
    <row r="21776" spans="1:12">
      <c r="A21776" s="6" t="s">
        <v>4151</v>
      </c>
      <c r="B21776" s="6"/>
      <c r="C21776" s="6" t="s">
        <v>21812</v>
      </c>
      <c r="D21776" s="6"/>
      <c r="E21776" s="6" t="s">
        <v>9</v>
      </c>
      <c r="F21776" s="7">
        <v>39595</v>
      </c>
      <c r="G21776" s="8">
        <v>1</v>
      </c>
      <c r="H21776" s="8">
        <v>1</v>
      </c>
      <c r="I21776" s="8">
        <v>0</v>
      </c>
      <c r="J21776" s="8">
        <v>1</v>
      </c>
      <c r="K21776" s="9">
        <v>176</v>
      </c>
      <c r="L21776" s="6" t="s">
        <v>4151</v>
      </c>
    </row>
    <row r="21777" spans="1:12">
      <c r="A21777" s="6" t="s">
        <v>4151</v>
      </c>
      <c r="B21777" s="6"/>
      <c r="C21777" s="6" t="s">
        <v>21813</v>
      </c>
      <c r="D21777" s="6"/>
      <c r="E21777" s="6" t="s">
        <v>9</v>
      </c>
      <c r="F21777" s="7">
        <v>39595</v>
      </c>
      <c r="G21777" s="8">
        <v>1</v>
      </c>
      <c r="H21777" s="8">
        <v>1</v>
      </c>
      <c r="I21777" s="8">
        <v>0</v>
      </c>
      <c r="J21777" s="8">
        <v>1</v>
      </c>
      <c r="K21777" s="9">
        <v>21</v>
      </c>
      <c r="L21777" s="6" t="s">
        <v>4151</v>
      </c>
    </row>
    <row r="21778" spans="1:12">
      <c r="A21778" s="6" t="s">
        <v>4151</v>
      </c>
      <c r="B21778" s="6"/>
      <c r="C21778" s="6" t="s">
        <v>21814</v>
      </c>
      <c r="D21778" s="6"/>
      <c r="E21778" s="6" t="s">
        <v>9</v>
      </c>
      <c r="F21778" s="7">
        <v>41950</v>
      </c>
      <c r="G21778" s="8">
        <v>1</v>
      </c>
      <c r="H21778" s="8">
        <v>1</v>
      </c>
      <c r="I21778" s="8">
        <v>0</v>
      </c>
      <c r="J21778" s="8">
        <v>1</v>
      </c>
      <c r="K21778" s="9">
        <v>153</v>
      </c>
      <c r="L21778" s="6" t="s">
        <v>4151</v>
      </c>
    </row>
    <row r="21779" spans="1:12">
      <c r="A21779" s="6" t="s">
        <v>4151</v>
      </c>
      <c r="B21779" s="6"/>
      <c r="C21779" s="6" t="s">
        <v>21815</v>
      </c>
      <c r="D21779" s="6"/>
      <c r="E21779" s="6" t="s">
        <v>9</v>
      </c>
      <c r="F21779" s="7">
        <v>38657</v>
      </c>
      <c r="G21779" s="8">
        <v>1</v>
      </c>
      <c r="H21779" s="8">
        <v>1</v>
      </c>
      <c r="I21779" s="8">
        <v>0</v>
      </c>
      <c r="J21779" s="8">
        <v>1</v>
      </c>
      <c r="K21779" s="9">
        <v>65</v>
      </c>
      <c r="L21779" s="6" t="s">
        <v>4151</v>
      </c>
    </row>
    <row r="21780" spans="1:12">
      <c r="A21780" s="6" t="s">
        <v>4151</v>
      </c>
      <c r="B21780" s="6"/>
      <c r="C21780" s="6" t="s">
        <v>21816</v>
      </c>
      <c r="D21780" s="6"/>
      <c r="E21780" s="6" t="s">
        <v>9</v>
      </c>
      <c r="F21780" s="7">
        <v>41950</v>
      </c>
      <c r="G21780" s="8">
        <v>1</v>
      </c>
      <c r="H21780" s="8">
        <v>1</v>
      </c>
      <c r="I21780" s="8">
        <v>0</v>
      </c>
      <c r="J21780" s="8">
        <v>1</v>
      </c>
      <c r="K21780" s="9">
        <v>1125</v>
      </c>
      <c r="L21780" s="6" t="s">
        <v>4151</v>
      </c>
    </row>
    <row r="21781" spans="1:12">
      <c r="A21781" s="6" t="s">
        <v>4151</v>
      </c>
      <c r="B21781" s="6"/>
      <c r="C21781" s="6" t="s">
        <v>21817</v>
      </c>
      <c r="D21781" s="6"/>
      <c r="E21781" s="6" t="s">
        <v>9</v>
      </c>
      <c r="F21781" s="7">
        <v>41950</v>
      </c>
      <c r="G21781" s="8">
        <v>1</v>
      </c>
      <c r="H21781" s="8">
        <v>1</v>
      </c>
      <c r="I21781" s="8">
        <v>0</v>
      </c>
      <c r="J21781" s="8">
        <v>1</v>
      </c>
      <c r="K21781" s="9">
        <v>2033</v>
      </c>
      <c r="L21781" s="6" t="s">
        <v>4151</v>
      </c>
    </row>
    <row r="21782" spans="1:12">
      <c r="A21782" s="6" t="s">
        <v>4151</v>
      </c>
      <c r="B21782" s="6"/>
      <c r="C21782" s="6" t="s">
        <v>21818</v>
      </c>
      <c r="D21782" s="6"/>
      <c r="E21782" s="6" t="s">
        <v>9</v>
      </c>
      <c r="F21782" s="7">
        <v>41950</v>
      </c>
      <c r="G21782" s="8">
        <v>1</v>
      </c>
      <c r="H21782" s="8">
        <v>1</v>
      </c>
      <c r="I21782" s="8">
        <v>0</v>
      </c>
      <c r="J21782" s="8">
        <v>1</v>
      </c>
      <c r="K21782" s="9">
        <v>161</v>
      </c>
      <c r="L21782" s="6" t="s">
        <v>4151</v>
      </c>
    </row>
    <row r="21783" spans="1:12">
      <c r="A21783" s="6" t="s">
        <v>4151</v>
      </c>
      <c r="B21783" s="6"/>
      <c r="C21783" s="6" t="s">
        <v>21819</v>
      </c>
      <c r="D21783" s="6"/>
      <c r="E21783" s="6" t="s">
        <v>9</v>
      </c>
      <c r="F21783" s="7">
        <v>41950</v>
      </c>
      <c r="G21783" s="8">
        <v>1</v>
      </c>
      <c r="H21783" s="8">
        <v>1</v>
      </c>
      <c r="I21783" s="8">
        <v>0</v>
      </c>
      <c r="J21783" s="8">
        <v>1</v>
      </c>
      <c r="K21783" s="9">
        <v>385</v>
      </c>
      <c r="L21783" s="6" t="s">
        <v>4151</v>
      </c>
    </row>
    <row r="21784" spans="1:12">
      <c r="A21784" s="6" t="s">
        <v>4151</v>
      </c>
      <c r="B21784" s="6"/>
      <c r="C21784" s="6" t="s">
        <v>21820</v>
      </c>
      <c r="D21784" s="6"/>
      <c r="E21784" s="6" t="s">
        <v>9</v>
      </c>
      <c r="F21784" s="7">
        <v>41950</v>
      </c>
      <c r="G21784" s="8">
        <v>1</v>
      </c>
      <c r="H21784" s="8">
        <v>1</v>
      </c>
      <c r="I21784" s="8">
        <v>0</v>
      </c>
      <c r="J21784" s="8">
        <v>1</v>
      </c>
      <c r="K21784" s="9">
        <v>100</v>
      </c>
      <c r="L21784" s="6" t="s">
        <v>4151</v>
      </c>
    </row>
    <row r="21785" spans="1:12">
      <c r="A21785" s="6" t="s">
        <v>4151</v>
      </c>
      <c r="B21785" s="6"/>
      <c r="C21785" s="6" t="s">
        <v>21821</v>
      </c>
      <c r="D21785" s="6"/>
      <c r="E21785" s="6" t="s">
        <v>9</v>
      </c>
      <c r="F21785" s="7">
        <v>41950</v>
      </c>
      <c r="G21785" s="8">
        <v>1</v>
      </c>
      <c r="H21785" s="8">
        <v>1</v>
      </c>
      <c r="I21785" s="8">
        <v>0</v>
      </c>
      <c r="J21785" s="8">
        <v>1</v>
      </c>
      <c r="K21785" s="9">
        <v>15</v>
      </c>
      <c r="L21785" s="6" t="s">
        <v>4151</v>
      </c>
    </row>
    <row r="21786" spans="1:12">
      <c r="A21786" s="6" t="s">
        <v>4151</v>
      </c>
      <c r="B21786" s="6"/>
      <c r="C21786" s="6" t="s">
        <v>21822</v>
      </c>
      <c r="D21786" s="6"/>
      <c r="E21786" s="6" t="s">
        <v>9</v>
      </c>
      <c r="F21786" s="7">
        <v>41950</v>
      </c>
      <c r="G21786" s="8">
        <v>1</v>
      </c>
      <c r="H21786" s="8">
        <v>1</v>
      </c>
      <c r="I21786" s="8">
        <v>0</v>
      </c>
      <c r="J21786" s="8">
        <v>1</v>
      </c>
      <c r="K21786" s="9">
        <v>34</v>
      </c>
      <c r="L21786" s="6" t="s">
        <v>4151</v>
      </c>
    </row>
    <row r="21787" spans="1:12">
      <c r="A21787" s="6" t="s">
        <v>4151</v>
      </c>
      <c r="B21787" s="6"/>
      <c r="C21787" s="6" t="s">
        <v>21823</v>
      </c>
      <c r="D21787" s="6"/>
      <c r="E21787" s="6" t="s">
        <v>9</v>
      </c>
      <c r="F21787" s="7">
        <v>41950</v>
      </c>
      <c r="G21787" s="8">
        <v>1</v>
      </c>
      <c r="H21787" s="8">
        <v>1</v>
      </c>
      <c r="I21787" s="8">
        <v>0</v>
      </c>
      <c r="J21787" s="8">
        <v>1</v>
      </c>
      <c r="K21787" s="9">
        <v>47</v>
      </c>
      <c r="L21787" s="6" t="s">
        <v>4151</v>
      </c>
    </row>
    <row r="21788" spans="1:12">
      <c r="A21788" s="6" t="s">
        <v>4151</v>
      </c>
      <c r="B21788" s="6"/>
      <c r="C21788" s="6" t="s">
        <v>21824</v>
      </c>
      <c r="D21788" s="6"/>
      <c r="E21788" s="6" t="s">
        <v>9</v>
      </c>
      <c r="F21788" s="7">
        <v>41950</v>
      </c>
      <c r="G21788" s="8">
        <v>1</v>
      </c>
      <c r="H21788" s="8">
        <v>1</v>
      </c>
      <c r="I21788" s="8">
        <v>0</v>
      </c>
      <c r="J21788" s="8">
        <v>1</v>
      </c>
      <c r="K21788" s="9">
        <v>960</v>
      </c>
      <c r="L21788" s="6" t="s">
        <v>4151</v>
      </c>
    </row>
    <row r="21789" spans="1:12">
      <c r="A21789" s="6" t="s">
        <v>4151</v>
      </c>
      <c r="B21789" s="6"/>
      <c r="C21789" s="6" t="s">
        <v>21825</v>
      </c>
      <c r="D21789" s="6"/>
      <c r="E21789" s="6" t="s">
        <v>9</v>
      </c>
      <c r="F21789" s="7">
        <v>41950</v>
      </c>
      <c r="G21789" s="8">
        <v>1</v>
      </c>
      <c r="H21789" s="8">
        <v>1</v>
      </c>
      <c r="I21789" s="8">
        <v>0</v>
      </c>
      <c r="J21789" s="8">
        <v>1</v>
      </c>
      <c r="K21789" s="9">
        <v>329</v>
      </c>
      <c r="L21789" s="6" t="s">
        <v>4151</v>
      </c>
    </row>
    <row r="21790" spans="1:12">
      <c r="A21790" s="6" t="s">
        <v>4151</v>
      </c>
      <c r="B21790" s="6"/>
      <c r="C21790" s="6" t="s">
        <v>21826</v>
      </c>
      <c r="D21790" s="6"/>
      <c r="E21790" s="6" t="s">
        <v>9</v>
      </c>
      <c r="F21790" s="7">
        <v>38657</v>
      </c>
      <c r="G21790" s="8">
        <v>1</v>
      </c>
      <c r="H21790" s="8">
        <v>1</v>
      </c>
      <c r="I21790" s="8">
        <v>0</v>
      </c>
      <c r="J21790" s="8">
        <v>1</v>
      </c>
      <c r="K21790" s="9">
        <v>65</v>
      </c>
      <c r="L21790" s="6" t="s">
        <v>4151</v>
      </c>
    </row>
    <row r="21791" spans="1:12">
      <c r="A21791" s="6" t="s">
        <v>4151</v>
      </c>
      <c r="B21791" s="6"/>
      <c r="C21791" s="6" t="s">
        <v>21827</v>
      </c>
      <c r="D21791" s="6"/>
      <c r="E21791" s="6" t="s">
        <v>9</v>
      </c>
      <c r="F21791" s="7">
        <v>41950</v>
      </c>
      <c r="G21791" s="8">
        <v>1</v>
      </c>
      <c r="H21791" s="8">
        <v>1</v>
      </c>
      <c r="I21791" s="8">
        <v>0</v>
      </c>
      <c r="J21791" s="8">
        <v>1</v>
      </c>
      <c r="K21791" s="9">
        <v>6.82</v>
      </c>
      <c r="L21791" s="6" t="s">
        <v>4151</v>
      </c>
    </row>
    <row r="21792" spans="1:12">
      <c r="A21792" s="6" t="s">
        <v>4151</v>
      </c>
      <c r="B21792" s="6"/>
      <c r="C21792" s="6" t="s">
        <v>21828</v>
      </c>
      <c r="D21792" s="6"/>
      <c r="E21792" s="6" t="s">
        <v>9</v>
      </c>
      <c r="F21792" s="7">
        <v>41978</v>
      </c>
      <c r="G21792" s="8">
        <v>1</v>
      </c>
      <c r="H21792" s="8">
        <v>1</v>
      </c>
      <c r="I21792" s="8">
        <v>0</v>
      </c>
      <c r="J21792" s="8">
        <v>1</v>
      </c>
      <c r="K21792" s="9">
        <v>126</v>
      </c>
      <c r="L21792" s="6" t="s">
        <v>4151</v>
      </c>
    </row>
    <row r="21793" spans="1:12">
      <c r="A21793" s="6" t="s">
        <v>4151</v>
      </c>
      <c r="B21793" s="6"/>
      <c r="C21793" s="6" t="s">
        <v>21829</v>
      </c>
      <c r="D21793" s="6"/>
      <c r="E21793" s="6" t="s">
        <v>9</v>
      </c>
      <c r="F21793" s="7">
        <v>41950</v>
      </c>
      <c r="G21793" s="8">
        <v>1</v>
      </c>
      <c r="H21793" s="8">
        <v>1</v>
      </c>
      <c r="I21793" s="8">
        <v>0</v>
      </c>
      <c r="J21793" s="8">
        <v>1</v>
      </c>
      <c r="K21793" s="9">
        <v>25</v>
      </c>
      <c r="L21793" s="6" t="s">
        <v>4151</v>
      </c>
    </row>
    <row r="21794" spans="1:12">
      <c r="A21794" s="6" t="s">
        <v>4151</v>
      </c>
      <c r="B21794" s="6"/>
      <c r="C21794" s="6" t="s">
        <v>21830</v>
      </c>
      <c r="D21794" s="6"/>
      <c r="E21794" s="6" t="s">
        <v>9</v>
      </c>
      <c r="F21794" s="7">
        <v>41950</v>
      </c>
      <c r="G21794" s="8">
        <v>1</v>
      </c>
      <c r="H21794" s="8">
        <v>1</v>
      </c>
      <c r="I21794" s="8">
        <v>0</v>
      </c>
      <c r="J21794" s="8">
        <v>1</v>
      </c>
      <c r="K21794" s="9">
        <v>65</v>
      </c>
      <c r="L21794" s="6" t="s">
        <v>4151</v>
      </c>
    </row>
    <row r="21795" spans="1:12">
      <c r="A21795" s="6" t="s">
        <v>4151</v>
      </c>
      <c r="B21795" s="6"/>
      <c r="C21795" s="6" t="s">
        <v>21831</v>
      </c>
      <c r="D21795" s="6"/>
      <c r="E21795" s="6" t="s">
        <v>9</v>
      </c>
      <c r="F21795" s="7">
        <v>41950</v>
      </c>
      <c r="G21795" s="8">
        <v>1</v>
      </c>
      <c r="H21795" s="8">
        <v>1</v>
      </c>
      <c r="I21795" s="8">
        <v>0</v>
      </c>
      <c r="J21795" s="8">
        <v>1</v>
      </c>
      <c r="K21795" s="9">
        <v>807</v>
      </c>
      <c r="L21795" s="6" t="s">
        <v>4151</v>
      </c>
    </row>
    <row r="21796" spans="1:12">
      <c r="A21796" s="6" t="s">
        <v>4151</v>
      </c>
      <c r="B21796" s="6"/>
      <c r="C21796" s="6" t="s">
        <v>21832</v>
      </c>
      <c r="D21796" s="6"/>
      <c r="E21796" s="6" t="s">
        <v>9</v>
      </c>
      <c r="F21796" s="7">
        <v>41950</v>
      </c>
      <c r="G21796" s="8">
        <v>1</v>
      </c>
      <c r="H21796" s="8">
        <v>1</v>
      </c>
      <c r="I21796" s="8">
        <v>0</v>
      </c>
      <c r="J21796" s="8">
        <v>1</v>
      </c>
      <c r="K21796" s="9">
        <v>132</v>
      </c>
      <c r="L21796" s="6" t="s">
        <v>4151</v>
      </c>
    </row>
    <row r="21797" spans="1:12">
      <c r="A21797" s="6" t="s">
        <v>4151</v>
      </c>
      <c r="B21797" s="6"/>
      <c r="C21797" s="6" t="s">
        <v>21833</v>
      </c>
      <c r="D21797" s="6"/>
      <c r="E21797" s="6" t="s">
        <v>9</v>
      </c>
      <c r="F21797" s="7">
        <v>41950</v>
      </c>
      <c r="G21797" s="8">
        <v>1</v>
      </c>
      <c r="H21797" s="8">
        <v>1</v>
      </c>
      <c r="I21797" s="8">
        <v>0</v>
      </c>
      <c r="J21797" s="8">
        <v>1</v>
      </c>
      <c r="K21797" s="9">
        <v>89</v>
      </c>
      <c r="L21797" s="6" t="s">
        <v>4151</v>
      </c>
    </row>
    <row r="21798" spans="1:12">
      <c r="A21798" s="6" t="s">
        <v>4151</v>
      </c>
      <c r="B21798" s="6"/>
      <c r="C21798" s="6" t="s">
        <v>21834</v>
      </c>
      <c r="D21798" s="6"/>
      <c r="E21798" s="6" t="s">
        <v>9</v>
      </c>
      <c r="F21798" s="7">
        <v>41950</v>
      </c>
      <c r="G21798" s="8">
        <v>1</v>
      </c>
      <c r="H21798" s="8">
        <v>1</v>
      </c>
      <c r="I21798" s="8">
        <v>0</v>
      </c>
      <c r="J21798" s="8">
        <v>1</v>
      </c>
      <c r="K21798" s="9">
        <v>198</v>
      </c>
      <c r="L21798" s="6" t="s">
        <v>4151</v>
      </c>
    </row>
    <row r="21799" spans="1:12">
      <c r="A21799" s="6" t="s">
        <v>4151</v>
      </c>
      <c r="B21799" s="6"/>
      <c r="C21799" s="6" t="s">
        <v>21835</v>
      </c>
      <c r="D21799" s="6"/>
      <c r="E21799" s="6" t="s">
        <v>9</v>
      </c>
      <c r="F21799" s="7">
        <v>41950</v>
      </c>
      <c r="G21799" s="8">
        <v>1</v>
      </c>
      <c r="H21799" s="8">
        <v>1</v>
      </c>
      <c r="I21799" s="8">
        <v>0</v>
      </c>
      <c r="J21799" s="8">
        <v>1</v>
      </c>
      <c r="K21799" s="9">
        <v>33</v>
      </c>
      <c r="L21799" s="6" t="s">
        <v>4151</v>
      </c>
    </row>
    <row r="21800" spans="1:12">
      <c r="A21800" s="6" t="s">
        <v>4151</v>
      </c>
      <c r="B21800" s="6"/>
      <c r="C21800" s="6" t="s">
        <v>21836</v>
      </c>
      <c r="D21800" s="6"/>
      <c r="E21800" s="6" t="s">
        <v>9</v>
      </c>
      <c r="F21800" s="7">
        <v>41950</v>
      </c>
      <c r="G21800" s="8">
        <v>1</v>
      </c>
      <c r="H21800" s="8">
        <v>1</v>
      </c>
      <c r="I21800" s="8">
        <v>0</v>
      </c>
      <c r="J21800" s="8">
        <v>1</v>
      </c>
      <c r="K21800" s="9">
        <v>689</v>
      </c>
      <c r="L21800" s="6" t="s">
        <v>4151</v>
      </c>
    </row>
    <row r="21801" spans="1:12">
      <c r="A21801" s="6" t="s">
        <v>4151</v>
      </c>
      <c r="B21801" s="6"/>
      <c r="C21801" s="6" t="s">
        <v>21837</v>
      </c>
      <c r="D21801" s="6"/>
      <c r="E21801" s="6" t="s">
        <v>9</v>
      </c>
      <c r="F21801" s="7">
        <v>38657</v>
      </c>
      <c r="G21801" s="8">
        <v>1</v>
      </c>
      <c r="H21801" s="8">
        <v>1</v>
      </c>
      <c r="I21801" s="8">
        <v>0</v>
      </c>
      <c r="J21801" s="8">
        <v>1</v>
      </c>
      <c r="K21801" s="9">
        <v>65</v>
      </c>
      <c r="L21801" s="6" t="s">
        <v>4151</v>
      </c>
    </row>
    <row r="21802" spans="1:12">
      <c r="A21802" s="6" t="s">
        <v>4151</v>
      </c>
      <c r="B21802" s="6"/>
      <c r="C21802" s="6" t="s">
        <v>21838</v>
      </c>
      <c r="D21802" s="6"/>
      <c r="E21802" s="6" t="s">
        <v>9</v>
      </c>
      <c r="F21802" s="7">
        <v>41950</v>
      </c>
      <c r="G21802" s="8">
        <v>1</v>
      </c>
      <c r="H21802" s="8">
        <v>1</v>
      </c>
      <c r="I21802" s="8">
        <v>0</v>
      </c>
      <c r="J21802" s="8">
        <v>1</v>
      </c>
      <c r="K21802" s="9">
        <v>234</v>
      </c>
      <c r="L21802" s="6" t="s">
        <v>4151</v>
      </c>
    </row>
    <row r="21803" spans="1:12">
      <c r="A21803" s="6" t="s">
        <v>4151</v>
      </c>
      <c r="B21803" s="6"/>
      <c r="C21803" s="6" t="s">
        <v>21839</v>
      </c>
      <c r="D21803" s="6"/>
      <c r="E21803" s="6" t="s">
        <v>9</v>
      </c>
      <c r="F21803" s="7">
        <v>41978</v>
      </c>
      <c r="G21803" s="8">
        <v>1</v>
      </c>
      <c r="H21803" s="8">
        <v>1</v>
      </c>
      <c r="I21803" s="8">
        <v>0</v>
      </c>
      <c r="J21803" s="8">
        <v>1</v>
      </c>
      <c r="K21803" s="9">
        <v>157</v>
      </c>
      <c r="L21803" s="6" t="s">
        <v>4151</v>
      </c>
    </row>
    <row r="21804" spans="1:12">
      <c r="A21804" s="6" t="s">
        <v>4151</v>
      </c>
      <c r="B21804" s="6"/>
      <c r="C21804" s="6" t="s">
        <v>21840</v>
      </c>
      <c r="D21804" s="6"/>
      <c r="E21804" s="6" t="s">
        <v>9</v>
      </c>
      <c r="F21804" s="7">
        <v>41978</v>
      </c>
      <c r="G21804" s="8">
        <v>1</v>
      </c>
      <c r="H21804" s="8">
        <v>1</v>
      </c>
      <c r="I21804" s="8">
        <v>0</v>
      </c>
      <c r="J21804" s="8">
        <v>1</v>
      </c>
      <c r="K21804" s="9">
        <v>15</v>
      </c>
      <c r="L21804" s="6" t="s">
        <v>4151</v>
      </c>
    </row>
    <row r="21805" spans="1:12">
      <c r="A21805" s="6" t="s">
        <v>4151</v>
      </c>
      <c r="B21805" s="6"/>
      <c r="C21805" s="6" t="s">
        <v>21841</v>
      </c>
      <c r="D21805" s="6"/>
      <c r="E21805" s="6" t="s">
        <v>9</v>
      </c>
      <c r="F21805" s="7">
        <v>41978</v>
      </c>
      <c r="G21805" s="8">
        <v>1</v>
      </c>
      <c r="H21805" s="8">
        <v>1</v>
      </c>
      <c r="I21805" s="8">
        <v>0</v>
      </c>
      <c r="J21805" s="8">
        <v>1</v>
      </c>
      <c r="K21805" s="9">
        <v>21</v>
      </c>
      <c r="L21805" s="6" t="s">
        <v>4151</v>
      </c>
    </row>
    <row r="21806" spans="1:12">
      <c r="A21806" s="6" t="s">
        <v>4151</v>
      </c>
      <c r="B21806" s="6"/>
      <c r="C21806" s="6" t="s">
        <v>21842</v>
      </c>
      <c r="D21806" s="6"/>
      <c r="E21806" s="6" t="s">
        <v>9</v>
      </c>
      <c r="F21806" s="7">
        <v>41978</v>
      </c>
      <c r="G21806" s="8">
        <v>1</v>
      </c>
      <c r="H21806" s="8">
        <v>1</v>
      </c>
      <c r="I21806" s="8">
        <v>0</v>
      </c>
      <c r="J21806" s="8">
        <v>1</v>
      </c>
      <c r="K21806" s="9">
        <v>527</v>
      </c>
      <c r="L21806" s="6" t="s">
        <v>4151</v>
      </c>
    </row>
    <row r="21807" spans="1:12">
      <c r="A21807" s="6" t="s">
        <v>4151</v>
      </c>
      <c r="B21807" s="6"/>
      <c r="C21807" s="6" t="s">
        <v>21843</v>
      </c>
      <c r="D21807" s="6"/>
      <c r="E21807" s="6" t="s">
        <v>9</v>
      </c>
      <c r="F21807" s="7">
        <v>41950</v>
      </c>
      <c r="G21807" s="8">
        <v>1</v>
      </c>
      <c r="H21807" s="8">
        <v>1</v>
      </c>
      <c r="I21807" s="8">
        <v>0</v>
      </c>
      <c r="J21807" s="8">
        <v>1</v>
      </c>
      <c r="K21807" s="9">
        <v>330</v>
      </c>
      <c r="L21807" s="6" t="s">
        <v>4151</v>
      </c>
    </row>
    <row r="21808" spans="1:12">
      <c r="A21808" s="6" t="s">
        <v>4151</v>
      </c>
      <c r="B21808" s="6"/>
      <c r="C21808" s="6" t="s">
        <v>21844</v>
      </c>
      <c r="D21808" s="6"/>
      <c r="E21808" s="6" t="s">
        <v>9</v>
      </c>
      <c r="F21808" s="7">
        <v>41950</v>
      </c>
      <c r="G21808" s="8">
        <v>1</v>
      </c>
      <c r="H21808" s="8">
        <v>1</v>
      </c>
      <c r="I21808" s="8">
        <v>0</v>
      </c>
      <c r="J21808" s="8">
        <v>1</v>
      </c>
      <c r="K21808" s="9">
        <v>95</v>
      </c>
      <c r="L21808" s="6" t="s">
        <v>4151</v>
      </c>
    </row>
    <row r="21809" spans="1:12">
      <c r="A21809" s="6" t="s">
        <v>4151</v>
      </c>
      <c r="B21809" s="6"/>
      <c r="C21809" s="6" t="s">
        <v>21845</v>
      </c>
      <c r="D21809" s="6"/>
      <c r="E21809" s="6" t="s">
        <v>9</v>
      </c>
      <c r="F21809" s="7">
        <v>41950</v>
      </c>
      <c r="G21809" s="8">
        <v>1</v>
      </c>
      <c r="H21809" s="8">
        <v>1</v>
      </c>
      <c r="I21809" s="8">
        <v>0</v>
      </c>
      <c r="J21809" s="8">
        <v>1</v>
      </c>
      <c r="K21809" s="9">
        <v>229</v>
      </c>
      <c r="L21809" s="6" t="s">
        <v>4151</v>
      </c>
    </row>
    <row r="21810" spans="1:12">
      <c r="A21810" s="6" t="s">
        <v>4151</v>
      </c>
      <c r="B21810" s="6"/>
      <c r="C21810" s="6" t="s">
        <v>21846</v>
      </c>
      <c r="D21810" s="6"/>
      <c r="E21810" s="6" t="s">
        <v>9</v>
      </c>
      <c r="F21810" s="7">
        <v>41950</v>
      </c>
      <c r="G21810" s="8">
        <v>1</v>
      </c>
      <c r="H21810" s="8">
        <v>1</v>
      </c>
      <c r="I21810" s="8">
        <v>0</v>
      </c>
      <c r="J21810" s="8">
        <v>1</v>
      </c>
      <c r="K21810" s="9">
        <v>302</v>
      </c>
      <c r="L21810" s="6" t="s">
        <v>4151</v>
      </c>
    </row>
    <row r="21811" spans="1:12">
      <c r="A21811" s="6" t="s">
        <v>4151</v>
      </c>
      <c r="B21811" s="6"/>
      <c r="C21811" s="6" t="s">
        <v>21847</v>
      </c>
      <c r="D21811" s="6"/>
      <c r="E21811" s="6" t="s">
        <v>9</v>
      </c>
      <c r="F21811" s="7">
        <v>41950</v>
      </c>
      <c r="G21811" s="8">
        <v>1</v>
      </c>
      <c r="H21811" s="8">
        <v>1</v>
      </c>
      <c r="I21811" s="8">
        <v>0</v>
      </c>
      <c r="J21811" s="8">
        <v>1</v>
      </c>
      <c r="K21811" s="9">
        <v>804</v>
      </c>
      <c r="L21811" s="6" t="s">
        <v>4151</v>
      </c>
    </row>
    <row r="21812" spans="1:12">
      <c r="A21812" s="6" t="s">
        <v>4151</v>
      </c>
      <c r="B21812" s="6"/>
      <c r="C21812" s="6" t="s">
        <v>21848</v>
      </c>
      <c r="D21812" s="6"/>
      <c r="E21812" s="6" t="s">
        <v>9</v>
      </c>
      <c r="F21812" s="7">
        <v>38657</v>
      </c>
      <c r="G21812" s="8">
        <v>1</v>
      </c>
      <c r="H21812" s="8">
        <v>1</v>
      </c>
      <c r="I21812" s="8">
        <v>0</v>
      </c>
      <c r="J21812" s="8">
        <v>1</v>
      </c>
      <c r="K21812" s="9">
        <v>65</v>
      </c>
      <c r="L21812" s="6" t="s">
        <v>4151</v>
      </c>
    </row>
    <row r="21813" spans="1:12">
      <c r="A21813" s="6" t="s">
        <v>4151</v>
      </c>
      <c r="B21813" s="6"/>
      <c r="C21813" s="6" t="s">
        <v>21849</v>
      </c>
      <c r="D21813" s="6"/>
      <c r="E21813" s="6" t="s">
        <v>9</v>
      </c>
      <c r="F21813" s="7">
        <v>41978</v>
      </c>
      <c r="G21813" s="8">
        <v>1</v>
      </c>
      <c r="H21813" s="8">
        <v>1</v>
      </c>
      <c r="I21813" s="8">
        <v>0</v>
      </c>
      <c r="J21813" s="8">
        <v>1</v>
      </c>
      <c r="K21813" s="9">
        <v>836</v>
      </c>
      <c r="L21813" s="6" t="s">
        <v>4151</v>
      </c>
    </row>
    <row r="21814" spans="1:12">
      <c r="A21814" s="6" t="s">
        <v>4151</v>
      </c>
      <c r="B21814" s="6"/>
      <c r="C21814" s="6" t="s">
        <v>21850</v>
      </c>
      <c r="D21814" s="6"/>
      <c r="E21814" s="6" t="s">
        <v>9</v>
      </c>
      <c r="F21814" s="7">
        <v>41978</v>
      </c>
      <c r="G21814" s="8">
        <v>1</v>
      </c>
      <c r="H21814" s="8">
        <v>1</v>
      </c>
      <c r="I21814" s="8">
        <v>0</v>
      </c>
      <c r="J21814" s="8">
        <v>1</v>
      </c>
      <c r="K21814" s="9">
        <v>240</v>
      </c>
      <c r="L21814" s="6" t="s">
        <v>4151</v>
      </c>
    </row>
    <row r="21815" spans="1:12">
      <c r="A21815" s="6" t="s">
        <v>4151</v>
      </c>
      <c r="B21815" s="6"/>
      <c r="C21815" s="6" t="s">
        <v>21851</v>
      </c>
      <c r="D21815" s="6"/>
      <c r="E21815" s="6" t="s">
        <v>9</v>
      </c>
      <c r="F21815" s="7">
        <v>41950</v>
      </c>
      <c r="G21815" s="8">
        <v>1</v>
      </c>
      <c r="H21815" s="8">
        <v>1</v>
      </c>
      <c r="I21815" s="8">
        <v>0</v>
      </c>
      <c r="J21815" s="8">
        <v>1</v>
      </c>
      <c r="K21815" s="9">
        <v>16</v>
      </c>
      <c r="L21815" s="6" t="s">
        <v>4151</v>
      </c>
    </row>
    <row r="21816" spans="1:12">
      <c r="A21816" s="6" t="s">
        <v>4151</v>
      </c>
      <c r="B21816" s="6"/>
      <c r="C21816" s="6" t="s">
        <v>21852</v>
      </c>
      <c r="D21816" s="6"/>
      <c r="E21816" s="6" t="s">
        <v>9</v>
      </c>
      <c r="F21816" s="7">
        <v>41950</v>
      </c>
      <c r="G21816" s="8">
        <v>1</v>
      </c>
      <c r="H21816" s="8">
        <v>1</v>
      </c>
      <c r="I21816" s="8">
        <v>0</v>
      </c>
      <c r="J21816" s="8">
        <v>1</v>
      </c>
      <c r="K21816" s="9">
        <v>56</v>
      </c>
      <c r="L21816" s="6" t="s">
        <v>4151</v>
      </c>
    </row>
    <row r="21817" spans="1:12">
      <c r="A21817" s="6" t="s">
        <v>4151</v>
      </c>
      <c r="B21817" s="6"/>
      <c r="C21817" s="6" t="s">
        <v>21853</v>
      </c>
      <c r="D21817" s="6"/>
      <c r="E21817" s="6" t="s">
        <v>9</v>
      </c>
      <c r="F21817" s="7">
        <v>41950</v>
      </c>
      <c r="G21817" s="8">
        <v>1</v>
      </c>
      <c r="H21817" s="8">
        <v>1</v>
      </c>
      <c r="I21817" s="8">
        <v>0</v>
      </c>
      <c r="J21817" s="8">
        <v>1</v>
      </c>
      <c r="K21817" s="9">
        <v>214</v>
      </c>
      <c r="L21817" s="6" t="s">
        <v>4151</v>
      </c>
    </row>
    <row r="21818" spans="1:12">
      <c r="A21818" s="6" t="s">
        <v>4151</v>
      </c>
      <c r="B21818" s="6"/>
      <c r="C21818" s="6" t="s">
        <v>21854</v>
      </c>
      <c r="D21818" s="6"/>
      <c r="E21818" s="6" t="s">
        <v>9</v>
      </c>
      <c r="F21818" s="7">
        <v>41950</v>
      </c>
      <c r="G21818" s="8">
        <v>1</v>
      </c>
      <c r="H21818" s="8">
        <v>1</v>
      </c>
      <c r="I21818" s="8">
        <v>0</v>
      </c>
      <c r="J21818" s="8">
        <v>1</v>
      </c>
      <c r="K21818" s="9">
        <v>95</v>
      </c>
      <c r="L21818" s="6" t="s">
        <v>4151</v>
      </c>
    </row>
    <row r="21819" spans="1:12">
      <c r="A21819" s="6" t="s">
        <v>4151</v>
      </c>
      <c r="B21819" s="6"/>
      <c r="C21819" s="6" t="s">
        <v>21855</v>
      </c>
      <c r="D21819" s="6"/>
      <c r="E21819" s="6" t="s">
        <v>9</v>
      </c>
      <c r="F21819" s="7">
        <v>41950</v>
      </c>
      <c r="G21819" s="8">
        <v>1</v>
      </c>
      <c r="H21819" s="8">
        <v>1</v>
      </c>
      <c r="I21819" s="8">
        <v>0</v>
      </c>
      <c r="J21819" s="8">
        <v>1</v>
      </c>
      <c r="K21819" s="9">
        <v>366</v>
      </c>
      <c r="L21819" s="6" t="s">
        <v>4151</v>
      </c>
    </row>
    <row r="21820" spans="1:12">
      <c r="A21820" s="6" t="s">
        <v>4151</v>
      </c>
      <c r="B21820" s="6"/>
      <c r="C21820" s="6" t="s">
        <v>21856</v>
      </c>
      <c r="D21820" s="6"/>
      <c r="E21820" s="6" t="s">
        <v>9</v>
      </c>
      <c r="F21820" s="7">
        <v>41978</v>
      </c>
      <c r="G21820" s="8">
        <v>1</v>
      </c>
      <c r="H21820" s="8">
        <v>1</v>
      </c>
      <c r="I21820" s="8">
        <v>0</v>
      </c>
      <c r="J21820" s="8">
        <v>1</v>
      </c>
      <c r="K21820" s="9">
        <v>70</v>
      </c>
      <c r="L21820" s="6" t="s">
        <v>4151</v>
      </c>
    </row>
    <row r="21821" spans="1:12">
      <c r="A21821" s="6" t="s">
        <v>4151</v>
      </c>
      <c r="B21821" s="6"/>
      <c r="C21821" s="6" t="s">
        <v>21857</v>
      </c>
      <c r="D21821" s="6"/>
      <c r="E21821" s="6" t="s">
        <v>9</v>
      </c>
      <c r="F21821" s="7">
        <v>41950</v>
      </c>
      <c r="G21821" s="8">
        <v>1</v>
      </c>
      <c r="H21821" s="8">
        <v>1</v>
      </c>
      <c r="I21821" s="8">
        <v>0</v>
      </c>
      <c r="J21821" s="8">
        <v>1</v>
      </c>
      <c r="K21821" s="9">
        <v>55</v>
      </c>
      <c r="L21821" s="6" t="s">
        <v>4151</v>
      </c>
    </row>
    <row r="21822" spans="1:12">
      <c r="A21822" s="6" t="s">
        <v>4151</v>
      </c>
      <c r="B21822" s="6"/>
      <c r="C21822" s="6" t="s">
        <v>21858</v>
      </c>
      <c r="D21822" s="6"/>
      <c r="E21822" s="6" t="s">
        <v>9</v>
      </c>
      <c r="F21822" s="7">
        <v>38657</v>
      </c>
      <c r="G21822" s="8">
        <v>1</v>
      </c>
      <c r="H21822" s="8">
        <v>1</v>
      </c>
      <c r="I21822" s="8">
        <v>0</v>
      </c>
      <c r="J21822" s="8">
        <v>1</v>
      </c>
      <c r="K21822" s="9">
        <v>15</v>
      </c>
      <c r="L21822" s="6" t="s">
        <v>4151</v>
      </c>
    </row>
    <row r="21823" spans="1:12">
      <c r="A21823" s="6" t="s">
        <v>4151</v>
      </c>
      <c r="B21823" s="6"/>
      <c r="C21823" s="6" t="s">
        <v>21859</v>
      </c>
      <c r="D21823" s="6"/>
      <c r="E21823" s="6" t="s">
        <v>9</v>
      </c>
      <c r="F21823" s="7">
        <v>38657</v>
      </c>
      <c r="G21823" s="8">
        <v>1</v>
      </c>
      <c r="H21823" s="8">
        <v>1</v>
      </c>
      <c r="I21823" s="8">
        <v>0</v>
      </c>
      <c r="J21823" s="8">
        <v>1</v>
      </c>
      <c r="K21823" s="9">
        <v>65</v>
      </c>
      <c r="L21823" s="6" t="s">
        <v>4151</v>
      </c>
    </row>
    <row r="21824" spans="1:12">
      <c r="A21824" s="6" t="s">
        <v>4151</v>
      </c>
      <c r="B21824" s="6"/>
      <c r="C21824" s="6" t="s">
        <v>21860</v>
      </c>
      <c r="D21824" s="6"/>
      <c r="E21824" s="6" t="s">
        <v>9</v>
      </c>
      <c r="F21824" s="7">
        <v>38657</v>
      </c>
      <c r="G21824" s="8">
        <v>1</v>
      </c>
      <c r="H21824" s="8">
        <v>1</v>
      </c>
      <c r="I21824" s="8">
        <v>0</v>
      </c>
      <c r="J21824" s="8">
        <v>1</v>
      </c>
      <c r="K21824" s="9">
        <v>21</v>
      </c>
      <c r="L21824" s="6" t="s">
        <v>4151</v>
      </c>
    </row>
    <row r="21825" spans="1:12">
      <c r="A21825" s="6" t="s">
        <v>4151</v>
      </c>
      <c r="B21825" s="6"/>
      <c r="C21825" s="6" t="s">
        <v>21861</v>
      </c>
      <c r="D21825" s="6"/>
      <c r="E21825" s="6" t="s">
        <v>9</v>
      </c>
      <c r="F21825" s="7">
        <v>38657</v>
      </c>
      <c r="G21825" s="8">
        <v>1</v>
      </c>
      <c r="H21825" s="8">
        <v>1</v>
      </c>
      <c r="I21825" s="8">
        <v>0</v>
      </c>
      <c r="J21825" s="8">
        <v>1</v>
      </c>
      <c r="K21825" s="9">
        <v>23</v>
      </c>
      <c r="L21825" s="6" t="s">
        <v>4151</v>
      </c>
    </row>
    <row r="21826" spans="1:12">
      <c r="A21826" s="6" t="s">
        <v>4151</v>
      </c>
      <c r="B21826" s="6"/>
      <c r="C21826" s="6" t="s">
        <v>21862</v>
      </c>
      <c r="D21826" s="6"/>
      <c r="E21826" s="6" t="s">
        <v>9</v>
      </c>
      <c r="F21826" s="7">
        <v>38657</v>
      </c>
      <c r="G21826" s="8">
        <v>1</v>
      </c>
      <c r="H21826" s="8">
        <v>1</v>
      </c>
      <c r="I21826" s="8">
        <v>0</v>
      </c>
      <c r="J21826" s="8">
        <v>1</v>
      </c>
      <c r="K21826" s="9">
        <v>25</v>
      </c>
      <c r="L21826" s="6" t="s">
        <v>4151</v>
      </c>
    </row>
    <row r="21827" spans="1:12">
      <c r="A21827" s="6" t="s">
        <v>4151</v>
      </c>
      <c r="B21827" s="6"/>
      <c r="C21827" s="6" t="s">
        <v>21863</v>
      </c>
      <c r="D21827" s="6"/>
      <c r="E21827" s="6" t="s">
        <v>9</v>
      </c>
      <c r="F21827" s="7">
        <v>38657</v>
      </c>
      <c r="G21827" s="8">
        <v>1</v>
      </c>
      <c r="H21827" s="8">
        <v>1</v>
      </c>
      <c r="I21827" s="8">
        <v>0</v>
      </c>
      <c r="J21827" s="8">
        <v>1</v>
      </c>
      <c r="K21827" s="9">
        <v>22.54</v>
      </c>
      <c r="L21827" s="6" t="s">
        <v>4151</v>
      </c>
    </row>
    <row r="21828" spans="1:12">
      <c r="A21828" s="6" t="s">
        <v>4151</v>
      </c>
      <c r="B21828" s="6"/>
      <c r="C21828" s="6" t="s">
        <v>21864</v>
      </c>
      <c r="D21828" s="6"/>
      <c r="E21828" s="6" t="s">
        <v>9</v>
      </c>
      <c r="F21828" s="7">
        <v>38657</v>
      </c>
      <c r="G21828" s="8">
        <v>1</v>
      </c>
      <c r="H21828" s="8">
        <v>1</v>
      </c>
      <c r="I21828" s="8">
        <v>0</v>
      </c>
      <c r="J21828" s="8">
        <v>1</v>
      </c>
      <c r="K21828" s="9">
        <v>20.7</v>
      </c>
      <c r="L21828" s="6" t="s">
        <v>4151</v>
      </c>
    </row>
    <row r="21829" spans="1:12">
      <c r="A21829" s="6" t="s">
        <v>4151</v>
      </c>
      <c r="B21829" s="6"/>
      <c r="C21829" s="6" t="s">
        <v>21865</v>
      </c>
      <c r="D21829" s="6"/>
      <c r="E21829" s="6" t="s">
        <v>9</v>
      </c>
      <c r="F21829" s="7">
        <v>41950</v>
      </c>
      <c r="G21829" s="8">
        <v>1</v>
      </c>
      <c r="H21829" s="8">
        <v>1</v>
      </c>
      <c r="I21829" s="8">
        <v>0</v>
      </c>
      <c r="J21829" s="8">
        <v>1</v>
      </c>
      <c r="K21829" s="9">
        <v>25</v>
      </c>
      <c r="L21829" s="6" t="s">
        <v>4151</v>
      </c>
    </row>
    <row r="21830" spans="1:12">
      <c r="A21830" s="6" t="s">
        <v>4151</v>
      </c>
      <c r="B21830" s="6"/>
      <c r="C21830" s="6" t="s">
        <v>21866</v>
      </c>
      <c r="D21830" s="6"/>
      <c r="E21830" s="6" t="s">
        <v>9</v>
      </c>
      <c r="F21830" s="7">
        <v>38657</v>
      </c>
      <c r="G21830" s="8">
        <v>1</v>
      </c>
      <c r="H21830" s="8">
        <v>1</v>
      </c>
      <c r="I21830" s="8">
        <v>0</v>
      </c>
      <c r="J21830" s="8">
        <v>1</v>
      </c>
      <c r="K21830" s="9">
        <v>14</v>
      </c>
      <c r="L21830" s="6" t="s">
        <v>4151</v>
      </c>
    </row>
    <row r="21831" spans="1:12">
      <c r="A21831" s="6" t="s">
        <v>4151</v>
      </c>
      <c r="B21831" s="6"/>
      <c r="C21831" s="6" t="s">
        <v>21867</v>
      </c>
      <c r="D21831" s="6"/>
      <c r="E21831" s="6" t="s">
        <v>9</v>
      </c>
      <c r="F21831" s="7">
        <v>38657</v>
      </c>
      <c r="G21831" s="8">
        <v>1</v>
      </c>
      <c r="H21831" s="8">
        <v>1</v>
      </c>
      <c r="I21831" s="8">
        <v>0</v>
      </c>
      <c r="J21831" s="8">
        <v>1</v>
      </c>
      <c r="K21831" s="9">
        <v>188</v>
      </c>
      <c r="L21831" s="6" t="s">
        <v>4151</v>
      </c>
    </row>
    <row r="21832" spans="1:12">
      <c r="A21832" s="6" t="s">
        <v>4151</v>
      </c>
      <c r="B21832" s="6"/>
      <c r="C21832" s="6" t="s">
        <v>21868</v>
      </c>
      <c r="D21832" s="6"/>
      <c r="E21832" s="6" t="s">
        <v>9</v>
      </c>
      <c r="F21832" s="7">
        <v>38657</v>
      </c>
      <c r="G21832" s="8">
        <v>1</v>
      </c>
      <c r="H21832" s="8">
        <v>1</v>
      </c>
      <c r="I21832" s="8">
        <v>0</v>
      </c>
      <c r="J21832" s="8">
        <v>1</v>
      </c>
      <c r="K21832" s="9">
        <v>31</v>
      </c>
      <c r="L21832" s="6" t="s">
        <v>4151</v>
      </c>
    </row>
    <row r="21833" spans="1:12">
      <c r="A21833" s="6" t="s">
        <v>4151</v>
      </c>
      <c r="B21833" s="6"/>
      <c r="C21833" s="6" t="s">
        <v>21869</v>
      </c>
      <c r="D21833" s="6"/>
      <c r="E21833" s="6" t="s">
        <v>9</v>
      </c>
      <c r="F21833" s="7">
        <v>38657</v>
      </c>
      <c r="G21833" s="8">
        <v>1</v>
      </c>
      <c r="H21833" s="8">
        <v>1</v>
      </c>
      <c r="I21833" s="8">
        <v>0</v>
      </c>
      <c r="J21833" s="8">
        <v>1</v>
      </c>
      <c r="K21833" s="9">
        <v>54</v>
      </c>
      <c r="L21833" s="6" t="s">
        <v>4151</v>
      </c>
    </row>
    <row r="21834" spans="1:12">
      <c r="A21834" s="6" t="s">
        <v>4151</v>
      </c>
      <c r="B21834" s="6"/>
      <c r="C21834" s="6" t="s">
        <v>21870</v>
      </c>
      <c r="D21834" s="6"/>
      <c r="E21834" s="6" t="s">
        <v>9</v>
      </c>
      <c r="F21834" s="7">
        <v>38657</v>
      </c>
      <c r="G21834" s="8">
        <v>1</v>
      </c>
      <c r="H21834" s="8">
        <v>1</v>
      </c>
      <c r="I21834" s="8">
        <v>0</v>
      </c>
      <c r="J21834" s="8">
        <v>1</v>
      </c>
      <c r="K21834" s="9">
        <v>49</v>
      </c>
      <c r="L21834" s="6" t="s">
        <v>4151</v>
      </c>
    </row>
    <row r="21835" spans="1:12">
      <c r="A21835" s="6" t="s">
        <v>4151</v>
      </c>
      <c r="B21835" s="6"/>
      <c r="C21835" s="6" t="s">
        <v>21871</v>
      </c>
      <c r="D21835" s="6"/>
      <c r="E21835" s="6" t="s">
        <v>9</v>
      </c>
      <c r="F21835" s="7">
        <v>38657</v>
      </c>
      <c r="G21835" s="8">
        <v>1</v>
      </c>
      <c r="H21835" s="8">
        <v>1</v>
      </c>
      <c r="I21835" s="8">
        <v>0</v>
      </c>
      <c r="J21835" s="8">
        <v>1</v>
      </c>
      <c r="K21835" s="9">
        <v>65</v>
      </c>
      <c r="L21835" s="6" t="s">
        <v>4151</v>
      </c>
    </row>
    <row r="21836" spans="1:12">
      <c r="A21836" s="6" t="s">
        <v>4151</v>
      </c>
      <c r="B21836" s="6"/>
      <c r="C21836" s="6" t="s">
        <v>21872</v>
      </c>
      <c r="D21836" s="6"/>
      <c r="E21836" s="6" t="s">
        <v>9</v>
      </c>
      <c r="F21836" s="7">
        <v>38657</v>
      </c>
      <c r="G21836" s="8">
        <v>1</v>
      </c>
      <c r="H21836" s="8">
        <v>1</v>
      </c>
      <c r="I21836" s="8">
        <v>0</v>
      </c>
      <c r="J21836" s="8">
        <v>1</v>
      </c>
      <c r="K21836" s="9">
        <v>24</v>
      </c>
      <c r="L21836" s="6" t="s">
        <v>4151</v>
      </c>
    </row>
    <row r="21837" spans="1:12">
      <c r="A21837" s="6" t="s">
        <v>4151</v>
      </c>
      <c r="B21837" s="6"/>
      <c r="C21837" s="6" t="s">
        <v>21873</v>
      </c>
      <c r="D21837" s="6"/>
      <c r="E21837" s="6" t="s">
        <v>9</v>
      </c>
      <c r="F21837" s="7">
        <v>38657</v>
      </c>
      <c r="G21837" s="8">
        <v>1</v>
      </c>
      <c r="H21837" s="8">
        <v>1</v>
      </c>
      <c r="I21837" s="8">
        <v>0</v>
      </c>
      <c r="J21837" s="8">
        <v>1</v>
      </c>
      <c r="K21837" s="9">
        <v>39</v>
      </c>
      <c r="L21837" s="6" t="s">
        <v>4151</v>
      </c>
    </row>
    <row r="21838" spans="1:12">
      <c r="A21838" s="6" t="s">
        <v>4151</v>
      </c>
      <c r="B21838" s="6"/>
      <c r="C21838" s="6" t="s">
        <v>21874</v>
      </c>
      <c r="D21838" s="6"/>
      <c r="E21838" s="6" t="s">
        <v>9</v>
      </c>
      <c r="F21838" s="7">
        <v>38657</v>
      </c>
      <c r="G21838" s="8">
        <v>1</v>
      </c>
      <c r="H21838" s="8">
        <v>1</v>
      </c>
      <c r="I21838" s="8">
        <v>0</v>
      </c>
      <c r="J21838" s="8">
        <v>1</v>
      </c>
      <c r="K21838" s="9">
        <v>22</v>
      </c>
      <c r="L21838" s="6" t="s">
        <v>4151</v>
      </c>
    </row>
    <row r="21839" spans="1:12">
      <c r="A21839" s="6" t="s">
        <v>4151</v>
      </c>
      <c r="B21839" s="6"/>
      <c r="C21839" s="6" t="s">
        <v>21875</v>
      </c>
      <c r="D21839" s="6"/>
      <c r="E21839" s="6" t="s">
        <v>9</v>
      </c>
      <c r="F21839" s="7">
        <v>38657</v>
      </c>
      <c r="G21839" s="8">
        <v>1</v>
      </c>
      <c r="H21839" s="8">
        <v>1</v>
      </c>
      <c r="I21839" s="8">
        <v>0</v>
      </c>
      <c r="J21839" s="8">
        <v>1</v>
      </c>
      <c r="K21839" s="9">
        <v>22</v>
      </c>
      <c r="L21839" s="6" t="s">
        <v>4151</v>
      </c>
    </row>
    <row r="21840" spans="1:12">
      <c r="A21840" s="6" t="s">
        <v>4151</v>
      </c>
      <c r="B21840" s="6"/>
      <c r="C21840" s="6" t="s">
        <v>21876</v>
      </c>
      <c r="D21840" s="6"/>
      <c r="E21840" s="6" t="s">
        <v>9</v>
      </c>
      <c r="F21840" s="7">
        <v>38657</v>
      </c>
      <c r="G21840" s="8">
        <v>1</v>
      </c>
      <c r="H21840" s="8">
        <v>1</v>
      </c>
      <c r="I21840" s="8">
        <v>0</v>
      </c>
      <c r="J21840" s="8">
        <v>1</v>
      </c>
      <c r="K21840" s="9">
        <v>54</v>
      </c>
      <c r="L21840" s="6" t="s">
        <v>4151</v>
      </c>
    </row>
    <row r="21841" spans="1:12">
      <c r="A21841" s="6" t="s">
        <v>4151</v>
      </c>
      <c r="B21841" s="6"/>
      <c r="C21841" s="6" t="s">
        <v>21877</v>
      </c>
      <c r="D21841" s="6"/>
      <c r="E21841" s="6" t="s">
        <v>9</v>
      </c>
      <c r="F21841" s="7">
        <v>38657</v>
      </c>
      <c r="G21841" s="8">
        <v>1</v>
      </c>
      <c r="H21841" s="8">
        <v>1</v>
      </c>
      <c r="I21841" s="8">
        <v>0</v>
      </c>
      <c r="J21841" s="8">
        <v>1</v>
      </c>
      <c r="K21841" s="9">
        <v>10</v>
      </c>
      <c r="L21841" s="6" t="s">
        <v>4151</v>
      </c>
    </row>
    <row r="21842" spans="1:12">
      <c r="A21842" s="6" t="s">
        <v>4151</v>
      </c>
      <c r="B21842" s="6"/>
      <c r="C21842" s="6" t="s">
        <v>21878</v>
      </c>
      <c r="D21842" s="6"/>
      <c r="E21842" s="6" t="s">
        <v>9</v>
      </c>
      <c r="F21842" s="7">
        <v>38657</v>
      </c>
      <c r="G21842" s="8">
        <v>1</v>
      </c>
      <c r="H21842" s="8">
        <v>1</v>
      </c>
      <c r="I21842" s="8">
        <v>0</v>
      </c>
      <c r="J21842" s="8">
        <v>1</v>
      </c>
      <c r="K21842" s="9">
        <v>73</v>
      </c>
      <c r="L21842" s="6" t="s">
        <v>4151</v>
      </c>
    </row>
    <row r="21843" spans="1:12">
      <c r="A21843" s="6" t="s">
        <v>4151</v>
      </c>
      <c r="B21843" s="6"/>
      <c r="C21843" s="6" t="s">
        <v>21879</v>
      </c>
      <c r="D21843" s="6"/>
      <c r="E21843" s="6" t="s">
        <v>9</v>
      </c>
      <c r="F21843" s="7">
        <v>38657</v>
      </c>
      <c r="G21843" s="8">
        <v>1</v>
      </c>
      <c r="H21843" s="8">
        <v>1</v>
      </c>
      <c r="I21843" s="8">
        <v>0</v>
      </c>
      <c r="J21843" s="8">
        <v>1</v>
      </c>
      <c r="K21843" s="9">
        <v>9.7100000000000009</v>
      </c>
      <c r="L21843" s="6" t="s">
        <v>4151</v>
      </c>
    </row>
    <row r="21844" spans="1:12">
      <c r="A21844" s="6" t="s">
        <v>4151</v>
      </c>
      <c r="B21844" s="6"/>
      <c r="C21844" s="6" t="s">
        <v>21880</v>
      </c>
      <c r="D21844" s="6"/>
      <c r="E21844" s="6" t="s">
        <v>9</v>
      </c>
      <c r="F21844" s="7">
        <v>38657</v>
      </c>
      <c r="G21844" s="8">
        <v>1</v>
      </c>
      <c r="H21844" s="8">
        <v>1</v>
      </c>
      <c r="I21844" s="8">
        <v>0</v>
      </c>
      <c r="J21844" s="8">
        <v>1</v>
      </c>
      <c r="K21844" s="9">
        <v>26</v>
      </c>
      <c r="L21844" s="6" t="s">
        <v>4151</v>
      </c>
    </row>
    <row r="21845" spans="1:12">
      <c r="A21845" s="6" t="s">
        <v>4151</v>
      </c>
      <c r="B21845" s="6"/>
      <c r="C21845" s="6" t="s">
        <v>21881</v>
      </c>
      <c r="D21845" s="6"/>
      <c r="E21845" s="6" t="s">
        <v>9</v>
      </c>
      <c r="F21845" s="7">
        <v>38657</v>
      </c>
      <c r="G21845" s="8">
        <v>1</v>
      </c>
      <c r="H21845" s="8">
        <v>1</v>
      </c>
      <c r="I21845" s="8">
        <v>0</v>
      </c>
      <c r="J21845" s="8">
        <v>1</v>
      </c>
      <c r="K21845" s="9">
        <v>54</v>
      </c>
      <c r="L21845" s="6" t="s">
        <v>4151</v>
      </c>
    </row>
    <row r="21846" spans="1:12">
      <c r="A21846" s="6" t="s">
        <v>4151</v>
      </c>
      <c r="B21846" s="6"/>
      <c r="C21846" s="6" t="s">
        <v>21882</v>
      </c>
      <c r="D21846" s="6"/>
      <c r="E21846" s="6" t="s">
        <v>9</v>
      </c>
      <c r="F21846" s="7">
        <v>38657</v>
      </c>
      <c r="G21846" s="8">
        <v>1</v>
      </c>
      <c r="H21846" s="8">
        <v>1</v>
      </c>
      <c r="I21846" s="8">
        <v>0</v>
      </c>
      <c r="J21846" s="8">
        <v>1</v>
      </c>
      <c r="K21846" s="9">
        <v>65</v>
      </c>
      <c r="L21846" s="6" t="s">
        <v>4151</v>
      </c>
    </row>
    <row r="21847" spans="1:12">
      <c r="A21847" s="6" t="s">
        <v>4151</v>
      </c>
      <c r="B21847" s="6"/>
      <c r="C21847" s="6" t="s">
        <v>21883</v>
      </c>
      <c r="D21847" s="6"/>
      <c r="E21847" s="6" t="s">
        <v>9</v>
      </c>
      <c r="F21847" s="7">
        <v>38657</v>
      </c>
      <c r="G21847" s="8">
        <v>1</v>
      </c>
      <c r="H21847" s="8">
        <v>1</v>
      </c>
      <c r="I21847" s="8">
        <v>0</v>
      </c>
      <c r="J21847" s="8">
        <v>1</v>
      </c>
      <c r="K21847" s="9">
        <v>7.05</v>
      </c>
      <c r="L21847" s="6" t="s">
        <v>4151</v>
      </c>
    </row>
    <row r="21848" spans="1:12">
      <c r="A21848" s="6" t="s">
        <v>4151</v>
      </c>
      <c r="B21848" s="6"/>
      <c r="C21848" s="6" t="s">
        <v>21884</v>
      </c>
      <c r="D21848" s="6"/>
      <c r="E21848" s="6" t="s">
        <v>9</v>
      </c>
      <c r="F21848" s="7">
        <v>38657</v>
      </c>
      <c r="G21848" s="8">
        <v>1</v>
      </c>
      <c r="H21848" s="8">
        <v>1</v>
      </c>
      <c r="I21848" s="8">
        <v>0</v>
      </c>
      <c r="J21848" s="8">
        <v>1</v>
      </c>
      <c r="K21848" s="9">
        <v>13</v>
      </c>
      <c r="L21848" s="6" t="s">
        <v>4151</v>
      </c>
    </row>
    <row r="21849" spans="1:12">
      <c r="A21849" s="6" t="s">
        <v>4151</v>
      </c>
      <c r="B21849" s="6"/>
      <c r="C21849" s="6" t="s">
        <v>21885</v>
      </c>
      <c r="D21849" s="6"/>
      <c r="E21849" s="6" t="s">
        <v>9</v>
      </c>
      <c r="F21849" s="7">
        <v>38657</v>
      </c>
      <c r="G21849" s="8">
        <v>1</v>
      </c>
      <c r="H21849" s="8">
        <v>1</v>
      </c>
      <c r="I21849" s="8">
        <v>0</v>
      </c>
      <c r="J21849" s="8">
        <v>1</v>
      </c>
      <c r="K21849" s="9">
        <v>20</v>
      </c>
      <c r="L21849" s="6" t="s">
        <v>4151</v>
      </c>
    </row>
    <row r="21850" spans="1:12">
      <c r="A21850" s="6" t="s">
        <v>4151</v>
      </c>
      <c r="B21850" s="6"/>
      <c r="C21850" s="6" t="s">
        <v>21886</v>
      </c>
      <c r="D21850" s="6"/>
      <c r="E21850" s="6" t="s">
        <v>9</v>
      </c>
      <c r="F21850" s="7">
        <v>38657</v>
      </c>
      <c r="G21850" s="8">
        <v>1</v>
      </c>
      <c r="H21850" s="8">
        <v>1</v>
      </c>
      <c r="I21850" s="8">
        <v>0</v>
      </c>
      <c r="J21850" s="8">
        <v>1</v>
      </c>
      <c r="K21850" s="9">
        <v>20</v>
      </c>
      <c r="L21850" s="6" t="s">
        <v>4151</v>
      </c>
    </row>
    <row r="21851" spans="1:12">
      <c r="A21851" s="6" t="s">
        <v>4151</v>
      </c>
      <c r="B21851" s="6"/>
      <c r="C21851" s="6" t="s">
        <v>21887</v>
      </c>
      <c r="D21851" s="6"/>
      <c r="E21851" s="6" t="s">
        <v>9</v>
      </c>
      <c r="F21851" s="7">
        <v>38657</v>
      </c>
      <c r="G21851" s="8">
        <v>1</v>
      </c>
      <c r="H21851" s="8">
        <v>1</v>
      </c>
      <c r="I21851" s="8">
        <v>0</v>
      </c>
      <c r="J21851" s="8">
        <v>1</v>
      </c>
      <c r="K21851" s="9">
        <v>20</v>
      </c>
      <c r="L21851" s="6" t="s">
        <v>4151</v>
      </c>
    </row>
    <row r="21852" spans="1:12">
      <c r="A21852" s="6" t="s">
        <v>4151</v>
      </c>
      <c r="B21852" s="6"/>
      <c r="C21852" s="6" t="s">
        <v>21888</v>
      </c>
      <c r="D21852" s="6"/>
      <c r="E21852" s="6" t="s">
        <v>9</v>
      </c>
      <c r="F21852" s="7">
        <v>38657</v>
      </c>
      <c r="G21852" s="8">
        <v>1</v>
      </c>
      <c r="H21852" s="8">
        <v>1</v>
      </c>
      <c r="I21852" s="8">
        <v>0</v>
      </c>
      <c r="J21852" s="8">
        <v>1</v>
      </c>
      <c r="K21852" s="9">
        <v>8.19</v>
      </c>
      <c r="L21852" s="6" t="s">
        <v>4151</v>
      </c>
    </row>
    <row r="21853" spans="1:12">
      <c r="A21853" s="6" t="s">
        <v>4151</v>
      </c>
      <c r="B21853" s="6"/>
      <c r="C21853" s="6" t="s">
        <v>21889</v>
      </c>
      <c r="D21853" s="6"/>
      <c r="E21853" s="6" t="s">
        <v>9</v>
      </c>
      <c r="F21853" s="7">
        <v>38657</v>
      </c>
      <c r="G21853" s="8">
        <v>1</v>
      </c>
      <c r="H21853" s="8">
        <v>1</v>
      </c>
      <c r="I21853" s="8">
        <v>0</v>
      </c>
      <c r="J21853" s="8">
        <v>1</v>
      </c>
      <c r="K21853" s="9">
        <v>6.09</v>
      </c>
      <c r="L21853" s="6" t="s">
        <v>4151</v>
      </c>
    </row>
    <row r="21854" spans="1:12">
      <c r="A21854" s="6" t="s">
        <v>4151</v>
      </c>
      <c r="B21854" s="6"/>
      <c r="C21854" s="6" t="s">
        <v>21890</v>
      </c>
      <c r="D21854" s="6"/>
      <c r="E21854" s="6" t="s">
        <v>9</v>
      </c>
      <c r="F21854" s="7">
        <v>38657</v>
      </c>
      <c r="G21854" s="8">
        <v>1</v>
      </c>
      <c r="H21854" s="8">
        <v>1</v>
      </c>
      <c r="I21854" s="8">
        <v>0</v>
      </c>
      <c r="J21854" s="8">
        <v>1</v>
      </c>
      <c r="K21854" s="9">
        <v>6.09</v>
      </c>
      <c r="L21854" s="6" t="s">
        <v>4151</v>
      </c>
    </row>
    <row r="21855" spans="1:12">
      <c r="A21855" s="6" t="s">
        <v>4151</v>
      </c>
      <c r="B21855" s="6"/>
      <c r="C21855" s="6" t="s">
        <v>21891</v>
      </c>
      <c r="D21855" s="6"/>
      <c r="E21855" s="6" t="s">
        <v>9</v>
      </c>
      <c r="F21855" s="7">
        <v>38657</v>
      </c>
      <c r="G21855" s="8">
        <v>1</v>
      </c>
      <c r="H21855" s="8">
        <v>1</v>
      </c>
      <c r="I21855" s="8">
        <v>0</v>
      </c>
      <c r="J21855" s="8">
        <v>1</v>
      </c>
      <c r="K21855" s="9">
        <v>19</v>
      </c>
      <c r="L21855" s="6" t="s">
        <v>4151</v>
      </c>
    </row>
    <row r="21856" spans="1:12">
      <c r="A21856" s="6" t="s">
        <v>4151</v>
      </c>
      <c r="B21856" s="6"/>
      <c r="C21856" s="6" t="s">
        <v>21892</v>
      </c>
      <c r="D21856" s="6"/>
      <c r="E21856" s="6" t="s">
        <v>9</v>
      </c>
      <c r="F21856" s="7">
        <v>38657</v>
      </c>
      <c r="G21856" s="8">
        <v>1</v>
      </c>
      <c r="H21856" s="8">
        <v>1</v>
      </c>
      <c r="I21856" s="8">
        <v>0</v>
      </c>
      <c r="J21856" s="8">
        <v>1</v>
      </c>
      <c r="K21856" s="9">
        <v>14</v>
      </c>
      <c r="L21856" s="6" t="s">
        <v>4151</v>
      </c>
    </row>
    <row r="21857" spans="1:12">
      <c r="A21857" s="6" t="s">
        <v>4151</v>
      </c>
      <c r="B21857" s="6"/>
      <c r="C21857" s="6" t="s">
        <v>21893</v>
      </c>
      <c r="D21857" s="6"/>
      <c r="E21857" s="6" t="s">
        <v>9</v>
      </c>
      <c r="F21857" s="7">
        <v>38657</v>
      </c>
      <c r="G21857" s="8">
        <v>1</v>
      </c>
      <c r="H21857" s="8">
        <v>1</v>
      </c>
      <c r="I21857" s="8">
        <v>0</v>
      </c>
      <c r="J21857" s="8">
        <v>1</v>
      </c>
      <c r="K21857" s="9">
        <v>68</v>
      </c>
      <c r="L21857" s="6" t="s">
        <v>4151</v>
      </c>
    </row>
    <row r="21858" spans="1:12">
      <c r="A21858" s="6" t="s">
        <v>4151</v>
      </c>
      <c r="B21858" s="6"/>
      <c r="C21858" s="6" t="s">
        <v>21894</v>
      </c>
      <c r="D21858" s="6"/>
      <c r="E21858" s="6" t="s">
        <v>9</v>
      </c>
      <c r="F21858" s="7">
        <v>38657</v>
      </c>
      <c r="G21858" s="8">
        <v>1</v>
      </c>
      <c r="H21858" s="8">
        <v>1</v>
      </c>
      <c r="I21858" s="8">
        <v>0</v>
      </c>
      <c r="J21858" s="8">
        <v>1</v>
      </c>
      <c r="K21858" s="9">
        <v>17</v>
      </c>
      <c r="L21858" s="6" t="s">
        <v>4151</v>
      </c>
    </row>
    <row r="21859" spans="1:12">
      <c r="A21859" s="6" t="s">
        <v>4151</v>
      </c>
      <c r="B21859" s="6"/>
      <c r="C21859" s="6" t="s">
        <v>21895</v>
      </c>
      <c r="D21859" s="6"/>
      <c r="E21859" s="6" t="s">
        <v>9</v>
      </c>
      <c r="F21859" s="7">
        <v>38657</v>
      </c>
      <c r="G21859" s="8">
        <v>1</v>
      </c>
      <c r="H21859" s="8">
        <v>1</v>
      </c>
      <c r="I21859" s="8">
        <v>0</v>
      </c>
      <c r="J21859" s="8">
        <v>1</v>
      </c>
      <c r="K21859" s="9">
        <v>32</v>
      </c>
      <c r="L21859" s="6" t="s">
        <v>4151</v>
      </c>
    </row>
    <row r="21860" spans="1:12">
      <c r="A21860" s="6" t="s">
        <v>4151</v>
      </c>
      <c r="B21860" s="6"/>
      <c r="C21860" s="6" t="s">
        <v>21896</v>
      </c>
      <c r="D21860" s="6"/>
      <c r="E21860" s="6" t="s">
        <v>9</v>
      </c>
      <c r="F21860" s="7">
        <v>38657</v>
      </c>
      <c r="G21860" s="8">
        <v>1</v>
      </c>
      <c r="H21860" s="8">
        <v>1</v>
      </c>
      <c r="I21860" s="8">
        <v>0</v>
      </c>
      <c r="J21860" s="8">
        <v>1</v>
      </c>
      <c r="K21860" s="9">
        <v>33</v>
      </c>
      <c r="L21860" s="6" t="s">
        <v>4151</v>
      </c>
    </row>
    <row r="21861" spans="1:12">
      <c r="A21861" s="6" t="s">
        <v>4151</v>
      </c>
      <c r="B21861" s="6"/>
      <c r="C21861" s="6" t="s">
        <v>21897</v>
      </c>
      <c r="D21861" s="6"/>
      <c r="E21861" s="6" t="s">
        <v>9</v>
      </c>
      <c r="F21861" s="7">
        <v>38657</v>
      </c>
      <c r="G21861" s="8">
        <v>1</v>
      </c>
      <c r="H21861" s="8">
        <v>1</v>
      </c>
      <c r="I21861" s="8">
        <v>0</v>
      </c>
      <c r="J21861" s="8">
        <v>1</v>
      </c>
      <c r="K21861" s="9">
        <v>33</v>
      </c>
      <c r="L21861" s="6" t="s">
        <v>4151</v>
      </c>
    </row>
    <row r="21862" spans="1:12">
      <c r="A21862" s="6" t="s">
        <v>4151</v>
      </c>
      <c r="B21862" s="6"/>
      <c r="C21862" s="6" t="s">
        <v>21898</v>
      </c>
      <c r="D21862" s="6"/>
      <c r="E21862" s="6" t="s">
        <v>9</v>
      </c>
      <c r="F21862" s="7">
        <v>38657</v>
      </c>
      <c r="G21862" s="8">
        <v>1</v>
      </c>
      <c r="H21862" s="8">
        <v>1</v>
      </c>
      <c r="I21862" s="8">
        <v>0</v>
      </c>
      <c r="J21862" s="8">
        <v>1</v>
      </c>
      <c r="K21862" s="9">
        <v>34</v>
      </c>
      <c r="L21862" s="6" t="s">
        <v>4151</v>
      </c>
    </row>
    <row r="21863" spans="1:12">
      <c r="A21863" s="6" t="s">
        <v>4151</v>
      </c>
      <c r="B21863" s="6"/>
      <c r="C21863" s="6" t="s">
        <v>21899</v>
      </c>
      <c r="D21863" s="6"/>
      <c r="E21863" s="6" t="s">
        <v>9</v>
      </c>
      <c r="F21863" s="7">
        <v>38657</v>
      </c>
      <c r="G21863" s="8">
        <v>1</v>
      </c>
      <c r="H21863" s="8">
        <v>1</v>
      </c>
      <c r="I21863" s="8">
        <v>0</v>
      </c>
      <c r="J21863" s="8">
        <v>1</v>
      </c>
      <c r="K21863" s="9">
        <v>32</v>
      </c>
      <c r="L21863" s="6" t="s">
        <v>4151</v>
      </c>
    </row>
    <row r="21864" spans="1:12">
      <c r="A21864" s="6" t="s">
        <v>4151</v>
      </c>
      <c r="B21864" s="6"/>
      <c r="C21864" s="6" t="s">
        <v>21900</v>
      </c>
      <c r="D21864" s="6"/>
      <c r="E21864" s="6" t="s">
        <v>9</v>
      </c>
      <c r="F21864" s="7">
        <v>38657</v>
      </c>
      <c r="G21864" s="8">
        <v>1</v>
      </c>
      <c r="H21864" s="8">
        <v>1</v>
      </c>
      <c r="I21864" s="8">
        <v>0</v>
      </c>
      <c r="J21864" s="8">
        <v>1</v>
      </c>
      <c r="K21864" s="9">
        <v>36</v>
      </c>
      <c r="L21864" s="6" t="s">
        <v>4151</v>
      </c>
    </row>
    <row r="21865" spans="1:12">
      <c r="A21865" s="6" t="s">
        <v>4151</v>
      </c>
      <c r="B21865" s="6"/>
      <c r="C21865" s="6" t="s">
        <v>21901</v>
      </c>
      <c r="D21865" s="6"/>
      <c r="E21865" s="6" t="s">
        <v>9</v>
      </c>
      <c r="F21865" s="7">
        <v>38657</v>
      </c>
      <c r="G21865" s="8">
        <v>1</v>
      </c>
      <c r="H21865" s="8">
        <v>1</v>
      </c>
      <c r="I21865" s="8">
        <v>0</v>
      </c>
      <c r="J21865" s="8">
        <v>1</v>
      </c>
      <c r="K21865" s="9">
        <v>74</v>
      </c>
      <c r="L21865" s="6" t="s">
        <v>4151</v>
      </c>
    </row>
    <row r="21866" spans="1:12">
      <c r="A21866" s="6" t="s">
        <v>4151</v>
      </c>
      <c r="B21866" s="6"/>
      <c r="C21866" s="6" t="s">
        <v>21902</v>
      </c>
      <c r="D21866" s="6"/>
      <c r="E21866" s="6" t="s">
        <v>9</v>
      </c>
      <c r="F21866" s="7">
        <v>38657</v>
      </c>
      <c r="G21866" s="8">
        <v>1</v>
      </c>
      <c r="H21866" s="8">
        <v>1</v>
      </c>
      <c r="I21866" s="8">
        <v>0</v>
      </c>
      <c r="J21866" s="8">
        <v>1</v>
      </c>
      <c r="K21866" s="9">
        <v>74</v>
      </c>
      <c r="L21866" s="6" t="s">
        <v>4151</v>
      </c>
    </row>
    <row r="21867" spans="1:12">
      <c r="A21867" s="6" t="s">
        <v>4151</v>
      </c>
      <c r="B21867" s="6"/>
      <c r="C21867" s="6" t="s">
        <v>21903</v>
      </c>
      <c r="D21867" s="6"/>
      <c r="E21867" s="6" t="s">
        <v>9</v>
      </c>
      <c r="F21867" s="7">
        <v>38657</v>
      </c>
      <c r="G21867" s="8">
        <v>1</v>
      </c>
      <c r="H21867" s="8">
        <v>1</v>
      </c>
      <c r="I21867" s="8">
        <v>0</v>
      </c>
      <c r="J21867" s="8">
        <v>1</v>
      </c>
      <c r="K21867" s="9">
        <v>45</v>
      </c>
      <c r="L21867" s="6" t="s">
        <v>4151</v>
      </c>
    </row>
    <row r="21868" spans="1:12">
      <c r="A21868" s="6" t="s">
        <v>4151</v>
      </c>
      <c r="B21868" s="6"/>
      <c r="C21868" s="6" t="s">
        <v>21904</v>
      </c>
      <c r="D21868" s="6"/>
      <c r="E21868" s="6" t="s">
        <v>9</v>
      </c>
      <c r="F21868" s="7">
        <v>38657</v>
      </c>
      <c r="G21868" s="8">
        <v>1</v>
      </c>
      <c r="H21868" s="8">
        <v>1</v>
      </c>
      <c r="I21868" s="8">
        <v>0</v>
      </c>
      <c r="J21868" s="8">
        <v>1</v>
      </c>
      <c r="K21868" s="9">
        <v>25</v>
      </c>
      <c r="L21868" s="6" t="s">
        <v>4151</v>
      </c>
    </row>
    <row r="21869" spans="1:12">
      <c r="A21869" s="6" t="s">
        <v>4151</v>
      </c>
      <c r="B21869" s="6"/>
      <c r="C21869" s="6" t="s">
        <v>21905</v>
      </c>
      <c r="D21869" s="6"/>
      <c r="E21869" s="6" t="s">
        <v>9</v>
      </c>
      <c r="F21869" s="7">
        <v>41950</v>
      </c>
      <c r="G21869" s="8">
        <v>1</v>
      </c>
      <c r="H21869" s="8">
        <v>1</v>
      </c>
      <c r="I21869" s="8">
        <v>0</v>
      </c>
      <c r="J21869" s="8">
        <v>1</v>
      </c>
      <c r="K21869" s="9">
        <v>352</v>
      </c>
      <c r="L21869" s="6" t="s">
        <v>4151</v>
      </c>
    </row>
    <row r="21870" spans="1:12">
      <c r="A21870" s="6" t="s">
        <v>4151</v>
      </c>
      <c r="B21870" s="6"/>
      <c r="C21870" s="6" t="s">
        <v>21906</v>
      </c>
      <c r="D21870" s="6"/>
      <c r="E21870" s="6" t="s">
        <v>9</v>
      </c>
      <c r="F21870" s="7">
        <v>38657</v>
      </c>
      <c r="G21870" s="8">
        <v>1</v>
      </c>
      <c r="H21870" s="8">
        <v>1</v>
      </c>
      <c r="I21870" s="8">
        <v>0</v>
      </c>
      <c r="J21870" s="8">
        <v>1</v>
      </c>
      <c r="K21870" s="9">
        <v>36</v>
      </c>
      <c r="L21870" s="6" t="s">
        <v>4151</v>
      </c>
    </row>
    <row r="21871" spans="1:12">
      <c r="A21871" s="6" t="s">
        <v>4151</v>
      </c>
      <c r="B21871" s="6"/>
      <c r="C21871" s="6" t="s">
        <v>21907</v>
      </c>
      <c r="D21871" s="6"/>
      <c r="E21871" s="6" t="s">
        <v>9</v>
      </c>
      <c r="F21871" s="7">
        <v>38657</v>
      </c>
      <c r="G21871" s="8">
        <v>1</v>
      </c>
      <c r="H21871" s="8">
        <v>1</v>
      </c>
      <c r="I21871" s="8">
        <v>0</v>
      </c>
      <c r="J21871" s="8">
        <v>1</v>
      </c>
      <c r="K21871" s="9">
        <v>10</v>
      </c>
      <c r="L21871" s="6" t="s">
        <v>4151</v>
      </c>
    </row>
    <row r="21872" spans="1:12">
      <c r="A21872" s="6" t="s">
        <v>4151</v>
      </c>
      <c r="B21872" s="6"/>
      <c r="C21872" s="6" t="s">
        <v>21908</v>
      </c>
      <c r="D21872" s="6"/>
      <c r="E21872" s="6" t="s">
        <v>9</v>
      </c>
      <c r="F21872" s="7">
        <v>38657</v>
      </c>
      <c r="G21872" s="8">
        <v>1</v>
      </c>
      <c r="H21872" s="8">
        <v>1</v>
      </c>
      <c r="I21872" s="8">
        <v>0</v>
      </c>
      <c r="J21872" s="8">
        <v>1</v>
      </c>
      <c r="K21872" s="9">
        <v>9.7899999999999903</v>
      </c>
      <c r="L21872" s="6" t="s">
        <v>4151</v>
      </c>
    </row>
    <row r="21873" spans="1:12">
      <c r="A21873" s="6" t="s">
        <v>4151</v>
      </c>
      <c r="B21873" s="6"/>
      <c r="C21873" s="6" t="s">
        <v>21909</v>
      </c>
      <c r="D21873" s="6"/>
      <c r="E21873" s="6" t="s">
        <v>9</v>
      </c>
      <c r="F21873" s="7">
        <v>38657</v>
      </c>
      <c r="G21873" s="8">
        <v>1</v>
      </c>
      <c r="H21873" s="8">
        <v>1</v>
      </c>
      <c r="I21873" s="8">
        <v>0</v>
      </c>
      <c r="J21873" s="8">
        <v>1</v>
      </c>
      <c r="K21873" s="9">
        <v>5.6</v>
      </c>
      <c r="L21873" s="6" t="s">
        <v>4151</v>
      </c>
    </row>
    <row r="21874" spans="1:12">
      <c r="A21874" s="6" t="s">
        <v>4151</v>
      </c>
      <c r="B21874" s="6"/>
      <c r="C21874" s="6" t="s">
        <v>21910</v>
      </c>
      <c r="D21874" s="6"/>
      <c r="E21874" s="6" t="s">
        <v>9</v>
      </c>
      <c r="F21874" s="7">
        <v>38657</v>
      </c>
      <c r="G21874" s="8">
        <v>1</v>
      </c>
      <c r="H21874" s="8">
        <v>1</v>
      </c>
      <c r="I21874" s="8">
        <v>0</v>
      </c>
      <c r="J21874" s="8">
        <v>1</v>
      </c>
      <c r="K21874" s="9">
        <v>24</v>
      </c>
      <c r="L21874" s="6" t="s">
        <v>4151</v>
      </c>
    </row>
    <row r="21875" spans="1:12">
      <c r="A21875" s="6" t="s">
        <v>4151</v>
      </c>
      <c r="B21875" s="6"/>
      <c r="C21875" s="6" t="s">
        <v>21911</v>
      </c>
      <c r="D21875" s="6"/>
      <c r="E21875" s="6" t="s">
        <v>9</v>
      </c>
      <c r="F21875" s="7">
        <v>38657</v>
      </c>
      <c r="G21875" s="8">
        <v>1</v>
      </c>
      <c r="H21875" s="8">
        <v>1</v>
      </c>
      <c r="I21875" s="8">
        <v>0</v>
      </c>
      <c r="J21875" s="8">
        <v>1</v>
      </c>
      <c r="K21875" s="9">
        <v>2.2400000000000002</v>
      </c>
      <c r="L21875" s="6" t="s">
        <v>4151</v>
      </c>
    </row>
    <row r="21876" spans="1:12">
      <c r="A21876" s="6" t="s">
        <v>4151</v>
      </c>
      <c r="B21876" s="6"/>
      <c r="C21876" s="6" t="s">
        <v>21912</v>
      </c>
      <c r="D21876" s="6"/>
      <c r="E21876" s="6" t="s">
        <v>9</v>
      </c>
      <c r="F21876" s="7">
        <v>38657</v>
      </c>
      <c r="G21876" s="8">
        <v>1</v>
      </c>
      <c r="H21876" s="8">
        <v>1</v>
      </c>
      <c r="I21876" s="8">
        <v>0</v>
      </c>
      <c r="J21876" s="8">
        <v>1</v>
      </c>
      <c r="K21876" s="9">
        <v>36</v>
      </c>
      <c r="L21876" s="6" t="s">
        <v>4151</v>
      </c>
    </row>
    <row r="21877" spans="1:12">
      <c r="A21877" s="6" t="s">
        <v>4151</v>
      </c>
      <c r="B21877" s="6"/>
      <c r="C21877" s="6" t="s">
        <v>21913</v>
      </c>
      <c r="D21877" s="6"/>
      <c r="E21877" s="6" t="s">
        <v>9</v>
      </c>
      <c r="F21877" s="7">
        <v>38657</v>
      </c>
      <c r="G21877" s="8">
        <v>1</v>
      </c>
      <c r="H21877" s="8">
        <v>1</v>
      </c>
      <c r="I21877" s="8">
        <v>0</v>
      </c>
      <c r="J21877" s="8">
        <v>1</v>
      </c>
      <c r="K21877" s="9">
        <v>3.88</v>
      </c>
      <c r="L21877" s="6" t="s">
        <v>4151</v>
      </c>
    </row>
    <row r="21878" spans="1:12">
      <c r="A21878" s="6" t="s">
        <v>4151</v>
      </c>
      <c r="B21878" s="6"/>
      <c r="C21878" s="6" t="s">
        <v>21914</v>
      </c>
      <c r="D21878" s="6"/>
      <c r="E21878" s="6" t="s">
        <v>9</v>
      </c>
      <c r="F21878" s="7">
        <v>38657</v>
      </c>
      <c r="G21878" s="8">
        <v>1</v>
      </c>
      <c r="H21878" s="8">
        <v>1</v>
      </c>
      <c r="I21878" s="8">
        <v>0</v>
      </c>
      <c r="J21878" s="8">
        <v>1</v>
      </c>
      <c r="K21878" s="9">
        <v>0.48</v>
      </c>
      <c r="L21878" s="6" t="s">
        <v>4151</v>
      </c>
    </row>
    <row r="21879" spans="1:12">
      <c r="A21879" s="6" t="s">
        <v>4151</v>
      </c>
      <c r="B21879" s="6"/>
      <c r="C21879" s="6" t="s">
        <v>21915</v>
      </c>
      <c r="D21879" s="6"/>
      <c r="E21879" s="6" t="s">
        <v>9</v>
      </c>
      <c r="F21879" s="7">
        <v>38657</v>
      </c>
      <c r="G21879" s="8">
        <v>1</v>
      </c>
      <c r="H21879" s="8">
        <v>1</v>
      </c>
      <c r="I21879" s="8">
        <v>0</v>
      </c>
      <c r="J21879" s="8">
        <v>1</v>
      </c>
      <c r="K21879" s="9">
        <v>44</v>
      </c>
      <c r="L21879" s="6" t="s">
        <v>4151</v>
      </c>
    </row>
    <row r="21880" spans="1:12">
      <c r="A21880" s="6" t="s">
        <v>4151</v>
      </c>
      <c r="B21880" s="6"/>
      <c r="C21880" s="6" t="s">
        <v>21916</v>
      </c>
      <c r="D21880" s="6"/>
      <c r="E21880" s="6" t="s">
        <v>9</v>
      </c>
      <c r="F21880" s="7">
        <v>38657</v>
      </c>
      <c r="G21880" s="8">
        <v>1</v>
      </c>
      <c r="H21880" s="8">
        <v>1</v>
      </c>
      <c r="I21880" s="8">
        <v>0</v>
      </c>
      <c r="J21880" s="8">
        <v>1</v>
      </c>
      <c r="K21880" s="9">
        <v>12.47</v>
      </c>
      <c r="L21880" s="6" t="s">
        <v>4151</v>
      </c>
    </row>
    <row r="21881" spans="1:12">
      <c r="A21881" s="6" t="s">
        <v>4151</v>
      </c>
      <c r="B21881" s="6"/>
      <c r="C21881" s="6" t="s">
        <v>21917</v>
      </c>
      <c r="D21881" s="6"/>
      <c r="E21881" s="6" t="s">
        <v>9</v>
      </c>
      <c r="F21881" s="7">
        <v>38657</v>
      </c>
      <c r="G21881" s="8">
        <v>1</v>
      </c>
      <c r="H21881" s="8">
        <v>1</v>
      </c>
      <c r="I21881" s="8">
        <v>0</v>
      </c>
      <c r="J21881" s="8">
        <v>1</v>
      </c>
      <c r="K21881" s="9">
        <v>2.85</v>
      </c>
      <c r="L21881" s="6" t="s">
        <v>4151</v>
      </c>
    </row>
    <row r="21882" spans="1:12">
      <c r="A21882" s="6" t="s">
        <v>4151</v>
      </c>
      <c r="B21882" s="6"/>
      <c r="C21882" s="6" t="s">
        <v>21918</v>
      </c>
      <c r="D21882" s="6"/>
      <c r="E21882" s="6" t="s">
        <v>9</v>
      </c>
      <c r="F21882" s="7">
        <v>38657</v>
      </c>
      <c r="G21882" s="8">
        <v>1</v>
      </c>
      <c r="H21882" s="8">
        <v>1</v>
      </c>
      <c r="I21882" s="8">
        <v>0</v>
      </c>
      <c r="J21882" s="8">
        <v>1</v>
      </c>
      <c r="K21882" s="9">
        <v>44</v>
      </c>
      <c r="L21882" s="6" t="s">
        <v>4151</v>
      </c>
    </row>
    <row r="21883" spans="1:12">
      <c r="A21883" s="6" t="s">
        <v>4151</v>
      </c>
      <c r="B21883" s="6"/>
      <c r="C21883" s="6" t="s">
        <v>21919</v>
      </c>
      <c r="D21883" s="6"/>
      <c r="E21883" s="6" t="s">
        <v>9</v>
      </c>
      <c r="F21883" s="7">
        <v>38657</v>
      </c>
      <c r="G21883" s="8">
        <v>1</v>
      </c>
      <c r="H21883" s="8">
        <v>1</v>
      </c>
      <c r="I21883" s="8">
        <v>0</v>
      </c>
      <c r="J21883" s="8">
        <v>1</v>
      </c>
      <c r="K21883" s="9">
        <v>2.64</v>
      </c>
      <c r="L21883" s="6" t="s">
        <v>4151</v>
      </c>
    </row>
    <row r="21884" spans="1:12">
      <c r="A21884" s="6" t="s">
        <v>4151</v>
      </c>
      <c r="B21884" s="6"/>
      <c r="C21884" s="6" t="s">
        <v>21920</v>
      </c>
      <c r="D21884" s="6"/>
      <c r="E21884" s="6" t="s">
        <v>9</v>
      </c>
      <c r="F21884" s="7">
        <v>38657</v>
      </c>
      <c r="G21884" s="8">
        <v>1</v>
      </c>
      <c r="H21884" s="8">
        <v>1</v>
      </c>
      <c r="I21884" s="8">
        <v>0</v>
      </c>
      <c r="J21884" s="8">
        <v>1</v>
      </c>
      <c r="K21884" s="9">
        <v>41</v>
      </c>
      <c r="L21884" s="6" t="s">
        <v>4151</v>
      </c>
    </row>
    <row r="21885" spans="1:12">
      <c r="A21885" s="6" t="s">
        <v>4151</v>
      </c>
      <c r="B21885" s="6"/>
      <c r="C21885" s="6" t="s">
        <v>21921</v>
      </c>
      <c r="D21885" s="6"/>
      <c r="E21885" s="6" t="s">
        <v>9</v>
      </c>
      <c r="F21885" s="7">
        <v>38657</v>
      </c>
      <c r="G21885" s="8">
        <v>1</v>
      </c>
      <c r="H21885" s="8">
        <v>1</v>
      </c>
      <c r="I21885" s="8">
        <v>0</v>
      </c>
      <c r="J21885" s="8">
        <v>1</v>
      </c>
      <c r="K21885" s="9">
        <v>40</v>
      </c>
      <c r="L21885" s="6" t="s">
        <v>4151</v>
      </c>
    </row>
    <row r="21886" spans="1:12">
      <c r="A21886" s="6" t="s">
        <v>4151</v>
      </c>
      <c r="B21886" s="6"/>
      <c r="C21886" s="6" t="s">
        <v>21922</v>
      </c>
      <c r="D21886" s="6"/>
      <c r="E21886" s="6" t="s">
        <v>9</v>
      </c>
      <c r="F21886" s="7">
        <v>38657</v>
      </c>
      <c r="G21886" s="8">
        <v>1</v>
      </c>
      <c r="H21886" s="8">
        <v>1</v>
      </c>
      <c r="I21886" s="8">
        <v>0</v>
      </c>
      <c r="J21886" s="8">
        <v>1</v>
      </c>
      <c r="K21886" s="9">
        <v>23</v>
      </c>
      <c r="L21886" s="6" t="s">
        <v>4151</v>
      </c>
    </row>
    <row r="21887" spans="1:12">
      <c r="A21887" s="6" t="s">
        <v>4151</v>
      </c>
      <c r="B21887" s="6"/>
      <c r="C21887" s="6" t="s">
        <v>21923</v>
      </c>
      <c r="D21887" s="6"/>
      <c r="E21887" s="6" t="s">
        <v>9</v>
      </c>
      <c r="F21887" s="7">
        <v>38657</v>
      </c>
      <c r="G21887" s="8">
        <v>1</v>
      </c>
      <c r="H21887" s="8">
        <v>1</v>
      </c>
      <c r="I21887" s="8">
        <v>0</v>
      </c>
      <c r="J21887" s="8">
        <v>1</v>
      </c>
      <c r="K21887" s="9">
        <v>62</v>
      </c>
      <c r="L21887" s="6" t="s">
        <v>4151</v>
      </c>
    </row>
    <row r="21888" spans="1:12">
      <c r="A21888" s="6" t="s">
        <v>4151</v>
      </c>
      <c r="B21888" s="6"/>
      <c r="C21888" s="6" t="s">
        <v>21924</v>
      </c>
      <c r="D21888" s="6"/>
      <c r="E21888" s="6" t="s">
        <v>9</v>
      </c>
      <c r="F21888" s="7">
        <v>38657</v>
      </c>
      <c r="G21888" s="8">
        <v>1</v>
      </c>
      <c r="H21888" s="8">
        <v>1</v>
      </c>
      <c r="I21888" s="8">
        <v>0</v>
      </c>
      <c r="J21888" s="8">
        <v>1</v>
      </c>
      <c r="K21888" s="9">
        <v>62</v>
      </c>
      <c r="L21888" s="6" t="s">
        <v>4151</v>
      </c>
    </row>
    <row r="21889" spans="1:12">
      <c r="A21889" s="6" t="s">
        <v>4151</v>
      </c>
      <c r="B21889" s="6"/>
      <c r="C21889" s="6" t="s">
        <v>21925</v>
      </c>
      <c r="D21889" s="6"/>
      <c r="E21889" s="6" t="s">
        <v>9</v>
      </c>
      <c r="F21889" s="7">
        <v>38657</v>
      </c>
      <c r="G21889" s="8">
        <v>1</v>
      </c>
      <c r="H21889" s="8">
        <v>1</v>
      </c>
      <c r="I21889" s="8">
        <v>0</v>
      </c>
      <c r="J21889" s="8">
        <v>1</v>
      </c>
      <c r="K21889" s="9">
        <v>62</v>
      </c>
      <c r="L21889" s="6" t="s">
        <v>4151</v>
      </c>
    </row>
    <row r="21890" spans="1:12">
      <c r="A21890" s="6" t="s">
        <v>4151</v>
      </c>
      <c r="B21890" s="6"/>
      <c r="C21890" s="6" t="s">
        <v>21926</v>
      </c>
      <c r="D21890" s="6"/>
      <c r="E21890" s="6" t="s">
        <v>9</v>
      </c>
      <c r="F21890" s="7">
        <v>38657</v>
      </c>
      <c r="G21890" s="8">
        <v>1</v>
      </c>
      <c r="H21890" s="8">
        <v>1</v>
      </c>
      <c r="I21890" s="8">
        <v>0</v>
      </c>
      <c r="J21890" s="8">
        <v>1</v>
      </c>
      <c r="K21890" s="9">
        <v>62</v>
      </c>
      <c r="L21890" s="6" t="s">
        <v>4151</v>
      </c>
    </row>
    <row r="21891" spans="1:12">
      <c r="A21891" s="6" t="s">
        <v>4151</v>
      </c>
      <c r="B21891" s="6"/>
      <c r="C21891" s="6" t="s">
        <v>21927</v>
      </c>
      <c r="D21891" s="6"/>
      <c r="E21891" s="6" t="s">
        <v>9</v>
      </c>
      <c r="F21891" s="7">
        <v>38657</v>
      </c>
      <c r="G21891" s="8">
        <v>1</v>
      </c>
      <c r="H21891" s="8">
        <v>1</v>
      </c>
      <c r="I21891" s="8">
        <v>0</v>
      </c>
      <c r="J21891" s="8">
        <v>1</v>
      </c>
      <c r="K21891" s="9">
        <v>65</v>
      </c>
      <c r="L21891" s="6" t="s">
        <v>4151</v>
      </c>
    </row>
    <row r="21892" spans="1:12">
      <c r="A21892" s="6" t="s">
        <v>4151</v>
      </c>
      <c r="B21892" s="6"/>
      <c r="C21892" s="6" t="s">
        <v>21928</v>
      </c>
      <c r="D21892" s="6"/>
      <c r="E21892" s="6" t="s">
        <v>9</v>
      </c>
      <c r="F21892" s="7">
        <v>38657</v>
      </c>
      <c r="G21892" s="8">
        <v>1</v>
      </c>
      <c r="H21892" s="8">
        <v>1</v>
      </c>
      <c r="I21892" s="8">
        <v>0</v>
      </c>
      <c r="J21892" s="8">
        <v>1</v>
      </c>
      <c r="K21892" s="9">
        <v>65</v>
      </c>
      <c r="L21892" s="6" t="s">
        <v>4151</v>
      </c>
    </row>
    <row r="21893" spans="1:12">
      <c r="A21893" s="6" t="s">
        <v>4151</v>
      </c>
      <c r="B21893" s="6"/>
      <c r="C21893" s="6" t="s">
        <v>21929</v>
      </c>
      <c r="D21893" s="6"/>
      <c r="E21893" s="6" t="s">
        <v>9</v>
      </c>
      <c r="F21893" s="7">
        <v>38657</v>
      </c>
      <c r="G21893" s="8">
        <v>1</v>
      </c>
      <c r="H21893" s="8">
        <v>1</v>
      </c>
      <c r="I21893" s="8">
        <v>0</v>
      </c>
      <c r="J21893" s="8">
        <v>1</v>
      </c>
      <c r="K21893" s="9">
        <v>65</v>
      </c>
      <c r="L21893" s="6" t="s">
        <v>4151</v>
      </c>
    </row>
    <row r="21894" spans="1:12">
      <c r="A21894" s="6" t="s">
        <v>4151</v>
      </c>
      <c r="B21894" s="6"/>
      <c r="C21894" s="6" t="s">
        <v>21930</v>
      </c>
      <c r="D21894" s="6"/>
      <c r="E21894" s="6" t="s">
        <v>9</v>
      </c>
      <c r="F21894" s="7">
        <v>38657</v>
      </c>
      <c r="G21894" s="8">
        <v>1</v>
      </c>
      <c r="H21894" s="8">
        <v>1</v>
      </c>
      <c r="I21894" s="8">
        <v>0</v>
      </c>
      <c r="J21894" s="8">
        <v>1</v>
      </c>
      <c r="K21894" s="9">
        <v>65</v>
      </c>
      <c r="L21894" s="6" t="s">
        <v>4151</v>
      </c>
    </row>
    <row r="21895" spans="1:12">
      <c r="A21895" s="6" t="s">
        <v>4151</v>
      </c>
      <c r="B21895" s="6"/>
      <c r="C21895" s="6" t="s">
        <v>21931</v>
      </c>
      <c r="D21895" s="6"/>
      <c r="E21895" s="6" t="s">
        <v>9</v>
      </c>
      <c r="F21895" s="7">
        <v>38657</v>
      </c>
      <c r="G21895" s="8">
        <v>1</v>
      </c>
      <c r="H21895" s="8">
        <v>1</v>
      </c>
      <c r="I21895" s="8">
        <v>0</v>
      </c>
      <c r="J21895" s="8">
        <v>1</v>
      </c>
      <c r="K21895" s="9">
        <v>65</v>
      </c>
      <c r="L21895" s="6" t="s">
        <v>4151</v>
      </c>
    </row>
    <row r="21896" spans="1:12">
      <c r="A21896" s="6" t="s">
        <v>4151</v>
      </c>
      <c r="B21896" s="6"/>
      <c r="C21896" s="6" t="s">
        <v>21932</v>
      </c>
      <c r="D21896" s="6"/>
      <c r="E21896" s="6" t="s">
        <v>9</v>
      </c>
      <c r="F21896" s="7">
        <v>38657</v>
      </c>
      <c r="G21896" s="8">
        <v>1</v>
      </c>
      <c r="H21896" s="8">
        <v>1</v>
      </c>
      <c r="I21896" s="8">
        <v>0</v>
      </c>
      <c r="J21896" s="8">
        <v>1</v>
      </c>
      <c r="K21896" s="9">
        <v>23</v>
      </c>
      <c r="L21896" s="6" t="s">
        <v>4151</v>
      </c>
    </row>
    <row r="21897" spans="1:12">
      <c r="A21897" s="6" t="s">
        <v>4151</v>
      </c>
      <c r="B21897" s="6"/>
      <c r="C21897" s="6" t="s">
        <v>21933</v>
      </c>
      <c r="D21897" s="6"/>
      <c r="E21897" s="6" t="s">
        <v>9</v>
      </c>
      <c r="F21897" s="7">
        <v>38657</v>
      </c>
      <c r="G21897" s="8">
        <v>1</v>
      </c>
      <c r="H21897" s="8">
        <v>1</v>
      </c>
      <c r="I21897" s="8">
        <v>0</v>
      </c>
      <c r="J21897" s="8">
        <v>1</v>
      </c>
      <c r="K21897" s="9">
        <v>23</v>
      </c>
      <c r="L21897" s="6" t="s">
        <v>4151</v>
      </c>
    </row>
    <row r="21898" spans="1:12">
      <c r="A21898" s="6" t="s">
        <v>4151</v>
      </c>
      <c r="B21898" s="6"/>
      <c r="C21898" s="6" t="s">
        <v>21934</v>
      </c>
      <c r="D21898" s="6"/>
      <c r="E21898" s="6" t="s">
        <v>9</v>
      </c>
      <c r="F21898" s="7">
        <v>38657</v>
      </c>
      <c r="G21898" s="8">
        <v>1</v>
      </c>
      <c r="H21898" s="8">
        <v>1</v>
      </c>
      <c r="I21898" s="8">
        <v>0</v>
      </c>
      <c r="J21898" s="8">
        <v>1</v>
      </c>
      <c r="K21898" s="9">
        <v>23</v>
      </c>
      <c r="L21898" s="6" t="s">
        <v>4151</v>
      </c>
    </row>
    <row r="21899" spans="1:12">
      <c r="A21899" s="6" t="s">
        <v>4151</v>
      </c>
      <c r="B21899" s="6"/>
      <c r="C21899" s="6" t="s">
        <v>21935</v>
      </c>
      <c r="D21899" s="6"/>
      <c r="E21899" s="6" t="s">
        <v>9</v>
      </c>
      <c r="F21899" s="7">
        <v>38657</v>
      </c>
      <c r="G21899" s="8">
        <v>1</v>
      </c>
      <c r="H21899" s="8">
        <v>1</v>
      </c>
      <c r="I21899" s="8">
        <v>0</v>
      </c>
      <c r="J21899" s="8">
        <v>1</v>
      </c>
      <c r="K21899" s="9">
        <v>23</v>
      </c>
      <c r="L21899" s="6" t="s">
        <v>4151</v>
      </c>
    </row>
    <row r="21900" spans="1:12">
      <c r="A21900" s="6" t="s">
        <v>4151</v>
      </c>
      <c r="B21900" s="6"/>
      <c r="C21900" s="6" t="s">
        <v>21936</v>
      </c>
      <c r="D21900" s="6"/>
      <c r="E21900" s="6" t="s">
        <v>9</v>
      </c>
      <c r="F21900" s="7">
        <v>38657</v>
      </c>
      <c r="G21900" s="8">
        <v>1</v>
      </c>
      <c r="H21900" s="8">
        <v>1</v>
      </c>
      <c r="I21900" s="8">
        <v>0</v>
      </c>
      <c r="J21900" s="8">
        <v>1</v>
      </c>
      <c r="K21900" s="9">
        <v>23</v>
      </c>
      <c r="L21900" s="6" t="s">
        <v>4151</v>
      </c>
    </row>
    <row r="21901" spans="1:12">
      <c r="A21901" s="6" t="s">
        <v>4151</v>
      </c>
      <c r="B21901" s="6"/>
      <c r="C21901" s="6" t="s">
        <v>21937</v>
      </c>
      <c r="D21901" s="6"/>
      <c r="E21901" s="6" t="s">
        <v>9</v>
      </c>
      <c r="F21901" s="7">
        <v>38657</v>
      </c>
      <c r="G21901" s="8">
        <v>1</v>
      </c>
      <c r="H21901" s="8">
        <v>1</v>
      </c>
      <c r="I21901" s="8">
        <v>0</v>
      </c>
      <c r="J21901" s="8">
        <v>1</v>
      </c>
      <c r="K21901" s="9">
        <v>65</v>
      </c>
      <c r="L21901" s="6" t="s">
        <v>4151</v>
      </c>
    </row>
    <row r="21902" spans="1:12">
      <c r="A21902" s="6" t="s">
        <v>4151</v>
      </c>
      <c r="B21902" s="6"/>
      <c r="C21902" s="6" t="s">
        <v>21938</v>
      </c>
      <c r="D21902" s="6"/>
      <c r="E21902" s="6" t="s">
        <v>9</v>
      </c>
      <c r="F21902" s="7">
        <v>38657</v>
      </c>
      <c r="G21902" s="8">
        <v>1</v>
      </c>
      <c r="H21902" s="8">
        <v>1</v>
      </c>
      <c r="I21902" s="8">
        <v>0</v>
      </c>
      <c r="J21902" s="8">
        <v>1</v>
      </c>
      <c r="K21902" s="9">
        <v>23</v>
      </c>
      <c r="L21902" s="6" t="s">
        <v>4151</v>
      </c>
    </row>
    <row r="21903" spans="1:12">
      <c r="A21903" s="6" t="s">
        <v>4151</v>
      </c>
      <c r="B21903" s="6"/>
      <c r="C21903" s="6" t="s">
        <v>21939</v>
      </c>
      <c r="D21903" s="6"/>
      <c r="E21903" s="6" t="s">
        <v>9</v>
      </c>
      <c r="F21903" s="7">
        <v>38657</v>
      </c>
      <c r="G21903" s="8">
        <v>1</v>
      </c>
      <c r="H21903" s="8">
        <v>1</v>
      </c>
      <c r="I21903" s="8">
        <v>0</v>
      </c>
      <c r="J21903" s="8">
        <v>1</v>
      </c>
      <c r="K21903" s="9">
        <v>23</v>
      </c>
      <c r="L21903" s="6" t="s">
        <v>4151</v>
      </c>
    </row>
    <row r="21904" spans="1:12">
      <c r="A21904" s="6" t="s">
        <v>4151</v>
      </c>
      <c r="B21904" s="6"/>
      <c r="C21904" s="6" t="s">
        <v>21940</v>
      </c>
      <c r="D21904" s="6"/>
      <c r="E21904" s="6" t="s">
        <v>9</v>
      </c>
      <c r="F21904" s="7">
        <v>38657</v>
      </c>
      <c r="G21904" s="8">
        <v>1</v>
      </c>
      <c r="H21904" s="8">
        <v>1</v>
      </c>
      <c r="I21904" s="8">
        <v>0</v>
      </c>
      <c r="J21904" s="8">
        <v>1</v>
      </c>
      <c r="K21904" s="9">
        <v>23</v>
      </c>
      <c r="L21904" s="6" t="s">
        <v>4151</v>
      </c>
    </row>
    <row r="21905" spans="1:12">
      <c r="A21905" s="6" t="s">
        <v>4151</v>
      </c>
      <c r="B21905" s="6"/>
      <c r="C21905" s="6" t="s">
        <v>21941</v>
      </c>
      <c r="D21905" s="6"/>
      <c r="E21905" s="6" t="s">
        <v>9</v>
      </c>
      <c r="F21905" s="7">
        <v>38657</v>
      </c>
      <c r="G21905" s="8">
        <v>1</v>
      </c>
      <c r="H21905" s="8">
        <v>1</v>
      </c>
      <c r="I21905" s="8">
        <v>0</v>
      </c>
      <c r="J21905" s="8">
        <v>1</v>
      </c>
      <c r="K21905" s="9">
        <v>23</v>
      </c>
      <c r="L21905" s="6" t="s">
        <v>4151</v>
      </c>
    </row>
    <row r="21906" spans="1:12">
      <c r="A21906" s="6" t="s">
        <v>4151</v>
      </c>
      <c r="B21906" s="6"/>
      <c r="C21906" s="6" t="s">
        <v>21942</v>
      </c>
      <c r="D21906" s="6"/>
      <c r="E21906" s="6" t="s">
        <v>9</v>
      </c>
      <c r="F21906" s="7">
        <v>38657</v>
      </c>
      <c r="G21906" s="8">
        <v>1</v>
      </c>
      <c r="H21906" s="8">
        <v>1</v>
      </c>
      <c r="I21906" s="8">
        <v>0</v>
      </c>
      <c r="J21906" s="8">
        <v>1</v>
      </c>
      <c r="K21906" s="9">
        <v>23</v>
      </c>
      <c r="L21906" s="6" t="s">
        <v>4151</v>
      </c>
    </row>
    <row r="21907" spans="1:12">
      <c r="A21907" s="6" t="s">
        <v>4151</v>
      </c>
      <c r="B21907" s="6"/>
      <c r="C21907" s="6" t="s">
        <v>21943</v>
      </c>
      <c r="D21907" s="6"/>
      <c r="E21907" s="6" t="s">
        <v>9</v>
      </c>
      <c r="F21907" s="7">
        <v>38657</v>
      </c>
      <c r="G21907" s="8">
        <v>1</v>
      </c>
      <c r="H21907" s="8">
        <v>1</v>
      </c>
      <c r="I21907" s="8">
        <v>0</v>
      </c>
      <c r="J21907" s="8">
        <v>1</v>
      </c>
      <c r="K21907" s="9">
        <v>23</v>
      </c>
      <c r="L21907" s="6" t="s">
        <v>4151</v>
      </c>
    </row>
    <row r="21908" spans="1:12">
      <c r="A21908" s="6" t="s">
        <v>4151</v>
      </c>
      <c r="B21908" s="6"/>
      <c r="C21908" s="6" t="s">
        <v>21944</v>
      </c>
      <c r="D21908" s="6"/>
      <c r="E21908" s="6" t="s">
        <v>9</v>
      </c>
      <c r="F21908" s="7">
        <v>38657</v>
      </c>
      <c r="G21908" s="8">
        <v>1</v>
      </c>
      <c r="H21908" s="8">
        <v>1</v>
      </c>
      <c r="I21908" s="8">
        <v>0</v>
      </c>
      <c r="J21908" s="8">
        <v>1</v>
      </c>
      <c r="K21908" s="9">
        <v>23</v>
      </c>
      <c r="L21908" s="6" t="s">
        <v>4151</v>
      </c>
    </row>
    <row r="21909" spans="1:12">
      <c r="A21909" s="6" t="s">
        <v>4151</v>
      </c>
      <c r="B21909" s="6"/>
      <c r="C21909" s="6" t="s">
        <v>21945</v>
      </c>
      <c r="D21909" s="6"/>
      <c r="E21909" s="6" t="s">
        <v>9</v>
      </c>
      <c r="F21909" s="7">
        <v>38657</v>
      </c>
      <c r="G21909" s="8">
        <v>1</v>
      </c>
      <c r="H21909" s="8">
        <v>1</v>
      </c>
      <c r="I21909" s="8">
        <v>0</v>
      </c>
      <c r="J21909" s="8">
        <v>1</v>
      </c>
      <c r="K21909" s="9">
        <v>23</v>
      </c>
      <c r="L21909" s="6" t="s">
        <v>4151</v>
      </c>
    </row>
    <row r="21910" spans="1:12">
      <c r="A21910" s="6" t="s">
        <v>4151</v>
      </c>
      <c r="B21910" s="6"/>
      <c r="C21910" s="6" t="s">
        <v>21946</v>
      </c>
      <c r="D21910" s="6"/>
      <c r="E21910" s="6" t="s">
        <v>9</v>
      </c>
      <c r="F21910" s="7">
        <v>38657</v>
      </c>
      <c r="G21910" s="8">
        <v>1</v>
      </c>
      <c r="H21910" s="8">
        <v>1</v>
      </c>
      <c r="I21910" s="8">
        <v>0</v>
      </c>
      <c r="J21910" s="8">
        <v>1</v>
      </c>
      <c r="K21910" s="9">
        <v>23</v>
      </c>
      <c r="L21910" s="6" t="s">
        <v>4151</v>
      </c>
    </row>
    <row r="21911" spans="1:12">
      <c r="A21911" s="6" t="s">
        <v>4151</v>
      </c>
      <c r="B21911" s="6"/>
      <c r="C21911" s="6" t="s">
        <v>21947</v>
      </c>
      <c r="D21911" s="6"/>
      <c r="E21911" s="6" t="s">
        <v>9</v>
      </c>
      <c r="F21911" s="7">
        <v>38657</v>
      </c>
      <c r="G21911" s="8">
        <v>1</v>
      </c>
      <c r="H21911" s="8">
        <v>1</v>
      </c>
      <c r="I21911" s="8">
        <v>0</v>
      </c>
      <c r="J21911" s="8">
        <v>1</v>
      </c>
      <c r="K21911" s="9">
        <v>23</v>
      </c>
      <c r="L21911" s="6" t="s">
        <v>4151</v>
      </c>
    </row>
    <row r="21912" spans="1:12">
      <c r="A21912" s="6" t="s">
        <v>4151</v>
      </c>
      <c r="B21912" s="6"/>
      <c r="C21912" s="6" t="s">
        <v>21948</v>
      </c>
      <c r="D21912" s="6"/>
      <c r="E21912" s="6" t="s">
        <v>9</v>
      </c>
      <c r="F21912" s="7">
        <v>38657</v>
      </c>
      <c r="G21912" s="8">
        <v>1</v>
      </c>
      <c r="H21912" s="8">
        <v>1</v>
      </c>
      <c r="I21912" s="8">
        <v>0</v>
      </c>
      <c r="J21912" s="8">
        <v>1</v>
      </c>
      <c r="K21912" s="9">
        <v>25.09</v>
      </c>
      <c r="L21912" s="6" t="s">
        <v>4151</v>
      </c>
    </row>
    <row r="21913" spans="1:12">
      <c r="A21913" s="6" t="s">
        <v>4151</v>
      </c>
      <c r="B21913" s="6"/>
      <c r="C21913" s="6" t="s">
        <v>21949</v>
      </c>
      <c r="D21913" s="6"/>
      <c r="E21913" s="6" t="s">
        <v>9</v>
      </c>
      <c r="F21913" s="7">
        <v>38657</v>
      </c>
      <c r="G21913" s="8">
        <v>1</v>
      </c>
      <c r="H21913" s="8">
        <v>1</v>
      </c>
      <c r="I21913" s="8">
        <v>0</v>
      </c>
      <c r="J21913" s="8">
        <v>1</v>
      </c>
      <c r="K21913" s="9">
        <v>83</v>
      </c>
      <c r="L21913" s="6" t="s">
        <v>4151</v>
      </c>
    </row>
    <row r="21914" spans="1:12">
      <c r="A21914" s="6" t="s">
        <v>4151</v>
      </c>
      <c r="B21914" s="6"/>
      <c r="C21914" s="6" t="s">
        <v>21950</v>
      </c>
      <c r="D21914" s="6"/>
      <c r="E21914" s="6" t="s">
        <v>9</v>
      </c>
      <c r="F21914" s="7">
        <v>38657</v>
      </c>
      <c r="G21914" s="8">
        <v>1</v>
      </c>
      <c r="H21914" s="8">
        <v>1</v>
      </c>
      <c r="I21914" s="8">
        <v>0</v>
      </c>
      <c r="J21914" s="8">
        <v>1</v>
      </c>
      <c r="K21914" s="9">
        <v>65</v>
      </c>
      <c r="L21914" s="6" t="s">
        <v>4151</v>
      </c>
    </row>
    <row r="21915" spans="1:12">
      <c r="A21915" s="6" t="s">
        <v>4151</v>
      </c>
      <c r="B21915" s="6"/>
      <c r="C21915" s="6" t="s">
        <v>21951</v>
      </c>
      <c r="D21915" s="6"/>
      <c r="E21915" s="6" t="s">
        <v>9</v>
      </c>
      <c r="F21915" s="7">
        <v>38657</v>
      </c>
      <c r="G21915" s="8">
        <v>1</v>
      </c>
      <c r="H21915" s="8">
        <v>1</v>
      </c>
      <c r="I21915" s="8">
        <v>0</v>
      </c>
      <c r="J21915" s="8">
        <v>1</v>
      </c>
      <c r="K21915" s="9">
        <v>13</v>
      </c>
      <c r="L21915" s="6" t="s">
        <v>4151</v>
      </c>
    </row>
    <row r="21916" spans="1:12">
      <c r="A21916" s="6" t="s">
        <v>4151</v>
      </c>
      <c r="B21916" s="6"/>
      <c r="C21916" s="6" t="s">
        <v>21952</v>
      </c>
      <c r="D21916" s="6"/>
      <c r="E21916" s="6" t="s">
        <v>9</v>
      </c>
      <c r="F21916" s="7">
        <v>38657</v>
      </c>
      <c r="G21916" s="8">
        <v>1</v>
      </c>
      <c r="H21916" s="8">
        <v>1</v>
      </c>
      <c r="I21916" s="8">
        <v>0</v>
      </c>
      <c r="J21916" s="8">
        <v>1</v>
      </c>
      <c r="K21916" s="9">
        <v>43.27</v>
      </c>
      <c r="L21916" s="6" t="s">
        <v>4151</v>
      </c>
    </row>
    <row r="21917" spans="1:12">
      <c r="A21917" s="6" t="s">
        <v>4151</v>
      </c>
      <c r="B21917" s="6"/>
      <c r="C21917" s="6" t="s">
        <v>21953</v>
      </c>
      <c r="D21917" s="6"/>
      <c r="E21917" s="6" t="s">
        <v>9</v>
      </c>
      <c r="F21917" s="7">
        <v>38657</v>
      </c>
      <c r="G21917" s="8">
        <v>1</v>
      </c>
      <c r="H21917" s="8">
        <v>1</v>
      </c>
      <c r="I21917" s="8">
        <v>0</v>
      </c>
      <c r="J21917" s="8">
        <v>1</v>
      </c>
      <c r="K21917" s="9">
        <v>9.91</v>
      </c>
      <c r="L21917" s="6" t="s">
        <v>4151</v>
      </c>
    </row>
    <row r="21918" spans="1:12">
      <c r="A21918" s="6" t="s">
        <v>4151</v>
      </c>
      <c r="B21918" s="6"/>
      <c r="C21918" s="6" t="s">
        <v>21954</v>
      </c>
      <c r="D21918" s="6"/>
      <c r="E21918" s="6" t="s">
        <v>9</v>
      </c>
      <c r="F21918" s="7">
        <v>38657</v>
      </c>
      <c r="G21918" s="8">
        <v>1</v>
      </c>
      <c r="H21918" s="8">
        <v>1</v>
      </c>
      <c r="I21918" s="8">
        <v>0</v>
      </c>
      <c r="J21918" s="8">
        <v>1</v>
      </c>
      <c r="K21918" s="9">
        <v>13</v>
      </c>
      <c r="L21918" s="6" t="s">
        <v>4151</v>
      </c>
    </row>
    <row r="21919" spans="1:12">
      <c r="A21919" s="6" t="s">
        <v>4151</v>
      </c>
      <c r="B21919" s="6"/>
      <c r="C21919" s="6" t="s">
        <v>21955</v>
      </c>
      <c r="D21919" s="6"/>
      <c r="E21919" s="6" t="s">
        <v>9</v>
      </c>
      <c r="F21919" s="7">
        <v>38657</v>
      </c>
      <c r="G21919" s="8">
        <v>1</v>
      </c>
      <c r="H21919" s="8">
        <v>1</v>
      </c>
      <c r="I21919" s="8">
        <v>0</v>
      </c>
      <c r="J21919" s="8">
        <v>1</v>
      </c>
      <c r="K21919" s="9">
        <v>16</v>
      </c>
      <c r="L21919" s="6" t="s">
        <v>4151</v>
      </c>
    </row>
    <row r="21920" spans="1:12">
      <c r="A21920" s="6" t="s">
        <v>4151</v>
      </c>
      <c r="B21920" s="6"/>
      <c r="C21920" s="6" t="s">
        <v>21956</v>
      </c>
      <c r="D21920" s="6"/>
      <c r="E21920" s="6" t="s">
        <v>9</v>
      </c>
      <c r="F21920" s="7">
        <v>38657</v>
      </c>
      <c r="G21920" s="8">
        <v>1</v>
      </c>
      <c r="H21920" s="8">
        <v>1</v>
      </c>
      <c r="I21920" s="8">
        <v>0</v>
      </c>
      <c r="J21920" s="8">
        <v>1</v>
      </c>
      <c r="K21920" s="9">
        <v>23</v>
      </c>
      <c r="L21920" s="6" t="s">
        <v>4151</v>
      </c>
    </row>
    <row r="21921" spans="1:12">
      <c r="A21921" s="6" t="s">
        <v>4151</v>
      </c>
      <c r="B21921" s="6"/>
      <c r="C21921" s="6" t="s">
        <v>21957</v>
      </c>
      <c r="D21921" s="6"/>
      <c r="E21921" s="6" t="s">
        <v>9</v>
      </c>
      <c r="F21921" s="7">
        <v>38657</v>
      </c>
      <c r="G21921" s="8">
        <v>1</v>
      </c>
      <c r="H21921" s="8">
        <v>1</v>
      </c>
      <c r="I21921" s="8">
        <v>0</v>
      </c>
      <c r="J21921" s="8">
        <v>1</v>
      </c>
      <c r="K21921" s="9">
        <v>23</v>
      </c>
      <c r="L21921" s="6" t="s">
        <v>4151</v>
      </c>
    </row>
    <row r="21922" spans="1:12">
      <c r="A21922" s="6" t="s">
        <v>4151</v>
      </c>
      <c r="B21922" s="6"/>
      <c r="C21922" s="6" t="s">
        <v>21958</v>
      </c>
      <c r="D21922" s="6"/>
      <c r="E21922" s="6" t="s">
        <v>9</v>
      </c>
      <c r="F21922" s="7">
        <v>38657</v>
      </c>
      <c r="G21922" s="8">
        <v>1</v>
      </c>
      <c r="H21922" s="8">
        <v>1</v>
      </c>
      <c r="I21922" s="8">
        <v>0</v>
      </c>
      <c r="J21922" s="8">
        <v>1</v>
      </c>
      <c r="K21922" s="9">
        <v>23</v>
      </c>
      <c r="L21922" s="6" t="s">
        <v>4151</v>
      </c>
    </row>
    <row r="21923" spans="1:12">
      <c r="A21923" s="6" t="s">
        <v>4151</v>
      </c>
      <c r="B21923" s="6"/>
      <c r="C21923" s="6" t="s">
        <v>21959</v>
      </c>
      <c r="D21923" s="6"/>
      <c r="E21923" s="6" t="s">
        <v>9</v>
      </c>
      <c r="F21923" s="7">
        <v>38657</v>
      </c>
      <c r="G21923" s="8">
        <v>1</v>
      </c>
      <c r="H21923" s="8">
        <v>1</v>
      </c>
      <c r="I21923" s="8">
        <v>0</v>
      </c>
      <c r="J21923" s="8">
        <v>1</v>
      </c>
      <c r="K21923" s="9">
        <v>65</v>
      </c>
      <c r="L21923" s="6" t="s">
        <v>4151</v>
      </c>
    </row>
    <row r="21924" spans="1:12">
      <c r="A21924" s="6" t="s">
        <v>4151</v>
      </c>
      <c r="B21924" s="6"/>
      <c r="C21924" s="6" t="s">
        <v>21960</v>
      </c>
      <c r="D21924" s="6"/>
      <c r="E21924" s="6" t="s">
        <v>9</v>
      </c>
      <c r="F21924" s="7">
        <v>38657</v>
      </c>
      <c r="G21924" s="8">
        <v>1</v>
      </c>
      <c r="H21924" s="8">
        <v>1</v>
      </c>
      <c r="I21924" s="8">
        <v>0</v>
      </c>
      <c r="J21924" s="8">
        <v>1</v>
      </c>
      <c r="K21924" s="9">
        <v>23</v>
      </c>
      <c r="L21924" s="6" t="s">
        <v>4151</v>
      </c>
    </row>
    <row r="21925" spans="1:12">
      <c r="A21925" s="6" t="s">
        <v>4151</v>
      </c>
      <c r="B21925" s="6"/>
      <c r="C21925" s="6" t="s">
        <v>21961</v>
      </c>
      <c r="D21925" s="6"/>
      <c r="E21925" s="6" t="s">
        <v>9</v>
      </c>
      <c r="F21925" s="7">
        <v>38657</v>
      </c>
      <c r="G21925" s="8">
        <v>1</v>
      </c>
      <c r="H21925" s="8">
        <v>1</v>
      </c>
      <c r="I21925" s="8">
        <v>0</v>
      </c>
      <c r="J21925" s="8">
        <v>1</v>
      </c>
      <c r="K21925" s="9">
        <v>19</v>
      </c>
      <c r="L21925" s="6" t="s">
        <v>4151</v>
      </c>
    </row>
    <row r="21926" spans="1:12">
      <c r="A21926" s="6" t="s">
        <v>4151</v>
      </c>
      <c r="B21926" s="6"/>
      <c r="C21926" s="6" t="s">
        <v>21962</v>
      </c>
      <c r="D21926" s="6"/>
      <c r="E21926" s="6" t="s">
        <v>9</v>
      </c>
      <c r="F21926" s="7">
        <v>38657</v>
      </c>
      <c r="G21926" s="8">
        <v>1</v>
      </c>
      <c r="H21926" s="8">
        <v>1</v>
      </c>
      <c r="I21926" s="8">
        <v>0</v>
      </c>
      <c r="J21926" s="8">
        <v>1</v>
      </c>
      <c r="K21926" s="9">
        <v>23</v>
      </c>
      <c r="L21926" s="6" t="s">
        <v>4151</v>
      </c>
    </row>
    <row r="21927" spans="1:12">
      <c r="A21927" s="6" t="s">
        <v>4151</v>
      </c>
      <c r="B21927" s="6"/>
      <c r="C21927" s="6" t="s">
        <v>21963</v>
      </c>
      <c r="D21927" s="6"/>
      <c r="E21927" s="6" t="s">
        <v>9</v>
      </c>
      <c r="F21927" s="7">
        <v>38657</v>
      </c>
      <c r="G21927" s="8">
        <v>1</v>
      </c>
      <c r="H21927" s="8">
        <v>1</v>
      </c>
      <c r="I21927" s="8">
        <v>0</v>
      </c>
      <c r="J21927" s="8">
        <v>1</v>
      </c>
      <c r="K21927" s="9">
        <v>23</v>
      </c>
      <c r="L21927" s="6" t="s">
        <v>4151</v>
      </c>
    </row>
    <row r="21928" spans="1:12">
      <c r="A21928" s="6" t="s">
        <v>4151</v>
      </c>
      <c r="B21928" s="6"/>
      <c r="C21928" s="6" t="s">
        <v>21964</v>
      </c>
      <c r="D21928" s="6"/>
      <c r="E21928" s="6" t="s">
        <v>9</v>
      </c>
      <c r="F21928" s="7">
        <v>38657</v>
      </c>
      <c r="G21928" s="8">
        <v>1</v>
      </c>
      <c r="H21928" s="8">
        <v>1</v>
      </c>
      <c r="I21928" s="8">
        <v>0</v>
      </c>
      <c r="J21928" s="8">
        <v>1</v>
      </c>
      <c r="K21928" s="9">
        <v>23</v>
      </c>
      <c r="L21928" s="6" t="s">
        <v>4151</v>
      </c>
    </row>
    <row r="21929" spans="1:12">
      <c r="A21929" s="6" t="s">
        <v>4151</v>
      </c>
      <c r="B21929" s="6"/>
      <c r="C21929" s="6" t="s">
        <v>21965</v>
      </c>
      <c r="D21929" s="6"/>
      <c r="E21929" s="6" t="s">
        <v>9</v>
      </c>
      <c r="F21929" s="7">
        <v>38657</v>
      </c>
      <c r="G21929" s="8">
        <v>1</v>
      </c>
      <c r="H21929" s="8">
        <v>1</v>
      </c>
      <c r="I21929" s="8">
        <v>0</v>
      </c>
      <c r="J21929" s="8">
        <v>1</v>
      </c>
      <c r="K21929" s="9">
        <v>23</v>
      </c>
      <c r="L21929" s="6" t="s">
        <v>4151</v>
      </c>
    </row>
    <row r="21930" spans="1:12">
      <c r="A21930" s="6" t="s">
        <v>4151</v>
      </c>
      <c r="B21930" s="6"/>
      <c r="C21930" s="6" t="s">
        <v>21966</v>
      </c>
      <c r="D21930" s="6"/>
      <c r="E21930" s="6" t="s">
        <v>9</v>
      </c>
      <c r="F21930" s="7">
        <v>38657</v>
      </c>
      <c r="G21930" s="8">
        <v>1</v>
      </c>
      <c r="H21930" s="8">
        <v>1</v>
      </c>
      <c r="I21930" s="8">
        <v>0</v>
      </c>
      <c r="J21930" s="8">
        <v>1</v>
      </c>
      <c r="K21930" s="9">
        <v>23</v>
      </c>
      <c r="L21930" s="6" t="s">
        <v>4151</v>
      </c>
    </row>
    <row r="21931" spans="1:12">
      <c r="A21931" s="6" t="s">
        <v>4151</v>
      </c>
      <c r="B21931" s="6"/>
      <c r="C21931" s="6" t="s">
        <v>21967</v>
      </c>
      <c r="D21931" s="6"/>
      <c r="E21931" s="6" t="s">
        <v>9</v>
      </c>
      <c r="F21931" s="7">
        <v>38657</v>
      </c>
      <c r="G21931" s="8">
        <v>1</v>
      </c>
      <c r="H21931" s="8">
        <v>1</v>
      </c>
      <c r="I21931" s="8">
        <v>0</v>
      </c>
      <c r="J21931" s="8">
        <v>1</v>
      </c>
      <c r="K21931" s="9">
        <v>23</v>
      </c>
      <c r="L21931" s="6" t="s">
        <v>4151</v>
      </c>
    </row>
    <row r="21932" spans="1:12">
      <c r="A21932" s="6" t="s">
        <v>4151</v>
      </c>
      <c r="B21932" s="6"/>
      <c r="C21932" s="6" t="s">
        <v>21968</v>
      </c>
      <c r="D21932" s="6"/>
      <c r="E21932" s="6" t="s">
        <v>9</v>
      </c>
      <c r="F21932" s="7">
        <v>38657</v>
      </c>
      <c r="G21932" s="8">
        <v>1</v>
      </c>
      <c r="H21932" s="8">
        <v>1</v>
      </c>
      <c r="I21932" s="8">
        <v>0</v>
      </c>
      <c r="J21932" s="8">
        <v>1</v>
      </c>
      <c r="K21932" s="9">
        <v>65</v>
      </c>
      <c r="L21932" s="6" t="s">
        <v>4151</v>
      </c>
    </row>
    <row r="21933" spans="1:12">
      <c r="A21933" s="6" t="s">
        <v>4151</v>
      </c>
      <c r="B21933" s="6"/>
      <c r="C21933" s="6" t="s">
        <v>21969</v>
      </c>
      <c r="D21933" s="6"/>
      <c r="E21933" s="6" t="s">
        <v>9</v>
      </c>
      <c r="F21933" s="7">
        <v>38657</v>
      </c>
      <c r="G21933" s="8">
        <v>1</v>
      </c>
      <c r="H21933" s="8">
        <v>1</v>
      </c>
      <c r="I21933" s="8">
        <v>0</v>
      </c>
      <c r="J21933" s="8">
        <v>1</v>
      </c>
      <c r="K21933" s="9">
        <v>23</v>
      </c>
      <c r="L21933" s="6" t="s">
        <v>4151</v>
      </c>
    </row>
    <row r="21934" spans="1:12">
      <c r="A21934" s="6" t="s">
        <v>4151</v>
      </c>
      <c r="B21934" s="6"/>
      <c r="C21934" s="6" t="s">
        <v>21970</v>
      </c>
      <c r="D21934" s="6"/>
      <c r="E21934" s="6" t="s">
        <v>9</v>
      </c>
      <c r="F21934" s="7">
        <v>38657</v>
      </c>
      <c r="G21934" s="8">
        <v>1</v>
      </c>
      <c r="H21934" s="8">
        <v>1</v>
      </c>
      <c r="I21934" s="8">
        <v>0</v>
      </c>
      <c r="J21934" s="8">
        <v>1</v>
      </c>
      <c r="K21934" s="9">
        <v>23</v>
      </c>
      <c r="L21934" s="6" t="s">
        <v>4151</v>
      </c>
    </row>
    <row r="21935" spans="1:12">
      <c r="A21935" s="6" t="s">
        <v>4151</v>
      </c>
      <c r="B21935" s="6"/>
      <c r="C21935" s="6" t="s">
        <v>21971</v>
      </c>
      <c r="D21935" s="6"/>
      <c r="E21935" s="6" t="s">
        <v>9</v>
      </c>
      <c r="F21935" s="7">
        <v>38657</v>
      </c>
      <c r="G21935" s="8">
        <v>1</v>
      </c>
      <c r="H21935" s="8">
        <v>1</v>
      </c>
      <c r="I21935" s="8">
        <v>0</v>
      </c>
      <c r="J21935" s="8">
        <v>1</v>
      </c>
      <c r="K21935" s="9">
        <v>9.91</v>
      </c>
      <c r="L21935" s="6" t="s">
        <v>4151</v>
      </c>
    </row>
    <row r="21936" spans="1:12">
      <c r="A21936" s="6" t="s">
        <v>4151</v>
      </c>
      <c r="B21936" s="6"/>
      <c r="C21936" s="6" t="s">
        <v>21972</v>
      </c>
      <c r="D21936" s="6"/>
      <c r="E21936" s="6" t="s">
        <v>9</v>
      </c>
      <c r="F21936" s="7">
        <v>38657</v>
      </c>
      <c r="G21936" s="8">
        <v>1</v>
      </c>
      <c r="H21936" s="8">
        <v>1</v>
      </c>
      <c r="I21936" s="8">
        <v>0</v>
      </c>
      <c r="J21936" s="8">
        <v>1</v>
      </c>
      <c r="K21936" s="9">
        <v>23</v>
      </c>
      <c r="L21936" s="6" t="s">
        <v>4151</v>
      </c>
    </row>
    <row r="21937" spans="1:12">
      <c r="A21937" s="6" t="s">
        <v>4151</v>
      </c>
      <c r="B21937" s="6"/>
      <c r="C21937" s="6" t="s">
        <v>21973</v>
      </c>
      <c r="D21937" s="6"/>
      <c r="E21937" s="6" t="s">
        <v>9</v>
      </c>
      <c r="F21937" s="7">
        <v>38657</v>
      </c>
      <c r="G21937" s="8">
        <v>1</v>
      </c>
      <c r="H21937" s="8">
        <v>1</v>
      </c>
      <c r="I21937" s="8">
        <v>0</v>
      </c>
      <c r="J21937" s="8">
        <v>1</v>
      </c>
      <c r="K21937" s="9">
        <v>23</v>
      </c>
      <c r="L21937" s="6" t="s">
        <v>4151</v>
      </c>
    </row>
    <row r="21938" spans="1:12">
      <c r="A21938" s="6" t="s">
        <v>4151</v>
      </c>
      <c r="B21938" s="6"/>
      <c r="C21938" s="6" t="s">
        <v>21974</v>
      </c>
      <c r="D21938" s="6"/>
      <c r="E21938" s="6" t="s">
        <v>9</v>
      </c>
      <c r="F21938" s="7">
        <v>38657</v>
      </c>
      <c r="G21938" s="8">
        <v>1</v>
      </c>
      <c r="H21938" s="8">
        <v>1</v>
      </c>
      <c r="I21938" s="8">
        <v>0</v>
      </c>
      <c r="J21938" s="8">
        <v>1</v>
      </c>
      <c r="K21938" s="9">
        <v>23</v>
      </c>
      <c r="L21938" s="6" t="s">
        <v>4151</v>
      </c>
    </row>
    <row r="21939" spans="1:12">
      <c r="A21939" s="6" t="s">
        <v>4151</v>
      </c>
      <c r="B21939" s="6"/>
      <c r="C21939" s="6" t="s">
        <v>21975</v>
      </c>
      <c r="D21939" s="6"/>
      <c r="E21939" s="6" t="s">
        <v>9</v>
      </c>
      <c r="F21939" s="7">
        <v>38657</v>
      </c>
      <c r="G21939" s="8">
        <v>1</v>
      </c>
      <c r="H21939" s="8">
        <v>1</v>
      </c>
      <c r="I21939" s="8">
        <v>0</v>
      </c>
      <c r="J21939" s="8">
        <v>1</v>
      </c>
      <c r="K21939" s="9">
        <v>23</v>
      </c>
      <c r="L21939" s="6" t="s">
        <v>4151</v>
      </c>
    </row>
    <row r="21940" spans="1:12">
      <c r="A21940" s="6" t="s">
        <v>4151</v>
      </c>
      <c r="B21940" s="6"/>
      <c r="C21940" s="6" t="s">
        <v>21976</v>
      </c>
      <c r="D21940" s="6"/>
      <c r="E21940" s="6" t="s">
        <v>9</v>
      </c>
      <c r="F21940" s="7">
        <v>38657</v>
      </c>
      <c r="G21940" s="8">
        <v>1</v>
      </c>
      <c r="H21940" s="8">
        <v>1</v>
      </c>
      <c r="I21940" s="8">
        <v>0</v>
      </c>
      <c r="J21940" s="8">
        <v>1</v>
      </c>
      <c r="K21940" s="9">
        <v>23</v>
      </c>
      <c r="L21940" s="6" t="s">
        <v>4151</v>
      </c>
    </row>
    <row r="21941" spans="1:12">
      <c r="A21941" s="6" t="s">
        <v>4151</v>
      </c>
      <c r="B21941" s="6"/>
      <c r="C21941" s="6" t="s">
        <v>21977</v>
      </c>
      <c r="D21941" s="6"/>
      <c r="E21941" s="6" t="s">
        <v>9</v>
      </c>
      <c r="F21941" s="7">
        <v>38657</v>
      </c>
      <c r="G21941" s="8">
        <v>1</v>
      </c>
      <c r="H21941" s="8">
        <v>1</v>
      </c>
      <c r="I21941" s="8">
        <v>0</v>
      </c>
      <c r="J21941" s="8">
        <v>1</v>
      </c>
      <c r="K21941" s="9">
        <v>8.5</v>
      </c>
      <c r="L21941" s="6" t="s">
        <v>4151</v>
      </c>
    </row>
    <row r="21942" spans="1:12">
      <c r="A21942" s="6" t="s">
        <v>4151</v>
      </c>
      <c r="B21942" s="6"/>
      <c r="C21942" s="6" t="s">
        <v>21978</v>
      </c>
      <c r="D21942" s="6"/>
      <c r="E21942" s="6" t="s">
        <v>9</v>
      </c>
      <c r="F21942" s="7">
        <v>38657</v>
      </c>
      <c r="G21942" s="8">
        <v>1</v>
      </c>
      <c r="H21942" s="8">
        <v>1</v>
      </c>
      <c r="I21942" s="8">
        <v>0</v>
      </c>
      <c r="J21942" s="8">
        <v>1</v>
      </c>
      <c r="K21942" s="9">
        <v>65</v>
      </c>
      <c r="L21942" s="6" t="s">
        <v>4151</v>
      </c>
    </row>
    <row r="21943" spans="1:12">
      <c r="A21943" s="6" t="s">
        <v>4151</v>
      </c>
      <c r="B21943" s="6"/>
      <c r="C21943" s="6" t="s">
        <v>21979</v>
      </c>
      <c r="D21943" s="6"/>
      <c r="E21943" s="6" t="s">
        <v>9</v>
      </c>
      <c r="F21943" s="7">
        <v>38657</v>
      </c>
      <c r="G21943" s="8">
        <v>1</v>
      </c>
      <c r="H21943" s="8">
        <v>1</v>
      </c>
      <c r="I21943" s="8">
        <v>0</v>
      </c>
      <c r="J21943" s="8">
        <v>1</v>
      </c>
      <c r="K21943" s="9">
        <v>33</v>
      </c>
      <c r="L21943" s="6" t="s">
        <v>4151</v>
      </c>
    </row>
    <row r="21944" spans="1:12">
      <c r="A21944" s="6" t="s">
        <v>4151</v>
      </c>
      <c r="B21944" s="6"/>
      <c r="C21944" s="6" t="s">
        <v>21980</v>
      </c>
      <c r="D21944" s="6"/>
      <c r="E21944" s="6" t="s">
        <v>9</v>
      </c>
      <c r="F21944" s="7">
        <v>38657</v>
      </c>
      <c r="G21944" s="8">
        <v>1</v>
      </c>
      <c r="H21944" s="8">
        <v>1</v>
      </c>
      <c r="I21944" s="8">
        <v>0</v>
      </c>
      <c r="J21944" s="8">
        <v>1</v>
      </c>
      <c r="K21944" s="9">
        <v>44</v>
      </c>
      <c r="L21944" s="6" t="s">
        <v>4151</v>
      </c>
    </row>
    <row r="21945" spans="1:12">
      <c r="A21945" s="6" t="s">
        <v>4151</v>
      </c>
      <c r="B21945" s="6"/>
      <c r="C21945" s="6" t="s">
        <v>21981</v>
      </c>
      <c r="D21945" s="6"/>
      <c r="E21945" s="6" t="s">
        <v>9</v>
      </c>
      <c r="F21945" s="7">
        <v>38657</v>
      </c>
      <c r="G21945" s="8">
        <v>1</v>
      </c>
      <c r="H21945" s="8">
        <v>1</v>
      </c>
      <c r="I21945" s="8">
        <v>0</v>
      </c>
      <c r="J21945" s="8">
        <v>1</v>
      </c>
      <c r="K21945" s="9">
        <v>45</v>
      </c>
      <c r="L21945" s="6" t="s">
        <v>4151</v>
      </c>
    </row>
    <row r="21946" spans="1:12">
      <c r="A21946" s="6" t="s">
        <v>4151</v>
      </c>
      <c r="B21946" s="6"/>
      <c r="C21946" s="6" t="s">
        <v>21982</v>
      </c>
      <c r="D21946" s="6"/>
      <c r="E21946" s="6" t="s">
        <v>9</v>
      </c>
      <c r="F21946" s="7">
        <v>38657</v>
      </c>
      <c r="G21946" s="8">
        <v>1</v>
      </c>
      <c r="H21946" s="8">
        <v>1</v>
      </c>
      <c r="I21946" s="8">
        <v>0</v>
      </c>
      <c r="J21946" s="8">
        <v>1</v>
      </c>
      <c r="K21946" s="9">
        <v>6.08</v>
      </c>
      <c r="L21946" s="6" t="s">
        <v>4151</v>
      </c>
    </row>
    <row r="21947" spans="1:12">
      <c r="A21947" s="6" t="s">
        <v>4151</v>
      </c>
      <c r="B21947" s="6"/>
      <c r="C21947" s="6" t="s">
        <v>21983</v>
      </c>
      <c r="D21947" s="6"/>
      <c r="E21947" s="6" t="s">
        <v>9</v>
      </c>
      <c r="F21947" s="7">
        <v>38657</v>
      </c>
      <c r="G21947" s="8">
        <v>1</v>
      </c>
      <c r="H21947" s="8">
        <v>1</v>
      </c>
      <c r="I21947" s="8">
        <v>0</v>
      </c>
      <c r="J21947" s="8">
        <v>1</v>
      </c>
      <c r="K21947" s="9">
        <v>9.52</v>
      </c>
      <c r="L21947" s="6" t="s">
        <v>4151</v>
      </c>
    </row>
    <row r="21948" spans="1:12">
      <c r="A21948" s="6" t="s">
        <v>4151</v>
      </c>
      <c r="B21948" s="6"/>
      <c r="C21948" s="6" t="s">
        <v>21984</v>
      </c>
      <c r="D21948" s="6"/>
      <c r="E21948" s="6" t="s">
        <v>9</v>
      </c>
      <c r="F21948" s="7">
        <v>38657</v>
      </c>
      <c r="G21948" s="8">
        <v>1</v>
      </c>
      <c r="H21948" s="8">
        <v>1</v>
      </c>
      <c r="I21948" s="8">
        <v>0</v>
      </c>
      <c r="J21948" s="8">
        <v>1</v>
      </c>
      <c r="K21948" s="9">
        <v>8.4</v>
      </c>
      <c r="L21948" s="6" t="s">
        <v>4151</v>
      </c>
    </row>
    <row r="21949" spans="1:12">
      <c r="A21949" s="6" t="s">
        <v>4151</v>
      </c>
      <c r="B21949" s="6"/>
      <c r="C21949" s="6" t="s">
        <v>21985</v>
      </c>
      <c r="D21949" s="6"/>
      <c r="E21949" s="6" t="s">
        <v>9</v>
      </c>
      <c r="F21949" s="7">
        <v>38657</v>
      </c>
      <c r="G21949" s="8">
        <v>1</v>
      </c>
      <c r="H21949" s="8">
        <v>1</v>
      </c>
      <c r="I21949" s="8">
        <v>0</v>
      </c>
      <c r="J21949" s="8">
        <v>1</v>
      </c>
      <c r="K21949" s="9">
        <v>24</v>
      </c>
      <c r="L21949" s="6" t="s">
        <v>4151</v>
      </c>
    </row>
    <row r="21950" spans="1:12">
      <c r="A21950" s="6" t="s">
        <v>4151</v>
      </c>
      <c r="B21950" s="6"/>
      <c r="C21950" s="6" t="s">
        <v>21986</v>
      </c>
      <c r="D21950" s="6"/>
      <c r="E21950" s="6" t="s">
        <v>9</v>
      </c>
      <c r="F21950" s="7">
        <v>38657</v>
      </c>
      <c r="G21950" s="8">
        <v>1</v>
      </c>
      <c r="H21950" s="8">
        <v>1</v>
      </c>
      <c r="I21950" s="8">
        <v>0</v>
      </c>
      <c r="J21950" s="8">
        <v>1</v>
      </c>
      <c r="K21950" s="9">
        <v>39</v>
      </c>
      <c r="L21950" s="6" t="s">
        <v>4151</v>
      </c>
    </row>
    <row r="21951" spans="1:12">
      <c r="A21951" s="6" t="s">
        <v>4151</v>
      </c>
      <c r="B21951" s="6"/>
      <c r="C21951" s="6" t="s">
        <v>21987</v>
      </c>
      <c r="D21951" s="6"/>
      <c r="E21951" s="6" t="s">
        <v>9</v>
      </c>
      <c r="F21951" s="7">
        <v>38657</v>
      </c>
      <c r="G21951" s="8">
        <v>1</v>
      </c>
      <c r="H21951" s="8">
        <v>1</v>
      </c>
      <c r="I21951" s="8">
        <v>0</v>
      </c>
      <c r="J21951" s="8">
        <v>1</v>
      </c>
      <c r="K21951" s="9">
        <v>16</v>
      </c>
      <c r="L21951" s="6" t="s">
        <v>4151</v>
      </c>
    </row>
    <row r="21952" spans="1:12">
      <c r="A21952" s="6" t="s">
        <v>4151</v>
      </c>
      <c r="B21952" s="6"/>
      <c r="C21952" s="6" t="s">
        <v>21988</v>
      </c>
      <c r="D21952" s="6"/>
      <c r="E21952" s="6" t="s">
        <v>9</v>
      </c>
      <c r="F21952" s="7">
        <v>38657</v>
      </c>
      <c r="G21952" s="8">
        <v>1</v>
      </c>
      <c r="H21952" s="8">
        <v>1</v>
      </c>
      <c r="I21952" s="8">
        <v>0</v>
      </c>
      <c r="J21952" s="8">
        <v>1</v>
      </c>
      <c r="K21952" s="9">
        <v>16</v>
      </c>
      <c r="L21952" s="6" t="s">
        <v>4151</v>
      </c>
    </row>
    <row r="21953" spans="1:12">
      <c r="A21953" s="6" t="s">
        <v>4151</v>
      </c>
      <c r="B21953" s="6"/>
      <c r="C21953" s="6" t="s">
        <v>21989</v>
      </c>
      <c r="D21953" s="6"/>
      <c r="E21953" s="6" t="s">
        <v>9</v>
      </c>
      <c r="F21953" s="7">
        <v>38657</v>
      </c>
      <c r="G21953" s="8">
        <v>1</v>
      </c>
      <c r="H21953" s="8">
        <v>1</v>
      </c>
      <c r="I21953" s="8">
        <v>0</v>
      </c>
      <c r="J21953" s="8">
        <v>1</v>
      </c>
      <c r="K21953" s="9">
        <v>96</v>
      </c>
      <c r="L21953" s="6" t="s">
        <v>4151</v>
      </c>
    </row>
    <row r="21954" spans="1:12">
      <c r="A21954" s="6" t="s">
        <v>4151</v>
      </c>
      <c r="B21954" s="6"/>
      <c r="C21954" s="6" t="s">
        <v>21990</v>
      </c>
      <c r="D21954" s="6"/>
      <c r="E21954" s="6" t="s">
        <v>9</v>
      </c>
      <c r="F21954" s="7">
        <v>38657</v>
      </c>
      <c r="G21954" s="8">
        <v>1</v>
      </c>
      <c r="H21954" s="8">
        <v>1</v>
      </c>
      <c r="I21954" s="8">
        <v>0</v>
      </c>
      <c r="J21954" s="8">
        <v>1</v>
      </c>
      <c r="K21954" s="9">
        <v>9.91</v>
      </c>
      <c r="L21954" s="6" t="s">
        <v>4151</v>
      </c>
    </row>
    <row r="21955" spans="1:12">
      <c r="A21955" s="6" t="s">
        <v>4151</v>
      </c>
      <c r="B21955" s="6"/>
      <c r="C21955" s="6" t="s">
        <v>21991</v>
      </c>
      <c r="D21955" s="6"/>
      <c r="E21955" s="6" t="s">
        <v>9</v>
      </c>
      <c r="F21955" s="7">
        <v>38657</v>
      </c>
      <c r="G21955" s="8">
        <v>1</v>
      </c>
      <c r="H21955" s="8">
        <v>1</v>
      </c>
      <c r="I21955" s="8">
        <v>0</v>
      </c>
      <c r="J21955" s="8">
        <v>1</v>
      </c>
      <c r="K21955" s="9">
        <v>34</v>
      </c>
      <c r="L21955" s="6" t="s">
        <v>4151</v>
      </c>
    </row>
    <row r="21956" spans="1:12">
      <c r="A21956" s="6" t="s">
        <v>4151</v>
      </c>
      <c r="B21956" s="6"/>
      <c r="C21956" s="6" t="s">
        <v>21992</v>
      </c>
      <c r="D21956" s="6"/>
      <c r="E21956" s="6" t="s">
        <v>9</v>
      </c>
      <c r="F21956" s="7">
        <v>38657</v>
      </c>
      <c r="G21956" s="8">
        <v>1</v>
      </c>
      <c r="H21956" s="8">
        <v>1</v>
      </c>
      <c r="I21956" s="8">
        <v>0</v>
      </c>
      <c r="J21956" s="8">
        <v>1</v>
      </c>
      <c r="K21956" s="9">
        <v>16</v>
      </c>
      <c r="L21956" s="6" t="s">
        <v>4151</v>
      </c>
    </row>
    <row r="21957" spans="1:12">
      <c r="A21957" s="6" t="s">
        <v>4151</v>
      </c>
      <c r="B21957" s="6"/>
      <c r="C21957" s="6" t="s">
        <v>21993</v>
      </c>
      <c r="D21957" s="6"/>
      <c r="E21957" s="6" t="s">
        <v>9</v>
      </c>
      <c r="F21957" s="7">
        <v>38657</v>
      </c>
      <c r="G21957" s="8">
        <v>1</v>
      </c>
      <c r="H21957" s="8">
        <v>1</v>
      </c>
      <c r="I21957" s="8">
        <v>0</v>
      </c>
      <c r="J21957" s="8">
        <v>1</v>
      </c>
      <c r="K21957" s="9">
        <v>28</v>
      </c>
      <c r="L21957" s="6" t="s">
        <v>4151</v>
      </c>
    </row>
    <row r="21958" spans="1:12">
      <c r="A21958" s="6" t="s">
        <v>4151</v>
      </c>
      <c r="B21958" s="6"/>
      <c r="C21958" s="6" t="s">
        <v>21994</v>
      </c>
      <c r="D21958" s="6"/>
      <c r="E21958" s="6" t="s">
        <v>9</v>
      </c>
      <c r="F21958" s="7">
        <v>38657</v>
      </c>
      <c r="G21958" s="8">
        <v>1</v>
      </c>
      <c r="H21958" s="8">
        <v>1</v>
      </c>
      <c r="I21958" s="8">
        <v>0</v>
      </c>
      <c r="J21958" s="8">
        <v>1</v>
      </c>
      <c r="K21958" s="9">
        <v>10</v>
      </c>
      <c r="L21958" s="6" t="s">
        <v>4151</v>
      </c>
    </row>
    <row r="21959" spans="1:12">
      <c r="A21959" s="6" t="s">
        <v>4151</v>
      </c>
      <c r="B21959" s="6"/>
      <c r="C21959" s="6" t="s">
        <v>21995</v>
      </c>
      <c r="D21959" s="6"/>
      <c r="E21959" s="6" t="s">
        <v>9</v>
      </c>
      <c r="F21959" s="7">
        <v>38657</v>
      </c>
      <c r="G21959" s="8">
        <v>1</v>
      </c>
      <c r="H21959" s="8">
        <v>1</v>
      </c>
      <c r="I21959" s="8">
        <v>0</v>
      </c>
      <c r="J21959" s="8">
        <v>1</v>
      </c>
      <c r="K21959" s="9">
        <v>19</v>
      </c>
      <c r="L21959" s="6" t="s">
        <v>4151</v>
      </c>
    </row>
    <row r="21960" spans="1:12">
      <c r="A21960" s="6" t="s">
        <v>4151</v>
      </c>
      <c r="B21960" s="6"/>
      <c r="C21960" s="6" t="s">
        <v>21996</v>
      </c>
      <c r="D21960" s="6"/>
      <c r="E21960" s="6" t="s">
        <v>9</v>
      </c>
      <c r="F21960" s="7">
        <v>38657</v>
      </c>
      <c r="G21960" s="8">
        <v>1</v>
      </c>
      <c r="H21960" s="8">
        <v>1</v>
      </c>
      <c r="I21960" s="8">
        <v>0</v>
      </c>
      <c r="J21960" s="8">
        <v>1</v>
      </c>
      <c r="K21960" s="9">
        <v>6.61</v>
      </c>
      <c r="L21960" s="6" t="s">
        <v>4151</v>
      </c>
    </row>
    <row r="21961" spans="1:12">
      <c r="A21961" s="6" t="s">
        <v>4151</v>
      </c>
      <c r="B21961" s="6"/>
      <c r="C21961" s="6" t="s">
        <v>21997</v>
      </c>
      <c r="D21961" s="6"/>
      <c r="E21961" s="6" t="s">
        <v>9</v>
      </c>
      <c r="F21961" s="7">
        <v>38657</v>
      </c>
      <c r="G21961" s="8">
        <v>1</v>
      </c>
      <c r="H21961" s="8">
        <v>1</v>
      </c>
      <c r="I21961" s="8">
        <v>0</v>
      </c>
      <c r="J21961" s="8">
        <v>1</v>
      </c>
      <c r="K21961" s="9">
        <v>2.5499999999999901</v>
      </c>
      <c r="L21961" s="6" t="s">
        <v>4151</v>
      </c>
    </row>
    <row r="21962" spans="1:12">
      <c r="A21962" s="6" t="s">
        <v>4151</v>
      </c>
      <c r="B21962" s="6"/>
      <c r="C21962" s="6" t="s">
        <v>21998</v>
      </c>
      <c r="D21962" s="6"/>
      <c r="E21962" s="6" t="s">
        <v>9</v>
      </c>
      <c r="F21962" s="7">
        <v>38657</v>
      </c>
      <c r="G21962" s="8">
        <v>1</v>
      </c>
      <c r="H21962" s="8">
        <v>1</v>
      </c>
      <c r="I21962" s="8">
        <v>0</v>
      </c>
      <c r="J21962" s="8">
        <v>1</v>
      </c>
      <c r="K21962" s="9">
        <v>72</v>
      </c>
      <c r="L21962" s="6" t="s">
        <v>4151</v>
      </c>
    </row>
    <row r="21963" spans="1:12">
      <c r="A21963" s="6" t="s">
        <v>4151</v>
      </c>
      <c r="B21963" s="6"/>
      <c r="C21963" s="6" t="s">
        <v>21999</v>
      </c>
      <c r="D21963" s="6"/>
      <c r="E21963" s="6" t="s">
        <v>9</v>
      </c>
      <c r="F21963" s="7">
        <v>38657</v>
      </c>
      <c r="G21963" s="8">
        <v>1</v>
      </c>
      <c r="H21963" s="8">
        <v>1</v>
      </c>
      <c r="I21963" s="8">
        <v>0</v>
      </c>
      <c r="J21963" s="8">
        <v>1</v>
      </c>
      <c r="K21963" s="9">
        <v>22</v>
      </c>
      <c r="L21963" s="6" t="s">
        <v>4151</v>
      </c>
    </row>
    <row r="21964" spans="1:12">
      <c r="A21964" s="6" t="s">
        <v>4151</v>
      </c>
      <c r="B21964" s="6"/>
      <c r="C21964" s="6" t="s">
        <v>22000</v>
      </c>
      <c r="D21964" s="6"/>
      <c r="E21964" s="6" t="s">
        <v>9</v>
      </c>
      <c r="F21964" s="7">
        <v>38657</v>
      </c>
      <c r="G21964" s="8">
        <v>1</v>
      </c>
      <c r="H21964" s="8">
        <v>1</v>
      </c>
      <c r="I21964" s="8">
        <v>0</v>
      </c>
      <c r="J21964" s="8">
        <v>1</v>
      </c>
      <c r="K21964" s="9">
        <v>33</v>
      </c>
      <c r="L21964" s="6" t="s">
        <v>4151</v>
      </c>
    </row>
    <row r="21965" spans="1:12">
      <c r="A21965" s="6" t="s">
        <v>4151</v>
      </c>
      <c r="B21965" s="6"/>
      <c r="C21965" s="6" t="s">
        <v>22001</v>
      </c>
      <c r="D21965" s="6"/>
      <c r="E21965" s="6" t="s">
        <v>9</v>
      </c>
      <c r="F21965" s="7">
        <v>38657</v>
      </c>
      <c r="G21965" s="8">
        <v>1</v>
      </c>
      <c r="H21965" s="8">
        <v>1</v>
      </c>
      <c r="I21965" s="8">
        <v>0</v>
      </c>
      <c r="J21965" s="8">
        <v>1</v>
      </c>
      <c r="K21965" s="9">
        <v>45</v>
      </c>
      <c r="L21965" s="6" t="s">
        <v>4151</v>
      </c>
    </row>
    <row r="21966" spans="1:12">
      <c r="A21966" s="6" t="s">
        <v>4151</v>
      </c>
      <c r="B21966" s="6"/>
      <c r="C21966" s="6" t="s">
        <v>22002</v>
      </c>
      <c r="D21966" s="6"/>
      <c r="E21966" s="6" t="s">
        <v>9</v>
      </c>
      <c r="F21966" s="7">
        <v>38657</v>
      </c>
      <c r="G21966" s="8">
        <v>1</v>
      </c>
      <c r="H21966" s="8">
        <v>1</v>
      </c>
      <c r="I21966" s="8">
        <v>0</v>
      </c>
      <c r="J21966" s="8">
        <v>1</v>
      </c>
      <c r="K21966" s="9">
        <v>81</v>
      </c>
      <c r="L21966" s="6" t="s">
        <v>4151</v>
      </c>
    </row>
    <row r="21967" spans="1:12">
      <c r="A21967" s="6" t="s">
        <v>4151</v>
      </c>
      <c r="B21967" s="6"/>
      <c r="C21967" s="6" t="s">
        <v>22003</v>
      </c>
      <c r="D21967" s="6"/>
      <c r="E21967" s="6" t="s">
        <v>9</v>
      </c>
      <c r="F21967" s="7">
        <v>38657</v>
      </c>
      <c r="G21967" s="8">
        <v>1</v>
      </c>
      <c r="H21967" s="8">
        <v>1</v>
      </c>
      <c r="I21967" s="8">
        <v>0</v>
      </c>
      <c r="J21967" s="8">
        <v>1</v>
      </c>
      <c r="K21967" s="9">
        <v>26</v>
      </c>
      <c r="L21967" s="6" t="s">
        <v>4151</v>
      </c>
    </row>
    <row r="21968" spans="1:12">
      <c r="A21968" s="6" t="s">
        <v>4151</v>
      </c>
      <c r="B21968" s="6"/>
      <c r="C21968" s="6" t="s">
        <v>22004</v>
      </c>
      <c r="D21968" s="6"/>
      <c r="E21968" s="6" t="s">
        <v>9</v>
      </c>
      <c r="F21968" s="7">
        <v>38657</v>
      </c>
      <c r="G21968" s="8">
        <v>1</v>
      </c>
      <c r="H21968" s="8">
        <v>1</v>
      </c>
      <c r="I21968" s="8">
        <v>0</v>
      </c>
      <c r="J21968" s="8">
        <v>1</v>
      </c>
      <c r="K21968" s="9">
        <v>23</v>
      </c>
      <c r="L21968" s="6" t="s">
        <v>4151</v>
      </c>
    </row>
    <row r="21969" spans="1:12">
      <c r="A21969" s="6" t="s">
        <v>4151</v>
      </c>
      <c r="B21969" s="6"/>
      <c r="C21969" s="6" t="s">
        <v>22005</v>
      </c>
      <c r="D21969" s="6"/>
      <c r="E21969" s="6" t="s">
        <v>9</v>
      </c>
      <c r="F21969" s="7">
        <v>38657</v>
      </c>
      <c r="G21969" s="8">
        <v>1</v>
      </c>
      <c r="H21969" s="8">
        <v>1</v>
      </c>
      <c r="I21969" s="8">
        <v>0</v>
      </c>
      <c r="J21969" s="8">
        <v>1</v>
      </c>
      <c r="K21969" s="9">
        <v>23</v>
      </c>
      <c r="L21969" s="6" t="s">
        <v>4151</v>
      </c>
    </row>
    <row r="21970" spans="1:12">
      <c r="A21970" s="6" t="s">
        <v>4151</v>
      </c>
      <c r="B21970" s="6"/>
      <c r="C21970" s="6" t="s">
        <v>22006</v>
      </c>
      <c r="D21970" s="6"/>
      <c r="E21970" s="6" t="s">
        <v>9</v>
      </c>
      <c r="F21970" s="7">
        <v>38657</v>
      </c>
      <c r="G21970" s="8">
        <v>1</v>
      </c>
      <c r="H21970" s="8">
        <v>1</v>
      </c>
      <c r="I21970" s="8">
        <v>0</v>
      </c>
      <c r="J21970" s="8">
        <v>1</v>
      </c>
      <c r="K21970" s="9">
        <v>23</v>
      </c>
      <c r="L21970" s="6" t="s">
        <v>4151</v>
      </c>
    </row>
    <row r="21971" spans="1:12">
      <c r="A21971" s="6" t="s">
        <v>4151</v>
      </c>
      <c r="B21971" s="6"/>
      <c r="C21971" s="6" t="s">
        <v>22007</v>
      </c>
      <c r="D21971" s="6"/>
      <c r="E21971" s="6" t="s">
        <v>9</v>
      </c>
      <c r="F21971" s="7">
        <v>38657</v>
      </c>
      <c r="G21971" s="8">
        <v>1</v>
      </c>
      <c r="H21971" s="8">
        <v>1</v>
      </c>
      <c r="I21971" s="8">
        <v>0</v>
      </c>
      <c r="J21971" s="8">
        <v>1</v>
      </c>
      <c r="K21971" s="9">
        <v>23</v>
      </c>
      <c r="L21971" s="6" t="s">
        <v>4151</v>
      </c>
    </row>
    <row r="21972" spans="1:12">
      <c r="A21972" s="6" t="s">
        <v>4151</v>
      </c>
      <c r="B21972" s="6"/>
      <c r="C21972" s="6" t="s">
        <v>22008</v>
      </c>
      <c r="D21972" s="6"/>
      <c r="E21972" s="6" t="s">
        <v>9</v>
      </c>
      <c r="F21972" s="7">
        <v>38657</v>
      </c>
      <c r="G21972" s="8">
        <v>1</v>
      </c>
      <c r="H21972" s="8">
        <v>1</v>
      </c>
      <c r="I21972" s="8">
        <v>0</v>
      </c>
      <c r="J21972" s="8">
        <v>1</v>
      </c>
      <c r="K21972" s="9">
        <v>23</v>
      </c>
      <c r="L21972" s="6" t="s">
        <v>4151</v>
      </c>
    </row>
    <row r="21973" spans="1:12">
      <c r="A21973" s="6" t="s">
        <v>4151</v>
      </c>
      <c r="B21973" s="6"/>
      <c r="C21973" s="6" t="s">
        <v>22009</v>
      </c>
      <c r="D21973" s="6"/>
      <c r="E21973" s="6" t="s">
        <v>9</v>
      </c>
      <c r="F21973" s="7">
        <v>38657</v>
      </c>
      <c r="G21973" s="8">
        <v>1</v>
      </c>
      <c r="H21973" s="8">
        <v>1</v>
      </c>
      <c r="I21973" s="8">
        <v>0</v>
      </c>
      <c r="J21973" s="8">
        <v>1</v>
      </c>
      <c r="K21973" s="9">
        <v>28.92</v>
      </c>
      <c r="L21973" s="6" t="s">
        <v>4151</v>
      </c>
    </row>
    <row r="21974" spans="1:12">
      <c r="A21974" s="6" t="s">
        <v>4151</v>
      </c>
      <c r="B21974" s="6"/>
      <c r="C21974" s="6" t="s">
        <v>22010</v>
      </c>
      <c r="D21974" s="6"/>
      <c r="E21974" s="6" t="s">
        <v>9</v>
      </c>
      <c r="F21974" s="7">
        <v>38657</v>
      </c>
      <c r="G21974" s="8">
        <v>1</v>
      </c>
      <c r="H21974" s="8">
        <v>1</v>
      </c>
      <c r="I21974" s="8">
        <v>0</v>
      </c>
      <c r="J21974" s="8">
        <v>1</v>
      </c>
      <c r="K21974" s="9">
        <v>26.14</v>
      </c>
      <c r="L21974" s="6" t="s">
        <v>4151</v>
      </c>
    </row>
    <row r="21975" spans="1:12">
      <c r="A21975" s="6" t="s">
        <v>4151</v>
      </c>
      <c r="B21975" s="6"/>
      <c r="C21975" s="6" t="s">
        <v>22011</v>
      </c>
      <c r="D21975" s="6"/>
      <c r="E21975" s="6" t="s">
        <v>9</v>
      </c>
      <c r="F21975" s="7">
        <v>38657</v>
      </c>
      <c r="G21975" s="8">
        <v>1</v>
      </c>
      <c r="H21975" s="8">
        <v>1</v>
      </c>
      <c r="I21975" s="8">
        <v>0</v>
      </c>
      <c r="J21975" s="8">
        <v>1</v>
      </c>
      <c r="K21975" s="9">
        <v>16</v>
      </c>
      <c r="L21975" s="6" t="s">
        <v>4151</v>
      </c>
    </row>
    <row r="21976" spans="1:12">
      <c r="A21976" s="6" t="s">
        <v>4151</v>
      </c>
      <c r="B21976" s="6"/>
      <c r="C21976" s="6" t="s">
        <v>22012</v>
      </c>
      <c r="D21976" s="6"/>
      <c r="E21976" s="6" t="s">
        <v>9</v>
      </c>
      <c r="F21976" s="7">
        <v>38657</v>
      </c>
      <c r="G21976" s="8">
        <v>1</v>
      </c>
      <c r="H21976" s="8">
        <v>1</v>
      </c>
      <c r="I21976" s="8">
        <v>0</v>
      </c>
      <c r="J21976" s="8">
        <v>1</v>
      </c>
      <c r="K21976" s="9">
        <v>46</v>
      </c>
      <c r="L21976" s="6" t="s">
        <v>4151</v>
      </c>
    </row>
    <row r="21977" spans="1:12">
      <c r="A21977" s="6" t="s">
        <v>4151</v>
      </c>
      <c r="B21977" s="6"/>
      <c r="C21977" s="6" t="s">
        <v>22013</v>
      </c>
      <c r="D21977" s="6"/>
      <c r="E21977" s="6" t="s">
        <v>9</v>
      </c>
      <c r="F21977" s="7">
        <v>38657</v>
      </c>
      <c r="G21977" s="8">
        <v>1</v>
      </c>
      <c r="H21977" s="8">
        <v>1</v>
      </c>
      <c r="I21977" s="8">
        <v>0</v>
      </c>
      <c r="J21977" s="8">
        <v>1</v>
      </c>
      <c r="K21977" s="9">
        <v>61.42</v>
      </c>
      <c r="L21977" s="6" t="s">
        <v>4151</v>
      </c>
    </row>
    <row r="21978" spans="1:12">
      <c r="A21978" s="6" t="s">
        <v>4151</v>
      </c>
      <c r="B21978" s="6"/>
      <c r="C21978" s="6" t="s">
        <v>22014</v>
      </c>
      <c r="D21978" s="6"/>
      <c r="E21978" s="6" t="s">
        <v>9</v>
      </c>
      <c r="F21978" s="7">
        <v>38657</v>
      </c>
      <c r="G21978" s="8">
        <v>1</v>
      </c>
      <c r="H21978" s="8">
        <v>1</v>
      </c>
      <c r="I21978" s="8">
        <v>0</v>
      </c>
      <c r="J21978" s="8">
        <v>1</v>
      </c>
      <c r="K21978" s="9">
        <v>26</v>
      </c>
      <c r="L21978" s="6" t="s">
        <v>4151</v>
      </c>
    </row>
    <row r="21979" spans="1:12">
      <c r="A21979" s="6" t="s">
        <v>4151</v>
      </c>
      <c r="B21979" s="6"/>
      <c r="C21979" s="6" t="s">
        <v>22015</v>
      </c>
      <c r="D21979" s="6"/>
      <c r="E21979" s="6" t="s">
        <v>9</v>
      </c>
      <c r="F21979" s="7">
        <v>38657</v>
      </c>
      <c r="G21979" s="8">
        <v>1</v>
      </c>
      <c r="H21979" s="8">
        <v>1</v>
      </c>
      <c r="I21979" s="8">
        <v>0</v>
      </c>
      <c r="J21979" s="8">
        <v>1</v>
      </c>
      <c r="K21979" s="9">
        <v>23</v>
      </c>
      <c r="L21979" s="6" t="s">
        <v>4151</v>
      </c>
    </row>
    <row r="21980" spans="1:12">
      <c r="A21980" s="6" t="s">
        <v>4151</v>
      </c>
      <c r="B21980" s="6"/>
      <c r="C21980" s="6" t="s">
        <v>22016</v>
      </c>
      <c r="D21980" s="6"/>
      <c r="E21980" s="6" t="s">
        <v>9</v>
      </c>
      <c r="F21980" s="7">
        <v>38657</v>
      </c>
      <c r="G21980" s="8">
        <v>1</v>
      </c>
      <c r="H21980" s="8">
        <v>1</v>
      </c>
      <c r="I21980" s="8">
        <v>0</v>
      </c>
      <c r="J21980" s="8">
        <v>1</v>
      </c>
      <c r="K21980" s="9">
        <v>23</v>
      </c>
      <c r="L21980" s="6" t="s">
        <v>4151</v>
      </c>
    </row>
    <row r="21981" spans="1:12">
      <c r="A21981" s="6" t="s">
        <v>4151</v>
      </c>
      <c r="B21981" s="6"/>
      <c r="C21981" s="6" t="s">
        <v>22017</v>
      </c>
      <c r="D21981" s="6"/>
      <c r="E21981" s="6" t="s">
        <v>9</v>
      </c>
      <c r="F21981" s="7">
        <v>38657</v>
      </c>
      <c r="G21981" s="8">
        <v>1</v>
      </c>
      <c r="H21981" s="8">
        <v>1</v>
      </c>
      <c r="I21981" s="8">
        <v>0</v>
      </c>
      <c r="J21981" s="8">
        <v>1</v>
      </c>
      <c r="K21981" s="9">
        <v>23</v>
      </c>
      <c r="L21981" s="6" t="s">
        <v>4151</v>
      </c>
    </row>
    <row r="21982" spans="1:12">
      <c r="A21982" s="6" t="s">
        <v>4151</v>
      </c>
      <c r="B21982" s="6"/>
      <c r="C21982" s="6" t="s">
        <v>22018</v>
      </c>
      <c r="D21982" s="6"/>
      <c r="E21982" s="6" t="s">
        <v>9</v>
      </c>
      <c r="F21982" s="7">
        <v>38657</v>
      </c>
      <c r="G21982" s="8">
        <v>1</v>
      </c>
      <c r="H21982" s="8">
        <v>1</v>
      </c>
      <c r="I21982" s="8">
        <v>0</v>
      </c>
      <c r="J21982" s="8">
        <v>1</v>
      </c>
      <c r="K21982" s="9">
        <v>23</v>
      </c>
      <c r="L21982" s="6" t="s">
        <v>4151</v>
      </c>
    </row>
    <row r="21983" spans="1:12">
      <c r="A21983" s="6" t="s">
        <v>4151</v>
      </c>
      <c r="B21983" s="6"/>
      <c r="C21983" s="6" t="s">
        <v>22019</v>
      </c>
      <c r="D21983" s="6"/>
      <c r="E21983" s="6" t="s">
        <v>9</v>
      </c>
      <c r="F21983" s="7">
        <v>38657</v>
      </c>
      <c r="G21983" s="8">
        <v>1</v>
      </c>
      <c r="H21983" s="8">
        <v>1</v>
      </c>
      <c r="I21983" s="8">
        <v>0</v>
      </c>
      <c r="J21983" s="8">
        <v>1</v>
      </c>
      <c r="K21983" s="9">
        <v>23</v>
      </c>
      <c r="L21983" s="6" t="s">
        <v>4151</v>
      </c>
    </row>
    <row r="21984" spans="1:12">
      <c r="A21984" s="6" t="s">
        <v>4151</v>
      </c>
      <c r="B21984" s="6"/>
      <c r="C21984" s="6" t="s">
        <v>22020</v>
      </c>
      <c r="D21984" s="6"/>
      <c r="E21984" s="6" t="s">
        <v>9</v>
      </c>
      <c r="F21984" s="7">
        <v>38657</v>
      </c>
      <c r="G21984" s="8">
        <v>1</v>
      </c>
      <c r="H21984" s="8">
        <v>1</v>
      </c>
      <c r="I21984" s="8">
        <v>0</v>
      </c>
      <c r="J21984" s="8">
        <v>1</v>
      </c>
      <c r="K21984" s="9">
        <v>23</v>
      </c>
      <c r="L21984" s="6" t="s">
        <v>4151</v>
      </c>
    </row>
    <row r="21985" spans="1:12">
      <c r="A21985" s="6" t="s">
        <v>4151</v>
      </c>
      <c r="B21985" s="6"/>
      <c r="C21985" s="6" t="s">
        <v>22021</v>
      </c>
      <c r="D21985" s="6"/>
      <c r="E21985" s="6" t="s">
        <v>9</v>
      </c>
      <c r="F21985" s="7">
        <v>38657</v>
      </c>
      <c r="G21985" s="8">
        <v>1</v>
      </c>
      <c r="H21985" s="8">
        <v>1</v>
      </c>
      <c r="I21985" s="8">
        <v>0</v>
      </c>
      <c r="J21985" s="8">
        <v>1</v>
      </c>
      <c r="K21985" s="9">
        <v>29</v>
      </c>
      <c r="L21985" s="6" t="s">
        <v>4151</v>
      </c>
    </row>
    <row r="21986" spans="1:12">
      <c r="A21986" s="6" t="s">
        <v>4151</v>
      </c>
      <c r="B21986" s="6"/>
      <c r="C21986" s="6" t="s">
        <v>22022</v>
      </c>
      <c r="D21986" s="6"/>
      <c r="E21986" s="6" t="s">
        <v>9</v>
      </c>
      <c r="F21986" s="7">
        <v>38657</v>
      </c>
      <c r="G21986" s="8">
        <v>1</v>
      </c>
      <c r="H21986" s="8">
        <v>1</v>
      </c>
      <c r="I21986" s="8">
        <v>0</v>
      </c>
      <c r="J21986" s="8">
        <v>1</v>
      </c>
      <c r="K21986" s="9">
        <v>43</v>
      </c>
      <c r="L21986" s="6" t="s">
        <v>4151</v>
      </c>
    </row>
    <row r="21987" spans="1:12">
      <c r="A21987" s="6" t="s">
        <v>4151</v>
      </c>
      <c r="B21987" s="6"/>
      <c r="C21987" s="6" t="s">
        <v>22023</v>
      </c>
      <c r="D21987" s="6"/>
      <c r="E21987" s="6" t="s">
        <v>9</v>
      </c>
      <c r="F21987" s="7">
        <v>38657</v>
      </c>
      <c r="G21987" s="8">
        <v>1</v>
      </c>
      <c r="H21987" s="8">
        <v>1</v>
      </c>
      <c r="I21987" s="8">
        <v>0</v>
      </c>
      <c r="J21987" s="8">
        <v>1</v>
      </c>
      <c r="K21987" s="9">
        <v>42</v>
      </c>
      <c r="L21987" s="6" t="s">
        <v>4151</v>
      </c>
    </row>
    <row r="21988" spans="1:12">
      <c r="A21988" s="6" t="s">
        <v>4151</v>
      </c>
      <c r="B21988" s="6"/>
      <c r="C21988" s="6" t="s">
        <v>22024</v>
      </c>
      <c r="D21988" s="6"/>
      <c r="E21988" s="6" t="s">
        <v>9</v>
      </c>
      <c r="F21988" s="7">
        <v>38657</v>
      </c>
      <c r="G21988" s="8">
        <v>1</v>
      </c>
      <c r="H21988" s="8">
        <v>1</v>
      </c>
      <c r="I21988" s="8">
        <v>0</v>
      </c>
      <c r="J21988" s="8">
        <v>1</v>
      </c>
      <c r="K21988" s="9">
        <v>52</v>
      </c>
      <c r="L21988" s="6" t="s">
        <v>4151</v>
      </c>
    </row>
    <row r="21989" spans="1:12">
      <c r="A21989" s="6" t="s">
        <v>4151</v>
      </c>
      <c r="B21989" s="6"/>
      <c r="C21989" s="6" t="s">
        <v>22025</v>
      </c>
      <c r="D21989" s="6"/>
      <c r="E21989" s="6" t="s">
        <v>9</v>
      </c>
      <c r="F21989" s="7">
        <v>38657</v>
      </c>
      <c r="G21989" s="8">
        <v>1</v>
      </c>
      <c r="H21989" s="8">
        <v>1</v>
      </c>
      <c r="I21989" s="8">
        <v>0</v>
      </c>
      <c r="J21989" s="8">
        <v>1</v>
      </c>
      <c r="K21989" s="9">
        <v>56</v>
      </c>
      <c r="L21989" s="6" t="s">
        <v>4151</v>
      </c>
    </row>
    <row r="21990" spans="1:12">
      <c r="A21990" s="6" t="s">
        <v>4151</v>
      </c>
      <c r="B21990" s="6"/>
      <c r="C21990" s="6" t="s">
        <v>22026</v>
      </c>
      <c r="D21990" s="6"/>
      <c r="E21990" s="6" t="s">
        <v>9</v>
      </c>
      <c r="F21990" s="7">
        <v>38657</v>
      </c>
      <c r="G21990" s="8">
        <v>1</v>
      </c>
      <c r="H21990" s="8">
        <v>1</v>
      </c>
      <c r="I21990" s="8">
        <v>0</v>
      </c>
      <c r="J21990" s="8">
        <v>1</v>
      </c>
      <c r="K21990" s="9">
        <v>46</v>
      </c>
      <c r="L21990" s="6" t="s">
        <v>4151</v>
      </c>
    </row>
    <row r="21991" spans="1:12">
      <c r="A21991" s="6" t="s">
        <v>4151</v>
      </c>
      <c r="B21991" s="6"/>
      <c r="C21991" s="6" t="s">
        <v>22027</v>
      </c>
      <c r="D21991" s="6"/>
      <c r="E21991" s="6" t="s">
        <v>9</v>
      </c>
      <c r="F21991" s="7">
        <v>38657</v>
      </c>
      <c r="G21991" s="8">
        <v>1</v>
      </c>
      <c r="H21991" s="8">
        <v>1</v>
      </c>
      <c r="I21991" s="8">
        <v>0</v>
      </c>
      <c r="J21991" s="8">
        <v>1</v>
      </c>
      <c r="K21991" s="9">
        <v>34.71</v>
      </c>
      <c r="L21991" s="6" t="s">
        <v>4151</v>
      </c>
    </row>
    <row r="21992" spans="1:12">
      <c r="A21992" s="6" t="s">
        <v>4151</v>
      </c>
      <c r="B21992" s="6"/>
      <c r="C21992" s="6" t="s">
        <v>22028</v>
      </c>
      <c r="D21992" s="6"/>
      <c r="E21992" s="6" t="s">
        <v>9</v>
      </c>
      <c r="F21992" s="7">
        <v>38657</v>
      </c>
      <c r="G21992" s="8">
        <v>1</v>
      </c>
      <c r="H21992" s="8">
        <v>1</v>
      </c>
      <c r="I21992" s="8">
        <v>0</v>
      </c>
      <c r="J21992" s="8">
        <v>1</v>
      </c>
      <c r="K21992" s="9">
        <v>23.07</v>
      </c>
      <c r="L21992" s="6" t="s">
        <v>4151</v>
      </c>
    </row>
    <row r="21993" spans="1:12">
      <c r="A21993" s="6" t="s">
        <v>4151</v>
      </c>
      <c r="B21993" s="6"/>
      <c r="C21993" s="6" t="s">
        <v>22029</v>
      </c>
      <c r="D21993" s="6"/>
      <c r="E21993" s="6" t="s">
        <v>9</v>
      </c>
      <c r="F21993" s="7">
        <v>38657</v>
      </c>
      <c r="G21993" s="8">
        <v>1</v>
      </c>
      <c r="H21993" s="8">
        <v>1</v>
      </c>
      <c r="I21993" s="8">
        <v>0</v>
      </c>
      <c r="J21993" s="8">
        <v>1</v>
      </c>
      <c r="K21993" s="9">
        <v>29.55</v>
      </c>
      <c r="L21993" s="6" t="s">
        <v>4151</v>
      </c>
    </row>
    <row r="21994" spans="1:12">
      <c r="A21994" s="6" t="s">
        <v>4151</v>
      </c>
      <c r="B21994" s="6"/>
      <c r="C21994" s="6" t="s">
        <v>22030</v>
      </c>
      <c r="D21994" s="6"/>
      <c r="E21994" s="6" t="s">
        <v>9</v>
      </c>
      <c r="F21994" s="7">
        <v>38657</v>
      </c>
      <c r="G21994" s="8">
        <v>1</v>
      </c>
      <c r="H21994" s="8">
        <v>1</v>
      </c>
      <c r="I21994" s="8">
        <v>0</v>
      </c>
      <c r="J21994" s="8">
        <v>1</v>
      </c>
      <c r="K21994" s="9">
        <v>62</v>
      </c>
      <c r="L21994" s="6" t="s">
        <v>4151</v>
      </c>
    </row>
    <row r="21995" spans="1:12">
      <c r="A21995" s="6" t="s">
        <v>4151</v>
      </c>
      <c r="B21995" s="6"/>
      <c r="C21995" s="6" t="s">
        <v>22031</v>
      </c>
      <c r="D21995" s="6"/>
      <c r="E21995" s="6" t="s">
        <v>9</v>
      </c>
      <c r="F21995" s="7">
        <v>38657</v>
      </c>
      <c r="G21995" s="8">
        <v>1</v>
      </c>
      <c r="H21995" s="8">
        <v>1</v>
      </c>
      <c r="I21995" s="8">
        <v>0</v>
      </c>
      <c r="J21995" s="8">
        <v>1</v>
      </c>
      <c r="K21995" s="9">
        <v>26</v>
      </c>
      <c r="L21995" s="6" t="s">
        <v>4151</v>
      </c>
    </row>
    <row r="21996" spans="1:12">
      <c r="A21996" s="6" t="s">
        <v>4151</v>
      </c>
      <c r="B21996" s="6"/>
      <c r="C21996" s="6" t="s">
        <v>22032</v>
      </c>
      <c r="D21996" s="6"/>
      <c r="E21996" s="6" t="s">
        <v>9</v>
      </c>
      <c r="F21996" s="7">
        <v>38657</v>
      </c>
      <c r="G21996" s="8">
        <v>1</v>
      </c>
      <c r="H21996" s="8">
        <v>1</v>
      </c>
      <c r="I21996" s="8">
        <v>0</v>
      </c>
      <c r="J21996" s="8">
        <v>1</v>
      </c>
      <c r="K21996" s="9">
        <v>23</v>
      </c>
      <c r="L21996" s="6" t="s">
        <v>4151</v>
      </c>
    </row>
    <row r="21997" spans="1:12">
      <c r="A21997" s="6" t="s">
        <v>4151</v>
      </c>
      <c r="B21997" s="6"/>
      <c r="C21997" s="6" t="s">
        <v>22033</v>
      </c>
      <c r="D21997" s="6"/>
      <c r="E21997" s="6" t="s">
        <v>9</v>
      </c>
      <c r="F21997" s="7">
        <v>38657</v>
      </c>
      <c r="G21997" s="8">
        <v>1</v>
      </c>
      <c r="H21997" s="8">
        <v>1</v>
      </c>
      <c r="I21997" s="8">
        <v>0</v>
      </c>
      <c r="J21997" s="8">
        <v>1</v>
      </c>
      <c r="K21997" s="9">
        <v>23</v>
      </c>
      <c r="L21997" s="6" t="s">
        <v>4151</v>
      </c>
    </row>
    <row r="21998" spans="1:12">
      <c r="A21998" s="6" t="s">
        <v>4151</v>
      </c>
      <c r="B21998" s="6"/>
      <c r="C21998" s="6" t="s">
        <v>22034</v>
      </c>
      <c r="D21998" s="6"/>
      <c r="E21998" s="6" t="s">
        <v>9</v>
      </c>
      <c r="F21998" s="7">
        <v>38657</v>
      </c>
      <c r="G21998" s="8">
        <v>1</v>
      </c>
      <c r="H21998" s="8">
        <v>1</v>
      </c>
      <c r="I21998" s="8">
        <v>0</v>
      </c>
      <c r="J21998" s="8">
        <v>1</v>
      </c>
      <c r="K21998" s="9">
        <v>26</v>
      </c>
      <c r="L21998" s="6" t="s">
        <v>4151</v>
      </c>
    </row>
    <row r="21999" spans="1:12">
      <c r="A21999" s="6" t="s">
        <v>4151</v>
      </c>
      <c r="B21999" s="6"/>
      <c r="C21999" s="6" t="s">
        <v>22035</v>
      </c>
      <c r="D21999" s="6"/>
      <c r="E21999" s="6" t="s">
        <v>9</v>
      </c>
      <c r="F21999" s="7">
        <v>38657</v>
      </c>
      <c r="G21999" s="8">
        <v>1</v>
      </c>
      <c r="H21999" s="8">
        <v>1</v>
      </c>
      <c r="I21999" s="8">
        <v>0</v>
      </c>
      <c r="J21999" s="8">
        <v>1</v>
      </c>
      <c r="K21999" s="9">
        <v>13</v>
      </c>
      <c r="L21999" s="6" t="s">
        <v>4151</v>
      </c>
    </row>
    <row r="22000" spans="1:12">
      <c r="A22000" s="6" t="s">
        <v>4151</v>
      </c>
      <c r="B22000" s="6"/>
      <c r="C22000" s="6" t="s">
        <v>22036</v>
      </c>
      <c r="D22000" s="6"/>
      <c r="E22000" s="6" t="s">
        <v>9</v>
      </c>
      <c r="F22000" s="7">
        <v>38657</v>
      </c>
      <c r="G22000" s="8">
        <v>1</v>
      </c>
      <c r="H22000" s="8">
        <v>1</v>
      </c>
      <c r="I22000" s="8">
        <v>0</v>
      </c>
      <c r="J22000" s="8">
        <v>1</v>
      </c>
      <c r="K22000" s="9">
        <v>47</v>
      </c>
      <c r="L22000" s="6" t="s">
        <v>4151</v>
      </c>
    </row>
    <row r="22001" spans="1:12">
      <c r="A22001" s="6" t="s">
        <v>4151</v>
      </c>
      <c r="B22001" s="6"/>
      <c r="C22001" s="6" t="s">
        <v>22037</v>
      </c>
      <c r="D22001" s="6"/>
      <c r="E22001" s="6" t="s">
        <v>9</v>
      </c>
      <c r="F22001" s="7">
        <v>38657</v>
      </c>
      <c r="G22001" s="8">
        <v>1</v>
      </c>
      <c r="H22001" s="8">
        <v>1</v>
      </c>
      <c r="I22001" s="8">
        <v>0</v>
      </c>
      <c r="J22001" s="8">
        <v>1</v>
      </c>
      <c r="K22001" s="9">
        <v>19</v>
      </c>
      <c r="L22001" s="6" t="s">
        <v>4151</v>
      </c>
    </row>
    <row r="22002" spans="1:12">
      <c r="A22002" s="6" t="s">
        <v>4151</v>
      </c>
      <c r="B22002" s="6"/>
      <c r="C22002" s="6" t="s">
        <v>22038</v>
      </c>
      <c r="D22002" s="6"/>
      <c r="E22002" s="6" t="s">
        <v>9</v>
      </c>
      <c r="F22002" s="7">
        <v>38657</v>
      </c>
      <c r="G22002" s="8">
        <v>1</v>
      </c>
      <c r="H22002" s="8">
        <v>1</v>
      </c>
      <c r="I22002" s="8">
        <v>0</v>
      </c>
      <c r="J22002" s="8">
        <v>1</v>
      </c>
      <c r="K22002" s="9">
        <v>26</v>
      </c>
      <c r="L22002" s="6" t="s">
        <v>4151</v>
      </c>
    </row>
    <row r="22003" spans="1:12">
      <c r="A22003" s="6" t="s">
        <v>4151</v>
      </c>
      <c r="B22003" s="6"/>
      <c r="C22003" s="6" t="s">
        <v>22039</v>
      </c>
      <c r="D22003" s="6"/>
      <c r="E22003" s="6" t="s">
        <v>9</v>
      </c>
      <c r="F22003" s="7">
        <v>38657</v>
      </c>
      <c r="G22003" s="8">
        <v>1</v>
      </c>
      <c r="H22003" s="8">
        <v>1</v>
      </c>
      <c r="I22003" s="8">
        <v>0</v>
      </c>
      <c r="J22003" s="8">
        <v>1</v>
      </c>
      <c r="K22003" s="9">
        <v>13</v>
      </c>
      <c r="L22003" s="6" t="s">
        <v>4151</v>
      </c>
    </row>
    <row r="22004" spans="1:12">
      <c r="A22004" s="6" t="s">
        <v>4151</v>
      </c>
      <c r="B22004" s="6"/>
      <c r="C22004" s="6" t="s">
        <v>22040</v>
      </c>
      <c r="D22004" s="6"/>
      <c r="E22004" s="6" t="s">
        <v>9</v>
      </c>
      <c r="F22004" s="7">
        <v>38657</v>
      </c>
      <c r="G22004" s="8">
        <v>1</v>
      </c>
      <c r="H22004" s="8">
        <v>1</v>
      </c>
      <c r="I22004" s="8">
        <v>0</v>
      </c>
      <c r="J22004" s="8">
        <v>1</v>
      </c>
      <c r="K22004" s="9">
        <v>18</v>
      </c>
      <c r="L22004" s="6" t="s">
        <v>4151</v>
      </c>
    </row>
    <row r="22005" spans="1:12">
      <c r="A22005" s="6" t="s">
        <v>4151</v>
      </c>
      <c r="B22005" s="6"/>
      <c r="C22005" s="6" t="s">
        <v>22041</v>
      </c>
      <c r="D22005" s="6"/>
      <c r="E22005" s="6" t="s">
        <v>9</v>
      </c>
      <c r="F22005" s="7">
        <v>38657</v>
      </c>
      <c r="G22005" s="8">
        <v>1</v>
      </c>
      <c r="H22005" s="8">
        <v>1</v>
      </c>
      <c r="I22005" s="8">
        <v>0</v>
      </c>
      <c r="J22005" s="8">
        <v>1</v>
      </c>
      <c r="K22005" s="9">
        <v>875</v>
      </c>
      <c r="L22005" s="6" t="s">
        <v>4151</v>
      </c>
    </row>
    <row r="22006" spans="1:12">
      <c r="A22006" s="6" t="s">
        <v>4151</v>
      </c>
      <c r="B22006" s="6"/>
      <c r="C22006" s="6" t="s">
        <v>22042</v>
      </c>
      <c r="D22006" s="6"/>
      <c r="E22006" s="6" t="s">
        <v>9</v>
      </c>
      <c r="F22006" s="7">
        <v>38657</v>
      </c>
      <c r="G22006" s="8">
        <v>1</v>
      </c>
      <c r="H22006" s="8">
        <v>1</v>
      </c>
      <c r="I22006" s="8">
        <v>0</v>
      </c>
      <c r="J22006" s="8">
        <v>1</v>
      </c>
      <c r="K22006" s="9">
        <v>94</v>
      </c>
      <c r="L22006" s="6" t="s">
        <v>4151</v>
      </c>
    </row>
    <row r="22007" spans="1:12">
      <c r="A22007" s="6" t="s">
        <v>4151</v>
      </c>
      <c r="B22007" s="6"/>
      <c r="C22007" s="6" t="s">
        <v>22043</v>
      </c>
      <c r="D22007" s="6"/>
      <c r="E22007" s="6" t="s">
        <v>9</v>
      </c>
      <c r="F22007" s="7">
        <v>38657</v>
      </c>
      <c r="G22007" s="8">
        <v>1</v>
      </c>
      <c r="H22007" s="8">
        <v>1</v>
      </c>
      <c r="I22007" s="8">
        <v>0</v>
      </c>
      <c r="J22007" s="8">
        <v>1</v>
      </c>
      <c r="K22007" s="9">
        <v>354</v>
      </c>
      <c r="L22007" s="6" t="s">
        <v>4151</v>
      </c>
    </row>
    <row r="22008" spans="1:12">
      <c r="A22008" s="6" t="s">
        <v>4151</v>
      </c>
      <c r="B22008" s="6"/>
      <c r="C22008" s="6" t="s">
        <v>22044</v>
      </c>
      <c r="D22008" s="6"/>
      <c r="E22008" s="6" t="s">
        <v>9</v>
      </c>
      <c r="F22008" s="7">
        <v>38657</v>
      </c>
      <c r="G22008" s="8">
        <v>1</v>
      </c>
      <c r="H22008" s="8">
        <v>1</v>
      </c>
      <c r="I22008" s="8">
        <v>0</v>
      </c>
      <c r="J22008" s="8">
        <v>1</v>
      </c>
      <c r="K22008" s="9">
        <v>13</v>
      </c>
      <c r="L22008" s="6" t="s">
        <v>4151</v>
      </c>
    </row>
    <row r="22009" spans="1:12">
      <c r="A22009" s="6" t="s">
        <v>4151</v>
      </c>
      <c r="B22009" s="6"/>
      <c r="C22009" s="6" t="s">
        <v>22045</v>
      </c>
      <c r="D22009" s="6"/>
      <c r="E22009" s="6" t="s">
        <v>9</v>
      </c>
      <c r="F22009" s="7">
        <v>38657</v>
      </c>
      <c r="G22009" s="8">
        <v>1</v>
      </c>
      <c r="H22009" s="8">
        <v>1</v>
      </c>
      <c r="I22009" s="8">
        <v>0</v>
      </c>
      <c r="J22009" s="8">
        <v>1</v>
      </c>
      <c r="K22009" s="9">
        <v>13</v>
      </c>
      <c r="L22009" s="6" t="s">
        <v>4151</v>
      </c>
    </row>
    <row r="22010" spans="1:12">
      <c r="A22010" s="6" t="s">
        <v>4151</v>
      </c>
      <c r="B22010" s="6"/>
      <c r="C22010" s="6" t="s">
        <v>22046</v>
      </c>
      <c r="D22010" s="6"/>
      <c r="E22010" s="6" t="s">
        <v>9</v>
      </c>
      <c r="F22010" s="7">
        <v>38657</v>
      </c>
      <c r="G22010" s="8">
        <v>1</v>
      </c>
      <c r="H22010" s="8">
        <v>1</v>
      </c>
      <c r="I22010" s="8">
        <v>0</v>
      </c>
      <c r="J22010" s="8">
        <v>1</v>
      </c>
      <c r="K22010" s="9">
        <v>10</v>
      </c>
      <c r="L22010" s="6" t="s">
        <v>4151</v>
      </c>
    </row>
    <row r="22011" spans="1:12">
      <c r="A22011" s="6" t="s">
        <v>4151</v>
      </c>
      <c r="B22011" s="6"/>
      <c r="C22011" s="6" t="s">
        <v>22047</v>
      </c>
      <c r="D22011" s="6"/>
      <c r="E22011" s="6" t="s">
        <v>9</v>
      </c>
      <c r="F22011" s="7">
        <v>38657</v>
      </c>
      <c r="G22011" s="8">
        <v>1</v>
      </c>
      <c r="H22011" s="8">
        <v>1</v>
      </c>
      <c r="I22011" s="8">
        <v>0</v>
      </c>
      <c r="J22011" s="8">
        <v>1</v>
      </c>
      <c r="K22011" s="9">
        <v>65</v>
      </c>
      <c r="L22011" s="6" t="s">
        <v>4151</v>
      </c>
    </row>
    <row r="22012" spans="1:12">
      <c r="A22012" s="6" t="s">
        <v>4151</v>
      </c>
      <c r="B22012" s="6"/>
      <c r="C22012" s="6" t="s">
        <v>22048</v>
      </c>
      <c r="D22012" s="6"/>
      <c r="E22012" s="6" t="s">
        <v>9</v>
      </c>
      <c r="F22012" s="7">
        <v>38657</v>
      </c>
      <c r="G22012" s="8">
        <v>1</v>
      </c>
      <c r="H22012" s="8">
        <v>1</v>
      </c>
      <c r="I22012" s="8">
        <v>0</v>
      </c>
      <c r="J22012" s="8">
        <v>1</v>
      </c>
      <c r="K22012" s="9">
        <v>3.92</v>
      </c>
      <c r="L22012" s="6" t="s">
        <v>4151</v>
      </c>
    </row>
    <row r="22013" spans="1:12">
      <c r="A22013" s="6" t="s">
        <v>4151</v>
      </c>
      <c r="B22013" s="6"/>
      <c r="C22013" s="6" t="s">
        <v>22049</v>
      </c>
      <c r="D22013" s="6"/>
      <c r="E22013" s="6" t="s">
        <v>9</v>
      </c>
      <c r="F22013" s="7">
        <v>38657</v>
      </c>
      <c r="G22013" s="8">
        <v>1</v>
      </c>
      <c r="H22013" s="8">
        <v>1</v>
      </c>
      <c r="I22013" s="8">
        <v>0</v>
      </c>
      <c r="J22013" s="8">
        <v>1</v>
      </c>
      <c r="K22013" s="9">
        <v>15</v>
      </c>
      <c r="L22013" s="6" t="s">
        <v>4151</v>
      </c>
    </row>
    <row r="22014" spans="1:12">
      <c r="A22014" s="6" t="s">
        <v>4151</v>
      </c>
      <c r="B22014" s="6"/>
      <c r="C22014" s="6" t="s">
        <v>22050</v>
      </c>
      <c r="D22014" s="6"/>
      <c r="E22014" s="6" t="s">
        <v>9</v>
      </c>
      <c r="F22014" s="7">
        <v>38657</v>
      </c>
      <c r="G22014" s="8">
        <v>1</v>
      </c>
      <c r="H22014" s="8">
        <v>1</v>
      </c>
      <c r="I22014" s="8">
        <v>0</v>
      </c>
      <c r="J22014" s="8">
        <v>1</v>
      </c>
      <c r="K22014" s="9">
        <v>20</v>
      </c>
      <c r="L22014" s="6" t="s">
        <v>4151</v>
      </c>
    </row>
    <row r="22015" spans="1:12">
      <c r="A22015" s="6" t="s">
        <v>4151</v>
      </c>
      <c r="B22015" s="6"/>
      <c r="C22015" s="6" t="s">
        <v>22051</v>
      </c>
      <c r="D22015" s="6"/>
      <c r="E22015" s="6" t="s">
        <v>9</v>
      </c>
      <c r="F22015" s="7">
        <v>38657</v>
      </c>
      <c r="G22015" s="8">
        <v>1</v>
      </c>
      <c r="H22015" s="8">
        <v>1</v>
      </c>
      <c r="I22015" s="8">
        <v>0</v>
      </c>
      <c r="J22015" s="8">
        <v>1</v>
      </c>
      <c r="K22015" s="9">
        <v>12</v>
      </c>
      <c r="L22015" s="6" t="s">
        <v>4151</v>
      </c>
    </row>
    <row r="22016" spans="1:12">
      <c r="A22016" s="6" t="s">
        <v>4151</v>
      </c>
      <c r="B22016" s="6"/>
      <c r="C22016" s="6" t="s">
        <v>22052</v>
      </c>
      <c r="D22016" s="6"/>
      <c r="E22016" s="6" t="s">
        <v>9</v>
      </c>
      <c r="F22016" s="7">
        <v>38657</v>
      </c>
      <c r="G22016" s="8">
        <v>1</v>
      </c>
      <c r="H22016" s="8">
        <v>1</v>
      </c>
      <c r="I22016" s="8">
        <v>0</v>
      </c>
      <c r="J22016" s="8">
        <v>1</v>
      </c>
      <c r="K22016" s="9">
        <v>207</v>
      </c>
      <c r="L22016" s="6" t="s">
        <v>4151</v>
      </c>
    </row>
    <row r="22017" spans="1:12">
      <c r="A22017" s="6" t="s">
        <v>4151</v>
      </c>
      <c r="B22017" s="6"/>
      <c r="C22017" s="6" t="s">
        <v>22053</v>
      </c>
      <c r="D22017" s="6"/>
      <c r="E22017" s="6" t="s">
        <v>9</v>
      </c>
      <c r="F22017" s="7">
        <v>38657</v>
      </c>
      <c r="G22017" s="8">
        <v>1</v>
      </c>
      <c r="H22017" s="8">
        <v>1</v>
      </c>
      <c r="I22017" s="8">
        <v>0</v>
      </c>
      <c r="J22017" s="8">
        <v>1</v>
      </c>
      <c r="K22017" s="9">
        <v>104.44</v>
      </c>
      <c r="L22017" s="6" t="s">
        <v>4151</v>
      </c>
    </row>
    <row r="22018" spans="1:12">
      <c r="A22018" s="6" t="s">
        <v>4151</v>
      </c>
      <c r="B22018" s="6"/>
      <c r="C22018" s="6" t="s">
        <v>22054</v>
      </c>
      <c r="D22018" s="6"/>
      <c r="E22018" s="6" t="s">
        <v>9</v>
      </c>
      <c r="F22018" s="7">
        <v>38657</v>
      </c>
      <c r="G22018" s="8">
        <v>1</v>
      </c>
      <c r="H22018" s="8">
        <v>1</v>
      </c>
      <c r="I22018" s="8">
        <v>0</v>
      </c>
      <c r="J22018" s="8">
        <v>1</v>
      </c>
      <c r="K22018" s="9">
        <v>516</v>
      </c>
      <c r="L22018" s="6" t="s">
        <v>4151</v>
      </c>
    </row>
    <row r="22019" spans="1:12">
      <c r="A22019" s="6" t="s">
        <v>4151</v>
      </c>
      <c r="B22019" s="6"/>
      <c r="C22019" s="6" t="s">
        <v>22055</v>
      </c>
      <c r="D22019" s="6"/>
      <c r="E22019" s="6" t="s">
        <v>9</v>
      </c>
      <c r="F22019" s="7">
        <v>38657</v>
      </c>
      <c r="G22019" s="8">
        <v>1</v>
      </c>
      <c r="H22019" s="8">
        <v>1</v>
      </c>
      <c r="I22019" s="8">
        <v>0</v>
      </c>
      <c r="J22019" s="8">
        <v>1</v>
      </c>
      <c r="K22019" s="9">
        <v>65</v>
      </c>
      <c r="L22019" s="6" t="s">
        <v>4151</v>
      </c>
    </row>
    <row r="22020" spans="1:12">
      <c r="A22020" s="6" t="s">
        <v>4151</v>
      </c>
      <c r="B22020" s="6"/>
      <c r="C22020" s="6" t="s">
        <v>22056</v>
      </c>
      <c r="D22020" s="6"/>
      <c r="E22020" s="6" t="s">
        <v>9</v>
      </c>
      <c r="F22020" s="7">
        <v>38657</v>
      </c>
      <c r="G22020" s="8">
        <v>1</v>
      </c>
      <c r="H22020" s="8">
        <v>1</v>
      </c>
      <c r="I22020" s="8">
        <v>0</v>
      </c>
      <c r="J22020" s="8">
        <v>1</v>
      </c>
      <c r="K22020" s="9">
        <v>81</v>
      </c>
      <c r="L22020" s="6" t="s">
        <v>4151</v>
      </c>
    </row>
    <row r="22021" spans="1:12">
      <c r="A22021" s="6" t="s">
        <v>4151</v>
      </c>
      <c r="B22021" s="6"/>
      <c r="C22021" s="6" t="s">
        <v>22057</v>
      </c>
      <c r="D22021" s="6"/>
      <c r="E22021" s="6" t="s">
        <v>9</v>
      </c>
      <c r="F22021" s="7">
        <v>38657</v>
      </c>
      <c r="G22021" s="8">
        <v>1</v>
      </c>
      <c r="H22021" s="8">
        <v>1</v>
      </c>
      <c r="I22021" s="8">
        <v>0</v>
      </c>
      <c r="J22021" s="8">
        <v>1</v>
      </c>
      <c r="K22021" s="9">
        <v>117</v>
      </c>
      <c r="L22021" s="6" t="s">
        <v>4151</v>
      </c>
    </row>
    <row r="22022" spans="1:12">
      <c r="A22022" s="6" t="s">
        <v>4151</v>
      </c>
      <c r="B22022" s="6"/>
      <c r="C22022" s="6" t="s">
        <v>22058</v>
      </c>
      <c r="D22022" s="6"/>
      <c r="E22022" s="6" t="s">
        <v>9</v>
      </c>
      <c r="F22022" s="7">
        <v>38657</v>
      </c>
      <c r="G22022" s="8">
        <v>1</v>
      </c>
      <c r="H22022" s="8">
        <v>1</v>
      </c>
      <c r="I22022" s="8">
        <v>0</v>
      </c>
      <c r="J22022" s="8">
        <v>1</v>
      </c>
      <c r="K22022" s="9">
        <v>62.47</v>
      </c>
      <c r="L22022" s="6" t="s">
        <v>4151</v>
      </c>
    </row>
    <row r="22023" spans="1:12">
      <c r="A22023" s="6" t="s">
        <v>4151</v>
      </c>
      <c r="B22023" s="6"/>
      <c r="C22023" s="6" t="s">
        <v>22059</v>
      </c>
      <c r="D22023" s="6"/>
      <c r="E22023" s="6" t="s">
        <v>9</v>
      </c>
      <c r="F22023" s="7">
        <v>38657</v>
      </c>
      <c r="G22023" s="8">
        <v>1</v>
      </c>
      <c r="H22023" s="8">
        <v>1</v>
      </c>
      <c r="I22023" s="8">
        <v>0</v>
      </c>
      <c r="J22023" s="8">
        <v>1</v>
      </c>
      <c r="K22023" s="9">
        <v>45</v>
      </c>
      <c r="L22023" s="6" t="s">
        <v>4151</v>
      </c>
    </row>
    <row r="22024" spans="1:12">
      <c r="A22024" s="6" t="s">
        <v>4151</v>
      </c>
      <c r="B22024" s="6"/>
      <c r="C22024" s="6" t="s">
        <v>22060</v>
      </c>
      <c r="D22024" s="6"/>
      <c r="E22024" s="6" t="s">
        <v>9</v>
      </c>
      <c r="F22024" s="7">
        <v>38657</v>
      </c>
      <c r="G22024" s="8">
        <v>1</v>
      </c>
      <c r="H22024" s="8">
        <v>1</v>
      </c>
      <c r="I22024" s="8">
        <v>0</v>
      </c>
      <c r="J22024" s="8">
        <v>1</v>
      </c>
      <c r="K22024" s="9">
        <v>39</v>
      </c>
      <c r="L22024" s="6" t="s">
        <v>4151</v>
      </c>
    </row>
    <row r="22025" spans="1:12">
      <c r="A22025" s="6" t="s">
        <v>4151</v>
      </c>
      <c r="B22025" s="6"/>
      <c r="C22025" s="6" t="s">
        <v>22061</v>
      </c>
      <c r="D22025" s="6"/>
      <c r="E22025" s="6" t="s">
        <v>9</v>
      </c>
      <c r="F22025" s="7">
        <v>38657</v>
      </c>
      <c r="G22025" s="8">
        <v>1</v>
      </c>
      <c r="H22025" s="8">
        <v>1</v>
      </c>
      <c r="I22025" s="8">
        <v>0</v>
      </c>
      <c r="J22025" s="8">
        <v>1</v>
      </c>
      <c r="K22025" s="9">
        <v>66</v>
      </c>
      <c r="L22025" s="6" t="s">
        <v>4151</v>
      </c>
    </row>
    <row r="22026" spans="1:12">
      <c r="A22026" s="6" t="s">
        <v>4151</v>
      </c>
      <c r="B22026" s="6"/>
      <c r="C22026" s="6" t="s">
        <v>22062</v>
      </c>
      <c r="D22026" s="6"/>
      <c r="E22026" s="6" t="s">
        <v>9</v>
      </c>
      <c r="F22026" s="7">
        <v>38657</v>
      </c>
      <c r="G22026" s="8">
        <v>1</v>
      </c>
      <c r="H22026" s="8">
        <v>1</v>
      </c>
      <c r="I22026" s="8">
        <v>0</v>
      </c>
      <c r="J22026" s="8">
        <v>1</v>
      </c>
      <c r="K22026" s="9">
        <v>25</v>
      </c>
      <c r="L22026" s="6" t="s">
        <v>4151</v>
      </c>
    </row>
    <row r="22027" spans="1:12">
      <c r="A22027" s="6" t="s">
        <v>4151</v>
      </c>
      <c r="B22027" s="6"/>
      <c r="C22027" s="6" t="s">
        <v>22063</v>
      </c>
      <c r="D22027" s="6"/>
      <c r="E22027" s="6" t="s">
        <v>9</v>
      </c>
      <c r="F22027" s="7">
        <v>38657</v>
      </c>
      <c r="G22027" s="8">
        <v>1</v>
      </c>
      <c r="H22027" s="8">
        <v>1</v>
      </c>
      <c r="I22027" s="8">
        <v>0</v>
      </c>
      <c r="J22027" s="8">
        <v>1</v>
      </c>
      <c r="K22027" s="9">
        <v>27</v>
      </c>
      <c r="L22027" s="6" t="s">
        <v>4151</v>
      </c>
    </row>
    <row r="22028" spans="1:12">
      <c r="A22028" s="6" t="s">
        <v>4151</v>
      </c>
      <c r="B22028" s="6"/>
      <c r="C22028" s="6" t="s">
        <v>22064</v>
      </c>
      <c r="D22028" s="6"/>
      <c r="E22028" s="6" t="s">
        <v>9</v>
      </c>
      <c r="F22028" s="7">
        <v>38657</v>
      </c>
      <c r="G22028" s="8">
        <v>1</v>
      </c>
      <c r="H22028" s="8">
        <v>1</v>
      </c>
      <c r="I22028" s="8">
        <v>0</v>
      </c>
      <c r="J22028" s="8">
        <v>1</v>
      </c>
      <c r="K22028" s="9">
        <v>23</v>
      </c>
      <c r="L22028" s="6" t="s">
        <v>4151</v>
      </c>
    </row>
    <row r="22029" spans="1:12">
      <c r="A22029" s="6" t="s">
        <v>4151</v>
      </c>
      <c r="B22029" s="6"/>
      <c r="C22029" s="6" t="s">
        <v>22065</v>
      </c>
      <c r="D22029" s="6"/>
      <c r="E22029" s="6" t="s">
        <v>9</v>
      </c>
      <c r="F22029" s="7">
        <v>38657</v>
      </c>
      <c r="G22029" s="8">
        <v>1</v>
      </c>
      <c r="H22029" s="8">
        <v>1</v>
      </c>
      <c r="I22029" s="8">
        <v>0</v>
      </c>
      <c r="J22029" s="8">
        <v>1</v>
      </c>
      <c r="K22029" s="9">
        <v>22</v>
      </c>
      <c r="L22029" s="6" t="s">
        <v>4151</v>
      </c>
    </row>
    <row r="22030" spans="1:12">
      <c r="A22030" s="6" t="s">
        <v>4151</v>
      </c>
      <c r="B22030" s="6"/>
      <c r="C22030" s="6" t="s">
        <v>22066</v>
      </c>
      <c r="D22030" s="6"/>
      <c r="E22030" s="6" t="s">
        <v>9</v>
      </c>
      <c r="F22030" s="7">
        <v>38657</v>
      </c>
      <c r="G22030" s="8">
        <v>1</v>
      </c>
      <c r="H22030" s="8">
        <v>1</v>
      </c>
      <c r="I22030" s="8">
        <v>0</v>
      </c>
      <c r="J22030" s="8">
        <v>1</v>
      </c>
      <c r="K22030" s="9">
        <v>21</v>
      </c>
      <c r="L22030" s="6" t="s">
        <v>4151</v>
      </c>
    </row>
    <row r="22031" spans="1:12">
      <c r="A22031" s="6" t="s">
        <v>4151</v>
      </c>
      <c r="B22031" s="6"/>
      <c r="C22031" s="6" t="s">
        <v>22067</v>
      </c>
      <c r="D22031" s="6"/>
      <c r="E22031" s="6" t="s">
        <v>9</v>
      </c>
      <c r="F22031" s="7">
        <v>38657</v>
      </c>
      <c r="G22031" s="8">
        <v>1</v>
      </c>
      <c r="H22031" s="8">
        <v>1</v>
      </c>
      <c r="I22031" s="8">
        <v>0</v>
      </c>
      <c r="J22031" s="8">
        <v>1</v>
      </c>
      <c r="K22031" s="9">
        <v>21</v>
      </c>
      <c r="L22031" s="6" t="s">
        <v>4151</v>
      </c>
    </row>
    <row r="22032" spans="1:12">
      <c r="A22032" s="6" t="s">
        <v>4151</v>
      </c>
      <c r="B22032" s="6"/>
      <c r="C22032" s="6" t="s">
        <v>22068</v>
      </c>
      <c r="D22032" s="6"/>
      <c r="E22032" s="6" t="s">
        <v>9</v>
      </c>
      <c r="F22032" s="7">
        <v>38657</v>
      </c>
      <c r="G22032" s="8">
        <v>1</v>
      </c>
      <c r="H22032" s="8">
        <v>1</v>
      </c>
      <c r="I22032" s="8">
        <v>0</v>
      </c>
      <c r="J22032" s="8">
        <v>1</v>
      </c>
      <c r="K22032" s="9">
        <v>21</v>
      </c>
      <c r="L22032" s="6" t="s">
        <v>4151</v>
      </c>
    </row>
    <row r="22033" spans="1:12">
      <c r="A22033" s="6" t="s">
        <v>4151</v>
      </c>
      <c r="B22033" s="6"/>
      <c r="C22033" s="6" t="s">
        <v>22069</v>
      </c>
      <c r="D22033" s="6"/>
      <c r="E22033" s="6" t="s">
        <v>9</v>
      </c>
      <c r="F22033" s="7">
        <v>38657</v>
      </c>
      <c r="G22033" s="8">
        <v>1</v>
      </c>
      <c r="H22033" s="8">
        <v>1</v>
      </c>
      <c r="I22033" s="8">
        <v>0</v>
      </c>
      <c r="J22033" s="8">
        <v>1</v>
      </c>
      <c r="K22033" s="9">
        <v>20</v>
      </c>
      <c r="L22033" s="6" t="s">
        <v>4151</v>
      </c>
    </row>
    <row r="22034" spans="1:12">
      <c r="A22034" s="6" t="s">
        <v>4151</v>
      </c>
      <c r="B22034" s="6"/>
      <c r="C22034" s="6" t="s">
        <v>22070</v>
      </c>
      <c r="D22034" s="6"/>
      <c r="E22034" s="6" t="s">
        <v>9</v>
      </c>
      <c r="F22034" s="7">
        <v>38657</v>
      </c>
      <c r="G22034" s="8">
        <v>1</v>
      </c>
      <c r="H22034" s="8">
        <v>1</v>
      </c>
      <c r="I22034" s="8">
        <v>0</v>
      </c>
      <c r="J22034" s="8">
        <v>1</v>
      </c>
      <c r="K22034" s="9">
        <v>42</v>
      </c>
      <c r="L22034" s="6" t="s">
        <v>4151</v>
      </c>
    </row>
    <row r="22035" spans="1:12">
      <c r="A22035" s="6" t="s">
        <v>4151</v>
      </c>
      <c r="B22035" s="6"/>
      <c r="C22035" s="6" t="s">
        <v>22071</v>
      </c>
      <c r="D22035" s="6"/>
      <c r="E22035" s="6" t="s">
        <v>9</v>
      </c>
      <c r="F22035" s="7">
        <v>38657</v>
      </c>
      <c r="G22035" s="8">
        <v>1</v>
      </c>
      <c r="H22035" s="8">
        <v>1</v>
      </c>
      <c r="I22035" s="8">
        <v>0</v>
      </c>
      <c r="J22035" s="8">
        <v>1</v>
      </c>
      <c r="K22035" s="9">
        <v>19</v>
      </c>
      <c r="L22035" s="6" t="s">
        <v>4151</v>
      </c>
    </row>
    <row r="22036" spans="1:12">
      <c r="A22036" s="6" t="s">
        <v>4151</v>
      </c>
      <c r="B22036" s="6"/>
      <c r="C22036" s="6" t="s">
        <v>22072</v>
      </c>
      <c r="D22036" s="6"/>
      <c r="E22036" s="6" t="s">
        <v>9</v>
      </c>
      <c r="F22036" s="7">
        <v>38657</v>
      </c>
      <c r="G22036" s="8">
        <v>1</v>
      </c>
      <c r="H22036" s="8">
        <v>1</v>
      </c>
      <c r="I22036" s="8">
        <v>0</v>
      </c>
      <c r="J22036" s="8">
        <v>1</v>
      </c>
      <c r="K22036" s="9">
        <v>19</v>
      </c>
      <c r="L22036" s="6" t="s">
        <v>4151</v>
      </c>
    </row>
    <row r="22037" spans="1:12">
      <c r="A22037" s="6" t="s">
        <v>4151</v>
      </c>
      <c r="B22037" s="6"/>
      <c r="C22037" s="6" t="s">
        <v>22073</v>
      </c>
      <c r="D22037" s="6"/>
      <c r="E22037" s="6" t="s">
        <v>9</v>
      </c>
      <c r="F22037" s="7">
        <v>38657</v>
      </c>
      <c r="G22037" s="8">
        <v>1</v>
      </c>
      <c r="H22037" s="8">
        <v>1</v>
      </c>
      <c r="I22037" s="8">
        <v>0</v>
      </c>
      <c r="J22037" s="8">
        <v>1</v>
      </c>
      <c r="K22037" s="9">
        <v>18</v>
      </c>
      <c r="L22037" s="6" t="s">
        <v>4151</v>
      </c>
    </row>
    <row r="22038" spans="1:12">
      <c r="A22038" s="6" t="s">
        <v>4151</v>
      </c>
      <c r="B22038" s="6"/>
      <c r="C22038" s="6" t="s">
        <v>22074</v>
      </c>
      <c r="D22038" s="6"/>
      <c r="E22038" s="6" t="s">
        <v>9</v>
      </c>
      <c r="F22038" s="7">
        <v>38657</v>
      </c>
      <c r="G22038" s="8">
        <v>1</v>
      </c>
      <c r="H22038" s="8">
        <v>1</v>
      </c>
      <c r="I22038" s="8">
        <v>0</v>
      </c>
      <c r="J22038" s="8">
        <v>1</v>
      </c>
      <c r="K22038" s="9">
        <v>18</v>
      </c>
      <c r="L22038" s="6" t="s">
        <v>4151</v>
      </c>
    </row>
    <row r="22039" spans="1:12">
      <c r="A22039" s="6" t="s">
        <v>4151</v>
      </c>
      <c r="B22039" s="6"/>
      <c r="C22039" s="6" t="s">
        <v>22075</v>
      </c>
      <c r="D22039" s="6"/>
      <c r="E22039" s="6" t="s">
        <v>9</v>
      </c>
      <c r="F22039" s="7">
        <v>38657</v>
      </c>
      <c r="G22039" s="8">
        <v>1</v>
      </c>
      <c r="H22039" s="8">
        <v>1</v>
      </c>
      <c r="I22039" s="8">
        <v>0</v>
      </c>
      <c r="J22039" s="8">
        <v>1</v>
      </c>
      <c r="K22039" s="9">
        <v>72</v>
      </c>
      <c r="L22039" s="6" t="s">
        <v>4151</v>
      </c>
    </row>
    <row r="22040" spans="1:12">
      <c r="A22040" s="6" t="s">
        <v>4151</v>
      </c>
      <c r="B22040" s="6"/>
      <c r="C22040" s="6" t="s">
        <v>22076</v>
      </c>
      <c r="D22040" s="6"/>
      <c r="E22040" s="6" t="s">
        <v>9</v>
      </c>
      <c r="F22040" s="7">
        <v>38657</v>
      </c>
      <c r="G22040" s="8">
        <v>1</v>
      </c>
      <c r="H22040" s="8">
        <v>1</v>
      </c>
      <c r="I22040" s="8">
        <v>0</v>
      </c>
      <c r="J22040" s="8">
        <v>1</v>
      </c>
      <c r="K22040" s="9">
        <v>18</v>
      </c>
      <c r="L22040" s="6" t="s">
        <v>4151</v>
      </c>
    </row>
    <row r="22041" spans="1:12">
      <c r="A22041" s="6" t="s">
        <v>4151</v>
      </c>
      <c r="B22041" s="6"/>
      <c r="C22041" s="6" t="s">
        <v>22077</v>
      </c>
      <c r="D22041" s="6"/>
      <c r="E22041" s="6" t="s">
        <v>9</v>
      </c>
      <c r="F22041" s="7">
        <v>38657</v>
      </c>
      <c r="G22041" s="8">
        <v>1</v>
      </c>
      <c r="H22041" s="8">
        <v>1</v>
      </c>
      <c r="I22041" s="8">
        <v>0</v>
      </c>
      <c r="J22041" s="8">
        <v>1</v>
      </c>
      <c r="K22041" s="9">
        <v>25.49</v>
      </c>
      <c r="L22041" s="6" t="s">
        <v>4151</v>
      </c>
    </row>
    <row r="22042" spans="1:12">
      <c r="A22042" s="6" t="s">
        <v>4151</v>
      </c>
      <c r="B22042" s="6"/>
      <c r="C22042" s="6" t="s">
        <v>22078</v>
      </c>
      <c r="D22042" s="6"/>
      <c r="E22042" s="6" t="s">
        <v>9</v>
      </c>
      <c r="F22042" s="7">
        <v>38657</v>
      </c>
      <c r="G22042" s="8">
        <v>1</v>
      </c>
      <c r="H22042" s="8">
        <v>1</v>
      </c>
      <c r="I22042" s="8">
        <v>0</v>
      </c>
      <c r="J22042" s="8">
        <v>1</v>
      </c>
      <c r="K22042" s="9">
        <v>35.43</v>
      </c>
      <c r="L22042" s="6" t="s">
        <v>4151</v>
      </c>
    </row>
    <row r="22043" spans="1:12">
      <c r="A22043" s="6" t="s">
        <v>4151</v>
      </c>
      <c r="B22043" s="6"/>
      <c r="C22043" s="6" t="s">
        <v>22079</v>
      </c>
      <c r="D22043" s="6"/>
      <c r="E22043" s="6" t="s">
        <v>9</v>
      </c>
      <c r="F22043" s="7">
        <v>38657</v>
      </c>
      <c r="G22043" s="8">
        <v>1</v>
      </c>
      <c r="H22043" s="8">
        <v>1</v>
      </c>
      <c r="I22043" s="8">
        <v>0</v>
      </c>
      <c r="J22043" s="8">
        <v>1</v>
      </c>
      <c r="K22043" s="9">
        <v>493</v>
      </c>
      <c r="L22043" s="6" t="s">
        <v>4151</v>
      </c>
    </row>
    <row r="22044" spans="1:12">
      <c r="A22044" s="6" t="s">
        <v>4151</v>
      </c>
      <c r="B22044" s="6"/>
      <c r="C22044" s="6" t="s">
        <v>22080</v>
      </c>
      <c r="D22044" s="6"/>
      <c r="E22044" s="6" t="s">
        <v>9</v>
      </c>
      <c r="F22044" s="7">
        <v>38657</v>
      </c>
      <c r="G22044" s="8">
        <v>1</v>
      </c>
      <c r="H22044" s="8">
        <v>1</v>
      </c>
      <c r="I22044" s="8">
        <v>0</v>
      </c>
      <c r="J22044" s="8">
        <v>1</v>
      </c>
      <c r="K22044" s="9">
        <v>239</v>
      </c>
      <c r="L22044" s="6" t="s">
        <v>4151</v>
      </c>
    </row>
    <row r="22045" spans="1:12">
      <c r="A22045" s="6" t="s">
        <v>4151</v>
      </c>
      <c r="B22045" s="6"/>
      <c r="C22045" s="6" t="s">
        <v>22081</v>
      </c>
      <c r="D22045" s="6"/>
      <c r="E22045" s="6" t="s">
        <v>9</v>
      </c>
      <c r="F22045" s="7">
        <v>38657</v>
      </c>
      <c r="G22045" s="8">
        <v>1</v>
      </c>
      <c r="H22045" s="8">
        <v>1</v>
      </c>
      <c r="I22045" s="8">
        <v>0</v>
      </c>
      <c r="J22045" s="8">
        <v>1</v>
      </c>
      <c r="K22045" s="9">
        <v>12</v>
      </c>
      <c r="L22045" s="6" t="s">
        <v>4151</v>
      </c>
    </row>
    <row r="22046" spans="1:12">
      <c r="A22046" s="6" t="s">
        <v>4151</v>
      </c>
      <c r="B22046" s="6"/>
      <c r="C22046" s="6" t="s">
        <v>22082</v>
      </c>
      <c r="D22046" s="6"/>
      <c r="E22046" s="6" t="s">
        <v>9</v>
      </c>
      <c r="F22046" s="7">
        <v>38657</v>
      </c>
      <c r="G22046" s="8">
        <v>1</v>
      </c>
      <c r="H22046" s="8">
        <v>1</v>
      </c>
      <c r="I22046" s="8">
        <v>0</v>
      </c>
      <c r="J22046" s="8">
        <v>1</v>
      </c>
      <c r="K22046" s="9">
        <v>25.99</v>
      </c>
      <c r="L22046" s="6" t="s">
        <v>4151</v>
      </c>
    </row>
    <row r="22047" spans="1:12">
      <c r="A22047" s="6" t="s">
        <v>4151</v>
      </c>
      <c r="B22047" s="6"/>
      <c r="C22047" s="6" t="s">
        <v>22083</v>
      </c>
      <c r="D22047" s="6"/>
      <c r="E22047" s="6" t="s">
        <v>9</v>
      </c>
      <c r="F22047" s="7">
        <v>38657</v>
      </c>
      <c r="G22047" s="8">
        <v>1</v>
      </c>
      <c r="H22047" s="8">
        <v>1</v>
      </c>
      <c r="I22047" s="8">
        <v>0</v>
      </c>
      <c r="J22047" s="8">
        <v>1</v>
      </c>
      <c r="K22047" s="9">
        <v>27</v>
      </c>
      <c r="L22047" s="6" t="s">
        <v>4151</v>
      </c>
    </row>
    <row r="22048" spans="1:12">
      <c r="A22048" s="6" t="s">
        <v>4151</v>
      </c>
      <c r="B22048" s="6"/>
      <c r="C22048" s="6" t="s">
        <v>22084</v>
      </c>
      <c r="D22048" s="6"/>
      <c r="E22048" s="6" t="s">
        <v>9</v>
      </c>
      <c r="F22048" s="7">
        <v>38657</v>
      </c>
      <c r="G22048" s="8">
        <v>1</v>
      </c>
      <c r="H22048" s="8">
        <v>1</v>
      </c>
      <c r="I22048" s="8">
        <v>0</v>
      </c>
      <c r="J22048" s="8">
        <v>1</v>
      </c>
      <c r="K22048" s="9">
        <v>47</v>
      </c>
      <c r="L22048" s="6" t="s">
        <v>4151</v>
      </c>
    </row>
    <row r="22049" spans="1:12">
      <c r="A22049" s="6" t="s">
        <v>4151</v>
      </c>
      <c r="B22049" s="6"/>
      <c r="C22049" s="6" t="s">
        <v>22085</v>
      </c>
      <c r="D22049" s="6"/>
      <c r="E22049" s="6" t="s">
        <v>9</v>
      </c>
      <c r="F22049" s="7">
        <v>38657</v>
      </c>
      <c r="G22049" s="8">
        <v>1</v>
      </c>
      <c r="H22049" s="8">
        <v>1</v>
      </c>
      <c r="I22049" s="8">
        <v>0</v>
      </c>
      <c r="J22049" s="8">
        <v>1</v>
      </c>
      <c r="K22049" s="9">
        <v>23.16</v>
      </c>
      <c r="L22049" s="6" t="s">
        <v>4151</v>
      </c>
    </row>
    <row r="22050" spans="1:12">
      <c r="A22050" s="6" t="s">
        <v>4151</v>
      </c>
      <c r="B22050" s="6"/>
      <c r="C22050" s="6" t="s">
        <v>22086</v>
      </c>
      <c r="D22050" s="6"/>
      <c r="E22050" s="6" t="s">
        <v>9</v>
      </c>
      <c r="F22050" s="7">
        <v>38657</v>
      </c>
      <c r="G22050" s="8">
        <v>1</v>
      </c>
      <c r="H22050" s="8">
        <v>1</v>
      </c>
      <c r="I22050" s="8">
        <v>0</v>
      </c>
      <c r="J22050" s="8">
        <v>1</v>
      </c>
      <c r="K22050" s="9">
        <v>78</v>
      </c>
      <c r="L22050" s="6" t="s">
        <v>4151</v>
      </c>
    </row>
    <row r="22051" spans="1:12">
      <c r="A22051" s="6" t="s">
        <v>4151</v>
      </c>
      <c r="B22051" s="6"/>
      <c r="C22051" s="6" t="s">
        <v>22087</v>
      </c>
      <c r="D22051" s="6"/>
      <c r="E22051" s="6" t="s">
        <v>9</v>
      </c>
      <c r="F22051" s="7">
        <v>38657</v>
      </c>
      <c r="G22051" s="8">
        <v>1</v>
      </c>
      <c r="H22051" s="8">
        <v>1</v>
      </c>
      <c r="I22051" s="8">
        <v>0</v>
      </c>
      <c r="J22051" s="8">
        <v>1</v>
      </c>
      <c r="K22051" s="9">
        <v>54</v>
      </c>
      <c r="L22051" s="6" t="s">
        <v>4151</v>
      </c>
    </row>
    <row r="22052" spans="1:12">
      <c r="A22052" s="6" t="s">
        <v>4151</v>
      </c>
      <c r="B22052" s="6"/>
      <c r="C22052" s="6" t="s">
        <v>22088</v>
      </c>
      <c r="D22052" s="6"/>
      <c r="E22052" s="6" t="s">
        <v>9</v>
      </c>
      <c r="F22052" s="7">
        <v>38657</v>
      </c>
      <c r="G22052" s="8">
        <v>1</v>
      </c>
      <c r="H22052" s="8">
        <v>1</v>
      </c>
      <c r="I22052" s="8">
        <v>0</v>
      </c>
      <c r="J22052" s="8">
        <v>1</v>
      </c>
      <c r="K22052" s="9">
        <v>84</v>
      </c>
      <c r="L22052" s="6" t="s">
        <v>4151</v>
      </c>
    </row>
    <row r="22053" spans="1:12">
      <c r="A22053" s="6" t="s">
        <v>4151</v>
      </c>
      <c r="B22053" s="6"/>
      <c r="C22053" s="6" t="s">
        <v>22089</v>
      </c>
      <c r="D22053" s="6"/>
      <c r="E22053" s="6" t="s">
        <v>9</v>
      </c>
      <c r="F22053" s="7">
        <v>38657</v>
      </c>
      <c r="G22053" s="8">
        <v>1</v>
      </c>
      <c r="H22053" s="8">
        <v>1</v>
      </c>
      <c r="I22053" s="8">
        <v>0</v>
      </c>
      <c r="J22053" s="8">
        <v>1</v>
      </c>
      <c r="K22053" s="9">
        <v>8.8699999999999903</v>
      </c>
      <c r="L22053" s="6" t="s">
        <v>4151</v>
      </c>
    </row>
    <row r="22054" spans="1:12">
      <c r="A22054" s="6" t="s">
        <v>4151</v>
      </c>
      <c r="B22054" s="6"/>
      <c r="C22054" s="6" t="s">
        <v>22090</v>
      </c>
      <c r="D22054" s="6"/>
      <c r="E22054" s="6" t="s">
        <v>9</v>
      </c>
      <c r="F22054" s="7">
        <v>38657</v>
      </c>
      <c r="G22054" s="8">
        <v>1</v>
      </c>
      <c r="H22054" s="8">
        <v>1</v>
      </c>
      <c r="I22054" s="8">
        <v>0</v>
      </c>
      <c r="J22054" s="8">
        <v>1</v>
      </c>
      <c r="K22054" s="9">
        <v>140</v>
      </c>
      <c r="L22054" s="6" t="s">
        <v>4151</v>
      </c>
    </row>
    <row r="22055" spans="1:12">
      <c r="A22055" s="6" t="s">
        <v>4151</v>
      </c>
      <c r="B22055" s="6"/>
      <c r="C22055" s="6" t="s">
        <v>22091</v>
      </c>
      <c r="D22055" s="6"/>
      <c r="E22055" s="6" t="s">
        <v>9</v>
      </c>
      <c r="F22055" s="7">
        <v>38657</v>
      </c>
      <c r="G22055" s="8">
        <v>1</v>
      </c>
      <c r="H22055" s="8">
        <v>1</v>
      </c>
      <c r="I22055" s="8">
        <v>0</v>
      </c>
      <c r="J22055" s="8">
        <v>1</v>
      </c>
      <c r="K22055" s="9">
        <v>36</v>
      </c>
      <c r="L22055" s="6" t="s">
        <v>4151</v>
      </c>
    </row>
    <row r="22056" spans="1:12">
      <c r="A22056" s="6" t="s">
        <v>4151</v>
      </c>
      <c r="B22056" s="6"/>
      <c r="C22056" s="6" t="s">
        <v>22092</v>
      </c>
      <c r="D22056" s="6"/>
      <c r="E22056" s="6" t="s">
        <v>9</v>
      </c>
      <c r="F22056" s="7">
        <v>38657</v>
      </c>
      <c r="G22056" s="8">
        <v>1</v>
      </c>
      <c r="H22056" s="8">
        <v>1</v>
      </c>
      <c r="I22056" s="8">
        <v>0</v>
      </c>
      <c r="J22056" s="8">
        <v>1</v>
      </c>
      <c r="K22056" s="9">
        <v>19</v>
      </c>
      <c r="L22056" s="6" t="s">
        <v>4151</v>
      </c>
    </row>
    <row r="22057" spans="1:12">
      <c r="A22057" s="6" t="s">
        <v>4151</v>
      </c>
      <c r="B22057" s="6"/>
      <c r="C22057" s="6" t="s">
        <v>22093</v>
      </c>
      <c r="D22057" s="6"/>
      <c r="E22057" s="6" t="s">
        <v>9</v>
      </c>
      <c r="F22057" s="7">
        <v>38657</v>
      </c>
      <c r="G22057" s="8">
        <v>1</v>
      </c>
      <c r="H22057" s="8">
        <v>1</v>
      </c>
      <c r="I22057" s="8">
        <v>0</v>
      </c>
      <c r="J22057" s="8">
        <v>1</v>
      </c>
      <c r="K22057" s="9">
        <v>13</v>
      </c>
      <c r="L22057" s="6" t="s">
        <v>4151</v>
      </c>
    </row>
    <row r="22058" spans="1:12">
      <c r="A22058" s="6" t="s">
        <v>4151</v>
      </c>
      <c r="B22058" s="6"/>
      <c r="C22058" s="6" t="s">
        <v>22094</v>
      </c>
      <c r="D22058" s="6"/>
      <c r="E22058" s="6" t="s">
        <v>9</v>
      </c>
      <c r="F22058" s="7">
        <v>38657</v>
      </c>
      <c r="G22058" s="8">
        <v>1</v>
      </c>
      <c r="H22058" s="8">
        <v>1</v>
      </c>
      <c r="I22058" s="8">
        <v>0</v>
      </c>
      <c r="J22058" s="8">
        <v>1</v>
      </c>
      <c r="K22058" s="9">
        <v>33</v>
      </c>
      <c r="L22058" s="6" t="s">
        <v>4151</v>
      </c>
    </row>
    <row r="22059" spans="1:12">
      <c r="A22059" s="6" t="s">
        <v>4151</v>
      </c>
      <c r="B22059" s="6"/>
      <c r="C22059" s="6" t="s">
        <v>22095</v>
      </c>
      <c r="D22059" s="6"/>
      <c r="E22059" s="6" t="s">
        <v>9</v>
      </c>
      <c r="F22059" s="7">
        <v>38657</v>
      </c>
      <c r="G22059" s="8">
        <v>1</v>
      </c>
      <c r="H22059" s="8">
        <v>1</v>
      </c>
      <c r="I22059" s="8">
        <v>0</v>
      </c>
      <c r="J22059" s="8">
        <v>1</v>
      </c>
      <c r="K22059" s="9">
        <v>33</v>
      </c>
      <c r="L22059" s="6" t="s">
        <v>4151</v>
      </c>
    </row>
    <row r="22060" spans="1:12">
      <c r="A22060" s="6" t="s">
        <v>4151</v>
      </c>
      <c r="B22060" s="6"/>
      <c r="C22060" s="6" t="s">
        <v>22096</v>
      </c>
      <c r="D22060" s="6"/>
      <c r="E22060" s="6" t="s">
        <v>9</v>
      </c>
      <c r="F22060" s="7">
        <v>38657</v>
      </c>
      <c r="G22060" s="8">
        <v>1</v>
      </c>
      <c r="H22060" s="8">
        <v>1</v>
      </c>
      <c r="I22060" s="8">
        <v>0</v>
      </c>
      <c r="J22060" s="8">
        <v>1</v>
      </c>
      <c r="K22060" s="9">
        <v>13</v>
      </c>
      <c r="L22060" s="6" t="s">
        <v>4151</v>
      </c>
    </row>
    <row r="22061" spans="1:12">
      <c r="A22061" s="6" t="s">
        <v>4151</v>
      </c>
      <c r="B22061" s="6"/>
      <c r="C22061" s="6" t="s">
        <v>22097</v>
      </c>
      <c r="D22061" s="6"/>
      <c r="E22061" s="6" t="s">
        <v>9</v>
      </c>
      <c r="F22061" s="7">
        <v>38657</v>
      </c>
      <c r="G22061" s="8">
        <v>1</v>
      </c>
      <c r="H22061" s="8">
        <v>1</v>
      </c>
      <c r="I22061" s="8">
        <v>0</v>
      </c>
      <c r="J22061" s="8">
        <v>1</v>
      </c>
      <c r="K22061" s="9">
        <v>33</v>
      </c>
      <c r="L22061" s="6" t="s">
        <v>4151</v>
      </c>
    </row>
    <row r="22062" spans="1:12">
      <c r="A22062" s="6" t="s">
        <v>4151</v>
      </c>
      <c r="B22062" s="6"/>
      <c r="C22062" s="6" t="s">
        <v>22098</v>
      </c>
      <c r="D22062" s="6"/>
      <c r="E22062" s="6" t="s">
        <v>9</v>
      </c>
      <c r="F22062" s="7">
        <v>38657</v>
      </c>
      <c r="G22062" s="8">
        <v>1</v>
      </c>
      <c r="H22062" s="8">
        <v>1</v>
      </c>
      <c r="I22062" s="8">
        <v>0</v>
      </c>
      <c r="J22062" s="8">
        <v>1</v>
      </c>
      <c r="K22062" s="9">
        <v>33</v>
      </c>
      <c r="L22062" s="6" t="s">
        <v>4151</v>
      </c>
    </row>
    <row r="22063" spans="1:12">
      <c r="A22063" s="6" t="s">
        <v>4151</v>
      </c>
      <c r="B22063" s="6"/>
      <c r="C22063" s="6" t="s">
        <v>22099</v>
      </c>
      <c r="D22063" s="6"/>
      <c r="E22063" s="6" t="s">
        <v>9</v>
      </c>
      <c r="F22063" s="7">
        <v>38657</v>
      </c>
      <c r="G22063" s="8">
        <v>1</v>
      </c>
      <c r="H22063" s="8">
        <v>1</v>
      </c>
      <c r="I22063" s="8">
        <v>0</v>
      </c>
      <c r="J22063" s="8">
        <v>1</v>
      </c>
      <c r="K22063" s="9">
        <v>16.850000000000001</v>
      </c>
      <c r="L22063" s="6" t="s">
        <v>4151</v>
      </c>
    </row>
    <row r="22064" spans="1:12">
      <c r="A22064" s="6" t="s">
        <v>4151</v>
      </c>
      <c r="B22064" s="6"/>
      <c r="C22064" s="6" t="s">
        <v>22100</v>
      </c>
      <c r="D22064" s="6"/>
      <c r="E22064" s="6" t="s">
        <v>9</v>
      </c>
      <c r="F22064" s="7">
        <v>38657</v>
      </c>
      <c r="G22064" s="8">
        <v>1</v>
      </c>
      <c r="H22064" s="8">
        <v>1</v>
      </c>
      <c r="I22064" s="8">
        <v>0</v>
      </c>
      <c r="J22064" s="8">
        <v>1</v>
      </c>
      <c r="K22064" s="9">
        <v>33</v>
      </c>
      <c r="L22064" s="6" t="s">
        <v>4151</v>
      </c>
    </row>
    <row r="22065" spans="1:12">
      <c r="A22065" s="6" t="s">
        <v>4151</v>
      </c>
      <c r="B22065" s="6"/>
      <c r="C22065" s="6" t="s">
        <v>22101</v>
      </c>
      <c r="D22065" s="6"/>
      <c r="E22065" s="6" t="s">
        <v>9</v>
      </c>
      <c r="F22065" s="7">
        <v>38657</v>
      </c>
      <c r="G22065" s="8">
        <v>1</v>
      </c>
      <c r="H22065" s="8">
        <v>1</v>
      </c>
      <c r="I22065" s="8">
        <v>0</v>
      </c>
      <c r="J22065" s="8">
        <v>1</v>
      </c>
      <c r="K22065" s="9">
        <v>33</v>
      </c>
      <c r="L22065" s="6" t="s">
        <v>4151</v>
      </c>
    </row>
    <row r="22066" spans="1:12">
      <c r="A22066" s="6" t="s">
        <v>4151</v>
      </c>
      <c r="B22066" s="6"/>
      <c r="C22066" s="6" t="s">
        <v>22102</v>
      </c>
      <c r="D22066" s="6"/>
      <c r="E22066" s="6" t="s">
        <v>9</v>
      </c>
      <c r="F22066" s="7">
        <v>38657</v>
      </c>
      <c r="G22066" s="8">
        <v>1</v>
      </c>
      <c r="H22066" s="8">
        <v>1</v>
      </c>
      <c r="I22066" s="8">
        <v>0</v>
      </c>
      <c r="J22066" s="8">
        <v>1</v>
      </c>
      <c r="K22066" s="9">
        <v>33</v>
      </c>
      <c r="L22066" s="6" t="s">
        <v>4151</v>
      </c>
    </row>
    <row r="22067" spans="1:12">
      <c r="A22067" s="6" t="s">
        <v>4151</v>
      </c>
      <c r="B22067" s="6"/>
      <c r="C22067" s="6" t="s">
        <v>22103</v>
      </c>
      <c r="D22067" s="6"/>
      <c r="E22067" s="6" t="s">
        <v>9</v>
      </c>
      <c r="F22067" s="7">
        <v>38657</v>
      </c>
      <c r="G22067" s="8">
        <v>1</v>
      </c>
      <c r="H22067" s="8">
        <v>1</v>
      </c>
      <c r="I22067" s="8">
        <v>0</v>
      </c>
      <c r="J22067" s="8">
        <v>1</v>
      </c>
      <c r="K22067" s="9">
        <v>26</v>
      </c>
      <c r="L22067" s="6" t="s">
        <v>4151</v>
      </c>
    </row>
    <row r="22068" spans="1:12">
      <c r="A22068" s="6" t="s">
        <v>4151</v>
      </c>
      <c r="B22068" s="6"/>
      <c r="C22068" s="6" t="s">
        <v>22104</v>
      </c>
      <c r="D22068" s="6"/>
      <c r="E22068" s="6" t="s">
        <v>9</v>
      </c>
      <c r="F22068" s="7">
        <v>38657</v>
      </c>
      <c r="G22068" s="8">
        <v>1</v>
      </c>
      <c r="H22068" s="8">
        <v>1</v>
      </c>
      <c r="I22068" s="8">
        <v>0</v>
      </c>
      <c r="J22068" s="8">
        <v>1</v>
      </c>
      <c r="K22068" s="9">
        <v>23</v>
      </c>
      <c r="L22068" s="6" t="s">
        <v>4151</v>
      </c>
    </row>
    <row r="22069" spans="1:12">
      <c r="A22069" s="6" t="s">
        <v>4151</v>
      </c>
      <c r="B22069" s="6"/>
      <c r="C22069" s="6" t="s">
        <v>22105</v>
      </c>
      <c r="D22069" s="6"/>
      <c r="E22069" s="6" t="s">
        <v>9</v>
      </c>
      <c r="F22069" s="7">
        <v>38657</v>
      </c>
      <c r="G22069" s="8">
        <v>1</v>
      </c>
      <c r="H22069" s="8">
        <v>1</v>
      </c>
      <c r="I22069" s="8">
        <v>0</v>
      </c>
      <c r="J22069" s="8">
        <v>1</v>
      </c>
      <c r="K22069" s="9">
        <v>23</v>
      </c>
      <c r="L22069" s="6" t="s">
        <v>4151</v>
      </c>
    </row>
    <row r="22070" spans="1:12">
      <c r="A22070" s="6" t="s">
        <v>4151</v>
      </c>
      <c r="B22070" s="6"/>
      <c r="C22070" s="6" t="s">
        <v>22106</v>
      </c>
      <c r="D22070" s="6"/>
      <c r="E22070" s="6" t="s">
        <v>9</v>
      </c>
      <c r="F22070" s="7">
        <v>38657</v>
      </c>
      <c r="G22070" s="8">
        <v>1</v>
      </c>
      <c r="H22070" s="8">
        <v>1</v>
      </c>
      <c r="I22070" s="8">
        <v>0</v>
      </c>
      <c r="J22070" s="8">
        <v>1</v>
      </c>
      <c r="K22070" s="9">
        <v>23</v>
      </c>
      <c r="L22070" s="6" t="s">
        <v>4151</v>
      </c>
    </row>
    <row r="22071" spans="1:12">
      <c r="A22071" s="6" t="s">
        <v>4151</v>
      </c>
      <c r="B22071" s="6"/>
      <c r="C22071" s="6" t="s">
        <v>22107</v>
      </c>
      <c r="D22071" s="6"/>
      <c r="E22071" s="6" t="s">
        <v>9</v>
      </c>
      <c r="F22071" s="7">
        <v>38657</v>
      </c>
      <c r="G22071" s="8">
        <v>1</v>
      </c>
      <c r="H22071" s="8">
        <v>1</v>
      </c>
      <c r="I22071" s="8">
        <v>0</v>
      </c>
      <c r="J22071" s="8">
        <v>1</v>
      </c>
      <c r="K22071" s="9">
        <v>15</v>
      </c>
      <c r="L22071" s="6" t="s">
        <v>4151</v>
      </c>
    </row>
    <row r="22072" spans="1:12">
      <c r="A22072" s="6" t="s">
        <v>4151</v>
      </c>
      <c r="B22072" s="6"/>
      <c r="C22072" s="6" t="s">
        <v>22108</v>
      </c>
      <c r="D22072" s="6"/>
      <c r="E22072" s="6" t="s">
        <v>9</v>
      </c>
      <c r="F22072" s="7">
        <v>38657</v>
      </c>
      <c r="G22072" s="8">
        <v>1</v>
      </c>
      <c r="H22072" s="8">
        <v>1</v>
      </c>
      <c r="I22072" s="8">
        <v>0</v>
      </c>
      <c r="J22072" s="8">
        <v>1</v>
      </c>
      <c r="K22072" s="9">
        <v>23</v>
      </c>
      <c r="L22072" s="6" t="s">
        <v>4151</v>
      </c>
    </row>
    <row r="22073" spans="1:12">
      <c r="A22073" s="6" t="s">
        <v>4151</v>
      </c>
      <c r="B22073" s="6"/>
      <c r="C22073" s="6" t="s">
        <v>22109</v>
      </c>
      <c r="D22073" s="6"/>
      <c r="E22073" s="6" t="s">
        <v>9</v>
      </c>
      <c r="F22073" s="7">
        <v>38657</v>
      </c>
      <c r="G22073" s="8">
        <v>1</v>
      </c>
      <c r="H22073" s="8">
        <v>1</v>
      </c>
      <c r="I22073" s="8">
        <v>0</v>
      </c>
      <c r="J22073" s="8">
        <v>1</v>
      </c>
      <c r="K22073" s="9">
        <v>23</v>
      </c>
      <c r="L22073" s="6" t="s">
        <v>4151</v>
      </c>
    </row>
    <row r="22074" spans="1:12">
      <c r="A22074" s="6" t="s">
        <v>4151</v>
      </c>
      <c r="B22074" s="6"/>
      <c r="C22074" s="6" t="s">
        <v>22110</v>
      </c>
      <c r="D22074" s="6"/>
      <c r="E22074" s="6" t="s">
        <v>9</v>
      </c>
      <c r="F22074" s="7">
        <v>38657</v>
      </c>
      <c r="G22074" s="8">
        <v>1</v>
      </c>
      <c r="H22074" s="8">
        <v>1</v>
      </c>
      <c r="I22074" s="8">
        <v>0</v>
      </c>
      <c r="J22074" s="8">
        <v>1</v>
      </c>
      <c r="K22074" s="9">
        <v>60</v>
      </c>
      <c r="L22074" s="6" t="s">
        <v>4151</v>
      </c>
    </row>
    <row r="22075" spans="1:12">
      <c r="A22075" s="6" t="s">
        <v>4151</v>
      </c>
      <c r="B22075" s="6"/>
      <c r="C22075" s="6" t="s">
        <v>22111</v>
      </c>
      <c r="D22075" s="6"/>
      <c r="E22075" s="6" t="s">
        <v>9</v>
      </c>
      <c r="F22075" s="7">
        <v>38657</v>
      </c>
      <c r="G22075" s="8">
        <v>1</v>
      </c>
      <c r="H22075" s="8">
        <v>1</v>
      </c>
      <c r="I22075" s="8">
        <v>0</v>
      </c>
      <c r="J22075" s="8">
        <v>1</v>
      </c>
      <c r="K22075" s="9">
        <v>20</v>
      </c>
      <c r="L22075" s="6" t="s">
        <v>4151</v>
      </c>
    </row>
    <row r="22076" spans="1:12">
      <c r="A22076" s="6" t="s">
        <v>4151</v>
      </c>
      <c r="B22076" s="6"/>
      <c r="C22076" s="6" t="s">
        <v>22112</v>
      </c>
      <c r="D22076" s="6"/>
      <c r="E22076" s="6" t="s">
        <v>9</v>
      </c>
      <c r="F22076" s="7">
        <v>38657</v>
      </c>
      <c r="G22076" s="8">
        <v>1</v>
      </c>
      <c r="H22076" s="8">
        <v>1</v>
      </c>
      <c r="I22076" s="8">
        <v>0</v>
      </c>
      <c r="J22076" s="8">
        <v>1</v>
      </c>
      <c r="K22076" s="9">
        <v>75</v>
      </c>
      <c r="L22076" s="6" t="s">
        <v>4151</v>
      </c>
    </row>
    <row r="22077" spans="1:12">
      <c r="A22077" s="6" t="s">
        <v>4151</v>
      </c>
      <c r="B22077" s="6"/>
      <c r="C22077" s="6" t="s">
        <v>22113</v>
      </c>
      <c r="D22077" s="6"/>
      <c r="E22077" s="6" t="s">
        <v>9</v>
      </c>
      <c r="F22077" s="7">
        <v>38657</v>
      </c>
      <c r="G22077" s="8">
        <v>1</v>
      </c>
      <c r="H22077" s="8">
        <v>1</v>
      </c>
      <c r="I22077" s="8">
        <v>0</v>
      </c>
      <c r="J22077" s="8">
        <v>1</v>
      </c>
      <c r="K22077" s="9">
        <v>54</v>
      </c>
      <c r="L22077" s="6" t="s">
        <v>4151</v>
      </c>
    </row>
    <row r="22078" spans="1:12">
      <c r="A22078" s="6" t="s">
        <v>4151</v>
      </c>
      <c r="B22078" s="6"/>
      <c r="C22078" s="6" t="s">
        <v>22114</v>
      </c>
      <c r="D22078" s="6"/>
      <c r="E22078" s="6" t="s">
        <v>9</v>
      </c>
      <c r="F22078" s="7">
        <v>38657</v>
      </c>
      <c r="G22078" s="8">
        <v>1</v>
      </c>
      <c r="H22078" s="8">
        <v>1</v>
      </c>
      <c r="I22078" s="8">
        <v>0</v>
      </c>
      <c r="J22078" s="8">
        <v>1</v>
      </c>
      <c r="K22078" s="9">
        <v>8.32</v>
      </c>
      <c r="L22078" s="6" t="s">
        <v>4151</v>
      </c>
    </row>
    <row r="22079" spans="1:12">
      <c r="A22079" s="6" t="s">
        <v>4151</v>
      </c>
      <c r="B22079" s="6"/>
      <c r="C22079" s="6" t="s">
        <v>22115</v>
      </c>
      <c r="D22079" s="6"/>
      <c r="E22079" s="6" t="s">
        <v>9</v>
      </c>
      <c r="F22079" s="7">
        <v>38657</v>
      </c>
      <c r="G22079" s="8">
        <v>1</v>
      </c>
      <c r="H22079" s="8">
        <v>1</v>
      </c>
      <c r="I22079" s="8">
        <v>0</v>
      </c>
      <c r="J22079" s="8">
        <v>1</v>
      </c>
      <c r="K22079" s="9">
        <v>1.84</v>
      </c>
      <c r="L22079" s="6" t="s">
        <v>4151</v>
      </c>
    </row>
    <row r="22080" spans="1:12">
      <c r="A22080" s="6" t="s">
        <v>4151</v>
      </c>
      <c r="B22080" s="6"/>
      <c r="C22080" s="6" t="s">
        <v>22116</v>
      </c>
      <c r="D22080" s="6"/>
      <c r="E22080" s="6" t="s">
        <v>9</v>
      </c>
      <c r="F22080" s="7">
        <v>38657</v>
      </c>
      <c r="G22080" s="8">
        <v>1</v>
      </c>
      <c r="H22080" s="8">
        <v>1</v>
      </c>
      <c r="I22080" s="8">
        <v>0</v>
      </c>
      <c r="J22080" s="8">
        <v>1</v>
      </c>
      <c r="K22080" s="9">
        <v>17</v>
      </c>
      <c r="L22080" s="6" t="s">
        <v>4151</v>
      </c>
    </row>
    <row r="22081" spans="1:12">
      <c r="A22081" s="6" t="s">
        <v>4151</v>
      </c>
      <c r="B22081" s="6"/>
      <c r="C22081" s="6" t="s">
        <v>22117</v>
      </c>
      <c r="D22081" s="6"/>
      <c r="E22081" s="6" t="s">
        <v>9</v>
      </c>
      <c r="F22081" s="7">
        <v>38657</v>
      </c>
      <c r="G22081" s="8">
        <v>1</v>
      </c>
      <c r="H22081" s="8">
        <v>1</v>
      </c>
      <c r="I22081" s="8">
        <v>0</v>
      </c>
      <c r="J22081" s="8">
        <v>1</v>
      </c>
      <c r="K22081" s="9">
        <v>12.42</v>
      </c>
      <c r="L22081" s="6" t="s">
        <v>4151</v>
      </c>
    </row>
    <row r="22082" spans="1:12">
      <c r="A22082" s="6" t="s">
        <v>4151</v>
      </c>
      <c r="B22082" s="6"/>
      <c r="C22082" s="6" t="s">
        <v>22118</v>
      </c>
      <c r="D22082" s="6"/>
      <c r="E22082" s="6" t="s">
        <v>9</v>
      </c>
      <c r="F22082" s="7">
        <v>38657</v>
      </c>
      <c r="G22082" s="8">
        <v>1</v>
      </c>
      <c r="H22082" s="8">
        <v>1</v>
      </c>
      <c r="I22082" s="8">
        <v>0</v>
      </c>
      <c r="J22082" s="8">
        <v>1</v>
      </c>
      <c r="K22082" s="9">
        <v>18</v>
      </c>
      <c r="L22082" s="6" t="s">
        <v>4151</v>
      </c>
    </row>
    <row r="22083" spans="1:12">
      <c r="A22083" s="6" t="s">
        <v>4151</v>
      </c>
      <c r="B22083" s="6"/>
      <c r="C22083" s="6" t="s">
        <v>22119</v>
      </c>
      <c r="D22083" s="6"/>
      <c r="E22083" s="6" t="s">
        <v>9</v>
      </c>
      <c r="F22083" s="7">
        <v>38657</v>
      </c>
      <c r="G22083" s="8">
        <v>1</v>
      </c>
      <c r="H22083" s="8">
        <v>1</v>
      </c>
      <c r="I22083" s="8">
        <v>0</v>
      </c>
      <c r="J22083" s="8">
        <v>1</v>
      </c>
      <c r="K22083" s="9">
        <v>9.08</v>
      </c>
      <c r="L22083" s="6" t="s">
        <v>4151</v>
      </c>
    </row>
    <row r="22084" spans="1:12">
      <c r="A22084" s="6" t="s">
        <v>4151</v>
      </c>
      <c r="B22084" s="6"/>
      <c r="C22084" s="6" t="s">
        <v>22120</v>
      </c>
      <c r="D22084" s="6"/>
      <c r="E22084" s="6" t="s">
        <v>9</v>
      </c>
      <c r="F22084" s="7">
        <v>38657</v>
      </c>
      <c r="G22084" s="8">
        <v>1</v>
      </c>
      <c r="H22084" s="8">
        <v>1</v>
      </c>
      <c r="I22084" s="8">
        <v>0</v>
      </c>
      <c r="J22084" s="8">
        <v>1</v>
      </c>
      <c r="K22084" s="9">
        <v>2.92</v>
      </c>
      <c r="L22084" s="6" t="s">
        <v>4151</v>
      </c>
    </row>
    <row r="22085" spans="1:12">
      <c r="A22085" s="6" t="s">
        <v>4151</v>
      </c>
      <c r="B22085" s="6"/>
      <c r="C22085" s="6" t="s">
        <v>22121</v>
      </c>
      <c r="D22085" s="6"/>
      <c r="E22085" s="6" t="s">
        <v>9</v>
      </c>
      <c r="F22085" s="7">
        <v>38657</v>
      </c>
      <c r="G22085" s="8">
        <v>1</v>
      </c>
      <c r="H22085" s="8">
        <v>1</v>
      </c>
      <c r="I22085" s="8">
        <v>0</v>
      </c>
      <c r="J22085" s="8">
        <v>1</v>
      </c>
      <c r="K22085" s="9">
        <v>23</v>
      </c>
      <c r="L22085" s="6" t="s">
        <v>4151</v>
      </c>
    </row>
    <row r="22086" spans="1:12">
      <c r="A22086" s="6" t="s">
        <v>4151</v>
      </c>
      <c r="B22086" s="6"/>
      <c r="C22086" s="6" t="s">
        <v>22122</v>
      </c>
      <c r="D22086" s="6"/>
      <c r="E22086" s="6" t="s">
        <v>9</v>
      </c>
      <c r="F22086" s="7">
        <v>38657</v>
      </c>
      <c r="G22086" s="8">
        <v>1</v>
      </c>
      <c r="H22086" s="8">
        <v>1</v>
      </c>
      <c r="I22086" s="8">
        <v>0</v>
      </c>
      <c r="J22086" s="8">
        <v>1</v>
      </c>
      <c r="K22086" s="9">
        <v>14</v>
      </c>
      <c r="L22086" s="6" t="s">
        <v>4151</v>
      </c>
    </row>
    <row r="22087" spans="1:12">
      <c r="A22087" s="6" t="s">
        <v>4151</v>
      </c>
      <c r="B22087" s="6"/>
      <c r="C22087" s="6" t="s">
        <v>22123</v>
      </c>
      <c r="D22087" s="6"/>
      <c r="E22087" s="6" t="s">
        <v>9</v>
      </c>
      <c r="F22087" s="7">
        <v>38657</v>
      </c>
      <c r="G22087" s="8">
        <v>1</v>
      </c>
      <c r="H22087" s="8">
        <v>1</v>
      </c>
      <c r="I22087" s="8">
        <v>0</v>
      </c>
      <c r="J22087" s="8">
        <v>1</v>
      </c>
      <c r="K22087" s="9">
        <v>17</v>
      </c>
      <c r="L22087" s="6" t="s">
        <v>4151</v>
      </c>
    </row>
    <row r="22088" spans="1:12">
      <c r="A22088" s="6" t="s">
        <v>4151</v>
      </c>
      <c r="B22088" s="6"/>
      <c r="C22088" s="6" t="s">
        <v>22124</v>
      </c>
      <c r="D22088" s="6"/>
      <c r="E22088" s="6" t="s">
        <v>9</v>
      </c>
      <c r="F22088" s="7">
        <v>38657</v>
      </c>
      <c r="G22088" s="8">
        <v>1</v>
      </c>
      <c r="H22088" s="8">
        <v>1</v>
      </c>
      <c r="I22088" s="8">
        <v>0</v>
      </c>
      <c r="J22088" s="8">
        <v>1</v>
      </c>
      <c r="K22088" s="9">
        <v>52</v>
      </c>
      <c r="L22088" s="6" t="s">
        <v>4151</v>
      </c>
    </row>
    <row r="22089" spans="1:12">
      <c r="A22089" s="6" t="s">
        <v>4151</v>
      </c>
      <c r="B22089" s="6"/>
      <c r="C22089" s="6" t="s">
        <v>22125</v>
      </c>
      <c r="D22089" s="6"/>
      <c r="E22089" s="6" t="s">
        <v>9</v>
      </c>
      <c r="F22089" s="7">
        <v>38657</v>
      </c>
      <c r="G22089" s="8">
        <v>1</v>
      </c>
      <c r="H22089" s="8">
        <v>1</v>
      </c>
      <c r="I22089" s="8">
        <v>0</v>
      </c>
      <c r="J22089" s="8">
        <v>1</v>
      </c>
      <c r="K22089" s="9">
        <v>27</v>
      </c>
      <c r="L22089" s="6" t="s">
        <v>4151</v>
      </c>
    </row>
    <row r="22090" spans="1:12">
      <c r="A22090" s="6" t="s">
        <v>4151</v>
      </c>
      <c r="B22090" s="6"/>
      <c r="C22090" s="6" t="s">
        <v>22126</v>
      </c>
      <c r="D22090" s="6"/>
      <c r="E22090" s="6" t="s">
        <v>9</v>
      </c>
      <c r="F22090" s="7">
        <v>38657</v>
      </c>
      <c r="G22090" s="8">
        <v>1</v>
      </c>
      <c r="H22090" s="8">
        <v>1</v>
      </c>
      <c r="I22090" s="8">
        <v>0</v>
      </c>
      <c r="J22090" s="8">
        <v>1</v>
      </c>
      <c r="K22090" s="9">
        <v>68</v>
      </c>
      <c r="L22090" s="6" t="s">
        <v>4151</v>
      </c>
    </row>
    <row r="22091" spans="1:12">
      <c r="A22091" s="6" t="s">
        <v>4151</v>
      </c>
      <c r="B22091" s="6"/>
      <c r="C22091" s="6" t="s">
        <v>22127</v>
      </c>
      <c r="D22091" s="6"/>
      <c r="E22091" s="6" t="s">
        <v>9</v>
      </c>
      <c r="F22091" s="7">
        <v>38657</v>
      </c>
      <c r="G22091" s="8">
        <v>1</v>
      </c>
      <c r="H22091" s="8">
        <v>1</v>
      </c>
      <c r="I22091" s="8">
        <v>0</v>
      </c>
      <c r="J22091" s="8">
        <v>1</v>
      </c>
      <c r="K22091" s="9">
        <v>81</v>
      </c>
      <c r="L22091" s="6" t="s">
        <v>4151</v>
      </c>
    </row>
    <row r="22092" spans="1:12">
      <c r="A22092" s="6" t="s">
        <v>4151</v>
      </c>
      <c r="B22092" s="6"/>
      <c r="C22092" s="6" t="s">
        <v>22128</v>
      </c>
      <c r="D22092" s="6"/>
      <c r="E22092" s="6" t="s">
        <v>9</v>
      </c>
      <c r="F22092" s="7">
        <v>38657</v>
      </c>
      <c r="G22092" s="8">
        <v>1</v>
      </c>
      <c r="H22092" s="8">
        <v>1</v>
      </c>
      <c r="I22092" s="8">
        <v>0</v>
      </c>
      <c r="J22092" s="8">
        <v>1</v>
      </c>
      <c r="K22092" s="9">
        <v>81</v>
      </c>
      <c r="L22092" s="6" t="s">
        <v>4151</v>
      </c>
    </row>
    <row r="22093" spans="1:12">
      <c r="A22093" s="6" t="s">
        <v>4151</v>
      </c>
      <c r="B22093" s="6"/>
      <c r="C22093" s="6" t="s">
        <v>22129</v>
      </c>
      <c r="D22093" s="6"/>
      <c r="E22093" s="6" t="s">
        <v>9</v>
      </c>
      <c r="F22093" s="7">
        <v>38657</v>
      </c>
      <c r="G22093" s="8">
        <v>1</v>
      </c>
      <c r="H22093" s="8">
        <v>1</v>
      </c>
      <c r="I22093" s="8">
        <v>0</v>
      </c>
      <c r="J22093" s="8">
        <v>1</v>
      </c>
      <c r="K22093" s="9">
        <v>6.33</v>
      </c>
      <c r="L22093" s="6" t="s">
        <v>4151</v>
      </c>
    </row>
    <row r="22094" spans="1:12">
      <c r="A22094" s="6" t="s">
        <v>4151</v>
      </c>
      <c r="B22094" s="6"/>
      <c r="C22094" s="6" t="s">
        <v>22130</v>
      </c>
      <c r="D22094" s="6"/>
      <c r="E22094" s="6" t="s">
        <v>9</v>
      </c>
      <c r="F22094" s="7">
        <v>38657</v>
      </c>
      <c r="G22094" s="8">
        <v>1</v>
      </c>
      <c r="H22094" s="8">
        <v>1</v>
      </c>
      <c r="I22094" s="8">
        <v>0</v>
      </c>
      <c r="J22094" s="8">
        <v>1</v>
      </c>
      <c r="K22094" s="9">
        <v>81</v>
      </c>
      <c r="L22094" s="6" t="s">
        <v>4151</v>
      </c>
    </row>
    <row r="22095" spans="1:12">
      <c r="A22095" s="6" t="s">
        <v>4151</v>
      </c>
      <c r="B22095" s="6"/>
      <c r="C22095" s="6" t="s">
        <v>22131</v>
      </c>
      <c r="D22095" s="6"/>
      <c r="E22095" s="6" t="s">
        <v>9</v>
      </c>
      <c r="F22095" s="7">
        <v>38657</v>
      </c>
      <c r="G22095" s="8">
        <v>1</v>
      </c>
      <c r="H22095" s="8">
        <v>1</v>
      </c>
      <c r="I22095" s="8">
        <v>0</v>
      </c>
      <c r="J22095" s="8">
        <v>1</v>
      </c>
      <c r="K22095" s="9">
        <v>81</v>
      </c>
      <c r="L22095" s="6" t="s">
        <v>4151</v>
      </c>
    </row>
    <row r="22096" spans="1:12">
      <c r="A22096" s="6" t="s">
        <v>4151</v>
      </c>
      <c r="B22096" s="6"/>
      <c r="C22096" s="6" t="s">
        <v>22132</v>
      </c>
      <c r="D22096" s="6"/>
      <c r="E22096" s="6" t="s">
        <v>9</v>
      </c>
      <c r="F22096" s="7">
        <v>38657</v>
      </c>
      <c r="G22096" s="8">
        <v>1</v>
      </c>
      <c r="H22096" s="8">
        <v>1</v>
      </c>
      <c r="I22096" s="8">
        <v>0</v>
      </c>
      <c r="J22096" s="8">
        <v>1</v>
      </c>
      <c r="K22096" s="9">
        <v>68</v>
      </c>
      <c r="L22096" s="6" t="s">
        <v>4151</v>
      </c>
    </row>
    <row r="22097" spans="1:12">
      <c r="A22097" s="6" t="s">
        <v>4151</v>
      </c>
      <c r="B22097" s="6"/>
      <c r="C22097" s="6" t="s">
        <v>22133</v>
      </c>
      <c r="D22097" s="6"/>
      <c r="E22097" s="6" t="s">
        <v>9</v>
      </c>
      <c r="F22097" s="7">
        <v>38657</v>
      </c>
      <c r="G22097" s="8">
        <v>1</v>
      </c>
      <c r="H22097" s="8">
        <v>1</v>
      </c>
      <c r="I22097" s="8">
        <v>0</v>
      </c>
      <c r="J22097" s="8">
        <v>1</v>
      </c>
      <c r="K22097" s="9">
        <v>71</v>
      </c>
      <c r="L22097" s="6" t="s">
        <v>4151</v>
      </c>
    </row>
    <row r="22098" spans="1:12">
      <c r="A22098" s="6" t="s">
        <v>4151</v>
      </c>
      <c r="B22098" s="6"/>
      <c r="C22098" s="6" t="s">
        <v>22134</v>
      </c>
      <c r="D22098" s="6"/>
      <c r="E22098" s="6" t="s">
        <v>9</v>
      </c>
      <c r="F22098" s="7">
        <v>38657</v>
      </c>
      <c r="G22098" s="8">
        <v>1</v>
      </c>
      <c r="H22098" s="8">
        <v>1</v>
      </c>
      <c r="I22098" s="8">
        <v>0</v>
      </c>
      <c r="J22098" s="8">
        <v>1</v>
      </c>
      <c r="K22098" s="9">
        <v>26</v>
      </c>
      <c r="L22098" s="6" t="s">
        <v>4151</v>
      </c>
    </row>
    <row r="22099" spans="1:12">
      <c r="A22099" s="6" t="s">
        <v>4151</v>
      </c>
      <c r="B22099" s="6"/>
      <c r="C22099" s="6" t="s">
        <v>22135</v>
      </c>
      <c r="D22099" s="6"/>
      <c r="E22099" s="6" t="s">
        <v>9</v>
      </c>
      <c r="F22099" s="7">
        <v>38657</v>
      </c>
      <c r="G22099" s="8">
        <v>1</v>
      </c>
      <c r="H22099" s="8">
        <v>1</v>
      </c>
      <c r="I22099" s="8">
        <v>0</v>
      </c>
      <c r="J22099" s="8">
        <v>1</v>
      </c>
      <c r="K22099" s="9">
        <v>48</v>
      </c>
      <c r="L22099" s="6" t="s">
        <v>4151</v>
      </c>
    </row>
    <row r="22100" spans="1:12">
      <c r="A22100" s="6" t="s">
        <v>4151</v>
      </c>
      <c r="B22100" s="6"/>
      <c r="C22100" s="6" t="s">
        <v>22136</v>
      </c>
      <c r="D22100" s="6"/>
      <c r="E22100" s="6" t="s">
        <v>9</v>
      </c>
      <c r="F22100" s="7">
        <v>38657</v>
      </c>
      <c r="G22100" s="8">
        <v>1</v>
      </c>
      <c r="H22100" s="8">
        <v>1</v>
      </c>
      <c r="I22100" s="8">
        <v>0</v>
      </c>
      <c r="J22100" s="8">
        <v>1</v>
      </c>
      <c r="K22100" s="9">
        <v>52</v>
      </c>
      <c r="L22100" s="6" t="s">
        <v>4151</v>
      </c>
    </row>
    <row r="22101" spans="1:12">
      <c r="A22101" s="6" t="s">
        <v>4151</v>
      </c>
      <c r="B22101" s="6"/>
      <c r="C22101" s="6" t="s">
        <v>22137</v>
      </c>
      <c r="D22101" s="6"/>
      <c r="E22101" s="6" t="s">
        <v>9</v>
      </c>
      <c r="F22101" s="7">
        <v>38657</v>
      </c>
      <c r="G22101" s="8">
        <v>1</v>
      </c>
      <c r="H22101" s="8">
        <v>1</v>
      </c>
      <c r="I22101" s="8">
        <v>0</v>
      </c>
      <c r="J22101" s="8">
        <v>1</v>
      </c>
      <c r="K22101" s="9">
        <v>39</v>
      </c>
      <c r="L22101" s="6" t="s">
        <v>4151</v>
      </c>
    </row>
    <row r="22102" spans="1:12">
      <c r="A22102" s="6" t="s">
        <v>4151</v>
      </c>
      <c r="B22102" s="6"/>
      <c r="C22102" s="6" t="s">
        <v>22138</v>
      </c>
      <c r="D22102" s="6"/>
      <c r="E22102" s="6" t="s">
        <v>9</v>
      </c>
      <c r="F22102" s="7">
        <v>38657</v>
      </c>
      <c r="G22102" s="8">
        <v>1</v>
      </c>
      <c r="H22102" s="8">
        <v>1</v>
      </c>
      <c r="I22102" s="8">
        <v>0</v>
      </c>
      <c r="J22102" s="8">
        <v>1</v>
      </c>
      <c r="K22102" s="9">
        <v>101</v>
      </c>
      <c r="L22102" s="6" t="s">
        <v>4151</v>
      </c>
    </row>
    <row r="22103" spans="1:12">
      <c r="A22103" s="6" t="s">
        <v>4151</v>
      </c>
      <c r="B22103" s="6"/>
      <c r="C22103" s="6" t="s">
        <v>22139</v>
      </c>
      <c r="D22103" s="6"/>
      <c r="E22103" s="6" t="s">
        <v>9</v>
      </c>
      <c r="F22103" s="7">
        <v>38657</v>
      </c>
      <c r="G22103" s="8">
        <v>1</v>
      </c>
      <c r="H22103" s="8">
        <v>1</v>
      </c>
      <c r="I22103" s="8">
        <v>0</v>
      </c>
      <c r="J22103" s="8">
        <v>1</v>
      </c>
      <c r="K22103" s="9">
        <v>40</v>
      </c>
      <c r="L22103" s="6" t="s">
        <v>4151</v>
      </c>
    </row>
    <row r="22104" spans="1:12">
      <c r="A22104" s="6" t="s">
        <v>4151</v>
      </c>
      <c r="B22104" s="6"/>
      <c r="C22104" s="6" t="s">
        <v>22140</v>
      </c>
      <c r="D22104" s="6"/>
      <c r="E22104" s="6" t="s">
        <v>9</v>
      </c>
      <c r="F22104" s="7">
        <v>38657</v>
      </c>
      <c r="G22104" s="8">
        <v>1</v>
      </c>
      <c r="H22104" s="8">
        <v>1</v>
      </c>
      <c r="I22104" s="8">
        <v>0</v>
      </c>
      <c r="J22104" s="8">
        <v>1</v>
      </c>
      <c r="K22104" s="9">
        <v>9.1300000000000008</v>
      </c>
      <c r="L22104" s="6" t="s">
        <v>4151</v>
      </c>
    </row>
    <row r="22105" spans="1:12">
      <c r="A22105" s="6" t="s">
        <v>4151</v>
      </c>
      <c r="B22105" s="6"/>
      <c r="C22105" s="6" t="s">
        <v>22141</v>
      </c>
      <c r="D22105" s="6"/>
      <c r="E22105" s="6" t="s">
        <v>9</v>
      </c>
      <c r="F22105" s="7">
        <v>38657</v>
      </c>
      <c r="G22105" s="8">
        <v>1</v>
      </c>
      <c r="H22105" s="8">
        <v>1</v>
      </c>
      <c r="I22105" s="8">
        <v>0</v>
      </c>
      <c r="J22105" s="8">
        <v>1</v>
      </c>
      <c r="K22105" s="9">
        <v>49</v>
      </c>
      <c r="L22105" s="6" t="s">
        <v>4151</v>
      </c>
    </row>
    <row r="22106" spans="1:12">
      <c r="A22106" s="6" t="s">
        <v>4151</v>
      </c>
      <c r="B22106" s="6"/>
      <c r="C22106" s="6" t="s">
        <v>22142</v>
      </c>
      <c r="D22106" s="6"/>
      <c r="E22106" s="6" t="s">
        <v>9</v>
      </c>
      <c r="F22106" s="7">
        <v>38657</v>
      </c>
      <c r="G22106" s="8">
        <v>1</v>
      </c>
      <c r="H22106" s="8">
        <v>1</v>
      </c>
      <c r="I22106" s="8">
        <v>0</v>
      </c>
      <c r="J22106" s="8">
        <v>1</v>
      </c>
      <c r="K22106" s="9">
        <v>48</v>
      </c>
      <c r="L22106" s="6" t="s">
        <v>4151</v>
      </c>
    </row>
    <row r="22107" spans="1:12">
      <c r="A22107" s="6" t="s">
        <v>4151</v>
      </c>
      <c r="B22107" s="6"/>
      <c r="C22107" s="6" t="s">
        <v>22143</v>
      </c>
      <c r="D22107" s="6"/>
      <c r="E22107" s="6" t="s">
        <v>9</v>
      </c>
      <c r="F22107" s="7">
        <v>38657</v>
      </c>
      <c r="G22107" s="8">
        <v>1</v>
      </c>
      <c r="H22107" s="8">
        <v>1</v>
      </c>
      <c r="I22107" s="8">
        <v>0</v>
      </c>
      <c r="J22107" s="8">
        <v>1</v>
      </c>
      <c r="K22107" s="9">
        <v>48</v>
      </c>
      <c r="L22107" s="6" t="s">
        <v>4151</v>
      </c>
    </row>
    <row r="22108" spans="1:12">
      <c r="A22108" s="6" t="s">
        <v>4151</v>
      </c>
      <c r="B22108" s="6"/>
      <c r="C22108" s="6" t="s">
        <v>22144</v>
      </c>
      <c r="D22108" s="6"/>
      <c r="E22108" s="6" t="s">
        <v>9</v>
      </c>
      <c r="F22108" s="7">
        <v>38657</v>
      </c>
      <c r="G22108" s="8">
        <v>1</v>
      </c>
      <c r="H22108" s="8">
        <v>1</v>
      </c>
      <c r="I22108" s="8">
        <v>0</v>
      </c>
      <c r="J22108" s="8">
        <v>1</v>
      </c>
      <c r="K22108" s="9">
        <v>48</v>
      </c>
      <c r="L22108" s="6" t="s">
        <v>4151</v>
      </c>
    </row>
    <row r="22109" spans="1:12">
      <c r="A22109" s="6" t="s">
        <v>4151</v>
      </c>
      <c r="B22109" s="6"/>
      <c r="C22109" s="6" t="s">
        <v>22145</v>
      </c>
      <c r="D22109" s="6"/>
      <c r="E22109" s="6" t="s">
        <v>9</v>
      </c>
      <c r="F22109" s="7">
        <v>38657</v>
      </c>
      <c r="G22109" s="8">
        <v>1</v>
      </c>
      <c r="H22109" s="8">
        <v>1</v>
      </c>
      <c r="I22109" s="8">
        <v>0</v>
      </c>
      <c r="J22109" s="8">
        <v>1</v>
      </c>
      <c r="K22109" s="9">
        <v>48</v>
      </c>
      <c r="L22109" s="6" t="s">
        <v>4151</v>
      </c>
    </row>
    <row r="22110" spans="1:12">
      <c r="A22110" s="6" t="s">
        <v>4151</v>
      </c>
      <c r="B22110" s="6"/>
      <c r="C22110" s="6" t="s">
        <v>22146</v>
      </c>
      <c r="D22110" s="6"/>
      <c r="E22110" s="6" t="s">
        <v>9</v>
      </c>
      <c r="F22110" s="7">
        <v>38657</v>
      </c>
      <c r="G22110" s="8">
        <v>1</v>
      </c>
      <c r="H22110" s="8">
        <v>1</v>
      </c>
      <c r="I22110" s="8">
        <v>0</v>
      </c>
      <c r="J22110" s="8">
        <v>1</v>
      </c>
      <c r="K22110" s="9">
        <v>81</v>
      </c>
      <c r="L22110" s="6" t="s">
        <v>4151</v>
      </c>
    </row>
    <row r="22111" spans="1:12">
      <c r="A22111" s="6" t="s">
        <v>4151</v>
      </c>
      <c r="B22111" s="6"/>
      <c r="C22111" s="6" t="s">
        <v>22147</v>
      </c>
      <c r="D22111" s="6"/>
      <c r="E22111" s="6" t="s">
        <v>9</v>
      </c>
      <c r="F22111" s="7">
        <v>38657</v>
      </c>
      <c r="G22111" s="8">
        <v>1</v>
      </c>
      <c r="H22111" s="8">
        <v>1</v>
      </c>
      <c r="I22111" s="8">
        <v>0</v>
      </c>
      <c r="J22111" s="8">
        <v>1</v>
      </c>
      <c r="K22111" s="9">
        <v>16</v>
      </c>
      <c r="L22111" s="6" t="s">
        <v>4151</v>
      </c>
    </row>
    <row r="22112" spans="1:12">
      <c r="A22112" s="6" t="s">
        <v>4151</v>
      </c>
      <c r="B22112" s="6"/>
      <c r="C22112" s="6" t="s">
        <v>22148</v>
      </c>
      <c r="D22112" s="6"/>
      <c r="E22112" s="6" t="s">
        <v>9</v>
      </c>
      <c r="F22112" s="7">
        <v>38657</v>
      </c>
      <c r="G22112" s="8">
        <v>1</v>
      </c>
      <c r="H22112" s="8">
        <v>1</v>
      </c>
      <c r="I22112" s="8">
        <v>0</v>
      </c>
      <c r="J22112" s="8">
        <v>1</v>
      </c>
      <c r="K22112" s="9">
        <v>1.38</v>
      </c>
      <c r="L22112" s="6" t="s">
        <v>4151</v>
      </c>
    </row>
    <row r="22113" spans="1:12">
      <c r="A22113" s="6" t="s">
        <v>4151</v>
      </c>
      <c r="B22113" s="6"/>
      <c r="C22113" s="6" t="s">
        <v>22149</v>
      </c>
      <c r="D22113" s="6"/>
      <c r="E22113" s="6" t="s">
        <v>9</v>
      </c>
      <c r="F22113" s="7">
        <v>38657</v>
      </c>
      <c r="G22113" s="8">
        <v>1</v>
      </c>
      <c r="H22113" s="8">
        <v>1</v>
      </c>
      <c r="I22113" s="8">
        <v>0</v>
      </c>
      <c r="J22113" s="8">
        <v>1</v>
      </c>
      <c r="K22113" s="9">
        <v>0.54</v>
      </c>
      <c r="L22113" s="6" t="s">
        <v>4151</v>
      </c>
    </row>
    <row r="22114" spans="1:12">
      <c r="A22114" s="6" t="s">
        <v>4151</v>
      </c>
      <c r="B22114" s="6"/>
      <c r="C22114" s="6" t="s">
        <v>22150</v>
      </c>
      <c r="D22114" s="6"/>
      <c r="E22114" s="6" t="s">
        <v>9</v>
      </c>
      <c r="F22114" s="7">
        <v>38657</v>
      </c>
      <c r="G22114" s="8">
        <v>1</v>
      </c>
      <c r="H22114" s="8">
        <v>1</v>
      </c>
      <c r="I22114" s="8">
        <v>0</v>
      </c>
      <c r="J22114" s="8">
        <v>1</v>
      </c>
      <c r="K22114" s="9">
        <v>22</v>
      </c>
      <c r="L22114" s="6" t="s">
        <v>4151</v>
      </c>
    </row>
    <row r="22115" spans="1:12">
      <c r="A22115" s="6" t="s">
        <v>4151</v>
      </c>
      <c r="B22115" s="6"/>
      <c r="C22115" s="6" t="s">
        <v>22151</v>
      </c>
      <c r="D22115" s="6"/>
      <c r="E22115" s="6" t="s">
        <v>9</v>
      </c>
      <c r="F22115" s="7">
        <v>38657</v>
      </c>
      <c r="G22115" s="8">
        <v>1</v>
      </c>
      <c r="H22115" s="8">
        <v>1</v>
      </c>
      <c r="I22115" s="8">
        <v>0</v>
      </c>
      <c r="J22115" s="8">
        <v>1</v>
      </c>
      <c r="K22115" s="9">
        <v>19.600000000000001</v>
      </c>
      <c r="L22115" s="6" t="s">
        <v>4151</v>
      </c>
    </row>
    <row r="22116" spans="1:12">
      <c r="A22116" s="6" t="s">
        <v>4151</v>
      </c>
      <c r="B22116" s="6"/>
      <c r="C22116" s="6" t="s">
        <v>22152</v>
      </c>
      <c r="D22116" s="6"/>
      <c r="E22116" s="6" t="s">
        <v>9</v>
      </c>
      <c r="F22116" s="7">
        <v>38657</v>
      </c>
      <c r="G22116" s="8">
        <v>1</v>
      </c>
      <c r="H22116" s="8">
        <v>1</v>
      </c>
      <c r="I22116" s="8">
        <v>0</v>
      </c>
      <c r="J22116" s="8">
        <v>1</v>
      </c>
      <c r="K22116" s="9">
        <v>21</v>
      </c>
      <c r="L22116" s="6" t="s">
        <v>4151</v>
      </c>
    </row>
    <row r="22117" spans="1:12">
      <c r="A22117" s="6" t="s">
        <v>4151</v>
      </c>
      <c r="B22117" s="6"/>
      <c r="C22117" s="6" t="s">
        <v>22153</v>
      </c>
      <c r="D22117" s="6"/>
      <c r="E22117" s="6" t="s">
        <v>9</v>
      </c>
      <c r="F22117" s="7">
        <v>38657</v>
      </c>
      <c r="G22117" s="8">
        <v>1</v>
      </c>
      <c r="H22117" s="8">
        <v>1</v>
      </c>
      <c r="I22117" s="8">
        <v>0</v>
      </c>
      <c r="J22117" s="8">
        <v>1</v>
      </c>
      <c r="K22117" s="9">
        <v>40</v>
      </c>
      <c r="L22117" s="6" t="s">
        <v>4151</v>
      </c>
    </row>
    <row r="22118" spans="1:12">
      <c r="A22118" s="6" t="s">
        <v>4151</v>
      </c>
      <c r="B22118" s="6"/>
      <c r="C22118" s="6" t="s">
        <v>22154</v>
      </c>
      <c r="D22118" s="6"/>
      <c r="E22118" s="6" t="s">
        <v>9</v>
      </c>
      <c r="F22118" s="7">
        <v>38657</v>
      </c>
      <c r="G22118" s="8">
        <v>1</v>
      </c>
      <c r="H22118" s="8">
        <v>1</v>
      </c>
      <c r="I22118" s="8">
        <v>0</v>
      </c>
      <c r="J22118" s="8">
        <v>1</v>
      </c>
      <c r="K22118" s="9">
        <v>22.88</v>
      </c>
      <c r="L22118" s="6" t="s">
        <v>4151</v>
      </c>
    </row>
    <row r="22119" spans="1:12">
      <c r="A22119" s="6" t="s">
        <v>4151</v>
      </c>
      <c r="B22119" s="6"/>
      <c r="C22119" s="6" t="s">
        <v>22155</v>
      </c>
      <c r="D22119" s="6"/>
      <c r="E22119" s="6" t="s">
        <v>9</v>
      </c>
      <c r="F22119" s="7">
        <v>38657</v>
      </c>
      <c r="G22119" s="8">
        <v>1</v>
      </c>
      <c r="H22119" s="8">
        <v>1</v>
      </c>
      <c r="I22119" s="8">
        <v>0</v>
      </c>
      <c r="J22119" s="8">
        <v>1</v>
      </c>
      <c r="K22119" s="9">
        <v>19</v>
      </c>
      <c r="L22119" s="6" t="s">
        <v>4151</v>
      </c>
    </row>
    <row r="22120" spans="1:12">
      <c r="A22120" s="6" t="s">
        <v>4151</v>
      </c>
      <c r="B22120" s="6"/>
      <c r="C22120" s="6" t="s">
        <v>22156</v>
      </c>
      <c r="D22120" s="6"/>
      <c r="E22120" s="6" t="s">
        <v>9</v>
      </c>
      <c r="F22120" s="7">
        <v>38657</v>
      </c>
      <c r="G22120" s="8">
        <v>1</v>
      </c>
      <c r="H22120" s="8">
        <v>1</v>
      </c>
      <c r="I22120" s="8">
        <v>0</v>
      </c>
      <c r="J22120" s="8">
        <v>1</v>
      </c>
      <c r="K22120" s="9">
        <v>17.62</v>
      </c>
      <c r="L22120" s="6" t="s">
        <v>4151</v>
      </c>
    </row>
    <row r="22121" spans="1:12">
      <c r="A22121" s="6" t="s">
        <v>4151</v>
      </c>
      <c r="B22121" s="6"/>
      <c r="C22121" s="6" t="s">
        <v>22157</v>
      </c>
      <c r="D22121" s="6"/>
      <c r="E22121" s="6" t="s">
        <v>9</v>
      </c>
      <c r="F22121" s="7">
        <v>38657</v>
      </c>
      <c r="G22121" s="8">
        <v>1</v>
      </c>
      <c r="H22121" s="8">
        <v>1</v>
      </c>
      <c r="I22121" s="8">
        <v>0</v>
      </c>
      <c r="J22121" s="8">
        <v>1</v>
      </c>
      <c r="K22121" s="9">
        <v>6.09</v>
      </c>
      <c r="L22121" s="6" t="s">
        <v>4151</v>
      </c>
    </row>
    <row r="22122" spans="1:12">
      <c r="A22122" s="6" t="s">
        <v>4151</v>
      </c>
      <c r="B22122" s="6"/>
      <c r="C22122" s="6" t="s">
        <v>22158</v>
      </c>
      <c r="D22122" s="6"/>
      <c r="E22122" s="6" t="s">
        <v>9</v>
      </c>
      <c r="F22122" s="7">
        <v>38657</v>
      </c>
      <c r="G22122" s="8">
        <v>1</v>
      </c>
      <c r="H22122" s="8">
        <v>1</v>
      </c>
      <c r="I22122" s="8">
        <v>0</v>
      </c>
      <c r="J22122" s="8">
        <v>1</v>
      </c>
      <c r="K22122" s="9">
        <v>1404</v>
      </c>
      <c r="L22122" s="6" t="s">
        <v>4151</v>
      </c>
    </row>
    <row r="22123" spans="1:12">
      <c r="A22123" s="6" t="s">
        <v>4151</v>
      </c>
      <c r="B22123" s="6"/>
      <c r="C22123" s="6" t="s">
        <v>22159</v>
      </c>
      <c r="D22123" s="6"/>
      <c r="E22123" s="6" t="s">
        <v>9</v>
      </c>
      <c r="F22123" s="7">
        <v>38657</v>
      </c>
      <c r="G22123" s="8">
        <v>1</v>
      </c>
      <c r="H22123" s="8">
        <v>1</v>
      </c>
      <c r="I22123" s="8">
        <v>0</v>
      </c>
      <c r="J22123" s="8">
        <v>1</v>
      </c>
      <c r="K22123" s="9">
        <v>134.37</v>
      </c>
      <c r="L22123" s="6" t="s">
        <v>4151</v>
      </c>
    </row>
    <row r="22124" spans="1:12">
      <c r="A22124" s="6" t="s">
        <v>4151</v>
      </c>
      <c r="B22124" s="6"/>
      <c r="C22124" s="6" t="s">
        <v>22160</v>
      </c>
      <c r="D22124" s="6"/>
      <c r="E22124" s="6" t="s">
        <v>9</v>
      </c>
      <c r="F22124" s="7">
        <v>38657</v>
      </c>
      <c r="G22124" s="8">
        <v>1</v>
      </c>
      <c r="H22124" s="8">
        <v>1</v>
      </c>
      <c r="I22124" s="8">
        <v>0</v>
      </c>
      <c r="J22124" s="8">
        <v>1</v>
      </c>
      <c r="K22124" s="9">
        <v>37.380000000000003</v>
      </c>
      <c r="L22124" s="6" t="s">
        <v>4151</v>
      </c>
    </row>
    <row r="22125" spans="1:12">
      <c r="A22125" s="6" t="s">
        <v>4151</v>
      </c>
      <c r="B22125" s="6"/>
      <c r="C22125" s="6" t="s">
        <v>22161</v>
      </c>
      <c r="D22125" s="6"/>
      <c r="E22125" s="6" t="s">
        <v>9</v>
      </c>
      <c r="F22125" s="7">
        <v>38657</v>
      </c>
      <c r="G22125" s="8">
        <v>1</v>
      </c>
      <c r="H22125" s="8">
        <v>1</v>
      </c>
      <c r="I22125" s="8">
        <v>0</v>
      </c>
      <c r="J22125" s="8">
        <v>1</v>
      </c>
      <c r="K22125" s="9">
        <v>154.43</v>
      </c>
      <c r="L22125" s="6" t="s">
        <v>4151</v>
      </c>
    </row>
    <row r="22126" spans="1:12">
      <c r="A22126" s="6" t="s">
        <v>4151</v>
      </c>
      <c r="B22126" s="6"/>
      <c r="C22126" s="6" t="s">
        <v>22162</v>
      </c>
      <c r="D22126" s="6"/>
      <c r="E22126" s="6" t="s">
        <v>9</v>
      </c>
      <c r="F22126" s="7">
        <v>38657</v>
      </c>
      <c r="G22126" s="8">
        <v>1</v>
      </c>
      <c r="H22126" s="8">
        <v>1</v>
      </c>
      <c r="I22126" s="8">
        <v>0</v>
      </c>
      <c r="J22126" s="8">
        <v>1</v>
      </c>
      <c r="K22126" s="9">
        <v>65</v>
      </c>
      <c r="L22126" s="6" t="s">
        <v>4151</v>
      </c>
    </row>
    <row r="22127" spans="1:12">
      <c r="A22127" s="6" t="s">
        <v>4151</v>
      </c>
      <c r="B22127" s="6"/>
      <c r="C22127" s="6" t="s">
        <v>22163</v>
      </c>
      <c r="D22127" s="6"/>
      <c r="E22127" s="6" t="s">
        <v>9</v>
      </c>
      <c r="F22127" s="7">
        <v>38657</v>
      </c>
      <c r="G22127" s="8">
        <v>1</v>
      </c>
      <c r="H22127" s="8">
        <v>1</v>
      </c>
      <c r="I22127" s="8">
        <v>0</v>
      </c>
      <c r="J22127" s="8">
        <v>1</v>
      </c>
      <c r="K22127" s="9">
        <v>12.85</v>
      </c>
      <c r="L22127" s="6" t="s">
        <v>4151</v>
      </c>
    </row>
    <row r="22128" spans="1:12">
      <c r="A22128" s="6" t="s">
        <v>4151</v>
      </c>
      <c r="B22128" s="6"/>
      <c r="C22128" s="6" t="s">
        <v>22164</v>
      </c>
      <c r="D22128" s="6"/>
      <c r="E22128" s="6" t="s">
        <v>9</v>
      </c>
      <c r="F22128" s="7">
        <v>38657</v>
      </c>
      <c r="G22128" s="8">
        <v>1</v>
      </c>
      <c r="H22128" s="8">
        <v>1</v>
      </c>
      <c r="I22128" s="8">
        <v>0</v>
      </c>
      <c r="J22128" s="8">
        <v>1</v>
      </c>
      <c r="K22128" s="9">
        <v>10</v>
      </c>
      <c r="L22128" s="6" t="s">
        <v>4151</v>
      </c>
    </row>
    <row r="22129" spans="1:12">
      <c r="A22129" s="6" t="s">
        <v>4151</v>
      </c>
      <c r="B22129" s="6"/>
      <c r="C22129" s="6" t="s">
        <v>22165</v>
      </c>
      <c r="D22129" s="6"/>
      <c r="E22129" s="6" t="s">
        <v>9</v>
      </c>
      <c r="F22129" s="7">
        <v>38657</v>
      </c>
      <c r="G22129" s="8">
        <v>1</v>
      </c>
      <c r="H22129" s="8">
        <v>1</v>
      </c>
      <c r="I22129" s="8">
        <v>0</v>
      </c>
      <c r="J22129" s="8">
        <v>1</v>
      </c>
      <c r="K22129" s="9">
        <v>59</v>
      </c>
      <c r="L22129" s="6" t="s">
        <v>4151</v>
      </c>
    </row>
    <row r="22130" spans="1:12">
      <c r="A22130" s="6" t="s">
        <v>4151</v>
      </c>
      <c r="B22130" s="6"/>
      <c r="C22130" s="6" t="s">
        <v>22166</v>
      </c>
      <c r="D22130" s="6"/>
      <c r="E22130" s="6" t="s">
        <v>9</v>
      </c>
      <c r="F22130" s="7">
        <v>38657</v>
      </c>
      <c r="G22130" s="8">
        <v>1</v>
      </c>
      <c r="H22130" s="8">
        <v>1</v>
      </c>
      <c r="I22130" s="8">
        <v>0</v>
      </c>
      <c r="J22130" s="8">
        <v>1</v>
      </c>
      <c r="K22130" s="9">
        <v>31</v>
      </c>
      <c r="L22130" s="6" t="s">
        <v>4151</v>
      </c>
    </row>
    <row r="22131" spans="1:12">
      <c r="A22131" s="6" t="s">
        <v>4151</v>
      </c>
      <c r="B22131" s="6"/>
      <c r="C22131" s="6" t="s">
        <v>22167</v>
      </c>
      <c r="D22131" s="6"/>
      <c r="E22131" s="6" t="s">
        <v>9</v>
      </c>
      <c r="F22131" s="7">
        <v>38657</v>
      </c>
      <c r="G22131" s="8">
        <v>1</v>
      </c>
      <c r="H22131" s="8">
        <v>1</v>
      </c>
      <c r="I22131" s="8">
        <v>0</v>
      </c>
      <c r="J22131" s="8">
        <v>1</v>
      </c>
      <c r="K22131" s="9">
        <v>29</v>
      </c>
      <c r="L22131" s="6" t="s">
        <v>4151</v>
      </c>
    </row>
    <row r="22132" spans="1:12">
      <c r="A22132" s="6" t="s">
        <v>4151</v>
      </c>
      <c r="B22132" s="6"/>
      <c r="C22132" s="6" t="s">
        <v>22168</v>
      </c>
      <c r="D22132" s="6"/>
      <c r="E22132" s="6" t="s">
        <v>9</v>
      </c>
      <c r="F22132" s="7">
        <v>38657</v>
      </c>
      <c r="G22132" s="8">
        <v>1</v>
      </c>
      <c r="H22132" s="8">
        <v>1</v>
      </c>
      <c r="I22132" s="8">
        <v>0</v>
      </c>
      <c r="J22132" s="8">
        <v>1</v>
      </c>
      <c r="K22132" s="9">
        <v>50</v>
      </c>
      <c r="L22132" s="6" t="s">
        <v>4151</v>
      </c>
    </row>
    <row r="22133" spans="1:12">
      <c r="A22133" s="6" t="s">
        <v>4151</v>
      </c>
      <c r="B22133" s="6"/>
      <c r="C22133" s="6" t="s">
        <v>22169</v>
      </c>
      <c r="D22133" s="6"/>
      <c r="E22133" s="6" t="s">
        <v>9</v>
      </c>
      <c r="F22133" s="7">
        <v>38657</v>
      </c>
      <c r="G22133" s="8">
        <v>1</v>
      </c>
      <c r="H22133" s="8">
        <v>1</v>
      </c>
      <c r="I22133" s="8">
        <v>0</v>
      </c>
      <c r="J22133" s="8">
        <v>1</v>
      </c>
      <c r="K22133" s="9">
        <v>50</v>
      </c>
      <c r="L22133" s="6" t="s">
        <v>4151</v>
      </c>
    </row>
    <row r="22134" spans="1:12">
      <c r="A22134" s="6" t="s">
        <v>4151</v>
      </c>
      <c r="B22134" s="6"/>
      <c r="C22134" s="6" t="s">
        <v>22170</v>
      </c>
      <c r="D22134" s="6"/>
      <c r="E22134" s="6" t="s">
        <v>9</v>
      </c>
      <c r="F22134" s="7">
        <v>38657</v>
      </c>
      <c r="G22134" s="8">
        <v>1</v>
      </c>
      <c r="H22134" s="8">
        <v>1</v>
      </c>
      <c r="I22134" s="8">
        <v>0</v>
      </c>
      <c r="J22134" s="8">
        <v>1</v>
      </c>
      <c r="K22134" s="9">
        <v>47</v>
      </c>
      <c r="L22134" s="6" t="s">
        <v>4151</v>
      </c>
    </row>
    <row r="22135" spans="1:12">
      <c r="A22135" s="6" t="s">
        <v>4151</v>
      </c>
      <c r="B22135" s="6"/>
      <c r="C22135" s="6" t="s">
        <v>22171</v>
      </c>
      <c r="D22135" s="6"/>
      <c r="E22135" s="6" t="s">
        <v>9</v>
      </c>
      <c r="F22135" s="7">
        <v>38657</v>
      </c>
      <c r="G22135" s="8">
        <v>1</v>
      </c>
      <c r="H22135" s="8">
        <v>1</v>
      </c>
      <c r="I22135" s="8">
        <v>0</v>
      </c>
      <c r="J22135" s="8">
        <v>1</v>
      </c>
      <c r="K22135" s="9">
        <v>27.08</v>
      </c>
      <c r="L22135" s="6" t="s">
        <v>4151</v>
      </c>
    </row>
    <row r="22136" spans="1:12">
      <c r="A22136" s="6" t="s">
        <v>4151</v>
      </c>
      <c r="B22136" s="6"/>
      <c r="C22136" s="6" t="s">
        <v>22172</v>
      </c>
      <c r="D22136" s="6"/>
      <c r="E22136" s="6" t="s">
        <v>9</v>
      </c>
      <c r="F22136" s="7">
        <v>38657</v>
      </c>
      <c r="G22136" s="8">
        <v>1</v>
      </c>
      <c r="H22136" s="8">
        <v>1</v>
      </c>
      <c r="I22136" s="8">
        <v>0</v>
      </c>
      <c r="J22136" s="8">
        <v>1</v>
      </c>
      <c r="K22136" s="9">
        <v>13</v>
      </c>
      <c r="L22136" s="6" t="s">
        <v>4151</v>
      </c>
    </row>
    <row r="22137" spans="1:12">
      <c r="A22137" s="6" t="s">
        <v>4151</v>
      </c>
      <c r="B22137" s="6"/>
      <c r="C22137" s="6" t="s">
        <v>22173</v>
      </c>
      <c r="D22137" s="6"/>
      <c r="E22137" s="6" t="s">
        <v>9</v>
      </c>
      <c r="F22137" s="7">
        <v>38657</v>
      </c>
      <c r="G22137" s="8">
        <v>1</v>
      </c>
      <c r="H22137" s="8">
        <v>1</v>
      </c>
      <c r="I22137" s="8">
        <v>0</v>
      </c>
      <c r="J22137" s="8">
        <v>1</v>
      </c>
      <c r="K22137" s="9">
        <v>40</v>
      </c>
      <c r="L22137" s="6" t="s">
        <v>4151</v>
      </c>
    </row>
    <row r="22138" spans="1:12">
      <c r="A22138" s="6" t="s">
        <v>4151</v>
      </c>
      <c r="B22138" s="6"/>
      <c r="C22138" s="6" t="s">
        <v>22174</v>
      </c>
      <c r="D22138" s="6"/>
      <c r="E22138" s="6" t="s">
        <v>9</v>
      </c>
      <c r="F22138" s="7">
        <v>38657</v>
      </c>
      <c r="G22138" s="8">
        <v>1</v>
      </c>
      <c r="H22138" s="8">
        <v>1</v>
      </c>
      <c r="I22138" s="8">
        <v>0</v>
      </c>
      <c r="J22138" s="8">
        <v>1</v>
      </c>
      <c r="K22138" s="9">
        <v>10.01</v>
      </c>
      <c r="L22138" s="6" t="s">
        <v>4151</v>
      </c>
    </row>
    <row r="22139" spans="1:12">
      <c r="A22139" s="6" t="s">
        <v>4151</v>
      </c>
      <c r="B22139" s="6"/>
      <c r="C22139" s="6" t="s">
        <v>22175</v>
      </c>
      <c r="D22139" s="6"/>
      <c r="E22139" s="6" t="s">
        <v>9</v>
      </c>
      <c r="F22139" s="7">
        <v>38657</v>
      </c>
      <c r="G22139" s="8">
        <v>1</v>
      </c>
      <c r="H22139" s="8">
        <v>1</v>
      </c>
      <c r="I22139" s="8">
        <v>0</v>
      </c>
      <c r="J22139" s="8">
        <v>1</v>
      </c>
      <c r="K22139" s="9">
        <v>7.59</v>
      </c>
      <c r="L22139" s="6" t="s">
        <v>4151</v>
      </c>
    </row>
    <row r="22140" spans="1:12">
      <c r="A22140" s="6" t="s">
        <v>4151</v>
      </c>
      <c r="B22140" s="6"/>
      <c r="C22140" s="6" t="s">
        <v>22176</v>
      </c>
      <c r="D22140" s="6"/>
      <c r="E22140" s="6" t="s">
        <v>9</v>
      </c>
      <c r="F22140" s="7">
        <v>38657</v>
      </c>
      <c r="G22140" s="8">
        <v>1</v>
      </c>
      <c r="H22140" s="8">
        <v>1</v>
      </c>
      <c r="I22140" s="8">
        <v>0</v>
      </c>
      <c r="J22140" s="8">
        <v>1</v>
      </c>
      <c r="K22140" s="9">
        <v>49</v>
      </c>
      <c r="L22140" s="6" t="s">
        <v>4151</v>
      </c>
    </row>
    <row r="22141" spans="1:12">
      <c r="A22141" s="6" t="s">
        <v>4151</v>
      </c>
      <c r="B22141" s="6"/>
      <c r="C22141" s="6" t="s">
        <v>22177</v>
      </c>
      <c r="D22141" s="6"/>
      <c r="E22141" s="6" t="s">
        <v>9</v>
      </c>
      <c r="F22141" s="7">
        <v>38657</v>
      </c>
      <c r="G22141" s="8">
        <v>1</v>
      </c>
      <c r="H22141" s="8">
        <v>1</v>
      </c>
      <c r="I22141" s="8">
        <v>0</v>
      </c>
      <c r="J22141" s="8">
        <v>1</v>
      </c>
      <c r="K22141" s="9">
        <v>4.4800000000000004</v>
      </c>
      <c r="L22141" s="6" t="s">
        <v>4151</v>
      </c>
    </row>
    <row r="22142" spans="1:12">
      <c r="A22142" s="6" t="s">
        <v>4151</v>
      </c>
      <c r="B22142" s="6"/>
      <c r="C22142" s="6" t="s">
        <v>22178</v>
      </c>
      <c r="D22142" s="6"/>
      <c r="E22142" s="6" t="s">
        <v>9</v>
      </c>
      <c r="F22142" s="7">
        <v>38657</v>
      </c>
      <c r="G22142" s="8">
        <v>1</v>
      </c>
      <c r="H22142" s="8">
        <v>1</v>
      </c>
      <c r="I22142" s="8">
        <v>0</v>
      </c>
      <c r="J22142" s="8">
        <v>1</v>
      </c>
      <c r="K22142" s="9">
        <v>3.63</v>
      </c>
      <c r="L22142" s="6" t="s">
        <v>4151</v>
      </c>
    </row>
    <row r="22143" spans="1:12">
      <c r="A22143" s="6" t="s">
        <v>4151</v>
      </c>
      <c r="B22143" s="6"/>
      <c r="C22143" s="6" t="s">
        <v>22179</v>
      </c>
      <c r="D22143" s="6"/>
      <c r="E22143" s="6" t="s">
        <v>9</v>
      </c>
      <c r="F22143" s="7">
        <v>38657</v>
      </c>
      <c r="G22143" s="8">
        <v>1</v>
      </c>
      <c r="H22143" s="8">
        <v>1</v>
      </c>
      <c r="I22143" s="8">
        <v>0</v>
      </c>
      <c r="J22143" s="8">
        <v>1</v>
      </c>
      <c r="K22143" s="9">
        <v>4.4800000000000004</v>
      </c>
      <c r="L22143" s="6" t="s">
        <v>4151</v>
      </c>
    </row>
    <row r="22144" spans="1:12">
      <c r="A22144" s="6" t="s">
        <v>4151</v>
      </c>
      <c r="B22144" s="6"/>
      <c r="C22144" s="6" t="s">
        <v>22180</v>
      </c>
      <c r="D22144" s="6"/>
      <c r="E22144" s="6" t="s">
        <v>9</v>
      </c>
      <c r="F22144" s="7">
        <v>38657</v>
      </c>
      <c r="G22144" s="8">
        <v>1</v>
      </c>
      <c r="H22144" s="8">
        <v>1</v>
      </c>
      <c r="I22144" s="8">
        <v>0</v>
      </c>
      <c r="J22144" s="8">
        <v>1</v>
      </c>
      <c r="K22144" s="9">
        <v>8.2200000000000006</v>
      </c>
      <c r="L22144" s="6" t="s">
        <v>4151</v>
      </c>
    </row>
    <row r="22145" spans="1:12">
      <c r="A22145" s="6" t="s">
        <v>4151</v>
      </c>
      <c r="B22145" s="6"/>
      <c r="C22145" s="6" t="s">
        <v>22181</v>
      </c>
      <c r="D22145" s="6"/>
      <c r="E22145" s="6" t="s">
        <v>9</v>
      </c>
      <c r="F22145" s="7">
        <v>38657</v>
      </c>
      <c r="G22145" s="8">
        <v>1</v>
      </c>
      <c r="H22145" s="8">
        <v>1</v>
      </c>
      <c r="I22145" s="8">
        <v>0</v>
      </c>
      <c r="J22145" s="8">
        <v>1</v>
      </c>
      <c r="K22145" s="9">
        <v>32</v>
      </c>
      <c r="L22145" s="6" t="s">
        <v>4151</v>
      </c>
    </row>
    <row r="22146" spans="1:12">
      <c r="A22146" s="6" t="s">
        <v>4151</v>
      </c>
      <c r="B22146" s="6"/>
      <c r="C22146" s="6" t="s">
        <v>22182</v>
      </c>
      <c r="D22146" s="6"/>
      <c r="E22146" s="6" t="s">
        <v>9</v>
      </c>
      <c r="F22146" s="7">
        <v>38657</v>
      </c>
      <c r="G22146" s="8">
        <v>1</v>
      </c>
      <c r="H22146" s="8">
        <v>1</v>
      </c>
      <c r="I22146" s="8">
        <v>0</v>
      </c>
      <c r="J22146" s="8">
        <v>1</v>
      </c>
      <c r="K22146" s="9">
        <v>37</v>
      </c>
      <c r="L22146" s="6" t="s">
        <v>4151</v>
      </c>
    </row>
    <row r="22147" spans="1:12">
      <c r="A22147" s="6" t="s">
        <v>4151</v>
      </c>
      <c r="B22147" s="6"/>
      <c r="C22147" s="6" t="s">
        <v>22183</v>
      </c>
      <c r="D22147" s="6"/>
      <c r="E22147" s="6" t="s">
        <v>9</v>
      </c>
      <c r="F22147" s="7">
        <v>38657</v>
      </c>
      <c r="G22147" s="8">
        <v>1</v>
      </c>
      <c r="H22147" s="8">
        <v>1</v>
      </c>
      <c r="I22147" s="8">
        <v>0</v>
      </c>
      <c r="J22147" s="8">
        <v>1</v>
      </c>
      <c r="K22147" s="9">
        <v>49</v>
      </c>
      <c r="L22147" s="6" t="s">
        <v>4151</v>
      </c>
    </row>
    <row r="22148" spans="1:12">
      <c r="A22148" s="6" t="s">
        <v>4151</v>
      </c>
      <c r="B22148" s="6"/>
      <c r="C22148" s="6" t="s">
        <v>22184</v>
      </c>
      <c r="D22148" s="6"/>
      <c r="E22148" s="6" t="s">
        <v>9</v>
      </c>
      <c r="F22148" s="7">
        <v>38657</v>
      </c>
      <c r="G22148" s="8">
        <v>1</v>
      </c>
      <c r="H22148" s="8">
        <v>1</v>
      </c>
      <c r="I22148" s="8">
        <v>0</v>
      </c>
      <c r="J22148" s="8">
        <v>1</v>
      </c>
      <c r="K22148" s="9">
        <v>5.88</v>
      </c>
      <c r="L22148" s="6" t="s">
        <v>4151</v>
      </c>
    </row>
    <row r="22149" spans="1:12">
      <c r="A22149" s="6" t="s">
        <v>4151</v>
      </c>
      <c r="B22149" s="6"/>
      <c r="C22149" s="6" t="s">
        <v>22185</v>
      </c>
      <c r="D22149" s="6"/>
      <c r="E22149" s="6" t="s">
        <v>9</v>
      </c>
      <c r="F22149" s="7">
        <v>38657</v>
      </c>
      <c r="G22149" s="8">
        <v>1</v>
      </c>
      <c r="H22149" s="8">
        <v>1</v>
      </c>
      <c r="I22149" s="8">
        <v>0</v>
      </c>
      <c r="J22149" s="8">
        <v>1</v>
      </c>
      <c r="K22149" s="9">
        <v>48</v>
      </c>
      <c r="L22149" s="6" t="s">
        <v>4151</v>
      </c>
    </row>
    <row r="22150" spans="1:12">
      <c r="A22150" s="6" t="s">
        <v>4151</v>
      </c>
      <c r="B22150" s="6"/>
      <c r="C22150" s="6" t="s">
        <v>22186</v>
      </c>
      <c r="D22150" s="6"/>
      <c r="E22150" s="6" t="s">
        <v>9</v>
      </c>
      <c r="F22150" s="7">
        <v>38657</v>
      </c>
      <c r="G22150" s="8">
        <v>1</v>
      </c>
      <c r="H22150" s="8">
        <v>1</v>
      </c>
      <c r="I22150" s="8">
        <v>0</v>
      </c>
      <c r="J22150" s="8">
        <v>1</v>
      </c>
      <c r="K22150" s="9">
        <v>46</v>
      </c>
      <c r="L22150" s="6" t="s">
        <v>4151</v>
      </c>
    </row>
    <row r="22151" spans="1:12">
      <c r="A22151" s="6" t="s">
        <v>4151</v>
      </c>
      <c r="B22151" s="6"/>
      <c r="C22151" s="6" t="s">
        <v>22187</v>
      </c>
      <c r="D22151" s="6"/>
      <c r="E22151" s="6" t="s">
        <v>9</v>
      </c>
      <c r="F22151" s="7">
        <v>38657</v>
      </c>
      <c r="G22151" s="8">
        <v>1</v>
      </c>
      <c r="H22151" s="8">
        <v>1</v>
      </c>
      <c r="I22151" s="8">
        <v>0</v>
      </c>
      <c r="J22151" s="8">
        <v>1</v>
      </c>
      <c r="K22151" s="9">
        <v>47</v>
      </c>
      <c r="L22151" s="6" t="s">
        <v>4151</v>
      </c>
    </row>
    <row r="22152" spans="1:12">
      <c r="A22152" s="6" t="s">
        <v>4151</v>
      </c>
      <c r="B22152" s="6"/>
      <c r="C22152" s="6" t="s">
        <v>22188</v>
      </c>
      <c r="D22152" s="6"/>
      <c r="E22152" s="6" t="s">
        <v>9</v>
      </c>
      <c r="F22152" s="7">
        <v>38657</v>
      </c>
      <c r="G22152" s="8">
        <v>1</v>
      </c>
      <c r="H22152" s="8">
        <v>1</v>
      </c>
      <c r="I22152" s="8">
        <v>0</v>
      </c>
      <c r="J22152" s="8">
        <v>1</v>
      </c>
      <c r="K22152" s="9">
        <v>41</v>
      </c>
      <c r="L22152" s="6" t="s">
        <v>4151</v>
      </c>
    </row>
    <row r="22153" spans="1:12">
      <c r="A22153" s="6" t="s">
        <v>4151</v>
      </c>
      <c r="B22153" s="6"/>
      <c r="C22153" s="6" t="s">
        <v>22189</v>
      </c>
      <c r="D22153" s="6"/>
      <c r="E22153" s="6" t="s">
        <v>9</v>
      </c>
      <c r="F22153" s="7">
        <v>38657</v>
      </c>
      <c r="G22153" s="8">
        <v>1</v>
      </c>
      <c r="H22153" s="8">
        <v>1</v>
      </c>
      <c r="I22153" s="8">
        <v>0</v>
      </c>
      <c r="J22153" s="8">
        <v>1</v>
      </c>
      <c r="K22153" s="9">
        <v>50</v>
      </c>
      <c r="L22153" s="6" t="s">
        <v>4151</v>
      </c>
    </row>
    <row r="22154" spans="1:12">
      <c r="A22154" s="6" t="s">
        <v>4151</v>
      </c>
      <c r="B22154" s="6"/>
      <c r="C22154" s="6" t="s">
        <v>22190</v>
      </c>
      <c r="D22154" s="6"/>
      <c r="E22154" s="6" t="s">
        <v>9</v>
      </c>
      <c r="F22154" s="7">
        <v>38657</v>
      </c>
      <c r="G22154" s="8">
        <v>1</v>
      </c>
      <c r="H22154" s="8">
        <v>1</v>
      </c>
      <c r="I22154" s="8">
        <v>0</v>
      </c>
      <c r="J22154" s="8">
        <v>1</v>
      </c>
      <c r="K22154" s="9">
        <v>36</v>
      </c>
      <c r="L22154" s="6" t="s">
        <v>4151</v>
      </c>
    </row>
    <row r="22155" spans="1:12">
      <c r="A22155" s="6" t="s">
        <v>4151</v>
      </c>
      <c r="B22155" s="6"/>
      <c r="C22155" s="6" t="s">
        <v>22191</v>
      </c>
      <c r="D22155" s="6"/>
      <c r="E22155" s="6" t="s">
        <v>9</v>
      </c>
      <c r="F22155" s="7">
        <v>38657</v>
      </c>
      <c r="G22155" s="8">
        <v>1</v>
      </c>
      <c r="H22155" s="8">
        <v>1</v>
      </c>
      <c r="I22155" s="8">
        <v>0</v>
      </c>
      <c r="J22155" s="8">
        <v>1</v>
      </c>
      <c r="K22155" s="9">
        <v>15</v>
      </c>
      <c r="L22155" s="6" t="s">
        <v>4151</v>
      </c>
    </row>
    <row r="22156" spans="1:12">
      <c r="A22156" s="6" t="s">
        <v>4151</v>
      </c>
      <c r="B22156" s="6"/>
      <c r="C22156" s="6" t="s">
        <v>22192</v>
      </c>
      <c r="D22156" s="6"/>
      <c r="E22156" s="6" t="s">
        <v>9</v>
      </c>
      <c r="F22156" s="7">
        <v>38657</v>
      </c>
      <c r="G22156" s="8">
        <v>1</v>
      </c>
      <c r="H22156" s="8">
        <v>1</v>
      </c>
      <c r="I22156" s="8">
        <v>0</v>
      </c>
      <c r="J22156" s="8">
        <v>1</v>
      </c>
      <c r="K22156" s="9">
        <v>20</v>
      </c>
      <c r="L22156" s="6" t="s">
        <v>4151</v>
      </c>
    </row>
    <row r="22157" spans="1:12">
      <c r="A22157" s="6" t="s">
        <v>4151</v>
      </c>
      <c r="B22157" s="6"/>
      <c r="C22157" s="6" t="s">
        <v>22193</v>
      </c>
      <c r="D22157" s="6"/>
      <c r="E22157" s="6" t="s">
        <v>9</v>
      </c>
      <c r="F22157" s="7">
        <v>38657</v>
      </c>
      <c r="G22157" s="8">
        <v>1</v>
      </c>
      <c r="H22157" s="8">
        <v>1</v>
      </c>
      <c r="I22157" s="8">
        <v>0</v>
      </c>
      <c r="J22157" s="8">
        <v>1</v>
      </c>
      <c r="K22157" s="9">
        <v>21</v>
      </c>
      <c r="L22157" s="6" t="s">
        <v>4151</v>
      </c>
    </row>
    <row r="22158" spans="1:12">
      <c r="A22158" s="6" t="s">
        <v>4151</v>
      </c>
      <c r="B22158" s="6"/>
      <c r="C22158" s="6" t="s">
        <v>22194</v>
      </c>
      <c r="D22158" s="6"/>
      <c r="E22158" s="6" t="s">
        <v>9</v>
      </c>
      <c r="F22158" s="7">
        <v>38657</v>
      </c>
      <c r="G22158" s="8">
        <v>1</v>
      </c>
      <c r="H22158" s="8">
        <v>1</v>
      </c>
      <c r="I22158" s="8">
        <v>0</v>
      </c>
      <c r="J22158" s="8">
        <v>1</v>
      </c>
      <c r="K22158" s="9">
        <v>21</v>
      </c>
      <c r="L22158" s="6" t="s">
        <v>4151</v>
      </c>
    </row>
    <row r="22159" spans="1:12">
      <c r="A22159" s="6" t="s">
        <v>4151</v>
      </c>
      <c r="B22159" s="6"/>
      <c r="C22159" s="6" t="s">
        <v>22195</v>
      </c>
      <c r="D22159" s="6"/>
      <c r="E22159" s="6" t="s">
        <v>9</v>
      </c>
      <c r="F22159" s="7">
        <v>38657</v>
      </c>
      <c r="G22159" s="8">
        <v>1</v>
      </c>
      <c r="H22159" s="8">
        <v>1</v>
      </c>
      <c r="I22159" s="8">
        <v>0</v>
      </c>
      <c r="J22159" s="8">
        <v>1</v>
      </c>
      <c r="K22159" s="9">
        <v>168</v>
      </c>
      <c r="L22159" s="6" t="s">
        <v>4151</v>
      </c>
    </row>
    <row r="22160" spans="1:12">
      <c r="A22160" s="6" t="s">
        <v>4151</v>
      </c>
      <c r="B22160" s="6"/>
      <c r="C22160" s="6" t="s">
        <v>22196</v>
      </c>
      <c r="D22160" s="6"/>
      <c r="E22160" s="6" t="s">
        <v>9</v>
      </c>
      <c r="F22160" s="7">
        <v>38657</v>
      </c>
      <c r="G22160" s="8">
        <v>1</v>
      </c>
      <c r="H22160" s="8">
        <v>1</v>
      </c>
      <c r="I22160" s="8">
        <v>0</v>
      </c>
      <c r="J22160" s="8">
        <v>1</v>
      </c>
      <c r="K22160" s="9">
        <v>1969</v>
      </c>
      <c r="L22160" s="6" t="s">
        <v>4151</v>
      </c>
    </row>
    <row r="22161" spans="1:12">
      <c r="A22161" s="6" t="s">
        <v>4151</v>
      </c>
      <c r="B22161" s="6"/>
      <c r="C22161" s="6" t="s">
        <v>22197</v>
      </c>
      <c r="D22161" s="6"/>
      <c r="E22161" s="6" t="s">
        <v>9</v>
      </c>
      <c r="F22161" s="7">
        <v>40879</v>
      </c>
      <c r="G22161" s="8">
        <v>1</v>
      </c>
      <c r="H22161" s="8">
        <v>1</v>
      </c>
      <c r="I22161" s="8">
        <v>0</v>
      </c>
      <c r="J22161" s="8">
        <v>1</v>
      </c>
      <c r="K22161" s="9">
        <v>183</v>
      </c>
      <c r="L22161" s="6" t="s">
        <v>4151</v>
      </c>
    </row>
    <row r="22162" spans="1:12">
      <c r="A22162" s="6" t="s">
        <v>4151</v>
      </c>
      <c r="B22162" s="6"/>
      <c r="C22162" s="6" t="s">
        <v>22198</v>
      </c>
      <c r="D22162" s="6"/>
      <c r="E22162" s="6" t="s">
        <v>9</v>
      </c>
      <c r="F22162" s="7">
        <v>40879</v>
      </c>
      <c r="G22162" s="8">
        <v>1</v>
      </c>
      <c r="H22162" s="8">
        <v>1</v>
      </c>
      <c r="I22162" s="8">
        <v>0</v>
      </c>
      <c r="J22162" s="8">
        <v>1</v>
      </c>
      <c r="K22162" s="9">
        <v>189</v>
      </c>
      <c r="L22162" s="6" t="s">
        <v>4151</v>
      </c>
    </row>
    <row r="22163" spans="1:12">
      <c r="A22163" s="6" t="s">
        <v>4151</v>
      </c>
      <c r="B22163" s="6"/>
      <c r="C22163" s="6" t="s">
        <v>22199</v>
      </c>
      <c r="D22163" s="6"/>
      <c r="E22163" s="6" t="s">
        <v>9</v>
      </c>
      <c r="F22163" s="7">
        <v>40879</v>
      </c>
      <c r="G22163" s="8">
        <v>1</v>
      </c>
      <c r="H22163" s="8">
        <v>1</v>
      </c>
      <c r="I22163" s="8">
        <v>0</v>
      </c>
      <c r="J22163" s="8">
        <v>1</v>
      </c>
      <c r="K22163" s="9">
        <v>155</v>
      </c>
      <c r="L22163" s="6" t="s">
        <v>4151</v>
      </c>
    </row>
    <row r="22164" spans="1:12">
      <c r="A22164" s="6" t="s">
        <v>4151</v>
      </c>
      <c r="B22164" s="6"/>
      <c r="C22164" s="6" t="s">
        <v>22200</v>
      </c>
      <c r="D22164" s="6"/>
      <c r="E22164" s="6" t="s">
        <v>9</v>
      </c>
      <c r="F22164" s="7">
        <v>40879</v>
      </c>
      <c r="G22164" s="8">
        <v>1</v>
      </c>
      <c r="H22164" s="8">
        <v>1</v>
      </c>
      <c r="I22164" s="8">
        <v>0</v>
      </c>
      <c r="J22164" s="8">
        <v>1</v>
      </c>
      <c r="K22164" s="9">
        <v>239</v>
      </c>
      <c r="L22164" s="6" t="s">
        <v>4151</v>
      </c>
    </row>
    <row r="22165" spans="1:12">
      <c r="A22165" s="6" t="s">
        <v>4151</v>
      </c>
      <c r="B22165" s="6"/>
      <c r="C22165" s="6" t="s">
        <v>22201</v>
      </c>
      <c r="D22165" s="6"/>
      <c r="E22165" s="6" t="s">
        <v>9</v>
      </c>
      <c r="F22165" s="7">
        <v>40879</v>
      </c>
      <c r="G22165" s="8">
        <v>1</v>
      </c>
      <c r="H22165" s="8">
        <v>1</v>
      </c>
      <c r="I22165" s="8">
        <v>0</v>
      </c>
      <c r="J22165" s="8">
        <v>1</v>
      </c>
      <c r="K22165" s="9">
        <v>85</v>
      </c>
      <c r="L22165" s="6" t="s">
        <v>4151</v>
      </c>
    </row>
    <row r="22166" spans="1:12">
      <c r="A22166" s="6" t="s">
        <v>4151</v>
      </c>
      <c r="B22166" s="6"/>
      <c r="C22166" s="6" t="s">
        <v>22202</v>
      </c>
      <c r="D22166" s="6"/>
      <c r="E22166" s="6" t="s">
        <v>9</v>
      </c>
      <c r="F22166" s="7">
        <v>40879</v>
      </c>
      <c r="G22166" s="8">
        <v>1</v>
      </c>
      <c r="H22166" s="8">
        <v>1</v>
      </c>
      <c r="I22166" s="8">
        <v>0</v>
      </c>
      <c r="J22166" s="8">
        <v>1</v>
      </c>
      <c r="K22166" s="9">
        <v>172</v>
      </c>
      <c r="L22166" s="6" t="s">
        <v>4151</v>
      </c>
    </row>
    <row r="22167" spans="1:12">
      <c r="A22167" s="6" t="s">
        <v>4151</v>
      </c>
      <c r="B22167" s="6"/>
      <c r="C22167" s="6" t="s">
        <v>22203</v>
      </c>
      <c r="D22167" s="6"/>
      <c r="E22167" s="6" t="s">
        <v>9</v>
      </c>
      <c r="F22167" s="7">
        <v>40879</v>
      </c>
      <c r="G22167" s="8">
        <v>1</v>
      </c>
      <c r="H22167" s="8">
        <v>1</v>
      </c>
      <c r="I22167" s="8">
        <v>0</v>
      </c>
      <c r="J22167" s="8">
        <v>1</v>
      </c>
      <c r="K22167" s="9">
        <v>159</v>
      </c>
      <c r="L22167" s="6" t="s">
        <v>4151</v>
      </c>
    </row>
    <row r="22168" spans="1:12">
      <c r="A22168" s="6" t="s">
        <v>4151</v>
      </c>
      <c r="B22168" s="6"/>
      <c r="C22168" s="6" t="s">
        <v>22204</v>
      </c>
      <c r="D22168" s="6"/>
      <c r="E22168" s="6" t="s">
        <v>9</v>
      </c>
      <c r="F22168" s="7">
        <v>40879</v>
      </c>
      <c r="G22168" s="8">
        <v>1</v>
      </c>
      <c r="H22168" s="8">
        <v>1</v>
      </c>
      <c r="I22168" s="8">
        <v>0</v>
      </c>
      <c r="J22168" s="8">
        <v>1</v>
      </c>
      <c r="K22168" s="9">
        <v>350</v>
      </c>
      <c r="L22168" s="6" t="s">
        <v>4151</v>
      </c>
    </row>
    <row r="22169" spans="1:12">
      <c r="A22169" s="6" t="s">
        <v>4151</v>
      </c>
      <c r="B22169" s="6"/>
      <c r="C22169" s="6" t="s">
        <v>22205</v>
      </c>
      <c r="D22169" s="6"/>
      <c r="E22169" s="6" t="s">
        <v>9</v>
      </c>
      <c r="F22169" s="7">
        <v>40879</v>
      </c>
      <c r="G22169" s="8">
        <v>1</v>
      </c>
      <c r="H22169" s="8">
        <v>1</v>
      </c>
      <c r="I22169" s="8">
        <v>0</v>
      </c>
      <c r="J22169" s="8">
        <v>1</v>
      </c>
      <c r="K22169" s="9">
        <v>168</v>
      </c>
      <c r="L22169" s="6" t="s">
        <v>4151</v>
      </c>
    </row>
    <row r="22170" spans="1:12">
      <c r="A22170" s="6" t="s">
        <v>4151</v>
      </c>
      <c r="B22170" s="6"/>
      <c r="C22170" s="6" t="s">
        <v>22206</v>
      </c>
      <c r="D22170" s="6"/>
      <c r="E22170" s="6" t="s">
        <v>9</v>
      </c>
      <c r="F22170" s="7">
        <v>38657</v>
      </c>
      <c r="G22170" s="8">
        <v>1</v>
      </c>
      <c r="H22170" s="8">
        <v>1</v>
      </c>
      <c r="I22170" s="8">
        <v>0</v>
      </c>
      <c r="J22170" s="8">
        <v>1</v>
      </c>
      <c r="K22170" s="9">
        <v>9.91</v>
      </c>
      <c r="L22170" s="6" t="s">
        <v>4151</v>
      </c>
    </row>
    <row r="22171" spans="1:12">
      <c r="A22171" s="6" t="s">
        <v>4151</v>
      </c>
      <c r="B22171" s="6"/>
      <c r="C22171" s="6" t="s">
        <v>22207</v>
      </c>
      <c r="D22171" s="6"/>
      <c r="E22171" s="6" t="s">
        <v>9</v>
      </c>
      <c r="F22171" s="7">
        <v>40879</v>
      </c>
      <c r="G22171" s="8">
        <v>1</v>
      </c>
      <c r="H22171" s="8">
        <v>1</v>
      </c>
      <c r="I22171" s="8">
        <v>0</v>
      </c>
      <c r="J22171" s="8">
        <v>1</v>
      </c>
      <c r="K22171" s="9">
        <v>128</v>
      </c>
      <c r="L22171" s="6" t="s">
        <v>4151</v>
      </c>
    </row>
    <row r="22172" spans="1:12">
      <c r="A22172" s="6" t="s">
        <v>4151</v>
      </c>
      <c r="B22172" s="6"/>
      <c r="C22172" s="6" t="s">
        <v>22208</v>
      </c>
      <c r="D22172" s="6"/>
      <c r="E22172" s="6" t="s">
        <v>9</v>
      </c>
      <c r="F22172" s="7">
        <v>40879</v>
      </c>
      <c r="G22172" s="8">
        <v>1</v>
      </c>
      <c r="H22172" s="8">
        <v>1</v>
      </c>
      <c r="I22172" s="8">
        <v>0</v>
      </c>
      <c r="J22172" s="8">
        <v>1</v>
      </c>
      <c r="K22172" s="9">
        <v>164</v>
      </c>
      <c r="L22172" s="6" t="s">
        <v>4151</v>
      </c>
    </row>
    <row r="22173" spans="1:12">
      <c r="A22173" s="6" t="s">
        <v>4151</v>
      </c>
      <c r="B22173" s="6"/>
      <c r="C22173" s="6" t="s">
        <v>22209</v>
      </c>
      <c r="D22173" s="6"/>
      <c r="E22173" s="6" t="s">
        <v>9</v>
      </c>
      <c r="F22173" s="7">
        <v>40879</v>
      </c>
      <c r="G22173" s="8">
        <v>1</v>
      </c>
      <c r="H22173" s="8">
        <v>1</v>
      </c>
      <c r="I22173" s="8">
        <v>0</v>
      </c>
      <c r="J22173" s="8">
        <v>1</v>
      </c>
      <c r="K22173" s="9">
        <v>65</v>
      </c>
      <c r="L22173" s="6" t="s">
        <v>4151</v>
      </c>
    </row>
    <row r="22174" spans="1:12">
      <c r="A22174" s="6" t="s">
        <v>4151</v>
      </c>
      <c r="B22174" s="6"/>
      <c r="C22174" s="6" t="s">
        <v>22210</v>
      </c>
      <c r="D22174" s="6"/>
      <c r="E22174" s="6" t="s">
        <v>9</v>
      </c>
      <c r="F22174" s="7">
        <v>40879</v>
      </c>
      <c r="G22174" s="8">
        <v>1</v>
      </c>
      <c r="H22174" s="8">
        <v>1</v>
      </c>
      <c r="I22174" s="8">
        <v>0</v>
      </c>
      <c r="J22174" s="8">
        <v>1</v>
      </c>
      <c r="K22174" s="9">
        <v>47</v>
      </c>
      <c r="L22174" s="6" t="s">
        <v>4151</v>
      </c>
    </row>
    <row r="22175" spans="1:12">
      <c r="A22175" s="6" t="s">
        <v>4151</v>
      </c>
      <c r="B22175" s="6"/>
      <c r="C22175" s="6" t="s">
        <v>22211</v>
      </c>
      <c r="D22175" s="6"/>
      <c r="E22175" s="6" t="s">
        <v>9</v>
      </c>
      <c r="F22175" s="7">
        <v>40879</v>
      </c>
      <c r="G22175" s="8">
        <v>1</v>
      </c>
      <c r="H22175" s="8">
        <v>1</v>
      </c>
      <c r="I22175" s="8">
        <v>0</v>
      </c>
      <c r="J22175" s="8">
        <v>1</v>
      </c>
      <c r="K22175" s="9">
        <v>190</v>
      </c>
      <c r="L22175" s="6" t="s">
        <v>4151</v>
      </c>
    </row>
    <row r="22176" spans="1:12">
      <c r="A22176" s="6" t="s">
        <v>4151</v>
      </c>
      <c r="B22176" s="6"/>
      <c r="C22176" s="6" t="s">
        <v>22212</v>
      </c>
      <c r="D22176" s="6"/>
      <c r="E22176" s="6" t="s">
        <v>9</v>
      </c>
      <c r="F22176" s="7">
        <v>40879</v>
      </c>
      <c r="G22176" s="8">
        <v>1</v>
      </c>
      <c r="H22176" s="8">
        <v>1</v>
      </c>
      <c r="I22176" s="8">
        <v>0</v>
      </c>
      <c r="J22176" s="8">
        <v>1</v>
      </c>
      <c r="K22176" s="9">
        <v>83</v>
      </c>
      <c r="L22176" s="6" t="s">
        <v>4151</v>
      </c>
    </row>
    <row r="22177" spans="1:12">
      <c r="A22177" s="6" t="s">
        <v>4151</v>
      </c>
      <c r="B22177" s="6"/>
      <c r="C22177" s="6" t="s">
        <v>22213</v>
      </c>
      <c r="D22177" s="6"/>
      <c r="E22177" s="6" t="s">
        <v>9</v>
      </c>
      <c r="F22177" s="7">
        <v>40879</v>
      </c>
      <c r="G22177" s="8">
        <v>1</v>
      </c>
      <c r="H22177" s="8">
        <v>1</v>
      </c>
      <c r="I22177" s="8">
        <v>0</v>
      </c>
      <c r="J22177" s="8">
        <v>1</v>
      </c>
      <c r="K22177" s="9">
        <v>435</v>
      </c>
      <c r="L22177" s="6" t="s">
        <v>4151</v>
      </c>
    </row>
    <row r="22178" spans="1:12">
      <c r="A22178" s="6" t="s">
        <v>4151</v>
      </c>
      <c r="B22178" s="6"/>
      <c r="C22178" s="6" t="s">
        <v>22214</v>
      </c>
      <c r="D22178" s="6"/>
      <c r="E22178" s="6" t="s">
        <v>9</v>
      </c>
      <c r="F22178" s="7">
        <v>40879</v>
      </c>
      <c r="G22178" s="8">
        <v>1</v>
      </c>
      <c r="H22178" s="8">
        <v>1</v>
      </c>
      <c r="I22178" s="8">
        <v>0</v>
      </c>
      <c r="J22178" s="8">
        <v>1</v>
      </c>
      <c r="K22178" s="9">
        <v>146</v>
      </c>
      <c r="L22178" s="6" t="s">
        <v>4151</v>
      </c>
    </row>
    <row r="22179" spans="1:12">
      <c r="A22179" s="6" t="s">
        <v>4151</v>
      </c>
      <c r="B22179" s="6"/>
      <c r="C22179" s="6" t="s">
        <v>22215</v>
      </c>
      <c r="D22179" s="6"/>
      <c r="E22179" s="6" t="s">
        <v>9</v>
      </c>
      <c r="F22179" s="7">
        <v>40879</v>
      </c>
      <c r="G22179" s="8">
        <v>1</v>
      </c>
      <c r="H22179" s="8">
        <v>1</v>
      </c>
      <c r="I22179" s="8">
        <v>0</v>
      </c>
      <c r="J22179" s="8">
        <v>1</v>
      </c>
      <c r="K22179" s="9">
        <v>57</v>
      </c>
      <c r="L22179" s="6" t="s">
        <v>4151</v>
      </c>
    </row>
    <row r="22180" spans="1:12">
      <c r="A22180" s="6" t="s">
        <v>4151</v>
      </c>
      <c r="B22180" s="6"/>
      <c r="C22180" s="6" t="s">
        <v>22216</v>
      </c>
      <c r="D22180" s="6"/>
      <c r="E22180" s="6" t="s">
        <v>9</v>
      </c>
      <c r="F22180" s="7">
        <v>40879</v>
      </c>
      <c r="G22180" s="8">
        <v>1</v>
      </c>
      <c r="H22180" s="8">
        <v>1</v>
      </c>
      <c r="I22180" s="8">
        <v>0</v>
      </c>
      <c r="J22180" s="8">
        <v>1</v>
      </c>
      <c r="K22180" s="9">
        <v>186</v>
      </c>
      <c r="L22180" s="6" t="s">
        <v>4151</v>
      </c>
    </row>
    <row r="22181" spans="1:12">
      <c r="A22181" s="6" t="s">
        <v>4151</v>
      </c>
      <c r="B22181" s="6"/>
      <c r="C22181" s="6" t="s">
        <v>22217</v>
      </c>
      <c r="D22181" s="6"/>
      <c r="E22181" s="6" t="s">
        <v>9</v>
      </c>
      <c r="F22181" s="7">
        <v>38657</v>
      </c>
      <c r="G22181" s="8">
        <v>1</v>
      </c>
      <c r="H22181" s="8">
        <v>1</v>
      </c>
      <c r="I22181" s="8">
        <v>0</v>
      </c>
      <c r="J22181" s="8">
        <v>1</v>
      </c>
      <c r="K22181" s="9">
        <v>9.91</v>
      </c>
      <c r="L22181" s="6" t="s">
        <v>4151</v>
      </c>
    </row>
    <row r="22182" spans="1:12">
      <c r="A22182" s="6" t="s">
        <v>4151</v>
      </c>
      <c r="B22182" s="6"/>
      <c r="C22182" s="6" t="s">
        <v>22218</v>
      </c>
      <c r="D22182" s="6"/>
      <c r="E22182" s="6" t="s">
        <v>9</v>
      </c>
      <c r="F22182" s="7">
        <v>40879</v>
      </c>
      <c r="G22182" s="8">
        <v>1</v>
      </c>
      <c r="H22182" s="8">
        <v>1</v>
      </c>
      <c r="I22182" s="8">
        <v>0</v>
      </c>
      <c r="J22182" s="8">
        <v>1</v>
      </c>
      <c r="K22182" s="9">
        <v>167</v>
      </c>
      <c r="L22182" s="6" t="s">
        <v>4151</v>
      </c>
    </row>
    <row r="22183" spans="1:12">
      <c r="A22183" s="6" t="s">
        <v>4151</v>
      </c>
      <c r="B22183" s="6"/>
      <c r="C22183" s="6" t="s">
        <v>22219</v>
      </c>
      <c r="D22183" s="6"/>
      <c r="E22183" s="6" t="s">
        <v>9</v>
      </c>
      <c r="F22183" s="7">
        <v>40879</v>
      </c>
      <c r="G22183" s="8">
        <v>1</v>
      </c>
      <c r="H22183" s="8">
        <v>1</v>
      </c>
      <c r="I22183" s="8">
        <v>0</v>
      </c>
      <c r="J22183" s="8">
        <v>1</v>
      </c>
      <c r="K22183" s="9">
        <v>257</v>
      </c>
      <c r="L22183" s="6" t="s">
        <v>4151</v>
      </c>
    </row>
    <row r="22184" spans="1:12">
      <c r="A22184" s="6" t="s">
        <v>4151</v>
      </c>
      <c r="B22184" s="6"/>
      <c r="C22184" s="6" t="s">
        <v>22220</v>
      </c>
      <c r="D22184" s="6"/>
      <c r="E22184" s="6" t="s">
        <v>9</v>
      </c>
      <c r="F22184" s="7">
        <v>40879</v>
      </c>
      <c r="G22184" s="8">
        <v>1</v>
      </c>
      <c r="H22184" s="8">
        <v>1</v>
      </c>
      <c r="I22184" s="8">
        <v>0</v>
      </c>
      <c r="J22184" s="8">
        <v>1</v>
      </c>
      <c r="K22184" s="9">
        <v>179</v>
      </c>
      <c r="L22184" s="6" t="s">
        <v>4151</v>
      </c>
    </row>
    <row r="22185" spans="1:12">
      <c r="A22185" s="6" t="s">
        <v>4151</v>
      </c>
      <c r="B22185" s="6"/>
      <c r="C22185" s="6" t="s">
        <v>22221</v>
      </c>
      <c r="D22185" s="6"/>
      <c r="E22185" s="6" t="s">
        <v>9</v>
      </c>
      <c r="F22185" s="7">
        <v>40879</v>
      </c>
      <c r="G22185" s="8">
        <v>1</v>
      </c>
      <c r="H22185" s="8">
        <v>1</v>
      </c>
      <c r="I22185" s="8">
        <v>0</v>
      </c>
      <c r="J22185" s="8">
        <v>1</v>
      </c>
      <c r="K22185" s="9">
        <v>263</v>
      </c>
      <c r="L22185" s="6" t="s">
        <v>4151</v>
      </c>
    </row>
    <row r="22186" spans="1:12">
      <c r="A22186" s="6" t="s">
        <v>4151</v>
      </c>
      <c r="B22186" s="6"/>
      <c r="C22186" s="6" t="s">
        <v>22222</v>
      </c>
      <c r="D22186" s="6"/>
      <c r="E22186" s="6" t="s">
        <v>9</v>
      </c>
      <c r="F22186" s="7">
        <v>40879</v>
      </c>
      <c r="G22186" s="8">
        <v>1</v>
      </c>
      <c r="H22186" s="8">
        <v>1</v>
      </c>
      <c r="I22186" s="8">
        <v>0</v>
      </c>
      <c r="J22186" s="8">
        <v>1</v>
      </c>
      <c r="K22186" s="9">
        <v>202</v>
      </c>
      <c r="L22186" s="6" t="s">
        <v>4151</v>
      </c>
    </row>
    <row r="22187" spans="1:12">
      <c r="A22187" s="6" t="s">
        <v>4151</v>
      </c>
      <c r="B22187" s="6"/>
      <c r="C22187" s="6" t="s">
        <v>22223</v>
      </c>
      <c r="D22187" s="6"/>
      <c r="E22187" s="6" t="s">
        <v>9</v>
      </c>
      <c r="F22187" s="7">
        <v>40879</v>
      </c>
      <c r="G22187" s="8">
        <v>1</v>
      </c>
      <c r="H22187" s="8">
        <v>1</v>
      </c>
      <c r="I22187" s="8">
        <v>0</v>
      </c>
      <c r="J22187" s="8">
        <v>1</v>
      </c>
      <c r="K22187" s="9">
        <v>193</v>
      </c>
      <c r="L22187" s="6" t="s">
        <v>4151</v>
      </c>
    </row>
    <row r="22188" spans="1:12">
      <c r="A22188" s="6" t="s">
        <v>4151</v>
      </c>
      <c r="B22188" s="6"/>
      <c r="C22188" s="6" t="s">
        <v>22224</v>
      </c>
      <c r="D22188" s="6"/>
      <c r="E22188" s="6" t="s">
        <v>9</v>
      </c>
      <c r="F22188" s="7">
        <v>40879</v>
      </c>
      <c r="G22188" s="8">
        <v>1</v>
      </c>
      <c r="H22188" s="8">
        <v>1</v>
      </c>
      <c r="I22188" s="8">
        <v>0</v>
      </c>
      <c r="J22188" s="8">
        <v>1</v>
      </c>
      <c r="K22188" s="9">
        <v>172</v>
      </c>
      <c r="L22188" s="6" t="s">
        <v>4151</v>
      </c>
    </row>
    <row r="22189" spans="1:12">
      <c r="A22189" s="6" t="s">
        <v>4151</v>
      </c>
      <c r="B22189" s="6"/>
      <c r="C22189" s="6" t="s">
        <v>22225</v>
      </c>
      <c r="D22189" s="6"/>
      <c r="E22189" s="6" t="s">
        <v>9</v>
      </c>
      <c r="F22189" s="7">
        <v>40879</v>
      </c>
      <c r="G22189" s="8">
        <v>1</v>
      </c>
      <c r="H22189" s="8">
        <v>1</v>
      </c>
      <c r="I22189" s="8">
        <v>0</v>
      </c>
      <c r="J22189" s="8">
        <v>1</v>
      </c>
      <c r="K22189" s="9">
        <v>289</v>
      </c>
      <c r="L22189" s="6" t="s">
        <v>4151</v>
      </c>
    </row>
    <row r="22190" spans="1:12">
      <c r="A22190" s="6" t="s">
        <v>4151</v>
      </c>
      <c r="B22190" s="6"/>
      <c r="C22190" s="6" t="s">
        <v>22226</v>
      </c>
      <c r="D22190" s="6"/>
      <c r="E22190" s="6" t="s">
        <v>9</v>
      </c>
      <c r="F22190" s="7">
        <v>40879</v>
      </c>
      <c r="G22190" s="8">
        <v>1</v>
      </c>
      <c r="H22190" s="8">
        <v>1</v>
      </c>
      <c r="I22190" s="8">
        <v>0</v>
      </c>
      <c r="J22190" s="8">
        <v>1</v>
      </c>
      <c r="K22190" s="9">
        <v>176</v>
      </c>
      <c r="L22190" s="6" t="s">
        <v>4151</v>
      </c>
    </row>
    <row r="22191" spans="1:12">
      <c r="A22191" s="6" t="s">
        <v>4151</v>
      </c>
      <c r="B22191" s="6"/>
      <c r="C22191" s="6" t="s">
        <v>22227</v>
      </c>
      <c r="D22191" s="6"/>
      <c r="E22191" s="6" t="s">
        <v>9</v>
      </c>
      <c r="F22191" s="7">
        <v>40879</v>
      </c>
      <c r="G22191" s="8">
        <v>1</v>
      </c>
      <c r="H22191" s="8">
        <v>1</v>
      </c>
      <c r="I22191" s="8">
        <v>0</v>
      </c>
      <c r="J22191" s="8">
        <v>1</v>
      </c>
      <c r="K22191" s="9">
        <v>274</v>
      </c>
      <c r="L22191" s="6" t="s">
        <v>4151</v>
      </c>
    </row>
    <row r="22192" spans="1:12">
      <c r="A22192" s="6" t="s">
        <v>4151</v>
      </c>
      <c r="B22192" s="6"/>
      <c r="C22192" s="6" t="s">
        <v>22228</v>
      </c>
      <c r="D22192" s="6"/>
      <c r="E22192" s="6" t="s">
        <v>9</v>
      </c>
      <c r="F22192" s="7">
        <v>38657</v>
      </c>
      <c r="G22192" s="8">
        <v>1</v>
      </c>
      <c r="H22192" s="8">
        <v>1</v>
      </c>
      <c r="I22192" s="8">
        <v>0</v>
      </c>
      <c r="J22192" s="8">
        <v>1</v>
      </c>
      <c r="K22192" s="9">
        <v>13</v>
      </c>
      <c r="L22192" s="6" t="s">
        <v>4151</v>
      </c>
    </row>
    <row r="22193" spans="1:12">
      <c r="A22193" s="6" t="s">
        <v>4151</v>
      </c>
      <c r="B22193" s="6"/>
      <c r="C22193" s="6" t="s">
        <v>22229</v>
      </c>
      <c r="D22193" s="6"/>
      <c r="E22193" s="6" t="s">
        <v>9</v>
      </c>
      <c r="F22193" s="7">
        <v>40879</v>
      </c>
      <c r="G22193" s="8">
        <v>1</v>
      </c>
      <c r="H22193" s="8">
        <v>1</v>
      </c>
      <c r="I22193" s="8">
        <v>0</v>
      </c>
      <c r="J22193" s="8">
        <v>1</v>
      </c>
      <c r="K22193" s="9">
        <v>172</v>
      </c>
      <c r="L22193" s="6" t="s">
        <v>4151</v>
      </c>
    </row>
    <row r="22194" spans="1:12">
      <c r="A22194" s="6" t="s">
        <v>4151</v>
      </c>
      <c r="B22194" s="6"/>
      <c r="C22194" s="6" t="s">
        <v>22230</v>
      </c>
      <c r="D22194" s="6"/>
      <c r="E22194" s="6" t="s">
        <v>9</v>
      </c>
      <c r="F22194" s="7">
        <v>40879</v>
      </c>
      <c r="G22194" s="8">
        <v>1</v>
      </c>
      <c r="H22194" s="8">
        <v>1</v>
      </c>
      <c r="I22194" s="8">
        <v>0</v>
      </c>
      <c r="J22194" s="8">
        <v>1</v>
      </c>
      <c r="K22194" s="9">
        <v>18</v>
      </c>
      <c r="L22194" s="6" t="s">
        <v>4151</v>
      </c>
    </row>
    <row r="22195" spans="1:12">
      <c r="A22195" s="6" t="s">
        <v>4151</v>
      </c>
      <c r="B22195" s="6"/>
      <c r="C22195" s="6" t="s">
        <v>22231</v>
      </c>
      <c r="D22195" s="6"/>
      <c r="E22195" s="6" t="s">
        <v>9</v>
      </c>
      <c r="F22195" s="7">
        <v>40879</v>
      </c>
      <c r="G22195" s="8">
        <v>1</v>
      </c>
      <c r="H22195" s="8">
        <v>1</v>
      </c>
      <c r="I22195" s="8">
        <v>0</v>
      </c>
      <c r="J22195" s="8">
        <v>1</v>
      </c>
      <c r="K22195" s="9">
        <v>238</v>
      </c>
      <c r="L22195" s="6" t="s">
        <v>4151</v>
      </c>
    </row>
    <row r="22196" spans="1:12">
      <c r="A22196" s="6" t="s">
        <v>4151</v>
      </c>
      <c r="B22196" s="6"/>
      <c r="C22196" s="6" t="s">
        <v>22232</v>
      </c>
      <c r="D22196" s="6"/>
      <c r="E22196" s="6" t="s">
        <v>9</v>
      </c>
      <c r="F22196" s="7">
        <v>40879</v>
      </c>
      <c r="G22196" s="8">
        <v>1</v>
      </c>
      <c r="H22196" s="8">
        <v>1</v>
      </c>
      <c r="I22196" s="8">
        <v>0</v>
      </c>
      <c r="J22196" s="8">
        <v>1</v>
      </c>
      <c r="K22196" s="9">
        <v>59</v>
      </c>
      <c r="L22196" s="6" t="s">
        <v>4151</v>
      </c>
    </row>
    <row r="22197" spans="1:12">
      <c r="A22197" s="6" t="s">
        <v>4151</v>
      </c>
      <c r="B22197" s="6"/>
      <c r="C22197" s="6" t="s">
        <v>22233</v>
      </c>
      <c r="D22197" s="6"/>
      <c r="E22197" s="6" t="s">
        <v>9</v>
      </c>
      <c r="F22197" s="7">
        <v>40879</v>
      </c>
      <c r="G22197" s="8">
        <v>1</v>
      </c>
      <c r="H22197" s="8">
        <v>1</v>
      </c>
      <c r="I22197" s="8">
        <v>0</v>
      </c>
      <c r="J22197" s="8">
        <v>1</v>
      </c>
      <c r="K22197" s="9">
        <v>367</v>
      </c>
      <c r="L22197" s="6" t="s">
        <v>4151</v>
      </c>
    </row>
    <row r="22198" spans="1:12">
      <c r="A22198" s="6" t="s">
        <v>4151</v>
      </c>
      <c r="B22198" s="6"/>
      <c r="C22198" s="6" t="s">
        <v>22234</v>
      </c>
      <c r="D22198" s="6"/>
      <c r="E22198" s="6" t="s">
        <v>9</v>
      </c>
      <c r="F22198" s="7">
        <v>40879</v>
      </c>
      <c r="G22198" s="8">
        <v>1</v>
      </c>
      <c r="H22198" s="8">
        <v>1</v>
      </c>
      <c r="I22198" s="8">
        <v>0</v>
      </c>
      <c r="J22198" s="8">
        <v>1</v>
      </c>
      <c r="K22198" s="9">
        <v>52</v>
      </c>
      <c r="L22198" s="6" t="s">
        <v>4151</v>
      </c>
    </row>
    <row r="22199" spans="1:12">
      <c r="A22199" s="6" t="s">
        <v>4151</v>
      </c>
      <c r="B22199" s="6"/>
      <c r="C22199" s="6" t="s">
        <v>22235</v>
      </c>
      <c r="D22199" s="6"/>
      <c r="E22199" s="6" t="s">
        <v>9</v>
      </c>
      <c r="F22199" s="7">
        <v>40879</v>
      </c>
      <c r="G22199" s="8">
        <v>1</v>
      </c>
      <c r="H22199" s="8">
        <v>1</v>
      </c>
      <c r="I22199" s="8">
        <v>0</v>
      </c>
      <c r="J22199" s="8">
        <v>1</v>
      </c>
      <c r="K22199" s="9">
        <v>265</v>
      </c>
      <c r="L22199" s="6" t="s">
        <v>4151</v>
      </c>
    </row>
    <row r="22200" spans="1:12">
      <c r="A22200" s="6" t="s">
        <v>4151</v>
      </c>
      <c r="B22200" s="6"/>
      <c r="C22200" s="6" t="s">
        <v>22236</v>
      </c>
      <c r="D22200" s="6"/>
      <c r="E22200" s="6" t="s">
        <v>9</v>
      </c>
      <c r="F22200" s="7">
        <v>40879</v>
      </c>
      <c r="G22200" s="8">
        <v>1</v>
      </c>
      <c r="H22200" s="8">
        <v>1</v>
      </c>
      <c r="I22200" s="8">
        <v>0</v>
      </c>
      <c r="J22200" s="8">
        <v>1</v>
      </c>
      <c r="K22200" s="9">
        <v>177</v>
      </c>
      <c r="L22200" s="6" t="s">
        <v>4151</v>
      </c>
    </row>
    <row r="22201" spans="1:12">
      <c r="A22201" s="6" t="s">
        <v>4151</v>
      </c>
      <c r="B22201" s="6"/>
      <c r="C22201" s="6" t="s">
        <v>22237</v>
      </c>
      <c r="D22201" s="6"/>
      <c r="E22201" s="6" t="s">
        <v>9</v>
      </c>
      <c r="F22201" s="7">
        <v>40879</v>
      </c>
      <c r="G22201" s="8">
        <v>1</v>
      </c>
      <c r="H22201" s="8">
        <v>1</v>
      </c>
      <c r="I22201" s="8">
        <v>0</v>
      </c>
      <c r="J22201" s="8">
        <v>1</v>
      </c>
      <c r="K22201" s="9">
        <v>109</v>
      </c>
      <c r="L22201" s="6" t="s">
        <v>4151</v>
      </c>
    </row>
    <row r="22202" spans="1:12">
      <c r="A22202" s="6" t="s">
        <v>4151</v>
      </c>
      <c r="B22202" s="6"/>
      <c r="C22202" s="6" t="s">
        <v>22238</v>
      </c>
      <c r="D22202" s="6"/>
      <c r="E22202" s="6" t="s">
        <v>9</v>
      </c>
      <c r="F22202" s="7">
        <v>40879</v>
      </c>
      <c r="G22202" s="8">
        <v>1</v>
      </c>
      <c r="H22202" s="8">
        <v>1</v>
      </c>
      <c r="I22202" s="8">
        <v>0</v>
      </c>
      <c r="J22202" s="8">
        <v>1</v>
      </c>
      <c r="K22202" s="9">
        <v>208</v>
      </c>
      <c r="L22202" s="6" t="s">
        <v>4151</v>
      </c>
    </row>
    <row r="22203" spans="1:12">
      <c r="A22203" s="6" t="s">
        <v>4151</v>
      </c>
      <c r="B22203" s="6"/>
      <c r="C22203" s="6" t="s">
        <v>22239</v>
      </c>
      <c r="D22203" s="6"/>
      <c r="E22203" s="6" t="s">
        <v>9</v>
      </c>
      <c r="F22203" s="7">
        <v>38657</v>
      </c>
      <c r="G22203" s="8">
        <v>1</v>
      </c>
      <c r="H22203" s="8">
        <v>1</v>
      </c>
      <c r="I22203" s="8">
        <v>0</v>
      </c>
      <c r="J22203" s="8">
        <v>1</v>
      </c>
      <c r="K22203" s="9">
        <v>22</v>
      </c>
      <c r="L22203" s="6" t="s">
        <v>4151</v>
      </c>
    </row>
    <row r="22204" spans="1:12">
      <c r="A22204" s="6" t="s">
        <v>4151</v>
      </c>
      <c r="B22204" s="6"/>
      <c r="C22204" s="6" t="s">
        <v>22240</v>
      </c>
      <c r="D22204" s="6"/>
      <c r="E22204" s="6" t="s">
        <v>9</v>
      </c>
      <c r="F22204" s="7">
        <v>40879</v>
      </c>
      <c r="G22204" s="8">
        <v>1</v>
      </c>
      <c r="H22204" s="8">
        <v>1</v>
      </c>
      <c r="I22204" s="8">
        <v>0</v>
      </c>
      <c r="J22204" s="8">
        <v>1</v>
      </c>
      <c r="K22204" s="9">
        <v>271</v>
      </c>
      <c r="L22204" s="6" t="s">
        <v>4151</v>
      </c>
    </row>
    <row r="22205" spans="1:12">
      <c r="A22205" s="6" t="s">
        <v>4151</v>
      </c>
      <c r="B22205" s="6"/>
      <c r="C22205" s="6" t="s">
        <v>22241</v>
      </c>
      <c r="D22205" s="6"/>
      <c r="E22205" s="6" t="s">
        <v>9</v>
      </c>
      <c r="F22205" s="7">
        <v>40879</v>
      </c>
      <c r="G22205" s="8">
        <v>1</v>
      </c>
      <c r="H22205" s="8">
        <v>1</v>
      </c>
      <c r="I22205" s="8">
        <v>0</v>
      </c>
      <c r="J22205" s="8">
        <v>1</v>
      </c>
      <c r="K22205" s="9">
        <v>349</v>
      </c>
      <c r="L22205" s="6" t="s">
        <v>4151</v>
      </c>
    </row>
    <row r="22206" spans="1:12">
      <c r="A22206" s="6" t="s">
        <v>4151</v>
      </c>
      <c r="B22206" s="6"/>
      <c r="C22206" s="6" t="s">
        <v>22242</v>
      </c>
      <c r="D22206" s="6"/>
      <c r="E22206" s="6" t="s">
        <v>9</v>
      </c>
      <c r="F22206" s="7">
        <v>40879</v>
      </c>
      <c r="G22206" s="8">
        <v>1</v>
      </c>
      <c r="H22206" s="8">
        <v>1</v>
      </c>
      <c r="I22206" s="8">
        <v>0</v>
      </c>
      <c r="J22206" s="8">
        <v>1</v>
      </c>
      <c r="K22206" s="9">
        <v>123</v>
      </c>
      <c r="L22206" s="6" t="s">
        <v>4151</v>
      </c>
    </row>
    <row r="22207" spans="1:12">
      <c r="A22207" s="6" t="s">
        <v>4151</v>
      </c>
      <c r="B22207" s="6"/>
      <c r="C22207" s="6" t="s">
        <v>22243</v>
      </c>
      <c r="D22207" s="6"/>
      <c r="E22207" s="6" t="s">
        <v>9</v>
      </c>
      <c r="F22207" s="7">
        <v>40879</v>
      </c>
      <c r="G22207" s="8">
        <v>1</v>
      </c>
      <c r="H22207" s="8">
        <v>1</v>
      </c>
      <c r="I22207" s="8">
        <v>0</v>
      </c>
      <c r="J22207" s="8">
        <v>1</v>
      </c>
      <c r="K22207" s="9">
        <v>32</v>
      </c>
      <c r="L22207" s="6" t="s">
        <v>4151</v>
      </c>
    </row>
    <row r="22208" spans="1:12">
      <c r="A22208" s="6" t="s">
        <v>4151</v>
      </c>
      <c r="B22208" s="6"/>
      <c r="C22208" s="6" t="s">
        <v>22244</v>
      </c>
      <c r="D22208" s="6"/>
      <c r="E22208" s="6" t="s">
        <v>9</v>
      </c>
      <c r="F22208" s="7">
        <v>40879</v>
      </c>
      <c r="G22208" s="8">
        <v>1</v>
      </c>
      <c r="H22208" s="8">
        <v>1</v>
      </c>
      <c r="I22208" s="8">
        <v>0</v>
      </c>
      <c r="J22208" s="8">
        <v>1</v>
      </c>
      <c r="K22208" s="9">
        <v>158</v>
      </c>
      <c r="L22208" s="6" t="s">
        <v>4151</v>
      </c>
    </row>
    <row r="22209" spans="1:12">
      <c r="A22209" s="6" t="s">
        <v>4151</v>
      </c>
      <c r="B22209" s="6"/>
      <c r="C22209" s="6" t="s">
        <v>22245</v>
      </c>
      <c r="D22209" s="6"/>
      <c r="E22209" s="6" t="s">
        <v>9</v>
      </c>
      <c r="F22209" s="7">
        <v>40879</v>
      </c>
      <c r="G22209" s="8">
        <v>1</v>
      </c>
      <c r="H22209" s="8">
        <v>1</v>
      </c>
      <c r="I22209" s="8">
        <v>0</v>
      </c>
      <c r="J22209" s="8">
        <v>1</v>
      </c>
      <c r="K22209" s="9">
        <v>289</v>
      </c>
      <c r="L22209" s="6" t="s">
        <v>4151</v>
      </c>
    </row>
    <row r="22210" spans="1:12">
      <c r="A22210" s="6" t="s">
        <v>4151</v>
      </c>
      <c r="B22210" s="6"/>
      <c r="C22210" s="6" t="s">
        <v>22246</v>
      </c>
      <c r="D22210" s="6"/>
      <c r="E22210" s="6" t="s">
        <v>9</v>
      </c>
      <c r="F22210" s="7">
        <v>40879</v>
      </c>
      <c r="G22210" s="8">
        <v>1</v>
      </c>
      <c r="H22210" s="8">
        <v>1</v>
      </c>
      <c r="I22210" s="8">
        <v>0</v>
      </c>
      <c r="J22210" s="8">
        <v>1</v>
      </c>
      <c r="K22210" s="9">
        <v>320</v>
      </c>
      <c r="L22210" s="6" t="s">
        <v>4151</v>
      </c>
    </row>
    <row r="22211" spans="1:12">
      <c r="A22211" s="6" t="s">
        <v>4151</v>
      </c>
      <c r="B22211" s="6"/>
      <c r="C22211" s="6" t="s">
        <v>22247</v>
      </c>
      <c r="D22211" s="6"/>
      <c r="E22211" s="6" t="s">
        <v>9</v>
      </c>
      <c r="F22211" s="7">
        <v>40879</v>
      </c>
      <c r="G22211" s="8">
        <v>1</v>
      </c>
      <c r="H22211" s="8">
        <v>1</v>
      </c>
      <c r="I22211" s="8">
        <v>0</v>
      </c>
      <c r="J22211" s="8">
        <v>1</v>
      </c>
      <c r="K22211" s="9">
        <v>30</v>
      </c>
      <c r="L22211" s="6" t="s">
        <v>4151</v>
      </c>
    </row>
    <row r="22212" spans="1:12">
      <c r="A22212" s="6" t="s">
        <v>4151</v>
      </c>
      <c r="B22212" s="6"/>
      <c r="C22212" s="6" t="s">
        <v>22248</v>
      </c>
      <c r="D22212" s="6"/>
      <c r="E22212" s="6" t="s">
        <v>9</v>
      </c>
      <c r="F22212" s="7">
        <v>40879</v>
      </c>
      <c r="G22212" s="8">
        <v>1</v>
      </c>
      <c r="H22212" s="8">
        <v>1</v>
      </c>
      <c r="I22212" s="8">
        <v>0</v>
      </c>
      <c r="J22212" s="8">
        <v>1</v>
      </c>
      <c r="K22212" s="9">
        <v>299</v>
      </c>
      <c r="L22212" s="6" t="s">
        <v>4151</v>
      </c>
    </row>
    <row r="22213" spans="1:12">
      <c r="A22213" s="6" t="s">
        <v>4151</v>
      </c>
      <c r="B22213" s="6"/>
      <c r="C22213" s="6" t="s">
        <v>22249</v>
      </c>
      <c r="D22213" s="6"/>
      <c r="E22213" s="6" t="s">
        <v>9</v>
      </c>
      <c r="F22213" s="7">
        <v>40879</v>
      </c>
      <c r="G22213" s="8">
        <v>1</v>
      </c>
      <c r="H22213" s="8">
        <v>1</v>
      </c>
      <c r="I22213" s="8">
        <v>0</v>
      </c>
      <c r="J22213" s="8">
        <v>1</v>
      </c>
      <c r="K22213" s="9">
        <v>89</v>
      </c>
      <c r="L22213" s="6" t="s">
        <v>4151</v>
      </c>
    </row>
    <row r="22214" spans="1:12">
      <c r="A22214" s="6" t="s">
        <v>4151</v>
      </c>
      <c r="B22214" s="6"/>
      <c r="C22214" s="6" t="s">
        <v>22250</v>
      </c>
      <c r="D22214" s="6"/>
      <c r="E22214" s="6" t="s">
        <v>9</v>
      </c>
      <c r="F22214" s="7">
        <v>38657</v>
      </c>
      <c r="G22214" s="8">
        <v>1</v>
      </c>
      <c r="H22214" s="8">
        <v>1</v>
      </c>
      <c r="I22214" s="8">
        <v>0</v>
      </c>
      <c r="J22214" s="8">
        <v>1</v>
      </c>
      <c r="K22214" s="9">
        <v>5.68</v>
      </c>
      <c r="L22214" s="6" t="s">
        <v>4151</v>
      </c>
    </row>
    <row r="22215" spans="1:12">
      <c r="A22215" s="6" t="s">
        <v>4151</v>
      </c>
      <c r="B22215" s="6"/>
      <c r="C22215" s="6" t="s">
        <v>22251</v>
      </c>
      <c r="D22215" s="6"/>
      <c r="E22215" s="6" t="s">
        <v>9</v>
      </c>
      <c r="F22215" s="7">
        <v>40879</v>
      </c>
      <c r="G22215" s="8">
        <v>1</v>
      </c>
      <c r="H22215" s="8">
        <v>1</v>
      </c>
      <c r="I22215" s="8">
        <v>0</v>
      </c>
      <c r="J22215" s="8">
        <v>1</v>
      </c>
      <c r="K22215" s="9">
        <v>135</v>
      </c>
      <c r="L22215" s="6" t="s">
        <v>4151</v>
      </c>
    </row>
    <row r="22216" spans="1:12">
      <c r="A22216" s="6" t="s">
        <v>4151</v>
      </c>
      <c r="B22216" s="6"/>
      <c r="C22216" s="6" t="s">
        <v>22252</v>
      </c>
      <c r="D22216" s="6"/>
      <c r="E22216" s="6" t="s">
        <v>9</v>
      </c>
      <c r="F22216" s="7">
        <v>40879</v>
      </c>
      <c r="G22216" s="8">
        <v>1</v>
      </c>
      <c r="H22216" s="8">
        <v>1</v>
      </c>
      <c r="I22216" s="8">
        <v>0</v>
      </c>
      <c r="J22216" s="8">
        <v>1</v>
      </c>
      <c r="K22216" s="9">
        <v>105</v>
      </c>
      <c r="L22216" s="6" t="s">
        <v>4151</v>
      </c>
    </row>
    <row r="22217" spans="1:12">
      <c r="A22217" s="6" t="s">
        <v>4151</v>
      </c>
      <c r="B22217" s="6"/>
      <c r="C22217" s="6" t="s">
        <v>22253</v>
      </c>
      <c r="D22217" s="6"/>
      <c r="E22217" s="6" t="s">
        <v>9</v>
      </c>
      <c r="F22217" s="7">
        <v>40879</v>
      </c>
      <c r="G22217" s="8">
        <v>1</v>
      </c>
      <c r="H22217" s="8">
        <v>1</v>
      </c>
      <c r="I22217" s="8">
        <v>0</v>
      </c>
      <c r="J22217" s="8">
        <v>1</v>
      </c>
      <c r="K22217" s="9">
        <v>82</v>
      </c>
      <c r="L22217" s="6" t="s">
        <v>4151</v>
      </c>
    </row>
    <row r="22218" spans="1:12">
      <c r="A22218" s="6" t="s">
        <v>4151</v>
      </c>
      <c r="B22218" s="6"/>
      <c r="C22218" s="6" t="s">
        <v>22254</v>
      </c>
      <c r="D22218" s="6"/>
      <c r="E22218" s="6" t="s">
        <v>9</v>
      </c>
      <c r="F22218" s="7">
        <v>40879</v>
      </c>
      <c r="G22218" s="8">
        <v>1</v>
      </c>
      <c r="H22218" s="8">
        <v>1</v>
      </c>
      <c r="I22218" s="8">
        <v>0</v>
      </c>
      <c r="J22218" s="8">
        <v>1</v>
      </c>
      <c r="K22218" s="9">
        <v>78</v>
      </c>
      <c r="L22218" s="6" t="s">
        <v>4151</v>
      </c>
    </row>
    <row r="22219" spans="1:12">
      <c r="A22219" s="6" t="s">
        <v>4151</v>
      </c>
      <c r="B22219" s="6"/>
      <c r="C22219" s="6" t="s">
        <v>22255</v>
      </c>
      <c r="D22219" s="6"/>
      <c r="E22219" s="6" t="s">
        <v>9</v>
      </c>
      <c r="F22219" s="7">
        <v>40879</v>
      </c>
      <c r="G22219" s="8">
        <v>1</v>
      </c>
      <c r="H22219" s="8">
        <v>1</v>
      </c>
      <c r="I22219" s="8">
        <v>0</v>
      </c>
      <c r="J22219" s="8">
        <v>1</v>
      </c>
      <c r="K22219" s="9">
        <v>95</v>
      </c>
      <c r="L22219" s="6" t="s">
        <v>4151</v>
      </c>
    </row>
    <row r="22220" spans="1:12">
      <c r="A22220" s="6" t="s">
        <v>4151</v>
      </c>
      <c r="B22220" s="6"/>
      <c r="C22220" s="6" t="s">
        <v>22256</v>
      </c>
      <c r="D22220" s="6"/>
      <c r="E22220" s="6" t="s">
        <v>9</v>
      </c>
      <c r="F22220" s="7">
        <v>40879</v>
      </c>
      <c r="G22220" s="8">
        <v>1</v>
      </c>
      <c r="H22220" s="8">
        <v>1</v>
      </c>
      <c r="I22220" s="8">
        <v>0</v>
      </c>
      <c r="J22220" s="8">
        <v>1</v>
      </c>
      <c r="K22220" s="9">
        <v>133</v>
      </c>
      <c r="L22220" s="6" t="s">
        <v>4151</v>
      </c>
    </row>
    <row r="22221" spans="1:12">
      <c r="A22221" s="6" t="s">
        <v>4151</v>
      </c>
      <c r="B22221" s="6"/>
      <c r="C22221" s="6" t="s">
        <v>22257</v>
      </c>
      <c r="D22221" s="6"/>
      <c r="E22221" s="6" t="s">
        <v>9</v>
      </c>
      <c r="F22221" s="7">
        <v>40879</v>
      </c>
      <c r="G22221" s="8">
        <v>1</v>
      </c>
      <c r="H22221" s="8">
        <v>1</v>
      </c>
      <c r="I22221" s="8">
        <v>0</v>
      </c>
      <c r="J22221" s="8">
        <v>1</v>
      </c>
      <c r="K22221" s="9">
        <v>235</v>
      </c>
      <c r="L22221" s="6" t="s">
        <v>4151</v>
      </c>
    </row>
    <row r="22222" spans="1:12">
      <c r="A22222" s="6" t="s">
        <v>4151</v>
      </c>
      <c r="B22222" s="6"/>
      <c r="C22222" s="6" t="s">
        <v>22258</v>
      </c>
      <c r="D22222" s="6"/>
      <c r="E22222" s="6" t="s">
        <v>9</v>
      </c>
      <c r="F22222" s="7">
        <v>40879</v>
      </c>
      <c r="G22222" s="8">
        <v>1</v>
      </c>
      <c r="H22222" s="8">
        <v>1</v>
      </c>
      <c r="I22222" s="8">
        <v>0</v>
      </c>
      <c r="J22222" s="8">
        <v>1</v>
      </c>
      <c r="K22222" s="9">
        <v>182</v>
      </c>
      <c r="L22222" s="6" t="s">
        <v>4151</v>
      </c>
    </row>
    <row r="22223" spans="1:12">
      <c r="A22223" s="6" t="s">
        <v>4151</v>
      </c>
      <c r="B22223" s="6"/>
      <c r="C22223" s="6" t="s">
        <v>22259</v>
      </c>
      <c r="D22223" s="6"/>
      <c r="E22223" s="6" t="s">
        <v>9</v>
      </c>
      <c r="F22223" s="7">
        <v>40879</v>
      </c>
      <c r="G22223" s="8">
        <v>1</v>
      </c>
      <c r="H22223" s="8">
        <v>1</v>
      </c>
      <c r="I22223" s="8">
        <v>0</v>
      </c>
      <c r="J22223" s="8">
        <v>1</v>
      </c>
      <c r="K22223" s="9">
        <v>32</v>
      </c>
      <c r="L22223" s="6" t="s">
        <v>4151</v>
      </c>
    </row>
    <row r="22224" spans="1:12">
      <c r="A22224" s="6" t="s">
        <v>4151</v>
      </c>
      <c r="B22224" s="6"/>
      <c r="C22224" s="6" t="s">
        <v>22260</v>
      </c>
      <c r="D22224" s="6"/>
      <c r="E22224" s="6" t="s">
        <v>9</v>
      </c>
      <c r="F22224" s="7">
        <v>40879</v>
      </c>
      <c r="G22224" s="8">
        <v>1</v>
      </c>
      <c r="H22224" s="8">
        <v>1</v>
      </c>
      <c r="I22224" s="8">
        <v>0</v>
      </c>
      <c r="J22224" s="8">
        <v>1</v>
      </c>
      <c r="K22224" s="9">
        <v>25</v>
      </c>
      <c r="L22224" s="6" t="s">
        <v>4151</v>
      </c>
    </row>
    <row r="22225" spans="1:12">
      <c r="A22225" s="6" t="s">
        <v>4151</v>
      </c>
      <c r="B22225" s="6"/>
      <c r="C22225" s="6" t="s">
        <v>22261</v>
      </c>
      <c r="D22225" s="6"/>
      <c r="E22225" s="6" t="s">
        <v>9</v>
      </c>
      <c r="F22225" s="7">
        <v>38657</v>
      </c>
      <c r="G22225" s="8">
        <v>1</v>
      </c>
      <c r="H22225" s="8">
        <v>1</v>
      </c>
      <c r="I22225" s="8">
        <v>0</v>
      </c>
      <c r="J22225" s="8">
        <v>1</v>
      </c>
      <c r="K22225" s="9">
        <v>19</v>
      </c>
      <c r="L22225" s="6" t="s">
        <v>4151</v>
      </c>
    </row>
    <row r="22226" spans="1:12">
      <c r="A22226" s="6" t="s">
        <v>4151</v>
      </c>
      <c r="B22226" s="6"/>
      <c r="C22226" s="6" t="s">
        <v>22262</v>
      </c>
      <c r="D22226" s="6"/>
      <c r="E22226" s="6" t="s">
        <v>9</v>
      </c>
      <c r="F22226" s="7">
        <v>40879</v>
      </c>
      <c r="G22226" s="8">
        <v>1</v>
      </c>
      <c r="H22226" s="8">
        <v>1</v>
      </c>
      <c r="I22226" s="8">
        <v>0</v>
      </c>
      <c r="J22226" s="8">
        <v>1</v>
      </c>
      <c r="K22226" s="9">
        <v>48</v>
      </c>
      <c r="L22226" s="6" t="s">
        <v>4151</v>
      </c>
    </row>
    <row r="22227" spans="1:12">
      <c r="A22227" s="6" t="s">
        <v>4151</v>
      </c>
      <c r="B22227" s="6"/>
      <c r="C22227" s="6" t="s">
        <v>22263</v>
      </c>
      <c r="D22227" s="6"/>
      <c r="E22227" s="6" t="s">
        <v>9</v>
      </c>
      <c r="F22227" s="7">
        <v>40879</v>
      </c>
      <c r="G22227" s="8">
        <v>1</v>
      </c>
      <c r="H22227" s="8">
        <v>1</v>
      </c>
      <c r="I22227" s="8">
        <v>0</v>
      </c>
      <c r="J22227" s="8">
        <v>1</v>
      </c>
      <c r="K22227" s="9">
        <v>61</v>
      </c>
      <c r="L22227" s="6" t="s">
        <v>4151</v>
      </c>
    </row>
    <row r="22228" spans="1:12">
      <c r="A22228" s="6" t="s">
        <v>4151</v>
      </c>
      <c r="B22228" s="6"/>
      <c r="C22228" s="6" t="s">
        <v>22264</v>
      </c>
      <c r="D22228" s="6"/>
      <c r="E22228" s="6" t="s">
        <v>9</v>
      </c>
      <c r="F22228" s="7">
        <v>40879</v>
      </c>
      <c r="G22228" s="8">
        <v>1</v>
      </c>
      <c r="H22228" s="8">
        <v>1</v>
      </c>
      <c r="I22228" s="8">
        <v>0</v>
      </c>
      <c r="J22228" s="8">
        <v>1</v>
      </c>
      <c r="K22228" s="9">
        <v>141</v>
      </c>
      <c r="L22228" s="6" t="s">
        <v>4151</v>
      </c>
    </row>
    <row r="22229" spans="1:12">
      <c r="A22229" s="6" t="s">
        <v>4151</v>
      </c>
      <c r="B22229" s="6"/>
      <c r="C22229" s="6" t="s">
        <v>22265</v>
      </c>
      <c r="D22229" s="6"/>
      <c r="E22229" s="6" t="s">
        <v>9</v>
      </c>
      <c r="F22229" s="7">
        <v>40879</v>
      </c>
      <c r="G22229" s="8">
        <v>1</v>
      </c>
      <c r="H22229" s="8">
        <v>1</v>
      </c>
      <c r="I22229" s="8">
        <v>0</v>
      </c>
      <c r="J22229" s="8">
        <v>1</v>
      </c>
      <c r="K22229" s="9">
        <v>74</v>
      </c>
      <c r="L22229" s="6" t="s">
        <v>4151</v>
      </c>
    </row>
    <row r="22230" spans="1:12">
      <c r="A22230" s="6" t="s">
        <v>4151</v>
      </c>
      <c r="B22230" s="6"/>
      <c r="C22230" s="6" t="s">
        <v>22266</v>
      </c>
      <c r="D22230" s="6"/>
      <c r="E22230" s="6" t="s">
        <v>9</v>
      </c>
      <c r="F22230" s="7">
        <v>40879</v>
      </c>
      <c r="G22230" s="8">
        <v>1</v>
      </c>
      <c r="H22230" s="8">
        <v>1</v>
      </c>
      <c r="I22230" s="8">
        <v>0</v>
      </c>
      <c r="J22230" s="8">
        <v>1</v>
      </c>
      <c r="K22230" s="9">
        <v>97</v>
      </c>
      <c r="L22230" s="6" t="s">
        <v>4151</v>
      </c>
    </row>
    <row r="22231" spans="1:12">
      <c r="A22231" s="6" t="s">
        <v>4151</v>
      </c>
      <c r="B22231" s="6"/>
      <c r="C22231" s="6" t="s">
        <v>22267</v>
      </c>
      <c r="D22231" s="6"/>
      <c r="E22231" s="6" t="s">
        <v>9</v>
      </c>
      <c r="F22231" s="7">
        <v>40879</v>
      </c>
      <c r="G22231" s="8">
        <v>1</v>
      </c>
      <c r="H22231" s="8">
        <v>1</v>
      </c>
      <c r="I22231" s="8">
        <v>0</v>
      </c>
      <c r="J22231" s="8">
        <v>1</v>
      </c>
      <c r="K22231" s="9">
        <v>832</v>
      </c>
      <c r="L22231" s="6" t="s">
        <v>4151</v>
      </c>
    </row>
    <row r="22232" spans="1:12">
      <c r="A22232" s="6" t="s">
        <v>4151</v>
      </c>
      <c r="B22232" s="6"/>
      <c r="C22232" s="6" t="s">
        <v>22268</v>
      </c>
      <c r="D22232" s="6"/>
      <c r="E22232" s="6" t="s">
        <v>9</v>
      </c>
      <c r="F22232" s="7">
        <v>40879</v>
      </c>
      <c r="G22232" s="8">
        <v>1</v>
      </c>
      <c r="H22232" s="8">
        <v>1</v>
      </c>
      <c r="I22232" s="8">
        <v>0</v>
      </c>
      <c r="J22232" s="8">
        <v>1</v>
      </c>
      <c r="K22232" s="9">
        <v>51</v>
      </c>
      <c r="L22232" s="6" t="s">
        <v>4151</v>
      </c>
    </row>
    <row r="22233" spans="1:12">
      <c r="A22233" s="6" t="s">
        <v>4151</v>
      </c>
      <c r="B22233" s="6"/>
      <c r="C22233" s="6" t="s">
        <v>22269</v>
      </c>
      <c r="D22233" s="6"/>
      <c r="E22233" s="6" t="s">
        <v>9</v>
      </c>
      <c r="F22233" s="7">
        <v>40879</v>
      </c>
      <c r="G22233" s="8">
        <v>1</v>
      </c>
      <c r="H22233" s="8">
        <v>1</v>
      </c>
      <c r="I22233" s="8">
        <v>0</v>
      </c>
      <c r="J22233" s="8">
        <v>1</v>
      </c>
      <c r="K22233" s="9">
        <v>225</v>
      </c>
      <c r="L22233" s="6" t="s">
        <v>4151</v>
      </c>
    </row>
    <row r="22234" spans="1:12">
      <c r="A22234" s="6" t="s">
        <v>4151</v>
      </c>
      <c r="B22234" s="6"/>
      <c r="C22234" s="6" t="s">
        <v>22270</v>
      </c>
      <c r="D22234" s="6"/>
      <c r="E22234" s="6" t="s">
        <v>9</v>
      </c>
      <c r="F22234" s="7">
        <v>40879</v>
      </c>
      <c r="G22234" s="8">
        <v>1</v>
      </c>
      <c r="H22234" s="8">
        <v>1</v>
      </c>
      <c r="I22234" s="8">
        <v>0</v>
      </c>
      <c r="J22234" s="8">
        <v>1</v>
      </c>
      <c r="K22234" s="9">
        <v>234</v>
      </c>
      <c r="L22234" s="6" t="s">
        <v>4151</v>
      </c>
    </row>
    <row r="22235" spans="1:12">
      <c r="A22235" s="6" t="s">
        <v>4151</v>
      </c>
      <c r="B22235" s="6"/>
      <c r="C22235" s="6" t="s">
        <v>22271</v>
      </c>
      <c r="D22235" s="6"/>
      <c r="E22235" s="6" t="s">
        <v>9</v>
      </c>
      <c r="F22235" s="7">
        <v>40879</v>
      </c>
      <c r="G22235" s="8">
        <v>1</v>
      </c>
      <c r="H22235" s="8">
        <v>1</v>
      </c>
      <c r="I22235" s="8">
        <v>0</v>
      </c>
      <c r="J22235" s="8">
        <v>1</v>
      </c>
      <c r="K22235" s="9">
        <v>150</v>
      </c>
      <c r="L22235" s="6" t="s">
        <v>4151</v>
      </c>
    </row>
    <row r="22236" spans="1:12">
      <c r="A22236" s="6" t="s">
        <v>4151</v>
      </c>
      <c r="B22236" s="6"/>
      <c r="C22236" s="6" t="s">
        <v>22272</v>
      </c>
      <c r="D22236" s="6"/>
      <c r="E22236" s="6" t="s">
        <v>9</v>
      </c>
      <c r="F22236" s="7">
        <v>38657</v>
      </c>
      <c r="G22236" s="8">
        <v>1</v>
      </c>
      <c r="H22236" s="8">
        <v>1</v>
      </c>
      <c r="I22236" s="8">
        <v>0</v>
      </c>
      <c r="J22236" s="8">
        <v>1</v>
      </c>
      <c r="K22236" s="9">
        <v>49</v>
      </c>
      <c r="L22236" s="6" t="s">
        <v>4151</v>
      </c>
    </row>
    <row r="22237" spans="1:12">
      <c r="A22237" s="6" t="s">
        <v>4151</v>
      </c>
      <c r="B22237" s="6"/>
      <c r="C22237" s="6" t="s">
        <v>22273</v>
      </c>
      <c r="D22237" s="6"/>
      <c r="E22237" s="6" t="s">
        <v>9</v>
      </c>
      <c r="F22237" s="7">
        <v>38657</v>
      </c>
      <c r="G22237" s="8">
        <v>1</v>
      </c>
      <c r="H22237" s="8">
        <v>1</v>
      </c>
      <c r="I22237" s="8">
        <v>0</v>
      </c>
      <c r="J22237" s="8">
        <v>1</v>
      </c>
      <c r="K22237" s="9">
        <v>4.82</v>
      </c>
      <c r="L22237" s="6" t="s">
        <v>4151</v>
      </c>
    </row>
    <row r="22238" spans="1:12">
      <c r="A22238" s="6" t="s">
        <v>4151</v>
      </c>
      <c r="B22238" s="6"/>
      <c r="C22238" s="6" t="s">
        <v>22274</v>
      </c>
      <c r="D22238" s="6"/>
      <c r="E22238" s="6" t="s">
        <v>9</v>
      </c>
      <c r="F22238" s="7">
        <v>40879</v>
      </c>
      <c r="G22238" s="8">
        <v>1</v>
      </c>
      <c r="H22238" s="8">
        <v>1</v>
      </c>
      <c r="I22238" s="8">
        <v>0</v>
      </c>
      <c r="J22238" s="8">
        <v>1</v>
      </c>
      <c r="K22238" s="9">
        <v>282</v>
      </c>
      <c r="L22238" s="6" t="s">
        <v>4151</v>
      </c>
    </row>
    <row r="22239" spans="1:12">
      <c r="A22239" s="6" t="s">
        <v>4151</v>
      </c>
      <c r="B22239" s="6"/>
      <c r="C22239" s="6" t="s">
        <v>22275</v>
      </c>
      <c r="D22239" s="6"/>
      <c r="E22239" s="6" t="s">
        <v>9</v>
      </c>
      <c r="F22239" s="7">
        <v>40879</v>
      </c>
      <c r="G22239" s="8">
        <v>1</v>
      </c>
      <c r="H22239" s="8">
        <v>1</v>
      </c>
      <c r="I22239" s="8">
        <v>0</v>
      </c>
      <c r="J22239" s="8">
        <v>1</v>
      </c>
      <c r="K22239" s="9">
        <v>76</v>
      </c>
      <c r="L22239" s="6" t="s">
        <v>4151</v>
      </c>
    </row>
    <row r="22240" spans="1:12">
      <c r="A22240" s="6" t="s">
        <v>4151</v>
      </c>
      <c r="B22240" s="6"/>
      <c r="C22240" s="6" t="s">
        <v>22276</v>
      </c>
      <c r="D22240" s="6"/>
      <c r="E22240" s="6" t="s">
        <v>9</v>
      </c>
      <c r="F22240" s="7">
        <v>40879</v>
      </c>
      <c r="G22240" s="8">
        <v>1</v>
      </c>
      <c r="H22240" s="8">
        <v>1</v>
      </c>
      <c r="I22240" s="8">
        <v>0</v>
      </c>
      <c r="J22240" s="8">
        <v>1</v>
      </c>
      <c r="K22240" s="9">
        <v>247</v>
      </c>
      <c r="L22240" s="6" t="s">
        <v>4151</v>
      </c>
    </row>
    <row r="22241" spans="1:12">
      <c r="A22241" s="6" t="s">
        <v>4151</v>
      </c>
      <c r="B22241" s="6"/>
      <c r="C22241" s="6" t="s">
        <v>22277</v>
      </c>
      <c r="D22241" s="6"/>
      <c r="E22241" s="6" t="s">
        <v>9</v>
      </c>
      <c r="F22241" s="7">
        <v>40879</v>
      </c>
      <c r="G22241" s="8">
        <v>1</v>
      </c>
      <c r="H22241" s="8">
        <v>1</v>
      </c>
      <c r="I22241" s="8">
        <v>0</v>
      </c>
      <c r="J22241" s="8">
        <v>1</v>
      </c>
      <c r="K22241" s="9">
        <v>273</v>
      </c>
      <c r="L22241" s="6" t="s">
        <v>4151</v>
      </c>
    </row>
    <row r="22242" spans="1:12">
      <c r="A22242" s="6" t="s">
        <v>4151</v>
      </c>
      <c r="B22242" s="6"/>
      <c r="C22242" s="6" t="s">
        <v>22278</v>
      </c>
      <c r="D22242" s="6"/>
      <c r="E22242" s="6" t="s">
        <v>9</v>
      </c>
      <c r="F22242" s="7">
        <v>40879</v>
      </c>
      <c r="G22242" s="8">
        <v>1</v>
      </c>
      <c r="H22242" s="8">
        <v>1</v>
      </c>
      <c r="I22242" s="8">
        <v>0</v>
      </c>
      <c r="J22242" s="8">
        <v>1</v>
      </c>
      <c r="K22242" s="9">
        <v>273</v>
      </c>
      <c r="L22242" s="6" t="s">
        <v>4151</v>
      </c>
    </row>
    <row r="22243" spans="1:12">
      <c r="A22243" s="6" t="s">
        <v>4151</v>
      </c>
      <c r="B22243" s="6"/>
      <c r="C22243" s="6" t="s">
        <v>22279</v>
      </c>
      <c r="D22243" s="6"/>
      <c r="E22243" s="6" t="s">
        <v>9</v>
      </c>
      <c r="F22243" s="7">
        <v>40879</v>
      </c>
      <c r="G22243" s="8">
        <v>1</v>
      </c>
      <c r="H22243" s="8">
        <v>1</v>
      </c>
      <c r="I22243" s="8">
        <v>0</v>
      </c>
      <c r="J22243" s="8">
        <v>1</v>
      </c>
      <c r="K22243" s="9">
        <v>325</v>
      </c>
      <c r="L22243" s="6" t="s">
        <v>4151</v>
      </c>
    </row>
    <row r="22244" spans="1:12">
      <c r="A22244" s="6" t="s">
        <v>4151</v>
      </c>
      <c r="B22244" s="6"/>
      <c r="C22244" s="6" t="s">
        <v>22280</v>
      </c>
      <c r="D22244" s="6"/>
      <c r="E22244" s="6" t="s">
        <v>9</v>
      </c>
      <c r="F22244" s="7">
        <v>40879</v>
      </c>
      <c r="G22244" s="8">
        <v>1</v>
      </c>
      <c r="H22244" s="8">
        <v>1</v>
      </c>
      <c r="I22244" s="8">
        <v>0</v>
      </c>
      <c r="J22244" s="8">
        <v>1</v>
      </c>
      <c r="K22244" s="9">
        <v>171</v>
      </c>
      <c r="L22244" s="6" t="s">
        <v>4151</v>
      </c>
    </row>
    <row r="22245" spans="1:12">
      <c r="A22245" s="6" t="s">
        <v>4151</v>
      </c>
      <c r="B22245" s="6"/>
      <c r="C22245" s="6" t="s">
        <v>22281</v>
      </c>
      <c r="D22245" s="6"/>
      <c r="E22245" s="6" t="s">
        <v>9</v>
      </c>
      <c r="F22245" s="7">
        <v>40879</v>
      </c>
      <c r="G22245" s="8">
        <v>1</v>
      </c>
      <c r="H22245" s="8">
        <v>1</v>
      </c>
      <c r="I22245" s="8">
        <v>0</v>
      </c>
      <c r="J22245" s="8">
        <v>1</v>
      </c>
      <c r="K22245" s="9">
        <v>214</v>
      </c>
      <c r="L22245" s="6" t="s">
        <v>4151</v>
      </c>
    </row>
    <row r="22246" spans="1:12">
      <c r="A22246" s="6" t="s">
        <v>4151</v>
      </c>
      <c r="B22246" s="6"/>
      <c r="C22246" s="6" t="s">
        <v>22282</v>
      </c>
      <c r="D22246" s="6"/>
      <c r="E22246" s="6" t="s">
        <v>9</v>
      </c>
      <c r="F22246" s="7">
        <v>40879</v>
      </c>
      <c r="G22246" s="8">
        <v>1</v>
      </c>
      <c r="H22246" s="8">
        <v>1</v>
      </c>
      <c r="I22246" s="8">
        <v>0</v>
      </c>
      <c r="J22246" s="8">
        <v>1</v>
      </c>
      <c r="K22246" s="9">
        <v>270</v>
      </c>
      <c r="L22246" s="6" t="s">
        <v>4151</v>
      </c>
    </row>
    <row r="22247" spans="1:12">
      <c r="A22247" s="6" t="s">
        <v>4151</v>
      </c>
      <c r="B22247" s="6"/>
      <c r="C22247" s="6" t="s">
        <v>22283</v>
      </c>
      <c r="D22247" s="6"/>
      <c r="E22247" s="6" t="s">
        <v>9</v>
      </c>
      <c r="F22247" s="7">
        <v>40879</v>
      </c>
      <c r="G22247" s="8">
        <v>1</v>
      </c>
      <c r="H22247" s="8">
        <v>1</v>
      </c>
      <c r="I22247" s="8">
        <v>0</v>
      </c>
      <c r="J22247" s="8">
        <v>1</v>
      </c>
      <c r="K22247" s="9">
        <v>364</v>
      </c>
      <c r="L22247" s="6" t="s">
        <v>4151</v>
      </c>
    </row>
    <row r="22248" spans="1:12">
      <c r="A22248" s="6" t="s">
        <v>4151</v>
      </c>
      <c r="B22248" s="6"/>
      <c r="C22248" s="6" t="s">
        <v>22284</v>
      </c>
      <c r="D22248" s="6"/>
      <c r="E22248" s="6" t="s">
        <v>9</v>
      </c>
      <c r="F22248" s="7">
        <v>38657</v>
      </c>
      <c r="G22248" s="8">
        <v>1</v>
      </c>
      <c r="H22248" s="8">
        <v>1</v>
      </c>
      <c r="I22248" s="8">
        <v>0</v>
      </c>
      <c r="J22248" s="8">
        <v>1</v>
      </c>
      <c r="K22248" s="9">
        <v>9.36</v>
      </c>
      <c r="L22248" s="6" t="s">
        <v>4151</v>
      </c>
    </row>
    <row r="22249" spans="1:12">
      <c r="A22249" s="6" t="s">
        <v>4151</v>
      </c>
      <c r="B22249" s="6"/>
      <c r="C22249" s="6" t="s">
        <v>22285</v>
      </c>
      <c r="D22249" s="6"/>
      <c r="E22249" s="6" t="s">
        <v>9</v>
      </c>
      <c r="F22249" s="7">
        <v>40879</v>
      </c>
      <c r="G22249" s="8">
        <v>1</v>
      </c>
      <c r="H22249" s="8">
        <v>1</v>
      </c>
      <c r="I22249" s="8">
        <v>0</v>
      </c>
      <c r="J22249" s="8">
        <v>1</v>
      </c>
      <c r="K22249" s="9">
        <v>219</v>
      </c>
      <c r="L22249" s="6" t="s">
        <v>4151</v>
      </c>
    </row>
    <row r="22250" spans="1:12">
      <c r="A22250" s="6" t="s">
        <v>4151</v>
      </c>
      <c r="B22250" s="6"/>
      <c r="C22250" s="6" t="s">
        <v>22286</v>
      </c>
      <c r="D22250" s="6"/>
      <c r="E22250" s="6" t="s">
        <v>9</v>
      </c>
      <c r="F22250" s="7">
        <v>40879</v>
      </c>
      <c r="G22250" s="8">
        <v>1</v>
      </c>
      <c r="H22250" s="8">
        <v>1</v>
      </c>
      <c r="I22250" s="8">
        <v>0</v>
      </c>
      <c r="J22250" s="8">
        <v>1</v>
      </c>
      <c r="K22250" s="9">
        <v>127</v>
      </c>
      <c r="L22250" s="6" t="s">
        <v>4151</v>
      </c>
    </row>
    <row r="22251" spans="1:12">
      <c r="A22251" s="6" t="s">
        <v>4151</v>
      </c>
      <c r="B22251" s="6"/>
      <c r="C22251" s="6" t="s">
        <v>22287</v>
      </c>
      <c r="D22251" s="6"/>
      <c r="E22251" s="6" t="s">
        <v>9</v>
      </c>
      <c r="F22251" s="7">
        <v>40879</v>
      </c>
      <c r="G22251" s="8">
        <v>1</v>
      </c>
      <c r="H22251" s="8">
        <v>1</v>
      </c>
      <c r="I22251" s="8">
        <v>0</v>
      </c>
      <c r="J22251" s="8">
        <v>1</v>
      </c>
      <c r="K22251" s="9">
        <v>326</v>
      </c>
      <c r="L22251" s="6" t="s">
        <v>4151</v>
      </c>
    </row>
    <row r="22252" spans="1:12">
      <c r="A22252" s="6" t="s">
        <v>4151</v>
      </c>
      <c r="B22252" s="6"/>
      <c r="C22252" s="6" t="s">
        <v>22288</v>
      </c>
      <c r="D22252" s="6"/>
      <c r="E22252" s="6" t="s">
        <v>9</v>
      </c>
      <c r="F22252" s="7">
        <v>40879</v>
      </c>
      <c r="G22252" s="8">
        <v>1</v>
      </c>
      <c r="H22252" s="8">
        <v>1</v>
      </c>
      <c r="I22252" s="8">
        <v>0</v>
      </c>
      <c r="J22252" s="8">
        <v>1</v>
      </c>
      <c r="K22252" s="9">
        <v>297</v>
      </c>
      <c r="L22252" s="6" t="s">
        <v>4151</v>
      </c>
    </row>
    <row r="22253" spans="1:12">
      <c r="A22253" s="6" t="s">
        <v>4151</v>
      </c>
      <c r="B22253" s="6"/>
      <c r="C22253" s="6" t="s">
        <v>22289</v>
      </c>
      <c r="D22253" s="6"/>
      <c r="E22253" s="6" t="s">
        <v>9</v>
      </c>
      <c r="F22253" s="7">
        <v>40879</v>
      </c>
      <c r="G22253" s="8">
        <v>1</v>
      </c>
      <c r="H22253" s="8">
        <v>1</v>
      </c>
      <c r="I22253" s="8">
        <v>0</v>
      </c>
      <c r="J22253" s="8">
        <v>1</v>
      </c>
      <c r="K22253" s="9">
        <v>194</v>
      </c>
      <c r="L22253" s="6" t="s">
        <v>4151</v>
      </c>
    </row>
    <row r="22254" spans="1:12">
      <c r="A22254" s="6" t="s">
        <v>4151</v>
      </c>
      <c r="B22254" s="6"/>
      <c r="C22254" s="6" t="s">
        <v>22290</v>
      </c>
      <c r="D22254" s="6"/>
      <c r="E22254" s="6" t="s">
        <v>9</v>
      </c>
      <c r="F22254" s="7">
        <v>40879</v>
      </c>
      <c r="G22254" s="8">
        <v>1</v>
      </c>
      <c r="H22254" s="8">
        <v>1</v>
      </c>
      <c r="I22254" s="8">
        <v>0</v>
      </c>
      <c r="J22254" s="8">
        <v>1</v>
      </c>
      <c r="K22254" s="9">
        <v>120</v>
      </c>
      <c r="L22254" s="6" t="s">
        <v>4151</v>
      </c>
    </row>
    <row r="22255" spans="1:12">
      <c r="A22255" s="6" t="s">
        <v>4151</v>
      </c>
      <c r="B22255" s="6"/>
      <c r="C22255" s="6" t="s">
        <v>22291</v>
      </c>
      <c r="D22255" s="6"/>
      <c r="E22255" s="6" t="s">
        <v>9</v>
      </c>
      <c r="F22255" s="7">
        <v>40879</v>
      </c>
      <c r="G22255" s="8">
        <v>1</v>
      </c>
      <c r="H22255" s="8">
        <v>1</v>
      </c>
      <c r="I22255" s="8">
        <v>0</v>
      </c>
      <c r="J22255" s="8">
        <v>1</v>
      </c>
      <c r="K22255" s="9">
        <v>290</v>
      </c>
      <c r="L22255" s="6" t="s">
        <v>4151</v>
      </c>
    </row>
    <row r="22256" spans="1:12">
      <c r="A22256" s="6" t="s">
        <v>4151</v>
      </c>
      <c r="B22256" s="6"/>
      <c r="C22256" s="6" t="s">
        <v>22292</v>
      </c>
      <c r="D22256" s="6"/>
      <c r="E22256" s="6" t="s">
        <v>9</v>
      </c>
      <c r="F22256" s="7">
        <v>40879</v>
      </c>
      <c r="G22256" s="8">
        <v>1</v>
      </c>
      <c r="H22256" s="8">
        <v>1</v>
      </c>
      <c r="I22256" s="8">
        <v>0</v>
      </c>
      <c r="J22256" s="8">
        <v>1</v>
      </c>
      <c r="K22256" s="9">
        <v>172</v>
      </c>
      <c r="L22256" s="6" t="s">
        <v>4151</v>
      </c>
    </row>
    <row r="22257" spans="1:12">
      <c r="A22257" s="6" t="s">
        <v>4151</v>
      </c>
      <c r="B22257" s="6"/>
      <c r="C22257" s="6" t="s">
        <v>22293</v>
      </c>
      <c r="D22257" s="6"/>
      <c r="E22257" s="6" t="s">
        <v>9</v>
      </c>
      <c r="F22257" s="7">
        <v>40879</v>
      </c>
      <c r="G22257" s="8">
        <v>1</v>
      </c>
      <c r="H22257" s="8">
        <v>1</v>
      </c>
      <c r="I22257" s="8">
        <v>0</v>
      </c>
      <c r="J22257" s="8">
        <v>1</v>
      </c>
      <c r="K22257" s="9">
        <v>125</v>
      </c>
      <c r="L22257" s="6" t="s">
        <v>4151</v>
      </c>
    </row>
    <row r="22258" spans="1:12">
      <c r="A22258" s="6" t="s">
        <v>4151</v>
      </c>
      <c r="B22258" s="6"/>
      <c r="C22258" s="6" t="s">
        <v>22294</v>
      </c>
      <c r="D22258" s="6"/>
      <c r="E22258" s="6" t="s">
        <v>9</v>
      </c>
      <c r="F22258" s="7">
        <v>40879</v>
      </c>
      <c r="G22258" s="8">
        <v>1</v>
      </c>
      <c r="H22258" s="8">
        <v>1</v>
      </c>
      <c r="I22258" s="8">
        <v>0</v>
      </c>
      <c r="J22258" s="8">
        <v>1</v>
      </c>
      <c r="K22258" s="9">
        <v>112</v>
      </c>
      <c r="L22258" s="6" t="s">
        <v>4151</v>
      </c>
    </row>
    <row r="22259" spans="1:12">
      <c r="A22259" s="6" t="s">
        <v>4151</v>
      </c>
      <c r="B22259" s="6"/>
      <c r="C22259" s="6" t="s">
        <v>22295</v>
      </c>
      <c r="D22259" s="6"/>
      <c r="E22259" s="6" t="s">
        <v>9</v>
      </c>
      <c r="F22259" s="7">
        <v>38657</v>
      </c>
      <c r="G22259" s="8">
        <v>1</v>
      </c>
      <c r="H22259" s="8">
        <v>1</v>
      </c>
      <c r="I22259" s="8">
        <v>0</v>
      </c>
      <c r="J22259" s="8">
        <v>1</v>
      </c>
      <c r="K22259" s="9">
        <v>10</v>
      </c>
      <c r="L22259" s="6" t="s">
        <v>4151</v>
      </c>
    </row>
    <row r="22260" spans="1:12">
      <c r="A22260" s="6" t="s">
        <v>4151</v>
      </c>
      <c r="B22260" s="6"/>
      <c r="C22260" s="6" t="s">
        <v>22296</v>
      </c>
      <c r="D22260" s="6"/>
      <c r="E22260" s="6" t="s">
        <v>9</v>
      </c>
      <c r="F22260" s="7">
        <v>40879</v>
      </c>
      <c r="G22260" s="8">
        <v>1</v>
      </c>
      <c r="H22260" s="8">
        <v>1</v>
      </c>
      <c r="I22260" s="8">
        <v>0</v>
      </c>
      <c r="J22260" s="8">
        <v>1</v>
      </c>
      <c r="K22260" s="9">
        <v>220</v>
      </c>
      <c r="L22260" s="6" t="s">
        <v>4151</v>
      </c>
    </row>
    <row r="22261" spans="1:12">
      <c r="A22261" s="6" t="s">
        <v>4151</v>
      </c>
      <c r="B22261" s="6"/>
      <c r="C22261" s="6" t="s">
        <v>22297</v>
      </c>
      <c r="D22261" s="6"/>
      <c r="E22261" s="6" t="s">
        <v>9</v>
      </c>
      <c r="F22261" s="7">
        <v>40879</v>
      </c>
      <c r="G22261" s="8">
        <v>1</v>
      </c>
      <c r="H22261" s="8">
        <v>1</v>
      </c>
      <c r="I22261" s="8">
        <v>0</v>
      </c>
      <c r="J22261" s="8">
        <v>1</v>
      </c>
      <c r="K22261" s="9">
        <v>37</v>
      </c>
      <c r="L22261" s="6" t="s">
        <v>4151</v>
      </c>
    </row>
    <row r="22262" spans="1:12">
      <c r="A22262" s="6" t="s">
        <v>4151</v>
      </c>
      <c r="B22262" s="6"/>
      <c r="C22262" s="6" t="s">
        <v>22298</v>
      </c>
      <c r="D22262" s="6"/>
      <c r="E22262" s="6" t="s">
        <v>9</v>
      </c>
      <c r="F22262" s="7">
        <v>40879</v>
      </c>
      <c r="G22262" s="8">
        <v>1</v>
      </c>
      <c r="H22262" s="8">
        <v>1</v>
      </c>
      <c r="I22262" s="8">
        <v>0</v>
      </c>
      <c r="J22262" s="8">
        <v>1</v>
      </c>
      <c r="K22262" s="9">
        <v>135</v>
      </c>
      <c r="L22262" s="6" t="s">
        <v>4151</v>
      </c>
    </row>
    <row r="22263" spans="1:12">
      <c r="A22263" s="6" t="s">
        <v>4151</v>
      </c>
      <c r="B22263" s="6"/>
      <c r="C22263" s="6" t="s">
        <v>22299</v>
      </c>
      <c r="D22263" s="6"/>
      <c r="E22263" s="6" t="s">
        <v>9</v>
      </c>
      <c r="F22263" s="7">
        <v>40879</v>
      </c>
      <c r="G22263" s="8">
        <v>1</v>
      </c>
      <c r="H22263" s="8">
        <v>1</v>
      </c>
      <c r="I22263" s="8">
        <v>0</v>
      </c>
      <c r="J22263" s="8">
        <v>1</v>
      </c>
      <c r="K22263" s="9">
        <v>73</v>
      </c>
      <c r="L22263" s="6" t="s">
        <v>4151</v>
      </c>
    </row>
    <row r="22264" spans="1:12">
      <c r="A22264" s="6" t="s">
        <v>4151</v>
      </c>
      <c r="B22264" s="6"/>
      <c r="C22264" s="6" t="s">
        <v>22300</v>
      </c>
      <c r="D22264" s="6"/>
      <c r="E22264" s="6" t="s">
        <v>9</v>
      </c>
      <c r="F22264" s="7">
        <v>40879</v>
      </c>
      <c r="G22264" s="8">
        <v>1</v>
      </c>
      <c r="H22264" s="8">
        <v>1</v>
      </c>
      <c r="I22264" s="8">
        <v>0</v>
      </c>
      <c r="J22264" s="8">
        <v>1</v>
      </c>
      <c r="K22264" s="9">
        <v>31</v>
      </c>
      <c r="L22264" s="6" t="s">
        <v>4151</v>
      </c>
    </row>
    <row r="22265" spans="1:12">
      <c r="A22265" s="6" t="s">
        <v>4151</v>
      </c>
      <c r="B22265" s="6"/>
      <c r="C22265" s="6" t="s">
        <v>22301</v>
      </c>
      <c r="D22265" s="6"/>
      <c r="E22265" s="6" t="s">
        <v>9</v>
      </c>
      <c r="F22265" s="7">
        <v>40879</v>
      </c>
      <c r="G22265" s="8">
        <v>1</v>
      </c>
      <c r="H22265" s="8">
        <v>1</v>
      </c>
      <c r="I22265" s="8">
        <v>0</v>
      </c>
      <c r="J22265" s="8">
        <v>1</v>
      </c>
      <c r="K22265" s="9">
        <v>41</v>
      </c>
      <c r="L22265" s="6" t="s">
        <v>4151</v>
      </c>
    </row>
    <row r="22266" spans="1:12">
      <c r="A22266" s="6" t="s">
        <v>4151</v>
      </c>
      <c r="B22266" s="6"/>
      <c r="C22266" s="6" t="s">
        <v>22302</v>
      </c>
      <c r="D22266" s="6"/>
      <c r="E22266" s="6" t="s">
        <v>9</v>
      </c>
      <c r="F22266" s="7">
        <v>40879</v>
      </c>
      <c r="G22266" s="8">
        <v>1</v>
      </c>
      <c r="H22266" s="8">
        <v>1</v>
      </c>
      <c r="I22266" s="8">
        <v>0</v>
      </c>
      <c r="J22266" s="8">
        <v>1</v>
      </c>
      <c r="K22266" s="9">
        <v>108</v>
      </c>
      <c r="L22266" s="6" t="s">
        <v>4151</v>
      </c>
    </row>
    <row r="22267" spans="1:12">
      <c r="A22267" s="6" t="s">
        <v>4151</v>
      </c>
      <c r="B22267" s="6"/>
      <c r="C22267" s="6" t="s">
        <v>22303</v>
      </c>
      <c r="D22267" s="6"/>
      <c r="E22267" s="6" t="s">
        <v>9</v>
      </c>
      <c r="F22267" s="7">
        <v>40879</v>
      </c>
      <c r="G22267" s="8">
        <v>1</v>
      </c>
      <c r="H22267" s="8">
        <v>1</v>
      </c>
      <c r="I22267" s="8">
        <v>0</v>
      </c>
      <c r="J22267" s="8">
        <v>1</v>
      </c>
      <c r="K22267" s="9">
        <v>253</v>
      </c>
      <c r="L22267" s="6" t="s">
        <v>4151</v>
      </c>
    </row>
    <row r="22268" spans="1:12">
      <c r="A22268" s="6" t="s">
        <v>4151</v>
      </c>
      <c r="B22268" s="6"/>
      <c r="C22268" s="6" t="s">
        <v>22304</v>
      </c>
      <c r="D22268" s="6"/>
      <c r="E22268" s="6" t="s">
        <v>9</v>
      </c>
      <c r="F22268" s="7">
        <v>40879</v>
      </c>
      <c r="G22268" s="8">
        <v>1</v>
      </c>
      <c r="H22268" s="8">
        <v>1</v>
      </c>
      <c r="I22268" s="8">
        <v>0</v>
      </c>
      <c r="J22268" s="8">
        <v>1</v>
      </c>
      <c r="K22268" s="9">
        <v>23</v>
      </c>
      <c r="L22268" s="6" t="s">
        <v>4151</v>
      </c>
    </row>
    <row r="22269" spans="1:12">
      <c r="A22269" s="6" t="s">
        <v>4151</v>
      </c>
      <c r="B22269" s="6"/>
      <c r="C22269" s="6" t="s">
        <v>22305</v>
      </c>
      <c r="D22269" s="6"/>
      <c r="E22269" s="6" t="s">
        <v>9</v>
      </c>
      <c r="F22269" s="7">
        <v>40879</v>
      </c>
      <c r="G22269" s="8">
        <v>1</v>
      </c>
      <c r="H22269" s="8">
        <v>1</v>
      </c>
      <c r="I22269" s="8">
        <v>0</v>
      </c>
      <c r="J22269" s="8">
        <v>1</v>
      </c>
      <c r="K22269" s="9">
        <v>27</v>
      </c>
      <c r="L22269" s="6" t="s">
        <v>4151</v>
      </c>
    </row>
    <row r="22270" spans="1:12">
      <c r="A22270" s="6" t="s">
        <v>4151</v>
      </c>
      <c r="B22270" s="6"/>
      <c r="C22270" s="6" t="s">
        <v>22306</v>
      </c>
      <c r="D22270" s="6"/>
      <c r="E22270" s="6" t="s">
        <v>9</v>
      </c>
      <c r="F22270" s="7">
        <v>38657</v>
      </c>
      <c r="G22270" s="8">
        <v>1</v>
      </c>
      <c r="H22270" s="8">
        <v>1</v>
      </c>
      <c r="I22270" s="8">
        <v>0</v>
      </c>
      <c r="J22270" s="8">
        <v>1</v>
      </c>
      <c r="K22270" s="9">
        <v>13</v>
      </c>
      <c r="L22270" s="6" t="s">
        <v>4151</v>
      </c>
    </row>
    <row r="22271" spans="1:12">
      <c r="A22271" s="6" t="s">
        <v>4151</v>
      </c>
      <c r="B22271" s="6"/>
      <c r="C22271" s="6" t="s">
        <v>22307</v>
      </c>
      <c r="D22271" s="6"/>
      <c r="E22271" s="6" t="s">
        <v>9</v>
      </c>
      <c r="F22271" s="7">
        <v>40879</v>
      </c>
      <c r="G22271" s="8">
        <v>1</v>
      </c>
      <c r="H22271" s="8">
        <v>1</v>
      </c>
      <c r="I22271" s="8">
        <v>0</v>
      </c>
      <c r="J22271" s="8">
        <v>1</v>
      </c>
      <c r="K22271" s="9">
        <v>41</v>
      </c>
      <c r="L22271" s="6" t="s">
        <v>4151</v>
      </c>
    </row>
    <row r="22272" spans="1:12">
      <c r="A22272" s="6" t="s">
        <v>4151</v>
      </c>
      <c r="B22272" s="6"/>
      <c r="C22272" s="6" t="s">
        <v>22308</v>
      </c>
      <c r="D22272" s="6"/>
      <c r="E22272" s="6" t="s">
        <v>9</v>
      </c>
      <c r="F22272" s="7">
        <v>40879</v>
      </c>
      <c r="G22272" s="8">
        <v>1</v>
      </c>
      <c r="H22272" s="8">
        <v>1</v>
      </c>
      <c r="I22272" s="8">
        <v>0</v>
      </c>
      <c r="J22272" s="8">
        <v>1</v>
      </c>
      <c r="K22272" s="9">
        <v>41</v>
      </c>
      <c r="L22272" s="6" t="s">
        <v>4151</v>
      </c>
    </row>
    <row r="22273" spans="1:12">
      <c r="A22273" s="6" t="s">
        <v>4151</v>
      </c>
      <c r="B22273" s="6"/>
      <c r="C22273" s="6" t="s">
        <v>22309</v>
      </c>
      <c r="D22273" s="6"/>
      <c r="E22273" s="6" t="s">
        <v>9</v>
      </c>
      <c r="F22273" s="7">
        <v>40879</v>
      </c>
      <c r="G22273" s="8">
        <v>1</v>
      </c>
      <c r="H22273" s="8">
        <v>1</v>
      </c>
      <c r="I22273" s="8">
        <v>0</v>
      </c>
      <c r="J22273" s="8">
        <v>1</v>
      </c>
      <c r="K22273" s="9">
        <v>47</v>
      </c>
      <c r="L22273" s="6" t="s">
        <v>4151</v>
      </c>
    </row>
    <row r="22274" spans="1:12">
      <c r="A22274" s="6" t="s">
        <v>4151</v>
      </c>
      <c r="B22274" s="6"/>
      <c r="C22274" s="6" t="s">
        <v>22310</v>
      </c>
      <c r="D22274" s="6"/>
      <c r="E22274" s="6" t="s">
        <v>9</v>
      </c>
      <c r="F22274" s="7">
        <v>40879</v>
      </c>
      <c r="G22274" s="8">
        <v>1</v>
      </c>
      <c r="H22274" s="8">
        <v>1</v>
      </c>
      <c r="I22274" s="8">
        <v>0</v>
      </c>
      <c r="J22274" s="8">
        <v>1</v>
      </c>
      <c r="K22274" s="9">
        <v>270</v>
      </c>
      <c r="L22274" s="6" t="s">
        <v>4151</v>
      </c>
    </row>
    <row r="22275" spans="1:12">
      <c r="A22275" s="6" t="s">
        <v>4151</v>
      </c>
      <c r="B22275" s="6"/>
      <c r="C22275" s="6" t="s">
        <v>22311</v>
      </c>
      <c r="D22275" s="6"/>
      <c r="E22275" s="6" t="s">
        <v>9</v>
      </c>
      <c r="F22275" s="7">
        <v>40879</v>
      </c>
      <c r="G22275" s="8">
        <v>1</v>
      </c>
      <c r="H22275" s="8">
        <v>1</v>
      </c>
      <c r="I22275" s="8">
        <v>0</v>
      </c>
      <c r="J22275" s="8">
        <v>1</v>
      </c>
      <c r="K22275" s="9">
        <v>117</v>
      </c>
      <c r="L22275" s="6" t="s">
        <v>4151</v>
      </c>
    </row>
    <row r="22276" spans="1:12">
      <c r="A22276" s="6" t="s">
        <v>4151</v>
      </c>
      <c r="B22276" s="6"/>
      <c r="C22276" s="6" t="s">
        <v>22312</v>
      </c>
      <c r="D22276" s="6"/>
      <c r="E22276" s="6" t="s">
        <v>9</v>
      </c>
      <c r="F22276" s="7">
        <v>40879</v>
      </c>
      <c r="G22276" s="8">
        <v>1</v>
      </c>
      <c r="H22276" s="8">
        <v>1</v>
      </c>
      <c r="I22276" s="8">
        <v>0</v>
      </c>
      <c r="J22276" s="8">
        <v>1</v>
      </c>
      <c r="K22276" s="9">
        <v>89</v>
      </c>
      <c r="L22276" s="6" t="s">
        <v>4151</v>
      </c>
    </row>
    <row r="22277" spans="1:12">
      <c r="A22277" s="6" t="s">
        <v>4151</v>
      </c>
      <c r="B22277" s="6"/>
      <c r="C22277" s="6" t="s">
        <v>22313</v>
      </c>
      <c r="D22277" s="6"/>
      <c r="E22277" s="6" t="s">
        <v>9</v>
      </c>
      <c r="F22277" s="7">
        <v>40879</v>
      </c>
      <c r="G22277" s="8">
        <v>1</v>
      </c>
      <c r="H22277" s="8">
        <v>1</v>
      </c>
      <c r="I22277" s="8">
        <v>0</v>
      </c>
      <c r="J22277" s="8">
        <v>1</v>
      </c>
      <c r="K22277" s="9">
        <v>374</v>
      </c>
      <c r="L22277" s="6" t="s">
        <v>4151</v>
      </c>
    </row>
    <row r="22278" spans="1:12">
      <c r="A22278" s="6" t="s">
        <v>4151</v>
      </c>
      <c r="B22278" s="6"/>
      <c r="C22278" s="6" t="s">
        <v>22314</v>
      </c>
      <c r="D22278" s="6"/>
      <c r="E22278" s="6" t="s">
        <v>9</v>
      </c>
      <c r="F22278" s="7">
        <v>40879</v>
      </c>
      <c r="G22278" s="8">
        <v>1</v>
      </c>
      <c r="H22278" s="8">
        <v>1</v>
      </c>
      <c r="I22278" s="8">
        <v>0</v>
      </c>
      <c r="J22278" s="8">
        <v>1</v>
      </c>
      <c r="K22278" s="9">
        <v>261</v>
      </c>
      <c r="L22278" s="6" t="s">
        <v>4151</v>
      </c>
    </row>
    <row r="22279" spans="1:12">
      <c r="A22279" s="6" t="s">
        <v>4151</v>
      </c>
      <c r="B22279" s="6"/>
      <c r="C22279" s="6" t="s">
        <v>22315</v>
      </c>
      <c r="D22279" s="6"/>
      <c r="E22279" s="6" t="s">
        <v>9</v>
      </c>
      <c r="F22279" s="7">
        <v>40879</v>
      </c>
      <c r="G22279" s="8">
        <v>1</v>
      </c>
      <c r="H22279" s="8">
        <v>1</v>
      </c>
      <c r="I22279" s="8">
        <v>0</v>
      </c>
      <c r="J22279" s="8">
        <v>1</v>
      </c>
      <c r="K22279" s="9">
        <v>311</v>
      </c>
      <c r="L22279" s="6" t="s">
        <v>4151</v>
      </c>
    </row>
    <row r="22280" spans="1:12">
      <c r="A22280" s="6" t="s">
        <v>4151</v>
      </c>
      <c r="B22280" s="6"/>
      <c r="C22280" s="6" t="s">
        <v>22316</v>
      </c>
      <c r="D22280" s="6"/>
      <c r="E22280" s="6" t="s">
        <v>9</v>
      </c>
      <c r="F22280" s="7">
        <v>40879</v>
      </c>
      <c r="G22280" s="8">
        <v>1</v>
      </c>
      <c r="H22280" s="8">
        <v>1</v>
      </c>
      <c r="I22280" s="8">
        <v>0</v>
      </c>
      <c r="J22280" s="8">
        <v>1</v>
      </c>
      <c r="K22280" s="9">
        <v>484</v>
      </c>
      <c r="L22280" s="6" t="s">
        <v>4151</v>
      </c>
    </row>
    <row r="22281" spans="1:12">
      <c r="A22281" s="6" t="s">
        <v>4151</v>
      </c>
      <c r="B22281" s="6"/>
      <c r="C22281" s="6" t="s">
        <v>22317</v>
      </c>
      <c r="D22281" s="6"/>
      <c r="E22281" s="6" t="s">
        <v>9</v>
      </c>
      <c r="F22281" s="7">
        <v>38657</v>
      </c>
      <c r="G22281" s="8">
        <v>1</v>
      </c>
      <c r="H22281" s="8">
        <v>1</v>
      </c>
      <c r="I22281" s="8">
        <v>0</v>
      </c>
      <c r="J22281" s="8">
        <v>1</v>
      </c>
      <c r="K22281" s="9">
        <v>11</v>
      </c>
      <c r="L22281" s="6" t="s">
        <v>4151</v>
      </c>
    </row>
    <row r="22282" spans="1:12">
      <c r="A22282" s="6" t="s">
        <v>4151</v>
      </c>
      <c r="B22282" s="6"/>
      <c r="C22282" s="6" t="s">
        <v>22318</v>
      </c>
      <c r="D22282" s="6"/>
      <c r="E22282" s="6" t="s">
        <v>9</v>
      </c>
      <c r="F22282" s="7">
        <v>40879</v>
      </c>
      <c r="G22282" s="8">
        <v>1</v>
      </c>
      <c r="H22282" s="8">
        <v>1</v>
      </c>
      <c r="I22282" s="8">
        <v>0</v>
      </c>
      <c r="J22282" s="8">
        <v>1</v>
      </c>
      <c r="K22282" s="9">
        <v>214</v>
      </c>
      <c r="L22282" s="6" t="s">
        <v>4151</v>
      </c>
    </row>
    <row r="22283" spans="1:12">
      <c r="A22283" s="6" t="s">
        <v>4151</v>
      </c>
      <c r="B22283" s="6"/>
      <c r="C22283" s="6" t="s">
        <v>22319</v>
      </c>
      <c r="D22283" s="6"/>
      <c r="E22283" s="6" t="s">
        <v>9</v>
      </c>
      <c r="F22283" s="7">
        <v>40879</v>
      </c>
      <c r="G22283" s="8">
        <v>1</v>
      </c>
      <c r="H22283" s="8">
        <v>1</v>
      </c>
      <c r="I22283" s="8">
        <v>0</v>
      </c>
      <c r="J22283" s="8">
        <v>1</v>
      </c>
      <c r="K22283" s="9">
        <v>225</v>
      </c>
      <c r="L22283" s="6" t="s">
        <v>4151</v>
      </c>
    </row>
    <row r="22284" spans="1:12">
      <c r="A22284" s="6" t="s">
        <v>4151</v>
      </c>
      <c r="B22284" s="6"/>
      <c r="C22284" s="6" t="s">
        <v>22320</v>
      </c>
      <c r="D22284" s="6"/>
      <c r="E22284" s="6" t="s">
        <v>9</v>
      </c>
      <c r="F22284" s="7">
        <v>40879</v>
      </c>
      <c r="G22284" s="8">
        <v>1</v>
      </c>
      <c r="H22284" s="8">
        <v>1</v>
      </c>
      <c r="I22284" s="8">
        <v>0</v>
      </c>
      <c r="J22284" s="8">
        <v>1</v>
      </c>
      <c r="K22284" s="9">
        <v>173</v>
      </c>
      <c r="L22284" s="6" t="s">
        <v>4151</v>
      </c>
    </row>
    <row r="22285" spans="1:12">
      <c r="A22285" s="6" t="s">
        <v>4151</v>
      </c>
      <c r="B22285" s="6"/>
      <c r="C22285" s="6" t="s">
        <v>22321</v>
      </c>
      <c r="D22285" s="6"/>
      <c r="E22285" s="6" t="s">
        <v>9</v>
      </c>
      <c r="F22285" s="7">
        <v>40879</v>
      </c>
      <c r="G22285" s="8">
        <v>1</v>
      </c>
      <c r="H22285" s="8">
        <v>1</v>
      </c>
      <c r="I22285" s="8">
        <v>0</v>
      </c>
      <c r="J22285" s="8">
        <v>1</v>
      </c>
      <c r="K22285" s="9">
        <v>496</v>
      </c>
      <c r="L22285" s="6" t="s">
        <v>4151</v>
      </c>
    </row>
    <row r="22286" spans="1:12">
      <c r="A22286" s="6" t="s">
        <v>4151</v>
      </c>
      <c r="B22286" s="6"/>
      <c r="C22286" s="6" t="s">
        <v>22322</v>
      </c>
      <c r="D22286" s="6"/>
      <c r="E22286" s="6" t="s">
        <v>9</v>
      </c>
      <c r="F22286" s="7">
        <v>40879</v>
      </c>
      <c r="G22286" s="8">
        <v>1</v>
      </c>
      <c r="H22286" s="8">
        <v>1</v>
      </c>
      <c r="I22286" s="8">
        <v>0</v>
      </c>
      <c r="J22286" s="8">
        <v>1</v>
      </c>
      <c r="K22286" s="9">
        <v>194</v>
      </c>
      <c r="L22286" s="6" t="s">
        <v>4151</v>
      </c>
    </row>
    <row r="22287" spans="1:12">
      <c r="A22287" s="6" t="s">
        <v>4151</v>
      </c>
      <c r="B22287" s="6"/>
      <c r="C22287" s="6" t="s">
        <v>22323</v>
      </c>
      <c r="D22287" s="6"/>
      <c r="E22287" s="6" t="s">
        <v>9</v>
      </c>
      <c r="F22287" s="7">
        <v>40879</v>
      </c>
      <c r="G22287" s="8">
        <v>1</v>
      </c>
      <c r="H22287" s="8">
        <v>1</v>
      </c>
      <c r="I22287" s="8">
        <v>0</v>
      </c>
      <c r="J22287" s="8">
        <v>1</v>
      </c>
      <c r="K22287" s="9">
        <v>464</v>
      </c>
      <c r="L22287" s="6" t="s">
        <v>4151</v>
      </c>
    </row>
    <row r="22288" spans="1:12">
      <c r="A22288" s="6" t="s">
        <v>4151</v>
      </c>
      <c r="B22288" s="6"/>
      <c r="C22288" s="6" t="s">
        <v>22324</v>
      </c>
      <c r="D22288" s="6"/>
      <c r="E22288" s="6" t="s">
        <v>9</v>
      </c>
      <c r="F22288" s="7">
        <v>40879</v>
      </c>
      <c r="G22288" s="8">
        <v>1</v>
      </c>
      <c r="H22288" s="8">
        <v>1</v>
      </c>
      <c r="I22288" s="8">
        <v>0</v>
      </c>
      <c r="J22288" s="8">
        <v>1</v>
      </c>
      <c r="K22288" s="9">
        <v>132</v>
      </c>
      <c r="L22288" s="6" t="s">
        <v>4151</v>
      </c>
    </row>
    <row r="22289" spans="1:12">
      <c r="A22289" s="6" t="s">
        <v>4151</v>
      </c>
      <c r="B22289" s="6"/>
      <c r="C22289" s="6" t="s">
        <v>22325</v>
      </c>
      <c r="D22289" s="6"/>
      <c r="E22289" s="6" t="s">
        <v>9</v>
      </c>
      <c r="F22289" s="7">
        <v>40879</v>
      </c>
      <c r="G22289" s="8">
        <v>1</v>
      </c>
      <c r="H22289" s="8">
        <v>1</v>
      </c>
      <c r="I22289" s="8">
        <v>0</v>
      </c>
      <c r="J22289" s="8">
        <v>1</v>
      </c>
      <c r="K22289" s="9">
        <v>156</v>
      </c>
      <c r="L22289" s="6" t="s">
        <v>4151</v>
      </c>
    </row>
    <row r="22290" spans="1:12">
      <c r="A22290" s="6" t="s">
        <v>4151</v>
      </c>
      <c r="B22290" s="6"/>
      <c r="C22290" s="6" t="s">
        <v>22326</v>
      </c>
      <c r="D22290" s="6"/>
      <c r="E22290" s="6" t="s">
        <v>9</v>
      </c>
      <c r="F22290" s="7">
        <v>40879</v>
      </c>
      <c r="G22290" s="8">
        <v>1</v>
      </c>
      <c r="H22290" s="8">
        <v>1</v>
      </c>
      <c r="I22290" s="8">
        <v>0</v>
      </c>
      <c r="J22290" s="8">
        <v>1</v>
      </c>
      <c r="K22290" s="9">
        <v>63</v>
      </c>
      <c r="L22290" s="6" t="s">
        <v>4151</v>
      </c>
    </row>
    <row r="22291" spans="1:12">
      <c r="A22291" s="6" t="s">
        <v>4151</v>
      </c>
      <c r="B22291" s="6"/>
      <c r="C22291" s="6" t="s">
        <v>22327</v>
      </c>
      <c r="D22291" s="6"/>
      <c r="E22291" s="6" t="s">
        <v>9</v>
      </c>
      <c r="F22291" s="7">
        <v>40879</v>
      </c>
      <c r="G22291" s="8">
        <v>1</v>
      </c>
      <c r="H22291" s="8">
        <v>1</v>
      </c>
      <c r="I22291" s="8">
        <v>0</v>
      </c>
      <c r="J22291" s="8">
        <v>1</v>
      </c>
      <c r="K22291" s="9">
        <v>215</v>
      </c>
      <c r="L22291" s="6" t="s">
        <v>4151</v>
      </c>
    </row>
    <row r="22292" spans="1:12">
      <c r="A22292" s="6" t="s">
        <v>4151</v>
      </c>
      <c r="B22292" s="6"/>
      <c r="C22292" s="6" t="s">
        <v>22328</v>
      </c>
      <c r="D22292" s="6"/>
      <c r="E22292" s="6" t="s">
        <v>9</v>
      </c>
      <c r="F22292" s="7">
        <v>38657</v>
      </c>
      <c r="G22292" s="8">
        <v>688220</v>
      </c>
      <c r="H22292" s="8">
        <v>688220</v>
      </c>
      <c r="I22292" s="8">
        <v>0</v>
      </c>
      <c r="J22292" s="8">
        <v>688220</v>
      </c>
      <c r="K22292" s="9">
        <v>47</v>
      </c>
      <c r="L22292" s="6" t="s">
        <v>4151</v>
      </c>
    </row>
    <row r="22293" spans="1:12">
      <c r="A22293" s="6" t="s">
        <v>4151</v>
      </c>
      <c r="B22293" s="6"/>
      <c r="C22293" s="6" t="s">
        <v>22329</v>
      </c>
      <c r="D22293" s="6"/>
      <c r="E22293" s="6" t="s">
        <v>9</v>
      </c>
      <c r="F22293" s="7">
        <v>40879</v>
      </c>
      <c r="G22293" s="8">
        <v>1</v>
      </c>
      <c r="H22293" s="8">
        <v>1</v>
      </c>
      <c r="I22293" s="8">
        <v>0</v>
      </c>
      <c r="J22293" s="8">
        <v>1</v>
      </c>
      <c r="K22293" s="9">
        <v>199</v>
      </c>
      <c r="L22293" s="6" t="s">
        <v>4151</v>
      </c>
    </row>
    <row r="22294" spans="1:12">
      <c r="A22294" s="6" t="s">
        <v>4151</v>
      </c>
      <c r="B22294" s="6"/>
      <c r="C22294" s="6" t="s">
        <v>22330</v>
      </c>
      <c r="D22294" s="6"/>
      <c r="E22294" s="6" t="s">
        <v>9</v>
      </c>
      <c r="F22294" s="7">
        <v>40879</v>
      </c>
      <c r="G22294" s="8">
        <v>1</v>
      </c>
      <c r="H22294" s="8">
        <v>1</v>
      </c>
      <c r="I22294" s="8">
        <v>0</v>
      </c>
      <c r="J22294" s="8">
        <v>1</v>
      </c>
      <c r="K22294" s="9">
        <v>40</v>
      </c>
      <c r="L22294" s="6" t="s">
        <v>4151</v>
      </c>
    </row>
    <row r="22295" spans="1:12">
      <c r="A22295" s="6" t="s">
        <v>4151</v>
      </c>
      <c r="B22295" s="6"/>
      <c r="C22295" s="6" t="s">
        <v>22331</v>
      </c>
      <c r="D22295" s="6"/>
      <c r="E22295" s="6" t="s">
        <v>9</v>
      </c>
      <c r="F22295" s="7">
        <v>40879</v>
      </c>
      <c r="G22295" s="8">
        <v>1</v>
      </c>
      <c r="H22295" s="8">
        <v>1</v>
      </c>
      <c r="I22295" s="8">
        <v>0</v>
      </c>
      <c r="J22295" s="8">
        <v>1</v>
      </c>
      <c r="K22295" s="9">
        <v>37</v>
      </c>
      <c r="L22295" s="6" t="s">
        <v>4151</v>
      </c>
    </row>
    <row r="22296" spans="1:12">
      <c r="A22296" s="6" t="s">
        <v>4151</v>
      </c>
      <c r="B22296" s="6"/>
      <c r="C22296" s="6" t="s">
        <v>22332</v>
      </c>
      <c r="D22296" s="6"/>
      <c r="E22296" s="6" t="s">
        <v>9</v>
      </c>
      <c r="F22296" s="7">
        <v>40879</v>
      </c>
      <c r="G22296" s="8">
        <v>1</v>
      </c>
      <c r="H22296" s="8">
        <v>1</v>
      </c>
      <c r="I22296" s="8">
        <v>0</v>
      </c>
      <c r="J22296" s="8">
        <v>1</v>
      </c>
      <c r="K22296" s="9">
        <v>223</v>
      </c>
      <c r="L22296" s="6" t="s">
        <v>4151</v>
      </c>
    </row>
    <row r="22297" spans="1:12">
      <c r="A22297" s="6" t="s">
        <v>4151</v>
      </c>
      <c r="B22297" s="6"/>
      <c r="C22297" s="6" t="s">
        <v>22333</v>
      </c>
      <c r="D22297" s="6"/>
      <c r="E22297" s="6" t="s">
        <v>9</v>
      </c>
      <c r="F22297" s="7">
        <v>40879</v>
      </c>
      <c r="G22297" s="8">
        <v>1</v>
      </c>
      <c r="H22297" s="8">
        <v>1</v>
      </c>
      <c r="I22297" s="8">
        <v>0</v>
      </c>
      <c r="J22297" s="8">
        <v>1</v>
      </c>
      <c r="K22297" s="9">
        <v>207</v>
      </c>
      <c r="L22297" s="6" t="s">
        <v>4151</v>
      </c>
    </row>
    <row r="22298" spans="1:12">
      <c r="A22298" s="6" t="s">
        <v>4151</v>
      </c>
      <c r="B22298" s="6"/>
      <c r="C22298" s="6" t="s">
        <v>22334</v>
      </c>
      <c r="D22298" s="6"/>
      <c r="E22298" s="6" t="s">
        <v>9</v>
      </c>
      <c r="F22298" s="7">
        <v>40879</v>
      </c>
      <c r="G22298" s="8">
        <v>1</v>
      </c>
      <c r="H22298" s="8">
        <v>1</v>
      </c>
      <c r="I22298" s="8">
        <v>0</v>
      </c>
      <c r="J22298" s="8">
        <v>1</v>
      </c>
      <c r="K22298" s="9">
        <v>1208</v>
      </c>
      <c r="L22298" s="6" t="s">
        <v>4151</v>
      </c>
    </row>
    <row r="22299" spans="1:12">
      <c r="A22299" s="6" t="s">
        <v>4151</v>
      </c>
      <c r="B22299" s="6"/>
      <c r="C22299" s="6" t="s">
        <v>22335</v>
      </c>
      <c r="D22299" s="6"/>
      <c r="E22299" s="6" t="s">
        <v>9</v>
      </c>
      <c r="F22299" s="7">
        <v>40879</v>
      </c>
      <c r="G22299" s="8">
        <v>1</v>
      </c>
      <c r="H22299" s="8">
        <v>1</v>
      </c>
      <c r="I22299" s="8">
        <v>0</v>
      </c>
      <c r="J22299" s="8">
        <v>1</v>
      </c>
      <c r="K22299" s="9">
        <v>1271</v>
      </c>
      <c r="L22299" s="6" t="s">
        <v>4151</v>
      </c>
    </row>
    <row r="22300" spans="1:12">
      <c r="A22300" s="6" t="s">
        <v>4151</v>
      </c>
      <c r="B22300" s="6"/>
      <c r="C22300" s="6" t="s">
        <v>22336</v>
      </c>
      <c r="D22300" s="6"/>
      <c r="E22300" s="6" t="s">
        <v>9</v>
      </c>
      <c r="F22300" s="7">
        <v>40879</v>
      </c>
      <c r="G22300" s="8">
        <v>1</v>
      </c>
      <c r="H22300" s="8">
        <v>1</v>
      </c>
      <c r="I22300" s="8">
        <v>0</v>
      </c>
      <c r="J22300" s="8">
        <v>1</v>
      </c>
      <c r="K22300" s="9">
        <v>194</v>
      </c>
      <c r="L22300" s="6" t="s">
        <v>4151</v>
      </c>
    </row>
    <row r="22301" spans="1:12">
      <c r="A22301" s="6" t="s">
        <v>4151</v>
      </c>
      <c r="B22301" s="6"/>
      <c r="C22301" s="6" t="s">
        <v>22337</v>
      </c>
      <c r="D22301" s="6"/>
      <c r="E22301" s="6" t="s">
        <v>9</v>
      </c>
      <c r="F22301" s="7">
        <v>40879</v>
      </c>
      <c r="G22301" s="8">
        <v>1</v>
      </c>
      <c r="H22301" s="8">
        <v>1</v>
      </c>
      <c r="I22301" s="8">
        <v>0</v>
      </c>
      <c r="J22301" s="8">
        <v>1</v>
      </c>
      <c r="K22301" s="9">
        <v>150</v>
      </c>
      <c r="L22301" s="6" t="s">
        <v>4151</v>
      </c>
    </row>
    <row r="22302" spans="1:12">
      <c r="A22302" s="6" t="s">
        <v>4151</v>
      </c>
      <c r="B22302" s="6"/>
      <c r="C22302" s="6" t="s">
        <v>22338</v>
      </c>
      <c r="D22302" s="6"/>
      <c r="E22302" s="6" t="s">
        <v>9</v>
      </c>
      <c r="F22302" s="7">
        <v>38657</v>
      </c>
      <c r="G22302" s="8">
        <v>688220</v>
      </c>
      <c r="H22302" s="8">
        <v>688220</v>
      </c>
      <c r="I22302" s="8">
        <v>0</v>
      </c>
      <c r="J22302" s="8">
        <v>688220</v>
      </c>
      <c r="K22302" s="9">
        <v>47</v>
      </c>
      <c r="L22302" s="6" t="s">
        <v>4151</v>
      </c>
    </row>
    <row r="22303" spans="1:12">
      <c r="A22303" s="6" t="s">
        <v>4151</v>
      </c>
      <c r="B22303" s="6"/>
      <c r="C22303" s="6" t="s">
        <v>22339</v>
      </c>
      <c r="D22303" s="6"/>
      <c r="E22303" s="6" t="s">
        <v>9</v>
      </c>
      <c r="F22303" s="7">
        <v>38657</v>
      </c>
      <c r="G22303" s="8">
        <v>1</v>
      </c>
      <c r="H22303" s="8">
        <v>1</v>
      </c>
      <c r="I22303" s="8">
        <v>0</v>
      </c>
      <c r="J22303" s="8">
        <v>1</v>
      </c>
      <c r="K22303" s="9">
        <v>4.04</v>
      </c>
      <c r="L22303" s="6" t="s">
        <v>4151</v>
      </c>
    </row>
    <row r="22304" spans="1:12">
      <c r="A22304" s="6" t="s">
        <v>4151</v>
      </c>
      <c r="B22304" s="6"/>
      <c r="C22304" s="6" t="s">
        <v>22340</v>
      </c>
      <c r="D22304" s="6"/>
      <c r="E22304" s="6" t="s">
        <v>9</v>
      </c>
      <c r="F22304" s="7">
        <v>38657</v>
      </c>
      <c r="G22304" s="8">
        <v>1</v>
      </c>
      <c r="H22304" s="8">
        <v>1</v>
      </c>
      <c r="I22304" s="8">
        <v>0</v>
      </c>
      <c r="J22304" s="8">
        <v>1</v>
      </c>
      <c r="K22304" s="9">
        <v>1.45</v>
      </c>
      <c r="L22304" s="6" t="s">
        <v>4151</v>
      </c>
    </row>
    <row r="22305" spans="1:12">
      <c r="A22305" s="6" t="s">
        <v>4151</v>
      </c>
      <c r="B22305" s="6"/>
      <c r="C22305" s="6" t="s">
        <v>22341</v>
      </c>
      <c r="D22305" s="6"/>
      <c r="E22305" s="6" t="s">
        <v>9</v>
      </c>
      <c r="F22305" s="7">
        <v>38657</v>
      </c>
      <c r="G22305" s="8">
        <v>1</v>
      </c>
      <c r="H22305" s="8">
        <v>1</v>
      </c>
      <c r="I22305" s="8">
        <v>0</v>
      </c>
      <c r="J22305" s="8">
        <v>1</v>
      </c>
      <c r="K22305" s="9">
        <v>15</v>
      </c>
      <c r="L22305" s="6" t="s">
        <v>4151</v>
      </c>
    </row>
    <row r="22306" spans="1:12">
      <c r="A22306" s="6" t="s">
        <v>4151</v>
      </c>
      <c r="B22306" s="6"/>
      <c r="C22306" s="6" t="s">
        <v>22342</v>
      </c>
      <c r="D22306" s="6"/>
      <c r="E22306" s="6" t="s">
        <v>9</v>
      </c>
      <c r="F22306" s="7">
        <v>38657</v>
      </c>
      <c r="G22306" s="8">
        <v>688220</v>
      </c>
      <c r="H22306" s="8">
        <v>688220</v>
      </c>
      <c r="I22306" s="8">
        <v>0</v>
      </c>
      <c r="J22306" s="8">
        <v>688220</v>
      </c>
      <c r="K22306" s="9">
        <v>47</v>
      </c>
      <c r="L22306" s="6" t="s">
        <v>4151</v>
      </c>
    </row>
    <row r="22307" spans="1:12">
      <c r="A22307" s="6" t="s">
        <v>4151</v>
      </c>
      <c r="B22307" s="6"/>
      <c r="C22307" s="6" t="s">
        <v>22343</v>
      </c>
      <c r="D22307" s="6"/>
      <c r="E22307" s="6" t="s">
        <v>9</v>
      </c>
      <c r="F22307" s="7">
        <v>38657</v>
      </c>
      <c r="G22307" s="8">
        <v>1</v>
      </c>
      <c r="H22307" s="8">
        <v>1</v>
      </c>
      <c r="I22307" s="8">
        <v>0</v>
      </c>
      <c r="J22307" s="8">
        <v>1</v>
      </c>
      <c r="K22307" s="9">
        <v>88</v>
      </c>
      <c r="L22307" s="6" t="s">
        <v>4151</v>
      </c>
    </row>
    <row r="22308" spans="1:12">
      <c r="A22308" s="6" t="s">
        <v>4151</v>
      </c>
      <c r="B22308" s="6"/>
      <c r="C22308" s="6" t="s">
        <v>22344</v>
      </c>
      <c r="D22308" s="6"/>
      <c r="E22308" s="6" t="s">
        <v>9</v>
      </c>
      <c r="F22308" s="7">
        <v>38657</v>
      </c>
      <c r="G22308" s="8">
        <v>1</v>
      </c>
      <c r="H22308" s="8">
        <v>1</v>
      </c>
      <c r="I22308" s="8">
        <v>0</v>
      </c>
      <c r="J22308" s="8">
        <v>1</v>
      </c>
      <c r="K22308" s="9">
        <v>56</v>
      </c>
      <c r="L22308" s="6" t="s">
        <v>4151</v>
      </c>
    </row>
    <row r="22309" spans="1:12">
      <c r="A22309" s="6" t="s">
        <v>4151</v>
      </c>
      <c r="B22309" s="6"/>
      <c r="C22309" s="6" t="s">
        <v>22345</v>
      </c>
      <c r="D22309" s="6"/>
      <c r="E22309" s="6" t="s">
        <v>9</v>
      </c>
      <c r="F22309" s="7">
        <v>38657</v>
      </c>
      <c r="G22309" s="8">
        <v>1</v>
      </c>
      <c r="H22309" s="8">
        <v>1</v>
      </c>
      <c r="I22309" s="8">
        <v>0</v>
      </c>
      <c r="J22309" s="8">
        <v>1</v>
      </c>
      <c r="K22309" s="9">
        <v>99</v>
      </c>
      <c r="L22309" s="6" t="s">
        <v>4151</v>
      </c>
    </row>
    <row r="22310" spans="1:12">
      <c r="A22310" s="6" t="s">
        <v>4151</v>
      </c>
      <c r="B22310" s="6"/>
      <c r="C22310" s="6" t="s">
        <v>22346</v>
      </c>
      <c r="D22310" s="6"/>
      <c r="E22310" s="6" t="s">
        <v>9</v>
      </c>
      <c r="F22310" s="7">
        <v>38657</v>
      </c>
      <c r="G22310" s="8">
        <v>1</v>
      </c>
      <c r="H22310" s="8">
        <v>1</v>
      </c>
      <c r="I22310" s="8">
        <v>0</v>
      </c>
      <c r="J22310" s="8">
        <v>1</v>
      </c>
      <c r="K22310" s="9">
        <v>1.46</v>
      </c>
      <c r="L22310" s="6" t="s">
        <v>4151</v>
      </c>
    </row>
    <row r="22311" spans="1:12">
      <c r="A22311" s="6" t="s">
        <v>4151</v>
      </c>
      <c r="B22311" s="6"/>
      <c r="C22311" s="6" t="s">
        <v>22347</v>
      </c>
      <c r="D22311" s="6"/>
      <c r="E22311" s="6" t="s">
        <v>9</v>
      </c>
      <c r="F22311" s="7">
        <v>38657</v>
      </c>
      <c r="G22311" s="8">
        <v>1</v>
      </c>
      <c r="H22311" s="8">
        <v>1</v>
      </c>
      <c r="I22311" s="8">
        <v>0</v>
      </c>
      <c r="J22311" s="8">
        <v>1</v>
      </c>
      <c r="K22311" s="9">
        <v>115</v>
      </c>
      <c r="L22311" s="6" t="s">
        <v>4151</v>
      </c>
    </row>
    <row r="22312" spans="1:12">
      <c r="A22312" s="6" t="s">
        <v>4151</v>
      </c>
      <c r="B22312" s="6"/>
      <c r="C22312" s="6" t="s">
        <v>22348</v>
      </c>
      <c r="D22312" s="6"/>
      <c r="E22312" s="6" t="s">
        <v>9</v>
      </c>
      <c r="F22312" s="7">
        <v>38657</v>
      </c>
      <c r="G22312" s="8">
        <v>1</v>
      </c>
      <c r="H22312" s="8">
        <v>1</v>
      </c>
      <c r="I22312" s="8">
        <v>0</v>
      </c>
      <c r="J22312" s="8">
        <v>1</v>
      </c>
      <c r="K22312" s="9">
        <v>38</v>
      </c>
      <c r="L22312" s="6" t="s">
        <v>4151</v>
      </c>
    </row>
    <row r="22313" spans="1:12">
      <c r="A22313" s="6" t="s">
        <v>4151</v>
      </c>
      <c r="B22313" s="6"/>
      <c r="C22313" s="6" t="s">
        <v>22349</v>
      </c>
      <c r="D22313" s="6"/>
      <c r="E22313" s="6" t="s">
        <v>9</v>
      </c>
      <c r="F22313" s="7">
        <v>38657</v>
      </c>
      <c r="G22313" s="8">
        <v>1</v>
      </c>
      <c r="H22313" s="8">
        <v>1</v>
      </c>
      <c r="I22313" s="8">
        <v>0</v>
      </c>
      <c r="J22313" s="8">
        <v>1</v>
      </c>
      <c r="K22313" s="9">
        <v>19</v>
      </c>
      <c r="L22313" s="6" t="s">
        <v>4151</v>
      </c>
    </row>
    <row r="22314" spans="1:12">
      <c r="A22314" s="6" t="s">
        <v>4151</v>
      </c>
      <c r="B22314" s="6"/>
      <c r="C22314" s="6" t="s">
        <v>22350</v>
      </c>
      <c r="D22314" s="6"/>
      <c r="E22314" s="6" t="s">
        <v>9</v>
      </c>
      <c r="F22314" s="7">
        <v>38657</v>
      </c>
      <c r="G22314" s="8">
        <v>1</v>
      </c>
      <c r="H22314" s="8">
        <v>1</v>
      </c>
      <c r="I22314" s="8">
        <v>0</v>
      </c>
      <c r="J22314" s="8">
        <v>1</v>
      </c>
      <c r="K22314" s="9">
        <v>49</v>
      </c>
      <c r="L22314" s="6" t="s">
        <v>4151</v>
      </c>
    </row>
    <row r="22315" spans="1:12">
      <c r="A22315" s="6" t="s">
        <v>4151</v>
      </c>
      <c r="B22315" s="6"/>
      <c r="C22315" s="6" t="s">
        <v>22351</v>
      </c>
      <c r="D22315" s="6"/>
      <c r="E22315" s="6" t="s">
        <v>9</v>
      </c>
      <c r="F22315" s="7">
        <v>38657</v>
      </c>
      <c r="G22315" s="8">
        <v>1</v>
      </c>
      <c r="H22315" s="8">
        <v>1</v>
      </c>
      <c r="I22315" s="8">
        <v>0</v>
      </c>
      <c r="J22315" s="8">
        <v>1</v>
      </c>
      <c r="K22315" s="9">
        <v>154</v>
      </c>
      <c r="L22315" s="6" t="s">
        <v>4151</v>
      </c>
    </row>
    <row r="22316" spans="1:12">
      <c r="A22316" s="6" t="s">
        <v>4151</v>
      </c>
      <c r="B22316" s="6"/>
      <c r="C22316" s="6" t="s">
        <v>22352</v>
      </c>
      <c r="D22316" s="6"/>
      <c r="E22316" s="6" t="s">
        <v>9</v>
      </c>
      <c r="F22316" s="7">
        <v>38657</v>
      </c>
      <c r="G22316" s="8">
        <v>1</v>
      </c>
      <c r="H22316" s="8">
        <v>1</v>
      </c>
      <c r="I22316" s="8">
        <v>0</v>
      </c>
      <c r="J22316" s="8">
        <v>1</v>
      </c>
      <c r="K22316" s="9">
        <v>108</v>
      </c>
      <c r="L22316" s="6" t="s">
        <v>4151</v>
      </c>
    </row>
    <row r="22317" spans="1:12">
      <c r="A22317" s="6" t="s">
        <v>4151</v>
      </c>
      <c r="B22317" s="6"/>
      <c r="C22317" s="6" t="s">
        <v>22353</v>
      </c>
      <c r="D22317" s="6"/>
      <c r="E22317" s="6" t="s">
        <v>9</v>
      </c>
      <c r="F22317" s="7">
        <v>38657</v>
      </c>
      <c r="G22317" s="8">
        <v>1</v>
      </c>
      <c r="H22317" s="8">
        <v>1</v>
      </c>
      <c r="I22317" s="8">
        <v>0</v>
      </c>
      <c r="J22317" s="8">
        <v>1</v>
      </c>
      <c r="K22317" s="9">
        <v>69</v>
      </c>
      <c r="L22317" s="6" t="s">
        <v>4151</v>
      </c>
    </row>
    <row r="22318" spans="1:12">
      <c r="A22318" s="6" t="s">
        <v>4151</v>
      </c>
      <c r="B22318" s="6"/>
      <c r="C22318" s="6" t="s">
        <v>22354</v>
      </c>
      <c r="D22318" s="6"/>
      <c r="E22318" s="6" t="s">
        <v>9</v>
      </c>
      <c r="F22318" s="7">
        <v>38657</v>
      </c>
      <c r="G22318" s="8">
        <v>1</v>
      </c>
      <c r="H22318" s="8">
        <v>1</v>
      </c>
      <c r="I22318" s="8">
        <v>0</v>
      </c>
      <c r="J22318" s="8">
        <v>1</v>
      </c>
      <c r="K22318" s="9">
        <v>134</v>
      </c>
      <c r="L22318" s="6" t="s">
        <v>4151</v>
      </c>
    </row>
    <row r="22319" spans="1:12">
      <c r="A22319" s="6" t="s">
        <v>4151</v>
      </c>
      <c r="B22319" s="6"/>
      <c r="C22319" s="6" t="s">
        <v>22355</v>
      </c>
      <c r="D22319" s="6"/>
      <c r="E22319" s="6" t="s">
        <v>9</v>
      </c>
      <c r="F22319" s="7">
        <v>38657</v>
      </c>
      <c r="G22319" s="8">
        <v>1</v>
      </c>
      <c r="H22319" s="8">
        <v>1</v>
      </c>
      <c r="I22319" s="8">
        <v>0</v>
      </c>
      <c r="J22319" s="8">
        <v>1</v>
      </c>
      <c r="K22319" s="9">
        <v>143</v>
      </c>
      <c r="L22319" s="6" t="s">
        <v>4151</v>
      </c>
    </row>
    <row r="22320" spans="1:12">
      <c r="A22320" s="6" t="s">
        <v>4151</v>
      </c>
      <c r="B22320" s="6"/>
      <c r="C22320" s="6" t="s">
        <v>22356</v>
      </c>
      <c r="D22320" s="6"/>
      <c r="E22320" s="6" t="s">
        <v>9</v>
      </c>
      <c r="F22320" s="7">
        <v>38657</v>
      </c>
      <c r="G22320" s="8">
        <v>1</v>
      </c>
      <c r="H22320" s="8">
        <v>1</v>
      </c>
      <c r="I22320" s="8">
        <v>0</v>
      </c>
      <c r="J22320" s="8">
        <v>1</v>
      </c>
      <c r="K22320" s="9">
        <v>6.18</v>
      </c>
      <c r="L22320" s="6" t="s">
        <v>4151</v>
      </c>
    </row>
    <row r="22321" spans="1:12">
      <c r="A22321" s="6" t="s">
        <v>4151</v>
      </c>
      <c r="B22321" s="6"/>
      <c r="C22321" s="6" t="s">
        <v>22357</v>
      </c>
      <c r="D22321" s="6"/>
      <c r="E22321" s="6" t="s">
        <v>9</v>
      </c>
      <c r="F22321" s="7">
        <v>38657</v>
      </c>
      <c r="G22321" s="8">
        <v>1</v>
      </c>
      <c r="H22321" s="8">
        <v>1</v>
      </c>
      <c r="I22321" s="8">
        <v>0</v>
      </c>
      <c r="J22321" s="8">
        <v>1</v>
      </c>
      <c r="K22321" s="9">
        <v>23</v>
      </c>
      <c r="L22321" s="6" t="s">
        <v>4151</v>
      </c>
    </row>
    <row r="22322" spans="1:12">
      <c r="A22322" s="6" t="s">
        <v>4151</v>
      </c>
      <c r="B22322" s="6"/>
      <c r="C22322" s="6" t="s">
        <v>22358</v>
      </c>
      <c r="D22322" s="6"/>
      <c r="E22322" s="6" t="s">
        <v>9</v>
      </c>
      <c r="F22322" s="7">
        <v>38657</v>
      </c>
      <c r="G22322" s="8">
        <v>1</v>
      </c>
      <c r="H22322" s="8">
        <v>1</v>
      </c>
      <c r="I22322" s="8">
        <v>0</v>
      </c>
      <c r="J22322" s="8">
        <v>1</v>
      </c>
      <c r="K22322" s="9">
        <v>11</v>
      </c>
      <c r="L22322" s="6" t="s">
        <v>4151</v>
      </c>
    </row>
    <row r="22323" spans="1:12">
      <c r="A22323" s="6" t="s">
        <v>4151</v>
      </c>
      <c r="B22323" s="6"/>
      <c r="C22323" s="6" t="s">
        <v>22359</v>
      </c>
      <c r="D22323" s="6"/>
      <c r="E22323" s="6" t="s">
        <v>9</v>
      </c>
      <c r="F22323" s="7">
        <v>38657</v>
      </c>
      <c r="G22323" s="8">
        <v>1</v>
      </c>
      <c r="H22323" s="8">
        <v>1</v>
      </c>
      <c r="I22323" s="8">
        <v>0</v>
      </c>
      <c r="J22323" s="8">
        <v>1</v>
      </c>
      <c r="K22323" s="9">
        <v>7.81</v>
      </c>
      <c r="L22323" s="6" t="s">
        <v>4151</v>
      </c>
    </row>
    <row r="22324" spans="1:12">
      <c r="A22324" s="6" t="s">
        <v>4151</v>
      </c>
      <c r="B22324" s="6"/>
      <c r="C22324" s="6" t="s">
        <v>22360</v>
      </c>
      <c r="D22324" s="6"/>
      <c r="E22324" s="6" t="s">
        <v>9</v>
      </c>
      <c r="F22324" s="7">
        <v>38657</v>
      </c>
      <c r="G22324" s="8">
        <v>1</v>
      </c>
      <c r="H22324" s="8">
        <v>1</v>
      </c>
      <c r="I22324" s="8">
        <v>0</v>
      </c>
      <c r="J22324" s="8">
        <v>1</v>
      </c>
      <c r="K22324" s="9">
        <v>15.45</v>
      </c>
      <c r="L22324" s="6" t="s">
        <v>4151</v>
      </c>
    </row>
    <row r="22325" spans="1:12">
      <c r="A22325" s="6" t="s">
        <v>4151</v>
      </c>
      <c r="B22325" s="6"/>
      <c r="C22325" s="6" t="s">
        <v>22361</v>
      </c>
      <c r="D22325" s="6"/>
      <c r="E22325" s="6" t="s">
        <v>9</v>
      </c>
      <c r="F22325" s="7">
        <v>38657</v>
      </c>
      <c r="G22325" s="8">
        <v>1</v>
      </c>
      <c r="H22325" s="8">
        <v>1</v>
      </c>
      <c r="I22325" s="8">
        <v>0</v>
      </c>
      <c r="J22325" s="8">
        <v>1</v>
      </c>
      <c r="K22325" s="9">
        <v>12.2</v>
      </c>
      <c r="L22325" s="6" t="s">
        <v>4151</v>
      </c>
    </row>
    <row r="22326" spans="1:12">
      <c r="A22326" s="6" t="s">
        <v>4151</v>
      </c>
      <c r="B22326" s="6"/>
      <c r="C22326" s="6" t="s">
        <v>22362</v>
      </c>
      <c r="D22326" s="6"/>
      <c r="E22326" s="6" t="s">
        <v>9</v>
      </c>
      <c r="F22326" s="7">
        <v>38657</v>
      </c>
      <c r="G22326" s="8">
        <v>1</v>
      </c>
      <c r="H22326" s="8">
        <v>1</v>
      </c>
      <c r="I22326" s="8">
        <v>0</v>
      </c>
      <c r="J22326" s="8">
        <v>1</v>
      </c>
      <c r="K22326" s="9">
        <v>12</v>
      </c>
      <c r="L22326" s="6" t="s">
        <v>4151</v>
      </c>
    </row>
    <row r="22327" spans="1:12">
      <c r="A22327" s="6" t="s">
        <v>4151</v>
      </c>
      <c r="B22327" s="6"/>
      <c r="C22327" s="6" t="s">
        <v>22363</v>
      </c>
      <c r="D22327" s="6"/>
      <c r="E22327" s="6" t="s">
        <v>9</v>
      </c>
      <c r="F22327" s="7">
        <v>38657</v>
      </c>
      <c r="G22327" s="8">
        <v>1</v>
      </c>
      <c r="H22327" s="8">
        <v>1</v>
      </c>
      <c r="I22327" s="8">
        <v>0</v>
      </c>
      <c r="J22327" s="8">
        <v>1</v>
      </c>
      <c r="K22327" s="9">
        <v>25</v>
      </c>
      <c r="L22327" s="6" t="s">
        <v>4151</v>
      </c>
    </row>
    <row r="22328" spans="1:12">
      <c r="A22328" s="6" t="s">
        <v>4151</v>
      </c>
      <c r="B22328" s="6"/>
      <c r="C22328" s="6" t="s">
        <v>22364</v>
      </c>
      <c r="D22328" s="6"/>
      <c r="E22328" s="6" t="s">
        <v>9</v>
      </c>
      <c r="F22328" s="7">
        <v>38657</v>
      </c>
      <c r="G22328" s="8">
        <v>1</v>
      </c>
      <c r="H22328" s="8">
        <v>1</v>
      </c>
      <c r="I22328" s="8">
        <v>0</v>
      </c>
      <c r="J22328" s="8">
        <v>1</v>
      </c>
      <c r="K22328" s="9">
        <v>14</v>
      </c>
      <c r="L22328" s="6" t="s">
        <v>4151</v>
      </c>
    </row>
    <row r="22329" spans="1:12">
      <c r="A22329" s="6" t="s">
        <v>4151</v>
      </c>
      <c r="B22329" s="6"/>
      <c r="C22329" s="6" t="s">
        <v>22365</v>
      </c>
      <c r="D22329" s="6"/>
      <c r="E22329" s="6" t="s">
        <v>9</v>
      </c>
      <c r="F22329" s="7">
        <v>38657</v>
      </c>
      <c r="G22329" s="8">
        <v>1</v>
      </c>
      <c r="H22329" s="8">
        <v>1</v>
      </c>
      <c r="I22329" s="8">
        <v>0</v>
      </c>
      <c r="J22329" s="8">
        <v>1</v>
      </c>
      <c r="K22329" s="9">
        <v>19</v>
      </c>
      <c r="L22329" s="6" t="s">
        <v>4151</v>
      </c>
    </row>
    <row r="22330" spans="1:12">
      <c r="A22330" s="6" t="s">
        <v>4151</v>
      </c>
      <c r="B22330" s="6"/>
      <c r="C22330" s="6" t="s">
        <v>22366</v>
      </c>
      <c r="D22330" s="6"/>
      <c r="E22330" s="6" t="s">
        <v>9</v>
      </c>
      <c r="F22330" s="7">
        <v>38657</v>
      </c>
      <c r="G22330" s="8">
        <v>1</v>
      </c>
      <c r="H22330" s="8">
        <v>1</v>
      </c>
      <c r="I22330" s="8">
        <v>0</v>
      </c>
      <c r="J22330" s="8">
        <v>1</v>
      </c>
      <c r="K22330" s="9">
        <v>17</v>
      </c>
      <c r="L22330" s="6" t="s">
        <v>4151</v>
      </c>
    </row>
    <row r="22331" spans="1:12">
      <c r="A22331" s="6" t="s">
        <v>4151</v>
      </c>
      <c r="B22331" s="6"/>
      <c r="C22331" s="6" t="s">
        <v>22367</v>
      </c>
      <c r="D22331" s="6"/>
      <c r="E22331" s="6" t="s">
        <v>9</v>
      </c>
      <c r="F22331" s="7">
        <v>38657</v>
      </c>
      <c r="G22331" s="8">
        <v>1</v>
      </c>
      <c r="H22331" s="8">
        <v>1</v>
      </c>
      <c r="I22331" s="8">
        <v>0</v>
      </c>
      <c r="J22331" s="8">
        <v>1</v>
      </c>
      <c r="K22331" s="9">
        <v>19</v>
      </c>
      <c r="L22331" s="6" t="s">
        <v>4151</v>
      </c>
    </row>
    <row r="22332" spans="1:12">
      <c r="A22332" s="6" t="s">
        <v>4151</v>
      </c>
      <c r="B22332" s="6"/>
      <c r="C22332" s="6" t="s">
        <v>22368</v>
      </c>
      <c r="D22332" s="6"/>
      <c r="E22332" s="6" t="s">
        <v>9</v>
      </c>
      <c r="F22332" s="7">
        <v>38657</v>
      </c>
      <c r="G22332" s="8">
        <v>1</v>
      </c>
      <c r="H22332" s="8">
        <v>1</v>
      </c>
      <c r="I22332" s="8">
        <v>0</v>
      </c>
      <c r="J22332" s="8">
        <v>1</v>
      </c>
      <c r="K22332" s="9">
        <v>23</v>
      </c>
      <c r="L22332" s="6" t="s">
        <v>4151</v>
      </c>
    </row>
    <row r="22333" spans="1:12">
      <c r="A22333" s="6" t="s">
        <v>4151</v>
      </c>
      <c r="B22333" s="6"/>
      <c r="C22333" s="6" t="s">
        <v>22369</v>
      </c>
      <c r="D22333" s="6"/>
      <c r="E22333" s="6" t="s">
        <v>9</v>
      </c>
      <c r="F22333" s="7">
        <v>38657</v>
      </c>
      <c r="G22333" s="8">
        <v>1</v>
      </c>
      <c r="H22333" s="8">
        <v>1</v>
      </c>
      <c r="I22333" s="8">
        <v>0</v>
      </c>
      <c r="J22333" s="8">
        <v>1</v>
      </c>
      <c r="K22333" s="9">
        <v>70</v>
      </c>
      <c r="L22333" s="6" t="s">
        <v>4151</v>
      </c>
    </row>
    <row r="22334" spans="1:12">
      <c r="A22334" s="6" t="s">
        <v>4151</v>
      </c>
      <c r="B22334" s="6"/>
      <c r="C22334" s="6" t="s">
        <v>22370</v>
      </c>
      <c r="D22334" s="6"/>
      <c r="E22334" s="6" t="s">
        <v>9</v>
      </c>
      <c r="F22334" s="7">
        <v>38657</v>
      </c>
      <c r="G22334" s="8">
        <v>1</v>
      </c>
      <c r="H22334" s="8">
        <v>1</v>
      </c>
      <c r="I22334" s="8">
        <v>0</v>
      </c>
      <c r="J22334" s="8">
        <v>1</v>
      </c>
      <c r="K22334" s="9">
        <v>42</v>
      </c>
      <c r="L22334" s="6" t="s">
        <v>4151</v>
      </c>
    </row>
    <row r="22335" spans="1:12">
      <c r="A22335" s="6" t="s">
        <v>4151</v>
      </c>
      <c r="B22335" s="6"/>
      <c r="C22335" s="6" t="s">
        <v>22371</v>
      </c>
      <c r="D22335" s="6"/>
      <c r="E22335" s="6" t="s">
        <v>9</v>
      </c>
      <c r="F22335" s="7">
        <v>38657</v>
      </c>
      <c r="G22335" s="8">
        <v>1</v>
      </c>
      <c r="H22335" s="8">
        <v>1</v>
      </c>
      <c r="I22335" s="8">
        <v>0</v>
      </c>
      <c r="J22335" s="8">
        <v>1</v>
      </c>
      <c r="K22335" s="9">
        <v>51</v>
      </c>
      <c r="L22335" s="6" t="s">
        <v>4151</v>
      </c>
    </row>
    <row r="22336" spans="1:12">
      <c r="A22336" s="6" t="s">
        <v>4151</v>
      </c>
      <c r="B22336" s="6"/>
      <c r="C22336" s="6" t="s">
        <v>22372</v>
      </c>
      <c r="D22336" s="6"/>
      <c r="E22336" s="6" t="s">
        <v>9</v>
      </c>
      <c r="F22336" s="7">
        <v>38657</v>
      </c>
      <c r="G22336" s="8">
        <v>1</v>
      </c>
      <c r="H22336" s="8">
        <v>1</v>
      </c>
      <c r="I22336" s="8">
        <v>0</v>
      </c>
      <c r="J22336" s="8">
        <v>1</v>
      </c>
      <c r="K22336" s="9">
        <v>55</v>
      </c>
      <c r="L22336" s="6" t="s">
        <v>4151</v>
      </c>
    </row>
    <row r="22337" spans="1:12">
      <c r="A22337" s="6" t="s">
        <v>4151</v>
      </c>
      <c r="B22337" s="6"/>
      <c r="C22337" s="6" t="s">
        <v>22373</v>
      </c>
      <c r="D22337" s="6"/>
      <c r="E22337" s="6" t="s">
        <v>9</v>
      </c>
      <c r="F22337" s="7">
        <v>38657</v>
      </c>
      <c r="G22337" s="8">
        <v>1</v>
      </c>
      <c r="H22337" s="8">
        <v>1</v>
      </c>
      <c r="I22337" s="8">
        <v>0</v>
      </c>
      <c r="J22337" s="8">
        <v>1</v>
      </c>
      <c r="K22337" s="9">
        <v>14</v>
      </c>
      <c r="L22337" s="6" t="s">
        <v>4151</v>
      </c>
    </row>
    <row r="22338" spans="1:12">
      <c r="A22338" s="6" t="s">
        <v>4151</v>
      </c>
      <c r="B22338" s="6"/>
      <c r="C22338" s="6" t="s">
        <v>22374</v>
      </c>
      <c r="D22338" s="6"/>
      <c r="E22338" s="6" t="s">
        <v>9</v>
      </c>
      <c r="F22338" s="7">
        <v>38657</v>
      </c>
      <c r="G22338" s="8">
        <v>1</v>
      </c>
      <c r="H22338" s="8">
        <v>1</v>
      </c>
      <c r="I22338" s="8">
        <v>0</v>
      </c>
      <c r="J22338" s="8">
        <v>1</v>
      </c>
      <c r="K22338" s="9">
        <v>7.07</v>
      </c>
      <c r="L22338" s="6" t="s">
        <v>4151</v>
      </c>
    </row>
    <row r="22339" spans="1:12">
      <c r="A22339" s="6" t="s">
        <v>4151</v>
      </c>
      <c r="B22339" s="6"/>
      <c r="C22339" s="6" t="s">
        <v>22375</v>
      </c>
      <c r="D22339" s="6"/>
      <c r="E22339" s="6" t="s">
        <v>9</v>
      </c>
      <c r="F22339" s="7">
        <v>38657</v>
      </c>
      <c r="G22339" s="8">
        <v>1</v>
      </c>
      <c r="H22339" s="8">
        <v>1</v>
      </c>
      <c r="I22339" s="8">
        <v>0</v>
      </c>
      <c r="J22339" s="8">
        <v>1</v>
      </c>
      <c r="K22339" s="9">
        <v>16</v>
      </c>
      <c r="L22339" s="6" t="s">
        <v>4151</v>
      </c>
    </row>
    <row r="22340" spans="1:12">
      <c r="A22340" s="6" t="s">
        <v>4151</v>
      </c>
      <c r="B22340" s="6"/>
      <c r="C22340" s="6" t="s">
        <v>22376</v>
      </c>
      <c r="D22340" s="6"/>
      <c r="E22340" s="6" t="s">
        <v>9</v>
      </c>
      <c r="F22340" s="7">
        <v>38657</v>
      </c>
      <c r="G22340" s="8">
        <v>1</v>
      </c>
      <c r="H22340" s="8">
        <v>1</v>
      </c>
      <c r="I22340" s="8">
        <v>0</v>
      </c>
      <c r="J22340" s="8">
        <v>1</v>
      </c>
      <c r="K22340" s="9">
        <v>8.7200000000000006</v>
      </c>
      <c r="L22340" s="6" t="s">
        <v>4151</v>
      </c>
    </row>
    <row r="22341" spans="1:12">
      <c r="A22341" s="6" t="s">
        <v>4151</v>
      </c>
      <c r="B22341" s="6"/>
      <c r="C22341" s="6" t="s">
        <v>22377</v>
      </c>
      <c r="D22341" s="6"/>
      <c r="E22341" s="6" t="s">
        <v>9</v>
      </c>
      <c r="F22341" s="7">
        <v>38657</v>
      </c>
      <c r="G22341" s="8">
        <v>1</v>
      </c>
      <c r="H22341" s="8">
        <v>1</v>
      </c>
      <c r="I22341" s="8">
        <v>0</v>
      </c>
      <c r="J22341" s="8">
        <v>1</v>
      </c>
      <c r="K22341" s="9">
        <v>35</v>
      </c>
      <c r="L22341" s="6" t="s">
        <v>4151</v>
      </c>
    </row>
    <row r="22342" spans="1:12">
      <c r="A22342" s="6" t="s">
        <v>4151</v>
      </c>
      <c r="B22342" s="6"/>
      <c r="C22342" s="6" t="s">
        <v>22378</v>
      </c>
      <c r="D22342" s="6"/>
      <c r="E22342" s="6" t="s">
        <v>9</v>
      </c>
      <c r="F22342" s="7">
        <v>38657</v>
      </c>
      <c r="G22342" s="8">
        <v>1</v>
      </c>
      <c r="H22342" s="8">
        <v>1</v>
      </c>
      <c r="I22342" s="8">
        <v>0</v>
      </c>
      <c r="J22342" s="8">
        <v>1</v>
      </c>
      <c r="K22342" s="9">
        <v>6.2</v>
      </c>
      <c r="L22342" s="6" t="s">
        <v>4151</v>
      </c>
    </row>
    <row r="22343" spans="1:12">
      <c r="A22343" s="6" t="s">
        <v>4151</v>
      </c>
      <c r="B22343" s="6"/>
      <c r="C22343" s="6" t="s">
        <v>22379</v>
      </c>
      <c r="D22343" s="6"/>
      <c r="E22343" s="6" t="s">
        <v>9</v>
      </c>
      <c r="F22343" s="7">
        <v>38657</v>
      </c>
      <c r="G22343" s="8">
        <v>1</v>
      </c>
      <c r="H22343" s="8">
        <v>1</v>
      </c>
      <c r="I22343" s="8">
        <v>0</v>
      </c>
      <c r="J22343" s="8">
        <v>1</v>
      </c>
      <c r="K22343" s="9">
        <v>0.12</v>
      </c>
      <c r="L22343" s="6" t="s">
        <v>4151</v>
      </c>
    </row>
    <row r="22344" spans="1:12">
      <c r="A22344" s="6" t="s">
        <v>4151</v>
      </c>
      <c r="B22344" s="6"/>
      <c r="C22344" s="6" t="s">
        <v>22380</v>
      </c>
      <c r="D22344" s="6"/>
      <c r="E22344" s="6" t="s">
        <v>9</v>
      </c>
      <c r="F22344" s="7">
        <v>38657</v>
      </c>
      <c r="G22344" s="8">
        <v>1</v>
      </c>
      <c r="H22344" s="8">
        <v>1</v>
      </c>
      <c r="I22344" s="8">
        <v>0</v>
      </c>
      <c r="J22344" s="8">
        <v>1</v>
      </c>
      <c r="K22344" s="9">
        <v>12.42</v>
      </c>
      <c r="L22344" s="6" t="s">
        <v>4151</v>
      </c>
    </row>
    <row r="22345" spans="1:12">
      <c r="A22345" s="6" t="s">
        <v>4151</v>
      </c>
      <c r="B22345" s="6"/>
      <c r="C22345" s="6" t="s">
        <v>22381</v>
      </c>
      <c r="D22345" s="6"/>
      <c r="E22345" s="6" t="s">
        <v>9</v>
      </c>
      <c r="F22345" s="7">
        <v>38657</v>
      </c>
      <c r="G22345" s="8">
        <v>1</v>
      </c>
      <c r="H22345" s="8">
        <v>1</v>
      </c>
      <c r="I22345" s="8">
        <v>0</v>
      </c>
      <c r="J22345" s="8">
        <v>1</v>
      </c>
      <c r="K22345" s="9">
        <v>23</v>
      </c>
      <c r="L22345" s="6" t="s">
        <v>4151</v>
      </c>
    </row>
    <row r="22346" spans="1:12">
      <c r="A22346" s="6" t="s">
        <v>4151</v>
      </c>
      <c r="B22346" s="6"/>
      <c r="C22346" s="6" t="s">
        <v>22382</v>
      </c>
      <c r="D22346" s="6"/>
      <c r="E22346" s="6" t="s">
        <v>9</v>
      </c>
      <c r="F22346" s="7">
        <v>38657</v>
      </c>
      <c r="G22346" s="8">
        <v>1</v>
      </c>
      <c r="H22346" s="8">
        <v>1</v>
      </c>
      <c r="I22346" s="8">
        <v>0</v>
      </c>
      <c r="J22346" s="8">
        <v>1</v>
      </c>
      <c r="K22346" s="9">
        <v>27</v>
      </c>
      <c r="L22346" s="6" t="s">
        <v>4151</v>
      </c>
    </row>
    <row r="22347" spans="1:12">
      <c r="A22347" s="6" t="s">
        <v>4151</v>
      </c>
      <c r="B22347" s="6"/>
      <c r="C22347" s="6" t="s">
        <v>22383</v>
      </c>
      <c r="D22347" s="6"/>
      <c r="E22347" s="6" t="s">
        <v>9</v>
      </c>
      <c r="F22347" s="7">
        <v>38657</v>
      </c>
      <c r="G22347" s="8">
        <v>1</v>
      </c>
      <c r="H22347" s="8">
        <v>1</v>
      </c>
      <c r="I22347" s="8">
        <v>0</v>
      </c>
      <c r="J22347" s="8">
        <v>1</v>
      </c>
      <c r="K22347" s="9">
        <v>34</v>
      </c>
      <c r="L22347" s="6" t="s">
        <v>4151</v>
      </c>
    </row>
    <row r="22348" spans="1:12">
      <c r="A22348" s="6" t="s">
        <v>4151</v>
      </c>
      <c r="B22348" s="6"/>
      <c r="C22348" s="6" t="s">
        <v>22384</v>
      </c>
      <c r="D22348" s="6"/>
      <c r="E22348" s="6" t="s">
        <v>9</v>
      </c>
      <c r="F22348" s="7">
        <v>38657</v>
      </c>
      <c r="G22348" s="8">
        <v>1</v>
      </c>
      <c r="H22348" s="8">
        <v>1</v>
      </c>
      <c r="I22348" s="8">
        <v>0</v>
      </c>
      <c r="J22348" s="8">
        <v>1</v>
      </c>
      <c r="K22348" s="9">
        <v>26</v>
      </c>
      <c r="L22348" s="6" t="s">
        <v>4151</v>
      </c>
    </row>
    <row r="22349" spans="1:12">
      <c r="A22349" s="6" t="s">
        <v>4151</v>
      </c>
      <c r="B22349" s="6"/>
      <c r="C22349" s="6" t="s">
        <v>22385</v>
      </c>
      <c r="D22349" s="6"/>
      <c r="E22349" s="6" t="s">
        <v>9</v>
      </c>
      <c r="F22349" s="7">
        <v>38657</v>
      </c>
      <c r="G22349" s="8">
        <v>1</v>
      </c>
      <c r="H22349" s="8">
        <v>1</v>
      </c>
      <c r="I22349" s="8">
        <v>0</v>
      </c>
      <c r="J22349" s="8">
        <v>1</v>
      </c>
      <c r="K22349" s="9">
        <v>352</v>
      </c>
      <c r="L22349" s="6" t="s">
        <v>4151</v>
      </c>
    </row>
    <row r="22350" spans="1:12">
      <c r="A22350" s="6" t="s">
        <v>4151</v>
      </c>
      <c r="B22350" s="6"/>
      <c r="C22350" s="6" t="s">
        <v>22386</v>
      </c>
      <c r="D22350" s="6"/>
      <c r="E22350" s="6" t="s">
        <v>9</v>
      </c>
      <c r="F22350" s="7">
        <v>38657</v>
      </c>
      <c r="G22350" s="8">
        <v>1</v>
      </c>
      <c r="H22350" s="8">
        <v>1</v>
      </c>
      <c r="I22350" s="8">
        <v>0</v>
      </c>
      <c r="J22350" s="8">
        <v>1</v>
      </c>
      <c r="K22350" s="9">
        <v>1.88</v>
      </c>
      <c r="L22350" s="6" t="s">
        <v>4151</v>
      </c>
    </row>
    <row r="22351" spans="1:12">
      <c r="A22351" s="6" t="s">
        <v>4151</v>
      </c>
      <c r="B22351" s="6"/>
      <c r="C22351" s="6" t="s">
        <v>22387</v>
      </c>
      <c r="D22351" s="6"/>
      <c r="E22351" s="6" t="s">
        <v>9</v>
      </c>
      <c r="F22351" s="7">
        <v>38657</v>
      </c>
      <c r="G22351" s="8">
        <v>688220</v>
      </c>
      <c r="H22351" s="8">
        <v>688220</v>
      </c>
      <c r="I22351" s="8">
        <v>0</v>
      </c>
      <c r="J22351" s="8">
        <v>688220</v>
      </c>
      <c r="K22351" s="9">
        <v>47</v>
      </c>
      <c r="L22351" s="6" t="s">
        <v>4151</v>
      </c>
    </row>
    <row r="22352" spans="1:12">
      <c r="A22352" s="6" t="s">
        <v>4151</v>
      </c>
      <c r="B22352" s="6"/>
      <c r="C22352" s="6" t="s">
        <v>22388</v>
      </c>
      <c r="D22352" s="6"/>
      <c r="E22352" s="6" t="s">
        <v>9</v>
      </c>
      <c r="F22352" s="7">
        <v>38657</v>
      </c>
      <c r="G22352" s="8">
        <v>1</v>
      </c>
      <c r="H22352" s="8">
        <v>1</v>
      </c>
      <c r="I22352" s="8">
        <v>0</v>
      </c>
      <c r="J22352" s="8">
        <v>1</v>
      </c>
      <c r="K22352" s="9">
        <v>9.9700000000000006</v>
      </c>
      <c r="L22352" s="6" t="s">
        <v>4151</v>
      </c>
    </row>
    <row r="22353" spans="1:12">
      <c r="A22353" s="6" t="s">
        <v>4151</v>
      </c>
      <c r="B22353" s="6"/>
      <c r="C22353" s="6" t="s">
        <v>22389</v>
      </c>
      <c r="D22353" s="6"/>
      <c r="E22353" s="6" t="s">
        <v>9</v>
      </c>
      <c r="F22353" s="7">
        <v>38657</v>
      </c>
      <c r="G22353" s="8">
        <v>1</v>
      </c>
      <c r="H22353" s="8">
        <v>1</v>
      </c>
      <c r="I22353" s="8">
        <v>0</v>
      </c>
      <c r="J22353" s="8">
        <v>1</v>
      </c>
      <c r="K22353" s="9">
        <v>4.92</v>
      </c>
      <c r="L22353" s="6" t="s">
        <v>4151</v>
      </c>
    </row>
    <row r="22354" spans="1:12">
      <c r="A22354" s="6" t="s">
        <v>4151</v>
      </c>
      <c r="B22354" s="6"/>
      <c r="C22354" s="6" t="s">
        <v>22390</v>
      </c>
      <c r="D22354" s="6"/>
      <c r="E22354" s="6" t="s">
        <v>9</v>
      </c>
      <c r="F22354" s="7">
        <v>38657</v>
      </c>
      <c r="G22354" s="8">
        <v>1</v>
      </c>
      <c r="H22354" s="8">
        <v>1</v>
      </c>
      <c r="I22354" s="8">
        <v>0</v>
      </c>
      <c r="J22354" s="8">
        <v>1</v>
      </c>
      <c r="K22354" s="9">
        <v>231</v>
      </c>
      <c r="L22354" s="6" t="s">
        <v>4151</v>
      </c>
    </row>
    <row r="22355" spans="1:12">
      <c r="A22355" s="6" t="s">
        <v>4151</v>
      </c>
      <c r="B22355" s="6"/>
      <c r="C22355" s="6" t="s">
        <v>22391</v>
      </c>
      <c r="D22355" s="6"/>
      <c r="E22355" s="6" t="s">
        <v>9</v>
      </c>
      <c r="F22355" s="7">
        <v>38657</v>
      </c>
      <c r="G22355" s="8">
        <v>1</v>
      </c>
      <c r="H22355" s="8">
        <v>1</v>
      </c>
      <c r="I22355" s="8">
        <v>0</v>
      </c>
      <c r="J22355" s="8">
        <v>1</v>
      </c>
      <c r="K22355" s="9">
        <v>9.86</v>
      </c>
      <c r="L22355" s="6" t="s">
        <v>4151</v>
      </c>
    </row>
    <row r="22356" spans="1:12">
      <c r="A22356" s="6" t="s">
        <v>4151</v>
      </c>
      <c r="B22356" s="6"/>
      <c r="C22356" s="6" t="s">
        <v>22392</v>
      </c>
      <c r="D22356" s="6"/>
      <c r="E22356" s="6" t="s">
        <v>9</v>
      </c>
      <c r="F22356" s="7">
        <v>38657</v>
      </c>
      <c r="G22356" s="8">
        <v>1</v>
      </c>
      <c r="H22356" s="8">
        <v>1</v>
      </c>
      <c r="I22356" s="8">
        <v>0</v>
      </c>
      <c r="J22356" s="8">
        <v>1</v>
      </c>
      <c r="K22356" s="9">
        <v>3.05</v>
      </c>
      <c r="L22356" s="6" t="s">
        <v>4151</v>
      </c>
    </row>
    <row r="22357" spans="1:12">
      <c r="A22357" s="6" t="s">
        <v>4151</v>
      </c>
      <c r="B22357" s="6"/>
      <c r="C22357" s="6" t="s">
        <v>22393</v>
      </c>
      <c r="D22357" s="6"/>
      <c r="E22357" s="6" t="s">
        <v>9</v>
      </c>
      <c r="F22357" s="7">
        <v>38657</v>
      </c>
      <c r="G22357" s="8">
        <v>1</v>
      </c>
      <c r="H22357" s="8">
        <v>1</v>
      </c>
      <c r="I22357" s="8">
        <v>0</v>
      </c>
      <c r="J22357" s="8">
        <v>1</v>
      </c>
      <c r="K22357" s="9">
        <v>32</v>
      </c>
      <c r="L22357" s="6" t="s">
        <v>4151</v>
      </c>
    </row>
    <row r="22358" spans="1:12">
      <c r="A22358" s="6" t="s">
        <v>4151</v>
      </c>
      <c r="B22358" s="6"/>
      <c r="C22358" s="6" t="s">
        <v>22394</v>
      </c>
      <c r="D22358" s="6"/>
      <c r="E22358" s="6" t="s">
        <v>9</v>
      </c>
      <c r="F22358" s="7">
        <v>38657</v>
      </c>
      <c r="G22358" s="8">
        <v>1</v>
      </c>
      <c r="H22358" s="8">
        <v>1</v>
      </c>
      <c r="I22358" s="8">
        <v>0</v>
      </c>
      <c r="J22358" s="8">
        <v>1</v>
      </c>
      <c r="K22358" s="9">
        <v>33</v>
      </c>
      <c r="L22358" s="6" t="s">
        <v>4151</v>
      </c>
    </row>
    <row r="22359" spans="1:12">
      <c r="A22359" s="6" t="s">
        <v>4151</v>
      </c>
      <c r="B22359" s="6"/>
      <c r="C22359" s="6" t="s">
        <v>22395</v>
      </c>
      <c r="D22359" s="6"/>
      <c r="E22359" s="6" t="s">
        <v>9</v>
      </c>
      <c r="F22359" s="7">
        <v>38657</v>
      </c>
      <c r="G22359" s="8">
        <v>1</v>
      </c>
      <c r="H22359" s="8">
        <v>1</v>
      </c>
      <c r="I22359" s="8">
        <v>0</v>
      </c>
      <c r="J22359" s="8">
        <v>1</v>
      </c>
      <c r="K22359" s="9">
        <v>37</v>
      </c>
      <c r="L22359" s="6" t="s">
        <v>4151</v>
      </c>
    </row>
    <row r="22360" spans="1:12">
      <c r="A22360" s="6" t="s">
        <v>4151</v>
      </c>
      <c r="B22360" s="6"/>
      <c r="C22360" s="6" t="s">
        <v>22396</v>
      </c>
      <c r="D22360" s="6"/>
      <c r="E22360" s="6" t="s">
        <v>9</v>
      </c>
      <c r="F22360" s="7">
        <v>38657</v>
      </c>
      <c r="G22360" s="8">
        <v>1</v>
      </c>
      <c r="H22360" s="8">
        <v>1</v>
      </c>
      <c r="I22360" s="8">
        <v>0</v>
      </c>
      <c r="J22360" s="8">
        <v>1</v>
      </c>
      <c r="K22360" s="9">
        <v>33</v>
      </c>
      <c r="L22360" s="6" t="s">
        <v>4151</v>
      </c>
    </row>
    <row r="22361" spans="1:12">
      <c r="A22361" s="6" t="s">
        <v>4151</v>
      </c>
      <c r="B22361" s="6"/>
      <c r="C22361" s="6" t="s">
        <v>22397</v>
      </c>
      <c r="D22361" s="6"/>
      <c r="E22361" s="6" t="s">
        <v>9</v>
      </c>
      <c r="F22361" s="7">
        <v>38657</v>
      </c>
      <c r="G22361" s="8">
        <v>1</v>
      </c>
      <c r="H22361" s="8">
        <v>1</v>
      </c>
      <c r="I22361" s="8">
        <v>0</v>
      </c>
      <c r="J22361" s="8">
        <v>1</v>
      </c>
      <c r="K22361" s="9">
        <v>5.63</v>
      </c>
      <c r="L22361" s="6" t="s">
        <v>4151</v>
      </c>
    </row>
    <row r="22362" spans="1:12">
      <c r="A22362" s="6" t="s">
        <v>4151</v>
      </c>
      <c r="B22362" s="6"/>
      <c r="C22362" s="6" t="s">
        <v>22398</v>
      </c>
      <c r="D22362" s="6"/>
      <c r="E22362" s="6" t="s">
        <v>9</v>
      </c>
      <c r="F22362" s="7">
        <v>38657</v>
      </c>
      <c r="G22362" s="8">
        <v>688220</v>
      </c>
      <c r="H22362" s="8">
        <v>688220</v>
      </c>
      <c r="I22362" s="8">
        <v>0</v>
      </c>
      <c r="J22362" s="8">
        <v>688220</v>
      </c>
      <c r="K22362" s="9">
        <v>47</v>
      </c>
      <c r="L22362" s="6" t="s">
        <v>4151</v>
      </c>
    </row>
    <row r="22363" spans="1:12">
      <c r="A22363" s="6" t="s">
        <v>4151</v>
      </c>
      <c r="B22363" s="6"/>
      <c r="C22363" s="6" t="s">
        <v>22399</v>
      </c>
      <c r="D22363" s="6"/>
      <c r="E22363" s="6" t="s">
        <v>9</v>
      </c>
      <c r="F22363" s="7">
        <v>38657</v>
      </c>
      <c r="G22363" s="8">
        <v>1</v>
      </c>
      <c r="H22363" s="8">
        <v>1</v>
      </c>
      <c r="I22363" s="8">
        <v>0</v>
      </c>
      <c r="J22363" s="8">
        <v>1</v>
      </c>
      <c r="K22363" s="9">
        <v>1.1000000000000001</v>
      </c>
      <c r="L22363" s="6" t="s">
        <v>4151</v>
      </c>
    </row>
    <row r="22364" spans="1:12">
      <c r="A22364" s="6" t="s">
        <v>4151</v>
      </c>
      <c r="B22364" s="6"/>
      <c r="C22364" s="6" t="s">
        <v>22400</v>
      </c>
      <c r="D22364" s="6"/>
      <c r="E22364" s="6" t="s">
        <v>9</v>
      </c>
      <c r="F22364" s="7">
        <v>38657</v>
      </c>
      <c r="G22364" s="8">
        <v>1</v>
      </c>
      <c r="H22364" s="8">
        <v>1</v>
      </c>
      <c r="I22364" s="8">
        <v>0</v>
      </c>
      <c r="J22364" s="8">
        <v>1</v>
      </c>
      <c r="K22364" s="9">
        <v>2.95</v>
      </c>
      <c r="L22364" s="6" t="s">
        <v>4151</v>
      </c>
    </row>
    <row r="22365" spans="1:12">
      <c r="A22365" s="6" t="s">
        <v>4151</v>
      </c>
      <c r="B22365" s="6"/>
      <c r="C22365" s="6" t="s">
        <v>22401</v>
      </c>
      <c r="D22365" s="6"/>
      <c r="E22365" s="6" t="s">
        <v>9</v>
      </c>
      <c r="F22365" s="7">
        <v>38657</v>
      </c>
      <c r="G22365" s="8">
        <v>1</v>
      </c>
      <c r="H22365" s="8">
        <v>1</v>
      </c>
      <c r="I22365" s="8">
        <v>0</v>
      </c>
      <c r="J22365" s="8">
        <v>1</v>
      </c>
      <c r="K22365" s="9">
        <v>39</v>
      </c>
      <c r="L22365" s="6" t="s">
        <v>4151</v>
      </c>
    </row>
    <row r="22366" spans="1:12">
      <c r="A22366" s="6" t="s">
        <v>4151</v>
      </c>
      <c r="B22366" s="6"/>
      <c r="C22366" s="6" t="s">
        <v>22402</v>
      </c>
      <c r="D22366" s="6"/>
      <c r="E22366" s="6" t="s">
        <v>9</v>
      </c>
      <c r="F22366" s="7">
        <v>38657</v>
      </c>
      <c r="G22366" s="8">
        <v>1</v>
      </c>
      <c r="H22366" s="8">
        <v>1</v>
      </c>
      <c r="I22366" s="8">
        <v>0</v>
      </c>
      <c r="J22366" s="8">
        <v>1</v>
      </c>
      <c r="K22366" s="9">
        <v>36</v>
      </c>
      <c r="L22366" s="6" t="s">
        <v>4151</v>
      </c>
    </row>
    <row r="22367" spans="1:12">
      <c r="A22367" s="6" t="s">
        <v>4151</v>
      </c>
      <c r="B22367" s="6"/>
      <c r="C22367" s="6" t="s">
        <v>22403</v>
      </c>
      <c r="D22367" s="6"/>
      <c r="E22367" s="6" t="s">
        <v>9</v>
      </c>
      <c r="F22367" s="7">
        <v>38657</v>
      </c>
      <c r="G22367" s="8">
        <v>1</v>
      </c>
      <c r="H22367" s="8">
        <v>1</v>
      </c>
      <c r="I22367" s="8">
        <v>0</v>
      </c>
      <c r="J22367" s="8">
        <v>1</v>
      </c>
      <c r="K22367" s="9">
        <v>34</v>
      </c>
      <c r="L22367" s="6" t="s">
        <v>4151</v>
      </c>
    </row>
    <row r="22368" spans="1:12">
      <c r="A22368" s="6" t="s">
        <v>4151</v>
      </c>
      <c r="B22368" s="6"/>
      <c r="C22368" s="6" t="s">
        <v>22404</v>
      </c>
      <c r="D22368" s="6"/>
      <c r="E22368" s="6" t="s">
        <v>9</v>
      </c>
      <c r="F22368" s="7">
        <v>38657</v>
      </c>
      <c r="G22368" s="8">
        <v>1</v>
      </c>
      <c r="H22368" s="8">
        <v>1</v>
      </c>
      <c r="I22368" s="8">
        <v>0</v>
      </c>
      <c r="J22368" s="8">
        <v>1</v>
      </c>
      <c r="K22368" s="9">
        <v>23</v>
      </c>
      <c r="L22368" s="6" t="s">
        <v>4151</v>
      </c>
    </row>
    <row r="22369" spans="1:12">
      <c r="A22369" s="6" t="s">
        <v>4151</v>
      </c>
      <c r="B22369" s="6"/>
      <c r="C22369" s="6" t="s">
        <v>22405</v>
      </c>
      <c r="D22369" s="6"/>
      <c r="E22369" s="6" t="s">
        <v>9</v>
      </c>
      <c r="F22369" s="7">
        <v>38657</v>
      </c>
      <c r="G22369" s="8">
        <v>1</v>
      </c>
      <c r="H22369" s="8">
        <v>1</v>
      </c>
      <c r="I22369" s="8">
        <v>0</v>
      </c>
      <c r="J22369" s="8">
        <v>1</v>
      </c>
      <c r="K22369" s="9">
        <v>4.4800000000000004</v>
      </c>
      <c r="L22369" s="6" t="s">
        <v>4151</v>
      </c>
    </row>
    <row r="22370" spans="1:12">
      <c r="A22370" s="6" t="s">
        <v>4151</v>
      </c>
      <c r="B22370" s="6"/>
      <c r="C22370" s="6" t="s">
        <v>22406</v>
      </c>
      <c r="D22370" s="6"/>
      <c r="E22370" s="6" t="s">
        <v>9</v>
      </c>
      <c r="F22370" s="7">
        <v>38657</v>
      </c>
      <c r="G22370" s="8">
        <v>1</v>
      </c>
      <c r="H22370" s="8">
        <v>1</v>
      </c>
      <c r="I22370" s="8">
        <v>0</v>
      </c>
      <c r="J22370" s="8">
        <v>1</v>
      </c>
      <c r="K22370" s="9">
        <v>51</v>
      </c>
      <c r="L22370" s="6" t="s">
        <v>4151</v>
      </c>
    </row>
    <row r="22371" spans="1:12">
      <c r="A22371" s="6" t="s">
        <v>4151</v>
      </c>
      <c r="B22371" s="6"/>
      <c r="C22371" s="6" t="s">
        <v>22407</v>
      </c>
      <c r="D22371" s="6"/>
      <c r="E22371" s="6" t="s">
        <v>9</v>
      </c>
      <c r="F22371" s="7">
        <v>38657</v>
      </c>
      <c r="G22371" s="8">
        <v>1</v>
      </c>
      <c r="H22371" s="8">
        <v>1</v>
      </c>
      <c r="I22371" s="8">
        <v>0</v>
      </c>
      <c r="J22371" s="8">
        <v>1</v>
      </c>
      <c r="K22371" s="9">
        <v>3.55</v>
      </c>
      <c r="L22371" s="6" t="s">
        <v>4151</v>
      </c>
    </row>
    <row r="22372" spans="1:12">
      <c r="A22372" s="6" t="s">
        <v>4151</v>
      </c>
      <c r="B22372" s="6"/>
      <c r="C22372" s="6" t="s">
        <v>22408</v>
      </c>
      <c r="D22372" s="6"/>
      <c r="E22372" s="6" t="s">
        <v>9</v>
      </c>
      <c r="F22372" s="7">
        <v>38657</v>
      </c>
      <c r="G22372" s="8">
        <v>1</v>
      </c>
      <c r="H22372" s="8">
        <v>1</v>
      </c>
      <c r="I22372" s="8">
        <v>0</v>
      </c>
      <c r="J22372" s="8">
        <v>1</v>
      </c>
      <c r="K22372" s="9">
        <v>38</v>
      </c>
      <c r="L22372" s="6" t="s">
        <v>4151</v>
      </c>
    </row>
    <row r="22373" spans="1:12">
      <c r="A22373" s="6" t="s">
        <v>4151</v>
      </c>
      <c r="B22373" s="6"/>
      <c r="C22373" s="6" t="s">
        <v>22409</v>
      </c>
      <c r="D22373" s="6"/>
      <c r="E22373" s="6" t="s">
        <v>9</v>
      </c>
      <c r="F22373" s="7">
        <v>38657</v>
      </c>
      <c r="G22373" s="8">
        <v>688220</v>
      </c>
      <c r="H22373" s="8">
        <v>688220</v>
      </c>
      <c r="I22373" s="8">
        <v>0</v>
      </c>
      <c r="J22373" s="8">
        <v>688220</v>
      </c>
      <c r="K22373" s="9">
        <v>47</v>
      </c>
      <c r="L22373" s="6" t="s">
        <v>4151</v>
      </c>
    </row>
    <row r="22374" spans="1:12">
      <c r="A22374" s="6" t="s">
        <v>4151</v>
      </c>
      <c r="B22374" s="6"/>
      <c r="C22374" s="6" t="s">
        <v>22410</v>
      </c>
      <c r="D22374" s="6"/>
      <c r="E22374" s="6" t="s">
        <v>9</v>
      </c>
      <c r="F22374" s="7">
        <v>38657</v>
      </c>
      <c r="G22374" s="8">
        <v>1</v>
      </c>
      <c r="H22374" s="8">
        <v>1</v>
      </c>
      <c r="I22374" s="8">
        <v>0</v>
      </c>
      <c r="J22374" s="8">
        <v>1</v>
      </c>
      <c r="K22374" s="9">
        <v>0.6</v>
      </c>
      <c r="L22374" s="6" t="s">
        <v>4151</v>
      </c>
    </row>
    <row r="22375" spans="1:12">
      <c r="A22375" s="6" t="s">
        <v>4151</v>
      </c>
      <c r="B22375" s="6"/>
      <c r="C22375" s="6" t="s">
        <v>22411</v>
      </c>
      <c r="D22375" s="6"/>
      <c r="E22375" s="6" t="s">
        <v>9</v>
      </c>
      <c r="F22375" s="7">
        <v>38657</v>
      </c>
      <c r="G22375" s="8">
        <v>1</v>
      </c>
      <c r="H22375" s="8">
        <v>1</v>
      </c>
      <c r="I22375" s="8">
        <v>0</v>
      </c>
      <c r="J22375" s="8">
        <v>1</v>
      </c>
      <c r="K22375" s="9">
        <v>3.36</v>
      </c>
      <c r="L22375" s="6" t="s">
        <v>4151</v>
      </c>
    </row>
    <row r="22376" spans="1:12">
      <c r="A22376" s="6" t="s">
        <v>4151</v>
      </c>
      <c r="B22376" s="6"/>
      <c r="C22376" s="6" t="s">
        <v>22412</v>
      </c>
      <c r="D22376" s="6"/>
      <c r="E22376" s="6" t="s">
        <v>9</v>
      </c>
      <c r="F22376" s="7">
        <v>38657</v>
      </c>
      <c r="G22376" s="8">
        <v>1</v>
      </c>
      <c r="H22376" s="8">
        <v>1</v>
      </c>
      <c r="I22376" s="8">
        <v>0</v>
      </c>
      <c r="J22376" s="8">
        <v>1</v>
      </c>
      <c r="K22376" s="9">
        <v>4.6500000000000004</v>
      </c>
      <c r="L22376" s="6" t="s">
        <v>4151</v>
      </c>
    </row>
    <row r="22377" spans="1:12">
      <c r="A22377" s="6" t="s">
        <v>4151</v>
      </c>
      <c r="B22377" s="6"/>
      <c r="C22377" s="6" t="s">
        <v>22413</v>
      </c>
      <c r="D22377" s="6"/>
      <c r="E22377" s="6" t="s">
        <v>9</v>
      </c>
      <c r="F22377" s="7">
        <v>38657</v>
      </c>
      <c r="G22377" s="8">
        <v>1</v>
      </c>
      <c r="H22377" s="8">
        <v>1</v>
      </c>
      <c r="I22377" s="8">
        <v>0</v>
      </c>
      <c r="J22377" s="8">
        <v>1</v>
      </c>
      <c r="K22377" s="9">
        <v>3.67</v>
      </c>
      <c r="L22377" s="6" t="s">
        <v>4151</v>
      </c>
    </row>
    <row r="22378" spans="1:12">
      <c r="A22378" s="6" t="s">
        <v>4151</v>
      </c>
      <c r="B22378" s="6"/>
      <c r="C22378" s="6" t="s">
        <v>22414</v>
      </c>
      <c r="D22378" s="6"/>
      <c r="E22378" s="6" t="s">
        <v>9</v>
      </c>
      <c r="F22378" s="7">
        <v>38657</v>
      </c>
      <c r="G22378" s="8">
        <v>1</v>
      </c>
      <c r="H22378" s="8">
        <v>1</v>
      </c>
      <c r="I22378" s="8">
        <v>0</v>
      </c>
      <c r="J22378" s="8">
        <v>1</v>
      </c>
      <c r="K22378" s="9">
        <v>3.54</v>
      </c>
      <c r="L22378" s="6" t="s">
        <v>4151</v>
      </c>
    </row>
    <row r="22379" spans="1:12">
      <c r="A22379" s="6" t="s">
        <v>4151</v>
      </c>
      <c r="B22379" s="6"/>
      <c r="C22379" s="6" t="s">
        <v>22415</v>
      </c>
      <c r="D22379" s="6"/>
      <c r="E22379" s="6" t="s">
        <v>9</v>
      </c>
      <c r="F22379" s="7">
        <v>38657</v>
      </c>
      <c r="G22379" s="8">
        <v>1</v>
      </c>
      <c r="H22379" s="8">
        <v>1</v>
      </c>
      <c r="I22379" s="8">
        <v>0</v>
      </c>
      <c r="J22379" s="8">
        <v>1</v>
      </c>
      <c r="K22379" s="9">
        <v>3.38</v>
      </c>
      <c r="L22379" s="6" t="s">
        <v>4151</v>
      </c>
    </row>
    <row r="22380" spans="1:12">
      <c r="A22380" s="6" t="s">
        <v>4151</v>
      </c>
      <c r="B22380" s="6"/>
      <c r="C22380" s="6" t="s">
        <v>22416</v>
      </c>
      <c r="D22380" s="6"/>
      <c r="E22380" s="6" t="s">
        <v>9</v>
      </c>
      <c r="F22380" s="7">
        <v>38657</v>
      </c>
      <c r="G22380" s="8">
        <v>1</v>
      </c>
      <c r="H22380" s="8">
        <v>1</v>
      </c>
      <c r="I22380" s="8">
        <v>0</v>
      </c>
      <c r="J22380" s="8">
        <v>1</v>
      </c>
      <c r="K22380" s="9">
        <v>9.9600000000000009</v>
      </c>
      <c r="L22380" s="6" t="s">
        <v>4151</v>
      </c>
    </row>
    <row r="22381" spans="1:12">
      <c r="A22381" s="6" t="s">
        <v>4151</v>
      </c>
      <c r="B22381" s="6"/>
      <c r="C22381" s="6" t="s">
        <v>22417</v>
      </c>
      <c r="D22381" s="6"/>
      <c r="E22381" s="6" t="s">
        <v>9</v>
      </c>
      <c r="F22381" s="7">
        <v>38657</v>
      </c>
      <c r="G22381" s="8">
        <v>1</v>
      </c>
      <c r="H22381" s="8">
        <v>1</v>
      </c>
      <c r="I22381" s="8">
        <v>0</v>
      </c>
      <c r="J22381" s="8">
        <v>1</v>
      </c>
      <c r="K22381" s="9">
        <v>11</v>
      </c>
      <c r="L22381" s="6" t="s">
        <v>4151</v>
      </c>
    </row>
    <row r="22382" spans="1:12">
      <c r="A22382" s="6" t="s">
        <v>4151</v>
      </c>
      <c r="B22382" s="6"/>
      <c r="C22382" s="6" t="s">
        <v>22418</v>
      </c>
      <c r="D22382" s="6"/>
      <c r="E22382" s="6" t="s">
        <v>9</v>
      </c>
      <c r="F22382" s="7">
        <v>38657</v>
      </c>
      <c r="G22382" s="8">
        <v>1</v>
      </c>
      <c r="H22382" s="8">
        <v>1</v>
      </c>
      <c r="I22382" s="8">
        <v>0</v>
      </c>
      <c r="J22382" s="8">
        <v>1</v>
      </c>
      <c r="K22382" s="9">
        <v>37</v>
      </c>
      <c r="L22382" s="6" t="s">
        <v>4151</v>
      </c>
    </row>
    <row r="22383" spans="1:12">
      <c r="A22383" s="6" t="s">
        <v>4151</v>
      </c>
      <c r="B22383" s="6"/>
      <c r="C22383" s="6" t="s">
        <v>22419</v>
      </c>
      <c r="D22383" s="6"/>
      <c r="E22383" s="6" t="s">
        <v>9</v>
      </c>
      <c r="F22383" s="7">
        <v>38657</v>
      </c>
      <c r="G22383" s="8">
        <v>1</v>
      </c>
      <c r="H22383" s="8">
        <v>1</v>
      </c>
      <c r="I22383" s="8">
        <v>0</v>
      </c>
      <c r="J22383" s="8">
        <v>1</v>
      </c>
      <c r="K22383" s="9">
        <v>21</v>
      </c>
      <c r="L22383" s="6" t="s">
        <v>4151</v>
      </c>
    </row>
    <row r="22384" spans="1:12">
      <c r="A22384" s="6" t="s">
        <v>4151</v>
      </c>
      <c r="B22384" s="6"/>
      <c r="C22384" s="6" t="s">
        <v>22420</v>
      </c>
      <c r="D22384" s="6"/>
      <c r="E22384" s="6" t="s">
        <v>9</v>
      </c>
      <c r="F22384" s="7">
        <v>38657</v>
      </c>
      <c r="G22384" s="8">
        <v>688220</v>
      </c>
      <c r="H22384" s="8">
        <v>688220</v>
      </c>
      <c r="I22384" s="8">
        <v>0</v>
      </c>
      <c r="J22384" s="8">
        <v>688220</v>
      </c>
      <c r="K22384" s="9">
        <v>47</v>
      </c>
      <c r="L22384" s="6" t="s">
        <v>4151</v>
      </c>
    </row>
    <row r="22385" spans="1:12">
      <c r="A22385" s="6" t="s">
        <v>4151</v>
      </c>
      <c r="B22385" s="6"/>
      <c r="C22385" s="6" t="s">
        <v>22421</v>
      </c>
      <c r="D22385" s="6"/>
      <c r="E22385" s="6" t="s">
        <v>9</v>
      </c>
      <c r="F22385" s="7">
        <v>38657</v>
      </c>
      <c r="G22385" s="8">
        <v>1</v>
      </c>
      <c r="H22385" s="8">
        <v>1</v>
      </c>
      <c r="I22385" s="8">
        <v>0</v>
      </c>
      <c r="J22385" s="8">
        <v>1</v>
      </c>
      <c r="K22385" s="9">
        <v>40</v>
      </c>
      <c r="L22385" s="6" t="s">
        <v>4151</v>
      </c>
    </row>
    <row r="22386" spans="1:12">
      <c r="A22386" s="6" t="s">
        <v>4151</v>
      </c>
      <c r="B22386" s="6"/>
      <c r="C22386" s="6" t="s">
        <v>22422</v>
      </c>
      <c r="D22386" s="6"/>
      <c r="E22386" s="6" t="s">
        <v>9</v>
      </c>
      <c r="F22386" s="7">
        <v>38657</v>
      </c>
      <c r="G22386" s="8">
        <v>1</v>
      </c>
      <c r="H22386" s="8">
        <v>1</v>
      </c>
      <c r="I22386" s="8">
        <v>0</v>
      </c>
      <c r="J22386" s="8">
        <v>1</v>
      </c>
      <c r="K22386" s="9">
        <v>24</v>
      </c>
      <c r="L22386" s="6" t="s">
        <v>4151</v>
      </c>
    </row>
    <row r="22387" spans="1:12">
      <c r="A22387" s="6" t="s">
        <v>4151</v>
      </c>
      <c r="B22387" s="6"/>
      <c r="C22387" s="6" t="s">
        <v>22423</v>
      </c>
      <c r="D22387" s="6"/>
      <c r="E22387" s="6" t="s">
        <v>9</v>
      </c>
      <c r="F22387" s="7">
        <v>38657</v>
      </c>
      <c r="G22387" s="8">
        <v>1</v>
      </c>
      <c r="H22387" s="8">
        <v>1</v>
      </c>
      <c r="I22387" s="8">
        <v>0</v>
      </c>
      <c r="J22387" s="8">
        <v>1</v>
      </c>
      <c r="K22387" s="9">
        <v>23</v>
      </c>
      <c r="L22387" s="6" t="s">
        <v>4151</v>
      </c>
    </row>
    <row r="22388" spans="1:12">
      <c r="A22388" s="6" t="s">
        <v>4151</v>
      </c>
      <c r="B22388" s="6"/>
      <c r="C22388" s="6" t="s">
        <v>22424</v>
      </c>
      <c r="D22388" s="6"/>
      <c r="E22388" s="6" t="s">
        <v>9</v>
      </c>
      <c r="F22388" s="7">
        <v>38657</v>
      </c>
      <c r="G22388" s="8">
        <v>1</v>
      </c>
      <c r="H22388" s="8">
        <v>1</v>
      </c>
      <c r="I22388" s="8">
        <v>0</v>
      </c>
      <c r="J22388" s="8">
        <v>1</v>
      </c>
      <c r="K22388" s="9">
        <v>17</v>
      </c>
      <c r="L22388" s="6" t="s">
        <v>4151</v>
      </c>
    </row>
    <row r="22389" spans="1:12">
      <c r="A22389" s="6" t="s">
        <v>4151</v>
      </c>
      <c r="B22389" s="6"/>
      <c r="C22389" s="6" t="s">
        <v>22425</v>
      </c>
      <c r="D22389" s="6"/>
      <c r="E22389" s="6" t="s">
        <v>9</v>
      </c>
      <c r="F22389" s="7">
        <v>38657</v>
      </c>
      <c r="G22389" s="8">
        <v>1</v>
      </c>
      <c r="H22389" s="8">
        <v>1</v>
      </c>
      <c r="I22389" s="8">
        <v>0</v>
      </c>
      <c r="J22389" s="8">
        <v>1</v>
      </c>
      <c r="K22389" s="9">
        <v>34</v>
      </c>
      <c r="L22389" s="6" t="s">
        <v>4151</v>
      </c>
    </row>
    <row r="22390" spans="1:12">
      <c r="A22390" s="6" t="s">
        <v>4151</v>
      </c>
      <c r="B22390" s="6"/>
      <c r="C22390" s="6" t="s">
        <v>22426</v>
      </c>
      <c r="D22390" s="6"/>
      <c r="E22390" s="6" t="s">
        <v>9</v>
      </c>
      <c r="F22390" s="7">
        <v>38657</v>
      </c>
      <c r="G22390" s="8">
        <v>1</v>
      </c>
      <c r="H22390" s="8">
        <v>1</v>
      </c>
      <c r="I22390" s="8">
        <v>0</v>
      </c>
      <c r="J22390" s="8">
        <v>1</v>
      </c>
      <c r="K22390" s="9">
        <v>4.7300000000000004</v>
      </c>
      <c r="L22390" s="6" t="s">
        <v>4151</v>
      </c>
    </row>
    <row r="22391" spans="1:12">
      <c r="A22391" s="6" t="s">
        <v>4151</v>
      </c>
      <c r="B22391" s="6"/>
      <c r="C22391" s="6" t="s">
        <v>22427</v>
      </c>
      <c r="D22391" s="6"/>
      <c r="E22391" s="6" t="s">
        <v>9</v>
      </c>
      <c r="F22391" s="7">
        <v>38657</v>
      </c>
      <c r="G22391" s="8">
        <v>1</v>
      </c>
      <c r="H22391" s="8">
        <v>1</v>
      </c>
      <c r="I22391" s="8">
        <v>0</v>
      </c>
      <c r="J22391" s="8">
        <v>1</v>
      </c>
      <c r="K22391" s="9">
        <v>30</v>
      </c>
      <c r="L22391" s="6" t="s">
        <v>4151</v>
      </c>
    </row>
    <row r="22392" spans="1:12">
      <c r="A22392" s="6" t="s">
        <v>4151</v>
      </c>
      <c r="B22392" s="6"/>
      <c r="C22392" s="6" t="s">
        <v>22428</v>
      </c>
      <c r="D22392" s="6"/>
      <c r="E22392" s="6" t="s">
        <v>9</v>
      </c>
      <c r="F22392" s="7">
        <v>38657</v>
      </c>
      <c r="G22392" s="8">
        <v>1</v>
      </c>
      <c r="H22392" s="8">
        <v>1</v>
      </c>
      <c r="I22392" s="8">
        <v>0</v>
      </c>
      <c r="J22392" s="8">
        <v>1</v>
      </c>
      <c r="K22392" s="9">
        <v>14.12</v>
      </c>
      <c r="L22392" s="6" t="s">
        <v>4151</v>
      </c>
    </row>
    <row r="22393" spans="1:12">
      <c r="A22393" s="6" t="s">
        <v>4151</v>
      </c>
      <c r="B22393" s="6"/>
      <c r="C22393" s="6" t="s">
        <v>22429</v>
      </c>
      <c r="D22393" s="6"/>
      <c r="E22393" s="6" t="s">
        <v>9</v>
      </c>
      <c r="F22393" s="7">
        <v>38657</v>
      </c>
      <c r="G22393" s="8">
        <v>1</v>
      </c>
      <c r="H22393" s="8">
        <v>1</v>
      </c>
      <c r="I22393" s="8">
        <v>0</v>
      </c>
      <c r="J22393" s="8">
        <v>1</v>
      </c>
      <c r="K22393" s="9">
        <v>56</v>
      </c>
      <c r="L22393" s="6" t="s">
        <v>4151</v>
      </c>
    </row>
    <row r="22394" spans="1:12">
      <c r="A22394" s="6" t="s">
        <v>4151</v>
      </c>
      <c r="B22394" s="6"/>
      <c r="C22394" s="6" t="s">
        <v>22430</v>
      </c>
      <c r="D22394" s="6"/>
      <c r="E22394" s="6" t="s">
        <v>9</v>
      </c>
      <c r="F22394" s="7">
        <v>38657</v>
      </c>
      <c r="G22394" s="8">
        <v>1</v>
      </c>
      <c r="H22394" s="8">
        <v>1</v>
      </c>
      <c r="I22394" s="8">
        <v>0</v>
      </c>
      <c r="J22394" s="8">
        <v>1</v>
      </c>
      <c r="K22394" s="9">
        <v>3.91</v>
      </c>
      <c r="L22394" s="6" t="s">
        <v>4151</v>
      </c>
    </row>
    <row r="22395" spans="1:12">
      <c r="A22395" s="6" t="s">
        <v>4151</v>
      </c>
      <c r="B22395" s="6"/>
      <c r="C22395" s="6" t="s">
        <v>22431</v>
      </c>
      <c r="D22395" s="6"/>
      <c r="E22395" s="6" t="s">
        <v>9</v>
      </c>
      <c r="F22395" s="7">
        <v>38657</v>
      </c>
      <c r="G22395" s="8">
        <v>336789</v>
      </c>
      <c r="H22395" s="8">
        <v>336789</v>
      </c>
      <c r="I22395" s="8">
        <v>0</v>
      </c>
      <c r="J22395" s="8">
        <v>336789</v>
      </c>
      <c r="K22395" s="9">
        <v>23</v>
      </c>
      <c r="L22395" s="6" t="s">
        <v>4151</v>
      </c>
    </row>
    <row r="22396" spans="1:12">
      <c r="A22396" s="6" t="s">
        <v>4151</v>
      </c>
      <c r="B22396" s="6"/>
      <c r="C22396" s="6" t="s">
        <v>22432</v>
      </c>
      <c r="D22396" s="6"/>
      <c r="E22396" s="6" t="s">
        <v>9</v>
      </c>
      <c r="F22396" s="7">
        <v>38657</v>
      </c>
      <c r="G22396" s="8">
        <v>1</v>
      </c>
      <c r="H22396" s="8">
        <v>1</v>
      </c>
      <c r="I22396" s="8">
        <v>0</v>
      </c>
      <c r="J22396" s="8">
        <v>1</v>
      </c>
      <c r="K22396" s="9">
        <v>0.81</v>
      </c>
      <c r="L22396" s="6" t="s">
        <v>4151</v>
      </c>
    </row>
    <row r="22397" spans="1:12">
      <c r="A22397" s="6" t="s">
        <v>4151</v>
      </c>
      <c r="B22397" s="6"/>
      <c r="C22397" s="6" t="s">
        <v>22433</v>
      </c>
      <c r="D22397" s="6"/>
      <c r="E22397" s="6" t="s">
        <v>9</v>
      </c>
      <c r="F22397" s="7">
        <v>38657</v>
      </c>
      <c r="G22397" s="8">
        <v>1</v>
      </c>
      <c r="H22397" s="8">
        <v>1</v>
      </c>
      <c r="I22397" s="8">
        <v>0</v>
      </c>
      <c r="J22397" s="8">
        <v>1</v>
      </c>
      <c r="K22397" s="9">
        <v>2.17</v>
      </c>
      <c r="L22397" s="6" t="s">
        <v>4151</v>
      </c>
    </row>
    <row r="22398" spans="1:12">
      <c r="A22398" s="6" t="s">
        <v>4151</v>
      </c>
      <c r="B22398" s="6"/>
      <c r="C22398" s="6" t="s">
        <v>22434</v>
      </c>
      <c r="D22398" s="6"/>
      <c r="E22398" s="6" t="s">
        <v>9</v>
      </c>
      <c r="F22398" s="7">
        <v>38657</v>
      </c>
      <c r="G22398" s="8">
        <v>1</v>
      </c>
      <c r="H22398" s="8">
        <v>1</v>
      </c>
      <c r="I22398" s="8">
        <v>0</v>
      </c>
      <c r="J22398" s="8">
        <v>1</v>
      </c>
      <c r="K22398" s="9">
        <v>21</v>
      </c>
      <c r="L22398" s="6" t="s">
        <v>4151</v>
      </c>
    </row>
    <row r="22399" spans="1:12">
      <c r="A22399" s="6" t="s">
        <v>4151</v>
      </c>
      <c r="B22399" s="6"/>
      <c r="C22399" s="6" t="s">
        <v>22435</v>
      </c>
      <c r="D22399" s="6"/>
      <c r="E22399" s="6" t="s">
        <v>9</v>
      </c>
      <c r="F22399" s="7">
        <v>38657</v>
      </c>
      <c r="G22399" s="8">
        <v>1</v>
      </c>
      <c r="H22399" s="8">
        <v>1</v>
      </c>
      <c r="I22399" s="8">
        <v>0</v>
      </c>
      <c r="J22399" s="8">
        <v>1</v>
      </c>
      <c r="K22399" s="9">
        <v>11</v>
      </c>
      <c r="L22399" s="6" t="s">
        <v>4151</v>
      </c>
    </row>
    <row r="22400" spans="1:12">
      <c r="A22400" s="6" t="s">
        <v>4151</v>
      </c>
      <c r="B22400" s="6"/>
      <c r="C22400" s="6" t="s">
        <v>22436</v>
      </c>
      <c r="D22400" s="6"/>
      <c r="E22400" s="6" t="s">
        <v>9</v>
      </c>
      <c r="F22400" s="7">
        <v>38657</v>
      </c>
      <c r="G22400" s="8">
        <v>1</v>
      </c>
      <c r="H22400" s="8">
        <v>1</v>
      </c>
      <c r="I22400" s="8">
        <v>0</v>
      </c>
      <c r="J22400" s="8">
        <v>1</v>
      </c>
      <c r="K22400" s="9">
        <v>91.81</v>
      </c>
      <c r="L22400" s="6" t="s">
        <v>4151</v>
      </c>
    </row>
    <row r="22401" spans="1:12">
      <c r="A22401" s="6" t="s">
        <v>4151</v>
      </c>
      <c r="B22401" s="6"/>
      <c r="C22401" s="6" t="s">
        <v>22437</v>
      </c>
      <c r="D22401" s="6"/>
      <c r="E22401" s="6" t="s">
        <v>9</v>
      </c>
      <c r="F22401" s="7">
        <v>38657</v>
      </c>
      <c r="G22401" s="8">
        <v>1</v>
      </c>
      <c r="H22401" s="8">
        <v>1</v>
      </c>
      <c r="I22401" s="8">
        <v>0</v>
      </c>
      <c r="J22401" s="8">
        <v>1</v>
      </c>
      <c r="K22401" s="9">
        <v>168.23</v>
      </c>
      <c r="L22401" s="6" t="s">
        <v>4151</v>
      </c>
    </row>
    <row r="22402" spans="1:12">
      <c r="A22402" s="6" t="s">
        <v>4151</v>
      </c>
      <c r="B22402" s="6"/>
      <c r="C22402" s="6" t="s">
        <v>22438</v>
      </c>
      <c r="D22402" s="6"/>
      <c r="E22402" s="6" t="s">
        <v>9</v>
      </c>
      <c r="F22402" s="7">
        <v>38657</v>
      </c>
      <c r="G22402" s="8">
        <v>1</v>
      </c>
      <c r="H22402" s="8">
        <v>1</v>
      </c>
      <c r="I22402" s="8">
        <v>0</v>
      </c>
      <c r="J22402" s="8">
        <v>1</v>
      </c>
      <c r="K22402" s="9">
        <v>90.56</v>
      </c>
      <c r="L22402" s="6" t="s">
        <v>4151</v>
      </c>
    </row>
    <row r="22403" spans="1:12">
      <c r="A22403" s="6" t="s">
        <v>4151</v>
      </c>
      <c r="B22403" s="6"/>
      <c r="C22403" s="6" t="s">
        <v>22439</v>
      </c>
      <c r="D22403" s="6"/>
      <c r="E22403" s="6" t="s">
        <v>9</v>
      </c>
      <c r="F22403" s="7">
        <v>38657</v>
      </c>
      <c r="G22403" s="8">
        <v>1</v>
      </c>
      <c r="H22403" s="8">
        <v>1</v>
      </c>
      <c r="I22403" s="8">
        <v>0</v>
      </c>
      <c r="J22403" s="8">
        <v>1</v>
      </c>
      <c r="K22403" s="9">
        <v>131.37</v>
      </c>
      <c r="L22403" s="6" t="s">
        <v>4151</v>
      </c>
    </row>
    <row r="22404" spans="1:12">
      <c r="A22404" s="6" t="s">
        <v>4151</v>
      </c>
      <c r="B22404" s="6"/>
      <c r="C22404" s="6" t="s">
        <v>22440</v>
      </c>
      <c r="D22404" s="6"/>
      <c r="E22404" s="6" t="s">
        <v>9</v>
      </c>
      <c r="F22404" s="7">
        <v>38657</v>
      </c>
      <c r="G22404" s="8">
        <v>1</v>
      </c>
      <c r="H22404" s="8">
        <v>1</v>
      </c>
      <c r="I22404" s="8">
        <v>0</v>
      </c>
      <c r="J22404" s="8">
        <v>1</v>
      </c>
      <c r="K22404" s="9">
        <v>137.43</v>
      </c>
      <c r="L22404" s="6" t="s">
        <v>4151</v>
      </c>
    </row>
    <row r="22405" spans="1:12">
      <c r="A22405" s="6" t="s">
        <v>4151</v>
      </c>
      <c r="B22405" s="6"/>
      <c r="C22405" s="6" t="s">
        <v>22441</v>
      </c>
      <c r="D22405" s="6"/>
      <c r="E22405" s="6" t="s">
        <v>9</v>
      </c>
      <c r="F22405" s="7">
        <v>38657</v>
      </c>
      <c r="G22405" s="8">
        <v>1</v>
      </c>
      <c r="H22405" s="8">
        <v>1</v>
      </c>
      <c r="I22405" s="8">
        <v>0</v>
      </c>
      <c r="J22405" s="8">
        <v>1</v>
      </c>
      <c r="K22405" s="9">
        <v>105.18</v>
      </c>
      <c r="L22405" s="6" t="s">
        <v>4151</v>
      </c>
    </row>
    <row r="22406" spans="1:12">
      <c r="A22406" s="6" t="s">
        <v>4151</v>
      </c>
      <c r="B22406" s="6"/>
      <c r="C22406" s="6" t="s">
        <v>22442</v>
      </c>
      <c r="D22406" s="6"/>
      <c r="E22406" s="6" t="s">
        <v>9</v>
      </c>
      <c r="F22406" s="7">
        <v>38657</v>
      </c>
      <c r="G22406" s="8">
        <v>336789</v>
      </c>
      <c r="H22406" s="8">
        <v>336789</v>
      </c>
      <c r="I22406" s="8">
        <v>0</v>
      </c>
      <c r="J22406" s="8">
        <v>336789</v>
      </c>
      <c r="K22406" s="9">
        <v>23</v>
      </c>
      <c r="L22406" s="6" t="s">
        <v>4151</v>
      </c>
    </row>
    <row r="22407" spans="1:12">
      <c r="A22407" s="6" t="s">
        <v>4151</v>
      </c>
      <c r="B22407" s="6"/>
      <c r="C22407" s="6" t="s">
        <v>22443</v>
      </c>
      <c r="D22407" s="6"/>
      <c r="E22407" s="6" t="s">
        <v>9</v>
      </c>
      <c r="F22407" s="7">
        <v>38657</v>
      </c>
      <c r="G22407" s="8">
        <v>1</v>
      </c>
      <c r="H22407" s="8">
        <v>1</v>
      </c>
      <c r="I22407" s="8">
        <v>0</v>
      </c>
      <c r="J22407" s="8">
        <v>1</v>
      </c>
      <c r="K22407" s="9">
        <v>90.81</v>
      </c>
      <c r="L22407" s="6" t="s">
        <v>4151</v>
      </c>
    </row>
    <row r="22408" spans="1:12">
      <c r="A22408" s="6" t="s">
        <v>4151</v>
      </c>
      <c r="B22408" s="6"/>
      <c r="C22408" s="6" t="s">
        <v>22444</v>
      </c>
      <c r="D22408" s="6"/>
      <c r="E22408" s="6" t="s">
        <v>9</v>
      </c>
      <c r="F22408" s="7">
        <v>38657</v>
      </c>
      <c r="G22408" s="8">
        <v>1</v>
      </c>
      <c r="H22408" s="8">
        <v>1</v>
      </c>
      <c r="I22408" s="8">
        <v>0</v>
      </c>
      <c r="J22408" s="8">
        <v>1</v>
      </c>
      <c r="K22408" s="9">
        <v>29.66</v>
      </c>
      <c r="L22408" s="6" t="s">
        <v>4151</v>
      </c>
    </row>
    <row r="22409" spans="1:12">
      <c r="A22409" s="6" t="s">
        <v>4151</v>
      </c>
      <c r="B22409" s="6"/>
      <c r="C22409" s="6" t="s">
        <v>22445</v>
      </c>
      <c r="D22409" s="6"/>
      <c r="E22409" s="6" t="s">
        <v>9</v>
      </c>
      <c r="F22409" s="7">
        <v>38657</v>
      </c>
      <c r="G22409" s="8">
        <v>1</v>
      </c>
      <c r="H22409" s="8">
        <v>1</v>
      </c>
      <c r="I22409" s="8">
        <v>0</v>
      </c>
      <c r="J22409" s="8">
        <v>1</v>
      </c>
      <c r="K22409" s="9">
        <v>11.45</v>
      </c>
      <c r="L22409" s="6" t="s">
        <v>4151</v>
      </c>
    </row>
    <row r="22410" spans="1:12">
      <c r="A22410" s="6" t="s">
        <v>4151</v>
      </c>
      <c r="B22410" s="6"/>
      <c r="C22410" s="6" t="s">
        <v>22446</v>
      </c>
      <c r="D22410" s="6"/>
      <c r="E22410" s="6" t="s">
        <v>9</v>
      </c>
      <c r="F22410" s="7">
        <v>38657</v>
      </c>
      <c r="G22410" s="8">
        <v>1</v>
      </c>
      <c r="H22410" s="8">
        <v>1</v>
      </c>
      <c r="I22410" s="8">
        <v>0</v>
      </c>
      <c r="J22410" s="8">
        <v>1</v>
      </c>
      <c r="K22410" s="9">
        <v>5.98</v>
      </c>
      <c r="L22410" s="6" t="s">
        <v>4151</v>
      </c>
    </row>
    <row r="22411" spans="1:12">
      <c r="A22411" s="6" t="s">
        <v>4151</v>
      </c>
      <c r="B22411" s="6"/>
      <c r="C22411" s="6" t="s">
        <v>22447</v>
      </c>
      <c r="D22411" s="6"/>
      <c r="E22411" s="6" t="s">
        <v>9</v>
      </c>
      <c r="F22411" s="7">
        <v>38657</v>
      </c>
      <c r="G22411" s="8">
        <v>1</v>
      </c>
      <c r="H22411" s="8">
        <v>1</v>
      </c>
      <c r="I22411" s="8">
        <v>0</v>
      </c>
      <c r="J22411" s="8">
        <v>1</v>
      </c>
      <c r="K22411" s="9">
        <v>6.54</v>
      </c>
      <c r="L22411" s="6" t="s">
        <v>4151</v>
      </c>
    </row>
    <row r="22412" spans="1:12">
      <c r="A22412" s="6" t="s">
        <v>4151</v>
      </c>
      <c r="B22412" s="6"/>
      <c r="C22412" s="6" t="s">
        <v>22448</v>
      </c>
      <c r="D22412" s="6"/>
      <c r="E22412" s="6" t="s">
        <v>9</v>
      </c>
      <c r="F22412" s="7">
        <v>38657</v>
      </c>
      <c r="G22412" s="8">
        <v>1</v>
      </c>
      <c r="H22412" s="8">
        <v>1</v>
      </c>
      <c r="I22412" s="8">
        <v>0</v>
      </c>
      <c r="J22412" s="8">
        <v>1</v>
      </c>
      <c r="K22412" s="9">
        <v>5.96</v>
      </c>
      <c r="L22412" s="6" t="s">
        <v>4151</v>
      </c>
    </row>
    <row r="22413" spans="1:12">
      <c r="A22413" s="6" t="s">
        <v>4151</v>
      </c>
      <c r="B22413" s="6"/>
      <c r="C22413" s="6" t="s">
        <v>22449</v>
      </c>
      <c r="D22413" s="6"/>
      <c r="E22413" s="6" t="s">
        <v>9</v>
      </c>
      <c r="F22413" s="7">
        <v>38657</v>
      </c>
      <c r="G22413" s="8">
        <v>1</v>
      </c>
      <c r="H22413" s="8">
        <v>1</v>
      </c>
      <c r="I22413" s="8">
        <v>0</v>
      </c>
      <c r="J22413" s="8">
        <v>1</v>
      </c>
      <c r="K22413" s="9">
        <v>67</v>
      </c>
      <c r="L22413" s="6" t="s">
        <v>4151</v>
      </c>
    </row>
    <row r="22414" spans="1:12">
      <c r="A22414" s="6" t="s">
        <v>4151</v>
      </c>
      <c r="B22414" s="6"/>
      <c r="C22414" s="6" t="s">
        <v>22450</v>
      </c>
      <c r="D22414" s="6"/>
      <c r="E22414" s="6" t="s">
        <v>9</v>
      </c>
      <c r="F22414" s="7">
        <v>38657</v>
      </c>
      <c r="G22414" s="8">
        <v>1</v>
      </c>
      <c r="H22414" s="8">
        <v>1</v>
      </c>
      <c r="I22414" s="8">
        <v>0</v>
      </c>
      <c r="J22414" s="8">
        <v>1</v>
      </c>
      <c r="K22414" s="9">
        <v>67</v>
      </c>
      <c r="L22414" s="6" t="s">
        <v>4151</v>
      </c>
    </row>
    <row r="22415" spans="1:12">
      <c r="A22415" s="6" t="s">
        <v>4151</v>
      </c>
      <c r="B22415" s="6"/>
      <c r="C22415" s="6" t="s">
        <v>22451</v>
      </c>
      <c r="D22415" s="6"/>
      <c r="E22415" s="6" t="s">
        <v>9</v>
      </c>
      <c r="F22415" s="7">
        <v>38657</v>
      </c>
      <c r="G22415" s="8">
        <v>1</v>
      </c>
      <c r="H22415" s="8">
        <v>1</v>
      </c>
      <c r="I22415" s="8">
        <v>0</v>
      </c>
      <c r="J22415" s="8">
        <v>1</v>
      </c>
      <c r="K22415" s="9">
        <v>67</v>
      </c>
      <c r="L22415" s="6" t="s">
        <v>4151</v>
      </c>
    </row>
    <row r="22416" spans="1:12">
      <c r="A22416" s="6" t="s">
        <v>4151</v>
      </c>
      <c r="B22416" s="6"/>
      <c r="C22416" s="6" t="s">
        <v>22452</v>
      </c>
      <c r="D22416" s="6"/>
      <c r="E22416" s="6" t="s">
        <v>9</v>
      </c>
      <c r="F22416" s="7">
        <v>38657</v>
      </c>
      <c r="G22416" s="8">
        <v>1</v>
      </c>
      <c r="H22416" s="8">
        <v>1</v>
      </c>
      <c r="I22416" s="8">
        <v>0</v>
      </c>
      <c r="J22416" s="8">
        <v>1</v>
      </c>
      <c r="K22416" s="9">
        <v>66</v>
      </c>
      <c r="L22416" s="6" t="s">
        <v>4151</v>
      </c>
    </row>
    <row r="22417" spans="1:12">
      <c r="A22417" s="6" t="s">
        <v>4151</v>
      </c>
      <c r="B22417" s="6"/>
      <c r="C22417" s="6" t="s">
        <v>22453</v>
      </c>
      <c r="D22417" s="6"/>
      <c r="E22417" s="6" t="s">
        <v>9</v>
      </c>
      <c r="F22417" s="7">
        <v>38657</v>
      </c>
      <c r="G22417" s="8">
        <v>688220</v>
      </c>
      <c r="H22417" s="8">
        <v>688220</v>
      </c>
      <c r="I22417" s="8">
        <v>0</v>
      </c>
      <c r="J22417" s="8">
        <v>688220</v>
      </c>
      <c r="K22417" s="9">
        <v>47</v>
      </c>
      <c r="L22417" s="6" t="s">
        <v>4151</v>
      </c>
    </row>
    <row r="22418" spans="1:12">
      <c r="A22418" s="6" t="s">
        <v>4151</v>
      </c>
      <c r="B22418" s="6"/>
      <c r="C22418" s="6" t="s">
        <v>22454</v>
      </c>
      <c r="D22418" s="6"/>
      <c r="E22418" s="6" t="s">
        <v>9</v>
      </c>
      <c r="F22418" s="7">
        <v>38657</v>
      </c>
      <c r="G22418" s="8">
        <v>1</v>
      </c>
      <c r="H22418" s="8">
        <v>1</v>
      </c>
      <c r="I22418" s="8">
        <v>0</v>
      </c>
      <c r="J22418" s="8">
        <v>1</v>
      </c>
      <c r="K22418" s="9">
        <v>23</v>
      </c>
      <c r="L22418" s="6" t="s">
        <v>4151</v>
      </c>
    </row>
    <row r="22419" spans="1:12">
      <c r="A22419" s="6" t="s">
        <v>4151</v>
      </c>
      <c r="B22419" s="6"/>
      <c r="C22419" s="6" t="s">
        <v>22455</v>
      </c>
      <c r="D22419" s="6"/>
      <c r="E22419" s="6" t="s">
        <v>9</v>
      </c>
      <c r="F22419" s="7">
        <v>38657</v>
      </c>
      <c r="G22419" s="8">
        <v>1</v>
      </c>
      <c r="H22419" s="8">
        <v>1</v>
      </c>
      <c r="I22419" s="8">
        <v>0</v>
      </c>
      <c r="J22419" s="8">
        <v>1</v>
      </c>
      <c r="K22419" s="9">
        <v>8.32</v>
      </c>
      <c r="L22419" s="6" t="s">
        <v>4151</v>
      </c>
    </row>
    <row r="22420" spans="1:12">
      <c r="A22420" s="6" t="s">
        <v>4151</v>
      </c>
      <c r="B22420" s="6"/>
      <c r="C22420" s="6" t="s">
        <v>22456</v>
      </c>
      <c r="D22420" s="6"/>
      <c r="E22420" s="6" t="s">
        <v>9</v>
      </c>
      <c r="F22420" s="7">
        <v>38657</v>
      </c>
      <c r="G22420" s="8">
        <v>1</v>
      </c>
      <c r="H22420" s="8">
        <v>1</v>
      </c>
      <c r="I22420" s="8">
        <v>0</v>
      </c>
      <c r="J22420" s="8">
        <v>1</v>
      </c>
      <c r="K22420" s="9">
        <v>30</v>
      </c>
      <c r="L22420" s="6" t="s">
        <v>4151</v>
      </c>
    </row>
    <row r="22421" spans="1:12">
      <c r="A22421" s="6" t="s">
        <v>4151</v>
      </c>
      <c r="B22421" s="6"/>
      <c r="C22421" s="6" t="s">
        <v>22457</v>
      </c>
      <c r="D22421" s="6"/>
      <c r="E22421" s="6" t="s">
        <v>9</v>
      </c>
      <c r="F22421" s="7">
        <v>38657</v>
      </c>
      <c r="G22421" s="8">
        <v>1</v>
      </c>
      <c r="H22421" s="8">
        <v>1</v>
      </c>
      <c r="I22421" s="8">
        <v>0</v>
      </c>
      <c r="J22421" s="8">
        <v>1</v>
      </c>
      <c r="K22421" s="9">
        <v>127</v>
      </c>
      <c r="L22421" s="6" t="s">
        <v>4151</v>
      </c>
    </row>
    <row r="22422" spans="1:12">
      <c r="A22422" s="6" t="s">
        <v>4151</v>
      </c>
      <c r="B22422" s="6"/>
      <c r="C22422" s="6" t="s">
        <v>22458</v>
      </c>
      <c r="D22422" s="6"/>
      <c r="E22422" s="6" t="s">
        <v>9</v>
      </c>
      <c r="F22422" s="7">
        <v>38657</v>
      </c>
      <c r="G22422" s="8">
        <v>1</v>
      </c>
      <c r="H22422" s="8">
        <v>1</v>
      </c>
      <c r="I22422" s="8">
        <v>0</v>
      </c>
      <c r="J22422" s="8">
        <v>1</v>
      </c>
      <c r="K22422" s="9">
        <v>431</v>
      </c>
      <c r="L22422" s="6" t="s">
        <v>4151</v>
      </c>
    </row>
    <row r="22423" spans="1:12">
      <c r="A22423" s="6" t="s">
        <v>4151</v>
      </c>
      <c r="B22423" s="6"/>
      <c r="C22423" s="6" t="s">
        <v>22459</v>
      </c>
      <c r="D22423" s="6"/>
      <c r="E22423" s="6" t="s">
        <v>9</v>
      </c>
      <c r="F22423" s="7">
        <v>38657</v>
      </c>
      <c r="G22423" s="8">
        <v>1</v>
      </c>
      <c r="H22423" s="8">
        <v>1</v>
      </c>
      <c r="I22423" s="8">
        <v>0</v>
      </c>
      <c r="J22423" s="8">
        <v>1</v>
      </c>
      <c r="K22423" s="9">
        <v>205</v>
      </c>
      <c r="L22423" s="6" t="s">
        <v>4151</v>
      </c>
    </row>
    <row r="22424" spans="1:12">
      <c r="A22424" s="6" t="s">
        <v>4151</v>
      </c>
      <c r="B22424" s="6"/>
      <c r="C22424" s="6" t="s">
        <v>22460</v>
      </c>
      <c r="D22424" s="6"/>
      <c r="E22424" s="6" t="s">
        <v>9</v>
      </c>
      <c r="F22424" s="7">
        <v>38657</v>
      </c>
      <c r="G22424" s="8">
        <v>1</v>
      </c>
      <c r="H22424" s="8">
        <v>1</v>
      </c>
      <c r="I22424" s="8">
        <v>0</v>
      </c>
      <c r="J22424" s="8">
        <v>1</v>
      </c>
      <c r="K22424" s="9">
        <v>121</v>
      </c>
      <c r="L22424" s="6" t="s">
        <v>4151</v>
      </c>
    </row>
    <row r="22425" spans="1:12">
      <c r="A22425" s="6" t="s">
        <v>4151</v>
      </c>
      <c r="B22425" s="6"/>
      <c r="C22425" s="6" t="s">
        <v>22461</v>
      </c>
      <c r="D22425" s="6"/>
      <c r="E22425" s="6" t="s">
        <v>9</v>
      </c>
      <c r="F22425" s="7">
        <v>38657</v>
      </c>
      <c r="G22425" s="8">
        <v>1</v>
      </c>
      <c r="H22425" s="8">
        <v>1</v>
      </c>
      <c r="I22425" s="8">
        <v>0</v>
      </c>
      <c r="J22425" s="8">
        <v>1</v>
      </c>
      <c r="K22425" s="9">
        <v>15</v>
      </c>
      <c r="L22425" s="6" t="s">
        <v>4151</v>
      </c>
    </row>
    <row r="22426" spans="1:12">
      <c r="A22426" s="6" t="s">
        <v>4151</v>
      </c>
      <c r="B22426" s="6"/>
      <c r="C22426" s="6" t="s">
        <v>22462</v>
      </c>
      <c r="D22426" s="6"/>
      <c r="E22426" s="6" t="s">
        <v>9</v>
      </c>
      <c r="F22426" s="7">
        <v>38657</v>
      </c>
      <c r="G22426" s="8">
        <v>1</v>
      </c>
      <c r="H22426" s="8">
        <v>1</v>
      </c>
      <c r="I22426" s="8">
        <v>0</v>
      </c>
      <c r="J22426" s="8">
        <v>1</v>
      </c>
      <c r="K22426" s="9">
        <v>1.5</v>
      </c>
      <c r="L22426" s="6" t="s">
        <v>4151</v>
      </c>
    </row>
    <row r="22427" spans="1:12">
      <c r="A22427" s="6" t="s">
        <v>4151</v>
      </c>
      <c r="B22427" s="6"/>
      <c r="C22427" s="6" t="s">
        <v>22463</v>
      </c>
      <c r="D22427" s="6"/>
      <c r="E22427" s="6" t="s">
        <v>9</v>
      </c>
      <c r="F22427" s="7">
        <v>38657</v>
      </c>
      <c r="G22427" s="8">
        <v>1</v>
      </c>
      <c r="H22427" s="8">
        <v>1</v>
      </c>
      <c r="I22427" s="8">
        <v>0</v>
      </c>
      <c r="J22427" s="8">
        <v>1</v>
      </c>
      <c r="K22427" s="9">
        <v>1.56</v>
      </c>
      <c r="L22427" s="6" t="s">
        <v>4151</v>
      </c>
    </row>
    <row r="22428" spans="1:12">
      <c r="A22428" s="6" t="s">
        <v>4151</v>
      </c>
      <c r="B22428" s="6"/>
      <c r="C22428" s="6" t="s">
        <v>22464</v>
      </c>
      <c r="D22428" s="6"/>
      <c r="E22428" s="6" t="s">
        <v>9</v>
      </c>
      <c r="F22428" s="7">
        <v>38657</v>
      </c>
      <c r="G22428" s="8">
        <v>688220</v>
      </c>
      <c r="H22428" s="8">
        <v>688220</v>
      </c>
      <c r="I22428" s="8">
        <v>0</v>
      </c>
      <c r="J22428" s="8">
        <v>688220</v>
      </c>
      <c r="K22428" s="9">
        <v>47</v>
      </c>
      <c r="L22428" s="6" t="s">
        <v>4151</v>
      </c>
    </row>
    <row r="22429" spans="1:12">
      <c r="A22429" s="6" t="s">
        <v>4151</v>
      </c>
      <c r="B22429" s="6"/>
      <c r="C22429" s="6" t="s">
        <v>22465</v>
      </c>
      <c r="D22429" s="6"/>
      <c r="E22429" s="6" t="s">
        <v>9</v>
      </c>
      <c r="F22429" s="7">
        <v>38657</v>
      </c>
      <c r="G22429" s="8">
        <v>1</v>
      </c>
      <c r="H22429" s="8">
        <v>1</v>
      </c>
      <c r="I22429" s="8">
        <v>0</v>
      </c>
      <c r="J22429" s="8">
        <v>1</v>
      </c>
      <c r="K22429" s="9">
        <v>14.86</v>
      </c>
      <c r="L22429" s="6" t="s">
        <v>4151</v>
      </c>
    </row>
    <row r="22430" spans="1:12">
      <c r="A22430" s="6" t="s">
        <v>4151</v>
      </c>
      <c r="B22430" s="6"/>
      <c r="C22430" s="6" t="s">
        <v>22466</v>
      </c>
      <c r="D22430" s="6"/>
      <c r="E22430" s="6" t="s">
        <v>9</v>
      </c>
      <c r="F22430" s="7">
        <v>38657</v>
      </c>
      <c r="G22430" s="8">
        <v>1</v>
      </c>
      <c r="H22430" s="8">
        <v>1</v>
      </c>
      <c r="I22430" s="8">
        <v>0</v>
      </c>
      <c r="J22430" s="8">
        <v>1</v>
      </c>
      <c r="K22430" s="9">
        <v>2.67</v>
      </c>
      <c r="L22430" s="6" t="s">
        <v>4151</v>
      </c>
    </row>
    <row r="22431" spans="1:12">
      <c r="A22431" s="6" t="s">
        <v>4151</v>
      </c>
      <c r="B22431" s="6"/>
      <c r="C22431" s="6" t="s">
        <v>22467</v>
      </c>
      <c r="D22431" s="6"/>
      <c r="E22431" s="6" t="s">
        <v>9</v>
      </c>
      <c r="F22431" s="7">
        <v>38657</v>
      </c>
      <c r="G22431" s="8">
        <v>1</v>
      </c>
      <c r="H22431" s="8">
        <v>1</v>
      </c>
      <c r="I22431" s="8">
        <v>0</v>
      </c>
      <c r="J22431" s="8">
        <v>1</v>
      </c>
      <c r="K22431" s="9">
        <v>14.24</v>
      </c>
      <c r="L22431" s="6" t="s">
        <v>4151</v>
      </c>
    </row>
    <row r="22432" spans="1:12">
      <c r="A22432" s="6" t="s">
        <v>4151</v>
      </c>
      <c r="B22432" s="6"/>
      <c r="C22432" s="6" t="s">
        <v>22468</v>
      </c>
      <c r="D22432" s="6"/>
      <c r="E22432" s="6" t="s">
        <v>9</v>
      </c>
      <c r="F22432" s="7">
        <v>38657</v>
      </c>
      <c r="G22432" s="8">
        <v>1</v>
      </c>
      <c r="H22432" s="8">
        <v>1</v>
      </c>
      <c r="I22432" s="8">
        <v>0</v>
      </c>
      <c r="J22432" s="8">
        <v>1</v>
      </c>
      <c r="K22432" s="9">
        <v>0.63</v>
      </c>
      <c r="L22432" s="6" t="s">
        <v>4151</v>
      </c>
    </row>
    <row r="22433" spans="1:12">
      <c r="A22433" s="6" t="s">
        <v>4151</v>
      </c>
      <c r="B22433" s="6"/>
      <c r="C22433" s="6" t="s">
        <v>22469</v>
      </c>
      <c r="D22433" s="6"/>
      <c r="E22433" s="6" t="s">
        <v>9</v>
      </c>
      <c r="F22433" s="7">
        <v>38657</v>
      </c>
      <c r="G22433" s="8">
        <v>1</v>
      </c>
      <c r="H22433" s="8">
        <v>1</v>
      </c>
      <c r="I22433" s="8">
        <v>0</v>
      </c>
      <c r="J22433" s="8">
        <v>1</v>
      </c>
      <c r="K22433" s="9">
        <v>4.62</v>
      </c>
      <c r="L22433" s="6" t="s">
        <v>4151</v>
      </c>
    </row>
    <row r="22434" spans="1:12">
      <c r="A22434" s="6" t="s">
        <v>4151</v>
      </c>
      <c r="B22434" s="6"/>
      <c r="C22434" s="6" t="s">
        <v>22470</v>
      </c>
      <c r="D22434" s="6"/>
      <c r="E22434" s="6" t="s">
        <v>9</v>
      </c>
      <c r="F22434" s="7">
        <v>38657</v>
      </c>
      <c r="G22434" s="8">
        <v>1</v>
      </c>
      <c r="H22434" s="8">
        <v>1</v>
      </c>
      <c r="I22434" s="8">
        <v>0</v>
      </c>
      <c r="J22434" s="8">
        <v>1</v>
      </c>
      <c r="K22434" s="9">
        <v>10</v>
      </c>
      <c r="L22434" s="6" t="s">
        <v>4151</v>
      </c>
    </row>
    <row r="22435" spans="1:12">
      <c r="A22435" s="6" t="s">
        <v>4151</v>
      </c>
      <c r="B22435" s="6"/>
      <c r="C22435" s="6" t="s">
        <v>22471</v>
      </c>
      <c r="D22435" s="6"/>
      <c r="E22435" s="6" t="s">
        <v>9</v>
      </c>
      <c r="F22435" s="7">
        <v>38657</v>
      </c>
      <c r="G22435" s="8">
        <v>1</v>
      </c>
      <c r="H22435" s="8">
        <v>1</v>
      </c>
      <c r="I22435" s="8">
        <v>0</v>
      </c>
      <c r="J22435" s="8">
        <v>1</v>
      </c>
      <c r="K22435" s="9">
        <v>17</v>
      </c>
      <c r="L22435" s="6" t="s">
        <v>4151</v>
      </c>
    </row>
    <row r="22436" spans="1:12">
      <c r="A22436" s="6" t="s">
        <v>4151</v>
      </c>
      <c r="B22436" s="6"/>
      <c r="C22436" s="6" t="s">
        <v>22472</v>
      </c>
      <c r="D22436" s="6"/>
      <c r="E22436" s="6" t="s">
        <v>9</v>
      </c>
      <c r="F22436" s="7">
        <v>38657</v>
      </c>
      <c r="G22436" s="8">
        <v>1</v>
      </c>
      <c r="H22436" s="8">
        <v>1</v>
      </c>
      <c r="I22436" s="8">
        <v>0</v>
      </c>
      <c r="J22436" s="8">
        <v>1</v>
      </c>
      <c r="K22436" s="9">
        <v>8.1</v>
      </c>
      <c r="L22436" s="6" t="s">
        <v>4151</v>
      </c>
    </row>
    <row r="22437" spans="1:12">
      <c r="A22437" s="6" t="s">
        <v>4151</v>
      </c>
      <c r="B22437" s="6"/>
      <c r="C22437" s="6" t="s">
        <v>22473</v>
      </c>
      <c r="D22437" s="6"/>
      <c r="E22437" s="6" t="s">
        <v>9</v>
      </c>
      <c r="F22437" s="7">
        <v>38657</v>
      </c>
      <c r="G22437" s="8">
        <v>1</v>
      </c>
      <c r="H22437" s="8">
        <v>1</v>
      </c>
      <c r="I22437" s="8">
        <v>0</v>
      </c>
      <c r="J22437" s="8">
        <v>1</v>
      </c>
      <c r="K22437" s="9">
        <v>6.27</v>
      </c>
      <c r="L22437" s="6" t="s">
        <v>4151</v>
      </c>
    </row>
    <row r="22438" spans="1:12">
      <c r="A22438" s="6" t="s">
        <v>4151</v>
      </c>
      <c r="B22438" s="6"/>
      <c r="C22438" s="6" t="s">
        <v>22474</v>
      </c>
      <c r="D22438" s="6"/>
      <c r="E22438" s="6" t="s">
        <v>9</v>
      </c>
      <c r="F22438" s="7">
        <v>38657</v>
      </c>
      <c r="G22438" s="8">
        <v>1</v>
      </c>
      <c r="H22438" s="8">
        <v>1</v>
      </c>
      <c r="I22438" s="8">
        <v>0</v>
      </c>
      <c r="J22438" s="8">
        <v>1</v>
      </c>
      <c r="K22438" s="9">
        <v>6.61</v>
      </c>
      <c r="L22438" s="6" t="s">
        <v>4151</v>
      </c>
    </row>
    <row r="22439" spans="1:12">
      <c r="A22439" s="6" t="s">
        <v>4151</v>
      </c>
      <c r="B22439" s="6"/>
      <c r="C22439" s="6" t="s">
        <v>22475</v>
      </c>
      <c r="D22439" s="6"/>
      <c r="E22439" s="6" t="s">
        <v>9</v>
      </c>
      <c r="F22439" s="7">
        <v>38657</v>
      </c>
      <c r="G22439" s="8">
        <v>688220</v>
      </c>
      <c r="H22439" s="8">
        <v>688220</v>
      </c>
      <c r="I22439" s="8">
        <v>0</v>
      </c>
      <c r="J22439" s="8">
        <v>688220</v>
      </c>
      <c r="K22439" s="9">
        <v>47</v>
      </c>
      <c r="L22439" s="6" t="s">
        <v>4151</v>
      </c>
    </row>
    <row r="22440" spans="1:12">
      <c r="A22440" s="6" t="s">
        <v>4151</v>
      </c>
      <c r="B22440" s="6"/>
      <c r="C22440" s="6" t="s">
        <v>22476</v>
      </c>
      <c r="D22440" s="6"/>
      <c r="E22440" s="6" t="s">
        <v>9</v>
      </c>
      <c r="F22440" s="7">
        <v>38657</v>
      </c>
      <c r="G22440" s="8">
        <v>1</v>
      </c>
      <c r="H22440" s="8">
        <v>1</v>
      </c>
      <c r="I22440" s="8">
        <v>0</v>
      </c>
      <c r="J22440" s="8">
        <v>1</v>
      </c>
      <c r="K22440" s="9">
        <v>6.61</v>
      </c>
      <c r="L22440" s="6" t="s">
        <v>4151</v>
      </c>
    </row>
    <row r="22441" spans="1:12">
      <c r="A22441" s="6" t="s">
        <v>4151</v>
      </c>
      <c r="B22441" s="6"/>
      <c r="C22441" s="6" t="s">
        <v>22477</v>
      </c>
      <c r="D22441" s="6"/>
      <c r="E22441" s="6" t="s">
        <v>9</v>
      </c>
      <c r="F22441" s="7">
        <v>38657</v>
      </c>
      <c r="G22441" s="8">
        <v>1</v>
      </c>
      <c r="H22441" s="8">
        <v>1</v>
      </c>
      <c r="I22441" s="8">
        <v>0</v>
      </c>
      <c r="J22441" s="8">
        <v>1</v>
      </c>
      <c r="K22441" s="9">
        <v>6.61</v>
      </c>
      <c r="L22441" s="6" t="s">
        <v>4151</v>
      </c>
    </row>
    <row r="22442" spans="1:12">
      <c r="A22442" s="6" t="s">
        <v>4151</v>
      </c>
      <c r="B22442" s="6"/>
      <c r="C22442" s="6" t="s">
        <v>22478</v>
      </c>
      <c r="D22442" s="6"/>
      <c r="E22442" s="6" t="s">
        <v>9</v>
      </c>
      <c r="F22442" s="7">
        <v>38657</v>
      </c>
      <c r="G22442" s="8">
        <v>1</v>
      </c>
      <c r="H22442" s="8">
        <v>1</v>
      </c>
      <c r="I22442" s="8">
        <v>0</v>
      </c>
      <c r="J22442" s="8">
        <v>1</v>
      </c>
      <c r="K22442" s="9">
        <v>11.98</v>
      </c>
      <c r="L22442" s="6" t="s">
        <v>4151</v>
      </c>
    </row>
    <row r="22443" spans="1:12">
      <c r="A22443" s="6" t="s">
        <v>4151</v>
      </c>
      <c r="B22443" s="6"/>
      <c r="C22443" s="6" t="s">
        <v>22479</v>
      </c>
      <c r="D22443" s="6"/>
      <c r="E22443" s="6" t="s">
        <v>9</v>
      </c>
      <c r="F22443" s="7">
        <v>38657</v>
      </c>
      <c r="G22443" s="8">
        <v>1</v>
      </c>
      <c r="H22443" s="8">
        <v>1</v>
      </c>
      <c r="I22443" s="8">
        <v>0</v>
      </c>
      <c r="J22443" s="8">
        <v>1</v>
      </c>
      <c r="K22443" s="9">
        <v>3.48</v>
      </c>
      <c r="L22443" s="6" t="s">
        <v>4151</v>
      </c>
    </row>
    <row r="22444" spans="1:12">
      <c r="A22444" s="6" t="s">
        <v>4151</v>
      </c>
      <c r="B22444" s="6"/>
      <c r="C22444" s="6" t="s">
        <v>22480</v>
      </c>
      <c r="D22444" s="6"/>
      <c r="E22444" s="6" t="s">
        <v>9</v>
      </c>
      <c r="F22444" s="7">
        <v>38657</v>
      </c>
      <c r="G22444" s="8">
        <v>1</v>
      </c>
      <c r="H22444" s="8">
        <v>1</v>
      </c>
      <c r="I22444" s="8">
        <v>0</v>
      </c>
      <c r="J22444" s="8">
        <v>1</v>
      </c>
      <c r="K22444" s="9">
        <v>17.96</v>
      </c>
      <c r="L22444" s="6" t="s">
        <v>4151</v>
      </c>
    </row>
    <row r="22445" spans="1:12">
      <c r="A22445" s="6" t="s">
        <v>4151</v>
      </c>
      <c r="B22445" s="6"/>
      <c r="C22445" s="6" t="s">
        <v>22481</v>
      </c>
      <c r="D22445" s="6"/>
      <c r="E22445" s="6" t="s">
        <v>9</v>
      </c>
      <c r="F22445" s="7">
        <v>38657</v>
      </c>
      <c r="G22445" s="8">
        <v>1</v>
      </c>
      <c r="H22445" s="8">
        <v>1</v>
      </c>
      <c r="I22445" s="8">
        <v>0</v>
      </c>
      <c r="J22445" s="8">
        <v>1</v>
      </c>
      <c r="K22445" s="9">
        <v>5.74</v>
      </c>
      <c r="L22445" s="6" t="s">
        <v>4151</v>
      </c>
    </row>
    <row r="22446" spans="1:12">
      <c r="A22446" s="6" t="s">
        <v>4151</v>
      </c>
      <c r="B22446" s="6"/>
      <c r="C22446" s="6" t="s">
        <v>22482</v>
      </c>
      <c r="D22446" s="6"/>
      <c r="E22446" s="6" t="s">
        <v>9</v>
      </c>
      <c r="F22446" s="7">
        <v>38657</v>
      </c>
      <c r="G22446" s="8">
        <v>1</v>
      </c>
      <c r="H22446" s="8">
        <v>1</v>
      </c>
      <c r="I22446" s="8">
        <v>0</v>
      </c>
      <c r="J22446" s="8">
        <v>1</v>
      </c>
      <c r="K22446" s="9">
        <v>2.76</v>
      </c>
      <c r="L22446" s="6" t="s">
        <v>4151</v>
      </c>
    </row>
    <row r="22447" spans="1:12">
      <c r="A22447" s="6" t="s">
        <v>4151</v>
      </c>
      <c r="B22447" s="6"/>
      <c r="C22447" s="6" t="s">
        <v>22483</v>
      </c>
      <c r="D22447" s="6"/>
      <c r="E22447" s="6" t="s">
        <v>9</v>
      </c>
      <c r="F22447" s="7">
        <v>38657</v>
      </c>
      <c r="G22447" s="8">
        <v>1</v>
      </c>
      <c r="H22447" s="8">
        <v>1</v>
      </c>
      <c r="I22447" s="8">
        <v>0</v>
      </c>
      <c r="J22447" s="8">
        <v>1</v>
      </c>
      <c r="K22447" s="9">
        <v>0.84</v>
      </c>
      <c r="L22447" s="6" t="s">
        <v>4151</v>
      </c>
    </row>
    <row r="22448" spans="1:12">
      <c r="A22448" s="6" t="s">
        <v>4151</v>
      </c>
      <c r="B22448" s="6"/>
      <c r="C22448" s="6" t="s">
        <v>22484</v>
      </c>
      <c r="D22448" s="6"/>
      <c r="E22448" s="6" t="s">
        <v>9</v>
      </c>
      <c r="F22448" s="7">
        <v>38657</v>
      </c>
      <c r="G22448" s="8">
        <v>1</v>
      </c>
      <c r="H22448" s="8">
        <v>1</v>
      </c>
      <c r="I22448" s="8">
        <v>0</v>
      </c>
      <c r="J22448" s="8">
        <v>1</v>
      </c>
      <c r="K22448" s="9">
        <v>8.32</v>
      </c>
      <c r="L22448" s="6" t="s">
        <v>4151</v>
      </c>
    </row>
    <row r="22449" spans="1:12">
      <c r="A22449" s="6" t="s">
        <v>4151</v>
      </c>
      <c r="B22449" s="6"/>
      <c r="C22449" s="6" t="s">
        <v>22485</v>
      </c>
      <c r="D22449" s="6"/>
      <c r="E22449" s="6" t="s">
        <v>9</v>
      </c>
      <c r="F22449" s="7">
        <v>38657</v>
      </c>
      <c r="G22449" s="8">
        <v>1</v>
      </c>
      <c r="H22449" s="8">
        <v>1</v>
      </c>
      <c r="I22449" s="8">
        <v>0</v>
      </c>
      <c r="J22449" s="8">
        <v>1</v>
      </c>
      <c r="K22449" s="9">
        <v>0.25</v>
      </c>
      <c r="L22449" s="6" t="s">
        <v>4151</v>
      </c>
    </row>
    <row r="22450" spans="1:12">
      <c r="A22450" s="6" t="s">
        <v>4151</v>
      </c>
      <c r="B22450" s="6"/>
      <c r="C22450" s="6" t="s">
        <v>22486</v>
      </c>
      <c r="D22450" s="6"/>
      <c r="E22450" s="6" t="s">
        <v>9</v>
      </c>
      <c r="F22450" s="7">
        <v>38657</v>
      </c>
      <c r="G22450" s="8">
        <v>1</v>
      </c>
      <c r="H22450" s="8">
        <v>1</v>
      </c>
      <c r="I22450" s="8">
        <v>0</v>
      </c>
      <c r="J22450" s="8">
        <v>1</v>
      </c>
      <c r="K22450" s="9">
        <v>16</v>
      </c>
      <c r="L22450" s="6" t="s">
        <v>4151</v>
      </c>
    </row>
    <row r="22451" spans="1:12">
      <c r="A22451" s="6" t="s">
        <v>4151</v>
      </c>
      <c r="B22451" s="6"/>
      <c r="C22451" s="6" t="s">
        <v>22487</v>
      </c>
      <c r="D22451" s="6"/>
      <c r="E22451" s="6" t="s">
        <v>9</v>
      </c>
      <c r="F22451" s="7">
        <v>38657</v>
      </c>
      <c r="G22451" s="8">
        <v>688220</v>
      </c>
      <c r="H22451" s="8">
        <v>688220</v>
      </c>
      <c r="I22451" s="8">
        <v>0</v>
      </c>
      <c r="J22451" s="8">
        <v>688220</v>
      </c>
      <c r="K22451" s="9">
        <v>47</v>
      </c>
      <c r="L22451" s="6" t="s">
        <v>4151</v>
      </c>
    </row>
    <row r="22452" spans="1:12">
      <c r="A22452" s="6" t="s">
        <v>4151</v>
      </c>
      <c r="B22452" s="6"/>
      <c r="C22452" s="6" t="s">
        <v>22488</v>
      </c>
      <c r="D22452" s="6"/>
      <c r="E22452" s="6" t="s">
        <v>9</v>
      </c>
      <c r="F22452" s="7">
        <v>38657</v>
      </c>
      <c r="G22452" s="8">
        <v>1</v>
      </c>
      <c r="H22452" s="8">
        <v>1</v>
      </c>
      <c r="I22452" s="8">
        <v>0</v>
      </c>
      <c r="J22452" s="8">
        <v>1</v>
      </c>
      <c r="K22452" s="9">
        <v>26</v>
      </c>
      <c r="L22452" s="6" t="s">
        <v>4151</v>
      </c>
    </row>
    <row r="22453" spans="1:12">
      <c r="A22453" s="6" t="s">
        <v>4151</v>
      </c>
      <c r="B22453" s="6"/>
      <c r="C22453" s="6" t="s">
        <v>22489</v>
      </c>
      <c r="D22453" s="6"/>
      <c r="E22453" s="6" t="s">
        <v>9</v>
      </c>
      <c r="F22453" s="7">
        <v>38657</v>
      </c>
      <c r="G22453" s="8">
        <v>1</v>
      </c>
      <c r="H22453" s="8">
        <v>1</v>
      </c>
      <c r="I22453" s="8">
        <v>0</v>
      </c>
      <c r="J22453" s="8">
        <v>1</v>
      </c>
      <c r="K22453" s="9">
        <v>28</v>
      </c>
      <c r="L22453" s="6" t="s">
        <v>4151</v>
      </c>
    </row>
    <row r="22454" spans="1:12">
      <c r="A22454" s="6" t="s">
        <v>4151</v>
      </c>
      <c r="B22454" s="6"/>
      <c r="C22454" s="6" t="s">
        <v>22490</v>
      </c>
      <c r="D22454" s="6"/>
      <c r="E22454" s="6" t="s">
        <v>9</v>
      </c>
      <c r="F22454" s="7">
        <v>41660</v>
      </c>
      <c r="G22454" s="8">
        <v>1</v>
      </c>
      <c r="H22454" s="8">
        <v>1</v>
      </c>
      <c r="I22454" s="8">
        <v>0</v>
      </c>
      <c r="J22454" s="8">
        <v>1</v>
      </c>
      <c r="K22454" s="9">
        <v>2417</v>
      </c>
      <c r="L22454" s="6" t="s">
        <v>4151</v>
      </c>
    </row>
    <row r="22455" spans="1:12">
      <c r="A22455" s="6" t="s">
        <v>4151</v>
      </c>
      <c r="B22455" s="6"/>
      <c r="C22455" s="6" t="s">
        <v>22491</v>
      </c>
      <c r="D22455" s="6"/>
      <c r="E22455" s="6" t="s">
        <v>9</v>
      </c>
      <c r="F22455" s="7">
        <v>41660</v>
      </c>
      <c r="G22455" s="8">
        <v>1</v>
      </c>
      <c r="H22455" s="8">
        <v>1</v>
      </c>
      <c r="I22455" s="8">
        <v>0</v>
      </c>
      <c r="J22455" s="8">
        <v>1</v>
      </c>
      <c r="K22455" s="9">
        <v>94</v>
      </c>
      <c r="L22455" s="6" t="s">
        <v>4151</v>
      </c>
    </row>
    <row r="22456" spans="1:12">
      <c r="A22456" s="6" t="s">
        <v>4151</v>
      </c>
      <c r="B22456" s="6"/>
      <c r="C22456" s="6" t="s">
        <v>22492</v>
      </c>
      <c r="D22456" s="6"/>
      <c r="E22456" s="6" t="s">
        <v>9</v>
      </c>
      <c r="F22456" s="7">
        <v>38657</v>
      </c>
      <c r="G22456" s="8">
        <v>1</v>
      </c>
      <c r="H22456" s="8">
        <v>1</v>
      </c>
      <c r="I22456" s="8">
        <v>0</v>
      </c>
      <c r="J22456" s="8">
        <v>1</v>
      </c>
      <c r="K22456" s="9">
        <v>14.69</v>
      </c>
      <c r="L22456" s="6" t="s">
        <v>4151</v>
      </c>
    </row>
    <row r="22457" spans="1:12">
      <c r="A22457" s="6" t="s">
        <v>4151</v>
      </c>
      <c r="B22457" s="6"/>
      <c r="C22457" s="6" t="s">
        <v>22493</v>
      </c>
      <c r="D22457" s="6"/>
      <c r="E22457" s="6" t="s">
        <v>9</v>
      </c>
      <c r="F22457" s="7">
        <v>38657</v>
      </c>
      <c r="G22457" s="8">
        <v>1</v>
      </c>
      <c r="H22457" s="8">
        <v>1</v>
      </c>
      <c r="I22457" s="8">
        <v>0</v>
      </c>
      <c r="J22457" s="8">
        <v>1</v>
      </c>
      <c r="K22457" s="9">
        <v>56</v>
      </c>
      <c r="L22457" s="6" t="s">
        <v>4151</v>
      </c>
    </row>
    <row r="22458" spans="1:12">
      <c r="A22458" s="6" t="s">
        <v>4151</v>
      </c>
      <c r="B22458" s="6"/>
      <c r="C22458" s="6" t="s">
        <v>22494</v>
      </c>
      <c r="D22458" s="6"/>
      <c r="E22458" s="6" t="s">
        <v>9</v>
      </c>
      <c r="F22458" s="7">
        <v>38657</v>
      </c>
      <c r="G22458" s="8">
        <v>1</v>
      </c>
      <c r="H22458" s="8">
        <v>1</v>
      </c>
      <c r="I22458" s="8">
        <v>0</v>
      </c>
      <c r="J22458" s="8">
        <v>1</v>
      </c>
      <c r="K22458" s="9">
        <v>36</v>
      </c>
      <c r="L22458" s="6" t="s">
        <v>4151</v>
      </c>
    </row>
    <row r="22459" spans="1:12">
      <c r="A22459" s="6" t="s">
        <v>4151</v>
      </c>
      <c r="B22459" s="6"/>
      <c r="C22459" s="6" t="s">
        <v>22495</v>
      </c>
      <c r="D22459" s="6"/>
      <c r="E22459" s="6" t="s">
        <v>9</v>
      </c>
      <c r="F22459" s="7">
        <v>38657</v>
      </c>
      <c r="G22459" s="8">
        <v>1</v>
      </c>
      <c r="H22459" s="8">
        <v>1</v>
      </c>
      <c r="I22459" s="8">
        <v>0</v>
      </c>
      <c r="J22459" s="8">
        <v>1</v>
      </c>
      <c r="K22459" s="9">
        <v>36</v>
      </c>
      <c r="L22459" s="6" t="s">
        <v>4151</v>
      </c>
    </row>
    <row r="22460" spans="1:12">
      <c r="A22460" s="6" t="s">
        <v>4151</v>
      </c>
      <c r="B22460" s="6"/>
      <c r="C22460" s="6" t="s">
        <v>22496</v>
      </c>
      <c r="D22460" s="6"/>
      <c r="E22460" s="6" t="s">
        <v>9</v>
      </c>
      <c r="F22460" s="7">
        <v>38657</v>
      </c>
      <c r="G22460" s="8">
        <v>1</v>
      </c>
      <c r="H22460" s="8">
        <v>1</v>
      </c>
      <c r="I22460" s="8">
        <v>0</v>
      </c>
      <c r="J22460" s="8">
        <v>1</v>
      </c>
      <c r="K22460" s="9">
        <v>20</v>
      </c>
      <c r="L22460" s="6" t="s">
        <v>4151</v>
      </c>
    </row>
    <row r="22461" spans="1:12">
      <c r="A22461" s="6" t="s">
        <v>4151</v>
      </c>
      <c r="B22461" s="6"/>
      <c r="C22461" s="6" t="s">
        <v>22497</v>
      </c>
      <c r="D22461" s="6"/>
      <c r="E22461" s="6" t="s">
        <v>9</v>
      </c>
      <c r="F22461" s="7">
        <v>38657</v>
      </c>
      <c r="G22461" s="8">
        <v>1</v>
      </c>
      <c r="H22461" s="8">
        <v>1</v>
      </c>
      <c r="I22461" s="8">
        <v>0</v>
      </c>
      <c r="J22461" s="8">
        <v>1</v>
      </c>
      <c r="K22461" s="9">
        <v>16</v>
      </c>
      <c r="L22461" s="6" t="s">
        <v>4151</v>
      </c>
    </row>
    <row r="22462" spans="1:12">
      <c r="A22462" s="6" t="s">
        <v>4151</v>
      </c>
      <c r="B22462" s="6"/>
      <c r="C22462" s="6" t="s">
        <v>22498</v>
      </c>
      <c r="D22462" s="6"/>
      <c r="E22462" s="6" t="s">
        <v>9</v>
      </c>
      <c r="F22462" s="7">
        <v>38657</v>
      </c>
      <c r="G22462" s="8">
        <v>1</v>
      </c>
      <c r="H22462" s="8">
        <v>1</v>
      </c>
      <c r="I22462" s="8">
        <v>0</v>
      </c>
      <c r="J22462" s="8">
        <v>1</v>
      </c>
      <c r="K22462" s="9">
        <v>6.3</v>
      </c>
      <c r="L22462" s="6" t="s">
        <v>4151</v>
      </c>
    </row>
    <row r="22463" spans="1:12">
      <c r="A22463" s="6" t="s">
        <v>4151</v>
      </c>
      <c r="B22463" s="6"/>
      <c r="C22463" s="6" t="s">
        <v>22499</v>
      </c>
      <c r="D22463" s="6"/>
      <c r="E22463" s="6" t="s">
        <v>9</v>
      </c>
      <c r="F22463" s="7">
        <v>38657</v>
      </c>
      <c r="G22463" s="8">
        <v>1</v>
      </c>
      <c r="H22463" s="8">
        <v>1</v>
      </c>
      <c r="I22463" s="8">
        <v>0</v>
      </c>
      <c r="J22463" s="8">
        <v>1</v>
      </c>
      <c r="K22463" s="9">
        <v>36</v>
      </c>
      <c r="L22463" s="6" t="s">
        <v>4151</v>
      </c>
    </row>
    <row r="22464" spans="1:12">
      <c r="A22464" s="6" t="s">
        <v>4151</v>
      </c>
      <c r="B22464" s="6"/>
      <c r="C22464" s="6" t="s">
        <v>22500</v>
      </c>
      <c r="D22464" s="6"/>
      <c r="E22464" s="6" t="s">
        <v>9</v>
      </c>
      <c r="F22464" s="7">
        <v>38657</v>
      </c>
      <c r="G22464" s="8">
        <v>1</v>
      </c>
      <c r="H22464" s="8">
        <v>1</v>
      </c>
      <c r="I22464" s="8">
        <v>0</v>
      </c>
      <c r="J22464" s="8">
        <v>1</v>
      </c>
      <c r="K22464" s="9">
        <v>36</v>
      </c>
      <c r="L22464" s="6" t="s">
        <v>4151</v>
      </c>
    </row>
    <row r="22465" spans="1:12">
      <c r="A22465" s="6" t="s">
        <v>4151</v>
      </c>
      <c r="B22465" s="6"/>
      <c r="C22465" s="6" t="s">
        <v>22501</v>
      </c>
      <c r="D22465" s="6"/>
      <c r="E22465" s="6" t="s">
        <v>9</v>
      </c>
      <c r="F22465" s="7">
        <v>38657</v>
      </c>
      <c r="G22465" s="8">
        <v>1</v>
      </c>
      <c r="H22465" s="8">
        <v>1</v>
      </c>
      <c r="I22465" s="8">
        <v>0</v>
      </c>
      <c r="J22465" s="8">
        <v>1</v>
      </c>
      <c r="K22465" s="9">
        <v>36</v>
      </c>
      <c r="L22465" s="6" t="s">
        <v>4151</v>
      </c>
    </row>
    <row r="22466" spans="1:12">
      <c r="A22466" s="6" t="s">
        <v>4151</v>
      </c>
      <c r="B22466" s="6"/>
      <c r="C22466" s="6" t="s">
        <v>22502</v>
      </c>
      <c r="D22466" s="6"/>
      <c r="E22466" s="6" t="s">
        <v>9</v>
      </c>
      <c r="F22466" s="7">
        <v>38657</v>
      </c>
      <c r="G22466" s="8">
        <v>1</v>
      </c>
      <c r="H22466" s="8">
        <v>1</v>
      </c>
      <c r="I22466" s="8">
        <v>0</v>
      </c>
      <c r="J22466" s="8">
        <v>1</v>
      </c>
      <c r="K22466" s="9">
        <v>36</v>
      </c>
      <c r="L22466" s="6" t="s">
        <v>4151</v>
      </c>
    </row>
    <row r="22467" spans="1:12">
      <c r="A22467" s="6" t="s">
        <v>4151</v>
      </c>
      <c r="B22467" s="6"/>
      <c r="C22467" s="6" t="s">
        <v>22503</v>
      </c>
      <c r="D22467" s="6"/>
      <c r="E22467" s="6" t="s">
        <v>9</v>
      </c>
      <c r="F22467" s="7">
        <v>38657</v>
      </c>
      <c r="G22467" s="8">
        <v>1</v>
      </c>
      <c r="H22467" s="8">
        <v>1</v>
      </c>
      <c r="I22467" s="8">
        <v>0</v>
      </c>
      <c r="J22467" s="8">
        <v>1</v>
      </c>
      <c r="K22467" s="9">
        <v>36</v>
      </c>
      <c r="L22467" s="6" t="s">
        <v>4151</v>
      </c>
    </row>
    <row r="22468" spans="1:12">
      <c r="A22468" s="6" t="s">
        <v>4151</v>
      </c>
      <c r="B22468" s="6"/>
      <c r="C22468" s="6" t="s">
        <v>22504</v>
      </c>
      <c r="D22468" s="6"/>
      <c r="E22468" s="6" t="s">
        <v>9</v>
      </c>
      <c r="F22468" s="7">
        <v>38657</v>
      </c>
      <c r="G22468" s="8">
        <v>1</v>
      </c>
      <c r="H22468" s="8">
        <v>1</v>
      </c>
      <c r="I22468" s="8">
        <v>0</v>
      </c>
      <c r="J22468" s="8">
        <v>1</v>
      </c>
      <c r="K22468" s="9">
        <v>36</v>
      </c>
      <c r="L22468" s="6" t="s">
        <v>4151</v>
      </c>
    </row>
    <row r="22469" spans="1:12">
      <c r="A22469" s="6" t="s">
        <v>4151</v>
      </c>
      <c r="B22469" s="6"/>
      <c r="C22469" s="6" t="s">
        <v>22505</v>
      </c>
      <c r="D22469" s="6"/>
      <c r="E22469" s="6" t="s">
        <v>9</v>
      </c>
      <c r="F22469" s="7">
        <v>38657</v>
      </c>
      <c r="G22469" s="8">
        <v>1</v>
      </c>
      <c r="H22469" s="8">
        <v>1</v>
      </c>
      <c r="I22469" s="8">
        <v>0</v>
      </c>
      <c r="J22469" s="8">
        <v>1</v>
      </c>
      <c r="K22469" s="9">
        <v>36</v>
      </c>
      <c r="L22469" s="6" t="s">
        <v>4151</v>
      </c>
    </row>
    <row r="22470" spans="1:12">
      <c r="A22470" s="6" t="s">
        <v>4151</v>
      </c>
      <c r="B22470" s="6"/>
      <c r="C22470" s="6" t="s">
        <v>22506</v>
      </c>
      <c r="D22470" s="6"/>
      <c r="E22470" s="6" t="s">
        <v>9</v>
      </c>
      <c r="F22470" s="7">
        <v>38657</v>
      </c>
      <c r="G22470" s="8">
        <v>1</v>
      </c>
      <c r="H22470" s="8">
        <v>1</v>
      </c>
      <c r="I22470" s="8">
        <v>0</v>
      </c>
      <c r="J22470" s="8">
        <v>1</v>
      </c>
      <c r="K22470" s="9">
        <v>24</v>
      </c>
      <c r="L22470" s="6" t="s">
        <v>4151</v>
      </c>
    </row>
    <row r="22471" spans="1:12">
      <c r="A22471" s="6" t="s">
        <v>4151</v>
      </c>
      <c r="B22471" s="6"/>
      <c r="C22471" s="6" t="s">
        <v>22507</v>
      </c>
      <c r="D22471" s="6"/>
      <c r="E22471" s="6" t="s">
        <v>9</v>
      </c>
      <c r="F22471" s="7">
        <v>38657</v>
      </c>
      <c r="G22471" s="8">
        <v>1</v>
      </c>
      <c r="H22471" s="8">
        <v>1</v>
      </c>
      <c r="I22471" s="8">
        <v>0</v>
      </c>
      <c r="J22471" s="8">
        <v>1</v>
      </c>
      <c r="K22471" s="9">
        <v>5.07</v>
      </c>
      <c r="L22471" s="6" t="s">
        <v>4151</v>
      </c>
    </row>
    <row r="22472" spans="1:12">
      <c r="A22472" s="6" t="s">
        <v>4151</v>
      </c>
      <c r="B22472" s="6"/>
      <c r="C22472" s="6" t="s">
        <v>22508</v>
      </c>
      <c r="D22472" s="6"/>
      <c r="E22472" s="6" t="s">
        <v>9</v>
      </c>
      <c r="F22472" s="7">
        <v>38657</v>
      </c>
      <c r="G22472" s="8">
        <v>1</v>
      </c>
      <c r="H22472" s="8">
        <v>1</v>
      </c>
      <c r="I22472" s="8">
        <v>0</v>
      </c>
      <c r="J22472" s="8">
        <v>1</v>
      </c>
      <c r="K22472" s="9">
        <v>9.43</v>
      </c>
      <c r="L22472" s="6" t="s">
        <v>4151</v>
      </c>
    </row>
    <row r="22473" spans="1:12">
      <c r="A22473" s="6" t="s">
        <v>4151</v>
      </c>
      <c r="B22473" s="6"/>
      <c r="C22473" s="6" t="s">
        <v>22509</v>
      </c>
      <c r="D22473" s="6"/>
      <c r="E22473" s="6" t="s">
        <v>9</v>
      </c>
      <c r="F22473" s="7">
        <v>38657</v>
      </c>
      <c r="G22473" s="8">
        <v>1</v>
      </c>
      <c r="H22473" s="8">
        <v>1</v>
      </c>
      <c r="I22473" s="8">
        <v>0</v>
      </c>
      <c r="J22473" s="8">
        <v>1</v>
      </c>
      <c r="K22473" s="9">
        <v>6.64</v>
      </c>
      <c r="L22473" s="6" t="s">
        <v>4151</v>
      </c>
    </row>
    <row r="22474" spans="1:12">
      <c r="A22474" s="6" t="s">
        <v>4151</v>
      </c>
      <c r="B22474" s="6"/>
      <c r="C22474" s="6" t="s">
        <v>22510</v>
      </c>
      <c r="D22474" s="6"/>
      <c r="E22474" s="6" t="s">
        <v>9</v>
      </c>
      <c r="F22474" s="7">
        <v>38657</v>
      </c>
      <c r="G22474" s="8">
        <v>1</v>
      </c>
      <c r="H22474" s="8">
        <v>1</v>
      </c>
      <c r="I22474" s="8">
        <v>0</v>
      </c>
      <c r="J22474" s="8">
        <v>1</v>
      </c>
      <c r="K22474" s="9">
        <v>2.63</v>
      </c>
      <c r="L22474" s="6" t="s">
        <v>4151</v>
      </c>
    </row>
    <row r="22475" spans="1:12">
      <c r="A22475" s="6" t="s">
        <v>4151</v>
      </c>
      <c r="B22475" s="6"/>
      <c r="C22475" s="6" t="s">
        <v>22511</v>
      </c>
      <c r="D22475" s="6"/>
      <c r="E22475" s="6" t="s">
        <v>9</v>
      </c>
      <c r="F22475" s="7">
        <v>38657</v>
      </c>
      <c r="G22475" s="8">
        <v>1</v>
      </c>
      <c r="H22475" s="8">
        <v>1</v>
      </c>
      <c r="I22475" s="8">
        <v>0</v>
      </c>
      <c r="J22475" s="8">
        <v>1</v>
      </c>
      <c r="K22475" s="9">
        <v>4.0199999999999898</v>
      </c>
      <c r="L22475" s="6" t="s">
        <v>4151</v>
      </c>
    </row>
    <row r="22476" spans="1:12">
      <c r="A22476" s="6" t="s">
        <v>4151</v>
      </c>
      <c r="B22476" s="6"/>
      <c r="C22476" s="6" t="s">
        <v>22512</v>
      </c>
      <c r="D22476" s="6"/>
      <c r="E22476" s="6" t="s">
        <v>9</v>
      </c>
      <c r="F22476" s="7">
        <v>38657</v>
      </c>
      <c r="G22476" s="8">
        <v>1</v>
      </c>
      <c r="H22476" s="8">
        <v>1</v>
      </c>
      <c r="I22476" s="8">
        <v>0</v>
      </c>
      <c r="J22476" s="8">
        <v>1</v>
      </c>
      <c r="K22476" s="9">
        <v>7.97</v>
      </c>
      <c r="L22476" s="6" t="s">
        <v>4151</v>
      </c>
    </row>
    <row r="22477" spans="1:12">
      <c r="A22477" s="6" t="s">
        <v>4151</v>
      </c>
      <c r="B22477" s="6"/>
      <c r="C22477" s="6" t="s">
        <v>22513</v>
      </c>
      <c r="D22477" s="6"/>
      <c r="E22477" s="6" t="s">
        <v>9</v>
      </c>
      <c r="F22477" s="7">
        <v>38657</v>
      </c>
      <c r="G22477" s="8">
        <v>1</v>
      </c>
      <c r="H22477" s="8">
        <v>1</v>
      </c>
      <c r="I22477" s="8">
        <v>0</v>
      </c>
      <c r="J22477" s="8">
        <v>1</v>
      </c>
      <c r="K22477" s="9">
        <v>1.0900000000000001</v>
      </c>
      <c r="L22477" s="6" t="s">
        <v>4151</v>
      </c>
    </row>
    <row r="22478" spans="1:12">
      <c r="A22478" s="6" t="s">
        <v>4151</v>
      </c>
      <c r="B22478" s="6"/>
      <c r="C22478" s="6" t="s">
        <v>22514</v>
      </c>
      <c r="D22478" s="6"/>
      <c r="E22478" s="6" t="s">
        <v>9</v>
      </c>
      <c r="F22478" s="7">
        <v>38657</v>
      </c>
      <c r="G22478" s="8">
        <v>1</v>
      </c>
      <c r="H22478" s="8">
        <v>1</v>
      </c>
      <c r="I22478" s="8">
        <v>0</v>
      </c>
      <c r="J22478" s="8">
        <v>1</v>
      </c>
      <c r="K22478" s="9">
        <v>7.89</v>
      </c>
      <c r="L22478" s="6" t="s">
        <v>4151</v>
      </c>
    </row>
    <row r="22479" spans="1:12">
      <c r="A22479" s="6" t="s">
        <v>4151</v>
      </c>
      <c r="B22479" s="6"/>
      <c r="C22479" s="6" t="s">
        <v>22515</v>
      </c>
      <c r="D22479" s="6"/>
      <c r="E22479" s="6" t="s">
        <v>9</v>
      </c>
      <c r="F22479" s="7">
        <v>38657</v>
      </c>
      <c r="G22479" s="8">
        <v>1</v>
      </c>
      <c r="H22479" s="8">
        <v>1</v>
      </c>
      <c r="I22479" s="8">
        <v>0</v>
      </c>
      <c r="J22479" s="8">
        <v>1</v>
      </c>
      <c r="K22479" s="9">
        <v>4.0999999999999899</v>
      </c>
      <c r="L22479" s="6" t="s">
        <v>4151</v>
      </c>
    </row>
    <row r="22480" spans="1:12">
      <c r="A22480" s="6" t="s">
        <v>4151</v>
      </c>
      <c r="B22480" s="6"/>
      <c r="C22480" s="6" t="s">
        <v>22516</v>
      </c>
      <c r="D22480" s="6"/>
      <c r="E22480" s="6" t="s">
        <v>9</v>
      </c>
      <c r="F22480" s="7">
        <v>38657</v>
      </c>
      <c r="G22480" s="8">
        <v>1</v>
      </c>
      <c r="H22480" s="8">
        <v>1</v>
      </c>
      <c r="I22480" s="8">
        <v>0</v>
      </c>
      <c r="J22480" s="8">
        <v>1</v>
      </c>
      <c r="K22480" s="9">
        <v>112</v>
      </c>
      <c r="L22480" s="6" t="s">
        <v>4151</v>
      </c>
    </row>
    <row r="22481" spans="1:12">
      <c r="A22481" s="6" t="s">
        <v>4151</v>
      </c>
      <c r="B22481" s="6"/>
      <c r="C22481" s="6" t="s">
        <v>22517</v>
      </c>
      <c r="D22481" s="6"/>
      <c r="E22481" s="6" t="s">
        <v>9</v>
      </c>
      <c r="F22481" s="7">
        <v>38657</v>
      </c>
      <c r="G22481" s="8">
        <v>1</v>
      </c>
      <c r="H22481" s="8">
        <v>1</v>
      </c>
      <c r="I22481" s="8">
        <v>0</v>
      </c>
      <c r="J22481" s="8">
        <v>1</v>
      </c>
      <c r="K22481" s="9">
        <v>83</v>
      </c>
      <c r="L22481" s="6" t="s">
        <v>4151</v>
      </c>
    </row>
    <row r="22482" spans="1:12">
      <c r="A22482" s="6" t="s">
        <v>4151</v>
      </c>
      <c r="B22482" s="6"/>
      <c r="C22482" s="6" t="s">
        <v>22518</v>
      </c>
      <c r="D22482" s="6"/>
      <c r="E22482" s="6" t="s">
        <v>9</v>
      </c>
      <c r="F22482" s="7">
        <v>38657</v>
      </c>
      <c r="G22482" s="8">
        <v>1</v>
      </c>
      <c r="H22482" s="8">
        <v>1</v>
      </c>
      <c r="I22482" s="8">
        <v>0</v>
      </c>
      <c r="J22482" s="8">
        <v>1</v>
      </c>
      <c r="K22482" s="9">
        <v>5.3</v>
      </c>
      <c r="L22482" s="6" t="s">
        <v>4151</v>
      </c>
    </row>
    <row r="22483" spans="1:12">
      <c r="A22483" s="6" t="s">
        <v>4151</v>
      </c>
      <c r="B22483" s="6"/>
      <c r="C22483" s="6" t="s">
        <v>22519</v>
      </c>
      <c r="D22483" s="6"/>
      <c r="E22483" s="6" t="s">
        <v>9</v>
      </c>
      <c r="F22483" s="7">
        <v>38657</v>
      </c>
      <c r="G22483" s="8">
        <v>1</v>
      </c>
      <c r="H22483" s="8">
        <v>1</v>
      </c>
      <c r="I22483" s="8">
        <v>0</v>
      </c>
      <c r="J22483" s="8">
        <v>1</v>
      </c>
      <c r="K22483" s="9">
        <v>128</v>
      </c>
      <c r="L22483" s="6" t="s">
        <v>4151</v>
      </c>
    </row>
    <row r="22484" spans="1:12">
      <c r="A22484" s="6" t="s">
        <v>4151</v>
      </c>
      <c r="B22484" s="6"/>
      <c r="C22484" s="6" t="s">
        <v>22520</v>
      </c>
      <c r="D22484" s="6"/>
      <c r="E22484" s="6" t="s">
        <v>9</v>
      </c>
      <c r="F22484" s="7">
        <v>38657</v>
      </c>
      <c r="G22484" s="8">
        <v>1</v>
      </c>
      <c r="H22484" s="8">
        <v>1</v>
      </c>
      <c r="I22484" s="8">
        <v>0</v>
      </c>
      <c r="J22484" s="8">
        <v>1</v>
      </c>
      <c r="K22484" s="9">
        <v>2.33</v>
      </c>
      <c r="L22484" s="6" t="s">
        <v>4151</v>
      </c>
    </row>
    <row r="22485" spans="1:12">
      <c r="A22485" s="6" t="s">
        <v>4151</v>
      </c>
      <c r="B22485" s="6"/>
      <c r="C22485" s="6" t="s">
        <v>22521</v>
      </c>
      <c r="D22485" s="6"/>
      <c r="E22485" s="6" t="s">
        <v>9</v>
      </c>
      <c r="F22485" s="7">
        <v>38657</v>
      </c>
      <c r="G22485" s="8">
        <v>1</v>
      </c>
      <c r="H22485" s="8">
        <v>1</v>
      </c>
      <c r="I22485" s="8">
        <v>0</v>
      </c>
      <c r="J22485" s="8">
        <v>1</v>
      </c>
      <c r="K22485" s="9">
        <v>139</v>
      </c>
      <c r="L22485" s="6" t="s">
        <v>4151</v>
      </c>
    </row>
    <row r="22486" spans="1:12">
      <c r="A22486" s="6" t="s">
        <v>4151</v>
      </c>
      <c r="B22486" s="6"/>
      <c r="C22486" s="6" t="s">
        <v>22522</v>
      </c>
      <c r="D22486" s="6"/>
      <c r="E22486" s="6" t="s">
        <v>9</v>
      </c>
      <c r="F22486" s="7">
        <v>38657</v>
      </c>
      <c r="G22486" s="8">
        <v>1</v>
      </c>
      <c r="H22486" s="8">
        <v>1</v>
      </c>
      <c r="I22486" s="8">
        <v>0</v>
      </c>
      <c r="J22486" s="8">
        <v>1</v>
      </c>
      <c r="K22486" s="9">
        <v>40</v>
      </c>
      <c r="L22486" s="6" t="s">
        <v>4151</v>
      </c>
    </row>
    <row r="22487" spans="1:12">
      <c r="A22487" s="6" t="s">
        <v>4151</v>
      </c>
      <c r="B22487" s="6"/>
      <c r="C22487" s="6" t="s">
        <v>22523</v>
      </c>
      <c r="D22487" s="6"/>
      <c r="E22487" s="6" t="s">
        <v>9</v>
      </c>
      <c r="F22487" s="7">
        <v>38657</v>
      </c>
      <c r="G22487" s="8">
        <v>1</v>
      </c>
      <c r="H22487" s="8">
        <v>1</v>
      </c>
      <c r="I22487" s="8">
        <v>0</v>
      </c>
      <c r="J22487" s="8">
        <v>1</v>
      </c>
      <c r="K22487" s="9">
        <v>133</v>
      </c>
      <c r="L22487" s="6" t="s">
        <v>4151</v>
      </c>
    </row>
    <row r="22488" spans="1:12">
      <c r="A22488" s="6" t="s">
        <v>4151</v>
      </c>
      <c r="B22488" s="6"/>
      <c r="C22488" s="6" t="s">
        <v>22524</v>
      </c>
      <c r="D22488" s="6"/>
      <c r="E22488" s="6" t="s">
        <v>9</v>
      </c>
      <c r="F22488" s="7">
        <v>38657</v>
      </c>
      <c r="G22488" s="8">
        <v>1</v>
      </c>
      <c r="H22488" s="8">
        <v>1</v>
      </c>
      <c r="I22488" s="8">
        <v>0</v>
      </c>
      <c r="J22488" s="8">
        <v>1</v>
      </c>
      <c r="K22488" s="9">
        <v>39</v>
      </c>
      <c r="L22488" s="6" t="s">
        <v>4151</v>
      </c>
    </row>
    <row r="22489" spans="1:12">
      <c r="A22489" s="6" t="s">
        <v>4151</v>
      </c>
      <c r="B22489" s="6"/>
      <c r="C22489" s="6" t="s">
        <v>22525</v>
      </c>
      <c r="D22489" s="6"/>
      <c r="E22489" s="6" t="s">
        <v>9</v>
      </c>
      <c r="F22489" s="7">
        <v>38657</v>
      </c>
      <c r="G22489" s="8">
        <v>1</v>
      </c>
      <c r="H22489" s="8">
        <v>1</v>
      </c>
      <c r="I22489" s="8">
        <v>0</v>
      </c>
      <c r="J22489" s="8">
        <v>1</v>
      </c>
      <c r="K22489" s="9">
        <v>39</v>
      </c>
      <c r="L22489" s="6" t="s">
        <v>4151</v>
      </c>
    </row>
    <row r="22490" spans="1:12">
      <c r="A22490" s="6" t="s">
        <v>4151</v>
      </c>
      <c r="B22490" s="6"/>
      <c r="C22490" s="6" t="s">
        <v>22526</v>
      </c>
      <c r="D22490" s="6"/>
      <c r="E22490" s="6" t="s">
        <v>9</v>
      </c>
      <c r="F22490" s="7">
        <v>38657</v>
      </c>
      <c r="G22490" s="8">
        <v>1</v>
      </c>
      <c r="H22490" s="8">
        <v>1</v>
      </c>
      <c r="I22490" s="8">
        <v>0</v>
      </c>
      <c r="J22490" s="8">
        <v>1</v>
      </c>
      <c r="K22490" s="9">
        <v>39</v>
      </c>
      <c r="L22490" s="6" t="s">
        <v>4151</v>
      </c>
    </row>
    <row r="22491" spans="1:12">
      <c r="A22491" s="6" t="s">
        <v>4151</v>
      </c>
      <c r="B22491" s="6"/>
      <c r="C22491" s="6" t="s">
        <v>22527</v>
      </c>
      <c r="D22491" s="6"/>
      <c r="E22491" s="6" t="s">
        <v>9</v>
      </c>
      <c r="F22491" s="7">
        <v>38657</v>
      </c>
      <c r="G22491" s="8">
        <v>1</v>
      </c>
      <c r="H22491" s="8">
        <v>1</v>
      </c>
      <c r="I22491" s="8">
        <v>0</v>
      </c>
      <c r="J22491" s="8">
        <v>1</v>
      </c>
      <c r="K22491" s="9">
        <v>39</v>
      </c>
      <c r="L22491" s="6" t="s">
        <v>4151</v>
      </c>
    </row>
    <row r="22492" spans="1:12">
      <c r="A22492" s="6" t="s">
        <v>4151</v>
      </c>
      <c r="B22492" s="6"/>
      <c r="C22492" s="6" t="s">
        <v>22528</v>
      </c>
      <c r="D22492" s="6"/>
      <c r="E22492" s="6" t="s">
        <v>9</v>
      </c>
      <c r="F22492" s="7">
        <v>38657</v>
      </c>
      <c r="G22492" s="8">
        <v>1</v>
      </c>
      <c r="H22492" s="8">
        <v>1</v>
      </c>
      <c r="I22492" s="8">
        <v>0</v>
      </c>
      <c r="J22492" s="8">
        <v>1</v>
      </c>
      <c r="K22492" s="9">
        <v>39</v>
      </c>
      <c r="L22492" s="6" t="s">
        <v>4151</v>
      </c>
    </row>
    <row r="22493" spans="1:12">
      <c r="A22493" s="6" t="s">
        <v>4151</v>
      </c>
      <c r="B22493" s="6"/>
      <c r="C22493" s="6" t="s">
        <v>22529</v>
      </c>
      <c r="D22493" s="6"/>
      <c r="E22493" s="6" t="s">
        <v>9</v>
      </c>
      <c r="F22493" s="7">
        <v>38657</v>
      </c>
      <c r="G22493" s="8">
        <v>1</v>
      </c>
      <c r="H22493" s="8">
        <v>1</v>
      </c>
      <c r="I22493" s="8">
        <v>0</v>
      </c>
      <c r="J22493" s="8">
        <v>1</v>
      </c>
      <c r="K22493" s="9">
        <v>39</v>
      </c>
      <c r="L22493" s="6" t="s">
        <v>4151</v>
      </c>
    </row>
    <row r="22494" spans="1:12">
      <c r="A22494" s="6" t="s">
        <v>4151</v>
      </c>
      <c r="B22494" s="6"/>
      <c r="C22494" s="6" t="s">
        <v>22530</v>
      </c>
      <c r="D22494" s="6"/>
      <c r="E22494" s="6" t="s">
        <v>9</v>
      </c>
      <c r="F22494" s="7">
        <v>38657</v>
      </c>
      <c r="G22494" s="8">
        <v>1</v>
      </c>
      <c r="H22494" s="8">
        <v>1</v>
      </c>
      <c r="I22494" s="8">
        <v>0</v>
      </c>
      <c r="J22494" s="8">
        <v>1</v>
      </c>
      <c r="K22494" s="9">
        <v>39</v>
      </c>
      <c r="L22494" s="6" t="s">
        <v>4151</v>
      </c>
    </row>
    <row r="22495" spans="1:12">
      <c r="A22495" s="6" t="s">
        <v>4151</v>
      </c>
      <c r="B22495" s="6"/>
      <c r="C22495" s="6" t="s">
        <v>22531</v>
      </c>
      <c r="D22495" s="6"/>
      <c r="E22495" s="6" t="s">
        <v>9</v>
      </c>
      <c r="F22495" s="7">
        <v>38657</v>
      </c>
      <c r="G22495" s="8">
        <v>1</v>
      </c>
      <c r="H22495" s="8">
        <v>1</v>
      </c>
      <c r="I22495" s="8">
        <v>0</v>
      </c>
      <c r="J22495" s="8">
        <v>1</v>
      </c>
      <c r="K22495" s="9">
        <v>13</v>
      </c>
      <c r="L22495" s="6" t="s">
        <v>4151</v>
      </c>
    </row>
    <row r="22496" spans="1:12">
      <c r="A22496" s="6" t="s">
        <v>4151</v>
      </c>
      <c r="B22496" s="6"/>
      <c r="C22496" s="6" t="s">
        <v>22532</v>
      </c>
      <c r="D22496" s="6"/>
      <c r="E22496" s="6" t="s">
        <v>9</v>
      </c>
      <c r="F22496" s="7">
        <v>38657</v>
      </c>
      <c r="G22496" s="8">
        <v>1</v>
      </c>
      <c r="H22496" s="8">
        <v>1</v>
      </c>
      <c r="I22496" s="8">
        <v>0</v>
      </c>
      <c r="J22496" s="8">
        <v>1</v>
      </c>
      <c r="K22496" s="9">
        <v>39</v>
      </c>
      <c r="L22496" s="6" t="s">
        <v>4151</v>
      </c>
    </row>
    <row r="22497" spans="1:12">
      <c r="A22497" s="6" t="s">
        <v>4151</v>
      </c>
      <c r="B22497" s="6"/>
      <c r="C22497" s="6" t="s">
        <v>22533</v>
      </c>
      <c r="D22497" s="6"/>
      <c r="E22497" s="6" t="s">
        <v>9</v>
      </c>
      <c r="F22497" s="7">
        <v>38657</v>
      </c>
      <c r="G22497" s="8">
        <v>1</v>
      </c>
      <c r="H22497" s="8">
        <v>1</v>
      </c>
      <c r="I22497" s="8">
        <v>0</v>
      </c>
      <c r="J22497" s="8">
        <v>1</v>
      </c>
      <c r="K22497" s="9">
        <v>39</v>
      </c>
      <c r="L22497" s="6" t="s">
        <v>4151</v>
      </c>
    </row>
    <row r="22498" spans="1:12">
      <c r="A22498" s="6" t="s">
        <v>4151</v>
      </c>
      <c r="B22498" s="6"/>
      <c r="C22498" s="6" t="s">
        <v>22534</v>
      </c>
      <c r="D22498" s="6"/>
      <c r="E22498" s="6" t="s">
        <v>9</v>
      </c>
      <c r="F22498" s="7">
        <v>38657</v>
      </c>
      <c r="G22498" s="8">
        <v>1</v>
      </c>
      <c r="H22498" s="8">
        <v>1</v>
      </c>
      <c r="I22498" s="8">
        <v>0</v>
      </c>
      <c r="J22498" s="8">
        <v>1</v>
      </c>
      <c r="K22498" s="9">
        <v>39</v>
      </c>
      <c r="L22498" s="6" t="s">
        <v>4151</v>
      </c>
    </row>
    <row r="22499" spans="1:12">
      <c r="A22499" s="6" t="s">
        <v>4151</v>
      </c>
      <c r="B22499" s="6"/>
      <c r="C22499" s="6" t="s">
        <v>22535</v>
      </c>
      <c r="D22499" s="6"/>
      <c r="E22499" s="6" t="s">
        <v>9</v>
      </c>
      <c r="F22499" s="7">
        <v>38657</v>
      </c>
      <c r="G22499" s="8">
        <v>1</v>
      </c>
      <c r="H22499" s="8">
        <v>1</v>
      </c>
      <c r="I22499" s="8">
        <v>0</v>
      </c>
      <c r="J22499" s="8">
        <v>1</v>
      </c>
      <c r="K22499" s="9">
        <v>39</v>
      </c>
      <c r="L22499" s="6" t="s">
        <v>4151</v>
      </c>
    </row>
    <row r="22500" spans="1:12">
      <c r="A22500" s="6" t="s">
        <v>4151</v>
      </c>
      <c r="B22500" s="6"/>
      <c r="C22500" s="6" t="s">
        <v>22536</v>
      </c>
      <c r="D22500" s="6"/>
      <c r="E22500" s="6" t="s">
        <v>9</v>
      </c>
      <c r="F22500" s="7">
        <v>38657</v>
      </c>
      <c r="G22500" s="8">
        <v>1</v>
      </c>
      <c r="H22500" s="8">
        <v>1</v>
      </c>
      <c r="I22500" s="8">
        <v>0</v>
      </c>
      <c r="J22500" s="8">
        <v>1</v>
      </c>
      <c r="K22500" s="9">
        <v>39</v>
      </c>
      <c r="L22500" s="6" t="s">
        <v>4151</v>
      </c>
    </row>
    <row r="22501" spans="1:12">
      <c r="A22501" s="6" t="s">
        <v>4151</v>
      </c>
      <c r="B22501" s="6"/>
      <c r="C22501" s="6" t="s">
        <v>22537</v>
      </c>
      <c r="D22501" s="6"/>
      <c r="E22501" s="6" t="s">
        <v>9</v>
      </c>
      <c r="F22501" s="7">
        <v>38657</v>
      </c>
      <c r="G22501" s="8">
        <v>1</v>
      </c>
      <c r="H22501" s="8">
        <v>1</v>
      </c>
      <c r="I22501" s="8">
        <v>0</v>
      </c>
      <c r="J22501" s="8">
        <v>1</v>
      </c>
      <c r="K22501" s="9">
        <v>39</v>
      </c>
      <c r="L22501" s="6" t="s">
        <v>4151</v>
      </c>
    </row>
    <row r="22502" spans="1:12">
      <c r="A22502" s="6" t="s">
        <v>4151</v>
      </c>
      <c r="B22502" s="6"/>
      <c r="C22502" s="6" t="s">
        <v>22538</v>
      </c>
      <c r="D22502" s="6"/>
      <c r="E22502" s="6" t="s">
        <v>9</v>
      </c>
      <c r="F22502" s="7">
        <v>38657</v>
      </c>
      <c r="G22502" s="8">
        <v>1</v>
      </c>
      <c r="H22502" s="8">
        <v>1</v>
      </c>
      <c r="I22502" s="8">
        <v>0</v>
      </c>
      <c r="J22502" s="8">
        <v>1</v>
      </c>
      <c r="K22502" s="9">
        <v>114</v>
      </c>
      <c r="L22502" s="6" t="s">
        <v>4151</v>
      </c>
    </row>
    <row r="22503" spans="1:12">
      <c r="A22503" s="6" t="s">
        <v>4151</v>
      </c>
      <c r="B22503" s="6"/>
      <c r="C22503" s="6" t="s">
        <v>22539</v>
      </c>
      <c r="D22503" s="6"/>
      <c r="E22503" s="6" t="s">
        <v>9</v>
      </c>
      <c r="F22503" s="7">
        <v>38657</v>
      </c>
      <c r="G22503" s="8">
        <v>1</v>
      </c>
      <c r="H22503" s="8">
        <v>1</v>
      </c>
      <c r="I22503" s="8">
        <v>0</v>
      </c>
      <c r="J22503" s="8">
        <v>1</v>
      </c>
      <c r="K22503" s="9">
        <v>155</v>
      </c>
      <c r="L22503" s="6" t="s">
        <v>4151</v>
      </c>
    </row>
    <row r="22504" spans="1:12">
      <c r="A22504" s="6" t="s">
        <v>4151</v>
      </c>
      <c r="B22504" s="6"/>
      <c r="C22504" s="6" t="s">
        <v>22540</v>
      </c>
      <c r="D22504" s="6"/>
      <c r="E22504" s="6" t="s">
        <v>9</v>
      </c>
      <c r="F22504" s="7">
        <v>38657</v>
      </c>
      <c r="G22504" s="8">
        <v>1</v>
      </c>
      <c r="H22504" s="8">
        <v>1</v>
      </c>
      <c r="I22504" s="8">
        <v>0</v>
      </c>
      <c r="J22504" s="8">
        <v>1</v>
      </c>
      <c r="K22504" s="9">
        <v>133</v>
      </c>
      <c r="L22504" s="6" t="s">
        <v>4151</v>
      </c>
    </row>
    <row r="22505" spans="1:12">
      <c r="A22505" s="6" t="s">
        <v>4151</v>
      </c>
      <c r="B22505" s="6"/>
      <c r="C22505" s="6" t="s">
        <v>22541</v>
      </c>
      <c r="D22505" s="6"/>
      <c r="E22505" s="6" t="s">
        <v>9</v>
      </c>
      <c r="F22505" s="7">
        <v>38657</v>
      </c>
      <c r="G22505" s="8">
        <v>1</v>
      </c>
      <c r="H22505" s="8">
        <v>1</v>
      </c>
      <c r="I22505" s="8">
        <v>0</v>
      </c>
      <c r="J22505" s="8">
        <v>1</v>
      </c>
      <c r="K22505" s="9">
        <v>125</v>
      </c>
      <c r="L22505" s="6" t="s">
        <v>4151</v>
      </c>
    </row>
    <row r="22506" spans="1:12">
      <c r="A22506" s="6" t="s">
        <v>4151</v>
      </c>
      <c r="B22506" s="6"/>
      <c r="C22506" s="6" t="s">
        <v>22542</v>
      </c>
      <c r="D22506" s="6"/>
      <c r="E22506" s="6" t="s">
        <v>9</v>
      </c>
      <c r="F22506" s="7">
        <v>38657</v>
      </c>
      <c r="G22506" s="8">
        <v>1</v>
      </c>
      <c r="H22506" s="8">
        <v>1</v>
      </c>
      <c r="I22506" s="8">
        <v>0</v>
      </c>
      <c r="J22506" s="8">
        <v>1</v>
      </c>
      <c r="K22506" s="9">
        <v>14</v>
      </c>
      <c r="L22506" s="6" t="s">
        <v>4151</v>
      </c>
    </row>
    <row r="22507" spans="1:12">
      <c r="A22507" s="6" t="s">
        <v>4151</v>
      </c>
      <c r="B22507" s="6"/>
      <c r="C22507" s="6" t="s">
        <v>22543</v>
      </c>
      <c r="D22507" s="6"/>
      <c r="E22507" s="6" t="s">
        <v>9</v>
      </c>
      <c r="F22507" s="7">
        <v>38657</v>
      </c>
      <c r="G22507" s="8">
        <v>1</v>
      </c>
      <c r="H22507" s="8">
        <v>1</v>
      </c>
      <c r="I22507" s="8">
        <v>0</v>
      </c>
      <c r="J22507" s="8">
        <v>1</v>
      </c>
      <c r="K22507" s="9">
        <v>114</v>
      </c>
      <c r="L22507" s="6" t="s">
        <v>4151</v>
      </c>
    </row>
    <row r="22508" spans="1:12">
      <c r="A22508" s="6" t="s">
        <v>4151</v>
      </c>
      <c r="B22508" s="6"/>
      <c r="C22508" s="6" t="s">
        <v>22544</v>
      </c>
      <c r="D22508" s="6"/>
      <c r="E22508" s="6" t="s">
        <v>9</v>
      </c>
      <c r="F22508" s="7">
        <v>38657</v>
      </c>
      <c r="G22508" s="8">
        <v>1</v>
      </c>
      <c r="H22508" s="8">
        <v>1</v>
      </c>
      <c r="I22508" s="8">
        <v>0</v>
      </c>
      <c r="J22508" s="8">
        <v>1</v>
      </c>
      <c r="K22508" s="9">
        <v>156</v>
      </c>
      <c r="L22508" s="6" t="s">
        <v>4151</v>
      </c>
    </row>
    <row r="22509" spans="1:12">
      <c r="A22509" s="6" t="s">
        <v>4151</v>
      </c>
      <c r="B22509" s="6"/>
      <c r="C22509" s="6" t="s">
        <v>22545</v>
      </c>
      <c r="D22509" s="6"/>
      <c r="E22509" s="6" t="s">
        <v>9</v>
      </c>
      <c r="F22509" s="7">
        <v>38657</v>
      </c>
      <c r="G22509" s="8">
        <v>1</v>
      </c>
      <c r="H22509" s="8">
        <v>1</v>
      </c>
      <c r="I22509" s="8">
        <v>0</v>
      </c>
      <c r="J22509" s="8">
        <v>1</v>
      </c>
      <c r="K22509" s="9">
        <v>114</v>
      </c>
      <c r="L22509" s="6" t="s">
        <v>4151</v>
      </c>
    </row>
    <row r="22510" spans="1:12">
      <c r="A22510" s="6" t="s">
        <v>4151</v>
      </c>
      <c r="B22510" s="6"/>
      <c r="C22510" s="6" t="s">
        <v>22546</v>
      </c>
      <c r="D22510" s="6"/>
      <c r="E22510" s="6" t="s">
        <v>9</v>
      </c>
      <c r="F22510" s="7">
        <v>38657</v>
      </c>
      <c r="G22510" s="8">
        <v>1</v>
      </c>
      <c r="H22510" s="8">
        <v>1</v>
      </c>
      <c r="I22510" s="8">
        <v>0</v>
      </c>
      <c r="J22510" s="8">
        <v>1</v>
      </c>
      <c r="K22510" s="9">
        <v>92</v>
      </c>
      <c r="L22510" s="6" t="s">
        <v>4151</v>
      </c>
    </row>
    <row r="22511" spans="1:12">
      <c r="A22511" s="6" t="s">
        <v>4151</v>
      </c>
      <c r="B22511" s="6"/>
      <c r="C22511" s="6" t="s">
        <v>22547</v>
      </c>
      <c r="D22511" s="6"/>
      <c r="E22511" s="6" t="s">
        <v>9</v>
      </c>
      <c r="F22511" s="7">
        <v>38657</v>
      </c>
      <c r="G22511" s="8">
        <v>1</v>
      </c>
      <c r="H22511" s="8">
        <v>1</v>
      </c>
      <c r="I22511" s="8">
        <v>0</v>
      </c>
      <c r="J22511" s="8">
        <v>1</v>
      </c>
      <c r="K22511" s="9">
        <v>47</v>
      </c>
      <c r="L22511" s="6" t="s">
        <v>4151</v>
      </c>
    </row>
    <row r="22512" spans="1:12">
      <c r="A22512" s="6" t="s">
        <v>4151</v>
      </c>
      <c r="B22512" s="6"/>
      <c r="C22512" s="6" t="s">
        <v>22548</v>
      </c>
      <c r="D22512" s="6"/>
      <c r="E22512" s="6" t="s">
        <v>9</v>
      </c>
      <c r="F22512" s="7">
        <v>38657</v>
      </c>
      <c r="G22512" s="8">
        <v>1</v>
      </c>
      <c r="H22512" s="8">
        <v>1</v>
      </c>
      <c r="I22512" s="8">
        <v>0</v>
      </c>
      <c r="J22512" s="8">
        <v>1</v>
      </c>
      <c r="K22512" s="9">
        <v>42</v>
      </c>
      <c r="L22512" s="6" t="s">
        <v>4151</v>
      </c>
    </row>
    <row r="22513" spans="1:12">
      <c r="A22513" s="6" t="s">
        <v>4151</v>
      </c>
      <c r="B22513" s="6"/>
      <c r="C22513" s="6" t="s">
        <v>22549</v>
      </c>
      <c r="D22513" s="6"/>
      <c r="E22513" s="6" t="s">
        <v>9</v>
      </c>
      <c r="F22513" s="7">
        <v>38657</v>
      </c>
      <c r="G22513" s="8">
        <v>1</v>
      </c>
      <c r="H22513" s="8">
        <v>1</v>
      </c>
      <c r="I22513" s="8">
        <v>0</v>
      </c>
      <c r="J22513" s="8">
        <v>1</v>
      </c>
      <c r="K22513" s="9">
        <v>57</v>
      </c>
      <c r="L22513" s="6" t="s">
        <v>4151</v>
      </c>
    </row>
    <row r="22514" spans="1:12">
      <c r="A22514" s="6" t="s">
        <v>4151</v>
      </c>
      <c r="B22514" s="6"/>
      <c r="C22514" s="6" t="s">
        <v>22550</v>
      </c>
      <c r="D22514" s="6"/>
      <c r="E22514" s="6" t="s">
        <v>9</v>
      </c>
      <c r="F22514" s="7">
        <v>38657</v>
      </c>
      <c r="G22514" s="8">
        <v>1</v>
      </c>
      <c r="H22514" s="8">
        <v>1</v>
      </c>
      <c r="I22514" s="8">
        <v>0</v>
      </c>
      <c r="J22514" s="8">
        <v>1</v>
      </c>
      <c r="K22514" s="9">
        <v>47</v>
      </c>
      <c r="L22514" s="6" t="s">
        <v>4151</v>
      </c>
    </row>
    <row r="22515" spans="1:12">
      <c r="A22515" s="6" t="s">
        <v>4151</v>
      </c>
      <c r="B22515" s="6"/>
      <c r="C22515" s="6" t="s">
        <v>22551</v>
      </c>
      <c r="D22515" s="6"/>
      <c r="E22515" s="6" t="s">
        <v>9</v>
      </c>
      <c r="F22515" s="7">
        <v>41260</v>
      </c>
      <c r="G22515" s="8">
        <v>1</v>
      </c>
      <c r="H22515" s="8">
        <v>1</v>
      </c>
      <c r="I22515" s="8">
        <v>0</v>
      </c>
      <c r="J22515" s="8">
        <v>1</v>
      </c>
      <c r="K22515" s="9">
        <v>56</v>
      </c>
      <c r="L22515" s="6" t="s">
        <v>4151</v>
      </c>
    </row>
    <row r="22516" spans="1:12">
      <c r="A22516" s="6" t="s">
        <v>4151</v>
      </c>
      <c r="B22516" s="6"/>
      <c r="C22516" s="6" t="s">
        <v>22552</v>
      </c>
      <c r="D22516" s="6"/>
      <c r="E22516" s="6" t="s">
        <v>9</v>
      </c>
      <c r="F22516" s="7">
        <v>38657</v>
      </c>
      <c r="G22516" s="8">
        <v>1</v>
      </c>
      <c r="H22516" s="8">
        <v>1</v>
      </c>
      <c r="I22516" s="8">
        <v>0</v>
      </c>
      <c r="J22516" s="8">
        <v>1</v>
      </c>
      <c r="K22516" s="9">
        <v>76</v>
      </c>
      <c r="L22516" s="6" t="s">
        <v>4151</v>
      </c>
    </row>
    <row r="22517" spans="1:12">
      <c r="A22517" s="6" t="s">
        <v>4151</v>
      </c>
      <c r="B22517" s="6"/>
      <c r="C22517" s="6" t="s">
        <v>22553</v>
      </c>
      <c r="D22517" s="6"/>
      <c r="E22517" s="6" t="s">
        <v>9</v>
      </c>
      <c r="F22517" s="7">
        <v>38657</v>
      </c>
      <c r="G22517" s="8">
        <v>1</v>
      </c>
      <c r="H22517" s="8">
        <v>1</v>
      </c>
      <c r="I22517" s="8">
        <v>0</v>
      </c>
      <c r="J22517" s="8">
        <v>1</v>
      </c>
      <c r="K22517" s="9">
        <v>65</v>
      </c>
      <c r="L22517" s="6" t="s">
        <v>4151</v>
      </c>
    </row>
    <row r="22518" spans="1:12">
      <c r="A22518" s="6" t="s">
        <v>4151</v>
      </c>
      <c r="B22518" s="6"/>
      <c r="C22518" s="6" t="s">
        <v>22554</v>
      </c>
      <c r="D22518" s="6"/>
      <c r="E22518" s="6" t="s">
        <v>9</v>
      </c>
      <c r="F22518" s="7">
        <v>38657</v>
      </c>
      <c r="G22518" s="8">
        <v>1</v>
      </c>
      <c r="H22518" s="8">
        <v>1</v>
      </c>
      <c r="I22518" s="8">
        <v>0</v>
      </c>
      <c r="J22518" s="8">
        <v>1</v>
      </c>
      <c r="K22518" s="9">
        <v>113</v>
      </c>
      <c r="L22518" s="6" t="s">
        <v>4151</v>
      </c>
    </row>
    <row r="22519" spans="1:12">
      <c r="A22519" s="6" t="s">
        <v>4151</v>
      </c>
      <c r="B22519" s="6"/>
      <c r="C22519" s="6" t="s">
        <v>22555</v>
      </c>
      <c r="D22519" s="6"/>
      <c r="E22519" s="6" t="s">
        <v>9</v>
      </c>
      <c r="F22519" s="7">
        <v>38657</v>
      </c>
      <c r="G22519" s="8">
        <v>1</v>
      </c>
      <c r="H22519" s="8">
        <v>1</v>
      </c>
      <c r="I22519" s="8">
        <v>0</v>
      </c>
      <c r="J22519" s="8">
        <v>1</v>
      </c>
      <c r="K22519" s="9">
        <v>98</v>
      </c>
      <c r="L22519" s="6" t="s">
        <v>4151</v>
      </c>
    </row>
    <row r="22520" spans="1:12">
      <c r="A22520" s="6" t="s">
        <v>4151</v>
      </c>
      <c r="B22520" s="6"/>
      <c r="C22520" s="6" t="s">
        <v>22556</v>
      </c>
      <c r="D22520" s="6"/>
      <c r="E22520" s="6" t="s">
        <v>9</v>
      </c>
      <c r="F22520" s="7">
        <v>38657</v>
      </c>
      <c r="G22520" s="8">
        <v>1</v>
      </c>
      <c r="H22520" s="8">
        <v>1</v>
      </c>
      <c r="I22520" s="8">
        <v>0</v>
      </c>
      <c r="J22520" s="8">
        <v>1</v>
      </c>
      <c r="K22520" s="9">
        <v>91</v>
      </c>
      <c r="L22520" s="6" t="s">
        <v>4151</v>
      </c>
    </row>
    <row r="22521" spans="1:12">
      <c r="A22521" s="6" t="s">
        <v>4151</v>
      </c>
      <c r="B22521" s="6"/>
      <c r="C22521" s="6" t="s">
        <v>22557</v>
      </c>
      <c r="D22521" s="6"/>
      <c r="E22521" s="6" t="s">
        <v>9</v>
      </c>
      <c r="F22521" s="7">
        <v>38657</v>
      </c>
      <c r="G22521" s="8">
        <v>1</v>
      </c>
      <c r="H22521" s="8">
        <v>1</v>
      </c>
      <c r="I22521" s="8">
        <v>0</v>
      </c>
      <c r="J22521" s="8">
        <v>1</v>
      </c>
      <c r="K22521" s="9">
        <v>103</v>
      </c>
      <c r="L22521" s="6" t="s">
        <v>4151</v>
      </c>
    </row>
    <row r="22522" spans="1:12">
      <c r="A22522" s="6" t="s">
        <v>4151</v>
      </c>
      <c r="B22522" s="6"/>
      <c r="C22522" s="6" t="s">
        <v>22558</v>
      </c>
      <c r="D22522" s="6"/>
      <c r="E22522" s="6" t="s">
        <v>9</v>
      </c>
      <c r="F22522" s="7">
        <v>38657</v>
      </c>
      <c r="G22522" s="8">
        <v>1</v>
      </c>
      <c r="H22522" s="8">
        <v>1</v>
      </c>
      <c r="I22522" s="8">
        <v>0</v>
      </c>
      <c r="J22522" s="8">
        <v>1</v>
      </c>
      <c r="K22522" s="9">
        <v>71</v>
      </c>
      <c r="L22522" s="6" t="s">
        <v>4151</v>
      </c>
    </row>
    <row r="22523" spans="1:12">
      <c r="A22523" s="6" t="s">
        <v>4151</v>
      </c>
      <c r="B22523" s="6"/>
      <c r="C22523" s="6" t="s">
        <v>22559</v>
      </c>
      <c r="D22523" s="6"/>
      <c r="E22523" s="6" t="s">
        <v>9</v>
      </c>
      <c r="F22523" s="7">
        <v>38657</v>
      </c>
      <c r="G22523" s="8">
        <v>1</v>
      </c>
      <c r="H22523" s="8">
        <v>1</v>
      </c>
      <c r="I22523" s="8">
        <v>0</v>
      </c>
      <c r="J22523" s="8">
        <v>1</v>
      </c>
      <c r="K22523" s="9">
        <v>3.92</v>
      </c>
      <c r="L22523" s="6" t="s">
        <v>4151</v>
      </c>
    </row>
    <row r="22524" spans="1:12">
      <c r="A22524" s="6" t="s">
        <v>4151</v>
      </c>
      <c r="B22524" s="6"/>
      <c r="C22524" s="6" t="s">
        <v>22560</v>
      </c>
      <c r="D22524" s="6"/>
      <c r="E22524" s="6" t="s">
        <v>9</v>
      </c>
      <c r="F22524" s="7">
        <v>38657</v>
      </c>
      <c r="G22524" s="8">
        <v>1</v>
      </c>
      <c r="H22524" s="8">
        <v>1</v>
      </c>
      <c r="I22524" s="8">
        <v>0</v>
      </c>
      <c r="J22524" s="8">
        <v>1</v>
      </c>
      <c r="K22524" s="9">
        <v>84</v>
      </c>
      <c r="L22524" s="6" t="s">
        <v>4151</v>
      </c>
    </row>
    <row r="22525" spans="1:12">
      <c r="A22525" s="6" t="s">
        <v>4151</v>
      </c>
      <c r="B22525" s="6"/>
      <c r="C22525" s="6" t="s">
        <v>22561</v>
      </c>
      <c r="D22525" s="6"/>
      <c r="E22525" s="6" t="s">
        <v>9</v>
      </c>
      <c r="F22525" s="7">
        <v>38657</v>
      </c>
      <c r="G22525" s="8">
        <v>1</v>
      </c>
      <c r="H22525" s="8">
        <v>1</v>
      </c>
      <c r="I22525" s="8">
        <v>0</v>
      </c>
      <c r="J22525" s="8">
        <v>1</v>
      </c>
      <c r="K22525" s="9">
        <v>110</v>
      </c>
      <c r="L22525" s="6" t="s">
        <v>4151</v>
      </c>
    </row>
    <row r="22526" spans="1:12">
      <c r="A22526" s="6" t="s">
        <v>4151</v>
      </c>
      <c r="B22526" s="6"/>
      <c r="C22526" s="6" t="s">
        <v>22562</v>
      </c>
      <c r="D22526" s="6"/>
      <c r="E22526" s="6" t="s">
        <v>9</v>
      </c>
      <c r="F22526" s="7">
        <v>38657</v>
      </c>
      <c r="G22526" s="8">
        <v>1</v>
      </c>
      <c r="H22526" s="8">
        <v>1</v>
      </c>
      <c r="I22526" s="8">
        <v>0</v>
      </c>
      <c r="J22526" s="8">
        <v>1</v>
      </c>
      <c r="K22526" s="9">
        <v>15</v>
      </c>
      <c r="L22526" s="6" t="s">
        <v>4151</v>
      </c>
    </row>
    <row r="22527" spans="1:12">
      <c r="A22527" s="6" t="s">
        <v>4151</v>
      </c>
      <c r="B22527" s="6"/>
      <c r="C22527" s="6" t="s">
        <v>22563</v>
      </c>
      <c r="D22527" s="6"/>
      <c r="E22527" s="6" t="s">
        <v>9</v>
      </c>
      <c r="F22527" s="7">
        <v>38657</v>
      </c>
      <c r="G22527" s="8">
        <v>1</v>
      </c>
      <c r="H22527" s="8">
        <v>1</v>
      </c>
      <c r="I22527" s="8">
        <v>0</v>
      </c>
      <c r="J22527" s="8">
        <v>1</v>
      </c>
      <c r="K22527" s="9">
        <v>8.61</v>
      </c>
      <c r="L22527" s="6" t="s">
        <v>4151</v>
      </c>
    </row>
    <row r="22528" spans="1:12">
      <c r="A22528" s="6" t="s">
        <v>4151</v>
      </c>
      <c r="B22528" s="6"/>
      <c r="C22528" s="6" t="s">
        <v>22564</v>
      </c>
      <c r="D22528" s="6"/>
      <c r="E22528" s="6" t="s">
        <v>9</v>
      </c>
      <c r="F22528" s="7">
        <v>38657</v>
      </c>
      <c r="G22528" s="8">
        <v>1</v>
      </c>
      <c r="H22528" s="8">
        <v>1</v>
      </c>
      <c r="I22528" s="8">
        <v>0</v>
      </c>
      <c r="J22528" s="8">
        <v>1</v>
      </c>
      <c r="K22528" s="9">
        <v>49</v>
      </c>
      <c r="L22528" s="6" t="s">
        <v>4151</v>
      </c>
    </row>
    <row r="22529" spans="1:12">
      <c r="A22529" s="6" t="s">
        <v>4151</v>
      </c>
      <c r="B22529" s="6"/>
      <c r="C22529" s="6" t="s">
        <v>22565</v>
      </c>
      <c r="D22529" s="6"/>
      <c r="E22529" s="6" t="s">
        <v>9</v>
      </c>
      <c r="F22529" s="7">
        <v>38657</v>
      </c>
      <c r="G22529" s="8">
        <v>1</v>
      </c>
      <c r="H22529" s="8">
        <v>1</v>
      </c>
      <c r="I22529" s="8">
        <v>0</v>
      </c>
      <c r="J22529" s="8">
        <v>1</v>
      </c>
      <c r="K22529" s="9">
        <v>49</v>
      </c>
      <c r="L22529" s="6" t="s">
        <v>4151</v>
      </c>
    </row>
    <row r="22530" spans="1:12">
      <c r="A22530" s="6" t="s">
        <v>4151</v>
      </c>
      <c r="B22530" s="6"/>
      <c r="C22530" s="6" t="s">
        <v>22566</v>
      </c>
      <c r="D22530" s="6"/>
      <c r="E22530" s="6" t="s">
        <v>9</v>
      </c>
      <c r="F22530" s="7">
        <v>38657</v>
      </c>
      <c r="G22530" s="8">
        <v>1</v>
      </c>
      <c r="H22530" s="8">
        <v>1</v>
      </c>
      <c r="I22530" s="8">
        <v>0</v>
      </c>
      <c r="J22530" s="8">
        <v>1</v>
      </c>
      <c r="K22530" s="9">
        <v>21</v>
      </c>
      <c r="L22530" s="6" t="s">
        <v>4151</v>
      </c>
    </row>
    <row r="22531" spans="1:12">
      <c r="A22531" s="6" t="s">
        <v>4151</v>
      </c>
      <c r="B22531" s="6"/>
      <c r="C22531" s="6" t="s">
        <v>22567</v>
      </c>
      <c r="D22531" s="6"/>
      <c r="E22531" s="6" t="s">
        <v>9</v>
      </c>
      <c r="F22531" s="7">
        <v>38657</v>
      </c>
      <c r="G22531" s="8">
        <v>1</v>
      </c>
      <c r="H22531" s="8">
        <v>1</v>
      </c>
      <c r="I22531" s="8">
        <v>0</v>
      </c>
      <c r="J22531" s="8">
        <v>1</v>
      </c>
      <c r="K22531" s="9">
        <v>28</v>
      </c>
      <c r="L22531" s="6" t="s">
        <v>4151</v>
      </c>
    </row>
    <row r="22532" spans="1:12">
      <c r="A22532" s="6" t="s">
        <v>4151</v>
      </c>
      <c r="B22532" s="6"/>
      <c r="C22532" s="6" t="s">
        <v>22568</v>
      </c>
      <c r="D22532" s="6"/>
      <c r="E22532" s="6" t="s">
        <v>9</v>
      </c>
      <c r="F22532" s="7">
        <v>38657</v>
      </c>
      <c r="G22532" s="8">
        <v>1</v>
      </c>
      <c r="H22532" s="8">
        <v>1</v>
      </c>
      <c r="I22532" s="8">
        <v>0</v>
      </c>
      <c r="J22532" s="8">
        <v>1</v>
      </c>
      <c r="K22532" s="9">
        <v>4.5599999999999898</v>
      </c>
      <c r="L22532" s="6" t="s">
        <v>4151</v>
      </c>
    </row>
    <row r="22533" spans="1:12">
      <c r="A22533" s="6" t="s">
        <v>4151</v>
      </c>
      <c r="B22533" s="6"/>
      <c r="C22533" s="6" t="s">
        <v>22569</v>
      </c>
      <c r="D22533" s="6"/>
      <c r="E22533" s="6" t="s">
        <v>9</v>
      </c>
      <c r="F22533" s="7">
        <v>38657</v>
      </c>
      <c r="G22533" s="8">
        <v>1</v>
      </c>
      <c r="H22533" s="8">
        <v>1</v>
      </c>
      <c r="I22533" s="8">
        <v>0</v>
      </c>
      <c r="J22533" s="8">
        <v>1</v>
      </c>
      <c r="K22533" s="9">
        <v>3.61</v>
      </c>
      <c r="L22533" s="6" t="s">
        <v>4151</v>
      </c>
    </row>
    <row r="22534" spans="1:12">
      <c r="A22534" s="6" t="s">
        <v>4151</v>
      </c>
      <c r="B22534" s="6"/>
      <c r="C22534" s="6" t="s">
        <v>22570</v>
      </c>
      <c r="D22534" s="6"/>
      <c r="E22534" s="6" t="s">
        <v>9</v>
      </c>
      <c r="F22534" s="7">
        <v>38657</v>
      </c>
      <c r="G22534" s="8">
        <v>1</v>
      </c>
      <c r="H22534" s="8">
        <v>1</v>
      </c>
      <c r="I22534" s="8">
        <v>0</v>
      </c>
      <c r="J22534" s="8">
        <v>1</v>
      </c>
      <c r="K22534" s="9">
        <v>32</v>
      </c>
      <c r="L22534" s="6" t="s">
        <v>4151</v>
      </c>
    </row>
    <row r="22535" spans="1:12">
      <c r="A22535" s="6" t="s">
        <v>4151</v>
      </c>
      <c r="B22535" s="6"/>
      <c r="C22535" s="6" t="s">
        <v>22571</v>
      </c>
      <c r="D22535" s="6"/>
      <c r="E22535" s="6" t="s">
        <v>9</v>
      </c>
      <c r="F22535" s="7">
        <v>38657</v>
      </c>
      <c r="G22535" s="8">
        <v>1</v>
      </c>
      <c r="H22535" s="8">
        <v>1</v>
      </c>
      <c r="I22535" s="8">
        <v>0</v>
      </c>
      <c r="J22535" s="8">
        <v>1</v>
      </c>
      <c r="K22535" s="9">
        <v>35</v>
      </c>
      <c r="L22535" s="6" t="s">
        <v>4151</v>
      </c>
    </row>
    <row r="22536" spans="1:12">
      <c r="A22536" s="6" t="s">
        <v>4151</v>
      </c>
      <c r="B22536" s="6"/>
      <c r="C22536" s="6" t="s">
        <v>22572</v>
      </c>
      <c r="D22536" s="6"/>
      <c r="E22536" s="6" t="s">
        <v>9</v>
      </c>
      <c r="F22536" s="7">
        <v>38657</v>
      </c>
      <c r="G22536" s="8">
        <v>1</v>
      </c>
      <c r="H22536" s="8">
        <v>1</v>
      </c>
      <c r="I22536" s="8">
        <v>0</v>
      </c>
      <c r="J22536" s="8">
        <v>1</v>
      </c>
      <c r="K22536" s="9">
        <v>31</v>
      </c>
      <c r="L22536" s="6" t="s">
        <v>4151</v>
      </c>
    </row>
    <row r="22537" spans="1:12">
      <c r="A22537" s="6" t="s">
        <v>4151</v>
      </c>
      <c r="B22537" s="6"/>
      <c r="C22537" s="6" t="s">
        <v>22573</v>
      </c>
      <c r="D22537" s="6"/>
      <c r="E22537" s="6" t="s">
        <v>9</v>
      </c>
      <c r="F22537" s="7">
        <v>38657</v>
      </c>
      <c r="G22537" s="8">
        <v>1</v>
      </c>
      <c r="H22537" s="8">
        <v>1</v>
      </c>
      <c r="I22537" s="8">
        <v>0</v>
      </c>
      <c r="J22537" s="8">
        <v>1</v>
      </c>
      <c r="K22537" s="9">
        <v>63</v>
      </c>
      <c r="L22537" s="6" t="s">
        <v>4151</v>
      </c>
    </row>
    <row r="22538" spans="1:12">
      <c r="A22538" s="6" t="s">
        <v>4151</v>
      </c>
      <c r="B22538" s="6"/>
      <c r="C22538" s="6" t="s">
        <v>22574</v>
      </c>
      <c r="D22538" s="6"/>
      <c r="E22538" s="6" t="s">
        <v>9</v>
      </c>
      <c r="F22538" s="7">
        <v>38657</v>
      </c>
      <c r="G22538" s="8">
        <v>1</v>
      </c>
      <c r="H22538" s="8">
        <v>1</v>
      </c>
      <c r="I22538" s="8">
        <v>0</v>
      </c>
      <c r="J22538" s="8">
        <v>1</v>
      </c>
      <c r="K22538" s="9">
        <v>9.84</v>
      </c>
      <c r="L22538" s="6" t="s">
        <v>4151</v>
      </c>
    </row>
    <row r="22539" spans="1:12">
      <c r="A22539" s="6" t="s">
        <v>4151</v>
      </c>
      <c r="B22539" s="6"/>
      <c r="C22539" s="6" t="s">
        <v>22575</v>
      </c>
      <c r="D22539" s="6"/>
      <c r="E22539" s="6" t="s">
        <v>9</v>
      </c>
      <c r="F22539" s="7">
        <v>38657</v>
      </c>
      <c r="G22539" s="8">
        <v>1</v>
      </c>
      <c r="H22539" s="8">
        <v>1</v>
      </c>
      <c r="I22539" s="8">
        <v>0</v>
      </c>
      <c r="J22539" s="8">
        <v>1</v>
      </c>
      <c r="K22539" s="9">
        <v>27</v>
      </c>
      <c r="L22539" s="6" t="s">
        <v>4151</v>
      </c>
    </row>
    <row r="22540" spans="1:12">
      <c r="A22540" s="6" t="s">
        <v>4151</v>
      </c>
      <c r="B22540" s="6"/>
      <c r="C22540" s="6" t="s">
        <v>22576</v>
      </c>
      <c r="D22540" s="6"/>
      <c r="E22540" s="6" t="s">
        <v>9</v>
      </c>
      <c r="F22540" s="7">
        <v>38657</v>
      </c>
      <c r="G22540" s="8">
        <v>1</v>
      </c>
      <c r="H22540" s="8">
        <v>1</v>
      </c>
      <c r="I22540" s="8">
        <v>0</v>
      </c>
      <c r="J22540" s="8">
        <v>1</v>
      </c>
      <c r="K22540" s="9">
        <v>0.3</v>
      </c>
      <c r="L22540" s="6" t="s">
        <v>4151</v>
      </c>
    </row>
    <row r="22541" spans="1:12">
      <c r="A22541" s="6" t="s">
        <v>4151</v>
      </c>
      <c r="B22541" s="6"/>
      <c r="C22541" s="6" t="s">
        <v>22577</v>
      </c>
      <c r="D22541" s="6"/>
      <c r="E22541" s="6" t="s">
        <v>9</v>
      </c>
      <c r="F22541" s="7">
        <v>38657</v>
      </c>
      <c r="G22541" s="8">
        <v>1</v>
      </c>
      <c r="H22541" s="8">
        <v>1</v>
      </c>
      <c r="I22541" s="8">
        <v>0</v>
      </c>
      <c r="J22541" s="8">
        <v>1</v>
      </c>
      <c r="K22541" s="9">
        <v>8.74</v>
      </c>
      <c r="L22541" s="6" t="s">
        <v>4151</v>
      </c>
    </row>
    <row r="22542" spans="1:12">
      <c r="A22542" s="6" t="s">
        <v>4151</v>
      </c>
      <c r="B22542" s="6"/>
      <c r="C22542" s="6" t="s">
        <v>22578</v>
      </c>
      <c r="D22542" s="6"/>
      <c r="E22542" s="6" t="s">
        <v>9</v>
      </c>
      <c r="F22542" s="7">
        <v>38657</v>
      </c>
      <c r="G22542" s="8">
        <v>1</v>
      </c>
      <c r="H22542" s="8">
        <v>1</v>
      </c>
      <c r="I22542" s="8">
        <v>0</v>
      </c>
      <c r="J22542" s="8">
        <v>1</v>
      </c>
      <c r="K22542" s="9">
        <v>8.9499999999999904</v>
      </c>
      <c r="L22542" s="6" t="s">
        <v>4151</v>
      </c>
    </row>
    <row r="22543" spans="1:12">
      <c r="A22543" s="6" t="s">
        <v>4151</v>
      </c>
      <c r="B22543" s="6"/>
      <c r="C22543" s="6" t="s">
        <v>22579</v>
      </c>
      <c r="D22543" s="6"/>
      <c r="E22543" s="6" t="s">
        <v>9</v>
      </c>
      <c r="F22543" s="7">
        <v>38657</v>
      </c>
      <c r="G22543" s="8">
        <v>1</v>
      </c>
      <c r="H22543" s="8">
        <v>1</v>
      </c>
      <c r="I22543" s="8">
        <v>0</v>
      </c>
      <c r="J22543" s="8">
        <v>1</v>
      </c>
      <c r="K22543" s="9">
        <v>22</v>
      </c>
      <c r="L22543" s="6" t="s">
        <v>4151</v>
      </c>
    </row>
    <row r="22544" spans="1:12">
      <c r="A22544" s="6" t="s">
        <v>4151</v>
      </c>
      <c r="B22544" s="6"/>
      <c r="C22544" s="6" t="s">
        <v>22580</v>
      </c>
      <c r="D22544" s="6"/>
      <c r="E22544" s="6" t="s">
        <v>9</v>
      </c>
      <c r="F22544" s="7">
        <v>38657</v>
      </c>
      <c r="G22544" s="8">
        <v>1</v>
      </c>
      <c r="H22544" s="8">
        <v>1</v>
      </c>
      <c r="I22544" s="8">
        <v>0</v>
      </c>
      <c r="J22544" s="8">
        <v>1</v>
      </c>
      <c r="K22544" s="9">
        <v>14.09</v>
      </c>
      <c r="L22544" s="6" t="s">
        <v>4151</v>
      </c>
    </row>
    <row r="22545" spans="1:12">
      <c r="A22545" s="6" t="s">
        <v>4151</v>
      </c>
      <c r="B22545" s="6"/>
      <c r="C22545" s="6" t="s">
        <v>22581</v>
      </c>
      <c r="D22545" s="6"/>
      <c r="E22545" s="6" t="s">
        <v>9</v>
      </c>
      <c r="F22545" s="7">
        <v>38657</v>
      </c>
      <c r="G22545" s="8">
        <v>1</v>
      </c>
      <c r="H22545" s="8">
        <v>1</v>
      </c>
      <c r="I22545" s="8">
        <v>0</v>
      </c>
      <c r="J22545" s="8">
        <v>1</v>
      </c>
      <c r="K22545" s="9">
        <v>18</v>
      </c>
      <c r="L22545" s="6" t="s">
        <v>4151</v>
      </c>
    </row>
    <row r="22546" spans="1:12">
      <c r="A22546" s="6" t="s">
        <v>4151</v>
      </c>
      <c r="B22546" s="6"/>
      <c r="C22546" s="6" t="s">
        <v>22582</v>
      </c>
      <c r="D22546" s="6"/>
      <c r="E22546" s="6" t="s">
        <v>9</v>
      </c>
      <c r="F22546" s="7">
        <v>38657</v>
      </c>
      <c r="G22546" s="8">
        <v>1</v>
      </c>
      <c r="H22546" s="8">
        <v>1</v>
      </c>
      <c r="I22546" s="8">
        <v>0</v>
      </c>
      <c r="J22546" s="8">
        <v>1</v>
      </c>
      <c r="K22546" s="9">
        <v>22</v>
      </c>
      <c r="L22546" s="6" t="s">
        <v>4151</v>
      </c>
    </row>
    <row r="22547" spans="1:12">
      <c r="A22547" s="6" t="s">
        <v>4151</v>
      </c>
      <c r="B22547" s="6"/>
      <c r="C22547" s="6" t="s">
        <v>22583</v>
      </c>
      <c r="D22547" s="6"/>
      <c r="E22547" s="6" t="s">
        <v>9</v>
      </c>
      <c r="F22547" s="7">
        <v>38657</v>
      </c>
      <c r="G22547" s="8">
        <v>1</v>
      </c>
      <c r="H22547" s="8">
        <v>1</v>
      </c>
      <c r="I22547" s="8">
        <v>0</v>
      </c>
      <c r="J22547" s="8">
        <v>1</v>
      </c>
      <c r="K22547" s="9">
        <v>19</v>
      </c>
      <c r="L22547" s="6" t="s">
        <v>4151</v>
      </c>
    </row>
    <row r="22548" spans="1:12">
      <c r="A22548" s="6" t="s">
        <v>4151</v>
      </c>
      <c r="B22548" s="6"/>
      <c r="C22548" s="6" t="s">
        <v>22584</v>
      </c>
      <c r="D22548" s="6"/>
      <c r="E22548" s="6" t="s">
        <v>9</v>
      </c>
      <c r="F22548" s="7">
        <v>38657</v>
      </c>
      <c r="G22548" s="8">
        <v>1</v>
      </c>
      <c r="H22548" s="8">
        <v>1</v>
      </c>
      <c r="I22548" s="8">
        <v>0</v>
      </c>
      <c r="J22548" s="8">
        <v>1</v>
      </c>
      <c r="K22548" s="9">
        <v>4.5999999999999899</v>
      </c>
      <c r="L22548" s="6" t="s">
        <v>4151</v>
      </c>
    </row>
    <row r="22549" spans="1:12">
      <c r="A22549" s="6" t="s">
        <v>4151</v>
      </c>
      <c r="B22549" s="6"/>
      <c r="C22549" s="6" t="s">
        <v>22585</v>
      </c>
      <c r="D22549" s="6"/>
      <c r="E22549" s="6" t="s">
        <v>9</v>
      </c>
      <c r="F22549" s="7">
        <v>38657</v>
      </c>
      <c r="G22549" s="8">
        <v>1</v>
      </c>
      <c r="H22549" s="8">
        <v>1</v>
      </c>
      <c r="I22549" s="8">
        <v>0</v>
      </c>
      <c r="J22549" s="8">
        <v>1</v>
      </c>
      <c r="K22549" s="9">
        <v>6.54</v>
      </c>
      <c r="L22549" s="6" t="s">
        <v>4151</v>
      </c>
    </row>
    <row r="22550" spans="1:12">
      <c r="A22550" s="6" t="s">
        <v>4151</v>
      </c>
      <c r="B22550" s="6"/>
      <c r="C22550" s="6" t="s">
        <v>22586</v>
      </c>
      <c r="D22550" s="6"/>
      <c r="E22550" s="6" t="s">
        <v>9</v>
      </c>
      <c r="F22550" s="7">
        <v>38657</v>
      </c>
      <c r="G22550" s="8">
        <v>1</v>
      </c>
      <c r="H22550" s="8">
        <v>1</v>
      </c>
      <c r="I22550" s="8">
        <v>0</v>
      </c>
      <c r="J22550" s="8">
        <v>1</v>
      </c>
      <c r="K22550" s="9">
        <v>28</v>
      </c>
      <c r="L22550" s="6" t="s">
        <v>4151</v>
      </c>
    </row>
    <row r="22551" spans="1:12">
      <c r="A22551" s="6" t="s">
        <v>4151</v>
      </c>
      <c r="B22551" s="6"/>
      <c r="C22551" s="6" t="s">
        <v>22587</v>
      </c>
      <c r="D22551" s="6"/>
      <c r="E22551" s="6" t="s">
        <v>9</v>
      </c>
      <c r="F22551" s="7">
        <v>38657</v>
      </c>
      <c r="G22551" s="8">
        <v>1</v>
      </c>
      <c r="H22551" s="8">
        <v>1</v>
      </c>
      <c r="I22551" s="8">
        <v>0</v>
      </c>
      <c r="J22551" s="8">
        <v>1</v>
      </c>
      <c r="K22551" s="9">
        <v>43</v>
      </c>
      <c r="L22551" s="6" t="s">
        <v>4151</v>
      </c>
    </row>
    <row r="22552" spans="1:12">
      <c r="A22552" s="6" t="s">
        <v>4151</v>
      </c>
      <c r="B22552" s="6"/>
      <c r="C22552" s="6" t="s">
        <v>22588</v>
      </c>
      <c r="D22552" s="6"/>
      <c r="E22552" s="6" t="s">
        <v>9</v>
      </c>
      <c r="F22552" s="7">
        <v>38657</v>
      </c>
      <c r="G22552" s="8">
        <v>1</v>
      </c>
      <c r="H22552" s="8">
        <v>1</v>
      </c>
      <c r="I22552" s="8">
        <v>0</v>
      </c>
      <c r="J22552" s="8">
        <v>1</v>
      </c>
      <c r="K22552" s="9">
        <v>11</v>
      </c>
      <c r="L22552" s="6" t="s">
        <v>4151</v>
      </c>
    </row>
    <row r="22553" spans="1:12">
      <c r="A22553" s="6" t="s">
        <v>4151</v>
      </c>
      <c r="B22553" s="6"/>
      <c r="C22553" s="6" t="s">
        <v>22589</v>
      </c>
      <c r="D22553" s="6"/>
      <c r="E22553" s="6" t="s">
        <v>9</v>
      </c>
      <c r="F22553" s="7">
        <v>38657</v>
      </c>
      <c r="G22553" s="8">
        <v>1</v>
      </c>
      <c r="H22553" s="8">
        <v>1</v>
      </c>
      <c r="I22553" s="8">
        <v>0</v>
      </c>
      <c r="J22553" s="8">
        <v>1</v>
      </c>
      <c r="K22553" s="9">
        <v>12</v>
      </c>
      <c r="L22553" s="6" t="s">
        <v>4151</v>
      </c>
    </row>
    <row r="22554" spans="1:12">
      <c r="A22554" s="6" t="s">
        <v>4151</v>
      </c>
      <c r="B22554" s="6"/>
      <c r="C22554" s="6" t="s">
        <v>22590</v>
      </c>
      <c r="D22554" s="6"/>
      <c r="E22554" s="6" t="s">
        <v>9</v>
      </c>
      <c r="F22554" s="7">
        <v>38657</v>
      </c>
      <c r="G22554" s="8">
        <v>1</v>
      </c>
      <c r="H22554" s="8">
        <v>1</v>
      </c>
      <c r="I22554" s="8">
        <v>0</v>
      </c>
      <c r="J22554" s="8">
        <v>1</v>
      </c>
      <c r="K22554" s="9">
        <v>0.73</v>
      </c>
      <c r="L22554" s="6" t="s">
        <v>4151</v>
      </c>
    </row>
    <row r="22555" spans="1:12">
      <c r="A22555" s="6" t="s">
        <v>4151</v>
      </c>
      <c r="B22555" s="6"/>
      <c r="C22555" s="6" t="s">
        <v>22591</v>
      </c>
      <c r="D22555" s="6"/>
      <c r="E22555" s="6" t="s">
        <v>9</v>
      </c>
      <c r="F22555" s="7">
        <v>38657</v>
      </c>
      <c r="G22555" s="8">
        <v>1</v>
      </c>
      <c r="H22555" s="8">
        <v>1</v>
      </c>
      <c r="I22555" s="8">
        <v>0</v>
      </c>
      <c r="J22555" s="8">
        <v>1</v>
      </c>
      <c r="K22555" s="9">
        <v>4.46</v>
      </c>
      <c r="L22555" s="6" t="s">
        <v>4151</v>
      </c>
    </row>
    <row r="22556" spans="1:12">
      <c r="A22556" s="6" t="s">
        <v>4151</v>
      </c>
      <c r="B22556" s="6"/>
      <c r="C22556" s="6" t="s">
        <v>22592</v>
      </c>
      <c r="D22556" s="6"/>
      <c r="E22556" s="6" t="s">
        <v>9</v>
      </c>
      <c r="F22556" s="7">
        <v>38657</v>
      </c>
      <c r="G22556" s="8">
        <v>1</v>
      </c>
      <c r="H22556" s="8">
        <v>1</v>
      </c>
      <c r="I22556" s="8">
        <v>0</v>
      </c>
      <c r="J22556" s="8">
        <v>1</v>
      </c>
      <c r="K22556" s="9">
        <v>4.2</v>
      </c>
      <c r="L22556" s="6" t="s">
        <v>4151</v>
      </c>
    </row>
    <row r="22557" spans="1:12">
      <c r="A22557" s="6" t="s">
        <v>4151</v>
      </c>
      <c r="B22557" s="6"/>
      <c r="C22557" s="6" t="s">
        <v>22593</v>
      </c>
      <c r="D22557" s="6"/>
      <c r="E22557" s="6" t="s">
        <v>9</v>
      </c>
      <c r="F22557" s="7">
        <v>38657</v>
      </c>
      <c r="G22557" s="8">
        <v>1</v>
      </c>
      <c r="H22557" s="8">
        <v>1</v>
      </c>
      <c r="I22557" s="8">
        <v>0</v>
      </c>
      <c r="J22557" s="8">
        <v>1</v>
      </c>
      <c r="K22557" s="9">
        <v>3.49</v>
      </c>
      <c r="L22557" s="6" t="s">
        <v>4151</v>
      </c>
    </row>
    <row r="22558" spans="1:12">
      <c r="A22558" s="6" t="s">
        <v>4151</v>
      </c>
      <c r="B22558" s="6"/>
      <c r="C22558" s="6" t="s">
        <v>22594</v>
      </c>
      <c r="D22558" s="6"/>
      <c r="E22558" s="6" t="s">
        <v>9</v>
      </c>
      <c r="F22558" s="7">
        <v>38657</v>
      </c>
      <c r="G22558" s="8">
        <v>1</v>
      </c>
      <c r="H22558" s="8">
        <v>1</v>
      </c>
      <c r="I22558" s="8">
        <v>0</v>
      </c>
      <c r="J22558" s="8">
        <v>1</v>
      </c>
      <c r="K22558" s="9">
        <v>3.32</v>
      </c>
      <c r="L22558" s="6" t="s">
        <v>4151</v>
      </c>
    </row>
    <row r="22559" spans="1:12">
      <c r="A22559" s="6" t="s">
        <v>4151</v>
      </c>
      <c r="B22559" s="6"/>
      <c r="C22559" s="6" t="s">
        <v>22595</v>
      </c>
      <c r="D22559" s="6"/>
      <c r="E22559" s="6" t="s">
        <v>9</v>
      </c>
      <c r="F22559" s="7">
        <v>38657</v>
      </c>
      <c r="G22559" s="8">
        <v>1</v>
      </c>
      <c r="H22559" s="8">
        <v>1</v>
      </c>
      <c r="I22559" s="8">
        <v>0</v>
      </c>
      <c r="J22559" s="8">
        <v>1</v>
      </c>
      <c r="K22559" s="9">
        <v>18</v>
      </c>
      <c r="L22559" s="6" t="s">
        <v>4151</v>
      </c>
    </row>
    <row r="22560" spans="1:12">
      <c r="A22560" s="6" t="s">
        <v>4151</v>
      </c>
      <c r="B22560" s="6"/>
      <c r="C22560" s="6" t="s">
        <v>22596</v>
      </c>
      <c r="D22560" s="6"/>
      <c r="E22560" s="6" t="s">
        <v>9</v>
      </c>
      <c r="F22560" s="7">
        <v>41677</v>
      </c>
      <c r="G22560" s="8">
        <v>1</v>
      </c>
      <c r="H22560" s="8">
        <v>1</v>
      </c>
      <c r="I22560" s="8">
        <v>0</v>
      </c>
      <c r="J22560" s="8">
        <v>1</v>
      </c>
      <c r="K22560" s="9">
        <v>245</v>
      </c>
      <c r="L22560" s="6" t="s">
        <v>4151</v>
      </c>
    </row>
    <row r="22561" spans="1:12">
      <c r="A22561" s="6" t="s">
        <v>4151</v>
      </c>
      <c r="B22561" s="6"/>
      <c r="C22561" s="6" t="s">
        <v>22597</v>
      </c>
      <c r="D22561" s="6"/>
      <c r="E22561" s="6" t="s">
        <v>9</v>
      </c>
      <c r="F22561" s="7">
        <v>38657</v>
      </c>
      <c r="G22561" s="8">
        <v>1</v>
      </c>
      <c r="H22561" s="8">
        <v>1</v>
      </c>
      <c r="I22561" s="8">
        <v>0</v>
      </c>
      <c r="J22561" s="8">
        <v>1</v>
      </c>
      <c r="K22561" s="9">
        <v>16</v>
      </c>
      <c r="L22561" s="6" t="s">
        <v>4151</v>
      </c>
    </row>
    <row r="22562" spans="1:12">
      <c r="A22562" s="6" t="s">
        <v>4151</v>
      </c>
      <c r="B22562" s="6"/>
      <c r="C22562" s="6" t="s">
        <v>22598</v>
      </c>
      <c r="D22562" s="6"/>
      <c r="E22562" s="6" t="s">
        <v>9</v>
      </c>
      <c r="F22562" s="7">
        <v>38657</v>
      </c>
      <c r="G22562" s="8">
        <v>1</v>
      </c>
      <c r="H22562" s="8">
        <v>1</v>
      </c>
      <c r="I22562" s="8">
        <v>0</v>
      </c>
      <c r="J22562" s="8">
        <v>1</v>
      </c>
      <c r="K22562" s="9">
        <v>53</v>
      </c>
      <c r="L22562" s="6" t="s">
        <v>4151</v>
      </c>
    </row>
    <row r="22563" spans="1:12">
      <c r="A22563" s="6" t="s">
        <v>4151</v>
      </c>
      <c r="B22563" s="6"/>
      <c r="C22563" s="6" t="s">
        <v>22599</v>
      </c>
      <c r="D22563" s="6"/>
      <c r="E22563" s="6" t="s">
        <v>9</v>
      </c>
      <c r="F22563" s="7">
        <v>41677</v>
      </c>
      <c r="G22563" s="8">
        <v>1</v>
      </c>
      <c r="H22563" s="8">
        <v>1</v>
      </c>
      <c r="I22563" s="8">
        <v>0</v>
      </c>
      <c r="J22563" s="8">
        <v>1</v>
      </c>
      <c r="K22563" s="9">
        <v>51</v>
      </c>
      <c r="L22563" s="6" t="s">
        <v>4151</v>
      </c>
    </row>
    <row r="22564" spans="1:12">
      <c r="A22564" s="6" t="s">
        <v>4151</v>
      </c>
      <c r="B22564" s="6"/>
      <c r="C22564" s="6" t="s">
        <v>22600</v>
      </c>
      <c r="D22564" s="6"/>
      <c r="E22564" s="6" t="s">
        <v>9</v>
      </c>
      <c r="F22564" s="7">
        <v>41677</v>
      </c>
      <c r="G22564" s="8">
        <v>1</v>
      </c>
      <c r="H22564" s="8">
        <v>1</v>
      </c>
      <c r="I22564" s="8">
        <v>0</v>
      </c>
      <c r="J22564" s="8">
        <v>1</v>
      </c>
      <c r="K22564" s="9">
        <v>63</v>
      </c>
      <c r="L22564" s="6" t="s">
        <v>4151</v>
      </c>
    </row>
    <row r="22565" spans="1:12">
      <c r="A22565" s="6" t="s">
        <v>4151</v>
      </c>
      <c r="B22565" s="6"/>
      <c r="C22565" s="6" t="s">
        <v>22601</v>
      </c>
      <c r="D22565" s="6"/>
      <c r="E22565" s="6" t="s">
        <v>9</v>
      </c>
      <c r="F22565" s="7">
        <v>41677</v>
      </c>
      <c r="G22565" s="8">
        <v>1</v>
      </c>
      <c r="H22565" s="8">
        <v>1</v>
      </c>
      <c r="I22565" s="8">
        <v>0</v>
      </c>
      <c r="J22565" s="8">
        <v>1</v>
      </c>
      <c r="K22565" s="9">
        <v>132</v>
      </c>
      <c r="L22565" s="6" t="s">
        <v>4151</v>
      </c>
    </row>
    <row r="22566" spans="1:12">
      <c r="A22566" s="6" t="s">
        <v>4151</v>
      </c>
      <c r="B22566" s="6"/>
      <c r="C22566" s="6" t="s">
        <v>22602</v>
      </c>
      <c r="D22566" s="6"/>
      <c r="E22566" s="6" t="s">
        <v>9</v>
      </c>
      <c r="F22566" s="7">
        <v>41677</v>
      </c>
      <c r="G22566" s="8">
        <v>1</v>
      </c>
      <c r="H22566" s="8">
        <v>1</v>
      </c>
      <c r="I22566" s="8">
        <v>0</v>
      </c>
      <c r="J22566" s="8">
        <v>1</v>
      </c>
      <c r="K22566" s="9">
        <v>243</v>
      </c>
      <c r="L22566" s="6" t="s">
        <v>4151</v>
      </c>
    </row>
    <row r="22567" spans="1:12">
      <c r="A22567" s="6" t="s">
        <v>4151</v>
      </c>
      <c r="B22567" s="6"/>
      <c r="C22567" s="6" t="s">
        <v>22603</v>
      </c>
      <c r="D22567" s="6"/>
      <c r="E22567" s="6" t="s">
        <v>9</v>
      </c>
      <c r="F22567" s="7">
        <v>41677</v>
      </c>
      <c r="G22567" s="8">
        <v>1</v>
      </c>
      <c r="H22567" s="8">
        <v>1</v>
      </c>
      <c r="I22567" s="8">
        <v>0</v>
      </c>
      <c r="J22567" s="8">
        <v>1</v>
      </c>
      <c r="K22567" s="9">
        <v>619</v>
      </c>
      <c r="L22567" s="6" t="s">
        <v>4151</v>
      </c>
    </row>
    <row r="22568" spans="1:12">
      <c r="A22568" s="6" t="s">
        <v>4151</v>
      </c>
      <c r="B22568" s="6"/>
      <c r="C22568" s="6" t="s">
        <v>22604</v>
      </c>
      <c r="D22568" s="6"/>
      <c r="E22568" s="6" t="s">
        <v>9</v>
      </c>
      <c r="F22568" s="7">
        <v>38657</v>
      </c>
      <c r="G22568" s="8">
        <v>1</v>
      </c>
      <c r="H22568" s="8">
        <v>1</v>
      </c>
      <c r="I22568" s="8">
        <v>0</v>
      </c>
      <c r="J22568" s="8">
        <v>1</v>
      </c>
      <c r="K22568" s="9">
        <v>239</v>
      </c>
      <c r="L22568" s="6" t="s">
        <v>4151</v>
      </c>
    </row>
    <row r="22569" spans="1:12">
      <c r="A22569" s="6" t="s">
        <v>4151</v>
      </c>
      <c r="B22569" s="6"/>
      <c r="C22569" s="6" t="s">
        <v>22605</v>
      </c>
      <c r="D22569" s="6"/>
      <c r="E22569" s="6" t="s">
        <v>9</v>
      </c>
      <c r="F22569" s="7">
        <v>38657</v>
      </c>
      <c r="G22569" s="8">
        <v>1</v>
      </c>
      <c r="H22569" s="8">
        <v>1</v>
      </c>
      <c r="I22569" s="8">
        <v>0</v>
      </c>
      <c r="J22569" s="8">
        <v>1</v>
      </c>
      <c r="K22569" s="9">
        <v>55</v>
      </c>
      <c r="L22569" s="6" t="s">
        <v>4151</v>
      </c>
    </row>
    <row r="22570" spans="1:12">
      <c r="A22570" s="6" t="s">
        <v>4151</v>
      </c>
      <c r="B22570" s="6"/>
      <c r="C22570" s="6" t="s">
        <v>22606</v>
      </c>
      <c r="D22570" s="6"/>
      <c r="E22570" s="6" t="s">
        <v>9</v>
      </c>
      <c r="F22570" s="7">
        <v>38657</v>
      </c>
      <c r="G22570" s="8">
        <v>1</v>
      </c>
      <c r="H22570" s="8">
        <v>1</v>
      </c>
      <c r="I22570" s="8">
        <v>0</v>
      </c>
      <c r="J22570" s="8">
        <v>1</v>
      </c>
      <c r="K22570" s="9">
        <v>51</v>
      </c>
      <c r="L22570" s="6" t="s">
        <v>4151</v>
      </c>
    </row>
    <row r="22571" spans="1:12">
      <c r="A22571" s="6" t="s">
        <v>4151</v>
      </c>
      <c r="B22571" s="6"/>
      <c r="C22571" s="6" t="s">
        <v>22607</v>
      </c>
      <c r="D22571" s="6"/>
      <c r="E22571" s="6" t="s">
        <v>9</v>
      </c>
      <c r="F22571" s="7">
        <v>41677</v>
      </c>
      <c r="G22571" s="8">
        <v>1</v>
      </c>
      <c r="H22571" s="8">
        <v>1</v>
      </c>
      <c r="I22571" s="8">
        <v>0</v>
      </c>
      <c r="J22571" s="8">
        <v>1</v>
      </c>
      <c r="K22571" s="9">
        <v>6.36</v>
      </c>
      <c r="L22571" s="6" t="s">
        <v>4151</v>
      </c>
    </row>
    <row r="22572" spans="1:12">
      <c r="A22572" s="6" t="s">
        <v>4151</v>
      </c>
      <c r="B22572" s="6"/>
      <c r="C22572" s="6" t="s">
        <v>22608</v>
      </c>
      <c r="D22572" s="6"/>
      <c r="E22572" s="6" t="s">
        <v>9</v>
      </c>
      <c r="F22572" s="7">
        <v>41677</v>
      </c>
      <c r="G22572" s="8">
        <v>1</v>
      </c>
      <c r="H22572" s="8">
        <v>1</v>
      </c>
      <c r="I22572" s="8">
        <v>0</v>
      </c>
      <c r="J22572" s="8">
        <v>1</v>
      </c>
      <c r="K22572" s="9">
        <v>84</v>
      </c>
      <c r="L22572" s="6" t="s">
        <v>4151</v>
      </c>
    </row>
    <row r="22573" spans="1:12">
      <c r="A22573" s="6" t="s">
        <v>4151</v>
      </c>
      <c r="B22573" s="6"/>
      <c r="C22573" s="6" t="s">
        <v>22609</v>
      </c>
      <c r="D22573" s="6"/>
      <c r="E22573" s="6" t="s">
        <v>9</v>
      </c>
      <c r="F22573" s="7">
        <v>38657</v>
      </c>
      <c r="G22573" s="8">
        <v>1</v>
      </c>
      <c r="H22573" s="8">
        <v>1</v>
      </c>
      <c r="I22573" s="8">
        <v>0</v>
      </c>
      <c r="J22573" s="8">
        <v>1</v>
      </c>
      <c r="K22573" s="9">
        <v>81</v>
      </c>
      <c r="L22573" s="6" t="s">
        <v>4151</v>
      </c>
    </row>
    <row r="22574" spans="1:12">
      <c r="A22574" s="6" t="s">
        <v>4151</v>
      </c>
      <c r="B22574" s="6"/>
      <c r="C22574" s="6" t="s">
        <v>22610</v>
      </c>
      <c r="D22574" s="6"/>
      <c r="E22574" s="6" t="s">
        <v>9</v>
      </c>
      <c r="F22574" s="7">
        <v>41677</v>
      </c>
      <c r="G22574" s="8">
        <v>1</v>
      </c>
      <c r="H22574" s="8">
        <v>1</v>
      </c>
      <c r="I22574" s="8">
        <v>0</v>
      </c>
      <c r="J22574" s="8">
        <v>1</v>
      </c>
      <c r="K22574" s="9">
        <v>49</v>
      </c>
      <c r="L22574" s="6" t="s">
        <v>4151</v>
      </c>
    </row>
    <row r="22575" spans="1:12">
      <c r="A22575" s="6" t="s">
        <v>4151</v>
      </c>
      <c r="B22575" s="6"/>
      <c r="C22575" s="6" t="s">
        <v>22611</v>
      </c>
      <c r="D22575" s="6"/>
      <c r="E22575" s="6" t="s">
        <v>9</v>
      </c>
      <c r="F22575" s="7">
        <v>41760</v>
      </c>
      <c r="G22575" s="8">
        <v>1</v>
      </c>
      <c r="H22575" s="8">
        <v>1</v>
      </c>
      <c r="I22575" s="8">
        <v>0</v>
      </c>
      <c r="J22575" s="8">
        <v>1</v>
      </c>
      <c r="K22575" s="9">
        <v>478</v>
      </c>
      <c r="L22575" s="6" t="s">
        <v>4151</v>
      </c>
    </row>
    <row r="22576" spans="1:12">
      <c r="A22576" s="6" t="s">
        <v>4151</v>
      </c>
      <c r="B22576" s="6"/>
      <c r="C22576" s="6" t="s">
        <v>22612</v>
      </c>
      <c r="D22576" s="6"/>
      <c r="E22576" s="6" t="s">
        <v>9</v>
      </c>
      <c r="F22576" s="7">
        <v>41730</v>
      </c>
      <c r="G22576" s="8">
        <v>1</v>
      </c>
      <c r="H22576" s="8">
        <v>1</v>
      </c>
      <c r="I22576" s="8">
        <v>0</v>
      </c>
      <c r="J22576" s="8">
        <v>1</v>
      </c>
      <c r="K22576" s="9">
        <v>202</v>
      </c>
      <c r="L22576" s="6" t="s">
        <v>4151</v>
      </c>
    </row>
    <row r="22577" spans="1:12">
      <c r="A22577" s="6" t="s">
        <v>4151</v>
      </c>
      <c r="B22577" s="6"/>
      <c r="C22577" s="6" t="s">
        <v>22613</v>
      </c>
      <c r="D22577" s="6"/>
      <c r="E22577" s="6" t="s">
        <v>9</v>
      </c>
      <c r="F22577" s="7">
        <v>41677</v>
      </c>
      <c r="G22577" s="8">
        <v>1</v>
      </c>
      <c r="H22577" s="8">
        <v>1</v>
      </c>
      <c r="I22577" s="8">
        <v>0</v>
      </c>
      <c r="J22577" s="8">
        <v>1</v>
      </c>
      <c r="K22577" s="9">
        <v>33</v>
      </c>
      <c r="L22577" s="6" t="s">
        <v>4151</v>
      </c>
    </row>
    <row r="22578" spans="1:12">
      <c r="A22578" s="6" t="s">
        <v>4151</v>
      </c>
      <c r="B22578" s="6"/>
      <c r="C22578" s="6" t="s">
        <v>22614</v>
      </c>
      <c r="D22578" s="6"/>
      <c r="E22578" s="6" t="s">
        <v>9</v>
      </c>
      <c r="F22578" s="7">
        <v>41730</v>
      </c>
      <c r="G22578" s="8">
        <v>1</v>
      </c>
      <c r="H22578" s="8">
        <v>1</v>
      </c>
      <c r="I22578" s="8">
        <v>0</v>
      </c>
      <c r="J22578" s="8">
        <v>1</v>
      </c>
      <c r="K22578" s="9">
        <v>67</v>
      </c>
      <c r="L22578" s="6" t="s">
        <v>4151</v>
      </c>
    </row>
    <row r="22579" spans="1:12">
      <c r="A22579" s="6" t="s">
        <v>4151</v>
      </c>
      <c r="B22579" s="6"/>
      <c r="C22579" s="6" t="s">
        <v>22615</v>
      </c>
      <c r="D22579" s="6"/>
      <c r="E22579" s="6" t="s">
        <v>9</v>
      </c>
      <c r="F22579" s="7">
        <v>41677</v>
      </c>
      <c r="G22579" s="8">
        <v>1</v>
      </c>
      <c r="H22579" s="8">
        <v>1</v>
      </c>
      <c r="I22579" s="8">
        <v>0</v>
      </c>
      <c r="J22579" s="8">
        <v>1</v>
      </c>
      <c r="K22579" s="9">
        <v>96</v>
      </c>
      <c r="L22579" s="6" t="s">
        <v>4151</v>
      </c>
    </row>
    <row r="22580" spans="1:12">
      <c r="A22580" s="6" t="s">
        <v>4151</v>
      </c>
      <c r="B22580" s="6"/>
      <c r="C22580" s="6" t="s">
        <v>22616</v>
      </c>
      <c r="D22580" s="6"/>
      <c r="E22580" s="6" t="s">
        <v>9</v>
      </c>
      <c r="F22580" s="7">
        <v>41677</v>
      </c>
      <c r="G22580" s="8">
        <v>1</v>
      </c>
      <c r="H22580" s="8">
        <v>1</v>
      </c>
      <c r="I22580" s="8">
        <v>0</v>
      </c>
      <c r="J22580" s="8">
        <v>1</v>
      </c>
      <c r="K22580" s="9">
        <v>6.87</v>
      </c>
      <c r="L22580" s="6" t="s">
        <v>4151</v>
      </c>
    </row>
    <row r="22581" spans="1:12">
      <c r="A22581" s="6" t="s">
        <v>4151</v>
      </c>
      <c r="B22581" s="6"/>
      <c r="C22581" s="6" t="s">
        <v>22617</v>
      </c>
      <c r="D22581" s="6"/>
      <c r="E22581" s="6" t="s">
        <v>9</v>
      </c>
      <c r="F22581" s="7">
        <v>41677</v>
      </c>
      <c r="G22581" s="8">
        <v>1</v>
      </c>
      <c r="H22581" s="8">
        <v>1</v>
      </c>
      <c r="I22581" s="8">
        <v>0</v>
      </c>
      <c r="J22581" s="8">
        <v>1</v>
      </c>
      <c r="K22581" s="9">
        <v>28</v>
      </c>
      <c r="L22581" s="6" t="s">
        <v>4151</v>
      </c>
    </row>
    <row r="22582" spans="1:12">
      <c r="A22582" s="6" t="s">
        <v>4151</v>
      </c>
      <c r="B22582" s="6"/>
      <c r="C22582" s="6" t="s">
        <v>22618</v>
      </c>
      <c r="D22582" s="6"/>
      <c r="E22582" s="6" t="s">
        <v>9</v>
      </c>
      <c r="F22582" s="7">
        <v>38657</v>
      </c>
      <c r="G22582" s="8">
        <v>1</v>
      </c>
      <c r="H22582" s="8">
        <v>1</v>
      </c>
      <c r="I22582" s="8">
        <v>0</v>
      </c>
      <c r="J22582" s="8">
        <v>1</v>
      </c>
      <c r="K22582" s="9">
        <v>93</v>
      </c>
      <c r="L22582" s="6" t="s">
        <v>4151</v>
      </c>
    </row>
    <row r="22583" spans="1:12">
      <c r="A22583" s="6" t="s">
        <v>4151</v>
      </c>
      <c r="B22583" s="6"/>
      <c r="C22583" s="6" t="s">
        <v>22619</v>
      </c>
      <c r="D22583" s="6"/>
      <c r="E22583" s="6" t="s">
        <v>9</v>
      </c>
      <c r="F22583" s="7">
        <v>41677</v>
      </c>
      <c r="G22583" s="8">
        <v>1</v>
      </c>
      <c r="H22583" s="8">
        <v>1</v>
      </c>
      <c r="I22583" s="8">
        <v>0</v>
      </c>
      <c r="J22583" s="8">
        <v>1</v>
      </c>
      <c r="K22583" s="9">
        <v>1137</v>
      </c>
      <c r="L22583" s="6" t="s">
        <v>4151</v>
      </c>
    </row>
    <row r="22584" spans="1:12">
      <c r="A22584" s="6" t="s">
        <v>4151</v>
      </c>
      <c r="B22584" s="6"/>
      <c r="C22584" s="6" t="s">
        <v>22620</v>
      </c>
      <c r="D22584" s="6"/>
      <c r="E22584" s="6" t="s">
        <v>9</v>
      </c>
      <c r="F22584" s="7">
        <v>38657</v>
      </c>
      <c r="G22584" s="8">
        <v>1</v>
      </c>
      <c r="H22584" s="8">
        <v>1</v>
      </c>
      <c r="I22584" s="8">
        <v>0</v>
      </c>
      <c r="J22584" s="8">
        <v>1</v>
      </c>
      <c r="K22584" s="9">
        <v>39</v>
      </c>
      <c r="L22584" s="6" t="s">
        <v>4151</v>
      </c>
    </row>
    <row r="22585" spans="1:12">
      <c r="A22585" s="6" t="s">
        <v>4151</v>
      </c>
      <c r="B22585" s="6"/>
      <c r="C22585" s="6" t="s">
        <v>22621</v>
      </c>
      <c r="D22585" s="6"/>
      <c r="E22585" s="6" t="s">
        <v>9</v>
      </c>
      <c r="F22585" s="7">
        <v>41677</v>
      </c>
      <c r="G22585" s="8">
        <v>1</v>
      </c>
      <c r="H22585" s="8">
        <v>1</v>
      </c>
      <c r="I22585" s="8">
        <v>0</v>
      </c>
      <c r="J22585" s="8">
        <v>1</v>
      </c>
      <c r="K22585" s="9">
        <v>508</v>
      </c>
      <c r="L22585" s="6" t="s">
        <v>4151</v>
      </c>
    </row>
    <row r="22586" spans="1:12">
      <c r="A22586" s="6" t="s">
        <v>4151</v>
      </c>
      <c r="B22586" s="6"/>
      <c r="C22586" s="6" t="s">
        <v>22622</v>
      </c>
      <c r="D22586" s="6"/>
      <c r="E22586" s="6" t="s">
        <v>9</v>
      </c>
      <c r="F22586" s="7">
        <v>41677</v>
      </c>
      <c r="G22586" s="8">
        <v>1</v>
      </c>
      <c r="H22586" s="8">
        <v>1</v>
      </c>
      <c r="I22586" s="8">
        <v>0</v>
      </c>
      <c r="J22586" s="8">
        <v>1</v>
      </c>
      <c r="K22586" s="9">
        <v>50</v>
      </c>
      <c r="L22586" s="6" t="s">
        <v>4151</v>
      </c>
    </row>
    <row r="22587" spans="1:12">
      <c r="A22587" s="6" t="s">
        <v>4151</v>
      </c>
      <c r="B22587" s="6"/>
      <c r="C22587" s="6" t="s">
        <v>22623</v>
      </c>
      <c r="D22587" s="6"/>
      <c r="E22587" s="6" t="s">
        <v>9</v>
      </c>
      <c r="F22587" s="7">
        <v>41677</v>
      </c>
      <c r="G22587" s="8">
        <v>1</v>
      </c>
      <c r="H22587" s="8">
        <v>1</v>
      </c>
      <c r="I22587" s="8">
        <v>0</v>
      </c>
      <c r="J22587" s="8">
        <v>1</v>
      </c>
      <c r="K22587" s="9">
        <v>123</v>
      </c>
      <c r="L22587" s="6" t="s">
        <v>4151</v>
      </c>
    </row>
    <row r="22588" spans="1:12">
      <c r="A22588" s="6" t="s">
        <v>4151</v>
      </c>
      <c r="B22588" s="6"/>
      <c r="C22588" s="6" t="s">
        <v>22624</v>
      </c>
      <c r="D22588" s="6"/>
      <c r="E22588" s="6" t="s">
        <v>9</v>
      </c>
      <c r="F22588" s="7">
        <v>41677</v>
      </c>
      <c r="G22588" s="8">
        <v>1</v>
      </c>
      <c r="H22588" s="8">
        <v>1</v>
      </c>
      <c r="I22588" s="8">
        <v>0</v>
      </c>
      <c r="J22588" s="8">
        <v>1</v>
      </c>
      <c r="K22588" s="9">
        <v>40</v>
      </c>
      <c r="L22588" s="6" t="s">
        <v>4151</v>
      </c>
    </row>
    <row r="22589" spans="1:12">
      <c r="A22589" s="6" t="s">
        <v>4151</v>
      </c>
      <c r="B22589" s="6"/>
      <c r="C22589" s="6" t="s">
        <v>22625</v>
      </c>
      <c r="D22589" s="6"/>
      <c r="E22589" s="6" t="s">
        <v>9</v>
      </c>
      <c r="F22589" s="7">
        <v>38657</v>
      </c>
      <c r="G22589" s="8">
        <v>1</v>
      </c>
      <c r="H22589" s="8">
        <v>1</v>
      </c>
      <c r="I22589" s="8">
        <v>0</v>
      </c>
      <c r="J22589" s="8">
        <v>1</v>
      </c>
      <c r="K22589" s="9">
        <v>186</v>
      </c>
      <c r="L22589" s="6" t="s">
        <v>4151</v>
      </c>
    </row>
    <row r="22590" spans="1:12">
      <c r="A22590" s="6" t="s">
        <v>4151</v>
      </c>
      <c r="B22590" s="6"/>
      <c r="C22590" s="6" t="s">
        <v>22626</v>
      </c>
      <c r="D22590" s="6"/>
      <c r="E22590" s="6" t="s">
        <v>9</v>
      </c>
      <c r="F22590" s="7">
        <v>41677</v>
      </c>
      <c r="G22590" s="8">
        <v>1</v>
      </c>
      <c r="H22590" s="8">
        <v>1</v>
      </c>
      <c r="I22590" s="8">
        <v>0</v>
      </c>
      <c r="J22590" s="8">
        <v>1</v>
      </c>
      <c r="K22590" s="9">
        <v>89</v>
      </c>
      <c r="L22590" s="6" t="s">
        <v>4151</v>
      </c>
    </row>
    <row r="22591" spans="1:12">
      <c r="A22591" s="6" t="s">
        <v>4151</v>
      </c>
      <c r="B22591" s="6"/>
      <c r="C22591" s="6" t="s">
        <v>22627</v>
      </c>
      <c r="D22591" s="6"/>
      <c r="E22591" s="6" t="s">
        <v>9</v>
      </c>
      <c r="F22591" s="7">
        <v>41677</v>
      </c>
      <c r="G22591" s="8">
        <v>1</v>
      </c>
      <c r="H22591" s="8">
        <v>1</v>
      </c>
      <c r="I22591" s="8">
        <v>0</v>
      </c>
      <c r="J22591" s="8">
        <v>1</v>
      </c>
      <c r="K22591" s="9">
        <v>172</v>
      </c>
      <c r="L22591" s="6" t="s">
        <v>4151</v>
      </c>
    </row>
    <row r="22592" spans="1:12">
      <c r="A22592" s="6" t="s">
        <v>4151</v>
      </c>
      <c r="B22592" s="6"/>
      <c r="C22592" s="6" t="s">
        <v>22628</v>
      </c>
      <c r="D22592" s="6"/>
      <c r="E22592" s="6" t="s">
        <v>9</v>
      </c>
      <c r="F22592" s="7">
        <v>41677</v>
      </c>
      <c r="G22592" s="8">
        <v>1</v>
      </c>
      <c r="H22592" s="8">
        <v>1</v>
      </c>
      <c r="I22592" s="8">
        <v>0</v>
      </c>
      <c r="J22592" s="8">
        <v>1</v>
      </c>
      <c r="K22592" s="9">
        <v>130</v>
      </c>
      <c r="L22592" s="6" t="s">
        <v>4151</v>
      </c>
    </row>
    <row r="22593" spans="1:12">
      <c r="A22593" s="6" t="s">
        <v>4151</v>
      </c>
      <c r="B22593" s="6"/>
      <c r="C22593" s="6" t="s">
        <v>22629</v>
      </c>
      <c r="D22593" s="6"/>
      <c r="E22593" s="6" t="s">
        <v>9</v>
      </c>
      <c r="F22593" s="7">
        <v>41677</v>
      </c>
      <c r="G22593" s="8">
        <v>1</v>
      </c>
      <c r="H22593" s="8">
        <v>1</v>
      </c>
      <c r="I22593" s="8">
        <v>0</v>
      </c>
      <c r="J22593" s="8">
        <v>1</v>
      </c>
      <c r="K22593" s="9">
        <v>78</v>
      </c>
      <c r="L22593" s="6" t="s">
        <v>4151</v>
      </c>
    </row>
    <row r="22594" spans="1:12">
      <c r="A22594" s="6" t="s">
        <v>4151</v>
      </c>
      <c r="B22594" s="6"/>
      <c r="C22594" s="6" t="s">
        <v>22630</v>
      </c>
      <c r="D22594" s="6"/>
      <c r="E22594" s="6" t="s">
        <v>9</v>
      </c>
      <c r="F22594" s="7">
        <v>38657</v>
      </c>
      <c r="G22594" s="8">
        <v>1</v>
      </c>
      <c r="H22594" s="8">
        <v>1</v>
      </c>
      <c r="I22594" s="8">
        <v>0</v>
      </c>
      <c r="J22594" s="8">
        <v>1</v>
      </c>
      <c r="K22594" s="9">
        <v>72</v>
      </c>
      <c r="L22594" s="6" t="s">
        <v>4151</v>
      </c>
    </row>
    <row r="22595" spans="1:12">
      <c r="A22595" s="6" t="s">
        <v>4151</v>
      </c>
      <c r="B22595" s="6"/>
      <c r="C22595" s="6" t="s">
        <v>22631</v>
      </c>
      <c r="D22595" s="6"/>
      <c r="E22595" s="6" t="s">
        <v>9</v>
      </c>
      <c r="F22595" s="7">
        <v>41677</v>
      </c>
      <c r="G22595" s="8">
        <v>1</v>
      </c>
      <c r="H22595" s="8">
        <v>1</v>
      </c>
      <c r="I22595" s="8">
        <v>0</v>
      </c>
      <c r="J22595" s="8">
        <v>1</v>
      </c>
      <c r="K22595" s="9">
        <v>122</v>
      </c>
      <c r="L22595" s="6" t="s">
        <v>4151</v>
      </c>
    </row>
    <row r="22596" spans="1:12">
      <c r="A22596" s="6" t="s">
        <v>4151</v>
      </c>
      <c r="B22596" s="6"/>
      <c r="C22596" s="6" t="s">
        <v>22632</v>
      </c>
      <c r="D22596" s="6"/>
      <c r="E22596" s="6" t="s">
        <v>9</v>
      </c>
      <c r="F22596" s="7">
        <v>38657</v>
      </c>
      <c r="G22596" s="8">
        <v>1</v>
      </c>
      <c r="H22596" s="8">
        <v>1</v>
      </c>
      <c r="I22596" s="8">
        <v>0</v>
      </c>
      <c r="J22596" s="8">
        <v>1</v>
      </c>
      <c r="K22596" s="9">
        <v>146</v>
      </c>
      <c r="L22596" s="6" t="s">
        <v>4151</v>
      </c>
    </row>
    <row r="22597" spans="1:12">
      <c r="A22597" s="6" t="s">
        <v>4151</v>
      </c>
      <c r="B22597" s="6"/>
      <c r="C22597" s="6" t="s">
        <v>22633</v>
      </c>
      <c r="D22597" s="6"/>
      <c r="E22597" s="6" t="s">
        <v>9</v>
      </c>
      <c r="F22597" s="7">
        <v>38657</v>
      </c>
      <c r="G22597" s="8">
        <v>1</v>
      </c>
      <c r="H22597" s="8">
        <v>1</v>
      </c>
      <c r="I22597" s="8">
        <v>0</v>
      </c>
      <c r="J22597" s="8">
        <v>1</v>
      </c>
      <c r="K22597" s="9">
        <v>101</v>
      </c>
      <c r="L22597" s="6" t="s">
        <v>4151</v>
      </c>
    </row>
    <row r="22598" spans="1:12">
      <c r="A22598" s="6" t="s">
        <v>4151</v>
      </c>
      <c r="B22598" s="6"/>
      <c r="C22598" s="6" t="s">
        <v>22634</v>
      </c>
      <c r="D22598" s="6"/>
      <c r="E22598" s="6" t="s">
        <v>9</v>
      </c>
      <c r="F22598" s="7">
        <v>41677</v>
      </c>
      <c r="G22598" s="8">
        <v>1</v>
      </c>
      <c r="H22598" s="8">
        <v>1</v>
      </c>
      <c r="I22598" s="8">
        <v>0</v>
      </c>
      <c r="J22598" s="8">
        <v>1</v>
      </c>
      <c r="K22598" s="9">
        <v>334</v>
      </c>
      <c r="L22598" s="6" t="s">
        <v>4151</v>
      </c>
    </row>
    <row r="22599" spans="1:12">
      <c r="A22599" s="6" t="s">
        <v>4151</v>
      </c>
      <c r="B22599" s="6"/>
      <c r="C22599" s="6" t="s">
        <v>22635</v>
      </c>
      <c r="D22599" s="6"/>
      <c r="E22599" s="6" t="s">
        <v>9</v>
      </c>
      <c r="F22599" s="7">
        <v>41677</v>
      </c>
      <c r="G22599" s="8">
        <v>1</v>
      </c>
      <c r="H22599" s="8">
        <v>1</v>
      </c>
      <c r="I22599" s="8">
        <v>0</v>
      </c>
      <c r="J22599" s="8">
        <v>1</v>
      </c>
      <c r="K22599" s="9">
        <v>180</v>
      </c>
      <c r="L22599" s="6" t="s">
        <v>4151</v>
      </c>
    </row>
    <row r="22600" spans="1:12">
      <c r="A22600" s="6" t="s">
        <v>4151</v>
      </c>
      <c r="B22600" s="6"/>
      <c r="C22600" s="6" t="s">
        <v>22636</v>
      </c>
      <c r="D22600" s="6"/>
      <c r="E22600" s="6" t="s">
        <v>9</v>
      </c>
      <c r="F22600" s="7">
        <v>38657</v>
      </c>
      <c r="G22600" s="8">
        <v>1</v>
      </c>
      <c r="H22600" s="8">
        <v>1</v>
      </c>
      <c r="I22600" s="8">
        <v>0</v>
      </c>
      <c r="J22600" s="8">
        <v>1</v>
      </c>
      <c r="K22600" s="9">
        <v>274</v>
      </c>
      <c r="L22600" s="6" t="s">
        <v>4151</v>
      </c>
    </row>
    <row r="22601" spans="1:12">
      <c r="A22601" s="6" t="s">
        <v>4151</v>
      </c>
      <c r="B22601" s="6"/>
      <c r="C22601" s="6" t="s">
        <v>22637</v>
      </c>
      <c r="D22601" s="6"/>
      <c r="E22601" s="6" t="s">
        <v>9</v>
      </c>
      <c r="F22601" s="7">
        <v>38657</v>
      </c>
      <c r="G22601" s="8">
        <v>1</v>
      </c>
      <c r="H22601" s="8">
        <v>1</v>
      </c>
      <c r="I22601" s="8">
        <v>0</v>
      </c>
      <c r="J22601" s="8">
        <v>1</v>
      </c>
      <c r="K22601" s="9">
        <v>161</v>
      </c>
      <c r="L22601" s="6" t="s">
        <v>4151</v>
      </c>
    </row>
    <row r="22602" spans="1:12">
      <c r="A22602" s="6" t="s">
        <v>4151</v>
      </c>
      <c r="B22602" s="6"/>
      <c r="C22602" s="6" t="s">
        <v>22638</v>
      </c>
      <c r="D22602" s="6"/>
      <c r="E22602" s="6" t="s">
        <v>9</v>
      </c>
      <c r="F22602" s="7">
        <v>38657</v>
      </c>
      <c r="G22602" s="8">
        <v>1</v>
      </c>
      <c r="H22602" s="8">
        <v>1</v>
      </c>
      <c r="I22602" s="8">
        <v>0</v>
      </c>
      <c r="J22602" s="8">
        <v>1</v>
      </c>
      <c r="K22602" s="9">
        <v>321</v>
      </c>
      <c r="L22602" s="6" t="s">
        <v>4151</v>
      </c>
    </row>
    <row r="22603" spans="1:12">
      <c r="A22603" s="6" t="s">
        <v>4151</v>
      </c>
      <c r="B22603" s="6"/>
      <c r="C22603" s="6" t="s">
        <v>22639</v>
      </c>
      <c r="D22603" s="6"/>
      <c r="E22603" s="6" t="s">
        <v>9</v>
      </c>
      <c r="F22603" s="7">
        <v>38657</v>
      </c>
      <c r="G22603" s="8">
        <v>1</v>
      </c>
      <c r="H22603" s="8">
        <v>1</v>
      </c>
      <c r="I22603" s="8">
        <v>0</v>
      </c>
      <c r="J22603" s="8">
        <v>1</v>
      </c>
      <c r="K22603" s="9">
        <v>189</v>
      </c>
      <c r="L22603" s="6" t="s">
        <v>4151</v>
      </c>
    </row>
    <row r="22604" spans="1:12">
      <c r="A22604" s="6" t="s">
        <v>4151</v>
      </c>
      <c r="B22604" s="6"/>
      <c r="C22604" s="6" t="s">
        <v>22640</v>
      </c>
      <c r="D22604" s="6"/>
      <c r="E22604" s="6" t="s">
        <v>9</v>
      </c>
      <c r="F22604" s="7">
        <v>38657</v>
      </c>
      <c r="G22604" s="8">
        <v>1</v>
      </c>
      <c r="H22604" s="8">
        <v>1</v>
      </c>
      <c r="I22604" s="8">
        <v>0</v>
      </c>
      <c r="J22604" s="8">
        <v>1</v>
      </c>
      <c r="K22604" s="9">
        <v>27</v>
      </c>
      <c r="L22604" s="6" t="s">
        <v>4151</v>
      </c>
    </row>
    <row r="22605" spans="1:12">
      <c r="A22605" s="6" t="s">
        <v>4151</v>
      </c>
      <c r="B22605" s="6"/>
      <c r="C22605" s="6" t="s">
        <v>22641</v>
      </c>
      <c r="D22605" s="6"/>
      <c r="E22605" s="6" t="s">
        <v>9</v>
      </c>
      <c r="F22605" s="7">
        <v>38657</v>
      </c>
      <c r="G22605" s="8">
        <v>1</v>
      </c>
      <c r="H22605" s="8">
        <v>1</v>
      </c>
      <c r="I22605" s="8">
        <v>0</v>
      </c>
      <c r="J22605" s="8">
        <v>1</v>
      </c>
      <c r="K22605" s="9">
        <v>128</v>
      </c>
      <c r="L22605" s="6" t="s">
        <v>4151</v>
      </c>
    </row>
    <row r="22606" spans="1:12">
      <c r="A22606" s="6" t="s">
        <v>4151</v>
      </c>
      <c r="B22606" s="6"/>
      <c r="C22606" s="6" t="s">
        <v>22642</v>
      </c>
      <c r="D22606" s="6"/>
      <c r="E22606" s="6" t="s">
        <v>9</v>
      </c>
      <c r="F22606" s="7">
        <v>38657</v>
      </c>
      <c r="G22606" s="8">
        <v>1</v>
      </c>
      <c r="H22606" s="8">
        <v>1</v>
      </c>
      <c r="I22606" s="8">
        <v>0</v>
      </c>
      <c r="J22606" s="8">
        <v>1</v>
      </c>
      <c r="K22606" s="9">
        <v>17</v>
      </c>
      <c r="L22606" s="6" t="s">
        <v>4151</v>
      </c>
    </row>
    <row r="22607" spans="1:12">
      <c r="A22607" s="6" t="s">
        <v>4151</v>
      </c>
      <c r="B22607" s="6"/>
      <c r="C22607" s="6" t="s">
        <v>22643</v>
      </c>
      <c r="D22607" s="6"/>
      <c r="E22607" s="6" t="s">
        <v>9</v>
      </c>
      <c r="F22607" s="7">
        <v>38657</v>
      </c>
      <c r="G22607" s="8">
        <v>1</v>
      </c>
      <c r="H22607" s="8">
        <v>1</v>
      </c>
      <c r="I22607" s="8">
        <v>0</v>
      </c>
      <c r="J22607" s="8">
        <v>1</v>
      </c>
      <c r="K22607" s="9">
        <v>20</v>
      </c>
      <c r="L22607" s="6" t="s">
        <v>4151</v>
      </c>
    </row>
    <row r="22608" spans="1:12">
      <c r="A22608" s="6" t="s">
        <v>4151</v>
      </c>
      <c r="B22608" s="6"/>
      <c r="C22608" s="6" t="s">
        <v>22644</v>
      </c>
      <c r="D22608" s="6"/>
      <c r="E22608" s="6" t="s">
        <v>9</v>
      </c>
      <c r="F22608" s="7">
        <v>38657</v>
      </c>
      <c r="G22608" s="8">
        <v>1</v>
      </c>
      <c r="H22608" s="8">
        <v>1</v>
      </c>
      <c r="I22608" s="8">
        <v>0</v>
      </c>
      <c r="J22608" s="8">
        <v>1</v>
      </c>
      <c r="K22608" s="9">
        <v>21</v>
      </c>
      <c r="L22608" s="6" t="s">
        <v>4151</v>
      </c>
    </row>
    <row r="22609" spans="1:12">
      <c r="A22609" s="6" t="s">
        <v>4151</v>
      </c>
      <c r="B22609" s="6"/>
      <c r="C22609" s="6" t="s">
        <v>22645</v>
      </c>
      <c r="D22609" s="6"/>
      <c r="E22609" s="6" t="s">
        <v>9</v>
      </c>
      <c r="F22609" s="7">
        <v>38657</v>
      </c>
      <c r="G22609" s="8">
        <v>1</v>
      </c>
      <c r="H22609" s="8">
        <v>1</v>
      </c>
      <c r="I22609" s="8">
        <v>0</v>
      </c>
      <c r="J22609" s="8">
        <v>1</v>
      </c>
      <c r="K22609" s="9">
        <v>38</v>
      </c>
      <c r="L22609" s="6" t="s">
        <v>4151</v>
      </c>
    </row>
    <row r="22610" spans="1:12">
      <c r="A22610" s="6" t="s">
        <v>4151</v>
      </c>
      <c r="B22610" s="6"/>
      <c r="C22610" s="6" t="s">
        <v>22646</v>
      </c>
      <c r="D22610" s="6"/>
      <c r="E22610" s="6" t="s">
        <v>9</v>
      </c>
      <c r="F22610" s="7">
        <v>38657</v>
      </c>
      <c r="G22610" s="8">
        <v>1</v>
      </c>
      <c r="H22610" s="8">
        <v>1</v>
      </c>
      <c r="I22610" s="8">
        <v>0</v>
      </c>
      <c r="J22610" s="8">
        <v>1</v>
      </c>
      <c r="K22610" s="9">
        <v>49</v>
      </c>
      <c r="L22610" s="6" t="s">
        <v>4151</v>
      </c>
    </row>
    <row r="22611" spans="1:12">
      <c r="A22611" s="6" t="s">
        <v>4151</v>
      </c>
      <c r="B22611" s="6"/>
      <c r="C22611" s="6" t="s">
        <v>22647</v>
      </c>
      <c r="D22611" s="6"/>
      <c r="E22611" s="6" t="s">
        <v>9</v>
      </c>
      <c r="F22611" s="7">
        <v>38657</v>
      </c>
      <c r="G22611" s="8">
        <v>1</v>
      </c>
      <c r="H22611" s="8">
        <v>1</v>
      </c>
      <c r="I22611" s="8">
        <v>0</v>
      </c>
      <c r="J22611" s="8">
        <v>1</v>
      </c>
      <c r="K22611" s="9">
        <v>10</v>
      </c>
      <c r="L22611" s="6" t="s">
        <v>4151</v>
      </c>
    </row>
    <row r="22612" spans="1:12">
      <c r="A22612" s="6" t="s">
        <v>4151</v>
      </c>
      <c r="B22612" s="6"/>
      <c r="C22612" s="6" t="s">
        <v>22648</v>
      </c>
      <c r="D22612" s="6"/>
      <c r="E22612" s="6" t="s">
        <v>9</v>
      </c>
      <c r="F22612" s="7">
        <v>38657</v>
      </c>
      <c r="G22612" s="8">
        <v>1</v>
      </c>
      <c r="H22612" s="8">
        <v>1</v>
      </c>
      <c r="I22612" s="8">
        <v>0</v>
      </c>
      <c r="J22612" s="8">
        <v>1</v>
      </c>
      <c r="K22612" s="9">
        <v>8.1999999999999904</v>
      </c>
      <c r="L22612" s="6" t="s">
        <v>4151</v>
      </c>
    </row>
    <row r="22613" spans="1:12">
      <c r="A22613" s="6" t="s">
        <v>4151</v>
      </c>
      <c r="B22613" s="6"/>
      <c r="C22613" s="6" t="s">
        <v>22649</v>
      </c>
      <c r="D22613" s="6"/>
      <c r="E22613" s="6" t="s">
        <v>9</v>
      </c>
      <c r="F22613" s="7">
        <v>38657</v>
      </c>
      <c r="G22613" s="8">
        <v>1</v>
      </c>
      <c r="H22613" s="8">
        <v>1</v>
      </c>
      <c r="I22613" s="8">
        <v>0</v>
      </c>
      <c r="J22613" s="8">
        <v>1</v>
      </c>
      <c r="K22613" s="9">
        <v>4.26</v>
      </c>
      <c r="L22613" s="6" t="s">
        <v>4151</v>
      </c>
    </row>
    <row r="22614" spans="1:12">
      <c r="A22614" s="6" t="s">
        <v>4151</v>
      </c>
      <c r="B22614" s="6"/>
      <c r="C22614" s="6" t="s">
        <v>22650</v>
      </c>
      <c r="D22614" s="6"/>
      <c r="E22614" s="6" t="s">
        <v>9</v>
      </c>
      <c r="F22614" s="7">
        <v>38657</v>
      </c>
      <c r="G22614" s="8">
        <v>1</v>
      </c>
      <c r="H22614" s="8">
        <v>1</v>
      </c>
      <c r="I22614" s="8">
        <v>0</v>
      </c>
      <c r="J22614" s="8">
        <v>1</v>
      </c>
      <c r="K22614" s="9">
        <v>4.8</v>
      </c>
      <c r="L22614" s="6" t="s">
        <v>4151</v>
      </c>
    </row>
    <row r="22615" spans="1:12">
      <c r="A22615" s="6" t="s">
        <v>4151</v>
      </c>
      <c r="B22615" s="6"/>
      <c r="C22615" s="6" t="s">
        <v>22651</v>
      </c>
      <c r="D22615" s="6"/>
      <c r="E22615" s="6" t="s">
        <v>9</v>
      </c>
      <c r="F22615" s="7">
        <v>38657</v>
      </c>
      <c r="G22615" s="8">
        <v>1</v>
      </c>
      <c r="H22615" s="8">
        <v>1</v>
      </c>
      <c r="I22615" s="8">
        <v>0</v>
      </c>
      <c r="J22615" s="8">
        <v>1</v>
      </c>
      <c r="K22615" s="9">
        <v>7.6</v>
      </c>
      <c r="L22615" s="6" t="s">
        <v>4151</v>
      </c>
    </row>
    <row r="22616" spans="1:12">
      <c r="A22616" s="6" t="s">
        <v>4151</v>
      </c>
      <c r="B22616" s="6"/>
      <c r="C22616" s="6" t="s">
        <v>22652</v>
      </c>
      <c r="D22616" s="6"/>
      <c r="E22616" s="6" t="s">
        <v>9</v>
      </c>
      <c r="F22616" s="7">
        <v>38657</v>
      </c>
      <c r="G22616" s="8">
        <v>1</v>
      </c>
      <c r="H22616" s="8">
        <v>1</v>
      </c>
      <c r="I22616" s="8">
        <v>0</v>
      </c>
      <c r="J22616" s="8">
        <v>1</v>
      </c>
      <c r="K22616" s="9">
        <v>39</v>
      </c>
      <c r="L22616" s="6" t="s">
        <v>4151</v>
      </c>
    </row>
    <row r="22617" spans="1:12">
      <c r="A22617" s="6" t="s">
        <v>4151</v>
      </c>
      <c r="B22617" s="6"/>
      <c r="C22617" s="6" t="s">
        <v>22653</v>
      </c>
      <c r="D22617" s="6"/>
      <c r="E22617" s="6" t="s">
        <v>9</v>
      </c>
      <c r="F22617" s="7">
        <v>38657</v>
      </c>
      <c r="G22617" s="8">
        <v>1</v>
      </c>
      <c r="H22617" s="8">
        <v>1</v>
      </c>
      <c r="I22617" s="8">
        <v>0</v>
      </c>
      <c r="J22617" s="8">
        <v>1</v>
      </c>
      <c r="K22617" s="9">
        <v>12</v>
      </c>
      <c r="L22617" s="6" t="s">
        <v>4151</v>
      </c>
    </row>
    <row r="22618" spans="1:12">
      <c r="A22618" s="6" t="s">
        <v>4151</v>
      </c>
      <c r="B22618" s="6"/>
      <c r="C22618" s="6" t="s">
        <v>22654</v>
      </c>
      <c r="D22618" s="6"/>
      <c r="E22618" s="6" t="s">
        <v>9</v>
      </c>
      <c r="F22618" s="7">
        <v>38657</v>
      </c>
      <c r="G22618" s="8">
        <v>1</v>
      </c>
      <c r="H22618" s="8">
        <v>1</v>
      </c>
      <c r="I22618" s="8">
        <v>0</v>
      </c>
      <c r="J22618" s="8">
        <v>1</v>
      </c>
      <c r="K22618" s="9">
        <v>47</v>
      </c>
      <c r="L22618" s="6" t="s">
        <v>4151</v>
      </c>
    </row>
    <row r="22619" spans="1:12">
      <c r="A22619" s="6" t="s">
        <v>4151</v>
      </c>
      <c r="B22619" s="6"/>
      <c r="C22619" s="6" t="s">
        <v>22655</v>
      </c>
      <c r="D22619" s="6"/>
      <c r="E22619" s="6" t="s">
        <v>9</v>
      </c>
      <c r="F22619" s="7">
        <v>38657</v>
      </c>
      <c r="G22619" s="8">
        <v>1</v>
      </c>
      <c r="H22619" s="8">
        <v>1</v>
      </c>
      <c r="I22619" s="8">
        <v>0</v>
      </c>
      <c r="J22619" s="8">
        <v>1</v>
      </c>
      <c r="K22619" s="9">
        <v>19</v>
      </c>
      <c r="L22619" s="6" t="s">
        <v>4151</v>
      </c>
    </row>
    <row r="22620" spans="1:12">
      <c r="A22620" s="6" t="s">
        <v>4151</v>
      </c>
      <c r="B22620" s="6"/>
      <c r="C22620" s="6" t="s">
        <v>22656</v>
      </c>
      <c r="D22620" s="6"/>
      <c r="E22620" s="6" t="s">
        <v>9</v>
      </c>
      <c r="F22620" s="7">
        <v>38657</v>
      </c>
      <c r="G22620" s="8">
        <v>1</v>
      </c>
      <c r="H22620" s="8">
        <v>1</v>
      </c>
      <c r="I22620" s="8">
        <v>0</v>
      </c>
      <c r="J22620" s="8">
        <v>1</v>
      </c>
      <c r="K22620" s="9">
        <v>25</v>
      </c>
      <c r="L22620" s="6" t="s">
        <v>4151</v>
      </c>
    </row>
    <row r="22621" spans="1:12">
      <c r="A22621" s="6" t="s">
        <v>4151</v>
      </c>
      <c r="B22621" s="6"/>
      <c r="C22621" s="6" t="s">
        <v>22657</v>
      </c>
      <c r="D22621" s="6"/>
      <c r="E22621" s="6" t="s">
        <v>9</v>
      </c>
      <c r="F22621" s="7">
        <v>38657</v>
      </c>
      <c r="G22621" s="8">
        <v>1</v>
      </c>
      <c r="H22621" s="8">
        <v>1</v>
      </c>
      <c r="I22621" s="8">
        <v>0</v>
      </c>
      <c r="J22621" s="8">
        <v>1</v>
      </c>
      <c r="K22621" s="9">
        <v>41</v>
      </c>
      <c r="L22621" s="6" t="s">
        <v>4151</v>
      </c>
    </row>
    <row r="22622" spans="1:12">
      <c r="A22622" s="6" t="s">
        <v>4151</v>
      </c>
      <c r="B22622" s="6"/>
      <c r="C22622" s="6" t="s">
        <v>22658</v>
      </c>
      <c r="D22622" s="6"/>
      <c r="E22622" s="6" t="s">
        <v>9</v>
      </c>
      <c r="F22622" s="7">
        <v>38657</v>
      </c>
      <c r="G22622" s="8">
        <v>1</v>
      </c>
      <c r="H22622" s="8">
        <v>1</v>
      </c>
      <c r="I22622" s="8">
        <v>0</v>
      </c>
      <c r="J22622" s="8">
        <v>1</v>
      </c>
      <c r="K22622" s="9">
        <v>55</v>
      </c>
      <c r="L22622" s="6" t="s">
        <v>4151</v>
      </c>
    </row>
    <row r="22623" spans="1:12">
      <c r="A22623" s="6" t="s">
        <v>4151</v>
      </c>
      <c r="B22623" s="6"/>
      <c r="C22623" s="6" t="s">
        <v>22659</v>
      </c>
      <c r="D22623" s="6"/>
      <c r="E22623" s="6" t="s">
        <v>9</v>
      </c>
      <c r="F22623" s="7">
        <v>38657</v>
      </c>
      <c r="G22623" s="8">
        <v>1</v>
      </c>
      <c r="H22623" s="8">
        <v>1</v>
      </c>
      <c r="I22623" s="8">
        <v>0</v>
      </c>
      <c r="J22623" s="8">
        <v>1</v>
      </c>
      <c r="K22623" s="9">
        <v>6.47</v>
      </c>
      <c r="L22623" s="6" t="s">
        <v>4151</v>
      </c>
    </row>
    <row r="22624" spans="1:12">
      <c r="A22624" s="6" t="s">
        <v>4151</v>
      </c>
      <c r="B22624" s="6"/>
      <c r="C22624" s="6" t="s">
        <v>22660</v>
      </c>
      <c r="D22624" s="6"/>
      <c r="E22624" s="6" t="s">
        <v>9</v>
      </c>
      <c r="F22624" s="7">
        <v>38657</v>
      </c>
      <c r="G22624" s="8">
        <v>1</v>
      </c>
      <c r="H22624" s="8">
        <v>1</v>
      </c>
      <c r="I22624" s="8">
        <v>0</v>
      </c>
      <c r="J22624" s="8">
        <v>1</v>
      </c>
      <c r="K22624" s="9">
        <v>187</v>
      </c>
      <c r="L22624" s="6" t="s">
        <v>4151</v>
      </c>
    </row>
    <row r="22625" spans="1:12">
      <c r="A22625" s="6" t="s">
        <v>4151</v>
      </c>
      <c r="B22625" s="6"/>
      <c r="C22625" s="6" t="s">
        <v>22661</v>
      </c>
      <c r="D22625" s="6"/>
      <c r="E22625" s="6" t="s">
        <v>9</v>
      </c>
      <c r="F22625" s="7">
        <v>38657</v>
      </c>
      <c r="G22625" s="8">
        <v>1</v>
      </c>
      <c r="H22625" s="8">
        <v>1</v>
      </c>
      <c r="I22625" s="8">
        <v>0</v>
      </c>
      <c r="J22625" s="8">
        <v>1</v>
      </c>
      <c r="K22625" s="9">
        <v>70</v>
      </c>
      <c r="L22625" s="6" t="s">
        <v>4151</v>
      </c>
    </row>
    <row r="22626" spans="1:12">
      <c r="A22626" s="6" t="s">
        <v>4151</v>
      </c>
      <c r="B22626" s="6"/>
      <c r="C22626" s="6" t="s">
        <v>22662</v>
      </c>
      <c r="D22626" s="6"/>
      <c r="E22626" s="6" t="s">
        <v>9</v>
      </c>
      <c r="F22626" s="7">
        <v>38657</v>
      </c>
      <c r="G22626" s="8">
        <v>1</v>
      </c>
      <c r="H22626" s="8">
        <v>1</v>
      </c>
      <c r="I22626" s="8">
        <v>0</v>
      </c>
      <c r="J22626" s="8">
        <v>1</v>
      </c>
      <c r="K22626" s="9">
        <v>68.06</v>
      </c>
      <c r="L22626" s="6" t="s">
        <v>4151</v>
      </c>
    </row>
    <row r="22627" spans="1:12">
      <c r="A22627" s="6" t="s">
        <v>4151</v>
      </c>
      <c r="B22627" s="6"/>
      <c r="C22627" s="6" t="s">
        <v>22663</v>
      </c>
      <c r="D22627" s="6"/>
      <c r="E22627" s="6" t="s">
        <v>9</v>
      </c>
      <c r="F22627" s="7">
        <v>38657</v>
      </c>
      <c r="G22627" s="8">
        <v>1</v>
      </c>
      <c r="H22627" s="8">
        <v>1</v>
      </c>
      <c r="I22627" s="8">
        <v>0</v>
      </c>
      <c r="J22627" s="8">
        <v>1</v>
      </c>
      <c r="K22627" s="9">
        <v>142</v>
      </c>
      <c r="L22627" s="6" t="s">
        <v>4151</v>
      </c>
    </row>
    <row r="22628" spans="1:12">
      <c r="A22628" s="6" t="s">
        <v>4151</v>
      </c>
      <c r="B22628" s="6"/>
      <c r="C22628" s="6" t="s">
        <v>22664</v>
      </c>
      <c r="D22628" s="6"/>
      <c r="E22628" s="6" t="s">
        <v>9</v>
      </c>
      <c r="F22628" s="7">
        <v>38657</v>
      </c>
      <c r="G22628" s="8">
        <v>1</v>
      </c>
      <c r="H22628" s="8">
        <v>1</v>
      </c>
      <c r="I22628" s="8">
        <v>0</v>
      </c>
      <c r="J22628" s="8">
        <v>1</v>
      </c>
      <c r="K22628" s="9">
        <v>4.37</v>
      </c>
      <c r="L22628" s="6" t="s">
        <v>4151</v>
      </c>
    </row>
    <row r="22629" spans="1:12">
      <c r="A22629" s="6" t="s">
        <v>4151</v>
      </c>
      <c r="B22629" s="6"/>
      <c r="C22629" s="6" t="s">
        <v>22665</v>
      </c>
      <c r="D22629" s="6"/>
      <c r="E22629" s="6" t="s">
        <v>9</v>
      </c>
      <c r="F22629" s="7">
        <v>41472</v>
      </c>
      <c r="G22629" s="8">
        <v>1</v>
      </c>
      <c r="H22629" s="8">
        <v>1</v>
      </c>
      <c r="I22629" s="8">
        <v>0</v>
      </c>
      <c r="J22629" s="8">
        <v>1</v>
      </c>
      <c r="K22629" s="9">
        <v>15</v>
      </c>
      <c r="L22629" s="6" t="s">
        <v>4151</v>
      </c>
    </row>
    <row r="22630" spans="1:12">
      <c r="A22630" s="6" t="s">
        <v>4151</v>
      </c>
      <c r="B22630" s="6"/>
      <c r="C22630" s="6" t="s">
        <v>22666</v>
      </c>
      <c r="D22630" s="6"/>
      <c r="E22630" s="6" t="s">
        <v>9</v>
      </c>
      <c r="F22630" s="7">
        <v>41472</v>
      </c>
      <c r="G22630" s="8">
        <v>1</v>
      </c>
      <c r="H22630" s="8">
        <v>1</v>
      </c>
      <c r="I22630" s="8">
        <v>0</v>
      </c>
      <c r="J22630" s="8">
        <v>1</v>
      </c>
      <c r="K22630" s="9">
        <v>8.08</v>
      </c>
      <c r="L22630" s="6" t="s">
        <v>4151</v>
      </c>
    </row>
    <row r="22631" spans="1:12">
      <c r="A22631" s="6" t="s">
        <v>4151</v>
      </c>
      <c r="B22631" s="6"/>
      <c r="C22631" s="6" t="s">
        <v>22667</v>
      </c>
      <c r="D22631" s="6"/>
      <c r="E22631" s="6" t="s">
        <v>9</v>
      </c>
      <c r="F22631" s="7">
        <v>38657</v>
      </c>
      <c r="G22631" s="8">
        <v>1</v>
      </c>
      <c r="H22631" s="8">
        <v>1</v>
      </c>
      <c r="I22631" s="8">
        <v>0</v>
      </c>
      <c r="J22631" s="8">
        <v>1</v>
      </c>
      <c r="K22631" s="9">
        <v>12</v>
      </c>
      <c r="L22631" s="6" t="s">
        <v>4151</v>
      </c>
    </row>
    <row r="22632" spans="1:12">
      <c r="A22632" s="6" t="s">
        <v>4151</v>
      </c>
      <c r="B22632" s="6"/>
      <c r="C22632" s="6" t="s">
        <v>22668</v>
      </c>
      <c r="D22632" s="6"/>
      <c r="E22632" s="6" t="s">
        <v>9</v>
      </c>
      <c r="F22632" s="7">
        <v>38657</v>
      </c>
      <c r="G22632" s="8">
        <v>1</v>
      </c>
      <c r="H22632" s="8">
        <v>1</v>
      </c>
      <c r="I22632" s="8">
        <v>0</v>
      </c>
      <c r="J22632" s="8">
        <v>1</v>
      </c>
      <c r="K22632" s="9">
        <v>10</v>
      </c>
      <c r="L22632" s="6" t="s">
        <v>4151</v>
      </c>
    </row>
    <row r="22633" spans="1:12">
      <c r="A22633" s="6" t="s">
        <v>4151</v>
      </c>
      <c r="B22633" s="6"/>
      <c r="C22633" s="6" t="s">
        <v>22669</v>
      </c>
      <c r="D22633" s="6"/>
      <c r="E22633" s="6" t="s">
        <v>9</v>
      </c>
      <c r="F22633" s="7">
        <v>41730</v>
      </c>
      <c r="G22633" s="8">
        <v>1</v>
      </c>
      <c r="H22633" s="8">
        <v>1</v>
      </c>
      <c r="I22633" s="8">
        <v>0</v>
      </c>
      <c r="J22633" s="8">
        <v>1</v>
      </c>
      <c r="K22633" s="9">
        <v>19</v>
      </c>
      <c r="L22633" s="6" t="s">
        <v>4151</v>
      </c>
    </row>
    <row r="22634" spans="1:12">
      <c r="A22634" s="6" t="s">
        <v>4151</v>
      </c>
      <c r="B22634" s="6"/>
      <c r="C22634" s="6" t="s">
        <v>22670</v>
      </c>
      <c r="D22634" s="6"/>
      <c r="E22634" s="6" t="s">
        <v>9</v>
      </c>
      <c r="F22634" s="7">
        <v>41677</v>
      </c>
      <c r="G22634" s="8">
        <v>1</v>
      </c>
      <c r="H22634" s="8">
        <v>1</v>
      </c>
      <c r="I22634" s="8">
        <v>0</v>
      </c>
      <c r="J22634" s="8">
        <v>1</v>
      </c>
      <c r="K22634" s="9">
        <v>139</v>
      </c>
      <c r="L22634" s="6" t="s">
        <v>4151</v>
      </c>
    </row>
    <row r="22635" spans="1:12">
      <c r="A22635" s="6" t="s">
        <v>4151</v>
      </c>
      <c r="B22635" s="6"/>
      <c r="C22635" s="6" t="s">
        <v>22671</v>
      </c>
      <c r="D22635" s="6"/>
      <c r="E22635" s="6" t="s">
        <v>9</v>
      </c>
      <c r="F22635" s="7">
        <v>41782</v>
      </c>
      <c r="G22635" s="8">
        <v>1</v>
      </c>
      <c r="H22635" s="8">
        <v>1</v>
      </c>
      <c r="I22635" s="8">
        <v>0</v>
      </c>
      <c r="J22635" s="8">
        <v>1</v>
      </c>
      <c r="K22635" s="9">
        <v>198</v>
      </c>
      <c r="L22635" s="6" t="s">
        <v>4151</v>
      </c>
    </row>
    <row r="22636" spans="1:12">
      <c r="A22636" s="6" t="s">
        <v>4151</v>
      </c>
      <c r="B22636" s="6"/>
      <c r="C22636" s="6" t="s">
        <v>22672</v>
      </c>
      <c r="D22636" s="6"/>
      <c r="E22636" s="6" t="s">
        <v>9</v>
      </c>
      <c r="F22636" s="7">
        <v>41621</v>
      </c>
      <c r="G22636" s="8">
        <v>1</v>
      </c>
      <c r="H22636" s="8">
        <v>1</v>
      </c>
      <c r="I22636" s="8">
        <v>0</v>
      </c>
      <c r="J22636" s="8">
        <v>1</v>
      </c>
      <c r="K22636" s="9">
        <v>713</v>
      </c>
      <c r="L22636" s="6" t="s">
        <v>4151</v>
      </c>
    </row>
    <row r="22637" spans="1:12">
      <c r="A22637" s="6" t="s">
        <v>4151</v>
      </c>
      <c r="B22637" s="6"/>
      <c r="C22637" s="6" t="s">
        <v>22673</v>
      </c>
      <c r="D22637" s="6"/>
      <c r="E22637" s="6" t="s">
        <v>9</v>
      </c>
      <c r="F22637" s="7">
        <v>41621</v>
      </c>
      <c r="G22637" s="8">
        <v>1</v>
      </c>
      <c r="H22637" s="8">
        <v>1</v>
      </c>
      <c r="I22637" s="8">
        <v>0</v>
      </c>
      <c r="J22637" s="8">
        <v>1</v>
      </c>
      <c r="K22637" s="9">
        <v>68</v>
      </c>
      <c r="L22637" s="6" t="s">
        <v>4151</v>
      </c>
    </row>
    <row r="22638" spans="1:12">
      <c r="A22638" s="6" t="s">
        <v>4151</v>
      </c>
      <c r="B22638" s="6"/>
      <c r="C22638" s="6" t="s">
        <v>22674</v>
      </c>
      <c r="D22638" s="6"/>
      <c r="E22638" s="6" t="s">
        <v>9</v>
      </c>
      <c r="F22638" s="7">
        <v>38657</v>
      </c>
      <c r="G22638" s="8">
        <v>1</v>
      </c>
      <c r="H22638" s="8">
        <v>1</v>
      </c>
      <c r="I22638" s="8">
        <v>0</v>
      </c>
      <c r="J22638" s="8">
        <v>1</v>
      </c>
      <c r="K22638" s="9">
        <v>46</v>
      </c>
      <c r="L22638" s="6" t="s">
        <v>4151</v>
      </c>
    </row>
    <row r="22639" spans="1:12">
      <c r="A22639" s="6" t="s">
        <v>4151</v>
      </c>
      <c r="B22639" s="6"/>
      <c r="C22639" s="6" t="s">
        <v>22675</v>
      </c>
      <c r="D22639" s="6"/>
      <c r="E22639" s="6" t="s">
        <v>9</v>
      </c>
      <c r="F22639" s="7">
        <v>41621</v>
      </c>
      <c r="G22639" s="8">
        <v>1</v>
      </c>
      <c r="H22639" s="8">
        <v>1</v>
      </c>
      <c r="I22639" s="8">
        <v>0</v>
      </c>
      <c r="J22639" s="8">
        <v>1</v>
      </c>
      <c r="K22639" s="9">
        <v>99</v>
      </c>
      <c r="L22639" s="6" t="s">
        <v>4151</v>
      </c>
    </row>
    <row r="22640" spans="1:12">
      <c r="A22640" s="6" t="s">
        <v>4151</v>
      </c>
      <c r="B22640" s="6"/>
      <c r="C22640" s="6" t="s">
        <v>22676</v>
      </c>
      <c r="D22640" s="6"/>
      <c r="E22640" s="6" t="s">
        <v>9</v>
      </c>
      <c r="F22640" s="7">
        <v>38657</v>
      </c>
      <c r="G22640" s="8">
        <v>1</v>
      </c>
      <c r="H22640" s="8">
        <v>1</v>
      </c>
      <c r="I22640" s="8">
        <v>0</v>
      </c>
      <c r="J22640" s="8">
        <v>1</v>
      </c>
      <c r="K22640" s="9">
        <v>43</v>
      </c>
      <c r="L22640" s="6" t="s">
        <v>4151</v>
      </c>
    </row>
    <row r="22641" spans="1:12">
      <c r="A22641" s="6" t="s">
        <v>4151</v>
      </c>
      <c r="B22641" s="6"/>
      <c r="C22641" s="6" t="s">
        <v>22677</v>
      </c>
      <c r="D22641" s="6"/>
      <c r="E22641" s="6" t="s">
        <v>9</v>
      </c>
      <c r="F22641" s="7">
        <v>38657</v>
      </c>
      <c r="G22641" s="8">
        <v>1</v>
      </c>
      <c r="H22641" s="8">
        <v>1</v>
      </c>
      <c r="I22641" s="8">
        <v>0</v>
      </c>
      <c r="J22641" s="8">
        <v>1</v>
      </c>
      <c r="K22641" s="9">
        <v>123</v>
      </c>
      <c r="L22641" s="6" t="s">
        <v>4151</v>
      </c>
    </row>
    <row r="22642" spans="1:12">
      <c r="A22642" s="6" t="s">
        <v>4151</v>
      </c>
      <c r="B22642" s="6"/>
      <c r="C22642" s="6" t="s">
        <v>22678</v>
      </c>
      <c r="D22642" s="6"/>
      <c r="E22642" s="6" t="s">
        <v>9</v>
      </c>
      <c r="F22642" s="7">
        <v>38657</v>
      </c>
      <c r="G22642" s="8">
        <v>1</v>
      </c>
      <c r="H22642" s="8">
        <v>1</v>
      </c>
      <c r="I22642" s="8">
        <v>0</v>
      </c>
      <c r="J22642" s="8">
        <v>1</v>
      </c>
      <c r="K22642" s="9">
        <v>366</v>
      </c>
      <c r="L22642" s="6" t="s">
        <v>4151</v>
      </c>
    </row>
    <row r="22643" spans="1:12">
      <c r="A22643" s="6" t="s">
        <v>4151</v>
      </c>
      <c r="B22643" s="6"/>
      <c r="C22643" s="6" t="s">
        <v>22679</v>
      </c>
      <c r="D22643" s="6"/>
      <c r="E22643" s="6" t="s">
        <v>9</v>
      </c>
      <c r="F22643" s="7">
        <v>38657</v>
      </c>
      <c r="G22643" s="8">
        <v>1</v>
      </c>
      <c r="H22643" s="8">
        <v>1</v>
      </c>
      <c r="I22643" s="8">
        <v>0</v>
      </c>
      <c r="J22643" s="8">
        <v>1</v>
      </c>
      <c r="K22643" s="9">
        <v>130</v>
      </c>
      <c r="L22643" s="6" t="s">
        <v>4151</v>
      </c>
    </row>
    <row r="22644" spans="1:12">
      <c r="A22644" s="6" t="s">
        <v>4151</v>
      </c>
      <c r="B22644" s="6"/>
      <c r="C22644" s="6" t="s">
        <v>22680</v>
      </c>
      <c r="D22644" s="6"/>
      <c r="E22644" s="6" t="s">
        <v>9</v>
      </c>
      <c r="F22644" s="7">
        <v>38657</v>
      </c>
      <c r="G22644" s="8">
        <v>1</v>
      </c>
      <c r="H22644" s="8">
        <v>1</v>
      </c>
      <c r="I22644" s="8">
        <v>0</v>
      </c>
      <c r="J22644" s="8">
        <v>1</v>
      </c>
      <c r="K22644" s="9">
        <v>273</v>
      </c>
      <c r="L22644" s="6" t="s">
        <v>4151</v>
      </c>
    </row>
    <row r="22645" spans="1:12">
      <c r="A22645" s="6" t="s">
        <v>4151</v>
      </c>
      <c r="B22645" s="6"/>
      <c r="C22645" s="6" t="s">
        <v>22681</v>
      </c>
      <c r="D22645" s="6"/>
      <c r="E22645" s="6" t="s">
        <v>9</v>
      </c>
      <c r="F22645" s="7">
        <v>38657</v>
      </c>
      <c r="G22645" s="8">
        <v>1</v>
      </c>
      <c r="H22645" s="8">
        <v>1</v>
      </c>
      <c r="I22645" s="8">
        <v>0</v>
      </c>
      <c r="J22645" s="8">
        <v>1</v>
      </c>
      <c r="K22645" s="9">
        <v>893</v>
      </c>
      <c r="L22645" s="6" t="s">
        <v>4151</v>
      </c>
    </row>
    <row r="22646" spans="1:12">
      <c r="A22646" s="6" t="s">
        <v>4151</v>
      </c>
      <c r="B22646" s="6"/>
      <c r="C22646" s="6" t="s">
        <v>22682</v>
      </c>
      <c r="D22646" s="6"/>
      <c r="E22646" s="6" t="s">
        <v>9</v>
      </c>
      <c r="F22646" s="7">
        <v>38657</v>
      </c>
      <c r="G22646" s="8">
        <v>1</v>
      </c>
      <c r="H22646" s="8">
        <v>1</v>
      </c>
      <c r="I22646" s="8">
        <v>0</v>
      </c>
      <c r="J22646" s="8">
        <v>1</v>
      </c>
      <c r="K22646" s="9">
        <v>224</v>
      </c>
      <c r="L22646" s="6" t="s">
        <v>4151</v>
      </c>
    </row>
    <row r="22647" spans="1:12">
      <c r="A22647" s="6" t="s">
        <v>4151</v>
      </c>
      <c r="B22647" s="6"/>
      <c r="C22647" s="6" t="s">
        <v>22683</v>
      </c>
      <c r="D22647" s="6"/>
      <c r="E22647" s="6" t="s">
        <v>9</v>
      </c>
      <c r="F22647" s="7">
        <v>38657</v>
      </c>
      <c r="G22647" s="8">
        <v>1</v>
      </c>
      <c r="H22647" s="8">
        <v>1</v>
      </c>
      <c r="I22647" s="8">
        <v>0</v>
      </c>
      <c r="J22647" s="8">
        <v>1</v>
      </c>
      <c r="K22647" s="9">
        <v>224</v>
      </c>
      <c r="L22647" s="6" t="s">
        <v>4151</v>
      </c>
    </row>
    <row r="22648" spans="1:12">
      <c r="A22648" s="6" t="s">
        <v>4151</v>
      </c>
      <c r="B22648" s="6"/>
      <c r="C22648" s="6" t="s">
        <v>22684</v>
      </c>
      <c r="D22648" s="6"/>
      <c r="E22648" s="6" t="s">
        <v>9</v>
      </c>
      <c r="F22648" s="7">
        <v>38657</v>
      </c>
      <c r="G22648" s="8">
        <v>1</v>
      </c>
      <c r="H22648" s="8">
        <v>1</v>
      </c>
      <c r="I22648" s="8">
        <v>0</v>
      </c>
      <c r="J22648" s="8">
        <v>1</v>
      </c>
      <c r="K22648" s="9">
        <v>242</v>
      </c>
      <c r="L22648" s="6" t="s">
        <v>4151</v>
      </c>
    </row>
    <row r="22649" spans="1:12">
      <c r="A22649" s="6" t="s">
        <v>4151</v>
      </c>
      <c r="B22649" s="6"/>
      <c r="C22649" s="6" t="s">
        <v>22685</v>
      </c>
      <c r="D22649" s="6"/>
      <c r="E22649" s="6" t="s">
        <v>9</v>
      </c>
      <c r="F22649" s="7">
        <v>38657</v>
      </c>
      <c r="G22649" s="8">
        <v>1</v>
      </c>
      <c r="H22649" s="8">
        <v>1</v>
      </c>
      <c r="I22649" s="8">
        <v>0</v>
      </c>
      <c r="J22649" s="8">
        <v>1</v>
      </c>
      <c r="K22649" s="9">
        <v>33</v>
      </c>
      <c r="L22649" s="6" t="s">
        <v>4151</v>
      </c>
    </row>
    <row r="22650" spans="1:12">
      <c r="A22650" s="6" t="s">
        <v>4151</v>
      </c>
      <c r="B22650" s="6"/>
      <c r="C22650" s="6" t="s">
        <v>22686</v>
      </c>
      <c r="D22650" s="6"/>
      <c r="E22650" s="6" t="s">
        <v>9</v>
      </c>
      <c r="F22650" s="7">
        <v>38657</v>
      </c>
      <c r="G22650" s="8">
        <v>1</v>
      </c>
      <c r="H22650" s="8">
        <v>1</v>
      </c>
      <c r="I22650" s="8">
        <v>0</v>
      </c>
      <c r="J22650" s="8">
        <v>1</v>
      </c>
      <c r="K22650" s="9">
        <v>180</v>
      </c>
      <c r="L22650" s="6" t="s">
        <v>4151</v>
      </c>
    </row>
    <row r="22651" spans="1:12">
      <c r="A22651" s="6" t="s">
        <v>4151</v>
      </c>
      <c r="B22651" s="6"/>
      <c r="C22651" s="6" t="s">
        <v>22687</v>
      </c>
      <c r="D22651" s="6"/>
      <c r="E22651" s="6" t="s">
        <v>9</v>
      </c>
      <c r="F22651" s="7">
        <v>38657</v>
      </c>
      <c r="G22651" s="8">
        <v>1</v>
      </c>
      <c r="H22651" s="8">
        <v>1</v>
      </c>
      <c r="I22651" s="8">
        <v>0</v>
      </c>
      <c r="J22651" s="8">
        <v>1</v>
      </c>
      <c r="K22651" s="9">
        <v>202</v>
      </c>
      <c r="L22651" s="6" t="s">
        <v>4151</v>
      </c>
    </row>
    <row r="22652" spans="1:12">
      <c r="A22652" s="6" t="s">
        <v>4151</v>
      </c>
      <c r="B22652" s="6"/>
      <c r="C22652" s="6" t="s">
        <v>22688</v>
      </c>
      <c r="D22652" s="6"/>
      <c r="E22652" s="6" t="s">
        <v>9</v>
      </c>
      <c r="F22652" s="7">
        <v>38657</v>
      </c>
      <c r="G22652" s="8">
        <v>1</v>
      </c>
      <c r="H22652" s="8">
        <v>1</v>
      </c>
      <c r="I22652" s="8">
        <v>0</v>
      </c>
      <c r="J22652" s="8">
        <v>1</v>
      </c>
      <c r="K22652" s="9">
        <v>368</v>
      </c>
      <c r="L22652" s="6" t="s">
        <v>4151</v>
      </c>
    </row>
    <row r="22653" spans="1:12">
      <c r="A22653" s="6" t="s">
        <v>4151</v>
      </c>
      <c r="B22653" s="6"/>
      <c r="C22653" s="6" t="s">
        <v>22689</v>
      </c>
      <c r="D22653" s="6"/>
      <c r="E22653" s="6" t="s">
        <v>9</v>
      </c>
      <c r="F22653" s="7">
        <v>38657</v>
      </c>
      <c r="G22653" s="8">
        <v>1</v>
      </c>
      <c r="H22653" s="8">
        <v>1</v>
      </c>
      <c r="I22653" s="8">
        <v>0</v>
      </c>
      <c r="J22653" s="8">
        <v>1</v>
      </c>
      <c r="K22653" s="9">
        <v>121</v>
      </c>
      <c r="L22653" s="6" t="s">
        <v>4151</v>
      </c>
    </row>
    <row r="22654" spans="1:12">
      <c r="A22654" s="6" t="s">
        <v>4151</v>
      </c>
      <c r="B22654" s="6"/>
      <c r="C22654" s="6" t="s">
        <v>22690</v>
      </c>
      <c r="D22654" s="6"/>
      <c r="E22654" s="6" t="s">
        <v>9</v>
      </c>
      <c r="F22654" s="7">
        <v>38657</v>
      </c>
      <c r="G22654" s="8">
        <v>1</v>
      </c>
      <c r="H22654" s="8">
        <v>1</v>
      </c>
      <c r="I22654" s="8">
        <v>0</v>
      </c>
      <c r="J22654" s="8">
        <v>1</v>
      </c>
      <c r="K22654" s="9">
        <v>156</v>
      </c>
      <c r="L22654" s="6" t="s">
        <v>4151</v>
      </c>
    </row>
    <row r="22655" spans="1:12">
      <c r="A22655" s="6" t="s">
        <v>4151</v>
      </c>
      <c r="B22655" s="6"/>
      <c r="C22655" s="6" t="s">
        <v>22691</v>
      </c>
      <c r="D22655" s="6"/>
      <c r="E22655" s="6" t="s">
        <v>9</v>
      </c>
      <c r="F22655" s="7">
        <v>38657</v>
      </c>
      <c r="G22655" s="8">
        <v>1</v>
      </c>
      <c r="H22655" s="8">
        <v>1</v>
      </c>
      <c r="I22655" s="8">
        <v>0</v>
      </c>
      <c r="J22655" s="8">
        <v>1</v>
      </c>
      <c r="K22655" s="9">
        <v>229</v>
      </c>
      <c r="L22655" s="6" t="s">
        <v>4151</v>
      </c>
    </row>
    <row r="22656" spans="1:12">
      <c r="A22656" s="6" t="s">
        <v>4151</v>
      </c>
      <c r="B22656" s="6"/>
      <c r="C22656" s="6" t="s">
        <v>22692</v>
      </c>
      <c r="D22656" s="6"/>
      <c r="E22656" s="6" t="s">
        <v>9</v>
      </c>
      <c r="F22656" s="7">
        <v>38657</v>
      </c>
      <c r="G22656" s="8">
        <v>1</v>
      </c>
      <c r="H22656" s="8">
        <v>1</v>
      </c>
      <c r="I22656" s="8">
        <v>0</v>
      </c>
      <c r="J22656" s="8">
        <v>1</v>
      </c>
      <c r="K22656" s="9">
        <v>526</v>
      </c>
      <c r="L22656" s="6" t="s">
        <v>4151</v>
      </c>
    </row>
    <row r="22657" spans="1:12">
      <c r="A22657" s="6" t="s">
        <v>4151</v>
      </c>
      <c r="B22657" s="6"/>
      <c r="C22657" s="6" t="s">
        <v>22693</v>
      </c>
      <c r="D22657" s="6"/>
      <c r="E22657" s="6" t="s">
        <v>9</v>
      </c>
      <c r="F22657" s="7">
        <v>38657</v>
      </c>
      <c r="G22657" s="8">
        <v>1</v>
      </c>
      <c r="H22657" s="8">
        <v>1</v>
      </c>
      <c r="I22657" s="8">
        <v>0</v>
      </c>
      <c r="J22657" s="8">
        <v>1</v>
      </c>
      <c r="K22657" s="9">
        <v>378</v>
      </c>
      <c r="L22657" s="6" t="s">
        <v>4151</v>
      </c>
    </row>
    <row r="22658" spans="1:12">
      <c r="A22658" s="6" t="s">
        <v>4151</v>
      </c>
      <c r="B22658" s="6"/>
      <c r="C22658" s="6" t="s">
        <v>22694</v>
      </c>
      <c r="D22658" s="6"/>
      <c r="E22658" s="6" t="s">
        <v>9</v>
      </c>
      <c r="F22658" s="7">
        <v>38657</v>
      </c>
      <c r="G22658" s="8">
        <v>1</v>
      </c>
      <c r="H22658" s="8">
        <v>1</v>
      </c>
      <c r="I22658" s="8">
        <v>0</v>
      </c>
      <c r="J22658" s="8">
        <v>1</v>
      </c>
      <c r="K22658" s="9">
        <v>168</v>
      </c>
      <c r="L22658" s="6" t="s">
        <v>4151</v>
      </c>
    </row>
    <row r="22659" spans="1:12">
      <c r="A22659" s="6" t="s">
        <v>4151</v>
      </c>
      <c r="B22659" s="6"/>
      <c r="C22659" s="6" t="s">
        <v>22695</v>
      </c>
      <c r="D22659" s="6"/>
      <c r="E22659" s="6" t="s">
        <v>9</v>
      </c>
      <c r="F22659" s="7">
        <v>38657</v>
      </c>
      <c r="G22659" s="8">
        <v>1</v>
      </c>
      <c r="H22659" s="8">
        <v>1</v>
      </c>
      <c r="I22659" s="8">
        <v>0</v>
      </c>
      <c r="J22659" s="8">
        <v>1</v>
      </c>
      <c r="K22659" s="9">
        <v>82</v>
      </c>
      <c r="L22659" s="6" t="s">
        <v>4151</v>
      </c>
    </row>
    <row r="22660" spans="1:12">
      <c r="A22660" s="6" t="s">
        <v>4151</v>
      </c>
      <c r="B22660" s="6"/>
      <c r="C22660" s="6" t="s">
        <v>22696</v>
      </c>
      <c r="D22660" s="6"/>
      <c r="E22660" s="6" t="s">
        <v>9</v>
      </c>
      <c r="F22660" s="7">
        <v>38657</v>
      </c>
      <c r="G22660" s="8">
        <v>1</v>
      </c>
      <c r="H22660" s="8">
        <v>1</v>
      </c>
      <c r="I22660" s="8">
        <v>0</v>
      </c>
      <c r="J22660" s="8">
        <v>1</v>
      </c>
      <c r="K22660" s="9">
        <v>91</v>
      </c>
      <c r="L22660" s="6" t="s">
        <v>4151</v>
      </c>
    </row>
    <row r="22661" spans="1:12">
      <c r="A22661" s="6" t="s">
        <v>4151</v>
      </c>
      <c r="B22661" s="6"/>
      <c r="C22661" s="6" t="s">
        <v>22697</v>
      </c>
      <c r="D22661" s="6"/>
      <c r="E22661" s="6" t="s">
        <v>9</v>
      </c>
      <c r="F22661" s="7">
        <v>38657</v>
      </c>
      <c r="G22661" s="8">
        <v>1</v>
      </c>
      <c r="H22661" s="8">
        <v>1</v>
      </c>
      <c r="I22661" s="8">
        <v>0</v>
      </c>
      <c r="J22661" s="8">
        <v>1</v>
      </c>
      <c r="K22661" s="9">
        <v>296</v>
      </c>
      <c r="L22661" s="6" t="s">
        <v>4151</v>
      </c>
    </row>
    <row r="22662" spans="1:12">
      <c r="A22662" s="6" t="s">
        <v>4151</v>
      </c>
      <c r="B22662" s="6"/>
      <c r="C22662" s="6" t="s">
        <v>22698</v>
      </c>
      <c r="D22662" s="6"/>
      <c r="E22662" s="6" t="s">
        <v>9</v>
      </c>
      <c r="F22662" s="7">
        <v>38657</v>
      </c>
      <c r="G22662" s="8">
        <v>1</v>
      </c>
      <c r="H22662" s="8">
        <v>1</v>
      </c>
      <c r="I22662" s="8">
        <v>0</v>
      </c>
      <c r="J22662" s="8">
        <v>1</v>
      </c>
      <c r="K22662" s="9">
        <v>108</v>
      </c>
      <c r="L22662" s="6" t="s">
        <v>4151</v>
      </c>
    </row>
    <row r="22663" spans="1:12">
      <c r="A22663" s="6" t="s">
        <v>4151</v>
      </c>
      <c r="B22663" s="6"/>
      <c r="C22663" s="6" t="s">
        <v>22699</v>
      </c>
      <c r="D22663" s="6"/>
      <c r="E22663" s="6" t="s">
        <v>9</v>
      </c>
      <c r="F22663" s="7">
        <v>38657</v>
      </c>
      <c r="G22663" s="8">
        <v>1</v>
      </c>
      <c r="H22663" s="8">
        <v>1</v>
      </c>
      <c r="I22663" s="8">
        <v>0</v>
      </c>
      <c r="J22663" s="8">
        <v>1</v>
      </c>
      <c r="K22663" s="9">
        <v>94</v>
      </c>
      <c r="L22663" s="6" t="s">
        <v>4151</v>
      </c>
    </row>
    <row r="22664" spans="1:12">
      <c r="A22664" s="6" t="s">
        <v>4151</v>
      </c>
      <c r="B22664" s="6"/>
      <c r="C22664" s="6" t="s">
        <v>22700</v>
      </c>
      <c r="D22664" s="6"/>
      <c r="E22664" s="6" t="s">
        <v>9</v>
      </c>
      <c r="F22664" s="7">
        <v>38657</v>
      </c>
      <c r="G22664" s="8">
        <v>1</v>
      </c>
      <c r="H22664" s="8">
        <v>1</v>
      </c>
      <c r="I22664" s="8">
        <v>0</v>
      </c>
      <c r="J22664" s="8">
        <v>1</v>
      </c>
      <c r="K22664" s="9">
        <v>99</v>
      </c>
      <c r="L22664" s="6" t="s">
        <v>4151</v>
      </c>
    </row>
    <row r="22665" spans="1:12">
      <c r="A22665" s="6" t="s">
        <v>4151</v>
      </c>
      <c r="B22665" s="6"/>
      <c r="C22665" s="6" t="s">
        <v>22701</v>
      </c>
      <c r="D22665" s="6"/>
      <c r="E22665" s="6" t="s">
        <v>9</v>
      </c>
      <c r="F22665" s="7">
        <v>38657</v>
      </c>
      <c r="G22665" s="8">
        <v>1</v>
      </c>
      <c r="H22665" s="8">
        <v>1</v>
      </c>
      <c r="I22665" s="8">
        <v>0</v>
      </c>
      <c r="J22665" s="8">
        <v>1</v>
      </c>
      <c r="K22665" s="9">
        <v>180</v>
      </c>
      <c r="L22665" s="6" t="s">
        <v>4151</v>
      </c>
    </row>
    <row r="22666" spans="1:12">
      <c r="A22666" s="6" t="s">
        <v>4151</v>
      </c>
      <c r="B22666" s="6"/>
      <c r="C22666" s="6" t="s">
        <v>22702</v>
      </c>
      <c r="D22666" s="6"/>
      <c r="E22666" s="6" t="s">
        <v>9</v>
      </c>
      <c r="F22666" s="7">
        <v>38657</v>
      </c>
      <c r="G22666" s="8">
        <v>1</v>
      </c>
      <c r="H22666" s="8">
        <v>1</v>
      </c>
      <c r="I22666" s="8">
        <v>0</v>
      </c>
      <c r="J22666" s="8">
        <v>1</v>
      </c>
      <c r="K22666" s="9">
        <v>114</v>
      </c>
      <c r="L22666" s="6" t="s">
        <v>4151</v>
      </c>
    </row>
    <row r="22667" spans="1:12">
      <c r="A22667" s="6" t="s">
        <v>4151</v>
      </c>
      <c r="B22667" s="6"/>
      <c r="C22667" s="6" t="s">
        <v>22703</v>
      </c>
      <c r="D22667" s="6"/>
      <c r="E22667" s="6" t="s">
        <v>9</v>
      </c>
      <c r="F22667" s="7">
        <v>38657</v>
      </c>
      <c r="G22667" s="8">
        <v>1</v>
      </c>
      <c r="H22667" s="8">
        <v>1</v>
      </c>
      <c r="I22667" s="8">
        <v>0</v>
      </c>
      <c r="J22667" s="8">
        <v>1</v>
      </c>
      <c r="K22667" s="9">
        <v>611</v>
      </c>
      <c r="L22667" s="6" t="s">
        <v>4151</v>
      </c>
    </row>
    <row r="22668" spans="1:12">
      <c r="A22668" s="6" t="s">
        <v>4151</v>
      </c>
      <c r="B22668" s="6"/>
      <c r="C22668" s="6" t="s">
        <v>22704</v>
      </c>
      <c r="D22668" s="6"/>
      <c r="E22668" s="6" t="s">
        <v>9</v>
      </c>
      <c r="F22668" s="7">
        <v>38657</v>
      </c>
      <c r="G22668" s="8">
        <v>1</v>
      </c>
      <c r="H22668" s="8">
        <v>1</v>
      </c>
      <c r="I22668" s="8">
        <v>0</v>
      </c>
      <c r="J22668" s="8">
        <v>1</v>
      </c>
      <c r="K22668" s="9">
        <v>53</v>
      </c>
      <c r="L22668" s="6" t="s">
        <v>4151</v>
      </c>
    </row>
    <row r="22669" spans="1:12">
      <c r="A22669" s="6" t="s">
        <v>4151</v>
      </c>
      <c r="B22669" s="6"/>
      <c r="C22669" s="6" t="s">
        <v>22705</v>
      </c>
      <c r="D22669" s="6"/>
      <c r="E22669" s="6" t="s">
        <v>9</v>
      </c>
      <c r="F22669" s="7">
        <v>38657</v>
      </c>
      <c r="G22669" s="8">
        <v>1</v>
      </c>
      <c r="H22669" s="8">
        <v>1</v>
      </c>
      <c r="I22669" s="8">
        <v>0</v>
      </c>
      <c r="J22669" s="8">
        <v>1</v>
      </c>
      <c r="K22669" s="9">
        <v>93</v>
      </c>
      <c r="L22669" s="6" t="s">
        <v>4151</v>
      </c>
    </row>
    <row r="22670" spans="1:12">
      <c r="A22670" s="6" t="s">
        <v>4151</v>
      </c>
      <c r="B22670" s="6"/>
      <c r="C22670" s="6" t="s">
        <v>22706</v>
      </c>
      <c r="D22670" s="6"/>
      <c r="E22670" s="6" t="s">
        <v>9</v>
      </c>
      <c r="F22670" s="7">
        <v>38657</v>
      </c>
      <c r="G22670" s="8">
        <v>1</v>
      </c>
      <c r="H22670" s="8">
        <v>1</v>
      </c>
      <c r="I22670" s="8">
        <v>0</v>
      </c>
      <c r="J22670" s="8">
        <v>1</v>
      </c>
      <c r="K22670" s="9">
        <v>26</v>
      </c>
      <c r="L22670" s="6" t="s">
        <v>4151</v>
      </c>
    </row>
    <row r="22671" spans="1:12">
      <c r="A22671" s="6" t="s">
        <v>4151</v>
      </c>
      <c r="B22671" s="6"/>
      <c r="C22671" s="6" t="s">
        <v>22707</v>
      </c>
      <c r="D22671" s="6"/>
      <c r="E22671" s="6" t="s">
        <v>9</v>
      </c>
      <c r="F22671" s="7">
        <v>38657</v>
      </c>
      <c r="G22671" s="8">
        <v>1</v>
      </c>
      <c r="H22671" s="8">
        <v>1</v>
      </c>
      <c r="I22671" s="8">
        <v>0</v>
      </c>
      <c r="J22671" s="8">
        <v>1</v>
      </c>
      <c r="K22671" s="9">
        <v>16</v>
      </c>
      <c r="L22671" s="6" t="s">
        <v>4151</v>
      </c>
    </row>
    <row r="22672" spans="1:12">
      <c r="A22672" s="6" t="s">
        <v>4151</v>
      </c>
      <c r="B22672" s="6"/>
      <c r="C22672" s="6" t="s">
        <v>22708</v>
      </c>
      <c r="D22672" s="6"/>
      <c r="E22672" s="6" t="s">
        <v>9</v>
      </c>
      <c r="F22672" s="7">
        <v>38657</v>
      </c>
      <c r="G22672" s="8">
        <v>1</v>
      </c>
      <c r="H22672" s="8">
        <v>1</v>
      </c>
      <c r="I22672" s="8">
        <v>0</v>
      </c>
      <c r="J22672" s="8">
        <v>1</v>
      </c>
      <c r="K22672" s="9">
        <v>11</v>
      </c>
      <c r="L22672" s="6" t="s">
        <v>4151</v>
      </c>
    </row>
    <row r="22673" spans="1:12">
      <c r="A22673" s="6" t="s">
        <v>4151</v>
      </c>
      <c r="B22673" s="6"/>
      <c r="C22673" s="6" t="s">
        <v>22709</v>
      </c>
      <c r="D22673" s="6"/>
      <c r="E22673" s="6" t="s">
        <v>9</v>
      </c>
      <c r="F22673" s="7">
        <v>38657</v>
      </c>
      <c r="G22673" s="8">
        <v>1</v>
      </c>
      <c r="H22673" s="8">
        <v>1</v>
      </c>
      <c r="I22673" s="8">
        <v>0</v>
      </c>
      <c r="J22673" s="8">
        <v>1</v>
      </c>
      <c r="K22673" s="9">
        <v>32</v>
      </c>
      <c r="L22673" s="6" t="s">
        <v>4151</v>
      </c>
    </row>
    <row r="22674" spans="1:12">
      <c r="A22674" s="6" t="s">
        <v>4151</v>
      </c>
      <c r="B22674" s="6"/>
      <c r="C22674" s="6" t="s">
        <v>22710</v>
      </c>
      <c r="D22674" s="6"/>
      <c r="E22674" s="6" t="s">
        <v>9</v>
      </c>
      <c r="F22674" s="7">
        <v>38657</v>
      </c>
      <c r="G22674" s="8">
        <v>1</v>
      </c>
      <c r="H22674" s="8">
        <v>1</v>
      </c>
      <c r="I22674" s="8">
        <v>0</v>
      </c>
      <c r="J22674" s="8">
        <v>1</v>
      </c>
      <c r="K22674" s="9">
        <v>4.41</v>
      </c>
      <c r="L22674" s="6" t="s">
        <v>4151</v>
      </c>
    </row>
    <row r="22675" spans="1:12">
      <c r="A22675" s="6" t="s">
        <v>4151</v>
      </c>
      <c r="B22675" s="6"/>
      <c r="C22675" s="6" t="s">
        <v>22711</v>
      </c>
      <c r="D22675" s="6"/>
      <c r="E22675" s="6" t="s">
        <v>9</v>
      </c>
      <c r="F22675" s="7">
        <v>38657</v>
      </c>
      <c r="G22675" s="8">
        <v>1</v>
      </c>
      <c r="H22675" s="8">
        <v>1</v>
      </c>
      <c r="I22675" s="8">
        <v>0</v>
      </c>
      <c r="J22675" s="8">
        <v>1</v>
      </c>
      <c r="K22675" s="9">
        <v>24</v>
      </c>
      <c r="L22675" s="6" t="s">
        <v>4151</v>
      </c>
    </row>
    <row r="22676" spans="1:12">
      <c r="A22676" s="6" t="s">
        <v>4151</v>
      </c>
      <c r="B22676" s="6"/>
      <c r="C22676" s="6" t="s">
        <v>22712</v>
      </c>
      <c r="D22676" s="6"/>
      <c r="E22676" s="6" t="s">
        <v>9</v>
      </c>
      <c r="F22676" s="7">
        <v>38657</v>
      </c>
      <c r="G22676" s="8">
        <v>1</v>
      </c>
      <c r="H22676" s="8">
        <v>1</v>
      </c>
      <c r="I22676" s="8">
        <v>0</v>
      </c>
      <c r="J22676" s="8">
        <v>1</v>
      </c>
      <c r="K22676" s="9">
        <v>146</v>
      </c>
      <c r="L22676" s="6" t="s">
        <v>4151</v>
      </c>
    </row>
    <row r="22677" spans="1:12">
      <c r="A22677" s="6" t="s">
        <v>4151</v>
      </c>
      <c r="B22677" s="6"/>
      <c r="C22677" s="6" t="s">
        <v>22713</v>
      </c>
      <c r="D22677" s="6"/>
      <c r="E22677" s="6" t="s">
        <v>9</v>
      </c>
      <c r="F22677" s="7">
        <v>38657</v>
      </c>
      <c r="G22677" s="8">
        <v>1</v>
      </c>
      <c r="H22677" s="8">
        <v>1</v>
      </c>
      <c r="I22677" s="8">
        <v>0</v>
      </c>
      <c r="J22677" s="8">
        <v>1</v>
      </c>
      <c r="K22677" s="9">
        <v>617</v>
      </c>
      <c r="L22677" s="6" t="s">
        <v>4151</v>
      </c>
    </row>
    <row r="22678" spans="1:12">
      <c r="A22678" s="6" t="s">
        <v>4151</v>
      </c>
      <c r="B22678" s="6"/>
      <c r="C22678" s="6" t="s">
        <v>22714</v>
      </c>
      <c r="D22678" s="6"/>
      <c r="E22678" s="6" t="s">
        <v>9</v>
      </c>
      <c r="F22678" s="7">
        <v>38657</v>
      </c>
      <c r="G22678" s="8">
        <v>1</v>
      </c>
      <c r="H22678" s="8">
        <v>1</v>
      </c>
      <c r="I22678" s="8">
        <v>0</v>
      </c>
      <c r="J22678" s="8">
        <v>1</v>
      </c>
      <c r="K22678" s="9">
        <v>304</v>
      </c>
      <c r="L22678" s="6" t="s">
        <v>4151</v>
      </c>
    </row>
    <row r="22679" spans="1:12">
      <c r="A22679" s="6" t="s">
        <v>4151</v>
      </c>
      <c r="B22679" s="6"/>
      <c r="C22679" s="6" t="s">
        <v>22715</v>
      </c>
      <c r="D22679" s="6"/>
      <c r="E22679" s="6" t="s">
        <v>9</v>
      </c>
      <c r="F22679" s="7">
        <v>38657</v>
      </c>
      <c r="G22679" s="8">
        <v>1</v>
      </c>
      <c r="H22679" s="8">
        <v>1</v>
      </c>
      <c r="I22679" s="8">
        <v>0</v>
      </c>
      <c r="J22679" s="8">
        <v>1</v>
      </c>
      <c r="K22679" s="9">
        <v>316</v>
      </c>
      <c r="L22679" s="6" t="s">
        <v>4151</v>
      </c>
    </row>
    <row r="22680" spans="1:12">
      <c r="A22680" s="6" t="s">
        <v>4151</v>
      </c>
      <c r="B22680" s="6"/>
      <c r="C22680" s="6" t="s">
        <v>22716</v>
      </c>
      <c r="D22680" s="6"/>
      <c r="E22680" s="6" t="s">
        <v>9</v>
      </c>
      <c r="F22680" s="7">
        <v>38657</v>
      </c>
      <c r="G22680" s="8">
        <v>1</v>
      </c>
      <c r="H22680" s="8">
        <v>1</v>
      </c>
      <c r="I22680" s="8">
        <v>0</v>
      </c>
      <c r="J22680" s="8">
        <v>1</v>
      </c>
      <c r="K22680" s="9">
        <v>29</v>
      </c>
      <c r="L22680" s="6" t="s">
        <v>4151</v>
      </c>
    </row>
    <row r="22681" spans="1:12">
      <c r="A22681" s="6" t="s">
        <v>4151</v>
      </c>
      <c r="B22681" s="6"/>
      <c r="C22681" s="6" t="s">
        <v>22717</v>
      </c>
      <c r="D22681" s="6"/>
      <c r="E22681" s="6" t="s">
        <v>9</v>
      </c>
      <c r="F22681" s="7">
        <v>38657</v>
      </c>
      <c r="G22681" s="8">
        <v>1</v>
      </c>
      <c r="H22681" s="8">
        <v>1</v>
      </c>
      <c r="I22681" s="8">
        <v>0</v>
      </c>
      <c r="J22681" s="8">
        <v>1</v>
      </c>
      <c r="K22681" s="9">
        <v>55</v>
      </c>
      <c r="L22681" s="6" t="s">
        <v>4151</v>
      </c>
    </row>
    <row r="22682" spans="1:12">
      <c r="A22682" s="6" t="s">
        <v>4151</v>
      </c>
      <c r="B22682" s="6"/>
      <c r="C22682" s="6" t="s">
        <v>22718</v>
      </c>
      <c r="D22682" s="6"/>
      <c r="E22682" s="6" t="s">
        <v>9</v>
      </c>
      <c r="F22682" s="7">
        <v>38657</v>
      </c>
      <c r="G22682" s="8">
        <v>1</v>
      </c>
      <c r="H22682" s="8">
        <v>1</v>
      </c>
      <c r="I22682" s="8">
        <v>0</v>
      </c>
      <c r="J22682" s="8">
        <v>1</v>
      </c>
      <c r="K22682" s="9">
        <v>67</v>
      </c>
      <c r="L22682" s="6" t="s">
        <v>4151</v>
      </c>
    </row>
    <row r="22683" spans="1:12">
      <c r="A22683" s="6" t="s">
        <v>4151</v>
      </c>
      <c r="B22683" s="6"/>
      <c r="C22683" s="6" t="s">
        <v>22719</v>
      </c>
      <c r="D22683" s="6"/>
      <c r="E22683" s="6" t="s">
        <v>9</v>
      </c>
      <c r="F22683" s="7">
        <v>38657</v>
      </c>
      <c r="G22683" s="8">
        <v>1</v>
      </c>
      <c r="H22683" s="8">
        <v>1</v>
      </c>
      <c r="I22683" s="8">
        <v>0</v>
      </c>
      <c r="J22683" s="8">
        <v>1</v>
      </c>
      <c r="K22683" s="9">
        <v>124</v>
      </c>
      <c r="L22683" s="6" t="s">
        <v>4151</v>
      </c>
    </row>
    <row r="22684" spans="1:12">
      <c r="A22684" s="6" t="s">
        <v>4151</v>
      </c>
      <c r="B22684" s="6"/>
      <c r="C22684" s="6" t="s">
        <v>22720</v>
      </c>
      <c r="D22684" s="6"/>
      <c r="E22684" s="6" t="s">
        <v>9</v>
      </c>
      <c r="F22684" s="7">
        <v>38657</v>
      </c>
      <c r="G22684" s="8">
        <v>1</v>
      </c>
      <c r="H22684" s="8">
        <v>1</v>
      </c>
      <c r="I22684" s="8">
        <v>0</v>
      </c>
      <c r="J22684" s="8">
        <v>1</v>
      </c>
      <c r="K22684" s="9">
        <v>157</v>
      </c>
      <c r="L22684" s="6" t="s">
        <v>4151</v>
      </c>
    </row>
    <row r="22685" spans="1:12">
      <c r="A22685" s="6" t="s">
        <v>4151</v>
      </c>
      <c r="B22685" s="6"/>
      <c r="C22685" s="6" t="s">
        <v>22721</v>
      </c>
      <c r="D22685" s="6"/>
      <c r="E22685" s="6" t="s">
        <v>9</v>
      </c>
      <c r="F22685" s="7">
        <v>38657</v>
      </c>
      <c r="G22685" s="8">
        <v>1</v>
      </c>
      <c r="H22685" s="8">
        <v>1</v>
      </c>
      <c r="I22685" s="8">
        <v>0</v>
      </c>
      <c r="J22685" s="8">
        <v>1</v>
      </c>
      <c r="K22685" s="9">
        <v>345</v>
      </c>
      <c r="L22685" s="6" t="s">
        <v>4151</v>
      </c>
    </row>
    <row r="22686" spans="1:12">
      <c r="A22686" s="6" t="s">
        <v>4151</v>
      </c>
      <c r="B22686" s="6"/>
      <c r="C22686" s="6" t="s">
        <v>22722</v>
      </c>
      <c r="D22686" s="6"/>
      <c r="E22686" s="6" t="s">
        <v>9</v>
      </c>
      <c r="F22686" s="7">
        <v>38657</v>
      </c>
      <c r="G22686" s="8">
        <v>1</v>
      </c>
      <c r="H22686" s="8">
        <v>1</v>
      </c>
      <c r="I22686" s="8">
        <v>0</v>
      </c>
      <c r="J22686" s="8">
        <v>1</v>
      </c>
      <c r="K22686" s="9">
        <v>375</v>
      </c>
      <c r="L22686" s="6" t="s">
        <v>4151</v>
      </c>
    </row>
    <row r="22687" spans="1:12">
      <c r="A22687" s="6" t="s">
        <v>4151</v>
      </c>
      <c r="B22687" s="6"/>
      <c r="C22687" s="6" t="s">
        <v>22723</v>
      </c>
      <c r="D22687" s="6"/>
      <c r="E22687" s="6" t="s">
        <v>9</v>
      </c>
      <c r="F22687" s="7">
        <v>38657</v>
      </c>
      <c r="G22687" s="8">
        <v>1</v>
      </c>
      <c r="H22687" s="8">
        <v>1</v>
      </c>
      <c r="I22687" s="8">
        <v>0</v>
      </c>
      <c r="J22687" s="8">
        <v>1</v>
      </c>
      <c r="K22687" s="9">
        <v>148</v>
      </c>
      <c r="L22687" s="6" t="s">
        <v>4151</v>
      </c>
    </row>
    <row r="22688" spans="1:12">
      <c r="A22688" s="6" t="s">
        <v>4151</v>
      </c>
      <c r="B22688" s="6"/>
      <c r="C22688" s="6" t="s">
        <v>22724</v>
      </c>
      <c r="D22688" s="6"/>
      <c r="E22688" s="6" t="s">
        <v>9</v>
      </c>
      <c r="F22688" s="7">
        <v>38657</v>
      </c>
      <c r="G22688" s="8">
        <v>1</v>
      </c>
      <c r="H22688" s="8">
        <v>1</v>
      </c>
      <c r="I22688" s="8">
        <v>0</v>
      </c>
      <c r="J22688" s="8">
        <v>1</v>
      </c>
      <c r="K22688" s="9">
        <v>174</v>
      </c>
      <c r="L22688" s="6" t="s">
        <v>4151</v>
      </c>
    </row>
    <row r="22689" spans="1:12">
      <c r="A22689" s="6" t="s">
        <v>4151</v>
      </c>
      <c r="B22689" s="6"/>
      <c r="C22689" s="6" t="s">
        <v>22725</v>
      </c>
      <c r="D22689" s="6"/>
      <c r="E22689" s="6" t="s">
        <v>9</v>
      </c>
      <c r="F22689" s="7">
        <v>38657</v>
      </c>
      <c r="G22689" s="8">
        <v>1</v>
      </c>
      <c r="H22689" s="8">
        <v>1</v>
      </c>
      <c r="I22689" s="8">
        <v>0</v>
      </c>
      <c r="J22689" s="8">
        <v>1</v>
      </c>
      <c r="K22689" s="9">
        <v>152</v>
      </c>
      <c r="L22689" s="6" t="s">
        <v>4151</v>
      </c>
    </row>
    <row r="22690" spans="1:12">
      <c r="A22690" s="6" t="s">
        <v>4151</v>
      </c>
      <c r="B22690" s="6"/>
      <c r="C22690" s="6" t="s">
        <v>22726</v>
      </c>
      <c r="D22690" s="6"/>
      <c r="E22690" s="6" t="s">
        <v>9</v>
      </c>
      <c r="F22690" s="7">
        <v>38657</v>
      </c>
      <c r="G22690" s="8">
        <v>1</v>
      </c>
      <c r="H22690" s="8">
        <v>1</v>
      </c>
      <c r="I22690" s="8">
        <v>0</v>
      </c>
      <c r="J22690" s="8">
        <v>1</v>
      </c>
      <c r="K22690" s="9">
        <v>517</v>
      </c>
      <c r="L22690" s="6" t="s">
        <v>4151</v>
      </c>
    </row>
    <row r="22691" spans="1:12">
      <c r="A22691" s="6" t="s">
        <v>4151</v>
      </c>
      <c r="B22691" s="6"/>
      <c r="C22691" s="6" t="s">
        <v>22727</v>
      </c>
      <c r="D22691" s="6"/>
      <c r="E22691" s="6" t="s">
        <v>9</v>
      </c>
      <c r="F22691" s="7">
        <v>38657</v>
      </c>
      <c r="G22691" s="8">
        <v>1</v>
      </c>
      <c r="H22691" s="8">
        <v>1</v>
      </c>
      <c r="I22691" s="8">
        <v>0</v>
      </c>
      <c r="J22691" s="8">
        <v>1</v>
      </c>
      <c r="K22691" s="9">
        <v>298</v>
      </c>
      <c r="L22691" s="6" t="s">
        <v>4151</v>
      </c>
    </row>
    <row r="22692" spans="1:12">
      <c r="A22692" s="6" t="s">
        <v>4151</v>
      </c>
      <c r="B22692" s="6"/>
      <c r="C22692" s="6" t="s">
        <v>22728</v>
      </c>
      <c r="D22692" s="6"/>
      <c r="E22692" s="6" t="s">
        <v>9</v>
      </c>
      <c r="F22692" s="7">
        <v>38657</v>
      </c>
      <c r="G22692" s="8">
        <v>1</v>
      </c>
      <c r="H22692" s="8">
        <v>1</v>
      </c>
      <c r="I22692" s="8">
        <v>0</v>
      </c>
      <c r="J22692" s="8">
        <v>1</v>
      </c>
      <c r="K22692" s="9">
        <v>383</v>
      </c>
      <c r="L22692" s="6" t="s">
        <v>4151</v>
      </c>
    </row>
    <row r="22693" spans="1:12">
      <c r="A22693" s="6" t="s">
        <v>4151</v>
      </c>
      <c r="B22693" s="6"/>
      <c r="C22693" s="6" t="s">
        <v>22729</v>
      </c>
      <c r="D22693" s="6"/>
      <c r="E22693" s="6" t="s">
        <v>9</v>
      </c>
      <c r="F22693" s="7">
        <v>38657</v>
      </c>
      <c r="G22693" s="8">
        <v>1</v>
      </c>
      <c r="H22693" s="8">
        <v>1</v>
      </c>
      <c r="I22693" s="8">
        <v>0</v>
      </c>
      <c r="J22693" s="8">
        <v>1</v>
      </c>
      <c r="K22693" s="9">
        <v>249</v>
      </c>
      <c r="L22693" s="6" t="s">
        <v>4151</v>
      </c>
    </row>
    <row r="22694" spans="1:12">
      <c r="A22694" s="6" t="s">
        <v>4151</v>
      </c>
      <c r="B22694" s="6"/>
      <c r="C22694" s="6" t="s">
        <v>22730</v>
      </c>
      <c r="D22694" s="6"/>
      <c r="E22694" s="6" t="s">
        <v>9</v>
      </c>
      <c r="F22694" s="7">
        <v>38657</v>
      </c>
      <c r="G22694" s="8">
        <v>1</v>
      </c>
      <c r="H22694" s="8">
        <v>1</v>
      </c>
      <c r="I22694" s="8">
        <v>0</v>
      </c>
      <c r="J22694" s="8">
        <v>1</v>
      </c>
      <c r="K22694" s="9">
        <v>126</v>
      </c>
      <c r="L22694" s="6" t="s">
        <v>4151</v>
      </c>
    </row>
    <row r="22695" spans="1:12">
      <c r="A22695" s="6" t="s">
        <v>4151</v>
      </c>
      <c r="B22695" s="6"/>
      <c r="C22695" s="6" t="s">
        <v>22731</v>
      </c>
      <c r="D22695" s="6"/>
      <c r="E22695" s="6" t="s">
        <v>9</v>
      </c>
      <c r="F22695" s="7">
        <v>38657</v>
      </c>
      <c r="G22695" s="8">
        <v>1</v>
      </c>
      <c r="H22695" s="8">
        <v>1</v>
      </c>
      <c r="I22695" s="8">
        <v>0</v>
      </c>
      <c r="J22695" s="8">
        <v>1</v>
      </c>
      <c r="K22695" s="9">
        <v>482</v>
      </c>
      <c r="L22695" s="6" t="s">
        <v>4151</v>
      </c>
    </row>
    <row r="22696" spans="1:12">
      <c r="A22696" s="6" t="s">
        <v>4151</v>
      </c>
      <c r="B22696" s="6"/>
      <c r="C22696" s="6" t="s">
        <v>22732</v>
      </c>
      <c r="D22696" s="6"/>
      <c r="E22696" s="6" t="s">
        <v>9</v>
      </c>
      <c r="F22696" s="7">
        <v>38657</v>
      </c>
      <c r="G22696" s="8">
        <v>1</v>
      </c>
      <c r="H22696" s="8">
        <v>1</v>
      </c>
      <c r="I22696" s="8">
        <v>0</v>
      </c>
      <c r="J22696" s="8">
        <v>1</v>
      </c>
      <c r="K22696" s="9">
        <v>107</v>
      </c>
      <c r="L22696" s="6" t="s">
        <v>4151</v>
      </c>
    </row>
    <row r="22697" spans="1:12">
      <c r="A22697" s="6" t="s">
        <v>4151</v>
      </c>
      <c r="B22697" s="6"/>
      <c r="C22697" s="6" t="s">
        <v>22733</v>
      </c>
      <c r="D22697" s="6"/>
      <c r="E22697" s="6" t="s">
        <v>9</v>
      </c>
      <c r="F22697" s="7">
        <v>38657</v>
      </c>
      <c r="G22697" s="8">
        <v>1</v>
      </c>
      <c r="H22697" s="8">
        <v>1</v>
      </c>
      <c r="I22697" s="8">
        <v>0</v>
      </c>
      <c r="J22697" s="8">
        <v>1</v>
      </c>
      <c r="K22697" s="9">
        <v>133</v>
      </c>
      <c r="L22697" s="6" t="s">
        <v>4151</v>
      </c>
    </row>
    <row r="22698" spans="1:12">
      <c r="A22698" s="6" t="s">
        <v>4151</v>
      </c>
      <c r="B22698" s="6"/>
      <c r="C22698" s="6" t="s">
        <v>22734</v>
      </c>
      <c r="D22698" s="6"/>
      <c r="E22698" s="6" t="s">
        <v>9</v>
      </c>
      <c r="F22698" s="7">
        <v>38657</v>
      </c>
      <c r="G22698" s="8">
        <v>1</v>
      </c>
      <c r="H22698" s="8">
        <v>1</v>
      </c>
      <c r="I22698" s="8">
        <v>0</v>
      </c>
      <c r="J22698" s="8">
        <v>1</v>
      </c>
      <c r="K22698" s="9">
        <v>199</v>
      </c>
      <c r="L22698" s="6" t="s">
        <v>4151</v>
      </c>
    </row>
    <row r="22699" spans="1:12">
      <c r="A22699" s="6" t="s">
        <v>4151</v>
      </c>
      <c r="B22699" s="6"/>
      <c r="C22699" s="6" t="s">
        <v>22735</v>
      </c>
      <c r="D22699" s="6"/>
      <c r="E22699" s="6" t="s">
        <v>9</v>
      </c>
      <c r="F22699" s="7">
        <v>38657</v>
      </c>
      <c r="G22699" s="8">
        <v>1</v>
      </c>
      <c r="H22699" s="8">
        <v>1</v>
      </c>
      <c r="I22699" s="8">
        <v>0</v>
      </c>
      <c r="J22699" s="8">
        <v>1</v>
      </c>
      <c r="K22699" s="9">
        <v>174</v>
      </c>
      <c r="L22699" s="6" t="s">
        <v>4151</v>
      </c>
    </row>
    <row r="22700" spans="1:12">
      <c r="A22700" s="6" t="s">
        <v>4151</v>
      </c>
      <c r="B22700" s="6"/>
      <c r="C22700" s="6" t="s">
        <v>22736</v>
      </c>
      <c r="D22700" s="6"/>
      <c r="E22700" s="6" t="s">
        <v>9</v>
      </c>
      <c r="F22700" s="7">
        <v>38657</v>
      </c>
      <c r="G22700" s="8">
        <v>1</v>
      </c>
      <c r="H22700" s="8">
        <v>1</v>
      </c>
      <c r="I22700" s="8">
        <v>0</v>
      </c>
      <c r="J22700" s="8">
        <v>1</v>
      </c>
      <c r="K22700" s="9">
        <v>364</v>
      </c>
      <c r="L22700" s="6" t="s">
        <v>4151</v>
      </c>
    </row>
    <row r="22701" spans="1:12">
      <c r="A22701" s="6" t="s">
        <v>4151</v>
      </c>
      <c r="B22701" s="6"/>
      <c r="C22701" s="6" t="s">
        <v>22737</v>
      </c>
      <c r="D22701" s="6"/>
      <c r="E22701" s="6" t="s">
        <v>9</v>
      </c>
      <c r="F22701" s="7">
        <v>38657</v>
      </c>
      <c r="G22701" s="8">
        <v>1</v>
      </c>
      <c r="H22701" s="8">
        <v>1</v>
      </c>
      <c r="I22701" s="8">
        <v>0</v>
      </c>
      <c r="J22701" s="8">
        <v>1</v>
      </c>
      <c r="K22701" s="9">
        <v>188</v>
      </c>
      <c r="L22701" s="6" t="s">
        <v>4151</v>
      </c>
    </row>
    <row r="22702" spans="1:12">
      <c r="A22702" s="6" t="s">
        <v>4151</v>
      </c>
      <c r="B22702" s="6"/>
      <c r="C22702" s="6" t="s">
        <v>22738</v>
      </c>
      <c r="D22702" s="6"/>
      <c r="E22702" s="6" t="s">
        <v>9</v>
      </c>
      <c r="F22702" s="7">
        <v>38657</v>
      </c>
      <c r="G22702" s="8">
        <v>1</v>
      </c>
      <c r="H22702" s="8">
        <v>1</v>
      </c>
      <c r="I22702" s="8">
        <v>0</v>
      </c>
      <c r="J22702" s="8">
        <v>1</v>
      </c>
      <c r="K22702" s="9">
        <v>26</v>
      </c>
      <c r="L22702" s="6" t="s">
        <v>4151</v>
      </c>
    </row>
    <row r="22703" spans="1:12">
      <c r="A22703" s="6" t="s">
        <v>4151</v>
      </c>
      <c r="B22703" s="6"/>
      <c r="C22703" s="6" t="s">
        <v>22739</v>
      </c>
      <c r="D22703" s="6"/>
      <c r="E22703" s="6" t="s">
        <v>9</v>
      </c>
      <c r="F22703" s="7">
        <v>38657</v>
      </c>
      <c r="G22703" s="8">
        <v>1</v>
      </c>
      <c r="H22703" s="8">
        <v>1</v>
      </c>
      <c r="I22703" s="8">
        <v>0</v>
      </c>
      <c r="J22703" s="8">
        <v>1</v>
      </c>
      <c r="K22703" s="9">
        <v>1.31</v>
      </c>
      <c r="L22703" s="6" t="s">
        <v>51</v>
      </c>
    </row>
    <row r="22704" spans="1:12">
      <c r="A22704" s="6" t="s">
        <v>4151</v>
      </c>
      <c r="B22704" s="6"/>
      <c r="C22704" s="6" t="s">
        <v>22740</v>
      </c>
      <c r="D22704" s="6"/>
      <c r="E22704" s="6" t="s">
        <v>9</v>
      </c>
      <c r="F22704" s="7">
        <v>38657</v>
      </c>
      <c r="G22704" s="8">
        <v>1</v>
      </c>
      <c r="H22704" s="8">
        <v>1</v>
      </c>
      <c r="I22704" s="8">
        <v>0</v>
      </c>
      <c r="J22704" s="8">
        <v>1</v>
      </c>
      <c r="K22704" s="9">
        <v>5</v>
      </c>
      <c r="L22704" s="6" t="s">
        <v>4151</v>
      </c>
    </row>
    <row r="22705" spans="1:12">
      <c r="A22705" s="6" t="s">
        <v>4151</v>
      </c>
      <c r="B22705" s="6"/>
      <c r="C22705" s="6" t="s">
        <v>22741</v>
      </c>
      <c r="D22705" s="6"/>
      <c r="E22705" s="6" t="s">
        <v>9</v>
      </c>
      <c r="F22705" s="7">
        <v>38657</v>
      </c>
      <c r="G22705" s="8">
        <v>1</v>
      </c>
      <c r="H22705" s="8">
        <v>1</v>
      </c>
      <c r="I22705" s="8">
        <v>0</v>
      </c>
      <c r="J22705" s="8">
        <v>1</v>
      </c>
      <c r="K22705" s="9">
        <v>1.35</v>
      </c>
      <c r="L22705" s="6" t="s">
        <v>4151</v>
      </c>
    </row>
    <row r="22706" spans="1:12">
      <c r="A22706" s="6" t="s">
        <v>4151</v>
      </c>
      <c r="B22706" s="6"/>
      <c r="C22706" s="6" t="s">
        <v>22742</v>
      </c>
      <c r="D22706" s="6"/>
      <c r="E22706" s="6" t="s">
        <v>9</v>
      </c>
      <c r="F22706" s="7">
        <v>38657</v>
      </c>
      <c r="G22706" s="8">
        <v>1</v>
      </c>
      <c r="H22706" s="8">
        <v>1</v>
      </c>
      <c r="I22706" s="8">
        <v>0</v>
      </c>
      <c r="J22706" s="8">
        <v>1</v>
      </c>
      <c r="K22706" s="9">
        <v>54.48</v>
      </c>
      <c r="L22706" s="6" t="s">
        <v>4151</v>
      </c>
    </row>
    <row r="22707" spans="1:12">
      <c r="A22707" s="6" t="s">
        <v>4151</v>
      </c>
      <c r="B22707" s="6"/>
      <c r="C22707" s="6" t="s">
        <v>22743</v>
      </c>
      <c r="D22707" s="6"/>
      <c r="E22707" s="6" t="s">
        <v>9</v>
      </c>
      <c r="F22707" s="7">
        <v>38657</v>
      </c>
      <c r="G22707" s="8">
        <v>1</v>
      </c>
      <c r="H22707" s="8">
        <v>1</v>
      </c>
      <c r="I22707" s="8">
        <v>0</v>
      </c>
      <c r="J22707" s="8">
        <v>1</v>
      </c>
      <c r="K22707" s="9">
        <v>71</v>
      </c>
      <c r="L22707" s="6" t="s">
        <v>4151</v>
      </c>
    </row>
    <row r="22708" spans="1:12">
      <c r="A22708" s="6" t="s">
        <v>4151</v>
      </c>
      <c r="B22708" s="6"/>
      <c r="C22708" s="6" t="s">
        <v>22744</v>
      </c>
      <c r="D22708" s="6"/>
      <c r="E22708" s="6" t="s">
        <v>9</v>
      </c>
      <c r="F22708" s="7">
        <v>38657</v>
      </c>
      <c r="G22708" s="8">
        <v>1</v>
      </c>
      <c r="H22708" s="8">
        <v>1</v>
      </c>
      <c r="I22708" s="8">
        <v>0</v>
      </c>
      <c r="J22708" s="8">
        <v>1</v>
      </c>
      <c r="K22708" s="9">
        <v>29.75</v>
      </c>
      <c r="L22708" s="6" t="s">
        <v>4151</v>
      </c>
    </row>
    <row r="22709" spans="1:12">
      <c r="A22709" s="6" t="s">
        <v>4151</v>
      </c>
      <c r="B22709" s="6"/>
      <c r="C22709" s="6" t="s">
        <v>22745</v>
      </c>
      <c r="D22709" s="6"/>
      <c r="E22709" s="6" t="s">
        <v>9</v>
      </c>
      <c r="F22709" s="7">
        <v>38657</v>
      </c>
      <c r="G22709" s="8">
        <v>1</v>
      </c>
      <c r="H22709" s="8">
        <v>1</v>
      </c>
      <c r="I22709" s="8">
        <v>0</v>
      </c>
      <c r="J22709" s="8">
        <v>1</v>
      </c>
      <c r="K22709" s="9">
        <v>9.2100000000000009</v>
      </c>
      <c r="L22709" s="6" t="s">
        <v>4151</v>
      </c>
    </row>
    <row r="22710" spans="1:12">
      <c r="A22710" s="6" t="s">
        <v>4151</v>
      </c>
      <c r="B22710" s="6"/>
      <c r="C22710" s="6" t="s">
        <v>22746</v>
      </c>
      <c r="D22710" s="6"/>
      <c r="E22710" s="6" t="s">
        <v>9</v>
      </c>
      <c r="F22710" s="7">
        <v>38657</v>
      </c>
      <c r="G22710" s="8">
        <v>1</v>
      </c>
      <c r="H22710" s="8">
        <v>1</v>
      </c>
      <c r="I22710" s="8">
        <v>0</v>
      </c>
      <c r="J22710" s="8">
        <v>1</v>
      </c>
      <c r="K22710" s="9">
        <v>85</v>
      </c>
      <c r="L22710" s="6" t="s">
        <v>4151</v>
      </c>
    </row>
    <row r="22711" spans="1:12">
      <c r="A22711" s="6" t="s">
        <v>4151</v>
      </c>
      <c r="B22711" s="6"/>
      <c r="C22711" s="6" t="s">
        <v>22747</v>
      </c>
      <c r="D22711" s="6"/>
      <c r="E22711" s="6" t="s">
        <v>9</v>
      </c>
      <c r="F22711" s="7">
        <v>38657</v>
      </c>
      <c r="G22711" s="8">
        <v>1</v>
      </c>
      <c r="H22711" s="8">
        <v>1</v>
      </c>
      <c r="I22711" s="8">
        <v>0</v>
      </c>
      <c r="J22711" s="8">
        <v>1</v>
      </c>
      <c r="K22711" s="9">
        <v>16</v>
      </c>
      <c r="L22711" s="6" t="s">
        <v>4151</v>
      </c>
    </row>
    <row r="22712" spans="1:12">
      <c r="A22712" s="6" t="s">
        <v>4151</v>
      </c>
      <c r="B22712" s="6"/>
      <c r="C22712" s="6" t="s">
        <v>22748</v>
      </c>
      <c r="D22712" s="6"/>
      <c r="E22712" s="6" t="s">
        <v>9</v>
      </c>
      <c r="F22712" s="7">
        <v>38657</v>
      </c>
      <c r="G22712" s="8">
        <v>1</v>
      </c>
      <c r="H22712" s="8">
        <v>1</v>
      </c>
      <c r="I22712" s="8">
        <v>0</v>
      </c>
      <c r="J22712" s="8">
        <v>1</v>
      </c>
      <c r="K22712" s="9">
        <v>0.86</v>
      </c>
      <c r="L22712" s="6" t="s">
        <v>4151</v>
      </c>
    </row>
    <row r="22713" spans="1:12">
      <c r="A22713" s="6" t="s">
        <v>4151</v>
      </c>
      <c r="B22713" s="6"/>
      <c r="C22713" s="6" t="s">
        <v>22749</v>
      </c>
      <c r="D22713" s="6"/>
      <c r="E22713" s="6" t="s">
        <v>9</v>
      </c>
      <c r="F22713" s="7">
        <v>38657</v>
      </c>
      <c r="G22713" s="8">
        <v>1</v>
      </c>
      <c r="H22713" s="8">
        <v>1</v>
      </c>
      <c r="I22713" s="8">
        <v>0</v>
      </c>
      <c r="J22713" s="8">
        <v>1</v>
      </c>
      <c r="K22713" s="9">
        <v>68</v>
      </c>
      <c r="L22713" s="6" t="s">
        <v>4151</v>
      </c>
    </row>
    <row r="22714" spans="1:12">
      <c r="A22714" s="6" t="s">
        <v>4151</v>
      </c>
      <c r="B22714" s="6"/>
      <c r="C22714" s="6" t="s">
        <v>22750</v>
      </c>
      <c r="D22714" s="6"/>
      <c r="E22714" s="6" t="s">
        <v>9</v>
      </c>
      <c r="F22714" s="7">
        <v>38657</v>
      </c>
      <c r="G22714" s="8">
        <v>1</v>
      </c>
      <c r="H22714" s="8">
        <v>1</v>
      </c>
      <c r="I22714" s="8">
        <v>0</v>
      </c>
      <c r="J22714" s="8">
        <v>1</v>
      </c>
      <c r="K22714" s="9">
        <v>176</v>
      </c>
      <c r="L22714" s="6" t="s">
        <v>4151</v>
      </c>
    </row>
    <row r="22715" spans="1:12">
      <c r="A22715" s="6" t="s">
        <v>4151</v>
      </c>
      <c r="B22715" s="6"/>
      <c r="C22715" s="6" t="s">
        <v>22751</v>
      </c>
      <c r="D22715" s="6"/>
      <c r="E22715" s="6" t="s">
        <v>9</v>
      </c>
      <c r="F22715" s="7">
        <v>38657</v>
      </c>
      <c r="G22715" s="8">
        <v>1</v>
      </c>
      <c r="H22715" s="8">
        <v>1</v>
      </c>
      <c r="I22715" s="8">
        <v>0</v>
      </c>
      <c r="J22715" s="8">
        <v>1</v>
      </c>
      <c r="K22715" s="9">
        <v>217</v>
      </c>
      <c r="L22715" s="6" t="s">
        <v>4151</v>
      </c>
    </row>
    <row r="22716" spans="1:12">
      <c r="A22716" s="6" t="s">
        <v>4151</v>
      </c>
      <c r="B22716" s="6"/>
      <c r="C22716" s="6" t="s">
        <v>22752</v>
      </c>
      <c r="D22716" s="6"/>
      <c r="E22716" s="6" t="s">
        <v>9</v>
      </c>
      <c r="F22716" s="7">
        <v>38657</v>
      </c>
      <c r="G22716" s="8">
        <v>1</v>
      </c>
      <c r="H22716" s="8">
        <v>1</v>
      </c>
      <c r="I22716" s="8">
        <v>0</v>
      </c>
      <c r="J22716" s="8">
        <v>1</v>
      </c>
      <c r="K22716" s="9">
        <v>45</v>
      </c>
      <c r="L22716" s="6" t="s">
        <v>4151</v>
      </c>
    </row>
    <row r="22717" spans="1:12">
      <c r="A22717" s="6" t="s">
        <v>4151</v>
      </c>
      <c r="B22717" s="6"/>
      <c r="C22717" s="6" t="s">
        <v>22753</v>
      </c>
      <c r="D22717" s="6"/>
      <c r="E22717" s="6" t="s">
        <v>9</v>
      </c>
      <c r="F22717" s="7">
        <v>38657</v>
      </c>
      <c r="G22717" s="8">
        <v>1</v>
      </c>
      <c r="H22717" s="8">
        <v>1</v>
      </c>
      <c r="I22717" s="8">
        <v>0</v>
      </c>
      <c r="J22717" s="8">
        <v>1</v>
      </c>
      <c r="K22717" s="9">
        <v>9.74</v>
      </c>
      <c r="L22717" s="6" t="s">
        <v>4151</v>
      </c>
    </row>
    <row r="22718" spans="1:12">
      <c r="A22718" s="6" t="s">
        <v>4151</v>
      </c>
      <c r="B22718" s="6"/>
      <c r="C22718" s="6" t="s">
        <v>22754</v>
      </c>
      <c r="D22718" s="6"/>
      <c r="E22718" s="6" t="s">
        <v>9</v>
      </c>
      <c r="F22718" s="7">
        <v>38657</v>
      </c>
      <c r="G22718" s="8">
        <v>1</v>
      </c>
      <c r="H22718" s="8">
        <v>1</v>
      </c>
      <c r="I22718" s="8">
        <v>0</v>
      </c>
      <c r="J22718" s="8">
        <v>1</v>
      </c>
      <c r="K22718" s="9">
        <v>32</v>
      </c>
      <c r="L22718" s="6" t="s">
        <v>4151</v>
      </c>
    </row>
    <row r="22719" spans="1:12">
      <c r="A22719" s="6" t="s">
        <v>4151</v>
      </c>
      <c r="B22719" s="6"/>
      <c r="C22719" s="6" t="s">
        <v>22755</v>
      </c>
      <c r="D22719" s="6"/>
      <c r="E22719" s="6" t="s">
        <v>9</v>
      </c>
      <c r="F22719" s="7">
        <v>38657</v>
      </c>
      <c r="G22719" s="8">
        <v>1</v>
      </c>
      <c r="H22719" s="8">
        <v>1</v>
      </c>
      <c r="I22719" s="8">
        <v>0</v>
      </c>
      <c r="J22719" s="8">
        <v>1</v>
      </c>
      <c r="K22719" s="9">
        <v>2.38</v>
      </c>
      <c r="L22719" s="6" t="s">
        <v>4151</v>
      </c>
    </row>
    <row r="22720" spans="1:12">
      <c r="A22720" s="6" t="s">
        <v>4151</v>
      </c>
      <c r="B22720" s="6"/>
      <c r="C22720" s="6" t="s">
        <v>22756</v>
      </c>
      <c r="D22720" s="6"/>
      <c r="E22720" s="6" t="s">
        <v>9</v>
      </c>
      <c r="F22720" s="7">
        <v>38657</v>
      </c>
      <c r="G22720" s="8">
        <v>1</v>
      </c>
      <c r="H22720" s="8">
        <v>1</v>
      </c>
      <c r="I22720" s="8">
        <v>0</v>
      </c>
      <c r="J22720" s="8">
        <v>1</v>
      </c>
      <c r="K22720" s="9">
        <v>7.62</v>
      </c>
      <c r="L22720" s="6" t="s">
        <v>4151</v>
      </c>
    </row>
    <row r="22721" spans="1:12">
      <c r="A22721" s="6" t="s">
        <v>4151</v>
      </c>
      <c r="B22721" s="6"/>
      <c r="C22721" s="6" t="s">
        <v>22757</v>
      </c>
      <c r="D22721" s="6"/>
      <c r="E22721" s="6" t="s">
        <v>9</v>
      </c>
      <c r="F22721" s="7">
        <v>38657</v>
      </c>
      <c r="G22721" s="8">
        <v>1</v>
      </c>
      <c r="H22721" s="8">
        <v>1</v>
      </c>
      <c r="I22721" s="8">
        <v>0</v>
      </c>
      <c r="J22721" s="8">
        <v>1</v>
      </c>
      <c r="K22721" s="9">
        <v>4.0599999999999898</v>
      </c>
      <c r="L22721" s="6" t="s">
        <v>4151</v>
      </c>
    </row>
    <row r="22722" spans="1:12">
      <c r="A22722" s="6" t="s">
        <v>4151</v>
      </c>
      <c r="B22722" s="6"/>
      <c r="C22722" s="6" t="s">
        <v>22758</v>
      </c>
      <c r="D22722" s="6"/>
      <c r="E22722" s="6" t="s">
        <v>9</v>
      </c>
      <c r="F22722" s="7">
        <v>38657</v>
      </c>
      <c r="G22722" s="8">
        <v>1</v>
      </c>
      <c r="H22722" s="8">
        <v>1</v>
      </c>
      <c r="I22722" s="8">
        <v>0</v>
      </c>
      <c r="J22722" s="8">
        <v>1</v>
      </c>
      <c r="K22722" s="9">
        <v>27</v>
      </c>
      <c r="L22722" s="6" t="s">
        <v>4151</v>
      </c>
    </row>
    <row r="22723" spans="1:12">
      <c r="A22723" s="6" t="s">
        <v>4151</v>
      </c>
      <c r="B22723" s="6"/>
      <c r="C22723" s="6" t="s">
        <v>22759</v>
      </c>
      <c r="D22723" s="6"/>
      <c r="E22723" s="6" t="s">
        <v>9</v>
      </c>
      <c r="F22723" s="7">
        <v>38657</v>
      </c>
      <c r="G22723" s="8">
        <v>1</v>
      </c>
      <c r="H22723" s="8">
        <v>1</v>
      </c>
      <c r="I22723" s="8">
        <v>0</v>
      </c>
      <c r="J22723" s="8">
        <v>1</v>
      </c>
      <c r="K22723" s="9">
        <v>11</v>
      </c>
      <c r="L22723" s="6" t="s">
        <v>4151</v>
      </c>
    </row>
    <row r="22724" spans="1:12">
      <c r="A22724" s="6" t="s">
        <v>4151</v>
      </c>
      <c r="B22724" s="6"/>
      <c r="C22724" s="6" t="s">
        <v>22760</v>
      </c>
      <c r="D22724" s="6"/>
      <c r="E22724" s="6" t="s">
        <v>9</v>
      </c>
      <c r="F22724" s="7">
        <v>38657</v>
      </c>
      <c r="G22724" s="8">
        <v>1</v>
      </c>
      <c r="H22724" s="8">
        <v>1</v>
      </c>
      <c r="I22724" s="8">
        <v>0</v>
      </c>
      <c r="J22724" s="8">
        <v>1</v>
      </c>
      <c r="K22724" s="9">
        <v>54</v>
      </c>
      <c r="L22724" s="6" t="s">
        <v>4151</v>
      </c>
    </row>
    <row r="22725" spans="1:12">
      <c r="A22725" s="6" t="s">
        <v>4151</v>
      </c>
      <c r="B22725" s="6"/>
      <c r="C22725" s="6" t="s">
        <v>22761</v>
      </c>
      <c r="D22725" s="6"/>
      <c r="E22725" s="6" t="s">
        <v>9</v>
      </c>
      <c r="F22725" s="7">
        <v>38657</v>
      </c>
      <c r="G22725" s="8">
        <v>1</v>
      </c>
      <c r="H22725" s="8">
        <v>1</v>
      </c>
      <c r="I22725" s="8">
        <v>0</v>
      </c>
      <c r="J22725" s="8">
        <v>1</v>
      </c>
      <c r="K22725" s="9">
        <v>2.94</v>
      </c>
      <c r="L22725" s="6" t="s">
        <v>4151</v>
      </c>
    </row>
    <row r="22726" spans="1:12">
      <c r="A22726" s="6" t="s">
        <v>4151</v>
      </c>
      <c r="B22726" s="6"/>
      <c r="C22726" s="6" t="s">
        <v>22762</v>
      </c>
      <c r="D22726" s="6"/>
      <c r="E22726" s="6" t="s">
        <v>9</v>
      </c>
      <c r="F22726" s="7">
        <v>38657</v>
      </c>
      <c r="G22726" s="8">
        <v>1</v>
      </c>
      <c r="H22726" s="8">
        <v>1</v>
      </c>
      <c r="I22726" s="8">
        <v>0</v>
      </c>
      <c r="J22726" s="8">
        <v>1</v>
      </c>
      <c r="K22726" s="9">
        <v>3.29</v>
      </c>
      <c r="L22726" s="6" t="s">
        <v>4151</v>
      </c>
    </row>
    <row r="22727" spans="1:12">
      <c r="A22727" s="6" t="s">
        <v>4151</v>
      </c>
      <c r="B22727" s="6"/>
      <c r="C22727" s="6" t="s">
        <v>22763</v>
      </c>
      <c r="D22727" s="6"/>
      <c r="E22727" s="6" t="s">
        <v>9</v>
      </c>
      <c r="F22727" s="7">
        <v>38657</v>
      </c>
      <c r="G22727" s="8">
        <v>1</v>
      </c>
      <c r="H22727" s="8">
        <v>1</v>
      </c>
      <c r="I22727" s="8">
        <v>0</v>
      </c>
      <c r="J22727" s="8">
        <v>1</v>
      </c>
      <c r="K22727" s="9">
        <v>9.4700000000000006</v>
      </c>
      <c r="L22727" s="6" t="s">
        <v>4151</v>
      </c>
    </row>
    <row r="22728" spans="1:12">
      <c r="A22728" s="6" t="s">
        <v>4151</v>
      </c>
      <c r="B22728" s="6"/>
      <c r="C22728" s="6" t="s">
        <v>22764</v>
      </c>
      <c r="D22728" s="6"/>
      <c r="E22728" s="6" t="s">
        <v>9</v>
      </c>
      <c r="F22728" s="7">
        <v>38657</v>
      </c>
      <c r="G22728" s="8">
        <v>1</v>
      </c>
      <c r="H22728" s="8">
        <v>1</v>
      </c>
      <c r="I22728" s="8">
        <v>0</v>
      </c>
      <c r="J22728" s="8">
        <v>1</v>
      </c>
      <c r="K22728" s="9">
        <v>5.0599999999999898</v>
      </c>
      <c r="L22728" s="6" t="s">
        <v>4151</v>
      </c>
    </row>
    <row r="22729" spans="1:12">
      <c r="A22729" s="6" t="s">
        <v>4151</v>
      </c>
      <c r="B22729" s="6"/>
      <c r="C22729" s="6" t="s">
        <v>22765</v>
      </c>
      <c r="D22729" s="6"/>
      <c r="E22729" s="6" t="s">
        <v>9</v>
      </c>
      <c r="F22729" s="7">
        <v>38657</v>
      </c>
      <c r="G22729" s="8">
        <v>1</v>
      </c>
      <c r="H22729" s="8">
        <v>1</v>
      </c>
      <c r="I22729" s="8">
        <v>0</v>
      </c>
      <c r="J22729" s="8">
        <v>1</v>
      </c>
      <c r="K22729" s="9">
        <v>17</v>
      </c>
      <c r="L22729" s="6" t="s">
        <v>4151</v>
      </c>
    </row>
    <row r="22730" spans="1:12">
      <c r="A22730" s="6" t="s">
        <v>4151</v>
      </c>
      <c r="B22730" s="6"/>
      <c r="C22730" s="6" t="s">
        <v>22766</v>
      </c>
      <c r="D22730" s="6"/>
      <c r="E22730" s="6" t="s">
        <v>9</v>
      </c>
      <c r="F22730" s="7">
        <v>38657</v>
      </c>
      <c r="G22730" s="8">
        <v>1</v>
      </c>
      <c r="H22730" s="8">
        <v>1</v>
      </c>
      <c r="I22730" s="8">
        <v>0</v>
      </c>
      <c r="J22730" s="8">
        <v>1</v>
      </c>
      <c r="K22730" s="9">
        <v>10</v>
      </c>
      <c r="L22730" s="6" t="s">
        <v>4151</v>
      </c>
    </row>
    <row r="22731" spans="1:12">
      <c r="A22731" s="6" t="s">
        <v>4151</v>
      </c>
      <c r="B22731" s="6"/>
      <c r="C22731" s="6" t="s">
        <v>22767</v>
      </c>
      <c r="D22731" s="6"/>
      <c r="E22731" s="6" t="s">
        <v>9</v>
      </c>
      <c r="F22731" s="7">
        <v>38657</v>
      </c>
      <c r="G22731" s="8">
        <v>1</v>
      </c>
      <c r="H22731" s="8">
        <v>1</v>
      </c>
      <c r="I22731" s="8">
        <v>0</v>
      </c>
      <c r="J22731" s="8">
        <v>1</v>
      </c>
      <c r="K22731" s="9">
        <v>42</v>
      </c>
      <c r="L22731" s="6" t="s">
        <v>4151</v>
      </c>
    </row>
    <row r="22732" spans="1:12">
      <c r="A22732" s="6" t="s">
        <v>4151</v>
      </c>
      <c r="B22732" s="6"/>
      <c r="C22732" s="6" t="s">
        <v>22768</v>
      </c>
      <c r="D22732" s="6"/>
      <c r="E22732" s="6" t="s">
        <v>9</v>
      </c>
      <c r="F22732" s="7">
        <v>38657</v>
      </c>
      <c r="G22732" s="8">
        <v>1</v>
      </c>
      <c r="H22732" s="8">
        <v>1</v>
      </c>
      <c r="I22732" s="8">
        <v>0</v>
      </c>
      <c r="J22732" s="8">
        <v>1</v>
      </c>
      <c r="K22732" s="9">
        <v>47</v>
      </c>
      <c r="L22732" s="6" t="s">
        <v>4151</v>
      </c>
    </row>
    <row r="22733" spans="1:12">
      <c r="A22733" s="6" t="s">
        <v>4151</v>
      </c>
      <c r="B22733" s="6"/>
      <c r="C22733" s="6" t="s">
        <v>22769</v>
      </c>
      <c r="D22733" s="6"/>
      <c r="E22733" s="6" t="s">
        <v>9</v>
      </c>
      <c r="F22733" s="7">
        <v>38657</v>
      </c>
      <c r="G22733" s="8">
        <v>1</v>
      </c>
      <c r="H22733" s="8">
        <v>1</v>
      </c>
      <c r="I22733" s="8">
        <v>0</v>
      </c>
      <c r="J22733" s="8">
        <v>1</v>
      </c>
      <c r="K22733" s="9">
        <v>15</v>
      </c>
      <c r="L22733" s="6" t="s">
        <v>4151</v>
      </c>
    </row>
    <row r="22734" spans="1:12">
      <c r="A22734" s="6" t="s">
        <v>4151</v>
      </c>
      <c r="B22734" s="6"/>
      <c r="C22734" s="6" t="s">
        <v>22770</v>
      </c>
      <c r="D22734" s="6"/>
      <c r="E22734" s="6" t="s">
        <v>9</v>
      </c>
      <c r="F22734" s="7">
        <v>38657</v>
      </c>
      <c r="G22734" s="8">
        <v>1</v>
      </c>
      <c r="H22734" s="8">
        <v>1</v>
      </c>
      <c r="I22734" s="8">
        <v>0</v>
      </c>
      <c r="J22734" s="8">
        <v>1</v>
      </c>
      <c r="K22734" s="9">
        <v>30</v>
      </c>
      <c r="L22734" s="6" t="s">
        <v>4151</v>
      </c>
    </row>
    <row r="22735" spans="1:12">
      <c r="A22735" s="6" t="s">
        <v>4151</v>
      </c>
      <c r="B22735" s="6"/>
      <c r="C22735" s="6" t="s">
        <v>22771</v>
      </c>
      <c r="D22735" s="6"/>
      <c r="E22735" s="6" t="s">
        <v>9</v>
      </c>
      <c r="F22735" s="7">
        <v>38657</v>
      </c>
      <c r="G22735" s="8">
        <v>1</v>
      </c>
      <c r="H22735" s="8">
        <v>1</v>
      </c>
      <c r="I22735" s="8">
        <v>0</v>
      </c>
      <c r="J22735" s="8">
        <v>1</v>
      </c>
      <c r="K22735" s="9">
        <v>487</v>
      </c>
      <c r="L22735" s="6" t="s">
        <v>4151</v>
      </c>
    </row>
    <row r="22736" spans="1:12">
      <c r="A22736" s="6" t="s">
        <v>4151</v>
      </c>
      <c r="B22736" s="6"/>
      <c r="C22736" s="6" t="s">
        <v>22772</v>
      </c>
      <c r="D22736" s="6"/>
      <c r="E22736" s="6" t="s">
        <v>9</v>
      </c>
      <c r="F22736" s="7">
        <v>38657</v>
      </c>
      <c r="G22736" s="8">
        <v>1</v>
      </c>
      <c r="H22736" s="8">
        <v>1</v>
      </c>
      <c r="I22736" s="8">
        <v>0</v>
      </c>
      <c r="J22736" s="8">
        <v>1</v>
      </c>
      <c r="K22736" s="9">
        <v>38</v>
      </c>
      <c r="L22736" s="6" t="s">
        <v>4151</v>
      </c>
    </row>
    <row r="22737" spans="1:12">
      <c r="A22737" s="6" t="s">
        <v>4151</v>
      </c>
      <c r="B22737" s="6"/>
      <c r="C22737" s="6" t="s">
        <v>22773</v>
      </c>
      <c r="D22737" s="6"/>
      <c r="E22737" s="6" t="s">
        <v>9</v>
      </c>
      <c r="F22737" s="7">
        <v>38657</v>
      </c>
      <c r="G22737" s="8">
        <v>1</v>
      </c>
      <c r="H22737" s="8">
        <v>1</v>
      </c>
      <c r="I22737" s="8">
        <v>0</v>
      </c>
      <c r="J22737" s="8">
        <v>1</v>
      </c>
      <c r="K22737" s="9">
        <v>36</v>
      </c>
      <c r="L22737" s="6" t="s">
        <v>4151</v>
      </c>
    </row>
    <row r="22738" spans="1:12">
      <c r="A22738" s="6" t="s">
        <v>4151</v>
      </c>
      <c r="B22738" s="6"/>
      <c r="C22738" s="6" t="s">
        <v>22774</v>
      </c>
      <c r="D22738" s="6"/>
      <c r="E22738" s="6" t="s">
        <v>9</v>
      </c>
      <c r="F22738" s="7">
        <v>38657</v>
      </c>
      <c r="G22738" s="8">
        <v>1</v>
      </c>
      <c r="H22738" s="8">
        <v>1</v>
      </c>
      <c r="I22738" s="8">
        <v>0</v>
      </c>
      <c r="J22738" s="8">
        <v>1</v>
      </c>
      <c r="K22738" s="9">
        <v>1.33</v>
      </c>
      <c r="L22738" s="6" t="s">
        <v>4151</v>
      </c>
    </row>
    <row r="22739" spans="1:12">
      <c r="A22739" s="6" t="s">
        <v>4151</v>
      </c>
      <c r="B22739" s="6"/>
      <c r="C22739" s="6" t="s">
        <v>22775</v>
      </c>
      <c r="D22739" s="6"/>
      <c r="E22739" s="6" t="s">
        <v>9</v>
      </c>
      <c r="F22739" s="7">
        <v>38657</v>
      </c>
      <c r="G22739" s="8">
        <v>1</v>
      </c>
      <c r="H22739" s="8">
        <v>1</v>
      </c>
      <c r="I22739" s="8">
        <v>0</v>
      </c>
      <c r="J22739" s="8">
        <v>1</v>
      </c>
      <c r="K22739" s="9">
        <v>61</v>
      </c>
      <c r="L22739" s="6" t="s">
        <v>4151</v>
      </c>
    </row>
    <row r="22740" spans="1:12">
      <c r="A22740" s="6" t="s">
        <v>4151</v>
      </c>
      <c r="B22740" s="6"/>
      <c r="C22740" s="6" t="s">
        <v>22776</v>
      </c>
      <c r="D22740" s="6"/>
      <c r="E22740" s="6" t="s">
        <v>9</v>
      </c>
      <c r="F22740" s="7">
        <v>38657</v>
      </c>
      <c r="G22740" s="8">
        <v>1</v>
      </c>
      <c r="H22740" s="8">
        <v>1</v>
      </c>
      <c r="I22740" s="8">
        <v>0</v>
      </c>
      <c r="J22740" s="8">
        <v>1</v>
      </c>
      <c r="K22740" s="9">
        <v>13.34</v>
      </c>
      <c r="L22740" s="6" t="s">
        <v>4151</v>
      </c>
    </row>
    <row r="22741" spans="1:12">
      <c r="A22741" s="6" t="s">
        <v>4151</v>
      </c>
      <c r="B22741" s="6"/>
      <c r="C22741" s="6" t="s">
        <v>22777</v>
      </c>
      <c r="D22741" s="6"/>
      <c r="E22741" s="6" t="s">
        <v>9</v>
      </c>
      <c r="F22741" s="7">
        <v>38657</v>
      </c>
      <c r="G22741" s="8">
        <v>1</v>
      </c>
      <c r="H22741" s="8">
        <v>1</v>
      </c>
      <c r="I22741" s="8">
        <v>0</v>
      </c>
      <c r="J22741" s="8">
        <v>1</v>
      </c>
      <c r="K22741" s="9">
        <v>101</v>
      </c>
      <c r="L22741" s="6" t="s">
        <v>4151</v>
      </c>
    </row>
    <row r="22742" spans="1:12">
      <c r="A22742" s="6" t="s">
        <v>4151</v>
      </c>
      <c r="B22742" s="6"/>
      <c r="C22742" s="6" t="s">
        <v>22778</v>
      </c>
      <c r="D22742" s="6"/>
      <c r="E22742" s="6" t="s">
        <v>9</v>
      </c>
      <c r="F22742" s="7">
        <v>38657</v>
      </c>
      <c r="G22742" s="8">
        <v>1</v>
      </c>
      <c r="H22742" s="8">
        <v>1</v>
      </c>
      <c r="I22742" s="8">
        <v>0</v>
      </c>
      <c r="J22742" s="8">
        <v>1</v>
      </c>
      <c r="K22742" s="9">
        <v>137</v>
      </c>
      <c r="L22742" s="6" t="s">
        <v>4151</v>
      </c>
    </row>
    <row r="22743" spans="1:12">
      <c r="A22743" s="6" t="s">
        <v>4151</v>
      </c>
      <c r="B22743" s="6"/>
      <c r="C22743" s="6" t="s">
        <v>22779</v>
      </c>
      <c r="D22743" s="6"/>
      <c r="E22743" s="6" t="s">
        <v>9</v>
      </c>
      <c r="F22743" s="7">
        <v>38657</v>
      </c>
      <c r="G22743" s="8">
        <v>1</v>
      </c>
      <c r="H22743" s="8">
        <v>1</v>
      </c>
      <c r="I22743" s="8">
        <v>0</v>
      </c>
      <c r="J22743" s="8">
        <v>1</v>
      </c>
      <c r="K22743" s="9">
        <v>100</v>
      </c>
      <c r="L22743" s="6" t="s">
        <v>4151</v>
      </c>
    </row>
    <row r="22744" spans="1:12">
      <c r="A22744" s="6" t="s">
        <v>4151</v>
      </c>
      <c r="B22744" s="6"/>
      <c r="C22744" s="6" t="s">
        <v>22780</v>
      </c>
      <c r="D22744" s="6"/>
      <c r="E22744" s="6" t="s">
        <v>9</v>
      </c>
      <c r="F22744" s="7">
        <v>38657</v>
      </c>
      <c r="G22744" s="8">
        <v>1</v>
      </c>
      <c r="H22744" s="8">
        <v>1</v>
      </c>
      <c r="I22744" s="8">
        <v>0</v>
      </c>
      <c r="J22744" s="8">
        <v>1</v>
      </c>
      <c r="K22744" s="9">
        <v>98</v>
      </c>
      <c r="L22744" s="6" t="s">
        <v>4151</v>
      </c>
    </row>
    <row r="22745" spans="1:12">
      <c r="A22745" s="6" t="s">
        <v>4151</v>
      </c>
      <c r="B22745" s="6"/>
      <c r="C22745" s="6" t="s">
        <v>22781</v>
      </c>
      <c r="D22745" s="6"/>
      <c r="E22745" s="6" t="s">
        <v>9</v>
      </c>
      <c r="F22745" s="7">
        <v>38657</v>
      </c>
      <c r="G22745" s="8">
        <v>1</v>
      </c>
      <c r="H22745" s="8">
        <v>1</v>
      </c>
      <c r="I22745" s="8">
        <v>0</v>
      </c>
      <c r="J22745" s="8">
        <v>1</v>
      </c>
      <c r="K22745" s="9">
        <v>92</v>
      </c>
      <c r="L22745" s="6" t="s">
        <v>4151</v>
      </c>
    </row>
    <row r="22746" spans="1:12">
      <c r="A22746" s="6" t="s">
        <v>4151</v>
      </c>
      <c r="B22746" s="6"/>
      <c r="C22746" s="6" t="s">
        <v>22782</v>
      </c>
      <c r="D22746" s="6"/>
      <c r="E22746" s="6" t="s">
        <v>9</v>
      </c>
      <c r="F22746" s="7">
        <v>38657</v>
      </c>
      <c r="G22746" s="8">
        <v>1</v>
      </c>
      <c r="H22746" s="8">
        <v>1</v>
      </c>
      <c r="I22746" s="8">
        <v>0</v>
      </c>
      <c r="J22746" s="8">
        <v>1</v>
      </c>
      <c r="K22746" s="9">
        <v>192</v>
      </c>
      <c r="L22746" s="6" t="s">
        <v>4151</v>
      </c>
    </row>
    <row r="22747" spans="1:12">
      <c r="A22747" s="6" t="s">
        <v>4151</v>
      </c>
      <c r="B22747" s="6"/>
      <c r="C22747" s="6" t="s">
        <v>22783</v>
      </c>
      <c r="D22747" s="6"/>
      <c r="E22747" s="6" t="s">
        <v>9</v>
      </c>
      <c r="F22747" s="7">
        <v>38657</v>
      </c>
      <c r="G22747" s="8">
        <v>1</v>
      </c>
      <c r="H22747" s="8">
        <v>1</v>
      </c>
      <c r="I22747" s="8">
        <v>0</v>
      </c>
      <c r="J22747" s="8">
        <v>1</v>
      </c>
      <c r="K22747" s="9">
        <v>47</v>
      </c>
      <c r="L22747" s="6" t="s">
        <v>4151</v>
      </c>
    </row>
    <row r="22748" spans="1:12">
      <c r="A22748" s="6" t="s">
        <v>4151</v>
      </c>
      <c r="B22748" s="6"/>
      <c r="C22748" s="6" t="s">
        <v>22784</v>
      </c>
      <c r="D22748" s="6"/>
      <c r="E22748" s="6" t="s">
        <v>9</v>
      </c>
      <c r="F22748" s="7">
        <v>38657</v>
      </c>
      <c r="G22748" s="8">
        <v>1</v>
      </c>
      <c r="H22748" s="8">
        <v>1</v>
      </c>
      <c r="I22748" s="8">
        <v>0</v>
      </c>
      <c r="J22748" s="8">
        <v>1</v>
      </c>
      <c r="K22748" s="9">
        <v>48</v>
      </c>
      <c r="L22748" s="6" t="s">
        <v>4151</v>
      </c>
    </row>
    <row r="22749" spans="1:12">
      <c r="A22749" s="6" t="s">
        <v>4151</v>
      </c>
      <c r="B22749" s="6"/>
      <c r="C22749" s="6" t="s">
        <v>22785</v>
      </c>
      <c r="D22749" s="6"/>
      <c r="E22749" s="6" t="s">
        <v>9</v>
      </c>
      <c r="F22749" s="7">
        <v>38657</v>
      </c>
      <c r="G22749" s="8">
        <v>1</v>
      </c>
      <c r="H22749" s="8">
        <v>1</v>
      </c>
      <c r="I22749" s="8">
        <v>0</v>
      </c>
      <c r="J22749" s="8">
        <v>1</v>
      </c>
      <c r="K22749" s="9">
        <v>96</v>
      </c>
      <c r="L22749" s="6" t="s">
        <v>4151</v>
      </c>
    </row>
    <row r="22750" spans="1:12">
      <c r="A22750" s="6" t="s">
        <v>4151</v>
      </c>
      <c r="B22750" s="6"/>
      <c r="C22750" s="6" t="s">
        <v>22786</v>
      </c>
      <c r="D22750" s="6"/>
      <c r="E22750" s="6" t="s">
        <v>9</v>
      </c>
      <c r="F22750" s="7">
        <v>38657</v>
      </c>
      <c r="G22750" s="8">
        <v>1</v>
      </c>
      <c r="H22750" s="8">
        <v>1</v>
      </c>
      <c r="I22750" s="8">
        <v>0</v>
      </c>
      <c r="J22750" s="8">
        <v>1</v>
      </c>
      <c r="K22750" s="9">
        <v>96</v>
      </c>
      <c r="L22750" s="6" t="s">
        <v>4151</v>
      </c>
    </row>
    <row r="22751" spans="1:12">
      <c r="A22751" s="6" t="s">
        <v>4151</v>
      </c>
      <c r="B22751" s="6"/>
      <c r="C22751" s="6" t="s">
        <v>22787</v>
      </c>
      <c r="D22751" s="6"/>
      <c r="E22751" s="6" t="s">
        <v>9</v>
      </c>
      <c r="F22751" s="7">
        <v>38657</v>
      </c>
      <c r="G22751" s="8">
        <v>1</v>
      </c>
      <c r="H22751" s="8">
        <v>1</v>
      </c>
      <c r="I22751" s="8">
        <v>0</v>
      </c>
      <c r="J22751" s="8">
        <v>1</v>
      </c>
      <c r="K22751" s="9">
        <v>96</v>
      </c>
      <c r="L22751" s="6" t="s">
        <v>4151</v>
      </c>
    </row>
    <row r="22752" spans="1:12">
      <c r="A22752" s="6" t="s">
        <v>4151</v>
      </c>
      <c r="B22752" s="6"/>
      <c r="C22752" s="6" t="s">
        <v>22788</v>
      </c>
      <c r="D22752" s="6"/>
      <c r="E22752" s="6" t="s">
        <v>9</v>
      </c>
      <c r="F22752" s="7">
        <v>38657</v>
      </c>
      <c r="G22752" s="8">
        <v>1</v>
      </c>
      <c r="H22752" s="8">
        <v>1</v>
      </c>
      <c r="I22752" s="8">
        <v>0</v>
      </c>
      <c r="J22752" s="8">
        <v>1</v>
      </c>
      <c r="K22752" s="9">
        <v>78</v>
      </c>
      <c r="L22752" s="6" t="s">
        <v>4151</v>
      </c>
    </row>
    <row r="22753" spans="1:12">
      <c r="A22753" s="6" t="s">
        <v>4151</v>
      </c>
      <c r="B22753" s="6"/>
      <c r="C22753" s="6" t="s">
        <v>22789</v>
      </c>
      <c r="D22753" s="6"/>
      <c r="E22753" s="6" t="s">
        <v>9</v>
      </c>
      <c r="F22753" s="7">
        <v>38657</v>
      </c>
      <c r="G22753" s="8">
        <v>1</v>
      </c>
      <c r="H22753" s="8">
        <v>1</v>
      </c>
      <c r="I22753" s="8">
        <v>0</v>
      </c>
      <c r="J22753" s="8">
        <v>1</v>
      </c>
      <c r="K22753" s="9">
        <v>16</v>
      </c>
      <c r="L22753" s="6" t="s">
        <v>4151</v>
      </c>
    </row>
    <row r="22754" spans="1:12">
      <c r="A22754" s="6" t="s">
        <v>4151</v>
      </c>
      <c r="B22754" s="6"/>
      <c r="C22754" s="6" t="s">
        <v>22790</v>
      </c>
      <c r="D22754" s="6"/>
      <c r="E22754" s="6" t="s">
        <v>9</v>
      </c>
      <c r="F22754" s="7">
        <v>38657</v>
      </c>
      <c r="G22754" s="8">
        <v>1</v>
      </c>
      <c r="H22754" s="8">
        <v>1</v>
      </c>
      <c r="I22754" s="8">
        <v>0</v>
      </c>
      <c r="J22754" s="8">
        <v>1</v>
      </c>
      <c r="K22754" s="9">
        <v>49</v>
      </c>
      <c r="L22754" s="6" t="s">
        <v>4151</v>
      </c>
    </row>
    <row r="22755" spans="1:12">
      <c r="A22755" s="6" t="s">
        <v>4151</v>
      </c>
      <c r="B22755" s="6"/>
      <c r="C22755" s="6" t="s">
        <v>22791</v>
      </c>
      <c r="D22755" s="6"/>
      <c r="E22755" s="6" t="s">
        <v>9</v>
      </c>
      <c r="F22755" s="7">
        <v>38657</v>
      </c>
      <c r="G22755" s="8">
        <v>1</v>
      </c>
      <c r="H22755" s="8">
        <v>1</v>
      </c>
      <c r="I22755" s="8">
        <v>0</v>
      </c>
      <c r="J22755" s="8">
        <v>1</v>
      </c>
      <c r="K22755" s="9">
        <v>46</v>
      </c>
      <c r="L22755" s="6" t="s">
        <v>4151</v>
      </c>
    </row>
    <row r="22756" spans="1:12">
      <c r="A22756" s="6" t="s">
        <v>4151</v>
      </c>
      <c r="B22756" s="6"/>
      <c r="C22756" s="6" t="s">
        <v>22792</v>
      </c>
      <c r="D22756" s="6"/>
      <c r="E22756" s="6" t="s">
        <v>9</v>
      </c>
      <c r="F22756" s="7">
        <v>38657</v>
      </c>
      <c r="G22756" s="8">
        <v>1</v>
      </c>
      <c r="H22756" s="8">
        <v>1</v>
      </c>
      <c r="I22756" s="8">
        <v>0</v>
      </c>
      <c r="J22756" s="8">
        <v>1</v>
      </c>
      <c r="K22756" s="9">
        <v>8.86</v>
      </c>
      <c r="L22756" s="6" t="s">
        <v>4151</v>
      </c>
    </row>
    <row r="22757" spans="1:12">
      <c r="A22757" s="6" t="s">
        <v>4151</v>
      </c>
      <c r="B22757" s="6"/>
      <c r="C22757" s="6" t="s">
        <v>22793</v>
      </c>
      <c r="D22757" s="6"/>
      <c r="E22757" s="6" t="s">
        <v>9</v>
      </c>
      <c r="F22757" s="7">
        <v>38657</v>
      </c>
      <c r="G22757" s="8">
        <v>1</v>
      </c>
      <c r="H22757" s="8">
        <v>1</v>
      </c>
      <c r="I22757" s="8">
        <v>0</v>
      </c>
      <c r="J22757" s="8">
        <v>1</v>
      </c>
      <c r="K22757" s="9">
        <v>56</v>
      </c>
      <c r="L22757" s="6" t="s">
        <v>4151</v>
      </c>
    </row>
    <row r="22758" spans="1:12">
      <c r="A22758" s="6" t="s">
        <v>4151</v>
      </c>
      <c r="B22758" s="6"/>
      <c r="C22758" s="6" t="s">
        <v>22794</v>
      </c>
      <c r="D22758" s="6"/>
      <c r="E22758" s="6" t="s">
        <v>9</v>
      </c>
      <c r="F22758" s="7">
        <v>38657</v>
      </c>
      <c r="G22758" s="8">
        <v>1</v>
      </c>
      <c r="H22758" s="8">
        <v>1</v>
      </c>
      <c r="I22758" s="8">
        <v>0</v>
      </c>
      <c r="J22758" s="8">
        <v>1</v>
      </c>
      <c r="K22758" s="9">
        <v>148</v>
      </c>
      <c r="L22758" s="6" t="s">
        <v>4151</v>
      </c>
    </row>
    <row r="22759" spans="1:12">
      <c r="A22759" s="6" t="s">
        <v>4151</v>
      </c>
      <c r="B22759" s="6"/>
      <c r="C22759" s="6" t="s">
        <v>22795</v>
      </c>
      <c r="D22759" s="6"/>
      <c r="E22759" s="6" t="s">
        <v>9</v>
      </c>
      <c r="F22759" s="7">
        <v>38657</v>
      </c>
      <c r="G22759" s="8">
        <v>1</v>
      </c>
      <c r="H22759" s="8">
        <v>1</v>
      </c>
      <c r="I22759" s="8">
        <v>0</v>
      </c>
      <c r="J22759" s="8">
        <v>1</v>
      </c>
      <c r="K22759" s="9">
        <v>213</v>
      </c>
      <c r="L22759" s="6" t="s">
        <v>4151</v>
      </c>
    </row>
    <row r="22760" spans="1:12">
      <c r="A22760" s="6" t="s">
        <v>4151</v>
      </c>
      <c r="B22760" s="6"/>
      <c r="C22760" s="6" t="s">
        <v>22796</v>
      </c>
      <c r="D22760" s="6"/>
      <c r="E22760" s="6" t="s">
        <v>9</v>
      </c>
      <c r="F22760" s="7">
        <v>38657</v>
      </c>
      <c r="G22760" s="8">
        <v>1</v>
      </c>
      <c r="H22760" s="8">
        <v>1</v>
      </c>
      <c r="I22760" s="8">
        <v>0</v>
      </c>
      <c r="J22760" s="8">
        <v>1</v>
      </c>
      <c r="K22760" s="9">
        <v>83</v>
      </c>
      <c r="L22760" s="6" t="s">
        <v>4151</v>
      </c>
    </row>
    <row r="22761" spans="1:12">
      <c r="A22761" s="6" t="s">
        <v>4151</v>
      </c>
      <c r="B22761" s="6"/>
      <c r="C22761" s="6" t="s">
        <v>22797</v>
      </c>
      <c r="D22761" s="6"/>
      <c r="E22761" s="6" t="s">
        <v>9</v>
      </c>
      <c r="F22761" s="7">
        <v>38657</v>
      </c>
      <c r="G22761" s="8">
        <v>1</v>
      </c>
      <c r="H22761" s="8">
        <v>1</v>
      </c>
      <c r="I22761" s="8">
        <v>0</v>
      </c>
      <c r="J22761" s="8">
        <v>1</v>
      </c>
      <c r="K22761" s="9">
        <v>276</v>
      </c>
      <c r="L22761" s="6" t="s">
        <v>4151</v>
      </c>
    </row>
    <row r="22762" spans="1:12">
      <c r="A22762" s="6" t="s">
        <v>4151</v>
      </c>
      <c r="B22762" s="6"/>
      <c r="C22762" s="6" t="s">
        <v>22798</v>
      </c>
      <c r="D22762" s="6"/>
      <c r="E22762" s="6" t="s">
        <v>9</v>
      </c>
      <c r="F22762" s="7">
        <v>38657</v>
      </c>
      <c r="G22762" s="8">
        <v>1</v>
      </c>
      <c r="H22762" s="8">
        <v>1</v>
      </c>
      <c r="I22762" s="8">
        <v>0</v>
      </c>
      <c r="J22762" s="8">
        <v>1</v>
      </c>
      <c r="K22762" s="9">
        <v>19</v>
      </c>
      <c r="L22762" s="6" t="s">
        <v>4151</v>
      </c>
    </row>
    <row r="22763" spans="1:12">
      <c r="A22763" s="6" t="s">
        <v>4151</v>
      </c>
      <c r="B22763" s="6"/>
      <c r="C22763" s="6" t="s">
        <v>22799</v>
      </c>
      <c r="D22763" s="6"/>
      <c r="E22763" s="6" t="s">
        <v>9</v>
      </c>
      <c r="F22763" s="7">
        <v>38657</v>
      </c>
      <c r="G22763" s="8">
        <v>1</v>
      </c>
      <c r="H22763" s="8">
        <v>1</v>
      </c>
      <c r="I22763" s="8">
        <v>0</v>
      </c>
      <c r="J22763" s="8">
        <v>1</v>
      </c>
      <c r="K22763" s="9">
        <v>14</v>
      </c>
      <c r="L22763" s="6" t="s">
        <v>4151</v>
      </c>
    </row>
    <row r="22764" spans="1:12">
      <c r="A22764" s="6" t="s">
        <v>4151</v>
      </c>
      <c r="B22764" s="6"/>
      <c r="C22764" s="6" t="s">
        <v>22800</v>
      </c>
      <c r="D22764" s="6"/>
      <c r="E22764" s="6" t="s">
        <v>9</v>
      </c>
      <c r="F22764" s="7">
        <v>38657</v>
      </c>
      <c r="G22764" s="8">
        <v>1</v>
      </c>
      <c r="H22764" s="8">
        <v>1</v>
      </c>
      <c r="I22764" s="8">
        <v>0</v>
      </c>
      <c r="J22764" s="8">
        <v>1</v>
      </c>
      <c r="K22764" s="9">
        <v>7.15</v>
      </c>
      <c r="L22764" s="6" t="s">
        <v>4151</v>
      </c>
    </row>
    <row r="22765" spans="1:12">
      <c r="A22765" s="6" t="s">
        <v>4151</v>
      </c>
      <c r="B22765" s="6"/>
      <c r="C22765" s="6" t="s">
        <v>22801</v>
      </c>
      <c r="D22765" s="6"/>
      <c r="E22765" s="6" t="s">
        <v>9</v>
      </c>
      <c r="F22765" s="7">
        <v>38657</v>
      </c>
      <c r="G22765" s="8">
        <v>1</v>
      </c>
      <c r="H22765" s="8">
        <v>1</v>
      </c>
      <c r="I22765" s="8">
        <v>0</v>
      </c>
      <c r="J22765" s="8">
        <v>1</v>
      </c>
      <c r="K22765" s="9">
        <v>21</v>
      </c>
      <c r="L22765" s="6" t="s">
        <v>4151</v>
      </c>
    </row>
    <row r="22766" spans="1:12">
      <c r="A22766" s="6" t="s">
        <v>4151</v>
      </c>
      <c r="B22766" s="6"/>
      <c r="C22766" s="6" t="s">
        <v>22802</v>
      </c>
      <c r="D22766" s="6"/>
      <c r="E22766" s="6" t="s">
        <v>9</v>
      </c>
      <c r="F22766" s="7">
        <v>38657</v>
      </c>
      <c r="G22766" s="8">
        <v>1</v>
      </c>
      <c r="H22766" s="8">
        <v>1</v>
      </c>
      <c r="I22766" s="8">
        <v>0</v>
      </c>
      <c r="J22766" s="8">
        <v>1</v>
      </c>
      <c r="K22766" s="9">
        <v>23</v>
      </c>
      <c r="L22766" s="6" t="s">
        <v>4151</v>
      </c>
    </row>
    <row r="22767" spans="1:12">
      <c r="A22767" s="6" t="s">
        <v>4151</v>
      </c>
      <c r="B22767" s="6"/>
      <c r="C22767" s="6" t="s">
        <v>22803</v>
      </c>
      <c r="D22767" s="6"/>
      <c r="E22767" s="6" t="s">
        <v>9</v>
      </c>
      <c r="F22767" s="7">
        <v>38657</v>
      </c>
      <c r="G22767" s="8">
        <v>1</v>
      </c>
      <c r="H22767" s="8">
        <v>1</v>
      </c>
      <c r="I22767" s="8">
        <v>0</v>
      </c>
      <c r="J22767" s="8">
        <v>1</v>
      </c>
      <c r="K22767" s="9">
        <v>34</v>
      </c>
      <c r="L22767" s="6" t="s">
        <v>4151</v>
      </c>
    </row>
    <row r="22768" spans="1:12">
      <c r="A22768" s="6" t="s">
        <v>4151</v>
      </c>
      <c r="B22768" s="6"/>
      <c r="C22768" s="6" t="s">
        <v>22804</v>
      </c>
      <c r="D22768" s="6"/>
      <c r="E22768" s="6" t="s">
        <v>9</v>
      </c>
      <c r="F22768" s="7">
        <v>38657</v>
      </c>
      <c r="G22768" s="8">
        <v>1</v>
      </c>
      <c r="H22768" s="8">
        <v>1</v>
      </c>
      <c r="I22768" s="8">
        <v>0</v>
      </c>
      <c r="J22768" s="8">
        <v>1</v>
      </c>
      <c r="K22768" s="9">
        <v>54</v>
      </c>
      <c r="L22768" s="6" t="s">
        <v>4151</v>
      </c>
    </row>
    <row r="22769" spans="1:12">
      <c r="A22769" s="6" t="s">
        <v>4151</v>
      </c>
      <c r="B22769" s="6"/>
      <c r="C22769" s="6" t="s">
        <v>22805</v>
      </c>
      <c r="D22769" s="6"/>
      <c r="E22769" s="6" t="s">
        <v>9</v>
      </c>
      <c r="F22769" s="7">
        <v>38657</v>
      </c>
      <c r="G22769" s="8">
        <v>1</v>
      </c>
      <c r="H22769" s="8">
        <v>1</v>
      </c>
      <c r="I22769" s="8">
        <v>0</v>
      </c>
      <c r="J22769" s="8">
        <v>1</v>
      </c>
      <c r="K22769" s="9">
        <v>11</v>
      </c>
      <c r="L22769" s="6" t="s">
        <v>4151</v>
      </c>
    </row>
    <row r="22770" spans="1:12">
      <c r="A22770" s="6" t="s">
        <v>4151</v>
      </c>
      <c r="B22770" s="6"/>
      <c r="C22770" s="6" t="s">
        <v>22806</v>
      </c>
      <c r="D22770" s="6"/>
      <c r="E22770" s="6" t="s">
        <v>9</v>
      </c>
      <c r="F22770" s="7">
        <v>38657</v>
      </c>
      <c r="G22770" s="8">
        <v>1</v>
      </c>
      <c r="H22770" s="8">
        <v>1</v>
      </c>
      <c r="I22770" s="8">
        <v>0</v>
      </c>
      <c r="J22770" s="8">
        <v>1</v>
      </c>
      <c r="K22770" s="9">
        <v>0.3</v>
      </c>
      <c r="L22770" s="6" t="s">
        <v>4151</v>
      </c>
    </row>
    <row r="22771" spans="1:12">
      <c r="A22771" s="6" t="s">
        <v>4151</v>
      </c>
      <c r="B22771" s="6"/>
      <c r="C22771" s="6" t="s">
        <v>22807</v>
      </c>
      <c r="D22771" s="6"/>
      <c r="E22771" s="6" t="s">
        <v>9</v>
      </c>
      <c r="F22771" s="7">
        <v>38657</v>
      </c>
      <c r="G22771" s="8">
        <v>1</v>
      </c>
      <c r="H22771" s="8">
        <v>1</v>
      </c>
      <c r="I22771" s="8">
        <v>0</v>
      </c>
      <c r="J22771" s="8">
        <v>1</v>
      </c>
      <c r="K22771" s="9">
        <v>37</v>
      </c>
      <c r="L22771" s="6" t="s">
        <v>4151</v>
      </c>
    </row>
    <row r="22772" spans="1:12">
      <c r="A22772" s="6" t="s">
        <v>4151</v>
      </c>
      <c r="B22772" s="6"/>
      <c r="C22772" s="6" t="s">
        <v>22808</v>
      </c>
      <c r="D22772" s="6"/>
      <c r="E22772" s="6" t="s">
        <v>9</v>
      </c>
      <c r="F22772" s="7">
        <v>38657</v>
      </c>
      <c r="G22772" s="8">
        <v>1</v>
      </c>
      <c r="H22772" s="8">
        <v>1</v>
      </c>
      <c r="I22772" s="8">
        <v>0</v>
      </c>
      <c r="J22772" s="8">
        <v>1</v>
      </c>
      <c r="K22772" s="9">
        <v>37</v>
      </c>
      <c r="L22772" s="6" t="s">
        <v>4151</v>
      </c>
    </row>
    <row r="22773" spans="1:12">
      <c r="A22773" s="6" t="s">
        <v>4151</v>
      </c>
      <c r="B22773" s="6"/>
      <c r="C22773" s="6" t="s">
        <v>22809</v>
      </c>
      <c r="D22773" s="6"/>
      <c r="E22773" s="6" t="s">
        <v>9</v>
      </c>
      <c r="F22773" s="7">
        <v>38657</v>
      </c>
      <c r="G22773" s="8">
        <v>1</v>
      </c>
      <c r="H22773" s="8">
        <v>1</v>
      </c>
      <c r="I22773" s="8">
        <v>0</v>
      </c>
      <c r="J22773" s="8">
        <v>1</v>
      </c>
      <c r="K22773" s="9">
        <v>36</v>
      </c>
      <c r="L22773" s="6" t="s">
        <v>4151</v>
      </c>
    </row>
    <row r="22774" spans="1:12">
      <c r="A22774" s="6" t="s">
        <v>4151</v>
      </c>
      <c r="B22774" s="6"/>
      <c r="C22774" s="6" t="s">
        <v>22810</v>
      </c>
      <c r="D22774" s="6"/>
      <c r="E22774" s="6" t="s">
        <v>9</v>
      </c>
      <c r="F22774" s="7">
        <v>38657</v>
      </c>
      <c r="G22774" s="8">
        <v>1</v>
      </c>
      <c r="H22774" s="8">
        <v>1</v>
      </c>
      <c r="I22774" s="8">
        <v>0</v>
      </c>
      <c r="J22774" s="8">
        <v>1</v>
      </c>
      <c r="K22774" s="9">
        <v>23</v>
      </c>
      <c r="L22774" s="6" t="s">
        <v>4151</v>
      </c>
    </row>
    <row r="22775" spans="1:12">
      <c r="A22775" s="6" t="s">
        <v>4151</v>
      </c>
      <c r="B22775" s="6"/>
      <c r="C22775" s="6" t="s">
        <v>22811</v>
      </c>
      <c r="D22775" s="6"/>
      <c r="E22775" s="6" t="s">
        <v>9</v>
      </c>
      <c r="F22775" s="7">
        <v>38657</v>
      </c>
      <c r="G22775" s="8">
        <v>1</v>
      </c>
      <c r="H22775" s="8">
        <v>1</v>
      </c>
      <c r="I22775" s="8">
        <v>0</v>
      </c>
      <c r="J22775" s="8">
        <v>1</v>
      </c>
      <c r="K22775" s="9">
        <v>50</v>
      </c>
      <c r="L22775" s="6" t="s">
        <v>4151</v>
      </c>
    </row>
    <row r="22776" spans="1:12">
      <c r="A22776" s="6" t="s">
        <v>4151</v>
      </c>
      <c r="B22776" s="6"/>
      <c r="C22776" s="6" t="s">
        <v>22812</v>
      </c>
      <c r="D22776" s="6"/>
      <c r="E22776" s="6" t="s">
        <v>9</v>
      </c>
      <c r="F22776" s="7">
        <v>38657</v>
      </c>
      <c r="G22776" s="8">
        <v>1</v>
      </c>
      <c r="H22776" s="8">
        <v>1</v>
      </c>
      <c r="I22776" s="8">
        <v>0</v>
      </c>
      <c r="J22776" s="8">
        <v>1</v>
      </c>
      <c r="K22776" s="9">
        <v>40</v>
      </c>
      <c r="L22776" s="6" t="s">
        <v>4151</v>
      </c>
    </row>
    <row r="22777" spans="1:12">
      <c r="A22777" s="6" t="s">
        <v>4151</v>
      </c>
      <c r="B22777" s="6"/>
      <c r="C22777" s="6" t="s">
        <v>22813</v>
      </c>
      <c r="D22777" s="6"/>
      <c r="E22777" s="6" t="s">
        <v>9</v>
      </c>
      <c r="F22777" s="7">
        <v>38657</v>
      </c>
      <c r="G22777" s="8">
        <v>1</v>
      </c>
      <c r="H22777" s="8">
        <v>1</v>
      </c>
      <c r="I22777" s="8">
        <v>0</v>
      </c>
      <c r="J22777" s="8">
        <v>1</v>
      </c>
      <c r="K22777" s="9">
        <v>329</v>
      </c>
      <c r="L22777" s="6" t="s">
        <v>4151</v>
      </c>
    </row>
    <row r="22778" spans="1:12">
      <c r="A22778" s="6" t="s">
        <v>4151</v>
      </c>
      <c r="B22778" s="6"/>
      <c r="C22778" s="6" t="s">
        <v>22814</v>
      </c>
      <c r="D22778" s="6"/>
      <c r="E22778" s="6" t="s">
        <v>9</v>
      </c>
      <c r="F22778" s="7">
        <v>38657</v>
      </c>
      <c r="G22778" s="8">
        <v>1</v>
      </c>
      <c r="H22778" s="8">
        <v>1</v>
      </c>
      <c r="I22778" s="8">
        <v>0</v>
      </c>
      <c r="J22778" s="8">
        <v>1</v>
      </c>
      <c r="K22778" s="9">
        <v>10</v>
      </c>
      <c r="L22778" s="6" t="s">
        <v>4151</v>
      </c>
    </row>
    <row r="22779" spans="1:12">
      <c r="A22779" s="6" t="s">
        <v>4151</v>
      </c>
      <c r="B22779" s="6"/>
      <c r="C22779" s="6" t="s">
        <v>22815</v>
      </c>
      <c r="D22779" s="6"/>
      <c r="E22779" s="6" t="s">
        <v>9</v>
      </c>
      <c r="F22779" s="7">
        <v>38657</v>
      </c>
      <c r="G22779" s="8">
        <v>1</v>
      </c>
      <c r="H22779" s="8">
        <v>1</v>
      </c>
      <c r="I22779" s="8">
        <v>0</v>
      </c>
      <c r="J22779" s="8">
        <v>1</v>
      </c>
      <c r="K22779" s="9">
        <v>16</v>
      </c>
      <c r="L22779" s="6" t="s">
        <v>4151</v>
      </c>
    </row>
    <row r="22780" spans="1:12">
      <c r="A22780" s="6" t="s">
        <v>4151</v>
      </c>
      <c r="B22780" s="6"/>
      <c r="C22780" s="6" t="s">
        <v>22816</v>
      </c>
      <c r="D22780" s="6"/>
      <c r="E22780" s="6" t="s">
        <v>9</v>
      </c>
      <c r="F22780" s="7">
        <v>38657</v>
      </c>
      <c r="G22780" s="8">
        <v>1</v>
      </c>
      <c r="H22780" s="8">
        <v>1</v>
      </c>
      <c r="I22780" s="8">
        <v>0</v>
      </c>
      <c r="J22780" s="8">
        <v>1</v>
      </c>
      <c r="K22780" s="9">
        <v>52</v>
      </c>
      <c r="L22780" s="6" t="s">
        <v>4151</v>
      </c>
    </row>
    <row r="22781" spans="1:12">
      <c r="A22781" s="6" t="s">
        <v>4151</v>
      </c>
      <c r="B22781" s="6"/>
      <c r="C22781" s="6" t="s">
        <v>22817</v>
      </c>
      <c r="D22781" s="6"/>
      <c r="E22781" s="6" t="s">
        <v>9</v>
      </c>
      <c r="F22781" s="7">
        <v>38657</v>
      </c>
      <c r="G22781" s="8">
        <v>1</v>
      </c>
      <c r="H22781" s="8">
        <v>1</v>
      </c>
      <c r="I22781" s="8">
        <v>0</v>
      </c>
      <c r="J22781" s="8">
        <v>1</v>
      </c>
      <c r="K22781" s="9">
        <v>43</v>
      </c>
      <c r="L22781" s="6" t="s">
        <v>4151</v>
      </c>
    </row>
    <row r="22782" spans="1:12">
      <c r="A22782" s="6" t="s">
        <v>4151</v>
      </c>
      <c r="B22782" s="6"/>
      <c r="C22782" s="6" t="s">
        <v>22818</v>
      </c>
      <c r="D22782" s="6"/>
      <c r="E22782" s="6" t="s">
        <v>9</v>
      </c>
      <c r="F22782" s="7">
        <v>38657</v>
      </c>
      <c r="G22782" s="8">
        <v>1</v>
      </c>
      <c r="H22782" s="8">
        <v>1</v>
      </c>
      <c r="I22782" s="8">
        <v>0</v>
      </c>
      <c r="J22782" s="8">
        <v>1</v>
      </c>
      <c r="K22782" s="9">
        <v>42</v>
      </c>
      <c r="L22782" s="6" t="s">
        <v>4151</v>
      </c>
    </row>
    <row r="22783" spans="1:12">
      <c r="A22783" s="6" t="s">
        <v>4151</v>
      </c>
      <c r="B22783" s="6"/>
      <c r="C22783" s="6" t="s">
        <v>22819</v>
      </c>
      <c r="D22783" s="6"/>
      <c r="E22783" s="6" t="s">
        <v>9</v>
      </c>
      <c r="F22783" s="7">
        <v>38657</v>
      </c>
      <c r="G22783" s="8">
        <v>1</v>
      </c>
      <c r="H22783" s="8">
        <v>1</v>
      </c>
      <c r="I22783" s="8">
        <v>0</v>
      </c>
      <c r="J22783" s="8">
        <v>1</v>
      </c>
      <c r="K22783" s="9">
        <v>42</v>
      </c>
      <c r="L22783" s="6" t="s">
        <v>4151</v>
      </c>
    </row>
    <row r="22784" spans="1:12">
      <c r="A22784" s="6" t="s">
        <v>4151</v>
      </c>
      <c r="B22784" s="6"/>
      <c r="C22784" s="6" t="s">
        <v>22820</v>
      </c>
      <c r="D22784" s="6"/>
      <c r="E22784" s="6" t="s">
        <v>9</v>
      </c>
      <c r="F22784" s="7">
        <v>38657</v>
      </c>
      <c r="G22784" s="8">
        <v>1</v>
      </c>
      <c r="H22784" s="8">
        <v>1</v>
      </c>
      <c r="I22784" s="8">
        <v>0</v>
      </c>
      <c r="J22784" s="8">
        <v>1</v>
      </c>
      <c r="K22784" s="9">
        <v>39</v>
      </c>
      <c r="L22784" s="6" t="s">
        <v>4151</v>
      </c>
    </row>
    <row r="22785" spans="1:12">
      <c r="A22785" s="6" t="s">
        <v>4151</v>
      </c>
      <c r="B22785" s="6"/>
      <c r="C22785" s="6" t="s">
        <v>22821</v>
      </c>
      <c r="D22785" s="6"/>
      <c r="E22785" s="6" t="s">
        <v>9</v>
      </c>
      <c r="F22785" s="7">
        <v>38657</v>
      </c>
      <c r="G22785" s="8">
        <v>1</v>
      </c>
      <c r="H22785" s="8">
        <v>1</v>
      </c>
      <c r="I22785" s="8">
        <v>0</v>
      </c>
      <c r="J22785" s="8">
        <v>1</v>
      </c>
      <c r="K22785" s="9">
        <v>3.04</v>
      </c>
      <c r="L22785" s="6" t="s">
        <v>4151</v>
      </c>
    </row>
    <row r="22786" spans="1:12">
      <c r="A22786" s="6" t="s">
        <v>4151</v>
      </c>
      <c r="B22786" s="6"/>
      <c r="C22786" s="6" t="s">
        <v>22822</v>
      </c>
      <c r="D22786" s="6"/>
      <c r="E22786" s="6" t="s">
        <v>9</v>
      </c>
      <c r="F22786" s="7">
        <v>38657</v>
      </c>
      <c r="G22786" s="8">
        <v>1</v>
      </c>
      <c r="H22786" s="8">
        <v>1</v>
      </c>
      <c r="I22786" s="8">
        <v>0</v>
      </c>
      <c r="J22786" s="8">
        <v>1</v>
      </c>
      <c r="K22786" s="9">
        <v>42</v>
      </c>
      <c r="L22786" s="6" t="s">
        <v>4151</v>
      </c>
    </row>
    <row r="22787" spans="1:12">
      <c r="A22787" s="6" t="s">
        <v>4151</v>
      </c>
      <c r="B22787" s="6"/>
      <c r="C22787" s="6" t="s">
        <v>22823</v>
      </c>
      <c r="D22787" s="6"/>
      <c r="E22787" s="6" t="s">
        <v>9</v>
      </c>
      <c r="F22787" s="7">
        <v>38657</v>
      </c>
      <c r="G22787" s="8">
        <v>1</v>
      </c>
      <c r="H22787" s="8">
        <v>1</v>
      </c>
      <c r="I22787" s="8">
        <v>0</v>
      </c>
      <c r="J22787" s="8">
        <v>1</v>
      </c>
      <c r="K22787" s="9">
        <v>35</v>
      </c>
      <c r="L22787" s="6" t="s">
        <v>4151</v>
      </c>
    </row>
    <row r="22788" spans="1:12">
      <c r="A22788" s="6" t="s">
        <v>4151</v>
      </c>
      <c r="B22788" s="6"/>
      <c r="C22788" s="6" t="s">
        <v>22824</v>
      </c>
      <c r="D22788" s="6"/>
      <c r="E22788" s="6" t="s">
        <v>9</v>
      </c>
      <c r="F22788" s="7">
        <v>38657</v>
      </c>
      <c r="G22788" s="8">
        <v>1</v>
      </c>
      <c r="H22788" s="8">
        <v>1</v>
      </c>
      <c r="I22788" s="8">
        <v>0</v>
      </c>
      <c r="J22788" s="8">
        <v>1</v>
      </c>
      <c r="K22788" s="9">
        <v>7.63</v>
      </c>
      <c r="L22788" s="6" t="s">
        <v>4151</v>
      </c>
    </row>
    <row r="22789" spans="1:12">
      <c r="A22789" s="6" t="s">
        <v>4151</v>
      </c>
      <c r="B22789" s="6"/>
      <c r="C22789" s="6" t="s">
        <v>22825</v>
      </c>
      <c r="D22789" s="6"/>
      <c r="E22789" s="6" t="s">
        <v>9</v>
      </c>
      <c r="F22789" s="7">
        <v>38657</v>
      </c>
      <c r="G22789" s="8">
        <v>1</v>
      </c>
      <c r="H22789" s="8">
        <v>1</v>
      </c>
      <c r="I22789" s="8">
        <v>0</v>
      </c>
      <c r="J22789" s="8">
        <v>1</v>
      </c>
      <c r="K22789" s="9">
        <v>8.1</v>
      </c>
      <c r="L22789" s="6" t="s">
        <v>4151</v>
      </c>
    </row>
    <row r="22790" spans="1:12">
      <c r="A22790" s="6" t="s">
        <v>4151</v>
      </c>
      <c r="B22790" s="6"/>
      <c r="C22790" s="6" t="s">
        <v>22826</v>
      </c>
      <c r="D22790" s="6"/>
      <c r="E22790" s="6" t="s">
        <v>9</v>
      </c>
      <c r="F22790" s="7">
        <v>38657</v>
      </c>
      <c r="G22790" s="8">
        <v>1</v>
      </c>
      <c r="H22790" s="8">
        <v>1</v>
      </c>
      <c r="I22790" s="8">
        <v>0</v>
      </c>
      <c r="J22790" s="8">
        <v>1</v>
      </c>
      <c r="K22790" s="9">
        <v>13</v>
      </c>
      <c r="L22790" s="6" t="s">
        <v>4151</v>
      </c>
    </row>
    <row r="22791" spans="1:12">
      <c r="A22791" s="6" t="s">
        <v>4151</v>
      </c>
      <c r="B22791" s="6"/>
      <c r="C22791" s="6" t="s">
        <v>22827</v>
      </c>
      <c r="D22791" s="6"/>
      <c r="E22791" s="6" t="s">
        <v>9</v>
      </c>
      <c r="F22791" s="7">
        <v>38657</v>
      </c>
      <c r="G22791" s="8">
        <v>1</v>
      </c>
      <c r="H22791" s="8">
        <v>1</v>
      </c>
      <c r="I22791" s="8">
        <v>0</v>
      </c>
      <c r="J22791" s="8">
        <v>1</v>
      </c>
      <c r="K22791" s="9">
        <v>54</v>
      </c>
      <c r="L22791" s="6" t="s">
        <v>4151</v>
      </c>
    </row>
    <row r="22792" spans="1:12">
      <c r="A22792" s="6" t="s">
        <v>4151</v>
      </c>
      <c r="B22792" s="6"/>
      <c r="C22792" s="6" t="s">
        <v>22828</v>
      </c>
      <c r="D22792" s="6"/>
      <c r="E22792" s="6" t="s">
        <v>9</v>
      </c>
      <c r="F22792" s="7">
        <v>38657</v>
      </c>
      <c r="G22792" s="8">
        <v>1</v>
      </c>
      <c r="H22792" s="8">
        <v>1</v>
      </c>
      <c r="I22792" s="8">
        <v>0</v>
      </c>
      <c r="J22792" s="8">
        <v>1</v>
      </c>
      <c r="K22792" s="9">
        <v>3.18</v>
      </c>
      <c r="L22792" s="6" t="s">
        <v>4151</v>
      </c>
    </row>
    <row r="22793" spans="1:12">
      <c r="A22793" s="6" t="s">
        <v>4151</v>
      </c>
      <c r="B22793" s="6"/>
      <c r="C22793" s="6" t="s">
        <v>22829</v>
      </c>
      <c r="D22793" s="6"/>
      <c r="E22793" s="6" t="s">
        <v>9</v>
      </c>
      <c r="F22793" s="7">
        <v>38657</v>
      </c>
      <c r="G22793" s="8">
        <v>1</v>
      </c>
      <c r="H22793" s="8">
        <v>1</v>
      </c>
      <c r="I22793" s="8">
        <v>0</v>
      </c>
      <c r="J22793" s="8">
        <v>1</v>
      </c>
      <c r="K22793" s="9">
        <v>9.91</v>
      </c>
      <c r="L22793" s="6" t="s">
        <v>4151</v>
      </c>
    </row>
    <row r="22794" spans="1:12">
      <c r="A22794" s="6" t="s">
        <v>4151</v>
      </c>
      <c r="B22794" s="6"/>
      <c r="C22794" s="6" t="s">
        <v>22830</v>
      </c>
      <c r="D22794" s="6"/>
      <c r="E22794" s="6" t="s">
        <v>9</v>
      </c>
      <c r="F22794" s="7">
        <v>38657</v>
      </c>
      <c r="G22794" s="8">
        <v>1</v>
      </c>
      <c r="H22794" s="8">
        <v>1</v>
      </c>
      <c r="I22794" s="8">
        <v>0</v>
      </c>
      <c r="J22794" s="8">
        <v>1</v>
      </c>
      <c r="K22794" s="9">
        <v>8.1199999999999903</v>
      </c>
      <c r="L22794" s="6" t="s">
        <v>4151</v>
      </c>
    </row>
    <row r="22795" spans="1:12">
      <c r="A22795" s="6" t="s">
        <v>4151</v>
      </c>
      <c r="B22795" s="6"/>
      <c r="C22795" s="6" t="s">
        <v>22831</v>
      </c>
      <c r="D22795" s="6"/>
      <c r="E22795" s="6" t="s">
        <v>9</v>
      </c>
      <c r="F22795" s="7">
        <v>38657</v>
      </c>
      <c r="G22795" s="8">
        <v>1</v>
      </c>
      <c r="H22795" s="8">
        <v>1</v>
      </c>
      <c r="I22795" s="8">
        <v>0</v>
      </c>
      <c r="J22795" s="8">
        <v>1</v>
      </c>
      <c r="K22795" s="9">
        <v>584</v>
      </c>
      <c r="L22795" s="6" t="s">
        <v>4151</v>
      </c>
    </row>
    <row r="22796" spans="1:12">
      <c r="A22796" s="6" t="s">
        <v>4151</v>
      </c>
      <c r="B22796" s="6"/>
      <c r="C22796" s="6" t="s">
        <v>22832</v>
      </c>
      <c r="D22796" s="6"/>
      <c r="E22796" s="6" t="s">
        <v>9</v>
      </c>
      <c r="F22796" s="7">
        <v>38657</v>
      </c>
      <c r="G22796" s="8">
        <v>1</v>
      </c>
      <c r="H22796" s="8">
        <v>1</v>
      </c>
      <c r="I22796" s="8">
        <v>0</v>
      </c>
      <c r="J22796" s="8">
        <v>1</v>
      </c>
      <c r="K22796" s="9">
        <v>37</v>
      </c>
      <c r="L22796" s="6" t="s">
        <v>4151</v>
      </c>
    </row>
    <row r="22797" spans="1:12">
      <c r="A22797" s="6" t="s">
        <v>4151</v>
      </c>
      <c r="B22797" s="6"/>
      <c r="C22797" s="6" t="s">
        <v>22833</v>
      </c>
      <c r="D22797" s="6"/>
      <c r="E22797" s="6" t="s">
        <v>9</v>
      </c>
      <c r="F22797" s="7">
        <v>38657</v>
      </c>
      <c r="G22797" s="8">
        <v>1</v>
      </c>
      <c r="H22797" s="8">
        <v>1</v>
      </c>
      <c r="I22797" s="8">
        <v>0</v>
      </c>
      <c r="J22797" s="8">
        <v>1</v>
      </c>
      <c r="K22797" s="9">
        <v>43</v>
      </c>
      <c r="L22797" s="6" t="s">
        <v>4151</v>
      </c>
    </row>
    <row r="22798" spans="1:12">
      <c r="A22798" s="6" t="s">
        <v>4151</v>
      </c>
      <c r="B22798" s="6"/>
      <c r="C22798" s="6" t="s">
        <v>22834</v>
      </c>
      <c r="D22798" s="6"/>
      <c r="E22798" s="6" t="s">
        <v>9</v>
      </c>
      <c r="F22798" s="7">
        <v>38657</v>
      </c>
      <c r="G22798" s="8">
        <v>1</v>
      </c>
      <c r="H22798" s="8">
        <v>1</v>
      </c>
      <c r="I22798" s="8">
        <v>0</v>
      </c>
      <c r="J22798" s="8">
        <v>1</v>
      </c>
      <c r="K22798" s="9">
        <v>43</v>
      </c>
      <c r="L22798" s="6" t="s">
        <v>4151</v>
      </c>
    </row>
    <row r="22799" spans="1:12">
      <c r="A22799" s="6" t="s">
        <v>4151</v>
      </c>
      <c r="B22799" s="6"/>
      <c r="C22799" s="6" t="s">
        <v>22835</v>
      </c>
      <c r="D22799" s="6"/>
      <c r="E22799" s="6" t="s">
        <v>9</v>
      </c>
      <c r="F22799" s="7">
        <v>38657</v>
      </c>
      <c r="G22799" s="8">
        <v>1</v>
      </c>
      <c r="H22799" s="8">
        <v>1</v>
      </c>
      <c r="I22799" s="8">
        <v>0</v>
      </c>
      <c r="J22799" s="8">
        <v>1</v>
      </c>
      <c r="K22799" s="9">
        <v>18</v>
      </c>
      <c r="L22799" s="6" t="s">
        <v>4151</v>
      </c>
    </row>
    <row r="22800" spans="1:12">
      <c r="A22800" s="6" t="s">
        <v>4151</v>
      </c>
      <c r="B22800" s="6"/>
      <c r="C22800" s="6" t="s">
        <v>22836</v>
      </c>
      <c r="D22800" s="6"/>
      <c r="E22800" s="6" t="s">
        <v>9</v>
      </c>
      <c r="F22800" s="7">
        <v>38657</v>
      </c>
      <c r="G22800" s="8">
        <v>1</v>
      </c>
      <c r="H22800" s="8">
        <v>1</v>
      </c>
      <c r="I22800" s="8">
        <v>0</v>
      </c>
      <c r="J22800" s="8">
        <v>1</v>
      </c>
      <c r="K22800" s="9">
        <v>26</v>
      </c>
      <c r="L22800" s="6" t="s">
        <v>4151</v>
      </c>
    </row>
    <row r="22801" spans="1:12">
      <c r="A22801" s="6" t="s">
        <v>4151</v>
      </c>
      <c r="B22801" s="6"/>
      <c r="C22801" s="6" t="s">
        <v>22837</v>
      </c>
      <c r="D22801" s="6"/>
      <c r="E22801" s="6" t="s">
        <v>9</v>
      </c>
      <c r="F22801" s="7">
        <v>38657</v>
      </c>
      <c r="G22801" s="8">
        <v>1</v>
      </c>
      <c r="H22801" s="8">
        <v>1</v>
      </c>
      <c r="I22801" s="8">
        <v>0</v>
      </c>
      <c r="J22801" s="8">
        <v>1</v>
      </c>
      <c r="K22801" s="9">
        <v>45</v>
      </c>
      <c r="L22801" s="6" t="s">
        <v>4151</v>
      </c>
    </row>
    <row r="22802" spans="1:12">
      <c r="A22802" s="6" t="s">
        <v>4151</v>
      </c>
      <c r="B22802" s="6"/>
      <c r="C22802" s="6" t="s">
        <v>22838</v>
      </c>
      <c r="D22802" s="6"/>
      <c r="E22802" s="6" t="s">
        <v>9</v>
      </c>
      <c r="F22802" s="7">
        <v>38657</v>
      </c>
      <c r="G22802" s="8">
        <v>1</v>
      </c>
      <c r="H22802" s="8">
        <v>1</v>
      </c>
      <c r="I22802" s="8">
        <v>0</v>
      </c>
      <c r="J22802" s="8">
        <v>1</v>
      </c>
      <c r="K22802" s="9">
        <v>62</v>
      </c>
      <c r="L22802" s="6" t="s">
        <v>4151</v>
      </c>
    </row>
    <row r="22803" spans="1:12">
      <c r="A22803" s="6" t="s">
        <v>4151</v>
      </c>
      <c r="B22803" s="6"/>
      <c r="C22803" s="6" t="s">
        <v>22839</v>
      </c>
      <c r="D22803" s="6"/>
      <c r="E22803" s="6" t="s">
        <v>9</v>
      </c>
      <c r="F22803" s="7">
        <v>38657</v>
      </c>
      <c r="G22803" s="8">
        <v>1</v>
      </c>
      <c r="H22803" s="8">
        <v>1</v>
      </c>
      <c r="I22803" s="8">
        <v>0</v>
      </c>
      <c r="J22803" s="8">
        <v>1</v>
      </c>
      <c r="K22803" s="9">
        <v>36</v>
      </c>
      <c r="L22803" s="6" t="s">
        <v>4151</v>
      </c>
    </row>
    <row r="22804" spans="1:12">
      <c r="A22804" s="6" t="s">
        <v>4151</v>
      </c>
      <c r="B22804" s="6"/>
      <c r="C22804" s="6" t="s">
        <v>22840</v>
      </c>
      <c r="D22804" s="6"/>
      <c r="E22804" s="6" t="s">
        <v>9</v>
      </c>
      <c r="F22804" s="7">
        <v>38657</v>
      </c>
      <c r="G22804" s="8">
        <v>1</v>
      </c>
      <c r="H22804" s="8">
        <v>1</v>
      </c>
      <c r="I22804" s="8">
        <v>0</v>
      </c>
      <c r="J22804" s="8">
        <v>1</v>
      </c>
      <c r="K22804" s="9">
        <v>9.9600000000000009</v>
      </c>
      <c r="L22804" s="6" t="s">
        <v>4151</v>
      </c>
    </row>
    <row r="22805" spans="1:12">
      <c r="A22805" s="6" t="s">
        <v>4151</v>
      </c>
      <c r="B22805" s="6"/>
      <c r="C22805" s="6" t="s">
        <v>22841</v>
      </c>
      <c r="D22805" s="6"/>
      <c r="E22805" s="6" t="s">
        <v>9</v>
      </c>
      <c r="F22805" s="7">
        <v>38657</v>
      </c>
      <c r="G22805" s="8">
        <v>1</v>
      </c>
      <c r="H22805" s="8">
        <v>1</v>
      </c>
      <c r="I22805" s="8">
        <v>0</v>
      </c>
      <c r="J22805" s="8">
        <v>1</v>
      </c>
      <c r="K22805" s="9">
        <v>34</v>
      </c>
      <c r="L22805" s="6" t="s">
        <v>4151</v>
      </c>
    </row>
    <row r="22806" spans="1:12">
      <c r="A22806" s="6" t="s">
        <v>4151</v>
      </c>
      <c r="B22806" s="6"/>
      <c r="C22806" s="6" t="s">
        <v>22842</v>
      </c>
      <c r="D22806" s="6"/>
      <c r="E22806" s="6" t="s">
        <v>9</v>
      </c>
      <c r="F22806" s="7">
        <v>38657</v>
      </c>
      <c r="G22806" s="8">
        <v>1</v>
      </c>
      <c r="H22806" s="8">
        <v>1</v>
      </c>
      <c r="I22806" s="8">
        <v>0</v>
      </c>
      <c r="J22806" s="8">
        <v>1</v>
      </c>
      <c r="K22806" s="9">
        <v>38</v>
      </c>
      <c r="L22806" s="6" t="s">
        <v>4151</v>
      </c>
    </row>
    <row r="22807" spans="1:12">
      <c r="A22807" s="6" t="s">
        <v>4151</v>
      </c>
      <c r="B22807" s="6"/>
      <c r="C22807" s="6" t="s">
        <v>22843</v>
      </c>
      <c r="D22807" s="6"/>
      <c r="E22807" s="6" t="s">
        <v>9</v>
      </c>
      <c r="F22807" s="7">
        <v>38657</v>
      </c>
      <c r="G22807" s="8">
        <v>1</v>
      </c>
      <c r="H22807" s="8">
        <v>1</v>
      </c>
      <c r="I22807" s="8">
        <v>0</v>
      </c>
      <c r="J22807" s="8">
        <v>1</v>
      </c>
      <c r="K22807" s="9">
        <v>61</v>
      </c>
      <c r="L22807" s="6" t="s">
        <v>4151</v>
      </c>
    </row>
    <row r="22808" spans="1:12">
      <c r="A22808" s="6" t="s">
        <v>4151</v>
      </c>
      <c r="B22808" s="6"/>
      <c r="C22808" s="6" t="s">
        <v>22844</v>
      </c>
      <c r="D22808" s="6"/>
      <c r="E22808" s="6" t="s">
        <v>9</v>
      </c>
      <c r="F22808" s="7">
        <v>38657</v>
      </c>
      <c r="G22808" s="8">
        <v>1</v>
      </c>
      <c r="H22808" s="8">
        <v>1</v>
      </c>
      <c r="I22808" s="8">
        <v>0</v>
      </c>
      <c r="J22808" s="8">
        <v>1</v>
      </c>
      <c r="K22808" s="9">
        <v>54</v>
      </c>
      <c r="L22808" s="6" t="s">
        <v>4151</v>
      </c>
    </row>
    <row r="22809" spans="1:12">
      <c r="A22809" s="6" t="s">
        <v>4151</v>
      </c>
      <c r="B22809" s="6"/>
      <c r="C22809" s="6" t="s">
        <v>22845</v>
      </c>
      <c r="D22809" s="6"/>
      <c r="E22809" s="6" t="s">
        <v>9</v>
      </c>
      <c r="F22809" s="7">
        <v>38657</v>
      </c>
      <c r="G22809" s="8">
        <v>1</v>
      </c>
      <c r="H22809" s="8">
        <v>1</v>
      </c>
      <c r="I22809" s="8">
        <v>0</v>
      </c>
      <c r="J22809" s="8">
        <v>1</v>
      </c>
      <c r="K22809" s="9">
        <v>137</v>
      </c>
      <c r="L22809" s="6" t="s">
        <v>4151</v>
      </c>
    </row>
    <row r="22810" spans="1:12">
      <c r="A22810" s="6" t="s">
        <v>4151</v>
      </c>
      <c r="B22810" s="6"/>
      <c r="C22810" s="6" t="s">
        <v>22846</v>
      </c>
      <c r="D22810" s="6"/>
      <c r="E22810" s="6" t="s">
        <v>9</v>
      </c>
      <c r="F22810" s="7">
        <v>38657</v>
      </c>
      <c r="G22810" s="8">
        <v>1</v>
      </c>
      <c r="H22810" s="8">
        <v>1</v>
      </c>
      <c r="I22810" s="8">
        <v>0</v>
      </c>
      <c r="J22810" s="8">
        <v>1</v>
      </c>
      <c r="K22810" s="9">
        <v>295</v>
      </c>
      <c r="L22810" s="6" t="s">
        <v>4151</v>
      </c>
    </row>
    <row r="22811" spans="1:12">
      <c r="A22811" s="6" t="s">
        <v>4151</v>
      </c>
      <c r="B22811" s="6"/>
      <c r="C22811" s="6" t="s">
        <v>22847</v>
      </c>
      <c r="D22811" s="6"/>
      <c r="E22811" s="6" t="s">
        <v>9</v>
      </c>
      <c r="F22811" s="7">
        <v>38657</v>
      </c>
      <c r="G22811" s="8">
        <v>1</v>
      </c>
      <c r="H22811" s="8">
        <v>1</v>
      </c>
      <c r="I22811" s="8">
        <v>0</v>
      </c>
      <c r="J22811" s="8">
        <v>1</v>
      </c>
      <c r="K22811" s="9">
        <v>2.63</v>
      </c>
      <c r="L22811" s="6" t="s">
        <v>4151</v>
      </c>
    </row>
    <row r="22812" spans="1:12">
      <c r="A22812" s="6" t="s">
        <v>4151</v>
      </c>
      <c r="B22812" s="6"/>
      <c r="C22812" s="6" t="s">
        <v>22848</v>
      </c>
      <c r="D22812" s="6"/>
      <c r="E22812" s="6" t="s">
        <v>9</v>
      </c>
      <c r="F22812" s="7">
        <v>38657</v>
      </c>
      <c r="G22812" s="8">
        <v>1</v>
      </c>
      <c r="H22812" s="8">
        <v>1</v>
      </c>
      <c r="I22812" s="8">
        <v>0</v>
      </c>
      <c r="J22812" s="8">
        <v>1</v>
      </c>
      <c r="K22812" s="9">
        <v>56</v>
      </c>
      <c r="L22812" s="6" t="s">
        <v>4151</v>
      </c>
    </row>
    <row r="22813" spans="1:12">
      <c r="A22813" s="6" t="s">
        <v>4151</v>
      </c>
      <c r="B22813" s="6"/>
      <c r="C22813" s="6" t="s">
        <v>22849</v>
      </c>
      <c r="D22813" s="6"/>
      <c r="E22813" s="6" t="s">
        <v>9</v>
      </c>
      <c r="F22813" s="7">
        <v>38657</v>
      </c>
      <c r="G22813" s="8">
        <v>1</v>
      </c>
      <c r="H22813" s="8">
        <v>1</v>
      </c>
      <c r="I22813" s="8">
        <v>0</v>
      </c>
      <c r="J22813" s="8">
        <v>1</v>
      </c>
      <c r="K22813" s="9">
        <v>596</v>
      </c>
      <c r="L22813" s="6" t="s">
        <v>4151</v>
      </c>
    </row>
    <row r="22814" spans="1:12">
      <c r="A22814" s="6" t="s">
        <v>4151</v>
      </c>
      <c r="B22814" s="6"/>
      <c r="C22814" s="6" t="s">
        <v>22850</v>
      </c>
      <c r="D22814" s="6"/>
      <c r="E22814" s="6" t="s">
        <v>9</v>
      </c>
      <c r="F22814" s="7">
        <v>38657</v>
      </c>
      <c r="G22814" s="8">
        <v>1</v>
      </c>
      <c r="H22814" s="8">
        <v>1</v>
      </c>
      <c r="I22814" s="8">
        <v>0</v>
      </c>
      <c r="J22814" s="8">
        <v>1</v>
      </c>
      <c r="K22814" s="9">
        <v>173</v>
      </c>
      <c r="L22814" s="6" t="s">
        <v>4151</v>
      </c>
    </row>
    <row r="22815" spans="1:12">
      <c r="A22815" s="6" t="s">
        <v>4151</v>
      </c>
      <c r="B22815" s="6"/>
      <c r="C22815" s="6" t="s">
        <v>22851</v>
      </c>
      <c r="D22815" s="6"/>
      <c r="E22815" s="6" t="s">
        <v>9</v>
      </c>
      <c r="F22815" s="7">
        <v>38657</v>
      </c>
      <c r="G22815" s="8">
        <v>1</v>
      </c>
      <c r="H22815" s="8">
        <v>1</v>
      </c>
      <c r="I22815" s="8">
        <v>0</v>
      </c>
      <c r="J22815" s="8">
        <v>1</v>
      </c>
      <c r="K22815" s="9">
        <v>10</v>
      </c>
      <c r="L22815" s="6" t="s">
        <v>4151</v>
      </c>
    </row>
    <row r="22816" spans="1:12">
      <c r="A22816" s="6" t="s">
        <v>4151</v>
      </c>
      <c r="B22816" s="6"/>
      <c r="C22816" s="6" t="s">
        <v>22852</v>
      </c>
      <c r="D22816" s="6"/>
      <c r="E22816" s="6" t="s">
        <v>9</v>
      </c>
      <c r="F22816" s="7">
        <v>38657</v>
      </c>
      <c r="G22816" s="8">
        <v>1</v>
      </c>
      <c r="H22816" s="8">
        <v>1</v>
      </c>
      <c r="I22816" s="8">
        <v>0</v>
      </c>
      <c r="J22816" s="8">
        <v>1</v>
      </c>
      <c r="K22816" s="9">
        <v>227</v>
      </c>
      <c r="L22816" s="6" t="s">
        <v>4151</v>
      </c>
    </row>
    <row r="22817" spans="1:12">
      <c r="A22817" s="6" t="s">
        <v>4151</v>
      </c>
      <c r="B22817" s="6"/>
      <c r="C22817" s="6" t="s">
        <v>22853</v>
      </c>
      <c r="D22817" s="6"/>
      <c r="E22817" s="6" t="s">
        <v>9</v>
      </c>
      <c r="F22817" s="7">
        <v>38657</v>
      </c>
      <c r="G22817" s="8">
        <v>1</v>
      </c>
      <c r="H22817" s="8">
        <v>1</v>
      </c>
      <c r="I22817" s="8">
        <v>0</v>
      </c>
      <c r="J22817" s="8">
        <v>1</v>
      </c>
      <c r="K22817" s="9">
        <v>12</v>
      </c>
      <c r="L22817" s="6" t="s">
        <v>4151</v>
      </c>
    </row>
    <row r="22818" spans="1:12">
      <c r="A22818" s="6" t="s">
        <v>4151</v>
      </c>
      <c r="B22818" s="6"/>
      <c r="C22818" s="6" t="s">
        <v>22854</v>
      </c>
      <c r="D22818" s="6"/>
      <c r="E22818" s="6" t="s">
        <v>9</v>
      </c>
      <c r="F22818" s="7">
        <v>38657</v>
      </c>
      <c r="G22818" s="8">
        <v>1</v>
      </c>
      <c r="H22818" s="8">
        <v>1</v>
      </c>
      <c r="I22818" s="8">
        <v>0</v>
      </c>
      <c r="J22818" s="8">
        <v>1</v>
      </c>
      <c r="K22818" s="9">
        <v>52</v>
      </c>
      <c r="L22818" s="6" t="s">
        <v>4151</v>
      </c>
    </row>
    <row r="22819" spans="1:12">
      <c r="A22819" s="6" t="s">
        <v>4151</v>
      </c>
      <c r="B22819" s="6"/>
      <c r="C22819" s="6" t="s">
        <v>22855</v>
      </c>
      <c r="D22819" s="6"/>
      <c r="E22819" s="6" t="s">
        <v>9</v>
      </c>
      <c r="F22819" s="7">
        <v>29148</v>
      </c>
      <c r="G22819" s="8">
        <v>1</v>
      </c>
      <c r="H22819" s="8">
        <v>1</v>
      </c>
      <c r="I22819" s="8">
        <v>0</v>
      </c>
      <c r="J22819" s="8">
        <v>1</v>
      </c>
      <c r="K22819" s="9">
        <v>0.19</v>
      </c>
      <c r="L22819" s="6" t="s">
        <v>4151</v>
      </c>
    </row>
    <row r="22820" spans="1:12">
      <c r="A22820" s="6" t="s">
        <v>4151</v>
      </c>
      <c r="B22820" s="6"/>
      <c r="C22820" s="6" t="s">
        <v>22856</v>
      </c>
      <c r="D22820" s="6"/>
      <c r="E22820" s="6" t="s">
        <v>9</v>
      </c>
      <c r="F22820" s="7">
        <v>38657</v>
      </c>
      <c r="G22820" s="8">
        <v>1</v>
      </c>
      <c r="H22820" s="8">
        <v>1</v>
      </c>
      <c r="I22820" s="8">
        <v>0</v>
      </c>
      <c r="J22820" s="8">
        <v>1</v>
      </c>
      <c r="K22820" s="9">
        <v>1.65</v>
      </c>
      <c r="L22820" s="6" t="s">
        <v>4151</v>
      </c>
    </row>
    <row r="22821" spans="1:12">
      <c r="A22821" s="6" t="s">
        <v>4151</v>
      </c>
      <c r="B22821" s="6"/>
      <c r="C22821" s="6" t="s">
        <v>22857</v>
      </c>
      <c r="D22821" s="6"/>
      <c r="E22821" s="6" t="s">
        <v>9</v>
      </c>
      <c r="F22821" s="7">
        <v>38657</v>
      </c>
      <c r="G22821" s="8">
        <v>1</v>
      </c>
      <c r="H22821" s="8">
        <v>1</v>
      </c>
      <c r="I22821" s="8">
        <v>0</v>
      </c>
      <c r="J22821" s="8">
        <v>1</v>
      </c>
      <c r="K22821" s="9">
        <v>5.01</v>
      </c>
      <c r="L22821" s="6" t="s">
        <v>4151</v>
      </c>
    </row>
    <row r="22822" spans="1:12">
      <c r="A22822" s="6" t="s">
        <v>4151</v>
      </c>
      <c r="B22822" s="6"/>
      <c r="C22822" s="6" t="s">
        <v>22858</v>
      </c>
      <c r="D22822" s="6"/>
      <c r="E22822" s="6" t="s">
        <v>9</v>
      </c>
      <c r="F22822" s="7">
        <v>38657</v>
      </c>
      <c r="G22822" s="8">
        <v>1</v>
      </c>
      <c r="H22822" s="8">
        <v>1</v>
      </c>
      <c r="I22822" s="8">
        <v>0</v>
      </c>
      <c r="J22822" s="8">
        <v>1</v>
      </c>
      <c r="K22822" s="9">
        <v>9.1999999999999904</v>
      </c>
      <c r="L22822" s="6" t="s">
        <v>4151</v>
      </c>
    </row>
    <row r="22823" spans="1:12">
      <c r="A22823" s="6" t="s">
        <v>4151</v>
      </c>
      <c r="B22823" s="6"/>
      <c r="C22823" s="6" t="s">
        <v>22859</v>
      </c>
      <c r="D22823" s="6"/>
      <c r="E22823" s="6" t="s">
        <v>9</v>
      </c>
      <c r="F22823" s="7">
        <v>38657</v>
      </c>
      <c r="G22823" s="8">
        <v>1</v>
      </c>
      <c r="H22823" s="8">
        <v>1</v>
      </c>
      <c r="I22823" s="8">
        <v>0</v>
      </c>
      <c r="J22823" s="8">
        <v>1</v>
      </c>
      <c r="K22823" s="9">
        <v>7.77</v>
      </c>
      <c r="L22823" s="6" t="s">
        <v>4151</v>
      </c>
    </row>
    <row r="22824" spans="1:12">
      <c r="A22824" s="6" t="s">
        <v>4151</v>
      </c>
      <c r="B22824" s="6"/>
      <c r="C22824" s="6" t="s">
        <v>22860</v>
      </c>
      <c r="D22824" s="6"/>
      <c r="E22824" s="6" t="s">
        <v>9</v>
      </c>
      <c r="F22824" s="7">
        <v>38657</v>
      </c>
      <c r="G22824" s="8">
        <v>1</v>
      </c>
      <c r="H22824" s="8">
        <v>1</v>
      </c>
      <c r="I22824" s="8">
        <v>0</v>
      </c>
      <c r="J22824" s="8">
        <v>1</v>
      </c>
      <c r="K22824" s="9">
        <v>105</v>
      </c>
      <c r="L22824" s="6" t="s">
        <v>4151</v>
      </c>
    </row>
    <row r="22825" spans="1:12">
      <c r="A22825" s="6" t="s">
        <v>4151</v>
      </c>
      <c r="B22825" s="6"/>
      <c r="C22825" s="6" t="s">
        <v>22861</v>
      </c>
      <c r="D22825" s="6"/>
      <c r="E22825" s="6" t="s">
        <v>9</v>
      </c>
      <c r="F22825" s="7">
        <v>38657</v>
      </c>
      <c r="G22825" s="8">
        <v>1</v>
      </c>
      <c r="H22825" s="8">
        <v>1</v>
      </c>
      <c r="I22825" s="8">
        <v>0</v>
      </c>
      <c r="J22825" s="8">
        <v>1</v>
      </c>
      <c r="K22825" s="9">
        <v>25</v>
      </c>
      <c r="L22825" s="6" t="s">
        <v>4151</v>
      </c>
    </row>
    <row r="22826" spans="1:12">
      <c r="A22826" s="6" t="s">
        <v>4151</v>
      </c>
      <c r="B22826" s="6"/>
      <c r="C22826" s="6" t="s">
        <v>22862</v>
      </c>
      <c r="D22826" s="6"/>
      <c r="E22826" s="6" t="s">
        <v>9</v>
      </c>
      <c r="F22826" s="7">
        <v>38657</v>
      </c>
      <c r="G22826" s="8">
        <v>1</v>
      </c>
      <c r="H22826" s="8">
        <v>1</v>
      </c>
      <c r="I22826" s="8">
        <v>0</v>
      </c>
      <c r="J22826" s="8">
        <v>1</v>
      </c>
      <c r="K22826" s="9">
        <v>7.54</v>
      </c>
      <c r="L22826" s="6" t="s">
        <v>4151</v>
      </c>
    </row>
    <row r="22827" spans="1:12">
      <c r="A22827" s="6" t="s">
        <v>4151</v>
      </c>
      <c r="B22827" s="6"/>
      <c r="C22827" s="6" t="s">
        <v>22863</v>
      </c>
      <c r="D22827" s="6"/>
      <c r="E22827" s="6" t="s">
        <v>9</v>
      </c>
      <c r="F22827" s="7">
        <v>38657</v>
      </c>
      <c r="G22827" s="8">
        <v>1</v>
      </c>
      <c r="H22827" s="8">
        <v>1</v>
      </c>
      <c r="I22827" s="8">
        <v>0</v>
      </c>
      <c r="J22827" s="8">
        <v>1</v>
      </c>
      <c r="K22827" s="9">
        <v>7.32</v>
      </c>
      <c r="L22827" s="6" t="s">
        <v>4151</v>
      </c>
    </row>
    <row r="22828" spans="1:12">
      <c r="A22828" s="6" t="s">
        <v>4151</v>
      </c>
      <c r="B22828" s="6"/>
      <c r="C22828" s="6" t="s">
        <v>22864</v>
      </c>
      <c r="D22828" s="6"/>
      <c r="E22828" s="6" t="s">
        <v>9</v>
      </c>
      <c r="F22828" s="7">
        <v>38657</v>
      </c>
      <c r="G22828" s="8">
        <v>1</v>
      </c>
      <c r="H22828" s="8">
        <v>1</v>
      </c>
      <c r="I22828" s="8">
        <v>0</v>
      </c>
      <c r="J22828" s="8">
        <v>1</v>
      </c>
      <c r="K22828" s="9">
        <v>23</v>
      </c>
      <c r="L22828" s="6" t="s">
        <v>4151</v>
      </c>
    </row>
    <row r="22829" spans="1:12">
      <c r="A22829" s="6" t="s">
        <v>4151</v>
      </c>
      <c r="B22829" s="6"/>
      <c r="C22829" s="6" t="s">
        <v>22865</v>
      </c>
      <c r="D22829" s="6"/>
      <c r="E22829" s="6" t="s">
        <v>9</v>
      </c>
      <c r="F22829" s="7">
        <v>38657</v>
      </c>
      <c r="G22829" s="8">
        <v>1</v>
      </c>
      <c r="H22829" s="8">
        <v>1</v>
      </c>
      <c r="I22829" s="8">
        <v>0</v>
      </c>
      <c r="J22829" s="8">
        <v>1</v>
      </c>
      <c r="K22829" s="9">
        <v>11</v>
      </c>
      <c r="L22829" s="6" t="s">
        <v>4151</v>
      </c>
    </row>
    <row r="22830" spans="1:12">
      <c r="A22830" s="6" t="s">
        <v>4151</v>
      </c>
      <c r="B22830" s="6"/>
      <c r="C22830" s="6" t="s">
        <v>22866</v>
      </c>
      <c r="D22830" s="6"/>
      <c r="E22830" s="6" t="s">
        <v>9</v>
      </c>
      <c r="F22830" s="7">
        <v>38657</v>
      </c>
      <c r="G22830" s="8">
        <v>1</v>
      </c>
      <c r="H22830" s="8">
        <v>1</v>
      </c>
      <c r="I22830" s="8">
        <v>0</v>
      </c>
      <c r="J22830" s="8">
        <v>1</v>
      </c>
      <c r="K22830" s="9">
        <v>11</v>
      </c>
      <c r="L22830" s="6" t="s">
        <v>4151</v>
      </c>
    </row>
    <row r="22831" spans="1:12">
      <c r="A22831" s="6" t="s">
        <v>4151</v>
      </c>
      <c r="B22831" s="6"/>
      <c r="C22831" s="6" t="s">
        <v>22867</v>
      </c>
      <c r="D22831" s="6"/>
      <c r="E22831" s="6" t="s">
        <v>9</v>
      </c>
      <c r="F22831" s="7">
        <v>38657</v>
      </c>
      <c r="G22831" s="8">
        <v>1</v>
      </c>
      <c r="H22831" s="8">
        <v>1</v>
      </c>
      <c r="I22831" s="8">
        <v>0</v>
      </c>
      <c r="J22831" s="8">
        <v>1</v>
      </c>
      <c r="K22831" s="9">
        <v>25</v>
      </c>
      <c r="L22831" s="6" t="s">
        <v>4151</v>
      </c>
    </row>
    <row r="22832" spans="1:12">
      <c r="A22832" s="6" t="s">
        <v>4151</v>
      </c>
      <c r="B22832" s="6"/>
      <c r="C22832" s="6" t="s">
        <v>22868</v>
      </c>
      <c r="D22832" s="6"/>
      <c r="E22832" s="6" t="s">
        <v>9</v>
      </c>
      <c r="F22832" s="7">
        <v>38657</v>
      </c>
      <c r="G22832" s="8">
        <v>1</v>
      </c>
      <c r="H22832" s="8">
        <v>1</v>
      </c>
      <c r="I22832" s="8">
        <v>0</v>
      </c>
      <c r="J22832" s="8">
        <v>1</v>
      </c>
      <c r="K22832" s="9">
        <v>19</v>
      </c>
      <c r="L22832" s="6" t="s">
        <v>4151</v>
      </c>
    </row>
    <row r="22833" spans="1:12">
      <c r="A22833" s="6" t="s">
        <v>4151</v>
      </c>
      <c r="B22833" s="6"/>
      <c r="C22833" s="6" t="s">
        <v>22869</v>
      </c>
      <c r="D22833" s="6"/>
      <c r="E22833" s="6" t="s">
        <v>9</v>
      </c>
      <c r="F22833" s="7">
        <v>38657</v>
      </c>
      <c r="G22833" s="8">
        <v>1</v>
      </c>
      <c r="H22833" s="8">
        <v>1</v>
      </c>
      <c r="I22833" s="8">
        <v>0</v>
      </c>
      <c r="J22833" s="8">
        <v>1</v>
      </c>
      <c r="K22833" s="9">
        <v>69</v>
      </c>
      <c r="L22833" s="6" t="s">
        <v>4151</v>
      </c>
    </row>
    <row r="22834" spans="1:12">
      <c r="A22834" s="6" t="s">
        <v>4151</v>
      </c>
      <c r="B22834" s="6"/>
      <c r="C22834" s="6" t="s">
        <v>22870</v>
      </c>
      <c r="D22834" s="6"/>
      <c r="E22834" s="6" t="s">
        <v>9</v>
      </c>
      <c r="F22834" s="7">
        <v>38657</v>
      </c>
      <c r="G22834" s="8">
        <v>1</v>
      </c>
      <c r="H22834" s="8">
        <v>1</v>
      </c>
      <c r="I22834" s="8">
        <v>0</v>
      </c>
      <c r="J22834" s="8">
        <v>1</v>
      </c>
      <c r="K22834" s="9">
        <v>18</v>
      </c>
      <c r="L22834" s="6" t="s">
        <v>4151</v>
      </c>
    </row>
    <row r="22835" spans="1:12">
      <c r="A22835" s="6" t="s">
        <v>4151</v>
      </c>
      <c r="B22835" s="6"/>
      <c r="C22835" s="6" t="s">
        <v>22871</v>
      </c>
      <c r="D22835" s="6"/>
      <c r="E22835" s="6" t="s">
        <v>9</v>
      </c>
      <c r="F22835" s="7">
        <v>38657</v>
      </c>
      <c r="G22835" s="8">
        <v>1</v>
      </c>
      <c r="H22835" s="8">
        <v>1</v>
      </c>
      <c r="I22835" s="8">
        <v>0</v>
      </c>
      <c r="J22835" s="8">
        <v>1</v>
      </c>
      <c r="K22835" s="9">
        <v>395</v>
      </c>
      <c r="L22835" s="6" t="s">
        <v>4151</v>
      </c>
    </row>
    <row r="22836" spans="1:12">
      <c r="A22836" s="6" t="s">
        <v>4151</v>
      </c>
      <c r="B22836" s="6"/>
      <c r="C22836" s="6" t="s">
        <v>22872</v>
      </c>
      <c r="D22836" s="6"/>
      <c r="E22836" s="6" t="s">
        <v>9</v>
      </c>
      <c r="F22836" s="7">
        <v>38657</v>
      </c>
      <c r="G22836" s="8">
        <v>1</v>
      </c>
      <c r="H22836" s="8">
        <v>1</v>
      </c>
      <c r="I22836" s="8">
        <v>0</v>
      </c>
      <c r="J22836" s="8">
        <v>1</v>
      </c>
      <c r="K22836" s="9">
        <v>8.1999999999999904</v>
      </c>
      <c r="L22836" s="6" t="s">
        <v>4151</v>
      </c>
    </row>
    <row r="22837" spans="1:12">
      <c r="A22837" s="6" t="s">
        <v>4151</v>
      </c>
      <c r="B22837" s="6"/>
      <c r="C22837" s="6" t="s">
        <v>22873</v>
      </c>
      <c r="D22837" s="6"/>
      <c r="E22837" s="6" t="s">
        <v>9</v>
      </c>
      <c r="F22837" s="7">
        <v>38657</v>
      </c>
      <c r="G22837" s="8">
        <v>1</v>
      </c>
      <c r="H22837" s="8">
        <v>1</v>
      </c>
      <c r="I22837" s="8">
        <v>0</v>
      </c>
      <c r="J22837" s="8">
        <v>1</v>
      </c>
      <c r="K22837" s="9">
        <v>30</v>
      </c>
      <c r="L22837" s="6" t="s">
        <v>4151</v>
      </c>
    </row>
    <row r="22838" spans="1:12">
      <c r="A22838" s="6" t="s">
        <v>4151</v>
      </c>
      <c r="B22838" s="6"/>
      <c r="C22838" s="6" t="s">
        <v>22874</v>
      </c>
      <c r="D22838" s="6"/>
      <c r="E22838" s="6" t="s">
        <v>9</v>
      </c>
      <c r="F22838" s="7">
        <v>38657</v>
      </c>
      <c r="G22838" s="8">
        <v>1</v>
      </c>
      <c r="H22838" s="8">
        <v>1</v>
      </c>
      <c r="I22838" s="8">
        <v>0</v>
      </c>
      <c r="J22838" s="8">
        <v>1</v>
      </c>
      <c r="K22838" s="9">
        <v>40</v>
      </c>
      <c r="L22838" s="6" t="s">
        <v>4151</v>
      </c>
    </row>
    <row r="22839" spans="1:12">
      <c r="A22839" s="6" t="s">
        <v>4151</v>
      </c>
      <c r="B22839" s="6"/>
      <c r="C22839" s="6" t="s">
        <v>22875</v>
      </c>
      <c r="D22839" s="6"/>
      <c r="E22839" s="6" t="s">
        <v>9</v>
      </c>
      <c r="F22839" s="7">
        <v>38657</v>
      </c>
      <c r="G22839" s="8">
        <v>1</v>
      </c>
      <c r="H22839" s="8">
        <v>1</v>
      </c>
      <c r="I22839" s="8">
        <v>0</v>
      </c>
      <c r="J22839" s="8">
        <v>1</v>
      </c>
      <c r="K22839" s="9">
        <v>49</v>
      </c>
      <c r="L22839" s="6" t="s">
        <v>4151</v>
      </c>
    </row>
    <row r="22840" spans="1:12">
      <c r="A22840" s="6" t="s">
        <v>4151</v>
      </c>
      <c r="B22840" s="6"/>
      <c r="C22840" s="6" t="s">
        <v>22876</v>
      </c>
      <c r="D22840" s="6"/>
      <c r="E22840" s="6" t="s">
        <v>9</v>
      </c>
      <c r="F22840" s="7">
        <v>38657</v>
      </c>
      <c r="G22840" s="8">
        <v>1</v>
      </c>
      <c r="H22840" s="8">
        <v>1</v>
      </c>
      <c r="I22840" s="8">
        <v>0</v>
      </c>
      <c r="J22840" s="8">
        <v>1</v>
      </c>
      <c r="K22840" s="9">
        <v>49</v>
      </c>
      <c r="L22840" s="6" t="s">
        <v>4151</v>
      </c>
    </row>
    <row r="22841" spans="1:12">
      <c r="A22841" s="6" t="s">
        <v>4151</v>
      </c>
      <c r="B22841" s="6"/>
      <c r="C22841" s="6" t="s">
        <v>22877</v>
      </c>
      <c r="D22841" s="6"/>
      <c r="E22841" s="6" t="s">
        <v>9</v>
      </c>
      <c r="F22841" s="7">
        <v>38657</v>
      </c>
      <c r="G22841" s="8">
        <v>1</v>
      </c>
      <c r="H22841" s="8">
        <v>1</v>
      </c>
      <c r="I22841" s="8">
        <v>0</v>
      </c>
      <c r="J22841" s="8">
        <v>1</v>
      </c>
      <c r="K22841" s="9">
        <v>49</v>
      </c>
      <c r="L22841" s="6" t="s">
        <v>4151</v>
      </c>
    </row>
    <row r="22842" spans="1:12">
      <c r="A22842" s="6" t="s">
        <v>4151</v>
      </c>
      <c r="B22842" s="6"/>
      <c r="C22842" s="6" t="s">
        <v>22878</v>
      </c>
      <c r="D22842" s="6"/>
      <c r="E22842" s="6" t="s">
        <v>9</v>
      </c>
      <c r="F22842" s="7">
        <v>38657</v>
      </c>
      <c r="G22842" s="8">
        <v>1</v>
      </c>
      <c r="H22842" s="8">
        <v>1</v>
      </c>
      <c r="I22842" s="8">
        <v>0</v>
      </c>
      <c r="J22842" s="8">
        <v>1</v>
      </c>
      <c r="K22842" s="9">
        <v>49</v>
      </c>
      <c r="L22842" s="6" t="s">
        <v>4151</v>
      </c>
    </row>
    <row r="22843" spans="1:12">
      <c r="A22843" s="6" t="s">
        <v>4151</v>
      </c>
      <c r="B22843" s="6"/>
      <c r="C22843" s="6" t="s">
        <v>22879</v>
      </c>
      <c r="D22843" s="6"/>
      <c r="E22843" s="6" t="s">
        <v>9</v>
      </c>
      <c r="F22843" s="7">
        <v>38657</v>
      </c>
      <c r="G22843" s="8">
        <v>1</v>
      </c>
      <c r="H22843" s="8">
        <v>1</v>
      </c>
      <c r="I22843" s="8">
        <v>0</v>
      </c>
      <c r="J22843" s="8">
        <v>1</v>
      </c>
      <c r="K22843" s="9">
        <v>49</v>
      </c>
      <c r="L22843" s="6" t="s">
        <v>4151</v>
      </c>
    </row>
    <row r="22844" spans="1:12">
      <c r="A22844" s="6" t="s">
        <v>4151</v>
      </c>
      <c r="B22844" s="6"/>
      <c r="C22844" s="6" t="s">
        <v>22880</v>
      </c>
      <c r="D22844" s="6"/>
      <c r="E22844" s="6" t="s">
        <v>9</v>
      </c>
      <c r="F22844" s="7">
        <v>38657</v>
      </c>
      <c r="G22844" s="8">
        <v>1</v>
      </c>
      <c r="H22844" s="8">
        <v>1</v>
      </c>
      <c r="I22844" s="8">
        <v>0</v>
      </c>
      <c r="J22844" s="8">
        <v>1</v>
      </c>
      <c r="K22844" s="9">
        <v>4.82</v>
      </c>
      <c r="L22844" s="6" t="s">
        <v>4151</v>
      </c>
    </row>
    <row r="22845" spans="1:12">
      <c r="A22845" s="6" t="s">
        <v>4151</v>
      </c>
      <c r="B22845" s="6"/>
      <c r="C22845" s="6" t="s">
        <v>22881</v>
      </c>
      <c r="D22845" s="6"/>
      <c r="E22845" s="6" t="s">
        <v>9</v>
      </c>
      <c r="F22845" s="7">
        <v>38657</v>
      </c>
      <c r="G22845" s="8">
        <v>1</v>
      </c>
      <c r="H22845" s="8">
        <v>1</v>
      </c>
      <c r="I22845" s="8">
        <v>0</v>
      </c>
      <c r="J22845" s="8">
        <v>1</v>
      </c>
      <c r="K22845" s="9">
        <v>6.55</v>
      </c>
      <c r="L22845" s="6" t="s">
        <v>4151</v>
      </c>
    </row>
    <row r="22846" spans="1:12">
      <c r="A22846" s="6" t="s">
        <v>4151</v>
      </c>
      <c r="B22846" s="6"/>
      <c r="C22846" s="6" t="s">
        <v>22882</v>
      </c>
      <c r="D22846" s="6"/>
      <c r="E22846" s="6" t="s">
        <v>9</v>
      </c>
      <c r="F22846" s="7">
        <v>38657</v>
      </c>
      <c r="G22846" s="8">
        <v>1</v>
      </c>
      <c r="H22846" s="8">
        <v>1</v>
      </c>
      <c r="I22846" s="8">
        <v>0</v>
      </c>
      <c r="J22846" s="8">
        <v>1</v>
      </c>
      <c r="K22846" s="9">
        <v>60</v>
      </c>
      <c r="L22846" s="6" t="s">
        <v>4151</v>
      </c>
    </row>
    <row r="22847" spans="1:12">
      <c r="A22847" s="6" t="s">
        <v>4151</v>
      </c>
      <c r="B22847" s="6"/>
      <c r="C22847" s="6" t="s">
        <v>22883</v>
      </c>
      <c r="D22847" s="6"/>
      <c r="E22847" s="6" t="s">
        <v>9</v>
      </c>
      <c r="F22847" s="7">
        <v>38657</v>
      </c>
      <c r="G22847" s="8">
        <v>1</v>
      </c>
      <c r="H22847" s="8">
        <v>1</v>
      </c>
      <c r="I22847" s="8">
        <v>0</v>
      </c>
      <c r="J22847" s="8">
        <v>1</v>
      </c>
      <c r="K22847" s="9">
        <v>10</v>
      </c>
      <c r="L22847" s="6" t="s">
        <v>4151</v>
      </c>
    </row>
    <row r="22848" spans="1:12">
      <c r="A22848" s="6" t="s">
        <v>4151</v>
      </c>
      <c r="B22848" s="6"/>
      <c r="C22848" s="6" t="s">
        <v>22884</v>
      </c>
      <c r="D22848" s="6"/>
      <c r="E22848" s="6" t="s">
        <v>9</v>
      </c>
      <c r="F22848" s="7">
        <v>38657</v>
      </c>
      <c r="G22848" s="8">
        <v>1</v>
      </c>
      <c r="H22848" s="8">
        <v>1</v>
      </c>
      <c r="I22848" s="8">
        <v>0</v>
      </c>
      <c r="J22848" s="8">
        <v>1</v>
      </c>
      <c r="K22848" s="9">
        <v>10</v>
      </c>
      <c r="L22848" s="6" t="s">
        <v>4151</v>
      </c>
    </row>
    <row r="22849" spans="1:12">
      <c r="A22849" s="6" t="s">
        <v>4151</v>
      </c>
      <c r="B22849" s="6"/>
      <c r="C22849" s="6" t="s">
        <v>22885</v>
      </c>
      <c r="D22849" s="6"/>
      <c r="E22849" s="6" t="s">
        <v>9</v>
      </c>
      <c r="F22849" s="7">
        <v>38657</v>
      </c>
      <c r="G22849" s="8">
        <v>1</v>
      </c>
      <c r="H22849" s="8">
        <v>1</v>
      </c>
      <c r="I22849" s="8">
        <v>0</v>
      </c>
      <c r="J22849" s="8">
        <v>1</v>
      </c>
      <c r="K22849" s="9">
        <v>10</v>
      </c>
      <c r="L22849" s="6" t="s">
        <v>4151</v>
      </c>
    </row>
    <row r="22850" spans="1:12">
      <c r="A22850" s="6" t="s">
        <v>4151</v>
      </c>
      <c r="B22850" s="6"/>
      <c r="C22850" s="6" t="s">
        <v>22886</v>
      </c>
      <c r="D22850" s="6"/>
      <c r="E22850" s="6" t="s">
        <v>9</v>
      </c>
      <c r="F22850" s="7">
        <v>38657</v>
      </c>
      <c r="G22850" s="8">
        <v>1</v>
      </c>
      <c r="H22850" s="8">
        <v>1</v>
      </c>
      <c r="I22850" s="8">
        <v>0</v>
      </c>
      <c r="J22850" s="8">
        <v>1</v>
      </c>
      <c r="K22850" s="9">
        <v>10</v>
      </c>
      <c r="L22850" s="6" t="s">
        <v>4151</v>
      </c>
    </row>
    <row r="22851" spans="1:12">
      <c r="A22851" s="6" t="s">
        <v>4151</v>
      </c>
      <c r="B22851" s="6"/>
      <c r="C22851" s="6" t="s">
        <v>22887</v>
      </c>
      <c r="D22851" s="6"/>
      <c r="E22851" s="6" t="s">
        <v>9</v>
      </c>
      <c r="F22851" s="7">
        <v>38657</v>
      </c>
      <c r="G22851" s="8">
        <v>1</v>
      </c>
      <c r="H22851" s="8">
        <v>1</v>
      </c>
      <c r="I22851" s="8">
        <v>0</v>
      </c>
      <c r="J22851" s="8">
        <v>1</v>
      </c>
      <c r="K22851" s="9">
        <v>9.39</v>
      </c>
      <c r="L22851" s="6" t="s">
        <v>4151</v>
      </c>
    </row>
    <row r="22852" spans="1:12">
      <c r="A22852" s="6" t="s">
        <v>4151</v>
      </c>
      <c r="B22852" s="6"/>
      <c r="C22852" s="6" t="s">
        <v>22888</v>
      </c>
      <c r="D22852" s="6"/>
      <c r="E22852" s="6" t="s">
        <v>9</v>
      </c>
      <c r="F22852" s="7">
        <v>38657</v>
      </c>
      <c r="G22852" s="8">
        <v>1</v>
      </c>
      <c r="H22852" s="8">
        <v>1</v>
      </c>
      <c r="I22852" s="8">
        <v>0</v>
      </c>
      <c r="J22852" s="8">
        <v>1</v>
      </c>
      <c r="K22852" s="9">
        <v>20</v>
      </c>
      <c r="L22852" s="6" t="s">
        <v>4151</v>
      </c>
    </row>
    <row r="22853" spans="1:12">
      <c r="A22853" s="6" t="s">
        <v>4151</v>
      </c>
      <c r="B22853" s="6"/>
      <c r="C22853" s="6" t="s">
        <v>22889</v>
      </c>
      <c r="D22853" s="6"/>
      <c r="E22853" s="6" t="s">
        <v>9</v>
      </c>
      <c r="F22853" s="7">
        <v>38657</v>
      </c>
      <c r="G22853" s="8">
        <v>1</v>
      </c>
      <c r="H22853" s="8">
        <v>1</v>
      </c>
      <c r="I22853" s="8">
        <v>0</v>
      </c>
      <c r="J22853" s="8">
        <v>1</v>
      </c>
      <c r="K22853" s="9">
        <v>10</v>
      </c>
      <c r="L22853" s="6" t="s">
        <v>4151</v>
      </c>
    </row>
    <row r="22854" spans="1:12">
      <c r="A22854" s="6" t="s">
        <v>4151</v>
      </c>
      <c r="B22854" s="6"/>
      <c r="C22854" s="6" t="s">
        <v>22890</v>
      </c>
      <c r="D22854" s="6"/>
      <c r="E22854" s="6" t="s">
        <v>9</v>
      </c>
      <c r="F22854" s="7">
        <v>38657</v>
      </c>
      <c r="G22854" s="8">
        <v>1</v>
      </c>
      <c r="H22854" s="8">
        <v>1</v>
      </c>
      <c r="I22854" s="8">
        <v>0</v>
      </c>
      <c r="J22854" s="8">
        <v>1</v>
      </c>
      <c r="K22854" s="9">
        <v>21</v>
      </c>
      <c r="L22854" s="6" t="s">
        <v>4151</v>
      </c>
    </row>
    <row r="22855" spans="1:12">
      <c r="A22855" s="6" t="s">
        <v>4151</v>
      </c>
      <c r="B22855" s="6"/>
      <c r="C22855" s="6" t="s">
        <v>22891</v>
      </c>
      <c r="D22855" s="6"/>
      <c r="E22855" s="6" t="s">
        <v>9</v>
      </c>
      <c r="F22855" s="7">
        <v>38657</v>
      </c>
      <c r="G22855" s="8">
        <v>1</v>
      </c>
      <c r="H22855" s="8">
        <v>1</v>
      </c>
      <c r="I22855" s="8">
        <v>0</v>
      </c>
      <c r="J22855" s="8">
        <v>1</v>
      </c>
      <c r="K22855" s="9">
        <v>12</v>
      </c>
      <c r="L22855" s="6" t="s">
        <v>4151</v>
      </c>
    </row>
    <row r="22856" spans="1:12">
      <c r="A22856" s="6" t="s">
        <v>4151</v>
      </c>
      <c r="B22856" s="6"/>
      <c r="C22856" s="6" t="s">
        <v>22892</v>
      </c>
      <c r="D22856" s="6"/>
      <c r="E22856" s="6" t="s">
        <v>9</v>
      </c>
      <c r="F22856" s="7">
        <v>38657</v>
      </c>
      <c r="G22856" s="8">
        <v>1</v>
      </c>
      <c r="H22856" s="8">
        <v>1</v>
      </c>
      <c r="I22856" s="8">
        <v>0</v>
      </c>
      <c r="J22856" s="8">
        <v>1</v>
      </c>
      <c r="K22856" s="9">
        <v>7.01</v>
      </c>
      <c r="L22856" s="6" t="s">
        <v>4151</v>
      </c>
    </row>
    <row r="22857" spans="1:12">
      <c r="A22857" s="6" t="s">
        <v>4151</v>
      </c>
      <c r="B22857" s="6"/>
      <c r="C22857" s="6" t="s">
        <v>22893</v>
      </c>
      <c r="D22857" s="6"/>
      <c r="E22857" s="6" t="s">
        <v>9</v>
      </c>
      <c r="F22857" s="7">
        <v>38657</v>
      </c>
      <c r="G22857" s="8">
        <v>1</v>
      </c>
      <c r="H22857" s="8">
        <v>1</v>
      </c>
      <c r="I22857" s="8">
        <v>0</v>
      </c>
      <c r="J22857" s="8">
        <v>1</v>
      </c>
      <c r="K22857" s="9">
        <v>775</v>
      </c>
      <c r="L22857" s="6" t="s">
        <v>4151</v>
      </c>
    </row>
    <row r="22858" spans="1:12">
      <c r="A22858" s="6" t="s">
        <v>4151</v>
      </c>
      <c r="B22858" s="6"/>
      <c r="C22858" s="6" t="s">
        <v>22894</v>
      </c>
      <c r="D22858" s="6"/>
      <c r="E22858" s="6" t="s">
        <v>9</v>
      </c>
      <c r="F22858" s="7">
        <v>38657</v>
      </c>
      <c r="G22858" s="8">
        <v>1</v>
      </c>
      <c r="H22858" s="8">
        <v>1</v>
      </c>
      <c r="I22858" s="8">
        <v>0</v>
      </c>
      <c r="J22858" s="8">
        <v>1</v>
      </c>
      <c r="K22858" s="9">
        <v>10</v>
      </c>
      <c r="L22858" s="6" t="s">
        <v>4151</v>
      </c>
    </row>
    <row r="22859" spans="1:12">
      <c r="A22859" s="6" t="s">
        <v>4151</v>
      </c>
      <c r="B22859" s="6"/>
      <c r="C22859" s="6" t="s">
        <v>22895</v>
      </c>
      <c r="D22859" s="6"/>
      <c r="E22859" s="6" t="s">
        <v>9</v>
      </c>
      <c r="F22859" s="7">
        <v>38657</v>
      </c>
      <c r="G22859" s="8">
        <v>1</v>
      </c>
      <c r="H22859" s="8">
        <v>1</v>
      </c>
      <c r="I22859" s="8">
        <v>0</v>
      </c>
      <c r="J22859" s="8">
        <v>1</v>
      </c>
      <c r="K22859" s="9">
        <v>21</v>
      </c>
      <c r="L22859" s="6" t="s">
        <v>4151</v>
      </c>
    </row>
    <row r="22860" spans="1:12">
      <c r="A22860" s="6" t="s">
        <v>4151</v>
      </c>
      <c r="B22860" s="6"/>
      <c r="C22860" s="6" t="s">
        <v>22896</v>
      </c>
      <c r="D22860" s="6"/>
      <c r="E22860" s="6" t="s">
        <v>9</v>
      </c>
      <c r="F22860" s="7">
        <v>38657</v>
      </c>
      <c r="G22860" s="8">
        <v>1</v>
      </c>
      <c r="H22860" s="8">
        <v>1</v>
      </c>
      <c r="I22860" s="8">
        <v>0</v>
      </c>
      <c r="J22860" s="8">
        <v>1</v>
      </c>
      <c r="K22860" s="9">
        <v>21</v>
      </c>
      <c r="L22860" s="6" t="s">
        <v>4151</v>
      </c>
    </row>
    <row r="22861" spans="1:12">
      <c r="A22861" s="6" t="s">
        <v>4151</v>
      </c>
      <c r="B22861" s="6"/>
      <c r="C22861" s="6" t="s">
        <v>22897</v>
      </c>
      <c r="D22861" s="6"/>
      <c r="E22861" s="6" t="s">
        <v>9</v>
      </c>
      <c r="F22861" s="7">
        <v>38657</v>
      </c>
      <c r="G22861" s="8">
        <v>1</v>
      </c>
      <c r="H22861" s="8">
        <v>1</v>
      </c>
      <c r="I22861" s="8">
        <v>0</v>
      </c>
      <c r="J22861" s="8">
        <v>1</v>
      </c>
      <c r="K22861" s="9">
        <v>21</v>
      </c>
      <c r="L22861" s="6" t="s">
        <v>4151</v>
      </c>
    </row>
    <row r="22862" spans="1:12">
      <c r="A22862" s="6" t="s">
        <v>4151</v>
      </c>
      <c r="B22862" s="6"/>
      <c r="C22862" s="6" t="s">
        <v>22898</v>
      </c>
      <c r="D22862" s="6"/>
      <c r="E22862" s="6" t="s">
        <v>9</v>
      </c>
      <c r="F22862" s="7">
        <v>38657</v>
      </c>
      <c r="G22862" s="8">
        <v>1</v>
      </c>
      <c r="H22862" s="8">
        <v>1</v>
      </c>
      <c r="I22862" s="8">
        <v>0</v>
      </c>
      <c r="J22862" s="8">
        <v>1</v>
      </c>
      <c r="K22862" s="9">
        <v>21</v>
      </c>
      <c r="L22862" s="6" t="s">
        <v>4151</v>
      </c>
    </row>
    <row r="22863" spans="1:12">
      <c r="A22863" s="6" t="s">
        <v>4151</v>
      </c>
      <c r="B22863" s="6"/>
      <c r="C22863" s="6" t="s">
        <v>22899</v>
      </c>
      <c r="D22863" s="6"/>
      <c r="E22863" s="6" t="s">
        <v>9</v>
      </c>
      <c r="F22863" s="7">
        <v>38657</v>
      </c>
      <c r="G22863" s="8">
        <v>1</v>
      </c>
      <c r="H22863" s="8">
        <v>1</v>
      </c>
      <c r="I22863" s="8">
        <v>0</v>
      </c>
      <c r="J22863" s="8">
        <v>1</v>
      </c>
      <c r="K22863" s="9">
        <v>4.83</v>
      </c>
      <c r="L22863" s="6" t="s">
        <v>4151</v>
      </c>
    </row>
    <row r="22864" spans="1:12">
      <c r="A22864" s="6" t="s">
        <v>4151</v>
      </c>
      <c r="B22864" s="6"/>
      <c r="C22864" s="6" t="s">
        <v>22900</v>
      </c>
      <c r="D22864" s="6"/>
      <c r="E22864" s="6" t="s">
        <v>9</v>
      </c>
      <c r="F22864" s="7">
        <v>38657</v>
      </c>
      <c r="G22864" s="8">
        <v>1</v>
      </c>
      <c r="H22864" s="8">
        <v>1</v>
      </c>
      <c r="I22864" s="8">
        <v>0</v>
      </c>
      <c r="J22864" s="8">
        <v>1</v>
      </c>
      <c r="K22864" s="9">
        <v>16</v>
      </c>
      <c r="L22864" s="6" t="s">
        <v>4151</v>
      </c>
    </row>
    <row r="22865" spans="1:12">
      <c r="A22865" s="6" t="s">
        <v>4151</v>
      </c>
      <c r="B22865" s="6"/>
      <c r="C22865" s="6" t="s">
        <v>22901</v>
      </c>
      <c r="D22865" s="6"/>
      <c r="E22865" s="6" t="s">
        <v>9</v>
      </c>
      <c r="F22865" s="7">
        <v>38657</v>
      </c>
      <c r="G22865" s="8">
        <v>1</v>
      </c>
      <c r="H22865" s="8">
        <v>1</v>
      </c>
      <c r="I22865" s="8">
        <v>0</v>
      </c>
      <c r="J22865" s="8">
        <v>1</v>
      </c>
      <c r="K22865" s="9">
        <v>5.04</v>
      </c>
      <c r="L22865" s="6" t="s">
        <v>4151</v>
      </c>
    </row>
    <row r="22866" spans="1:12">
      <c r="A22866" s="6" t="s">
        <v>4151</v>
      </c>
      <c r="B22866" s="6"/>
      <c r="C22866" s="6" t="s">
        <v>22902</v>
      </c>
      <c r="D22866" s="6"/>
      <c r="E22866" s="6" t="s">
        <v>9</v>
      </c>
      <c r="F22866" s="7">
        <v>38657</v>
      </c>
      <c r="G22866" s="8">
        <v>1</v>
      </c>
      <c r="H22866" s="8">
        <v>1</v>
      </c>
      <c r="I22866" s="8">
        <v>0</v>
      </c>
      <c r="J22866" s="8">
        <v>1</v>
      </c>
      <c r="K22866" s="9">
        <v>3.7</v>
      </c>
      <c r="L22866" s="6" t="s">
        <v>4151</v>
      </c>
    </row>
    <row r="22867" spans="1:12">
      <c r="A22867" s="6" t="s">
        <v>4151</v>
      </c>
      <c r="B22867" s="6"/>
      <c r="C22867" s="6" t="s">
        <v>22903</v>
      </c>
      <c r="D22867" s="6"/>
      <c r="E22867" s="6" t="s">
        <v>9</v>
      </c>
      <c r="F22867" s="7">
        <v>38657</v>
      </c>
      <c r="G22867" s="8">
        <v>1</v>
      </c>
      <c r="H22867" s="8">
        <v>1</v>
      </c>
      <c r="I22867" s="8">
        <v>0</v>
      </c>
      <c r="J22867" s="8">
        <v>1</v>
      </c>
      <c r="K22867" s="9">
        <v>21</v>
      </c>
      <c r="L22867" s="6" t="s">
        <v>4151</v>
      </c>
    </row>
    <row r="22868" spans="1:12">
      <c r="A22868" s="6" t="s">
        <v>4151</v>
      </c>
      <c r="B22868" s="6"/>
      <c r="C22868" s="6" t="s">
        <v>22904</v>
      </c>
      <c r="D22868" s="6"/>
      <c r="E22868" s="6" t="s">
        <v>9</v>
      </c>
      <c r="F22868" s="7">
        <v>38657</v>
      </c>
      <c r="G22868" s="8">
        <v>1</v>
      </c>
      <c r="H22868" s="8">
        <v>1</v>
      </c>
      <c r="I22868" s="8">
        <v>0</v>
      </c>
      <c r="J22868" s="8">
        <v>1</v>
      </c>
      <c r="K22868" s="9">
        <v>116</v>
      </c>
      <c r="L22868" s="6" t="s">
        <v>4151</v>
      </c>
    </row>
    <row r="22869" spans="1:12">
      <c r="A22869" s="6" t="s">
        <v>4151</v>
      </c>
      <c r="B22869" s="6"/>
      <c r="C22869" s="6" t="s">
        <v>22905</v>
      </c>
      <c r="D22869" s="6"/>
      <c r="E22869" s="6" t="s">
        <v>9</v>
      </c>
      <c r="F22869" s="7">
        <v>38657</v>
      </c>
      <c r="G22869" s="8">
        <v>1</v>
      </c>
      <c r="H22869" s="8">
        <v>1</v>
      </c>
      <c r="I22869" s="8">
        <v>0</v>
      </c>
      <c r="J22869" s="8">
        <v>1</v>
      </c>
      <c r="K22869" s="9">
        <v>16</v>
      </c>
      <c r="L22869" s="6" t="s">
        <v>4151</v>
      </c>
    </row>
    <row r="22870" spans="1:12">
      <c r="A22870" s="6" t="s">
        <v>4151</v>
      </c>
      <c r="B22870" s="6"/>
      <c r="C22870" s="6" t="s">
        <v>22906</v>
      </c>
      <c r="D22870" s="6"/>
      <c r="E22870" s="6" t="s">
        <v>9</v>
      </c>
      <c r="F22870" s="7">
        <v>38657</v>
      </c>
      <c r="G22870" s="8">
        <v>1</v>
      </c>
      <c r="H22870" s="8">
        <v>1</v>
      </c>
      <c r="I22870" s="8">
        <v>0</v>
      </c>
      <c r="J22870" s="8">
        <v>1</v>
      </c>
      <c r="K22870" s="9">
        <v>16</v>
      </c>
      <c r="L22870" s="6" t="s">
        <v>4151</v>
      </c>
    </row>
    <row r="22871" spans="1:12">
      <c r="A22871" s="6" t="s">
        <v>4151</v>
      </c>
      <c r="B22871" s="6"/>
      <c r="C22871" s="6" t="s">
        <v>22907</v>
      </c>
      <c r="D22871" s="6"/>
      <c r="E22871" s="6" t="s">
        <v>9</v>
      </c>
      <c r="F22871" s="7">
        <v>38657</v>
      </c>
      <c r="G22871" s="8">
        <v>1</v>
      </c>
      <c r="H22871" s="8">
        <v>1</v>
      </c>
      <c r="I22871" s="8">
        <v>0</v>
      </c>
      <c r="J22871" s="8">
        <v>1</v>
      </c>
      <c r="K22871" s="9">
        <v>9.82</v>
      </c>
      <c r="L22871" s="6" t="s">
        <v>4151</v>
      </c>
    </row>
    <row r="22872" spans="1:12">
      <c r="A22872" s="6" t="s">
        <v>4151</v>
      </c>
      <c r="B22872" s="6"/>
      <c r="C22872" s="6" t="s">
        <v>22908</v>
      </c>
      <c r="D22872" s="6"/>
      <c r="E22872" s="6" t="s">
        <v>9</v>
      </c>
      <c r="F22872" s="7">
        <v>38657</v>
      </c>
      <c r="G22872" s="8">
        <v>1</v>
      </c>
      <c r="H22872" s="8">
        <v>1</v>
      </c>
      <c r="I22872" s="8">
        <v>0</v>
      </c>
      <c r="J22872" s="8">
        <v>1</v>
      </c>
      <c r="K22872" s="9">
        <v>30</v>
      </c>
      <c r="L22872" s="6" t="s">
        <v>4151</v>
      </c>
    </row>
    <row r="22873" spans="1:12">
      <c r="A22873" s="6" t="s">
        <v>4151</v>
      </c>
      <c r="B22873" s="6"/>
      <c r="C22873" s="6" t="s">
        <v>22909</v>
      </c>
      <c r="D22873" s="6"/>
      <c r="E22873" s="6" t="s">
        <v>9</v>
      </c>
      <c r="F22873" s="7">
        <v>38657</v>
      </c>
      <c r="G22873" s="8">
        <v>1</v>
      </c>
      <c r="H22873" s="8">
        <v>1</v>
      </c>
      <c r="I22873" s="8">
        <v>0</v>
      </c>
      <c r="J22873" s="8">
        <v>1</v>
      </c>
      <c r="K22873" s="9">
        <v>30</v>
      </c>
      <c r="L22873" s="6" t="s">
        <v>4151</v>
      </c>
    </row>
    <row r="22874" spans="1:12">
      <c r="A22874" s="6" t="s">
        <v>4151</v>
      </c>
      <c r="B22874" s="6"/>
      <c r="C22874" s="6" t="s">
        <v>22910</v>
      </c>
      <c r="D22874" s="6"/>
      <c r="E22874" s="6" t="s">
        <v>9</v>
      </c>
      <c r="F22874" s="7">
        <v>38657</v>
      </c>
      <c r="G22874" s="8">
        <v>1</v>
      </c>
      <c r="H22874" s="8">
        <v>1</v>
      </c>
      <c r="I22874" s="8">
        <v>0</v>
      </c>
      <c r="J22874" s="8">
        <v>1</v>
      </c>
      <c r="K22874" s="9">
        <v>23</v>
      </c>
      <c r="L22874" s="6" t="s">
        <v>4151</v>
      </c>
    </row>
    <row r="22875" spans="1:12">
      <c r="A22875" s="6" t="s">
        <v>4151</v>
      </c>
      <c r="B22875" s="6"/>
      <c r="C22875" s="6" t="s">
        <v>22911</v>
      </c>
      <c r="D22875" s="6"/>
      <c r="E22875" s="6" t="s">
        <v>9</v>
      </c>
      <c r="F22875" s="7">
        <v>38657</v>
      </c>
      <c r="G22875" s="8">
        <v>1</v>
      </c>
      <c r="H22875" s="8">
        <v>1</v>
      </c>
      <c r="I22875" s="8">
        <v>0</v>
      </c>
      <c r="J22875" s="8">
        <v>1</v>
      </c>
      <c r="K22875" s="9">
        <v>10</v>
      </c>
      <c r="L22875" s="6" t="s">
        <v>4151</v>
      </c>
    </row>
    <row r="22876" spans="1:12">
      <c r="A22876" s="6" t="s">
        <v>4151</v>
      </c>
      <c r="B22876" s="6"/>
      <c r="C22876" s="6" t="s">
        <v>22912</v>
      </c>
      <c r="D22876" s="6"/>
      <c r="E22876" s="6" t="s">
        <v>9</v>
      </c>
      <c r="F22876" s="7">
        <v>38657</v>
      </c>
      <c r="G22876" s="8">
        <v>1</v>
      </c>
      <c r="H22876" s="8">
        <v>1</v>
      </c>
      <c r="I22876" s="8">
        <v>0</v>
      </c>
      <c r="J22876" s="8">
        <v>1</v>
      </c>
      <c r="K22876" s="9">
        <v>20</v>
      </c>
      <c r="L22876" s="6" t="s">
        <v>4151</v>
      </c>
    </row>
    <row r="22877" spans="1:12">
      <c r="A22877" s="6" t="s">
        <v>4151</v>
      </c>
      <c r="B22877" s="6"/>
      <c r="C22877" s="6" t="s">
        <v>22913</v>
      </c>
      <c r="D22877" s="6"/>
      <c r="E22877" s="6" t="s">
        <v>9</v>
      </c>
      <c r="F22877" s="7">
        <v>38657</v>
      </c>
      <c r="G22877" s="8">
        <v>1</v>
      </c>
      <c r="H22877" s="8">
        <v>1</v>
      </c>
      <c r="I22877" s="8">
        <v>0</v>
      </c>
      <c r="J22877" s="8">
        <v>1</v>
      </c>
      <c r="K22877" s="9">
        <v>293</v>
      </c>
      <c r="L22877" s="6" t="s">
        <v>4151</v>
      </c>
    </row>
    <row r="22878" spans="1:12">
      <c r="A22878" s="6" t="s">
        <v>4151</v>
      </c>
      <c r="B22878" s="6"/>
      <c r="C22878" s="6" t="s">
        <v>22914</v>
      </c>
      <c r="D22878" s="6"/>
      <c r="E22878" s="6" t="s">
        <v>9</v>
      </c>
      <c r="F22878" s="7">
        <v>38657</v>
      </c>
      <c r="G22878" s="8">
        <v>1</v>
      </c>
      <c r="H22878" s="8">
        <v>1</v>
      </c>
      <c r="I22878" s="8">
        <v>0</v>
      </c>
      <c r="J22878" s="8">
        <v>1</v>
      </c>
      <c r="K22878" s="9">
        <v>21</v>
      </c>
      <c r="L22878" s="6" t="s">
        <v>4151</v>
      </c>
    </row>
    <row r="22879" spans="1:12">
      <c r="A22879" s="6" t="s">
        <v>4151</v>
      </c>
      <c r="B22879" s="6"/>
      <c r="C22879" s="6" t="s">
        <v>22915</v>
      </c>
      <c r="D22879" s="6"/>
      <c r="E22879" s="6" t="s">
        <v>9</v>
      </c>
      <c r="F22879" s="7">
        <v>38657</v>
      </c>
      <c r="G22879" s="8">
        <v>1</v>
      </c>
      <c r="H22879" s="8">
        <v>1</v>
      </c>
      <c r="I22879" s="8">
        <v>0</v>
      </c>
      <c r="J22879" s="8">
        <v>1</v>
      </c>
      <c r="K22879" s="9">
        <v>28</v>
      </c>
      <c r="L22879" s="6" t="s">
        <v>4151</v>
      </c>
    </row>
    <row r="22880" spans="1:12">
      <c r="A22880" s="6" t="s">
        <v>4151</v>
      </c>
      <c r="B22880" s="6"/>
      <c r="C22880" s="6" t="s">
        <v>22916</v>
      </c>
      <c r="D22880" s="6"/>
      <c r="E22880" s="6" t="s">
        <v>9</v>
      </c>
      <c r="F22880" s="7">
        <v>38657</v>
      </c>
      <c r="G22880" s="8">
        <v>1</v>
      </c>
      <c r="H22880" s="8">
        <v>1</v>
      </c>
      <c r="I22880" s="8">
        <v>0</v>
      </c>
      <c r="J22880" s="8">
        <v>1</v>
      </c>
      <c r="K22880" s="9">
        <v>25</v>
      </c>
      <c r="L22880" s="6" t="s">
        <v>4151</v>
      </c>
    </row>
    <row r="22881" spans="1:12">
      <c r="A22881" s="6" t="s">
        <v>4151</v>
      </c>
      <c r="B22881" s="6"/>
      <c r="C22881" s="6" t="s">
        <v>22917</v>
      </c>
      <c r="D22881" s="6"/>
      <c r="E22881" s="6" t="s">
        <v>9</v>
      </c>
      <c r="F22881" s="7">
        <v>38657</v>
      </c>
      <c r="G22881" s="8">
        <v>1</v>
      </c>
      <c r="H22881" s="8">
        <v>1</v>
      </c>
      <c r="I22881" s="8">
        <v>0</v>
      </c>
      <c r="J22881" s="8">
        <v>1</v>
      </c>
      <c r="K22881" s="9">
        <v>31</v>
      </c>
      <c r="L22881" s="6" t="s">
        <v>4151</v>
      </c>
    </row>
    <row r="22882" spans="1:12">
      <c r="A22882" s="6" t="s">
        <v>4151</v>
      </c>
      <c r="B22882" s="6"/>
      <c r="C22882" s="6" t="s">
        <v>22918</v>
      </c>
      <c r="D22882" s="6"/>
      <c r="E22882" s="6" t="s">
        <v>9</v>
      </c>
      <c r="F22882" s="7">
        <v>38657</v>
      </c>
      <c r="G22882" s="8">
        <v>1</v>
      </c>
      <c r="H22882" s="8">
        <v>1</v>
      </c>
      <c r="I22882" s="8">
        <v>0</v>
      </c>
      <c r="J22882" s="8">
        <v>1</v>
      </c>
      <c r="K22882" s="9">
        <v>35</v>
      </c>
      <c r="L22882" s="6" t="s">
        <v>4151</v>
      </c>
    </row>
    <row r="22883" spans="1:12">
      <c r="A22883" s="6" t="s">
        <v>4151</v>
      </c>
      <c r="B22883" s="6"/>
      <c r="C22883" s="6" t="s">
        <v>22919</v>
      </c>
      <c r="D22883" s="6"/>
      <c r="E22883" s="6" t="s">
        <v>9</v>
      </c>
      <c r="F22883" s="7">
        <v>38657</v>
      </c>
      <c r="G22883" s="8">
        <v>1</v>
      </c>
      <c r="H22883" s="8">
        <v>1</v>
      </c>
      <c r="I22883" s="8">
        <v>0</v>
      </c>
      <c r="J22883" s="8">
        <v>1</v>
      </c>
      <c r="K22883" s="9">
        <v>22</v>
      </c>
      <c r="L22883" s="6" t="s">
        <v>4151</v>
      </c>
    </row>
    <row r="22884" spans="1:12">
      <c r="A22884" s="6" t="s">
        <v>4151</v>
      </c>
      <c r="B22884" s="6"/>
      <c r="C22884" s="6" t="s">
        <v>22920</v>
      </c>
      <c r="D22884" s="6"/>
      <c r="E22884" s="6" t="s">
        <v>9</v>
      </c>
      <c r="F22884" s="7">
        <v>38657</v>
      </c>
      <c r="G22884" s="8">
        <v>1</v>
      </c>
      <c r="H22884" s="8">
        <v>1</v>
      </c>
      <c r="I22884" s="8">
        <v>0</v>
      </c>
      <c r="J22884" s="8">
        <v>1</v>
      </c>
      <c r="K22884" s="9">
        <v>18.829999999999899</v>
      </c>
      <c r="L22884" s="6" t="s">
        <v>4151</v>
      </c>
    </row>
    <row r="22885" spans="1:12">
      <c r="A22885" s="6" t="s">
        <v>4151</v>
      </c>
      <c r="B22885" s="6"/>
      <c r="C22885" s="6" t="s">
        <v>22921</v>
      </c>
      <c r="D22885" s="6"/>
      <c r="E22885" s="6" t="s">
        <v>9</v>
      </c>
      <c r="F22885" s="7">
        <v>38657</v>
      </c>
      <c r="G22885" s="8">
        <v>1</v>
      </c>
      <c r="H22885" s="8">
        <v>1</v>
      </c>
      <c r="I22885" s="8">
        <v>0</v>
      </c>
      <c r="J22885" s="8">
        <v>1</v>
      </c>
      <c r="K22885" s="9">
        <v>32</v>
      </c>
      <c r="L22885" s="6" t="s">
        <v>4151</v>
      </c>
    </row>
    <row r="22886" spans="1:12">
      <c r="A22886" s="6" t="s">
        <v>4151</v>
      </c>
      <c r="B22886" s="6"/>
      <c r="C22886" s="6" t="s">
        <v>22922</v>
      </c>
      <c r="D22886" s="6"/>
      <c r="E22886" s="6" t="s">
        <v>9</v>
      </c>
      <c r="F22886" s="7">
        <v>38657</v>
      </c>
      <c r="G22886" s="8">
        <v>1</v>
      </c>
      <c r="H22886" s="8">
        <v>1</v>
      </c>
      <c r="I22886" s="8">
        <v>0</v>
      </c>
      <c r="J22886" s="8">
        <v>1</v>
      </c>
      <c r="K22886" s="9">
        <v>31</v>
      </c>
      <c r="L22886" s="6" t="s">
        <v>4151</v>
      </c>
    </row>
    <row r="22887" spans="1:12">
      <c r="A22887" s="6" t="s">
        <v>4151</v>
      </c>
      <c r="B22887" s="6"/>
      <c r="C22887" s="6" t="s">
        <v>22923</v>
      </c>
      <c r="D22887" s="6"/>
      <c r="E22887" s="6" t="s">
        <v>9</v>
      </c>
      <c r="F22887" s="7">
        <v>38657</v>
      </c>
      <c r="G22887" s="8">
        <v>1</v>
      </c>
      <c r="H22887" s="8">
        <v>1</v>
      </c>
      <c r="I22887" s="8">
        <v>0</v>
      </c>
      <c r="J22887" s="8">
        <v>1</v>
      </c>
      <c r="K22887" s="9">
        <v>14</v>
      </c>
      <c r="L22887" s="6" t="s">
        <v>4151</v>
      </c>
    </row>
    <row r="22888" spans="1:12">
      <c r="A22888" s="6" t="s">
        <v>4151</v>
      </c>
      <c r="B22888" s="6"/>
      <c r="C22888" s="6" t="s">
        <v>22924</v>
      </c>
      <c r="D22888" s="6"/>
      <c r="E22888" s="6" t="s">
        <v>9</v>
      </c>
      <c r="F22888" s="7">
        <v>38657</v>
      </c>
      <c r="G22888" s="8">
        <v>1</v>
      </c>
      <c r="H22888" s="8">
        <v>1</v>
      </c>
      <c r="I22888" s="8">
        <v>0</v>
      </c>
      <c r="J22888" s="8">
        <v>1</v>
      </c>
      <c r="K22888" s="9">
        <v>24.96</v>
      </c>
      <c r="L22888" s="6" t="s">
        <v>4151</v>
      </c>
    </row>
    <row r="22889" spans="1:12">
      <c r="A22889" s="6" t="s">
        <v>4151</v>
      </c>
      <c r="B22889" s="6"/>
      <c r="C22889" s="6" t="s">
        <v>22925</v>
      </c>
      <c r="D22889" s="6"/>
      <c r="E22889" s="6" t="s">
        <v>9</v>
      </c>
      <c r="F22889" s="7">
        <v>38657</v>
      </c>
      <c r="G22889" s="8">
        <v>1</v>
      </c>
      <c r="H22889" s="8">
        <v>1</v>
      </c>
      <c r="I22889" s="8">
        <v>0</v>
      </c>
      <c r="J22889" s="8">
        <v>1</v>
      </c>
      <c r="K22889" s="9">
        <v>33</v>
      </c>
      <c r="L22889" s="6" t="s">
        <v>4151</v>
      </c>
    </row>
    <row r="22890" spans="1:12">
      <c r="A22890" s="6" t="s">
        <v>4151</v>
      </c>
      <c r="B22890" s="6"/>
      <c r="C22890" s="6" t="s">
        <v>22926</v>
      </c>
      <c r="D22890" s="6"/>
      <c r="E22890" s="6" t="s">
        <v>9</v>
      </c>
      <c r="F22890" s="7">
        <v>38657</v>
      </c>
      <c r="G22890" s="8">
        <v>1</v>
      </c>
      <c r="H22890" s="8">
        <v>1</v>
      </c>
      <c r="I22890" s="8">
        <v>0</v>
      </c>
      <c r="J22890" s="8">
        <v>1</v>
      </c>
      <c r="K22890" s="9">
        <v>81</v>
      </c>
      <c r="L22890" s="6" t="s">
        <v>4151</v>
      </c>
    </row>
    <row r="22891" spans="1:12">
      <c r="A22891" s="6" t="s">
        <v>4151</v>
      </c>
      <c r="B22891" s="6"/>
      <c r="C22891" s="6" t="s">
        <v>22927</v>
      </c>
      <c r="D22891" s="6"/>
      <c r="E22891" s="6" t="s">
        <v>9</v>
      </c>
      <c r="F22891" s="7">
        <v>38657</v>
      </c>
      <c r="G22891" s="8">
        <v>1</v>
      </c>
      <c r="H22891" s="8">
        <v>1</v>
      </c>
      <c r="I22891" s="8">
        <v>0</v>
      </c>
      <c r="J22891" s="8">
        <v>1</v>
      </c>
      <c r="K22891" s="9">
        <v>23</v>
      </c>
      <c r="L22891" s="6" t="s">
        <v>4151</v>
      </c>
    </row>
    <row r="22892" spans="1:12">
      <c r="A22892" s="6" t="s">
        <v>4151</v>
      </c>
      <c r="B22892" s="6"/>
      <c r="C22892" s="6" t="s">
        <v>22928</v>
      </c>
      <c r="D22892" s="6"/>
      <c r="E22892" s="6" t="s">
        <v>9</v>
      </c>
      <c r="F22892" s="7">
        <v>38657</v>
      </c>
      <c r="G22892" s="8">
        <v>1</v>
      </c>
      <c r="H22892" s="8">
        <v>1</v>
      </c>
      <c r="I22892" s="8">
        <v>0</v>
      </c>
      <c r="J22892" s="8">
        <v>1</v>
      </c>
      <c r="K22892" s="9">
        <v>137</v>
      </c>
      <c r="L22892" s="6" t="s">
        <v>4151</v>
      </c>
    </row>
    <row r="22893" spans="1:12">
      <c r="A22893" s="6" t="s">
        <v>4151</v>
      </c>
      <c r="B22893" s="6"/>
      <c r="C22893" s="6" t="s">
        <v>22929</v>
      </c>
      <c r="D22893" s="6"/>
      <c r="E22893" s="6" t="s">
        <v>9</v>
      </c>
      <c r="F22893" s="7">
        <v>38657</v>
      </c>
      <c r="G22893" s="8">
        <v>1</v>
      </c>
      <c r="H22893" s="8">
        <v>1</v>
      </c>
      <c r="I22893" s="8">
        <v>0</v>
      </c>
      <c r="J22893" s="8">
        <v>1</v>
      </c>
      <c r="K22893" s="9">
        <v>134</v>
      </c>
      <c r="L22893" s="6" t="s">
        <v>4151</v>
      </c>
    </row>
    <row r="22894" spans="1:12">
      <c r="A22894" s="6" t="s">
        <v>4151</v>
      </c>
      <c r="B22894" s="6"/>
      <c r="C22894" s="6" t="s">
        <v>22930</v>
      </c>
      <c r="D22894" s="6"/>
      <c r="E22894" s="6" t="s">
        <v>9</v>
      </c>
      <c r="F22894" s="7">
        <v>38657</v>
      </c>
      <c r="G22894" s="8">
        <v>1</v>
      </c>
      <c r="H22894" s="8">
        <v>1</v>
      </c>
      <c r="I22894" s="8">
        <v>0</v>
      </c>
      <c r="J22894" s="8">
        <v>1</v>
      </c>
      <c r="K22894" s="9">
        <v>145</v>
      </c>
      <c r="L22894" s="6" t="s">
        <v>4151</v>
      </c>
    </row>
    <row r="22895" spans="1:12">
      <c r="A22895" s="6" t="s">
        <v>4151</v>
      </c>
      <c r="B22895" s="6"/>
      <c r="C22895" s="6" t="s">
        <v>22931</v>
      </c>
      <c r="D22895" s="6"/>
      <c r="E22895" s="6" t="s">
        <v>9</v>
      </c>
      <c r="F22895" s="7">
        <v>38657</v>
      </c>
      <c r="G22895" s="8">
        <v>1</v>
      </c>
      <c r="H22895" s="8">
        <v>1</v>
      </c>
      <c r="I22895" s="8">
        <v>0</v>
      </c>
      <c r="J22895" s="8">
        <v>1</v>
      </c>
      <c r="K22895" s="9">
        <v>147</v>
      </c>
      <c r="L22895" s="6" t="s">
        <v>4151</v>
      </c>
    </row>
    <row r="22896" spans="1:12">
      <c r="A22896" s="6" t="s">
        <v>4151</v>
      </c>
      <c r="B22896" s="6"/>
      <c r="C22896" s="6" t="s">
        <v>22932</v>
      </c>
      <c r="D22896" s="6"/>
      <c r="E22896" s="6" t="s">
        <v>9</v>
      </c>
      <c r="F22896" s="7">
        <v>38657</v>
      </c>
      <c r="G22896" s="8">
        <v>1</v>
      </c>
      <c r="H22896" s="8">
        <v>1</v>
      </c>
      <c r="I22896" s="8">
        <v>0</v>
      </c>
      <c r="J22896" s="8">
        <v>1</v>
      </c>
      <c r="K22896" s="9">
        <v>113</v>
      </c>
      <c r="L22896" s="6" t="s">
        <v>4151</v>
      </c>
    </row>
    <row r="22897" spans="1:12">
      <c r="A22897" s="6" t="s">
        <v>4151</v>
      </c>
      <c r="B22897" s="6"/>
      <c r="C22897" s="6" t="s">
        <v>22933</v>
      </c>
      <c r="D22897" s="6"/>
      <c r="E22897" s="6" t="s">
        <v>9</v>
      </c>
      <c r="F22897" s="7">
        <v>38657</v>
      </c>
      <c r="G22897" s="8">
        <v>1</v>
      </c>
      <c r="H22897" s="8">
        <v>1</v>
      </c>
      <c r="I22897" s="8">
        <v>0</v>
      </c>
      <c r="J22897" s="8">
        <v>1</v>
      </c>
      <c r="K22897" s="9">
        <v>50</v>
      </c>
      <c r="L22897" s="6" t="s">
        <v>4151</v>
      </c>
    </row>
    <row r="22898" spans="1:12">
      <c r="A22898" s="6" t="s">
        <v>4151</v>
      </c>
      <c r="B22898" s="6"/>
      <c r="C22898" s="6" t="s">
        <v>22934</v>
      </c>
      <c r="D22898" s="6"/>
      <c r="E22898" s="6" t="s">
        <v>9</v>
      </c>
      <c r="F22898" s="7">
        <v>38657</v>
      </c>
      <c r="G22898" s="8">
        <v>1</v>
      </c>
      <c r="H22898" s="8">
        <v>1</v>
      </c>
      <c r="I22898" s="8">
        <v>0</v>
      </c>
      <c r="J22898" s="8">
        <v>1</v>
      </c>
      <c r="K22898" s="9">
        <v>66</v>
      </c>
      <c r="L22898" s="6" t="s">
        <v>4151</v>
      </c>
    </row>
    <row r="22899" spans="1:12">
      <c r="A22899" s="6" t="s">
        <v>4151</v>
      </c>
      <c r="B22899" s="6"/>
      <c r="C22899" s="6" t="s">
        <v>22935</v>
      </c>
      <c r="D22899" s="6"/>
      <c r="E22899" s="6" t="s">
        <v>9</v>
      </c>
      <c r="F22899" s="7">
        <v>38657</v>
      </c>
      <c r="G22899" s="8">
        <v>1</v>
      </c>
      <c r="H22899" s="8">
        <v>1</v>
      </c>
      <c r="I22899" s="8">
        <v>0</v>
      </c>
      <c r="J22899" s="8">
        <v>1</v>
      </c>
      <c r="K22899" s="9">
        <v>29</v>
      </c>
      <c r="L22899" s="6" t="s">
        <v>4151</v>
      </c>
    </row>
    <row r="22900" spans="1:12">
      <c r="A22900" s="6" t="s">
        <v>4151</v>
      </c>
      <c r="B22900" s="6"/>
      <c r="C22900" s="6" t="s">
        <v>22936</v>
      </c>
      <c r="D22900" s="6"/>
      <c r="E22900" s="6" t="s">
        <v>9</v>
      </c>
      <c r="F22900" s="7">
        <v>38657</v>
      </c>
      <c r="G22900" s="8">
        <v>1</v>
      </c>
      <c r="H22900" s="8">
        <v>1</v>
      </c>
      <c r="I22900" s="8">
        <v>0</v>
      </c>
      <c r="J22900" s="8">
        <v>1</v>
      </c>
      <c r="K22900" s="9">
        <v>114</v>
      </c>
      <c r="L22900" s="6" t="s">
        <v>4151</v>
      </c>
    </row>
    <row r="22901" spans="1:12">
      <c r="A22901" s="6" t="s">
        <v>4151</v>
      </c>
      <c r="B22901" s="6"/>
      <c r="C22901" s="6" t="s">
        <v>22937</v>
      </c>
      <c r="D22901" s="6"/>
      <c r="E22901" s="6" t="s">
        <v>9</v>
      </c>
      <c r="F22901" s="7">
        <v>38657</v>
      </c>
      <c r="G22901" s="8">
        <v>1</v>
      </c>
      <c r="H22901" s="8">
        <v>1</v>
      </c>
      <c r="I22901" s="8">
        <v>0</v>
      </c>
      <c r="J22901" s="8">
        <v>1</v>
      </c>
      <c r="K22901" s="9">
        <v>114</v>
      </c>
      <c r="L22901" s="6" t="s">
        <v>4151</v>
      </c>
    </row>
    <row r="22902" spans="1:12">
      <c r="A22902" s="6" t="s">
        <v>4151</v>
      </c>
      <c r="B22902" s="6"/>
      <c r="C22902" s="6" t="s">
        <v>22938</v>
      </c>
      <c r="D22902" s="6"/>
      <c r="E22902" s="6" t="s">
        <v>9</v>
      </c>
      <c r="F22902" s="7">
        <v>38657</v>
      </c>
      <c r="G22902" s="8">
        <v>1</v>
      </c>
      <c r="H22902" s="8">
        <v>1</v>
      </c>
      <c r="I22902" s="8">
        <v>0</v>
      </c>
      <c r="J22902" s="8">
        <v>1</v>
      </c>
      <c r="K22902" s="9">
        <v>116</v>
      </c>
      <c r="L22902" s="6" t="s">
        <v>4151</v>
      </c>
    </row>
    <row r="22903" spans="1:12">
      <c r="A22903" s="6" t="s">
        <v>4151</v>
      </c>
      <c r="B22903" s="6"/>
      <c r="C22903" s="6" t="s">
        <v>22939</v>
      </c>
      <c r="D22903" s="6"/>
      <c r="E22903" s="6" t="s">
        <v>9</v>
      </c>
      <c r="F22903" s="7">
        <v>38657</v>
      </c>
      <c r="G22903" s="8">
        <v>1</v>
      </c>
      <c r="H22903" s="8">
        <v>1</v>
      </c>
      <c r="I22903" s="8">
        <v>0</v>
      </c>
      <c r="J22903" s="8">
        <v>1</v>
      </c>
      <c r="K22903" s="9">
        <v>118</v>
      </c>
      <c r="L22903" s="6" t="s">
        <v>4151</v>
      </c>
    </row>
    <row r="22904" spans="1:12">
      <c r="A22904" s="6" t="s">
        <v>4151</v>
      </c>
      <c r="B22904" s="6"/>
      <c r="C22904" s="6" t="s">
        <v>22940</v>
      </c>
      <c r="D22904" s="6"/>
      <c r="E22904" s="6" t="s">
        <v>9</v>
      </c>
      <c r="F22904" s="7">
        <v>38657</v>
      </c>
      <c r="G22904" s="8">
        <v>1</v>
      </c>
      <c r="H22904" s="8">
        <v>1</v>
      </c>
      <c r="I22904" s="8">
        <v>0</v>
      </c>
      <c r="J22904" s="8">
        <v>1</v>
      </c>
      <c r="K22904" s="9">
        <v>107</v>
      </c>
      <c r="L22904" s="6" t="s">
        <v>4151</v>
      </c>
    </row>
    <row r="22905" spans="1:12">
      <c r="A22905" s="6" t="s">
        <v>4151</v>
      </c>
      <c r="B22905" s="6"/>
      <c r="C22905" s="6" t="s">
        <v>22941</v>
      </c>
      <c r="D22905" s="6"/>
      <c r="E22905" s="6" t="s">
        <v>9</v>
      </c>
      <c r="F22905" s="7">
        <v>38657</v>
      </c>
      <c r="G22905" s="8">
        <v>1</v>
      </c>
      <c r="H22905" s="8">
        <v>1</v>
      </c>
      <c r="I22905" s="8">
        <v>0</v>
      </c>
      <c r="J22905" s="8">
        <v>1</v>
      </c>
      <c r="K22905" s="9">
        <v>112</v>
      </c>
      <c r="L22905" s="6" t="s">
        <v>4151</v>
      </c>
    </row>
    <row r="22906" spans="1:12">
      <c r="A22906" s="6" t="s">
        <v>4151</v>
      </c>
      <c r="B22906" s="6"/>
      <c r="C22906" s="6" t="s">
        <v>22942</v>
      </c>
      <c r="D22906" s="6"/>
      <c r="E22906" s="6" t="s">
        <v>9</v>
      </c>
      <c r="F22906" s="7">
        <v>38657</v>
      </c>
      <c r="G22906" s="8">
        <v>1</v>
      </c>
      <c r="H22906" s="8">
        <v>1</v>
      </c>
      <c r="I22906" s="8">
        <v>0</v>
      </c>
      <c r="J22906" s="8">
        <v>1</v>
      </c>
      <c r="K22906" s="9">
        <v>102</v>
      </c>
      <c r="L22906" s="6" t="s">
        <v>4151</v>
      </c>
    </row>
    <row r="22907" spans="1:12">
      <c r="A22907" s="6" t="s">
        <v>4151</v>
      </c>
      <c r="B22907" s="6"/>
      <c r="C22907" s="6" t="s">
        <v>22943</v>
      </c>
      <c r="D22907" s="6"/>
      <c r="E22907" s="6" t="s">
        <v>9</v>
      </c>
      <c r="F22907" s="7">
        <v>38657</v>
      </c>
      <c r="G22907" s="8">
        <v>1</v>
      </c>
      <c r="H22907" s="8">
        <v>1</v>
      </c>
      <c r="I22907" s="8">
        <v>0</v>
      </c>
      <c r="J22907" s="8">
        <v>1</v>
      </c>
      <c r="K22907" s="9">
        <v>15</v>
      </c>
      <c r="L22907" s="6" t="s">
        <v>4151</v>
      </c>
    </row>
    <row r="22908" spans="1:12">
      <c r="A22908" s="6" t="s">
        <v>4151</v>
      </c>
      <c r="B22908" s="6"/>
      <c r="C22908" s="6" t="s">
        <v>22944</v>
      </c>
      <c r="D22908" s="6"/>
      <c r="E22908" s="6" t="s">
        <v>9</v>
      </c>
      <c r="F22908" s="7">
        <v>38657</v>
      </c>
      <c r="G22908" s="8">
        <v>1</v>
      </c>
      <c r="H22908" s="8">
        <v>1</v>
      </c>
      <c r="I22908" s="8">
        <v>0</v>
      </c>
      <c r="J22908" s="8">
        <v>1</v>
      </c>
      <c r="K22908" s="9">
        <v>16</v>
      </c>
      <c r="L22908" s="6" t="s">
        <v>4151</v>
      </c>
    </row>
    <row r="22909" spans="1:12">
      <c r="A22909" s="6" t="s">
        <v>4151</v>
      </c>
      <c r="B22909" s="6"/>
      <c r="C22909" s="6" t="s">
        <v>22945</v>
      </c>
      <c r="D22909" s="6"/>
      <c r="E22909" s="6" t="s">
        <v>9</v>
      </c>
      <c r="F22909" s="7">
        <v>38657</v>
      </c>
      <c r="G22909" s="8">
        <v>1</v>
      </c>
      <c r="H22909" s="8">
        <v>1</v>
      </c>
      <c r="I22909" s="8">
        <v>0</v>
      </c>
      <c r="J22909" s="8">
        <v>1</v>
      </c>
      <c r="K22909" s="9">
        <v>8.27</v>
      </c>
      <c r="L22909" s="6" t="s">
        <v>4151</v>
      </c>
    </row>
    <row r="22910" spans="1:12">
      <c r="A22910" s="6" t="s">
        <v>4151</v>
      </c>
      <c r="B22910" s="6"/>
      <c r="C22910" s="6" t="s">
        <v>22946</v>
      </c>
      <c r="D22910" s="6"/>
      <c r="E22910" s="6" t="s">
        <v>9</v>
      </c>
      <c r="F22910" s="7">
        <v>38657</v>
      </c>
      <c r="G22910" s="8">
        <v>1</v>
      </c>
      <c r="H22910" s="8">
        <v>1</v>
      </c>
      <c r="I22910" s="8">
        <v>0</v>
      </c>
      <c r="J22910" s="8">
        <v>1</v>
      </c>
      <c r="K22910" s="9">
        <v>261</v>
      </c>
      <c r="L22910" s="6" t="s">
        <v>4151</v>
      </c>
    </row>
    <row r="22911" spans="1:12">
      <c r="A22911" s="6" t="s">
        <v>4151</v>
      </c>
      <c r="B22911" s="6"/>
      <c r="C22911" s="6" t="s">
        <v>22947</v>
      </c>
      <c r="D22911" s="6"/>
      <c r="E22911" s="6" t="s">
        <v>9</v>
      </c>
      <c r="F22911" s="7">
        <v>38657</v>
      </c>
      <c r="G22911" s="8">
        <v>1</v>
      </c>
      <c r="H22911" s="8">
        <v>1</v>
      </c>
      <c r="I22911" s="8">
        <v>0</v>
      </c>
      <c r="J22911" s="8">
        <v>1</v>
      </c>
      <c r="K22911" s="9">
        <v>12</v>
      </c>
      <c r="L22911" s="6" t="s">
        <v>4151</v>
      </c>
    </row>
    <row r="22912" spans="1:12">
      <c r="A22912" s="6" t="s">
        <v>4151</v>
      </c>
      <c r="B22912" s="6"/>
      <c r="C22912" s="6" t="s">
        <v>22948</v>
      </c>
      <c r="D22912" s="6"/>
      <c r="E22912" s="6" t="s">
        <v>9</v>
      </c>
      <c r="F22912" s="7">
        <v>38657</v>
      </c>
      <c r="G22912" s="8">
        <v>1</v>
      </c>
      <c r="H22912" s="8">
        <v>1</v>
      </c>
      <c r="I22912" s="8">
        <v>0</v>
      </c>
      <c r="J22912" s="8">
        <v>1</v>
      </c>
      <c r="K22912" s="9">
        <v>5.92</v>
      </c>
      <c r="L22912" s="6" t="s">
        <v>4151</v>
      </c>
    </row>
    <row r="22913" spans="1:12">
      <c r="A22913" s="6" t="s">
        <v>4151</v>
      </c>
      <c r="B22913" s="6"/>
      <c r="C22913" s="6" t="s">
        <v>22949</v>
      </c>
      <c r="D22913" s="6"/>
      <c r="E22913" s="6" t="s">
        <v>9</v>
      </c>
      <c r="F22913" s="7">
        <v>38657</v>
      </c>
      <c r="G22913" s="8">
        <v>1</v>
      </c>
      <c r="H22913" s="8">
        <v>1</v>
      </c>
      <c r="I22913" s="8">
        <v>0</v>
      </c>
      <c r="J22913" s="8">
        <v>1</v>
      </c>
      <c r="K22913" s="9">
        <v>3.38</v>
      </c>
      <c r="L22913" s="6" t="s">
        <v>4151</v>
      </c>
    </row>
    <row r="22914" spans="1:12">
      <c r="A22914" s="6" t="s">
        <v>4151</v>
      </c>
      <c r="B22914" s="6"/>
      <c r="C22914" s="6" t="s">
        <v>22950</v>
      </c>
      <c r="D22914" s="6"/>
      <c r="E22914" s="6" t="s">
        <v>9</v>
      </c>
      <c r="F22914" s="7">
        <v>38657</v>
      </c>
      <c r="G22914" s="8">
        <v>1</v>
      </c>
      <c r="H22914" s="8">
        <v>1</v>
      </c>
      <c r="I22914" s="8">
        <v>0</v>
      </c>
      <c r="J22914" s="8">
        <v>1</v>
      </c>
      <c r="K22914" s="9">
        <v>3.55</v>
      </c>
      <c r="L22914" s="6" t="s">
        <v>4151</v>
      </c>
    </row>
    <row r="22915" spans="1:12">
      <c r="A22915" s="6" t="s">
        <v>4151</v>
      </c>
      <c r="B22915" s="6"/>
      <c r="C22915" s="6" t="s">
        <v>22951</v>
      </c>
      <c r="D22915" s="6"/>
      <c r="E22915" s="6" t="s">
        <v>9</v>
      </c>
      <c r="F22915" s="7">
        <v>38657</v>
      </c>
      <c r="G22915" s="8">
        <v>1</v>
      </c>
      <c r="H22915" s="8">
        <v>1</v>
      </c>
      <c r="I22915" s="8">
        <v>0</v>
      </c>
      <c r="J22915" s="8">
        <v>1</v>
      </c>
      <c r="K22915" s="9">
        <v>16</v>
      </c>
      <c r="L22915" s="6" t="s">
        <v>4151</v>
      </c>
    </row>
    <row r="22916" spans="1:12">
      <c r="A22916" s="6" t="s">
        <v>4151</v>
      </c>
      <c r="B22916" s="6"/>
      <c r="C22916" s="6" t="s">
        <v>22952</v>
      </c>
      <c r="D22916" s="6"/>
      <c r="E22916" s="6" t="s">
        <v>9</v>
      </c>
      <c r="F22916" s="7">
        <v>38657</v>
      </c>
      <c r="G22916" s="8">
        <v>1</v>
      </c>
      <c r="H22916" s="8">
        <v>1</v>
      </c>
      <c r="I22916" s="8">
        <v>0</v>
      </c>
      <c r="J22916" s="8">
        <v>1</v>
      </c>
      <c r="K22916" s="9">
        <v>21</v>
      </c>
      <c r="L22916" s="6" t="s">
        <v>4151</v>
      </c>
    </row>
    <row r="22917" spans="1:12">
      <c r="A22917" s="6" t="s">
        <v>4151</v>
      </c>
      <c r="B22917" s="6"/>
      <c r="C22917" s="6" t="s">
        <v>22953</v>
      </c>
      <c r="D22917" s="6"/>
      <c r="E22917" s="6" t="s">
        <v>9</v>
      </c>
      <c r="F22917" s="7">
        <v>38657</v>
      </c>
      <c r="G22917" s="8">
        <v>1</v>
      </c>
      <c r="H22917" s="8">
        <v>1</v>
      </c>
      <c r="I22917" s="8">
        <v>0</v>
      </c>
      <c r="J22917" s="8">
        <v>1</v>
      </c>
      <c r="K22917" s="9">
        <v>21</v>
      </c>
      <c r="L22917" s="6" t="s">
        <v>4151</v>
      </c>
    </row>
    <row r="22918" spans="1:12">
      <c r="A22918" s="6" t="s">
        <v>4151</v>
      </c>
      <c r="B22918" s="6"/>
      <c r="C22918" s="6" t="s">
        <v>22954</v>
      </c>
      <c r="D22918" s="6"/>
      <c r="E22918" s="6" t="s">
        <v>9</v>
      </c>
      <c r="F22918" s="7">
        <v>38657</v>
      </c>
      <c r="G22918" s="8">
        <v>1</v>
      </c>
      <c r="H22918" s="8">
        <v>1</v>
      </c>
      <c r="I22918" s="8">
        <v>0</v>
      </c>
      <c r="J22918" s="8">
        <v>1</v>
      </c>
      <c r="K22918" s="9">
        <v>20</v>
      </c>
      <c r="L22918" s="6" t="s">
        <v>4151</v>
      </c>
    </row>
    <row r="22919" spans="1:12">
      <c r="A22919" s="6" t="s">
        <v>4151</v>
      </c>
      <c r="B22919" s="6"/>
      <c r="C22919" s="6" t="s">
        <v>22955</v>
      </c>
      <c r="D22919" s="6"/>
      <c r="E22919" s="6" t="s">
        <v>9</v>
      </c>
      <c r="F22919" s="7">
        <v>38657</v>
      </c>
      <c r="G22919" s="8">
        <v>1</v>
      </c>
      <c r="H22919" s="8">
        <v>1</v>
      </c>
      <c r="I22919" s="8">
        <v>0</v>
      </c>
      <c r="J22919" s="8">
        <v>1</v>
      </c>
      <c r="K22919" s="9">
        <v>12</v>
      </c>
      <c r="L22919" s="6" t="s">
        <v>4151</v>
      </c>
    </row>
    <row r="22920" spans="1:12">
      <c r="A22920" s="6" t="s">
        <v>4151</v>
      </c>
      <c r="B22920" s="6"/>
      <c r="C22920" s="6" t="s">
        <v>22956</v>
      </c>
      <c r="D22920" s="6"/>
      <c r="E22920" s="6" t="s">
        <v>9</v>
      </c>
      <c r="F22920" s="7">
        <v>38657</v>
      </c>
      <c r="G22920" s="8">
        <v>1</v>
      </c>
      <c r="H22920" s="8">
        <v>1</v>
      </c>
      <c r="I22920" s="8">
        <v>0</v>
      </c>
      <c r="J22920" s="8">
        <v>1</v>
      </c>
      <c r="K22920" s="9">
        <v>12</v>
      </c>
      <c r="L22920" s="6" t="s">
        <v>4151</v>
      </c>
    </row>
    <row r="22921" spans="1:12">
      <c r="A22921" s="6" t="s">
        <v>4151</v>
      </c>
      <c r="B22921" s="6"/>
      <c r="C22921" s="6" t="s">
        <v>22957</v>
      </c>
      <c r="D22921" s="6"/>
      <c r="E22921" s="6" t="s">
        <v>9</v>
      </c>
      <c r="F22921" s="7">
        <v>38657</v>
      </c>
      <c r="G22921" s="8">
        <v>1</v>
      </c>
      <c r="H22921" s="8">
        <v>1</v>
      </c>
      <c r="I22921" s="8">
        <v>0</v>
      </c>
      <c r="J22921" s="8">
        <v>1</v>
      </c>
      <c r="K22921" s="9">
        <v>160</v>
      </c>
      <c r="L22921" s="6" t="s">
        <v>4151</v>
      </c>
    </row>
    <row r="22922" spans="1:12">
      <c r="A22922" s="6" t="s">
        <v>4151</v>
      </c>
      <c r="B22922" s="6"/>
      <c r="C22922" s="6" t="s">
        <v>22958</v>
      </c>
      <c r="D22922" s="6"/>
      <c r="E22922" s="6" t="s">
        <v>9</v>
      </c>
      <c r="F22922" s="7">
        <v>38657</v>
      </c>
      <c r="G22922" s="8">
        <v>1</v>
      </c>
      <c r="H22922" s="8">
        <v>1</v>
      </c>
      <c r="I22922" s="8">
        <v>0</v>
      </c>
      <c r="J22922" s="8">
        <v>1</v>
      </c>
      <c r="K22922" s="9">
        <v>3.99</v>
      </c>
      <c r="L22922" s="6" t="s">
        <v>4151</v>
      </c>
    </row>
    <row r="22923" spans="1:12">
      <c r="A22923" s="6" t="s">
        <v>4151</v>
      </c>
      <c r="B22923" s="6"/>
      <c r="C22923" s="6" t="s">
        <v>22959</v>
      </c>
      <c r="D22923" s="6"/>
      <c r="E22923" s="6" t="s">
        <v>9</v>
      </c>
      <c r="F22923" s="7">
        <v>38657</v>
      </c>
      <c r="G22923" s="8">
        <v>1</v>
      </c>
      <c r="H22923" s="8">
        <v>1</v>
      </c>
      <c r="I22923" s="8">
        <v>0</v>
      </c>
      <c r="J22923" s="8">
        <v>1</v>
      </c>
      <c r="K22923" s="9">
        <v>3.99</v>
      </c>
      <c r="L22923" s="6" t="s">
        <v>4151</v>
      </c>
    </row>
    <row r="22924" spans="1:12">
      <c r="A22924" s="6" t="s">
        <v>4151</v>
      </c>
      <c r="B22924" s="6"/>
      <c r="C22924" s="6" t="s">
        <v>22960</v>
      </c>
      <c r="D22924" s="6"/>
      <c r="E22924" s="6" t="s">
        <v>9</v>
      </c>
      <c r="F22924" s="7">
        <v>38657</v>
      </c>
      <c r="G22924" s="8">
        <v>1</v>
      </c>
      <c r="H22924" s="8">
        <v>1</v>
      </c>
      <c r="I22924" s="8">
        <v>0</v>
      </c>
      <c r="J22924" s="8">
        <v>1</v>
      </c>
      <c r="K22924" s="9">
        <v>4.4000000000000004</v>
      </c>
      <c r="L22924" s="6" t="s">
        <v>4151</v>
      </c>
    </row>
    <row r="22925" spans="1:12">
      <c r="A22925" s="6" t="s">
        <v>4151</v>
      </c>
      <c r="B22925" s="6"/>
      <c r="C22925" s="6" t="s">
        <v>22961</v>
      </c>
      <c r="D22925" s="6"/>
      <c r="E22925" s="6" t="s">
        <v>9</v>
      </c>
      <c r="F22925" s="7">
        <v>38657</v>
      </c>
      <c r="G22925" s="8">
        <v>1</v>
      </c>
      <c r="H22925" s="8">
        <v>1</v>
      </c>
      <c r="I22925" s="8">
        <v>0</v>
      </c>
      <c r="J22925" s="8">
        <v>1</v>
      </c>
      <c r="K22925" s="9">
        <v>10</v>
      </c>
      <c r="L22925" s="6" t="s">
        <v>4151</v>
      </c>
    </row>
    <row r="22926" spans="1:12">
      <c r="A22926" s="6" t="s">
        <v>4151</v>
      </c>
      <c r="B22926" s="6"/>
      <c r="C22926" s="6" t="s">
        <v>22962</v>
      </c>
      <c r="D22926" s="6"/>
      <c r="E22926" s="6" t="s">
        <v>9</v>
      </c>
      <c r="F22926" s="7">
        <v>38657</v>
      </c>
      <c r="G22926" s="8">
        <v>1</v>
      </c>
      <c r="H22926" s="8">
        <v>1</v>
      </c>
      <c r="I22926" s="8">
        <v>0</v>
      </c>
      <c r="J22926" s="8">
        <v>1</v>
      </c>
      <c r="K22926" s="9">
        <v>19</v>
      </c>
      <c r="L22926" s="6" t="s">
        <v>4151</v>
      </c>
    </row>
    <row r="22927" spans="1:12">
      <c r="A22927" s="6" t="s">
        <v>4151</v>
      </c>
      <c r="B22927" s="6"/>
      <c r="C22927" s="6" t="s">
        <v>22963</v>
      </c>
      <c r="D22927" s="6"/>
      <c r="E22927" s="6" t="s">
        <v>9</v>
      </c>
      <c r="F22927" s="7">
        <v>38657</v>
      </c>
      <c r="G22927" s="8">
        <v>1</v>
      </c>
      <c r="H22927" s="8">
        <v>1</v>
      </c>
      <c r="I22927" s="8">
        <v>0</v>
      </c>
      <c r="J22927" s="8">
        <v>1</v>
      </c>
      <c r="K22927" s="9">
        <v>11</v>
      </c>
      <c r="L22927" s="6" t="s">
        <v>4151</v>
      </c>
    </row>
    <row r="22928" spans="1:12">
      <c r="A22928" s="6" t="s">
        <v>4151</v>
      </c>
      <c r="B22928" s="6"/>
      <c r="C22928" s="6" t="s">
        <v>22964</v>
      </c>
      <c r="D22928" s="6"/>
      <c r="E22928" s="6" t="s">
        <v>9</v>
      </c>
      <c r="F22928" s="7">
        <v>38657</v>
      </c>
      <c r="G22928" s="8">
        <v>1</v>
      </c>
      <c r="H22928" s="8">
        <v>1</v>
      </c>
      <c r="I22928" s="8">
        <v>0</v>
      </c>
      <c r="J22928" s="8">
        <v>1</v>
      </c>
      <c r="K22928" s="9">
        <v>5</v>
      </c>
      <c r="L22928" s="6" t="s">
        <v>4151</v>
      </c>
    </row>
    <row r="22929" spans="1:12">
      <c r="A22929" s="6" t="s">
        <v>4151</v>
      </c>
      <c r="B22929" s="6"/>
      <c r="C22929" s="6" t="s">
        <v>22965</v>
      </c>
      <c r="D22929" s="6"/>
      <c r="E22929" s="6" t="s">
        <v>9</v>
      </c>
      <c r="F22929" s="7">
        <v>38657</v>
      </c>
      <c r="G22929" s="8">
        <v>1</v>
      </c>
      <c r="H22929" s="8">
        <v>1</v>
      </c>
      <c r="I22929" s="8">
        <v>0</v>
      </c>
      <c r="J22929" s="8">
        <v>1</v>
      </c>
      <c r="K22929" s="9">
        <v>4.3899999999999899</v>
      </c>
      <c r="L22929" s="6" t="s">
        <v>4151</v>
      </c>
    </row>
    <row r="22930" spans="1:12">
      <c r="A22930" s="6" t="s">
        <v>4151</v>
      </c>
      <c r="B22930" s="6"/>
      <c r="C22930" s="6" t="s">
        <v>22966</v>
      </c>
      <c r="D22930" s="6"/>
      <c r="E22930" s="6" t="s">
        <v>9</v>
      </c>
      <c r="F22930" s="7">
        <v>38657</v>
      </c>
      <c r="G22930" s="8">
        <v>1</v>
      </c>
      <c r="H22930" s="8">
        <v>1</v>
      </c>
      <c r="I22930" s="8">
        <v>0</v>
      </c>
      <c r="J22930" s="8">
        <v>1</v>
      </c>
      <c r="K22930" s="9">
        <v>2.02</v>
      </c>
      <c r="L22930" s="6" t="s">
        <v>4151</v>
      </c>
    </row>
    <row r="22931" spans="1:12">
      <c r="A22931" s="6" t="s">
        <v>4151</v>
      </c>
      <c r="B22931" s="6"/>
      <c r="C22931" s="6" t="s">
        <v>22967</v>
      </c>
      <c r="D22931" s="6"/>
      <c r="E22931" s="6" t="s">
        <v>9</v>
      </c>
      <c r="F22931" s="7">
        <v>38657</v>
      </c>
      <c r="G22931" s="8">
        <v>1</v>
      </c>
      <c r="H22931" s="8">
        <v>1</v>
      </c>
      <c r="I22931" s="8">
        <v>0</v>
      </c>
      <c r="J22931" s="8">
        <v>1</v>
      </c>
      <c r="K22931" s="9">
        <v>14</v>
      </c>
      <c r="L22931" s="6" t="s">
        <v>4151</v>
      </c>
    </row>
    <row r="22932" spans="1:12">
      <c r="A22932" s="6" t="s">
        <v>4151</v>
      </c>
      <c r="B22932" s="6"/>
      <c r="C22932" s="6" t="s">
        <v>22968</v>
      </c>
      <c r="D22932" s="6"/>
      <c r="E22932" s="6" t="s">
        <v>9</v>
      </c>
      <c r="F22932" s="7">
        <v>38657</v>
      </c>
      <c r="G22932" s="8">
        <v>1</v>
      </c>
      <c r="H22932" s="8">
        <v>1</v>
      </c>
      <c r="I22932" s="8">
        <v>0</v>
      </c>
      <c r="J22932" s="8">
        <v>1</v>
      </c>
      <c r="K22932" s="9">
        <v>28</v>
      </c>
      <c r="L22932" s="6" t="s">
        <v>4151</v>
      </c>
    </row>
    <row r="22933" spans="1:12">
      <c r="A22933" s="6" t="s">
        <v>4151</v>
      </c>
      <c r="B22933" s="6"/>
      <c r="C22933" s="6" t="s">
        <v>22969</v>
      </c>
      <c r="D22933" s="6"/>
      <c r="E22933" s="6" t="s">
        <v>9</v>
      </c>
      <c r="F22933" s="7">
        <v>38657</v>
      </c>
      <c r="G22933" s="8">
        <v>1</v>
      </c>
      <c r="H22933" s="8">
        <v>1</v>
      </c>
      <c r="I22933" s="8">
        <v>0</v>
      </c>
      <c r="J22933" s="8">
        <v>1</v>
      </c>
      <c r="K22933" s="9">
        <v>16</v>
      </c>
      <c r="L22933" s="6" t="s">
        <v>4151</v>
      </c>
    </row>
    <row r="22934" spans="1:12">
      <c r="A22934" s="6" t="s">
        <v>4151</v>
      </c>
      <c r="B22934" s="6"/>
      <c r="C22934" s="6" t="s">
        <v>22970</v>
      </c>
      <c r="D22934" s="6"/>
      <c r="E22934" s="6" t="s">
        <v>9</v>
      </c>
      <c r="F22934" s="7">
        <v>38657</v>
      </c>
      <c r="G22934" s="8">
        <v>1</v>
      </c>
      <c r="H22934" s="8">
        <v>1</v>
      </c>
      <c r="I22934" s="8">
        <v>0</v>
      </c>
      <c r="J22934" s="8">
        <v>1</v>
      </c>
      <c r="K22934" s="9">
        <v>16</v>
      </c>
      <c r="L22934" s="6" t="s">
        <v>4151</v>
      </c>
    </row>
    <row r="22935" spans="1:12">
      <c r="A22935" s="6" t="s">
        <v>4151</v>
      </c>
      <c r="B22935" s="6"/>
      <c r="C22935" s="6" t="s">
        <v>22971</v>
      </c>
      <c r="D22935" s="6"/>
      <c r="E22935" s="6" t="s">
        <v>9</v>
      </c>
      <c r="F22935" s="7">
        <v>38657</v>
      </c>
      <c r="G22935" s="8">
        <v>1</v>
      </c>
      <c r="H22935" s="8">
        <v>1</v>
      </c>
      <c r="I22935" s="8">
        <v>0</v>
      </c>
      <c r="J22935" s="8">
        <v>1</v>
      </c>
      <c r="K22935" s="9">
        <v>16</v>
      </c>
      <c r="L22935" s="6" t="s">
        <v>4151</v>
      </c>
    </row>
    <row r="22936" spans="1:12">
      <c r="A22936" s="6" t="s">
        <v>4151</v>
      </c>
      <c r="B22936" s="6"/>
      <c r="C22936" s="6" t="s">
        <v>22972</v>
      </c>
      <c r="D22936" s="6"/>
      <c r="E22936" s="6" t="s">
        <v>9</v>
      </c>
      <c r="F22936" s="7">
        <v>38657</v>
      </c>
      <c r="G22936" s="8">
        <v>1</v>
      </c>
      <c r="H22936" s="8">
        <v>1</v>
      </c>
      <c r="I22936" s="8">
        <v>0</v>
      </c>
      <c r="J22936" s="8">
        <v>1</v>
      </c>
      <c r="K22936" s="9">
        <v>7.55</v>
      </c>
      <c r="L22936" s="6" t="s">
        <v>4151</v>
      </c>
    </row>
    <row r="22937" spans="1:12">
      <c r="A22937" s="6" t="s">
        <v>4151</v>
      </c>
      <c r="B22937" s="6"/>
      <c r="C22937" s="6" t="s">
        <v>22973</v>
      </c>
      <c r="D22937" s="6"/>
      <c r="E22937" s="6" t="s">
        <v>9</v>
      </c>
      <c r="F22937" s="7">
        <v>38657</v>
      </c>
      <c r="G22937" s="8">
        <v>1</v>
      </c>
      <c r="H22937" s="8">
        <v>1</v>
      </c>
      <c r="I22937" s="8">
        <v>0</v>
      </c>
      <c r="J22937" s="8">
        <v>1</v>
      </c>
      <c r="K22937" s="9">
        <v>19</v>
      </c>
      <c r="L22937" s="6" t="s">
        <v>4151</v>
      </c>
    </row>
    <row r="22938" spans="1:12">
      <c r="A22938" s="6" t="s">
        <v>4151</v>
      </c>
      <c r="B22938" s="6"/>
      <c r="C22938" s="6" t="s">
        <v>22974</v>
      </c>
      <c r="D22938" s="6"/>
      <c r="E22938" s="6" t="s">
        <v>9</v>
      </c>
      <c r="F22938" s="7">
        <v>38657</v>
      </c>
      <c r="G22938" s="8">
        <v>1</v>
      </c>
      <c r="H22938" s="8">
        <v>1</v>
      </c>
      <c r="I22938" s="8">
        <v>0</v>
      </c>
      <c r="J22938" s="8">
        <v>1</v>
      </c>
      <c r="K22938" s="9">
        <v>25</v>
      </c>
      <c r="L22938" s="6" t="s">
        <v>4151</v>
      </c>
    </row>
    <row r="22939" spans="1:12">
      <c r="A22939" s="6" t="s">
        <v>4151</v>
      </c>
      <c r="B22939" s="6"/>
      <c r="C22939" s="6" t="s">
        <v>22975</v>
      </c>
      <c r="D22939" s="6"/>
      <c r="E22939" s="6" t="s">
        <v>9</v>
      </c>
      <c r="F22939" s="7">
        <v>38657</v>
      </c>
      <c r="G22939" s="8">
        <v>1</v>
      </c>
      <c r="H22939" s="8">
        <v>1</v>
      </c>
      <c r="I22939" s="8">
        <v>0</v>
      </c>
      <c r="J22939" s="8">
        <v>1</v>
      </c>
      <c r="K22939" s="9">
        <v>16</v>
      </c>
      <c r="L22939" s="6" t="s">
        <v>4151</v>
      </c>
    </row>
    <row r="22940" spans="1:12">
      <c r="A22940" s="6" t="s">
        <v>4151</v>
      </c>
      <c r="B22940" s="6"/>
      <c r="C22940" s="6" t="s">
        <v>22976</v>
      </c>
      <c r="D22940" s="6"/>
      <c r="E22940" s="6" t="s">
        <v>9</v>
      </c>
      <c r="F22940" s="7">
        <v>38657</v>
      </c>
      <c r="G22940" s="8">
        <v>1</v>
      </c>
      <c r="H22940" s="8">
        <v>1</v>
      </c>
      <c r="I22940" s="8">
        <v>0</v>
      </c>
      <c r="J22940" s="8">
        <v>1</v>
      </c>
      <c r="K22940" s="9">
        <v>18</v>
      </c>
      <c r="L22940" s="6" t="s">
        <v>4151</v>
      </c>
    </row>
    <row r="22941" spans="1:12">
      <c r="A22941" s="6" t="s">
        <v>4151</v>
      </c>
      <c r="B22941" s="6"/>
      <c r="C22941" s="6" t="s">
        <v>22977</v>
      </c>
      <c r="D22941" s="6"/>
      <c r="E22941" s="6" t="s">
        <v>9</v>
      </c>
      <c r="F22941" s="7">
        <v>38657</v>
      </c>
      <c r="G22941" s="8">
        <v>1</v>
      </c>
      <c r="H22941" s="8">
        <v>1</v>
      </c>
      <c r="I22941" s="8">
        <v>0</v>
      </c>
      <c r="J22941" s="8">
        <v>1</v>
      </c>
      <c r="K22941" s="9">
        <v>16</v>
      </c>
      <c r="L22941" s="6" t="s">
        <v>4151</v>
      </c>
    </row>
    <row r="22942" spans="1:12">
      <c r="A22942" s="6" t="s">
        <v>4151</v>
      </c>
      <c r="B22942" s="6"/>
      <c r="C22942" s="6" t="s">
        <v>22978</v>
      </c>
      <c r="D22942" s="6"/>
      <c r="E22942" s="6" t="s">
        <v>9</v>
      </c>
      <c r="F22942" s="7">
        <v>38657</v>
      </c>
      <c r="G22942" s="8">
        <v>1</v>
      </c>
      <c r="H22942" s="8">
        <v>1</v>
      </c>
      <c r="I22942" s="8">
        <v>0</v>
      </c>
      <c r="J22942" s="8">
        <v>1</v>
      </c>
      <c r="K22942" s="9">
        <v>14</v>
      </c>
      <c r="L22942" s="6" t="s">
        <v>4151</v>
      </c>
    </row>
    <row r="22943" spans="1:12">
      <c r="A22943" s="6" t="s">
        <v>4151</v>
      </c>
      <c r="B22943" s="6"/>
      <c r="C22943" s="6" t="s">
        <v>22979</v>
      </c>
      <c r="D22943" s="6"/>
      <c r="E22943" s="6" t="s">
        <v>9</v>
      </c>
      <c r="F22943" s="7">
        <v>38657</v>
      </c>
      <c r="G22943" s="8">
        <v>1</v>
      </c>
      <c r="H22943" s="8">
        <v>1</v>
      </c>
      <c r="I22943" s="8">
        <v>0</v>
      </c>
      <c r="J22943" s="8">
        <v>1</v>
      </c>
      <c r="K22943" s="9">
        <v>84</v>
      </c>
      <c r="L22943" s="6" t="s">
        <v>4151</v>
      </c>
    </row>
    <row r="22944" spans="1:12">
      <c r="A22944" s="6" t="s">
        <v>4151</v>
      </c>
      <c r="B22944" s="6"/>
      <c r="C22944" s="6" t="s">
        <v>22980</v>
      </c>
      <c r="D22944" s="6"/>
      <c r="E22944" s="6" t="s">
        <v>9</v>
      </c>
      <c r="F22944" s="7">
        <v>38657</v>
      </c>
      <c r="G22944" s="8">
        <v>1</v>
      </c>
      <c r="H22944" s="8">
        <v>1</v>
      </c>
      <c r="I22944" s="8">
        <v>0</v>
      </c>
      <c r="J22944" s="8">
        <v>1</v>
      </c>
      <c r="K22944" s="9">
        <v>16</v>
      </c>
      <c r="L22944" s="6" t="s">
        <v>4151</v>
      </c>
    </row>
    <row r="22945" spans="1:12">
      <c r="A22945" s="6" t="s">
        <v>4151</v>
      </c>
      <c r="B22945" s="6"/>
      <c r="C22945" s="6" t="s">
        <v>22981</v>
      </c>
      <c r="D22945" s="6"/>
      <c r="E22945" s="6" t="s">
        <v>9</v>
      </c>
      <c r="F22945" s="7">
        <v>38657</v>
      </c>
      <c r="G22945" s="8">
        <v>1</v>
      </c>
      <c r="H22945" s="8">
        <v>1</v>
      </c>
      <c r="I22945" s="8">
        <v>0</v>
      </c>
      <c r="J22945" s="8">
        <v>1</v>
      </c>
      <c r="K22945" s="9">
        <v>16</v>
      </c>
      <c r="L22945" s="6" t="s">
        <v>4151</v>
      </c>
    </row>
    <row r="22946" spans="1:12">
      <c r="A22946" s="6" t="s">
        <v>4151</v>
      </c>
      <c r="B22946" s="6"/>
      <c r="C22946" s="6" t="s">
        <v>22982</v>
      </c>
      <c r="D22946" s="6"/>
      <c r="E22946" s="6" t="s">
        <v>9</v>
      </c>
      <c r="F22946" s="7">
        <v>38657</v>
      </c>
      <c r="G22946" s="8">
        <v>1</v>
      </c>
      <c r="H22946" s="8">
        <v>1</v>
      </c>
      <c r="I22946" s="8">
        <v>0</v>
      </c>
      <c r="J22946" s="8">
        <v>1</v>
      </c>
      <c r="K22946" s="9">
        <v>16</v>
      </c>
      <c r="L22946" s="6" t="s">
        <v>4151</v>
      </c>
    </row>
    <row r="22947" spans="1:12">
      <c r="A22947" s="6" t="s">
        <v>4151</v>
      </c>
      <c r="B22947" s="6"/>
      <c r="C22947" s="6" t="s">
        <v>22983</v>
      </c>
      <c r="D22947" s="6"/>
      <c r="E22947" s="6" t="s">
        <v>9</v>
      </c>
      <c r="F22947" s="7">
        <v>38657</v>
      </c>
      <c r="G22947" s="8">
        <v>1</v>
      </c>
      <c r="H22947" s="8">
        <v>1</v>
      </c>
      <c r="I22947" s="8">
        <v>0</v>
      </c>
      <c r="J22947" s="8">
        <v>1</v>
      </c>
      <c r="K22947" s="9">
        <v>21</v>
      </c>
      <c r="L22947" s="6" t="s">
        <v>4151</v>
      </c>
    </row>
    <row r="22948" spans="1:12">
      <c r="A22948" s="6" t="s">
        <v>4151</v>
      </c>
      <c r="B22948" s="6"/>
      <c r="C22948" s="6" t="s">
        <v>22984</v>
      </c>
      <c r="D22948" s="6"/>
      <c r="E22948" s="6" t="s">
        <v>9</v>
      </c>
      <c r="F22948" s="7">
        <v>38657</v>
      </c>
      <c r="G22948" s="8">
        <v>1</v>
      </c>
      <c r="H22948" s="8">
        <v>1</v>
      </c>
      <c r="I22948" s="8">
        <v>0</v>
      </c>
      <c r="J22948" s="8">
        <v>1</v>
      </c>
      <c r="K22948" s="9">
        <v>21</v>
      </c>
      <c r="L22948" s="6" t="s">
        <v>4151</v>
      </c>
    </row>
    <row r="22949" spans="1:12">
      <c r="A22949" s="6" t="s">
        <v>4151</v>
      </c>
      <c r="B22949" s="6"/>
      <c r="C22949" s="6" t="s">
        <v>22985</v>
      </c>
      <c r="D22949" s="6"/>
      <c r="E22949" s="6" t="s">
        <v>9</v>
      </c>
      <c r="F22949" s="7">
        <v>38657</v>
      </c>
      <c r="G22949" s="8">
        <v>1</v>
      </c>
      <c r="H22949" s="8">
        <v>1</v>
      </c>
      <c r="I22949" s="8">
        <v>0</v>
      </c>
      <c r="J22949" s="8">
        <v>1</v>
      </c>
      <c r="K22949" s="9">
        <v>16</v>
      </c>
      <c r="L22949" s="6" t="s">
        <v>4151</v>
      </c>
    </row>
    <row r="22950" spans="1:12">
      <c r="A22950" s="6" t="s">
        <v>4151</v>
      </c>
      <c r="B22950" s="6"/>
      <c r="C22950" s="6" t="s">
        <v>22986</v>
      </c>
      <c r="D22950" s="6"/>
      <c r="E22950" s="6" t="s">
        <v>9</v>
      </c>
      <c r="F22950" s="7">
        <v>38657</v>
      </c>
      <c r="G22950" s="8">
        <v>1</v>
      </c>
      <c r="H22950" s="8">
        <v>1</v>
      </c>
      <c r="I22950" s="8">
        <v>0</v>
      </c>
      <c r="J22950" s="8">
        <v>1</v>
      </c>
      <c r="K22950" s="9">
        <v>16</v>
      </c>
      <c r="L22950" s="6" t="s">
        <v>4151</v>
      </c>
    </row>
    <row r="22951" spans="1:12">
      <c r="A22951" s="6" t="s">
        <v>4151</v>
      </c>
      <c r="B22951" s="6"/>
      <c r="C22951" s="6" t="s">
        <v>22987</v>
      </c>
      <c r="D22951" s="6"/>
      <c r="E22951" s="6" t="s">
        <v>9</v>
      </c>
      <c r="F22951" s="7">
        <v>38657</v>
      </c>
      <c r="G22951" s="8">
        <v>1</v>
      </c>
      <c r="H22951" s="8">
        <v>1</v>
      </c>
      <c r="I22951" s="8">
        <v>0</v>
      </c>
      <c r="J22951" s="8">
        <v>1</v>
      </c>
      <c r="K22951" s="9">
        <v>16</v>
      </c>
      <c r="L22951" s="6" t="s">
        <v>4151</v>
      </c>
    </row>
    <row r="22952" spans="1:12">
      <c r="A22952" s="6" t="s">
        <v>4151</v>
      </c>
      <c r="B22952" s="6"/>
      <c r="C22952" s="6" t="s">
        <v>22988</v>
      </c>
      <c r="D22952" s="6"/>
      <c r="E22952" s="6" t="s">
        <v>9</v>
      </c>
      <c r="F22952" s="7">
        <v>38657</v>
      </c>
      <c r="G22952" s="8">
        <v>1</v>
      </c>
      <c r="H22952" s="8">
        <v>1</v>
      </c>
      <c r="I22952" s="8">
        <v>0</v>
      </c>
      <c r="J22952" s="8">
        <v>1</v>
      </c>
      <c r="K22952" s="9">
        <v>16</v>
      </c>
      <c r="L22952" s="6" t="s">
        <v>4151</v>
      </c>
    </row>
    <row r="22953" spans="1:12">
      <c r="A22953" s="6" t="s">
        <v>4151</v>
      </c>
      <c r="B22953" s="6"/>
      <c r="C22953" s="6" t="s">
        <v>22989</v>
      </c>
      <c r="D22953" s="6"/>
      <c r="E22953" s="6" t="s">
        <v>9</v>
      </c>
      <c r="F22953" s="7">
        <v>38657</v>
      </c>
      <c r="G22953" s="8">
        <v>1</v>
      </c>
      <c r="H22953" s="8">
        <v>1</v>
      </c>
      <c r="I22953" s="8">
        <v>0</v>
      </c>
      <c r="J22953" s="8">
        <v>1</v>
      </c>
      <c r="K22953" s="9">
        <v>15</v>
      </c>
      <c r="L22953" s="6" t="s">
        <v>4151</v>
      </c>
    </row>
    <row r="22954" spans="1:12">
      <c r="A22954" s="6" t="s">
        <v>4151</v>
      </c>
      <c r="B22954" s="6"/>
      <c r="C22954" s="6" t="s">
        <v>22990</v>
      </c>
      <c r="D22954" s="6"/>
      <c r="E22954" s="6" t="s">
        <v>9</v>
      </c>
      <c r="F22954" s="7">
        <v>38657</v>
      </c>
      <c r="G22954" s="8">
        <v>1</v>
      </c>
      <c r="H22954" s="8">
        <v>1</v>
      </c>
      <c r="I22954" s="8">
        <v>0</v>
      </c>
      <c r="J22954" s="8">
        <v>1</v>
      </c>
      <c r="K22954" s="9">
        <v>963</v>
      </c>
      <c r="L22954" s="6" t="s">
        <v>4151</v>
      </c>
    </row>
    <row r="22955" spans="1:12">
      <c r="A22955" s="6" t="s">
        <v>4151</v>
      </c>
      <c r="B22955" s="6"/>
      <c r="C22955" s="6" t="s">
        <v>22991</v>
      </c>
      <c r="D22955" s="6"/>
      <c r="E22955" s="6" t="s">
        <v>9</v>
      </c>
      <c r="F22955" s="7">
        <v>38657</v>
      </c>
      <c r="G22955" s="8">
        <v>1</v>
      </c>
      <c r="H22955" s="8">
        <v>1</v>
      </c>
      <c r="I22955" s="8">
        <v>0</v>
      </c>
      <c r="J22955" s="8">
        <v>1</v>
      </c>
      <c r="K22955" s="9">
        <v>49</v>
      </c>
      <c r="L22955" s="6" t="s">
        <v>4151</v>
      </c>
    </row>
    <row r="22956" spans="1:12">
      <c r="A22956" s="6" t="s">
        <v>4151</v>
      </c>
      <c r="B22956" s="6"/>
      <c r="C22956" s="6" t="s">
        <v>22992</v>
      </c>
      <c r="D22956" s="6"/>
      <c r="E22956" s="6" t="s">
        <v>9</v>
      </c>
      <c r="F22956" s="7">
        <v>38657</v>
      </c>
      <c r="G22956" s="8">
        <v>1</v>
      </c>
      <c r="H22956" s="8">
        <v>1</v>
      </c>
      <c r="I22956" s="8">
        <v>0</v>
      </c>
      <c r="J22956" s="8">
        <v>1</v>
      </c>
      <c r="K22956" s="9">
        <v>53</v>
      </c>
      <c r="L22956" s="6" t="s">
        <v>4151</v>
      </c>
    </row>
    <row r="22957" spans="1:12">
      <c r="A22957" s="6" t="s">
        <v>4151</v>
      </c>
      <c r="B22957" s="6"/>
      <c r="C22957" s="6" t="s">
        <v>22993</v>
      </c>
      <c r="D22957" s="6"/>
      <c r="E22957" s="6" t="s">
        <v>9</v>
      </c>
      <c r="F22957" s="7">
        <v>38657</v>
      </c>
      <c r="G22957" s="8">
        <v>1</v>
      </c>
      <c r="H22957" s="8">
        <v>1</v>
      </c>
      <c r="I22957" s="8">
        <v>0</v>
      </c>
      <c r="J22957" s="8">
        <v>1</v>
      </c>
      <c r="K22957" s="9">
        <v>48.97</v>
      </c>
      <c r="L22957" s="6" t="s">
        <v>4151</v>
      </c>
    </row>
    <row r="22958" spans="1:12">
      <c r="A22958" s="6" t="s">
        <v>4151</v>
      </c>
      <c r="B22958" s="6"/>
      <c r="C22958" s="6" t="s">
        <v>22994</v>
      </c>
      <c r="D22958" s="6"/>
      <c r="E22958" s="6" t="s">
        <v>9</v>
      </c>
      <c r="F22958" s="7">
        <v>38657</v>
      </c>
      <c r="G22958" s="8">
        <v>1</v>
      </c>
      <c r="H22958" s="8">
        <v>1</v>
      </c>
      <c r="I22958" s="8">
        <v>0</v>
      </c>
      <c r="J22958" s="8">
        <v>1</v>
      </c>
      <c r="K22958" s="9">
        <v>3.87</v>
      </c>
      <c r="L22958" s="6" t="s">
        <v>4151</v>
      </c>
    </row>
    <row r="22959" spans="1:12">
      <c r="A22959" s="6" t="s">
        <v>4151</v>
      </c>
      <c r="B22959" s="6"/>
      <c r="C22959" s="6" t="s">
        <v>22995</v>
      </c>
      <c r="D22959" s="6"/>
      <c r="E22959" s="6" t="s">
        <v>9</v>
      </c>
      <c r="F22959" s="7">
        <v>38657</v>
      </c>
      <c r="G22959" s="8">
        <v>1</v>
      </c>
      <c r="H22959" s="8">
        <v>1</v>
      </c>
      <c r="I22959" s="8">
        <v>0</v>
      </c>
      <c r="J22959" s="8">
        <v>1</v>
      </c>
      <c r="K22959" s="9">
        <v>4.0599999999999898</v>
      </c>
      <c r="L22959" s="6" t="s">
        <v>4151</v>
      </c>
    </row>
    <row r="22960" spans="1:12">
      <c r="A22960" s="6" t="s">
        <v>4151</v>
      </c>
      <c r="B22960" s="6"/>
      <c r="C22960" s="6" t="s">
        <v>22996</v>
      </c>
      <c r="D22960" s="6"/>
      <c r="E22960" s="6" t="s">
        <v>9</v>
      </c>
      <c r="F22960" s="7">
        <v>38657</v>
      </c>
      <c r="G22960" s="8">
        <v>1</v>
      </c>
      <c r="H22960" s="8">
        <v>1</v>
      </c>
      <c r="I22960" s="8">
        <v>0</v>
      </c>
      <c r="J22960" s="8">
        <v>1</v>
      </c>
      <c r="K22960" s="9">
        <v>2.73</v>
      </c>
      <c r="L22960" s="6" t="s">
        <v>4151</v>
      </c>
    </row>
    <row r="22961" spans="1:12">
      <c r="A22961" s="6" t="s">
        <v>4151</v>
      </c>
      <c r="B22961" s="6"/>
      <c r="C22961" s="6" t="s">
        <v>22997</v>
      </c>
      <c r="D22961" s="6"/>
      <c r="E22961" s="6" t="s">
        <v>9</v>
      </c>
      <c r="F22961" s="7">
        <v>38657</v>
      </c>
      <c r="G22961" s="8">
        <v>1</v>
      </c>
      <c r="H22961" s="8">
        <v>1</v>
      </c>
      <c r="I22961" s="8">
        <v>0</v>
      </c>
      <c r="J22961" s="8">
        <v>1</v>
      </c>
      <c r="K22961" s="9">
        <v>7.92</v>
      </c>
      <c r="L22961" s="6" t="s">
        <v>4151</v>
      </c>
    </row>
    <row r="22962" spans="1:12">
      <c r="A22962" s="6" t="s">
        <v>4151</v>
      </c>
      <c r="B22962" s="6"/>
      <c r="C22962" s="6" t="s">
        <v>22998</v>
      </c>
      <c r="D22962" s="6"/>
      <c r="E22962" s="6" t="s">
        <v>9</v>
      </c>
      <c r="F22962" s="7">
        <v>38657</v>
      </c>
      <c r="G22962" s="8">
        <v>1</v>
      </c>
      <c r="H22962" s="8">
        <v>1</v>
      </c>
      <c r="I22962" s="8">
        <v>0</v>
      </c>
      <c r="J22962" s="8">
        <v>1</v>
      </c>
      <c r="K22962" s="9">
        <v>3.63</v>
      </c>
      <c r="L22962" s="6" t="s">
        <v>4151</v>
      </c>
    </row>
    <row r="22963" spans="1:12">
      <c r="A22963" s="6" t="s">
        <v>4151</v>
      </c>
      <c r="B22963" s="6"/>
      <c r="C22963" s="6" t="s">
        <v>22999</v>
      </c>
      <c r="D22963" s="6"/>
      <c r="E22963" s="6" t="s">
        <v>9</v>
      </c>
      <c r="F22963" s="7">
        <v>38657</v>
      </c>
      <c r="G22963" s="8">
        <v>1</v>
      </c>
      <c r="H22963" s="8">
        <v>1</v>
      </c>
      <c r="I22963" s="8">
        <v>0</v>
      </c>
      <c r="J22963" s="8">
        <v>1</v>
      </c>
      <c r="K22963" s="9">
        <v>2.4500000000000002</v>
      </c>
      <c r="L22963" s="6" t="s">
        <v>4151</v>
      </c>
    </row>
    <row r="22964" spans="1:12">
      <c r="A22964" s="6" t="s">
        <v>4151</v>
      </c>
      <c r="B22964" s="6"/>
      <c r="C22964" s="6" t="s">
        <v>23000</v>
      </c>
      <c r="D22964" s="6"/>
      <c r="E22964" s="6" t="s">
        <v>9</v>
      </c>
      <c r="F22964" s="7">
        <v>38657</v>
      </c>
      <c r="G22964" s="8">
        <v>1</v>
      </c>
      <c r="H22964" s="8">
        <v>1</v>
      </c>
      <c r="I22964" s="8">
        <v>0</v>
      </c>
      <c r="J22964" s="8">
        <v>1</v>
      </c>
      <c r="K22964" s="9">
        <v>1.06</v>
      </c>
      <c r="L22964" s="6" t="s">
        <v>4151</v>
      </c>
    </row>
    <row r="22965" spans="1:12">
      <c r="A22965" s="6" t="s">
        <v>4151</v>
      </c>
      <c r="B22965" s="6"/>
      <c r="C22965" s="6" t="s">
        <v>23001</v>
      </c>
      <c r="D22965" s="6"/>
      <c r="E22965" s="6" t="s">
        <v>9</v>
      </c>
      <c r="F22965" s="7">
        <v>38657</v>
      </c>
      <c r="G22965" s="8">
        <v>1</v>
      </c>
      <c r="H22965" s="8">
        <v>1</v>
      </c>
      <c r="I22965" s="8">
        <v>0</v>
      </c>
      <c r="J22965" s="8">
        <v>1</v>
      </c>
      <c r="K22965" s="9">
        <v>112</v>
      </c>
      <c r="L22965" s="6" t="s">
        <v>4151</v>
      </c>
    </row>
    <row r="22966" spans="1:12">
      <c r="A22966" s="6" t="s">
        <v>4151</v>
      </c>
      <c r="B22966" s="6"/>
      <c r="C22966" s="6" t="s">
        <v>23002</v>
      </c>
      <c r="D22966" s="6"/>
      <c r="E22966" s="6" t="s">
        <v>9</v>
      </c>
      <c r="F22966" s="7">
        <v>38657</v>
      </c>
      <c r="G22966" s="8">
        <v>1</v>
      </c>
      <c r="H22966" s="8">
        <v>1</v>
      </c>
      <c r="I22966" s="8">
        <v>0</v>
      </c>
      <c r="J22966" s="8">
        <v>1</v>
      </c>
      <c r="K22966" s="9">
        <v>20.38</v>
      </c>
      <c r="L22966" s="6" t="s">
        <v>4151</v>
      </c>
    </row>
    <row r="22967" spans="1:12">
      <c r="A22967" s="6" t="s">
        <v>4151</v>
      </c>
      <c r="B22967" s="6"/>
      <c r="C22967" s="6" t="s">
        <v>23003</v>
      </c>
      <c r="D22967" s="6"/>
      <c r="E22967" s="6" t="s">
        <v>9</v>
      </c>
      <c r="F22967" s="7">
        <v>38657</v>
      </c>
      <c r="G22967" s="8">
        <v>1</v>
      </c>
      <c r="H22967" s="8">
        <v>1</v>
      </c>
      <c r="I22967" s="8">
        <v>0</v>
      </c>
      <c r="J22967" s="8">
        <v>1</v>
      </c>
      <c r="K22967" s="9">
        <v>9.14</v>
      </c>
      <c r="L22967" s="6" t="s">
        <v>4151</v>
      </c>
    </row>
    <row r="22968" spans="1:12">
      <c r="A22968" s="6" t="s">
        <v>4151</v>
      </c>
      <c r="B22968" s="6"/>
      <c r="C22968" s="6" t="s">
        <v>23004</v>
      </c>
      <c r="D22968" s="6"/>
      <c r="E22968" s="6" t="s">
        <v>9</v>
      </c>
      <c r="F22968" s="7">
        <v>38657</v>
      </c>
      <c r="G22968" s="8">
        <v>1</v>
      </c>
      <c r="H22968" s="8">
        <v>1</v>
      </c>
      <c r="I22968" s="8">
        <v>0</v>
      </c>
      <c r="J22968" s="8">
        <v>1</v>
      </c>
      <c r="K22968" s="9">
        <v>7.3</v>
      </c>
      <c r="L22968" s="6" t="s">
        <v>4151</v>
      </c>
    </row>
    <row r="22969" spans="1:12">
      <c r="A22969" s="6" t="s">
        <v>4151</v>
      </c>
      <c r="B22969" s="6"/>
      <c r="C22969" s="6" t="s">
        <v>23005</v>
      </c>
      <c r="D22969" s="6"/>
      <c r="E22969" s="6" t="s">
        <v>9</v>
      </c>
      <c r="F22969" s="7">
        <v>38657</v>
      </c>
      <c r="G22969" s="8">
        <v>1</v>
      </c>
      <c r="H22969" s="8">
        <v>1</v>
      </c>
      <c r="I22969" s="8">
        <v>0</v>
      </c>
      <c r="J22969" s="8">
        <v>1</v>
      </c>
      <c r="K22969" s="9">
        <v>9.4</v>
      </c>
      <c r="L22969" s="6" t="s">
        <v>4151</v>
      </c>
    </row>
    <row r="22970" spans="1:12">
      <c r="A22970" s="6" t="s">
        <v>4151</v>
      </c>
      <c r="B22970" s="6"/>
      <c r="C22970" s="6" t="s">
        <v>23006</v>
      </c>
      <c r="D22970" s="6"/>
      <c r="E22970" s="6" t="s">
        <v>9</v>
      </c>
      <c r="F22970" s="7">
        <v>38657</v>
      </c>
      <c r="G22970" s="8">
        <v>1</v>
      </c>
      <c r="H22970" s="8">
        <v>1</v>
      </c>
      <c r="I22970" s="8">
        <v>0</v>
      </c>
      <c r="J22970" s="8">
        <v>1</v>
      </c>
      <c r="K22970" s="9">
        <v>3.6</v>
      </c>
      <c r="L22970" s="6" t="s">
        <v>4151</v>
      </c>
    </row>
    <row r="22971" spans="1:12">
      <c r="A22971" s="6" t="s">
        <v>4151</v>
      </c>
      <c r="B22971" s="6"/>
      <c r="C22971" s="6" t="s">
        <v>23007</v>
      </c>
      <c r="D22971" s="6"/>
      <c r="E22971" s="6" t="s">
        <v>9</v>
      </c>
      <c r="F22971" s="7">
        <v>38657</v>
      </c>
      <c r="G22971" s="8">
        <v>1</v>
      </c>
      <c r="H22971" s="8">
        <v>1</v>
      </c>
      <c r="I22971" s="8">
        <v>0</v>
      </c>
      <c r="J22971" s="8">
        <v>1</v>
      </c>
      <c r="K22971" s="9">
        <v>4.68</v>
      </c>
      <c r="L22971" s="6" t="s">
        <v>4151</v>
      </c>
    </row>
    <row r="22972" spans="1:12">
      <c r="A22972" s="6" t="s">
        <v>4151</v>
      </c>
      <c r="B22972" s="6"/>
      <c r="C22972" s="6" t="s">
        <v>23008</v>
      </c>
      <c r="D22972" s="6"/>
      <c r="E22972" s="6" t="s">
        <v>9</v>
      </c>
      <c r="F22972" s="7">
        <v>38657</v>
      </c>
      <c r="G22972" s="8">
        <v>1</v>
      </c>
      <c r="H22972" s="8">
        <v>1</v>
      </c>
      <c r="I22972" s="8">
        <v>0</v>
      </c>
      <c r="J22972" s="8">
        <v>1</v>
      </c>
      <c r="K22972" s="9">
        <v>0.8</v>
      </c>
      <c r="L22972" s="6" t="s">
        <v>4151</v>
      </c>
    </row>
    <row r="22973" spans="1:12">
      <c r="A22973" s="6" t="s">
        <v>4151</v>
      </c>
      <c r="B22973" s="6"/>
      <c r="C22973" s="6" t="s">
        <v>23009</v>
      </c>
      <c r="D22973" s="6"/>
      <c r="E22973" s="6" t="s">
        <v>9</v>
      </c>
      <c r="F22973" s="7">
        <v>38657</v>
      </c>
      <c r="G22973" s="8">
        <v>1</v>
      </c>
      <c r="H22973" s="8">
        <v>1</v>
      </c>
      <c r="I22973" s="8">
        <v>0</v>
      </c>
      <c r="J22973" s="8">
        <v>1</v>
      </c>
      <c r="K22973" s="9">
        <v>3.16</v>
      </c>
      <c r="L22973" s="6" t="s">
        <v>4151</v>
      </c>
    </row>
    <row r="22974" spans="1:12">
      <c r="A22974" s="6" t="s">
        <v>4151</v>
      </c>
      <c r="B22974" s="6"/>
      <c r="C22974" s="6" t="s">
        <v>23010</v>
      </c>
      <c r="D22974" s="6"/>
      <c r="E22974" s="6" t="s">
        <v>9</v>
      </c>
      <c r="F22974" s="7">
        <v>38657</v>
      </c>
      <c r="G22974" s="8">
        <v>1</v>
      </c>
      <c r="H22974" s="8">
        <v>1</v>
      </c>
      <c r="I22974" s="8">
        <v>0</v>
      </c>
      <c r="J22974" s="8">
        <v>1</v>
      </c>
      <c r="K22974" s="9">
        <v>9.58</v>
      </c>
      <c r="L22974" s="6" t="s">
        <v>4151</v>
      </c>
    </row>
    <row r="22975" spans="1:12">
      <c r="A22975" s="6" t="s">
        <v>4151</v>
      </c>
      <c r="B22975" s="6"/>
      <c r="C22975" s="6" t="s">
        <v>23011</v>
      </c>
      <c r="D22975" s="6"/>
      <c r="E22975" s="6" t="s">
        <v>9</v>
      </c>
      <c r="F22975" s="7">
        <v>38657</v>
      </c>
      <c r="G22975" s="8">
        <v>1</v>
      </c>
      <c r="H22975" s="8">
        <v>1</v>
      </c>
      <c r="I22975" s="8">
        <v>0</v>
      </c>
      <c r="J22975" s="8">
        <v>1</v>
      </c>
      <c r="K22975" s="9">
        <v>6</v>
      </c>
      <c r="L22975" s="6" t="s">
        <v>4151</v>
      </c>
    </row>
    <row r="22976" spans="1:12">
      <c r="A22976" s="6" t="s">
        <v>4151</v>
      </c>
      <c r="B22976" s="6"/>
      <c r="C22976" s="6" t="s">
        <v>23012</v>
      </c>
      <c r="D22976" s="6"/>
      <c r="E22976" s="6" t="s">
        <v>9</v>
      </c>
      <c r="F22976" s="7">
        <v>38657</v>
      </c>
      <c r="G22976" s="8">
        <v>1</v>
      </c>
      <c r="H22976" s="8">
        <v>1</v>
      </c>
      <c r="I22976" s="8">
        <v>0</v>
      </c>
      <c r="J22976" s="8">
        <v>1</v>
      </c>
      <c r="K22976" s="9">
        <v>964</v>
      </c>
      <c r="L22976" s="6" t="s">
        <v>4151</v>
      </c>
    </row>
    <row r="22977" spans="1:12">
      <c r="A22977" s="6" t="s">
        <v>4151</v>
      </c>
      <c r="B22977" s="6"/>
      <c r="C22977" s="6" t="s">
        <v>23013</v>
      </c>
      <c r="D22977" s="6"/>
      <c r="E22977" s="6" t="s">
        <v>9</v>
      </c>
      <c r="F22977" s="7">
        <v>38657</v>
      </c>
      <c r="G22977" s="8">
        <v>1</v>
      </c>
      <c r="H22977" s="8">
        <v>1</v>
      </c>
      <c r="I22977" s="8">
        <v>0</v>
      </c>
      <c r="J22977" s="8">
        <v>1</v>
      </c>
      <c r="K22977" s="9">
        <v>6.46</v>
      </c>
      <c r="L22977" s="6" t="s">
        <v>4151</v>
      </c>
    </row>
    <row r="22978" spans="1:12">
      <c r="A22978" s="6" t="s">
        <v>4151</v>
      </c>
      <c r="B22978" s="6"/>
      <c r="C22978" s="6" t="s">
        <v>23014</v>
      </c>
      <c r="D22978" s="6"/>
      <c r="E22978" s="6" t="s">
        <v>9</v>
      </c>
      <c r="F22978" s="7">
        <v>38657</v>
      </c>
      <c r="G22978" s="8">
        <v>1</v>
      </c>
      <c r="H22978" s="8">
        <v>1</v>
      </c>
      <c r="I22978" s="8">
        <v>0</v>
      </c>
      <c r="J22978" s="8">
        <v>1</v>
      </c>
      <c r="K22978" s="9">
        <v>5.13</v>
      </c>
      <c r="L22978" s="6" t="s">
        <v>4151</v>
      </c>
    </row>
    <row r="22979" spans="1:12">
      <c r="A22979" s="6" t="s">
        <v>4151</v>
      </c>
      <c r="B22979" s="6"/>
      <c r="C22979" s="6" t="s">
        <v>23015</v>
      </c>
      <c r="D22979" s="6"/>
      <c r="E22979" s="6" t="s">
        <v>9</v>
      </c>
      <c r="F22979" s="7">
        <v>38657</v>
      </c>
      <c r="G22979" s="8">
        <v>1</v>
      </c>
      <c r="H22979" s="8">
        <v>1</v>
      </c>
      <c r="I22979" s="8">
        <v>0</v>
      </c>
      <c r="J22979" s="8">
        <v>1</v>
      </c>
      <c r="K22979" s="9">
        <v>13.14</v>
      </c>
      <c r="L22979" s="6" t="s">
        <v>4151</v>
      </c>
    </row>
    <row r="22980" spans="1:12">
      <c r="A22980" s="6" t="s">
        <v>4151</v>
      </c>
      <c r="B22980" s="6"/>
      <c r="C22980" s="6" t="s">
        <v>23016</v>
      </c>
      <c r="D22980" s="6"/>
      <c r="E22980" s="6" t="s">
        <v>9</v>
      </c>
      <c r="F22980" s="7">
        <v>38657</v>
      </c>
      <c r="G22980" s="8">
        <v>1</v>
      </c>
      <c r="H22980" s="8">
        <v>1</v>
      </c>
      <c r="I22980" s="8">
        <v>0</v>
      </c>
      <c r="J22980" s="8">
        <v>1</v>
      </c>
      <c r="K22980" s="9">
        <v>9.08</v>
      </c>
      <c r="L22980" s="6" t="s">
        <v>4151</v>
      </c>
    </row>
    <row r="22981" spans="1:12">
      <c r="A22981" s="6" t="s">
        <v>4151</v>
      </c>
      <c r="B22981" s="6"/>
      <c r="C22981" s="6" t="s">
        <v>23017</v>
      </c>
      <c r="D22981" s="6"/>
      <c r="E22981" s="6" t="s">
        <v>9</v>
      </c>
      <c r="F22981" s="7">
        <v>38657</v>
      </c>
      <c r="G22981" s="8">
        <v>1</v>
      </c>
      <c r="H22981" s="8">
        <v>1</v>
      </c>
      <c r="I22981" s="8">
        <v>0</v>
      </c>
      <c r="J22981" s="8">
        <v>1</v>
      </c>
      <c r="K22981" s="9">
        <v>20.49</v>
      </c>
      <c r="L22981" s="6" t="s">
        <v>4151</v>
      </c>
    </row>
    <row r="22982" spans="1:12">
      <c r="A22982" s="6" t="s">
        <v>4151</v>
      </c>
      <c r="B22982" s="6"/>
      <c r="C22982" s="6" t="s">
        <v>23018</v>
      </c>
      <c r="D22982" s="6"/>
      <c r="E22982" s="6" t="s">
        <v>9</v>
      </c>
      <c r="F22982" s="7">
        <v>38657</v>
      </c>
      <c r="G22982" s="8">
        <v>1</v>
      </c>
      <c r="H22982" s="8">
        <v>1</v>
      </c>
      <c r="I22982" s="8">
        <v>0</v>
      </c>
      <c r="J22982" s="8">
        <v>1</v>
      </c>
      <c r="K22982" s="9">
        <v>27</v>
      </c>
      <c r="L22982" s="6" t="s">
        <v>4151</v>
      </c>
    </row>
    <row r="22983" spans="1:12">
      <c r="A22983" s="6" t="s">
        <v>4151</v>
      </c>
      <c r="B22983" s="6"/>
      <c r="C22983" s="6" t="s">
        <v>23019</v>
      </c>
      <c r="D22983" s="6"/>
      <c r="E22983" s="6" t="s">
        <v>9</v>
      </c>
      <c r="F22983" s="7">
        <v>38657</v>
      </c>
      <c r="G22983" s="8">
        <v>1</v>
      </c>
      <c r="H22983" s="8">
        <v>1</v>
      </c>
      <c r="I22983" s="8">
        <v>0</v>
      </c>
      <c r="J22983" s="8">
        <v>1</v>
      </c>
      <c r="K22983" s="9">
        <v>35</v>
      </c>
      <c r="L22983" s="6" t="s">
        <v>4151</v>
      </c>
    </row>
    <row r="22984" spans="1:12">
      <c r="A22984" s="6" t="s">
        <v>4151</v>
      </c>
      <c r="B22984" s="6"/>
      <c r="C22984" s="6" t="s">
        <v>23020</v>
      </c>
      <c r="D22984" s="6"/>
      <c r="E22984" s="6" t="s">
        <v>9</v>
      </c>
      <c r="F22984" s="7">
        <v>38657</v>
      </c>
      <c r="G22984" s="8">
        <v>1</v>
      </c>
      <c r="H22984" s="8">
        <v>1</v>
      </c>
      <c r="I22984" s="8">
        <v>0</v>
      </c>
      <c r="J22984" s="8">
        <v>1</v>
      </c>
      <c r="K22984" s="9">
        <v>13.39</v>
      </c>
      <c r="L22984" s="6" t="s">
        <v>4151</v>
      </c>
    </row>
    <row r="22985" spans="1:12">
      <c r="A22985" s="6" t="s">
        <v>4151</v>
      </c>
      <c r="B22985" s="6"/>
      <c r="C22985" s="6" t="s">
        <v>23021</v>
      </c>
      <c r="D22985" s="6"/>
      <c r="E22985" s="6" t="s">
        <v>9</v>
      </c>
      <c r="F22985" s="7">
        <v>38657</v>
      </c>
      <c r="G22985" s="8">
        <v>1</v>
      </c>
      <c r="H22985" s="8">
        <v>1</v>
      </c>
      <c r="I22985" s="8">
        <v>0</v>
      </c>
      <c r="J22985" s="8">
        <v>1</v>
      </c>
      <c r="K22985" s="9">
        <v>8.73</v>
      </c>
      <c r="L22985" s="6" t="s">
        <v>4151</v>
      </c>
    </row>
    <row r="22986" spans="1:12">
      <c r="A22986" s="6" t="s">
        <v>4151</v>
      </c>
      <c r="B22986" s="6"/>
      <c r="C22986" s="6" t="s">
        <v>23022</v>
      </c>
      <c r="D22986" s="6"/>
      <c r="E22986" s="6" t="s">
        <v>9</v>
      </c>
      <c r="F22986" s="7">
        <v>38657</v>
      </c>
      <c r="G22986" s="8">
        <v>1</v>
      </c>
      <c r="H22986" s="8">
        <v>1</v>
      </c>
      <c r="I22986" s="8">
        <v>0</v>
      </c>
      <c r="J22986" s="8">
        <v>1</v>
      </c>
      <c r="K22986" s="9">
        <v>36</v>
      </c>
      <c r="L22986" s="6" t="s">
        <v>4151</v>
      </c>
    </row>
    <row r="22987" spans="1:12">
      <c r="A22987" s="6" t="s">
        <v>4151</v>
      </c>
      <c r="B22987" s="6"/>
      <c r="C22987" s="6" t="s">
        <v>23023</v>
      </c>
      <c r="D22987" s="6"/>
      <c r="E22987" s="6" t="s">
        <v>9</v>
      </c>
      <c r="F22987" s="7">
        <v>38657</v>
      </c>
      <c r="G22987" s="8">
        <v>1</v>
      </c>
      <c r="H22987" s="8">
        <v>1</v>
      </c>
      <c r="I22987" s="8">
        <v>0</v>
      </c>
      <c r="J22987" s="8">
        <v>1</v>
      </c>
      <c r="K22987" s="9">
        <v>55</v>
      </c>
      <c r="L22987" s="6" t="s">
        <v>4151</v>
      </c>
    </row>
    <row r="22988" spans="1:12">
      <c r="A22988" s="6" t="s">
        <v>4151</v>
      </c>
      <c r="B22988" s="6"/>
      <c r="C22988" s="6" t="s">
        <v>23024</v>
      </c>
      <c r="D22988" s="6"/>
      <c r="E22988" s="6" t="s">
        <v>9</v>
      </c>
      <c r="F22988" s="7">
        <v>38657</v>
      </c>
      <c r="G22988" s="8">
        <v>1</v>
      </c>
      <c r="H22988" s="8">
        <v>1</v>
      </c>
      <c r="I22988" s="8">
        <v>0</v>
      </c>
      <c r="J22988" s="8">
        <v>1</v>
      </c>
      <c r="K22988" s="9">
        <v>21</v>
      </c>
      <c r="L22988" s="6" t="s">
        <v>4151</v>
      </c>
    </row>
    <row r="22989" spans="1:12">
      <c r="A22989" s="6" t="s">
        <v>4151</v>
      </c>
      <c r="B22989" s="6"/>
      <c r="C22989" s="6" t="s">
        <v>23025</v>
      </c>
      <c r="D22989" s="6"/>
      <c r="E22989" s="6" t="s">
        <v>9</v>
      </c>
      <c r="F22989" s="7">
        <v>38657</v>
      </c>
      <c r="G22989" s="8">
        <v>1</v>
      </c>
      <c r="H22989" s="8">
        <v>1</v>
      </c>
      <c r="I22989" s="8">
        <v>0</v>
      </c>
      <c r="J22989" s="8">
        <v>1</v>
      </c>
      <c r="K22989" s="9">
        <v>66</v>
      </c>
      <c r="L22989" s="6" t="s">
        <v>4151</v>
      </c>
    </row>
    <row r="22990" spans="1:12">
      <c r="A22990" s="6" t="s">
        <v>4151</v>
      </c>
      <c r="B22990" s="6"/>
      <c r="C22990" s="6" t="s">
        <v>23026</v>
      </c>
      <c r="D22990" s="6"/>
      <c r="E22990" s="6" t="s">
        <v>9</v>
      </c>
      <c r="F22990" s="7">
        <v>38657</v>
      </c>
      <c r="G22990" s="8">
        <v>1</v>
      </c>
      <c r="H22990" s="8">
        <v>1</v>
      </c>
      <c r="I22990" s="8">
        <v>0</v>
      </c>
      <c r="J22990" s="8">
        <v>1</v>
      </c>
      <c r="K22990" s="9">
        <v>47</v>
      </c>
      <c r="L22990" s="6" t="s">
        <v>4151</v>
      </c>
    </row>
    <row r="22991" spans="1:12">
      <c r="A22991" s="6" t="s">
        <v>4151</v>
      </c>
      <c r="B22991" s="6"/>
      <c r="C22991" s="6" t="s">
        <v>23027</v>
      </c>
      <c r="D22991" s="6"/>
      <c r="E22991" s="6" t="s">
        <v>9</v>
      </c>
      <c r="F22991" s="7">
        <v>38657</v>
      </c>
      <c r="G22991" s="8">
        <v>1</v>
      </c>
      <c r="H22991" s="8">
        <v>1</v>
      </c>
      <c r="I22991" s="8">
        <v>0</v>
      </c>
      <c r="J22991" s="8">
        <v>1</v>
      </c>
      <c r="K22991" s="9">
        <v>83</v>
      </c>
      <c r="L22991" s="6" t="s">
        <v>4151</v>
      </c>
    </row>
    <row r="22992" spans="1:12">
      <c r="A22992" s="6" t="s">
        <v>4151</v>
      </c>
      <c r="B22992" s="6"/>
      <c r="C22992" s="6" t="s">
        <v>23028</v>
      </c>
      <c r="D22992" s="6"/>
      <c r="E22992" s="6" t="s">
        <v>9</v>
      </c>
      <c r="F22992" s="7">
        <v>38657</v>
      </c>
      <c r="G22992" s="8">
        <v>1</v>
      </c>
      <c r="H22992" s="8">
        <v>1</v>
      </c>
      <c r="I22992" s="8">
        <v>0</v>
      </c>
      <c r="J22992" s="8">
        <v>1</v>
      </c>
      <c r="K22992" s="9">
        <v>25.18</v>
      </c>
      <c r="L22992" s="6" t="s">
        <v>4151</v>
      </c>
    </row>
    <row r="22993" spans="1:12">
      <c r="A22993" s="6" t="s">
        <v>4151</v>
      </c>
      <c r="B22993" s="6"/>
      <c r="C22993" s="6" t="s">
        <v>23029</v>
      </c>
      <c r="D22993" s="6"/>
      <c r="E22993" s="6" t="s">
        <v>9</v>
      </c>
      <c r="F22993" s="7">
        <v>38657</v>
      </c>
      <c r="G22993" s="8">
        <v>1</v>
      </c>
      <c r="H22993" s="8">
        <v>1</v>
      </c>
      <c r="I22993" s="8">
        <v>0</v>
      </c>
      <c r="J22993" s="8">
        <v>1</v>
      </c>
      <c r="K22993" s="9">
        <v>8.4</v>
      </c>
      <c r="L22993" s="6" t="s">
        <v>4151</v>
      </c>
    </row>
    <row r="22994" spans="1:12">
      <c r="A22994" s="6" t="s">
        <v>4151</v>
      </c>
      <c r="B22994" s="6"/>
      <c r="C22994" s="6" t="s">
        <v>23030</v>
      </c>
      <c r="D22994" s="6"/>
      <c r="E22994" s="6" t="s">
        <v>9</v>
      </c>
      <c r="F22994" s="7">
        <v>38657</v>
      </c>
      <c r="G22994" s="8">
        <v>1</v>
      </c>
      <c r="H22994" s="8">
        <v>1</v>
      </c>
      <c r="I22994" s="8">
        <v>0</v>
      </c>
      <c r="J22994" s="8">
        <v>1</v>
      </c>
      <c r="K22994" s="9">
        <v>16.28</v>
      </c>
      <c r="L22994" s="6" t="s">
        <v>4151</v>
      </c>
    </row>
    <row r="22995" spans="1:12">
      <c r="A22995" s="6" t="s">
        <v>4151</v>
      </c>
      <c r="B22995" s="6"/>
      <c r="C22995" s="6" t="s">
        <v>23031</v>
      </c>
      <c r="D22995" s="6"/>
      <c r="E22995" s="6" t="s">
        <v>9</v>
      </c>
      <c r="F22995" s="7">
        <v>38657</v>
      </c>
      <c r="G22995" s="8">
        <v>1</v>
      </c>
      <c r="H22995" s="8">
        <v>1</v>
      </c>
      <c r="I22995" s="8">
        <v>0</v>
      </c>
      <c r="J22995" s="8">
        <v>1</v>
      </c>
      <c r="K22995" s="9">
        <v>5.35</v>
      </c>
      <c r="L22995" s="6" t="s">
        <v>4151</v>
      </c>
    </row>
    <row r="22996" spans="1:12">
      <c r="A22996" s="6" t="s">
        <v>4151</v>
      </c>
      <c r="B22996" s="6"/>
      <c r="C22996" s="6" t="s">
        <v>23032</v>
      </c>
      <c r="D22996" s="6"/>
      <c r="E22996" s="6" t="s">
        <v>9</v>
      </c>
      <c r="F22996" s="7">
        <v>38657</v>
      </c>
      <c r="G22996" s="8">
        <v>1</v>
      </c>
      <c r="H22996" s="8">
        <v>1</v>
      </c>
      <c r="I22996" s="8">
        <v>0</v>
      </c>
      <c r="J22996" s="8">
        <v>1</v>
      </c>
      <c r="K22996" s="9">
        <v>10.050000000000001</v>
      </c>
      <c r="L22996" s="6" t="s">
        <v>4151</v>
      </c>
    </row>
    <row r="22997" spans="1:12">
      <c r="A22997" s="6" t="s">
        <v>4151</v>
      </c>
      <c r="B22997" s="6"/>
      <c r="C22997" s="6" t="s">
        <v>23033</v>
      </c>
      <c r="D22997" s="6"/>
      <c r="E22997" s="6" t="s">
        <v>9</v>
      </c>
      <c r="F22997" s="7">
        <v>38657</v>
      </c>
      <c r="G22997" s="8">
        <v>1</v>
      </c>
      <c r="H22997" s="8">
        <v>1</v>
      </c>
      <c r="I22997" s="8">
        <v>0</v>
      </c>
      <c r="J22997" s="8">
        <v>1</v>
      </c>
      <c r="K22997" s="9">
        <v>33</v>
      </c>
      <c r="L22997" s="6" t="s">
        <v>4151</v>
      </c>
    </row>
    <row r="22998" spans="1:12">
      <c r="A22998" s="6" t="s">
        <v>4151</v>
      </c>
      <c r="B22998" s="6"/>
      <c r="C22998" s="6" t="s">
        <v>23034</v>
      </c>
      <c r="D22998" s="6"/>
      <c r="E22998" s="6" t="s">
        <v>9</v>
      </c>
      <c r="F22998" s="7">
        <v>38657</v>
      </c>
      <c r="G22998" s="8">
        <v>1</v>
      </c>
      <c r="H22998" s="8">
        <v>1</v>
      </c>
      <c r="I22998" s="8">
        <v>0</v>
      </c>
      <c r="J22998" s="8">
        <v>1</v>
      </c>
      <c r="K22998" s="9">
        <v>70</v>
      </c>
      <c r="L22998" s="6" t="s">
        <v>4151</v>
      </c>
    </row>
    <row r="22999" spans="1:12">
      <c r="A22999" s="6" t="s">
        <v>4151</v>
      </c>
      <c r="B22999" s="6"/>
      <c r="C22999" s="6" t="s">
        <v>23035</v>
      </c>
      <c r="D22999" s="6"/>
      <c r="E22999" s="6" t="s">
        <v>9</v>
      </c>
      <c r="F22999" s="7">
        <v>38657</v>
      </c>
      <c r="G22999" s="8">
        <v>1</v>
      </c>
      <c r="H22999" s="8">
        <v>1</v>
      </c>
      <c r="I22999" s="8">
        <v>0</v>
      </c>
      <c r="J22999" s="8">
        <v>1</v>
      </c>
      <c r="K22999" s="9">
        <v>2</v>
      </c>
      <c r="L22999" s="6" t="s">
        <v>4151</v>
      </c>
    </row>
    <row r="23000" spans="1:12">
      <c r="A23000" s="6" t="s">
        <v>4151</v>
      </c>
      <c r="B23000" s="6"/>
      <c r="C23000" s="6" t="s">
        <v>23036</v>
      </c>
      <c r="D23000" s="6"/>
      <c r="E23000" s="6" t="s">
        <v>9</v>
      </c>
      <c r="F23000" s="7">
        <v>38657</v>
      </c>
      <c r="G23000" s="8">
        <v>1</v>
      </c>
      <c r="H23000" s="8">
        <v>1</v>
      </c>
      <c r="I23000" s="8">
        <v>0</v>
      </c>
      <c r="J23000" s="8">
        <v>1</v>
      </c>
      <c r="K23000" s="9">
        <v>34</v>
      </c>
      <c r="L23000" s="6" t="s">
        <v>4151</v>
      </c>
    </row>
    <row r="23001" spans="1:12">
      <c r="A23001" s="6" t="s">
        <v>4151</v>
      </c>
      <c r="B23001" s="6"/>
      <c r="C23001" s="6" t="s">
        <v>23037</v>
      </c>
      <c r="D23001" s="6"/>
      <c r="E23001" s="6" t="s">
        <v>9</v>
      </c>
      <c r="F23001" s="7">
        <v>38657</v>
      </c>
      <c r="G23001" s="8">
        <v>1</v>
      </c>
      <c r="H23001" s="8">
        <v>1</v>
      </c>
      <c r="I23001" s="8">
        <v>0</v>
      </c>
      <c r="J23001" s="8">
        <v>1</v>
      </c>
      <c r="K23001" s="9">
        <v>71</v>
      </c>
      <c r="L23001" s="6" t="s">
        <v>4151</v>
      </c>
    </row>
    <row r="23002" spans="1:12">
      <c r="A23002" s="6" t="s">
        <v>4151</v>
      </c>
      <c r="B23002" s="6"/>
      <c r="C23002" s="6" t="s">
        <v>23038</v>
      </c>
      <c r="D23002" s="6"/>
      <c r="E23002" s="6" t="s">
        <v>9</v>
      </c>
      <c r="F23002" s="7">
        <v>38657</v>
      </c>
      <c r="G23002" s="8">
        <v>1</v>
      </c>
      <c r="H23002" s="8">
        <v>1</v>
      </c>
      <c r="I23002" s="8">
        <v>0</v>
      </c>
      <c r="J23002" s="8">
        <v>1</v>
      </c>
      <c r="K23002" s="9">
        <v>66</v>
      </c>
      <c r="L23002" s="6" t="s">
        <v>4151</v>
      </c>
    </row>
    <row r="23003" spans="1:12">
      <c r="A23003" s="6" t="s">
        <v>4151</v>
      </c>
      <c r="B23003" s="6"/>
      <c r="C23003" s="6" t="s">
        <v>23039</v>
      </c>
      <c r="D23003" s="6"/>
      <c r="E23003" s="6" t="s">
        <v>9</v>
      </c>
      <c r="F23003" s="7">
        <v>38657</v>
      </c>
      <c r="G23003" s="8">
        <v>1</v>
      </c>
      <c r="H23003" s="8">
        <v>1</v>
      </c>
      <c r="I23003" s="8">
        <v>0</v>
      </c>
      <c r="J23003" s="8">
        <v>1</v>
      </c>
      <c r="K23003" s="9">
        <v>60</v>
      </c>
      <c r="L23003" s="6" t="s">
        <v>4151</v>
      </c>
    </row>
    <row r="23004" spans="1:12">
      <c r="A23004" s="6" t="s">
        <v>4151</v>
      </c>
      <c r="B23004" s="6"/>
      <c r="C23004" s="6" t="s">
        <v>23040</v>
      </c>
      <c r="D23004" s="6"/>
      <c r="E23004" s="6" t="s">
        <v>9</v>
      </c>
      <c r="F23004" s="7">
        <v>38657</v>
      </c>
      <c r="G23004" s="8">
        <v>1</v>
      </c>
      <c r="H23004" s="8">
        <v>1</v>
      </c>
      <c r="I23004" s="8">
        <v>0</v>
      </c>
      <c r="J23004" s="8">
        <v>1</v>
      </c>
      <c r="K23004" s="9">
        <v>59</v>
      </c>
      <c r="L23004" s="6" t="s">
        <v>4151</v>
      </c>
    </row>
    <row r="23005" spans="1:12">
      <c r="A23005" s="6" t="s">
        <v>4151</v>
      </c>
      <c r="B23005" s="6"/>
      <c r="C23005" s="6" t="s">
        <v>23041</v>
      </c>
      <c r="D23005" s="6"/>
      <c r="E23005" s="6" t="s">
        <v>9</v>
      </c>
      <c r="F23005" s="7">
        <v>38657</v>
      </c>
      <c r="G23005" s="8">
        <v>1</v>
      </c>
      <c r="H23005" s="8">
        <v>1</v>
      </c>
      <c r="I23005" s="8">
        <v>0</v>
      </c>
      <c r="J23005" s="8">
        <v>1</v>
      </c>
      <c r="K23005" s="9">
        <v>58</v>
      </c>
      <c r="L23005" s="6" t="s">
        <v>4151</v>
      </c>
    </row>
    <row r="23006" spans="1:12">
      <c r="A23006" s="6" t="s">
        <v>4151</v>
      </c>
      <c r="B23006" s="6"/>
      <c r="C23006" s="6" t="s">
        <v>23042</v>
      </c>
      <c r="D23006" s="6"/>
      <c r="E23006" s="6" t="s">
        <v>9</v>
      </c>
      <c r="F23006" s="7">
        <v>38657</v>
      </c>
      <c r="G23006" s="8">
        <v>1</v>
      </c>
      <c r="H23006" s="8">
        <v>1</v>
      </c>
      <c r="I23006" s="8">
        <v>0</v>
      </c>
      <c r="J23006" s="8">
        <v>1</v>
      </c>
      <c r="K23006" s="9">
        <v>71</v>
      </c>
      <c r="L23006" s="6" t="s">
        <v>4151</v>
      </c>
    </row>
    <row r="23007" spans="1:12">
      <c r="A23007" s="6" t="s">
        <v>4151</v>
      </c>
      <c r="B23007" s="6"/>
      <c r="C23007" s="6" t="s">
        <v>23043</v>
      </c>
      <c r="D23007" s="6"/>
      <c r="E23007" s="6" t="s">
        <v>9</v>
      </c>
      <c r="F23007" s="7">
        <v>38657</v>
      </c>
      <c r="G23007" s="8">
        <v>1</v>
      </c>
      <c r="H23007" s="8">
        <v>1</v>
      </c>
      <c r="I23007" s="8">
        <v>0</v>
      </c>
      <c r="J23007" s="8">
        <v>1</v>
      </c>
      <c r="K23007" s="9">
        <v>62</v>
      </c>
      <c r="L23007" s="6" t="s">
        <v>4151</v>
      </c>
    </row>
    <row r="23008" spans="1:12">
      <c r="A23008" s="6" t="s">
        <v>4151</v>
      </c>
      <c r="B23008" s="6"/>
      <c r="C23008" s="6" t="s">
        <v>23044</v>
      </c>
      <c r="D23008" s="6"/>
      <c r="E23008" s="6" t="s">
        <v>9</v>
      </c>
      <c r="F23008" s="7">
        <v>38657</v>
      </c>
      <c r="G23008" s="8">
        <v>1</v>
      </c>
      <c r="H23008" s="8">
        <v>1</v>
      </c>
      <c r="I23008" s="8">
        <v>0</v>
      </c>
      <c r="J23008" s="8">
        <v>1</v>
      </c>
      <c r="K23008" s="9">
        <v>48</v>
      </c>
      <c r="L23008" s="6" t="s">
        <v>4151</v>
      </c>
    </row>
    <row r="23009" spans="1:12">
      <c r="A23009" s="6" t="s">
        <v>4151</v>
      </c>
      <c r="B23009" s="6"/>
      <c r="C23009" s="6" t="s">
        <v>23045</v>
      </c>
      <c r="D23009" s="6"/>
      <c r="E23009" s="6" t="s">
        <v>9</v>
      </c>
      <c r="F23009" s="7">
        <v>38657</v>
      </c>
      <c r="G23009" s="8">
        <v>1</v>
      </c>
      <c r="H23009" s="8">
        <v>1</v>
      </c>
      <c r="I23009" s="8">
        <v>0</v>
      </c>
      <c r="J23009" s="8">
        <v>1</v>
      </c>
      <c r="K23009" s="9">
        <v>490</v>
      </c>
      <c r="L23009" s="6" t="s">
        <v>4151</v>
      </c>
    </row>
    <row r="23010" spans="1:12">
      <c r="A23010" s="6" t="s">
        <v>4151</v>
      </c>
      <c r="B23010" s="6"/>
      <c r="C23010" s="6" t="s">
        <v>23046</v>
      </c>
      <c r="D23010" s="6"/>
      <c r="E23010" s="6" t="s">
        <v>9</v>
      </c>
      <c r="F23010" s="7">
        <v>38657</v>
      </c>
      <c r="G23010" s="8">
        <v>1</v>
      </c>
      <c r="H23010" s="8">
        <v>1</v>
      </c>
      <c r="I23010" s="8">
        <v>0</v>
      </c>
      <c r="J23010" s="8">
        <v>1</v>
      </c>
      <c r="K23010" s="9">
        <v>107.24</v>
      </c>
      <c r="L23010" s="6" t="s">
        <v>4151</v>
      </c>
    </row>
    <row r="23011" spans="1:12">
      <c r="A23011" s="6" t="s">
        <v>4151</v>
      </c>
      <c r="B23011" s="6"/>
      <c r="C23011" s="6" t="s">
        <v>23047</v>
      </c>
      <c r="D23011" s="6"/>
      <c r="E23011" s="6" t="s">
        <v>9</v>
      </c>
      <c r="F23011" s="7">
        <v>38657</v>
      </c>
      <c r="G23011" s="8">
        <v>1</v>
      </c>
      <c r="H23011" s="8">
        <v>1</v>
      </c>
      <c r="I23011" s="8">
        <v>0</v>
      </c>
      <c r="J23011" s="8">
        <v>1</v>
      </c>
      <c r="K23011" s="9">
        <v>40</v>
      </c>
      <c r="L23011" s="6" t="s">
        <v>4151</v>
      </c>
    </row>
    <row r="23012" spans="1:12">
      <c r="A23012" s="6" t="s">
        <v>4151</v>
      </c>
      <c r="B23012" s="6"/>
      <c r="C23012" s="6" t="s">
        <v>23048</v>
      </c>
      <c r="D23012" s="6"/>
      <c r="E23012" s="6" t="s">
        <v>9</v>
      </c>
      <c r="F23012" s="7">
        <v>38657</v>
      </c>
      <c r="G23012" s="8">
        <v>1</v>
      </c>
      <c r="H23012" s="8">
        <v>1</v>
      </c>
      <c r="I23012" s="8">
        <v>0</v>
      </c>
      <c r="J23012" s="8">
        <v>1</v>
      </c>
      <c r="K23012" s="9">
        <v>17</v>
      </c>
      <c r="L23012" s="6" t="s">
        <v>4151</v>
      </c>
    </row>
    <row r="23013" spans="1:12">
      <c r="A23013" s="6" t="s">
        <v>4151</v>
      </c>
      <c r="B23013" s="6"/>
      <c r="C23013" s="6" t="s">
        <v>23049</v>
      </c>
      <c r="D23013" s="6"/>
      <c r="E23013" s="6" t="s">
        <v>9</v>
      </c>
      <c r="F23013" s="7">
        <v>38657</v>
      </c>
      <c r="G23013" s="8">
        <v>1</v>
      </c>
      <c r="H23013" s="8">
        <v>1</v>
      </c>
      <c r="I23013" s="8">
        <v>0</v>
      </c>
      <c r="J23013" s="8">
        <v>1</v>
      </c>
      <c r="K23013" s="9">
        <v>18</v>
      </c>
      <c r="L23013" s="6" t="s">
        <v>4151</v>
      </c>
    </row>
    <row r="23014" spans="1:12">
      <c r="A23014" s="6" t="s">
        <v>4151</v>
      </c>
      <c r="B23014" s="6"/>
      <c r="C23014" s="6" t="s">
        <v>23050</v>
      </c>
      <c r="D23014" s="6"/>
      <c r="E23014" s="6" t="s">
        <v>9</v>
      </c>
      <c r="F23014" s="7">
        <v>38657</v>
      </c>
      <c r="G23014" s="8">
        <v>1</v>
      </c>
      <c r="H23014" s="8">
        <v>1</v>
      </c>
      <c r="I23014" s="8">
        <v>0</v>
      </c>
      <c r="J23014" s="8">
        <v>1</v>
      </c>
      <c r="K23014" s="9">
        <v>35</v>
      </c>
      <c r="L23014" s="6" t="s">
        <v>4151</v>
      </c>
    </row>
    <row r="23015" spans="1:12">
      <c r="A23015" s="6" t="s">
        <v>4151</v>
      </c>
      <c r="B23015" s="6"/>
      <c r="C23015" s="6" t="s">
        <v>23051</v>
      </c>
      <c r="D23015" s="6"/>
      <c r="E23015" s="6" t="s">
        <v>9</v>
      </c>
      <c r="F23015" s="7">
        <v>38657</v>
      </c>
      <c r="G23015" s="8">
        <v>1</v>
      </c>
      <c r="H23015" s="8">
        <v>1</v>
      </c>
      <c r="I23015" s="8">
        <v>0</v>
      </c>
      <c r="J23015" s="8">
        <v>1</v>
      </c>
      <c r="K23015" s="9">
        <v>13</v>
      </c>
      <c r="L23015" s="6" t="s">
        <v>4151</v>
      </c>
    </row>
    <row r="23016" spans="1:12">
      <c r="A23016" s="6" t="s">
        <v>4151</v>
      </c>
      <c r="B23016" s="6"/>
      <c r="C23016" s="6" t="s">
        <v>23052</v>
      </c>
      <c r="D23016" s="6"/>
      <c r="E23016" s="6" t="s">
        <v>9</v>
      </c>
      <c r="F23016" s="7">
        <v>38657</v>
      </c>
      <c r="G23016" s="8">
        <v>1</v>
      </c>
      <c r="H23016" s="8">
        <v>1</v>
      </c>
      <c r="I23016" s="8">
        <v>0</v>
      </c>
      <c r="J23016" s="8">
        <v>1</v>
      </c>
      <c r="K23016" s="9">
        <v>40</v>
      </c>
      <c r="L23016" s="6" t="s">
        <v>4151</v>
      </c>
    </row>
    <row r="23017" spans="1:12">
      <c r="A23017" s="6" t="s">
        <v>4151</v>
      </c>
      <c r="B23017" s="6"/>
      <c r="C23017" s="6" t="s">
        <v>23053</v>
      </c>
      <c r="D23017" s="6"/>
      <c r="E23017" s="6" t="s">
        <v>9</v>
      </c>
      <c r="F23017" s="7">
        <v>38657</v>
      </c>
      <c r="G23017" s="8">
        <v>1</v>
      </c>
      <c r="H23017" s="8">
        <v>1</v>
      </c>
      <c r="I23017" s="8">
        <v>0</v>
      </c>
      <c r="J23017" s="8">
        <v>1</v>
      </c>
      <c r="K23017" s="9">
        <v>41</v>
      </c>
      <c r="L23017" s="6" t="s">
        <v>4151</v>
      </c>
    </row>
    <row r="23018" spans="1:12">
      <c r="A23018" s="6" t="s">
        <v>4151</v>
      </c>
      <c r="B23018" s="6"/>
      <c r="C23018" s="6" t="s">
        <v>23054</v>
      </c>
      <c r="D23018" s="6"/>
      <c r="E23018" s="6" t="s">
        <v>9</v>
      </c>
      <c r="F23018" s="7">
        <v>38657</v>
      </c>
      <c r="G23018" s="8">
        <v>1</v>
      </c>
      <c r="H23018" s="8">
        <v>1</v>
      </c>
      <c r="I23018" s="8">
        <v>0</v>
      </c>
      <c r="J23018" s="8">
        <v>1</v>
      </c>
      <c r="K23018" s="9">
        <v>61</v>
      </c>
      <c r="L23018" s="6" t="s">
        <v>4151</v>
      </c>
    </row>
    <row r="23019" spans="1:12">
      <c r="A23019" s="6" t="s">
        <v>4151</v>
      </c>
      <c r="B23019" s="6"/>
      <c r="C23019" s="6" t="s">
        <v>23055</v>
      </c>
      <c r="D23019" s="6"/>
      <c r="E23019" s="6" t="s">
        <v>9</v>
      </c>
      <c r="F23019" s="7">
        <v>38657</v>
      </c>
      <c r="G23019" s="8">
        <v>1</v>
      </c>
      <c r="H23019" s="8">
        <v>1</v>
      </c>
      <c r="I23019" s="8">
        <v>0</v>
      </c>
      <c r="J23019" s="8">
        <v>1</v>
      </c>
      <c r="K23019" s="9">
        <v>35</v>
      </c>
      <c r="L23019" s="6" t="s">
        <v>4151</v>
      </c>
    </row>
    <row r="23020" spans="1:12">
      <c r="A23020" s="6" t="s">
        <v>4151</v>
      </c>
      <c r="B23020" s="6"/>
      <c r="C23020" s="6" t="s">
        <v>23056</v>
      </c>
      <c r="D23020" s="6"/>
      <c r="E23020" s="6" t="s">
        <v>9</v>
      </c>
      <c r="F23020" s="7">
        <v>38657</v>
      </c>
      <c r="G23020" s="8">
        <v>1</v>
      </c>
      <c r="H23020" s="8">
        <v>1</v>
      </c>
      <c r="I23020" s="8">
        <v>0</v>
      </c>
      <c r="J23020" s="8">
        <v>1</v>
      </c>
      <c r="K23020" s="9">
        <v>123</v>
      </c>
      <c r="L23020" s="6" t="s">
        <v>4151</v>
      </c>
    </row>
    <row r="23021" spans="1:12">
      <c r="A23021" s="6" t="s">
        <v>4151</v>
      </c>
      <c r="B23021" s="6"/>
      <c r="C23021" s="6" t="s">
        <v>23057</v>
      </c>
      <c r="D23021" s="6"/>
      <c r="E23021" s="6" t="s">
        <v>9</v>
      </c>
      <c r="F23021" s="7">
        <v>38657</v>
      </c>
      <c r="G23021" s="8">
        <v>1</v>
      </c>
      <c r="H23021" s="8">
        <v>1</v>
      </c>
      <c r="I23021" s="8">
        <v>0</v>
      </c>
      <c r="J23021" s="8">
        <v>1</v>
      </c>
      <c r="K23021" s="9">
        <v>18</v>
      </c>
      <c r="L23021" s="6" t="s">
        <v>4151</v>
      </c>
    </row>
    <row r="23022" spans="1:12">
      <c r="A23022" s="6" t="s">
        <v>4151</v>
      </c>
      <c r="B23022" s="6"/>
      <c r="C23022" s="6" t="s">
        <v>23058</v>
      </c>
      <c r="D23022" s="6"/>
      <c r="E23022" s="6" t="s">
        <v>9</v>
      </c>
      <c r="F23022" s="7">
        <v>38657</v>
      </c>
      <c r="G23022" s="8">
        <v>1</v>
      </c>
      <c r="H23022" s="8">
        <v>1</v>
      </c>
      <c r="I23022" s="8">
        <v>0</v>
      </c>
      <c r="J23022" s="8">
        <v>1</v>
      </c>
      <c r="K23022" s="9">
        <v>58</v>
      </c>
      <c r="L23022" s="6" t="s">
        <v>4151</v>
      </c>
    </row>
    <row r="23023" spans="1:12">
      <c r="A23023" s="6" t="s">
        <v>4151</v>
      </c>
      <c r="B23023" s="6"/>
      <c r="C23023" s="6" t="s">
        <v>23059</v>
      </c>
      <c r="D23023" s="6"/>
      <c r="E23023" s="6" t="s">
        <v>9</v>
      </c>
      <c r="F23023" s="7">
        <v>38657</v>
      </c>
      <c r="G23023" s="8">
        <v>1</v>
      </c>
      <c r="H23023" s="8">
        <v>1</v>
      </c>
      <c r="I23023" s="8">
        <v>0</v>
      </c>
      <c r="J23023" s="8">
        <v>1</v>
      </c>
      <c r="K23023" s="9">
        <v>58</v>
      </c>
      <c r="L23023" s="6" t="s">
        <v>4151</v>
      </c>
    </row>
    <row r="23024" spans="1:12">
      <c r="A23024" s="6" t="s">
        <v>4151</v>
      </c>
      <c r="B23024" s="6"/>
      <c r="C23024" s="6" t="s">
        <v>23060</v>
      </c>
      <c r="D23024" s="6"/>
      <c r="E23024" s="6" t="s">
        <v>9</v>
      </c>
      <c r="F23024" s="7">
        <v>38657</v>
      </c>
      <c r="G23024" s="8">
        <v>1</v>
      </c>
      <c r="H23024" s="8">
        <v>1</v>
      </c>
      <c r="I23024" s="8">
        <v>0</v>
      </c>
      <c r="J23024" s="8">
        <v>1</v>
      </c>
      <c r="K23024" s="9">
        <v>58</v>
      </c>
      <c r="L23024" s="6" t="s">
        <v>4151</v>
      </c>
    </row>
    <row r="23025" spans="1:12">
      <c r="A23025" s="6" t="s">
        <v>4151</v>
      </c>
      <c r="B23025" s="6"/>
      <c r="C23025" s="6" t="s">
        <v>23061</v>
      </c>
      <c r="D23025" s="6"/>
      <c r="E23025" s="6" t="s">
        <v>9</v>
      </c>
      <c r="F23025" s="7">
        <v>38657</v>
      </c>
      <c r="G23025" s="8">
        <v>1</v>
      </c>
      <c r="H23025" s="8">
        <v>1</v>
      </c>
      <c r="I23025" s="8">
        <v>0</v>
      </c>
      <c r="J23025" s="8">
        <v>1</v>
      </c>
      <c r="K23025" s="9">
        <v>58</v>
      </c>
      <c r="L23025" s="6" t="s">
        <v>4151</v>
      </c>
    </row>
    <row r="23026" spans="1:12">
      <c r="A23026" s="6" t="s">
        <v>4151</v>
      </c>
      <c r="B23026" s="6"/>
      <c r="C23026" s="6" t="s">
        <v>23062</v>
      </c>
      <c r="D23026" s="6"/>
      <c r="E23026" s="6" t="s">
        <v>9</v>
      </c>
      <c r="F23026" s="7">
        <v>38657</v>
      </c>
      <c r="G23026" s="8">
        <v>1</v>
      </c>
      <c r="H23026" s="8">
        <v>1</v>
      </c>
      <c r="I23026" s="8">
        <v>0</v>
      </c>
      <c r="J23026" s="8">
        <v>1</v>
      </c>
      <c r="K23026" s="9">
        <v>58</v>
      </c>
      <c r="L23026" s="6" t="s">
        <v>4151</v>
      </c>
    </row>
    <row r="23027" spans="1:12">
      <c r="A23027" s="6" t="s">
        <v>4151</v>
      </c>
      <c r="B23027" s="6"/>
      <c r="C23027" s="6" t="s">
        <v>23063</v>
      </c>
      <c r="D23027" s="6"/>
      <c r="E23027" s="6" t="s">
        <v>9</v>
      </c>
      <c r="F23027" s="7">
        <v>38657</v>
      </c>
      <c r="G23027" s="8">
        <v>1</v>
      </c>
      <c r="H23027" s="8">
        <v>1</v>
      </c>
      <c r="I23027" s="8">
        <v>0</v>
      </c>
      <c r="J23027" s="8">
        <v>1</v>
      </c>
      <c r="K23027" s="9">
        <v>66</v>
      </c>
      <c r="L23027" s="6" t="s">
        <v>4151</v>
      </c>
    </row>
    <row r="23028" spans="1:12">
      <c r="A23028" s="6" t="s">
        <v>4151</v>
      </c>
      <c r="B23028" s="6"/>
      <c r="C23028" s="6" t="s">
        <v>23064</v>
      </c>
      <c r="D23028" s="6"/>
      <c r="E23028" s="6" t="s">
        <v>9</v>
      </c>
      <c r="F23028" s="7">
        <v>38657</v>
      </c>
      <c r="G23028" s="8">
        <v>1</v>
      </c>
      <c r="H23028" s="8">
        <v>1</v>
      </c>
      <c r="I23028" s="8">
        <v>0</v>
      </c>
      <c r="J23028" s="8">
        <v>1</v>
      </c>
      <c r="K23028" s="9">
        <v>98</v>
      </c>
      <c r="L23028" s="6" t="s">
        <v>4151</v>
      </c>
    </row>
    <row r="23029" spans="1:12">
      <c r="A23029" s="6" t="s">
        <v>4151</v>
      </c>
      <c r="B23029" s="6"/>
      <c r="C23029" s="6" t="s">
        <v>23065</v>
      </c>
      <c r="D23029" s="6"/>
      <c r="E23029" s="6" t="s">
        <v>9</v>
      </c>
      <c r="F23029" s="7">
        <v>38657</v>
      </c>
      <c r="G23029" s="8">
        <v>1</v>
      </c>
      <c r="H23029" s="8">
        <v>1</v>
      </c>
      <c r="I23029" s="8">
        <v>0</v>
      </c>
      <c r="J23029" s="8">
        <v>1</v>
      </c>
      <c r="K23029" s="9">
        <v>0.36</v>
      </c>
      <c r="L23029" s="6" t="s">
        <v>4151</v>
      </c>
    </row>
    <row r="23030" spans="1:12">
      <c r="A23030" s="6" t="s">
        <v>4151</v>
      </c>
      <c r="B23030" s="6"/>
      <c r="C23030" s="6" t="s">
        <v>23066</v>
      </c>
      <c r="D23030" s="6"/>
      <c r="E23030" s="6" t="s">
        <v>9</v>
      </c>
      <c r="F23030" s="7">
        <v>38657</v>
      </c>
      <c r="G23030" s="8">
        <v>1</v>
      </c>
      <c r="H23030" s="8">
        <v>1</v>
      </c>
      <c r="I23030" s="8">
        <v>0</v>
      </c>
      <c r="J23030" s="8">
        <v>1</v>
      </c>
      <c r="K23030" s="9">
        <v>16</v>
      </c>
      <c r="L23030" s="6" t="s">
        <v>4151</v>
      </c>
    </row>
    <row r="23031" spans="1:12">
      <c r="A23031" s="6" t="s">
        <v>4151</v>
      </c>
      <c r="B23031" s="6"/>
      <c r="C23031" s="6" t="s">
        <v>23067</v>
      </c>
      <c r="D23031" s="6"/>
      <c r="E23031" s="6" t="s">
        <v>9</v>
      </c>
      <c r="F23031" s="7">
        <v>38657</v>
      </c>
      <c r="G23031" s="8">
        <v>1</v>
      </c>
      <c r="H23031" s="8">
        <v>1</v>
      </c>
      <c r="I23031" s="8">
        <v>0</v>
      </c>
      <c r="J23031" s="8">
        <v>1</v>
      </c>
      <c r="K23031" s="9">
        <v>737</v>
      </c>
      <c r="L23031" s="6" t="s">
        <v>4151</v>
      </c>
    </row>
    <row r="23032" spans="1:12">
      <c r="A23032" s="6" t="s">
        <v>4151</v>
      </c>
      <c r="B23032" s="6"/>
      <c r="C23032" s="6" t="s">
        <v>23068</v>
      </c>
      <c r="D23032" s="6"/>
      <c r="E23032" s="6" t="s">
        <v>9</v>
      </c>
      <c r="F23032" s="7">
        <v>38657</v>
      </c>
      <c r="G23032" s="8">
        <v>1</v>
      </c>
      <c r="H23032" s="8">
        <v>1</v>
      </c>
      <c r="I23032" s="8">
        <v>0</v>
      </c>
      <c r="J23032" s="8">
        <v>1</v>
      </c>
      <c r="K23032" s="9">
        <v>43</v>
      </c>
      <c r="L23032" s="6" t="s">
        <v>4151</v>
      </c>
    </row>
    <row r="23033" spans="1:12">
      <c r="A23033" s="6" t="s">
        <v>4151</v>
      </c>
      <c r="B23033" s="6"/>
      <c r="C23033" s="6" t="s">
        <v>23069</v>
      </c>
      <c r="D23033" s="6"/>
      <c r="E23033" s="6" t="s">
        <v>9</v>
      </c>
      <c r="F23033" s="7">
        <v>38657</v>
      </c>
      <c r="G23033" s="8">
        <v>1</v>
      </c>
      <c r="H23033" s="8">
        <v>1</v>
      </c>
      <c r="I23033" s="8">
        <v>0</v>
      </c>
      <c r="J23033" s="8">
        <v>1</v>
      </c>
      <c r="K23033" s="9">
        <v>56</v>
      </c>
      <c r="L23033" s="6" t="s">
        <v>4151</v>
      </c>
    </row>
    <row r="23034" spans="1:12">
      <c r="A23034" s="6" t="s">
        <v>4151</v>
      </c>
      <c r="B23034" s="6"/>
      <c r="C23034" s="6" t="s">
        <v>23070</v>
      </c>
      <c r="D23034" s="6"/>
      <c r="E23034" s="6" t="s">
        <v>9</v>
      </c>
      <c r="F23034" s="7">
        <v>38657</v>
      </c>
      <c r="G23034" s="8">
        <v>1</v>
      </c>
      <c r="H23034" s="8">
        <v>1</v>
      </c>
      <c r="I23034" s="8">
        <v>0</v>
      </c>
      <c r="J23034" s="8">
        <v>1</v>
      </c>
      <c r="K23034" s="9">
        <v>58</v>
      </c>
      <c r="L23034" s="6" t="s">
        <v>4151</v>
      </c>
    </row>
    <row r="23035" spans="1:12">
      <c r="A23035" s="6" t="s">
        <v>4151</v>
      </c>
      <c r="B23035" s="6"/>
      <c r="C23035" s="6" t="s">
        <v>23071</v>
      </c>
      <c r="D23035" s="6"/>
      <c r="E23035" s="6" t="s">
        <v>9</v>
      </c>
      <c r="F23035" s="7">
        <v>38657</v>
      </c>
      <c r="G23035" s="8">
        <v>1</v>
      </c>
      <c r="H23035" s="8">
        <v>1</v>
      </c>
      <c r="I23035" s="8">
        <v>0</v>
      </c>
      <c r="J23035" s="8">
        <v>1</v>
      </c>
      <c r="K23035" s="9">
        <v>58</v>
      </c>
      <c r="L23035" s="6" t="s">
        <v>4151</v>
      </c>
    </row>
    <row r="23036" spans="1:12">
      <c r="A23036" s="6" t="s">
        <v>4151</v>
      </c>
      <c r="B23036" s="6"/>
      <c r="C23036" s="6" t="s">
        <v>23072</v>
      </c>
      <c r="D23036" s="6"/>
      <c r="E23036" s="6" t="s">
        <v>9</v>
      </c>
      <c r="F23036" s="7">
        <v>38657</v>
      </c>
      <c r="G23036" s="8">
        <v>1</v>
      </c>
      <c r="H23036" s="8">
        <v>1</v>
      </c>
      <c r="I23036" s="8">
        <v>0</v>
      </c>
      <c r="J23036" s="8">
        <v>1</v>
      </c>
      <c r="K23036" s="9">
        <v>58</v>
      </c>
      <c r="L23036" s="6" t="s">
        <v>4151</v>
      </c>
    </row>
    <row r="23037" spans="1:12">
      <c r="A23037" s="6" t="s">
        <v>4151</v>
      </c>
      <c r="B23037" s="6"/>
      <c r="C23037" s="6" t="s">
        <v>23073</v>
      </c>
      <c r="D23037" s="6"/>
      <c r="E23037" s="6" t="s">
        <v>9</v>
      </c>
      <c r="F23037" s="7">
        <v>38657</v>
      </c>
      <c r="G23037" s="8">
        <v>1</v>
      </c>
      <c r="H23037" s="8">
        <v>1</v>
      </c>
      <c r="I23037" s="8">
        <v>0</v>
      </c>
      <c r="J23037" s="8">
        <v>1</v>
      </c>
      <c r="K23037" s="9">
        <v>26</v>
      </c>
      <c r="L23037" s="6" t="s">
        <v>4151</v>
      </c>
    </row>
    <row r="23038" spans="1:12">
      <c r="A23038" s="6" t="s">
        <v>4151</v>
      </c>
      <c r="B23038" s="6"/>
      <c r="C23038" s="6" t="s">
        <v>23074</v>
      </c>
      <c r="D23038" s="6"/>
      <c r="E23038" s="6" t="s">
        <v>9</v>
      </c>
      <c r="F23038" s="7">
        <v>38657</v>
      </c>
      <c r="G23038" s="8">
        <v>1</v>
      </c>
      <c r="H23038" s="8">
        <v>1</v>
      </c>
      <c r="I23038" s="8">
        <v>0</v>
      </c>
      <c r="J23038" s="8">
        <v>1</v>
      </c>
      <c r="K23038" s="9">
        <v>31</v>
      </c>
      <c r="L23038" s="6" t="s">
        <v>4151</v>
      </c>
    </row>
    <row r="23039" spans="1:12">
      <c r="A23039" s="6" t="s">
        <v>4151</v>
      </c>
      <c r="B23039" s="6"/>
      <c r="C23039" s="6" t="s">
        <v>23075</v>
      </c>
      <c r="D23039" s="6"/>
      <c r="E23039" s="6" t="s">
        <v>9</v>
      </c>
      <c r="F23039" s="7">
        <v>38657</v>
      </c>
      <c r="G23039" s="8">
        <v>1</v>
      </c>
      <c r="H23039" s="8">
        <v>1</v>
      </c>
      <c r="I23039" s="8">
        <v>0</v>
      </c>
      <c r="J23039" s="8">
        <v>1</v>
      </c>
      <c r="K23039" s="9">
        <v>58</v>
      </c>
      <c r="L23039" s="6" t="s">
        <v>4151</v>
      </c>
    </row>
    <row r="23040" spans="1:12">
      <c r="A23040" s="6" t="s">
        <v>4151</v>
      </c>
      <c r="B23040" s="6"/>
      <c r="C23040" s="6" t="s">
        <v>23076</v>
      </c>
      <c r="D23040" s="6"/>
      <c r="E23040" s="6" t="s">
        <v>9</v>
      </c>
      <c r="F23040" s="7">
        <v>38657</v>
      </c>
      <c r="G23040" s="8">
        <v>1</v>
      </c>
      <c r="H23040" s="8">
        <v>1</v>
      </c>
      <c r="I23040" s="8">
        <v>0</v>
      </c>
      <c r="J23040" s="8">
        <v>1</v>
      </c>
      <c r="K23040" s="9">
        <v>58</v>
      </c>
      <c r="L23040" s="6" t="s">
        <v>4151</v>
      </c>
    </row>
    <row r="23041" spans="1:12">
      <c r="A23041" s="6" t="s">
        <v>4151</v>
      </c>
      <c r="B23041" s="6"/>
      <c r="C23041" s="6" t="s">
        <v>23077</v>
      </c>
      <c r="D23041" s="6"/>
      <c r="E23041" s="6" t="s">
        <v>9</v>
      </c>
      <c r="F23041" s="7">
        <v>38657</v>
      </c>
      <c r="G23041" s="8">
        <v>1</v>
      </c>
      <c r="H23041" s="8">
        <v>1</v>
      </c>
      <c r="I23041" s="8">
        <v>0</v>
      </c>
      <c r="J23041" s="8">
        <v>1</v>
      </c>
      <c r="K23041" s="9">
        <v>71</v>
      </c>
      <c r="L23041" s="6" t="s">
        <v>4151</v>
      </c>
    </row>
    <row r="23042" spans="1:12">
      <c r="A23042" s="6" t="s">
        <v>4151</v>
      </c>
      <c r="B23042" s="6"/>
      <c r="C23042" s="6" t="s">
        <v>23078</v>
      </c>
      <c r="D23042" s="6"/>
      <c r="E23042" s="6" t="s">
        <v>9</v>
      </c>
      <c r="F23042" s="7">
        <v>38657</v>
      </c>
      <c r="G23042" s="8">
        <v>1</v>
      </c>
      <c r="H23042" s="8">
        <v>1</v>
      </c>
      <c r="I23042" s="8">
        <v>0</v>
      </c>
      <c r="J23042" s="8">
        <v>1</v>
      </c>
      <c r="K23042" s="9">
        <v>78</v>
      </c>
      <c r="L23042" s="6" t="s">
        <v>4151</v>
      </c>
    </row>
    <row r="23043" spans="1:12">
      <c r="A23043" s="6" t="s">
        <v>4151</v>
      </c>
      <c r="B23043" s="6"/>
      <c r="C23043" s="6" t="s">
        <v>23079</v>
      </c>
      <c r="D23043" s="6"/>
      <c r="E23043" s="6" t="s">
        <v>9</v>
      </c>
      <c r="F23043" s="7">
        <v>38657</v>
      </c>
      <c r="G23043" s="8">
        <v>1</v>
      </c>
      <c r="H23043" s="8">
        <v>1</v>
      </c>
      <c r="I23043" s="8">
        <v>0</v>
      </c>
      <c r="J23043" s="8">
        <v>1</v>
      </c>
      <c r="K23043" s="9">
        <v>2.66</v>
      </c>
      <c r="L23043" s="6" t="s">
        <v>4151</v>
      </c>
    </row>
    <row r="23044" spans="1:12">
      <c r="A23044" s="6" t="s">
        <v>4151</v>
      </c>
      <c r="B23044" s="6"/>
      <c r="C23044" s="6" t="s">
        <v>23080</v>
      </c>
      <c r="D23044" s="6"/>
      <c r="E23044" s="6" t="s">
        <v>9</v>
      </c>
      <c r="F23044" s="7">
        <v>38657</v>
      </c>
      <c r="G23044" s="8">
        <v>1</v>
      </c>
      <c r="H23044" s="8">
        <v>1</v>
      </c>
      <c r="I23044" s="8">
        <v>0</v>
      </c>
      <c r="J23044" s="8">
        <v>1</v>
      </c>
      <c r="K23044" s="9">
        <v>15</v>
      </c>
      <c r="L23044" s="6" t="s">
        <v>4151</v>
      </c>
    </row>
    <row r="23045" spans="1:12">
      <c r="A23045" s="6" t="s">
        <v>4151</v>
      </c>
      <c r="B23045" s="6"/>
      <c r="C23045" s="6" t="s">
        <v>23081</v>
      </c>
      <c r="D23045" s="6"/>
      <c r="E23045" s="6" t="s">
        <v>9</v>
      </c>
      <c r="F23045" s="7">
        <v>38657</v>
      </c>
      <c r="G23045" s="8">
        <v>1</v>
      </c>
      <c r="H23045" s="8">
        <v>1</v>
      </c>
      <c r="I23045" s="8">
        <v>0</v>
      </c>
      <c r="J23045" s="8">
        <v>1</v>
      </c>
      <c r="K23045" s="9">
        <v>12</v>
      </c>
      <c r="L23045" s="6" t="s">
        <v>4151</v>
      </c>
    </row>
    <row r="23046" spans="1:12">
      <c r="A23046" s="6" t="s">
        <v>4151</v>
      </c>
      <c r="B23046" s="6"/>
      <c r="C23046" s="6" t="s">
        <v>23082</v>
      </c>
      <c r="D23046" s="6"/>
      <c r="E23046" s="6" t="s">
        <v>9</v>
      </c>
      <c r="F23046" s="7">
        <v>38657</v>
      </c>
      <c r="G23046" s="8">
        <v>1</v>
      </c>
      <c r="H23046" s="8">
        <v>1</v>
      </c>
      <c r="I23046" s="8">
        <v>0</v>
      </c>
      <c r="J23046" s="8">
        <v>1</v>
      </c>
      <c r="K23046" s="9">
        <v>15</v>
      </c>
      <c r="L23046" s="6" t="s">
        <v>4151</v>
      </c>
    </row>
    <row r="23047" spans="1:12">
      <c r="A23047" s="6" t="s">
        <v>4151</v>
      </c>
      <c r="B23047" s="6"/>
      <c r="C23047" s="6" t="s">
        <v>23083</v>
      </c>
      <c r="D23047" s="6"/>
      <c r="E23047" s="6" t="s">
        <v>9</v>
      </c>
      <c r="F23047" s="7">
        <v>38657</v>
      </c>
      <c r="G23047" s="8">
        <v>1</v>
      </c>
      <c r="H23047" s="8">
        <v>1</v>
      </c>
      <c r="I23047" s="8">
        <v>0</v>
      </c>
      <c r="J23047" s="8">
        <v>1</v>
      </c>
      <c r="K23047" s="9">
        <v>110</v>
      </c>
      <c r="L23047" s="6" t="s">
        <v>4151</v>
      </c>
    </row>
    <row r="23048" spans="1:12">
      <c r="A23048" s="6" t="s">
        <v>4151</v>
      </c>
      <c r="B23048" s="6"/>
      <c r="C23048" s="6" t="s">
        <v>23084</v>
      </c>
      <c r="D23048" s="6"/>
      <c r="E23048" s="6" t="s">
        <v>9</v>
      </c>
      <c r="F23048" s="7">
        <v>38657</v>
      </c>
      <c r="G23048" s="8">
        <v>1</v>
      </c>
      <c r="H23048" s="8">
        <v>1</v>
      </c>
      <c r="I23048" s="8">
        <v>0</v>
      </c>
      <c r="J23048" s="8">
        <v>1</v>
      </c>
      <c r="K23048" s="9">
        <v>93</v>
      </c>
      <c r="L23048" s="6" t="s">
        <v>4151</v>
      </c>
    </row>
    <row r="23049" spans="1:12">
      <c r="A23049" s="6" t="s">
        <v>4151</v>
      </c>
      <c r="B23049" s="6"/>
      <c r="C23049" s="6" t="s">
        <v>23085</v>
      </c>
      <c r="D23049" s="6"/>
      <c r="E23049" s="6" t="s">
        <v>9</v>
      </c>
      <c r="F23049" s="7">
        <v>38657</v>
      </c>
      <c r="G23049" s="8">
        <v>1</v>
      </c>
      <c r="H23049" s="8">
        <v>1</v>
      </c>
      <c r="I23049" s="8">
        <v>0</v>
      </c>
      <c r="J23049" s="8">
        <v>1</v>
      </c>
      <c r="K23049" s="9">
        <v>73</v>
      </c>
      <c r="L23049" s="6" t="s">
        <v>4151</v>
      </c>
    </row>
    <row r="23050" spans="1:12">
      <c r="A23050" s="6" t="s">
        <v>4151</v>
      </c>
      <c r="B23050" s="6"/>
      <c r="C23050" s="6" t="s">
        <v>23086</v>
      </c>
      <c r="D23050" s="6"/>
      <c r="E23050" s="6" t="s">
        <v>9</v>
      </c>
      <c r="F23050" s="7">
        <v>38657</v>
      </c>
      <c r="G23050" s="8">
        <v>1</v>
      </c>
      <c r="H23050" s="8">
        <v>1</v>
      </c>
      <c r="I23050" s="8">
        <v>0</v>
      </c>
      <c r="J23050" s="8">
        <v>1</v>
      </c>
      <c r="K23050" s="9">
        <v>7.58</v>
      </c>
      <c r="L23050" s="6" t="s">
        <v>4151</v>
      </c>
    </row>
    <row r="23051" spans="1:12">
      <c r="A23051" s="6" t="s">
        <v>4151</v>
      </c>
      <c r="B23051" s="6"/>
      <c r="C23051" s="6" t="s">
        <v>23087</v>
      </c>
      <c r="D23051" s="6"/>
      <c r="E23051" s="6" t="s">
        <v>9</v>
      </c>
      <c r="F23051" s="7">
        <v>38657</v>
      </c>
      <c r="G23051" s="8">
        <v>1</v>
      </c>
      <c r="H23051" s="8">
        <v>1</v>
      </c>
      <c r="I23051" s="8">
        <v>0</v>
      </c>
      <c r="J23051" s="8">
        <v>1</v>
      </c>
      <c r="K23051" s="9">
        <v>37</v>
      </c>
      <c r="L23051" s="6" t="s">
        <v>4151</v>
      </c>
    </row>
    <row r="23052" spans="1:12">
      <c r="A23052" s="6" t="s">
        <v>4151</v>
      </c>
      <c r="B23052" s="6"/>
      <c r="C23052" s="6" t="s">
        <v>23088</v>
      </c>
      <c r="D23052" s="6"/>
      <c r="E23052" s="6" t="s">
        <v>9</v>
      </c>
      <c r="F23052" s="7">
        <v>38657</v>
      </c>
      <c r="G23052" s="8">
        <v>1</v>
      </c>
      <c r="H23052" s="8">
        <v>1</v>
      </c>
      <c r="I23052" s="8">
        <v>0</v>
      </c>
      <c r="J23052" s="8">
        <v>1</v>
      </c>
      <c r="K23052" s="9">
        <v>59</v>
      </c>
      <c r="L23052" s="6" t="s">
        <v>4151</v>
      </c>
    </row>
    <row r="23053" spans="1:12">
      <c r="A23053" s="6" t="s">
        <v>4151</v>
      </c>
      <c r="B23053" s="6"/>
      <c r="C23053" s="6" t="s">
        <v>23089</v>
      </c>
      <c r="D23053" s="6"/>
      <c r="E23053" s="6" t="s">
        <v>9</v>
      </c>
      <c r="F23053" s="7">
        <v>38657</v>
      </c>
      <c r="G23053" s="8">
        <v>1</v>
      </c>
      <c r="H23053" s="8">
        <v>1</v>
      </c>
      <c r="I23053" s="8">
        <v>0</v>
      </c>
      <c r="J23053" s="8">
        <v>1</v>
      </c>
      <c r="K23053" s="9">
        <v>110</v>
      </c>
      <c r="L23053" s="6" t="s">
        <v>4151</v>
      </c>
    </row>
    <row r="23054" spans="1:12">
      <c r="A23054" s="6" t="s">
        <v>4151</v>
      </c>
      <c r="B23054" s="6"/>
      <c r="C23054" s="6" t="s">
        <v>23090</v>
      </c>
      <c r="D23054" s="6"/>
      <c r="E23054" s="6" t="s">
        <v>9</v>
      </c>
      <c r="F23054" s="7">
        <v>38657</v>
      </c>
      <c r="G23054" s="8">
        <v>1</v>
      </c>
      <c r="H23054" s="8">
        <v>1</v>
      </c>
      <c r="I23054" s="8">
        <v>0</v>
      </c>
      <c r="J23054" s="8">
        <v>1</v>
      </c>
      <c r="K23054" s="9">
        <v>70</v>
      </c>
      <c r="L23054" s="6" t="s">
        <v>4151</v>
      </c>
    </row>
    <row r="23055" spans="1:12">
      <c r="A23055" s="6" t="s">
        <v>4151</v>
      </c>
      <c r="B23055" s="6"/>
      <c r="C23055" s="6" t="s">
        <v>23091</v>
      </c>
      <c r="D23055" s="6"/>
      <c r="E23055" s="6" t="s">
        <v>9</v>
      </c>
      <c r="F23055" s="7">
        <v>38657</v>
      </c>
      <c r="G23055" s="8">
        <v>1</v>
      </c>
      <c r="H23055" s="8">
        <v>1</v>
      </c>
      <c r="I23055" s="8">
        <v>0</v>
      </c>
      <c r="J23055" s="8">
        <v>1</v>
      </c>
      <c r="K23055" s="9">
        <v>49</v>
      </c>
      <c r="L23055" s="6" t="s">
        <v>4151</v>
      </c>
    </row>
    <row r="23056" spans="1:12">
      <c r="A23056" s="6" t="s">
        <v>4151</v>
      </c>
      <c r="B23056" s="6"/>
      <c r="C23056" s="6" t="s">
        <v>23092</v>
      </c>
      <c r="D23056" s="6"/>
      <c r="E23056" s="6" t="s">
        <v>9</v>
      </c>
      <c r="F23056" s="7">
        <v>38657</v>
      </c>
      <c r="G23056" s="8">
        <v>1</v>
      </c>
      <c r="H23056" s="8">
        <v>1</v>
      </c>
      <c r="I23056" s="8">
        <v>0</v>
      </c>
      <c r="J23056" s="8">
        <v>1</v>
      </c>
      <c r="K23056" s="9">
        <v>15</v>
      </c>
      <c r="L23056" s="6" t="s">
        <v>4151</v>
      </c>
    </row>
    <row r="23057" spans="1:12">
      <c r="A23057" s="6" t="s">
        <v>4151</v>
      </c>
      <c r="B23057" s="6"/>
      <c r="C23057" s="6" t="s">
        <v>23093</v>
      </c>
      <c r="D23057" s="6"/>
      <c r="E23057" s="6" t="s">
        <v>9</v>
      </c>
      <c r="F23057" s="7">
        <v>38657</v>
      </c>
      <c r="G23057" s="8">
        <v>1</v>
      </c>
      <c r="H23057" s="8">
        <v>1</v>
      </c>
      <c r="I23057" s="8">
        <v>0</v>
      </c>
      <c r="J23057" s="8">
        <v>1</v>
      </c>
      <c r="K23057" s="9">
        <v>15</v>
      </c>
      <c r="L23057" s="6" t="s">
        <v>4151</v>
      </c>
    </row>
    <row r="23058" spans="1:12">
      <c r="A23058" s="6" t="s">
        <v>4151</v>
      </c>
      <c r="B23058" s="6"/>
      <c r="C23058" s="6" t="s">
        <v>23094</v>
      </c>
      <c r="D23058" s="6"/>
      <c r="E23058" s="6" t="s">
        <v>9</v>
      </c>
      <c r="F23058" s="7">
        <v>38657</v>
      </c>
      <c r="G23058" s="8">
        <v>1</v>
      </c>
      <c r="H23058" s="8">
        <v>1</v>
      </c>
      <c r="I23058" s="8">
        <v>0</v>
      </c>
      <c r="J23058" s="8">
        <v>1</v>
      </c>
      <c r="K23058" s="9">
        <v>15</v>
      </c>
      <c r="L23058" s="6" t="s">
        <v>4151</v>
      </c>
    </row>
    <row r="23059" spans="1:12">
      <c r="A23059" s="6" t="s">
        <v>4151</v>
      </c>
      <c r="B23059" s="6"/>
      <c r="C23059" s="6" t="s">
        <v>23095</v>
      </c>
      <c r="D23059" s="6"/>
      <c r="E23059" s="6" t="s">
        <v>9</v>
      </c>
      <c r="F23059" s="7">
        <v>38657</v>
      </c>
      <c r="G23059" s="8">
        <v>1</v>
      </c>
      <c r="H23059" s="8">
        <v>1</v>
      </c>
      <c r="I23059" s="8">
        <v>0</v>
      </c>
      <c r="J23059" s="8">
        <v>1</v>
      </c>
      <c r="K23059" s="9">
        <v>15</v>
      </c>
      <c r="L23059" s="6" t="s">
        <v>4151</v>
      </c>
    </row>
    <row r="23060" spans="1:12">
      <c r="A23060" s="6" t="s">
        <v>4151</v>
      </c>
      <c r="B23060" s="6"/>
      <c r="C23060" s="6" t="s">
        <v>23096</v>
      </c>
      <c r="D23060" s="6"/>
      <c r="E23060" s="6" t="s">
        <v>9</v>
      </c>
      <c r="F23060" s="7">
        <v>38657</v>
      </c>
      <c r="G23060" s="8">
        <v>1</v>
      </c>
      <c r="H23060" s="8">
        <v>1</v>
      </c>
      <c r="I23060" s="8">
        <v>0</v>
      </c>
      <c r="J23060" s="8">
        <v>1</v>
      </c>
      <c r="K23060" s="9">
        <v>15</v>
      </c>
      <c r="L23060" s="6" t="s">
        <v>4151</v>
      </c>
    </row>
    <row r="23061" spans="1:12">
      <c r="A23061" s="6" t="s">
        <v>4151</v>
      </c>
      <c r="B23061" s="6"/>
      <c r="C23061" s="6" t="s">
        <v>23097</v>
      </c>
      <c r="D23061" s="6"/>
      <c r="E23061" s="6" t="s">
        <v>9</v>
      </c>
      <c r="F23061" s="7">
        <v>38657</v>
      </c>
      <c r="G23061" s="8">
        <v>1</v>
      </c>
      <c r="H23061" s="8">
        <v>1</v>
      </c>
      <c r="I23061" s="8">
        <v>0</v>
      </c>
      <c r="J23061" s="8">
        <v>1</v>
      </c>
      <c r="K23061" s="9">
        <v>21</v>
      </c>
      <c r="L23061" s="6" t="s">
        <v>4151</v>
      </c>
    </row>
    <row r="23062" spans="1:12">
      <c r="A23062" s="6" t="s">
        <v>4151</v>
      </c>
      <c r="B23062" s="6"/>
      <c r="C23062" s="6" t="s">
        <v>23098</v>
      </c>
      <c r="D23062" s="6"/>
      <c r="E23062" s="6" t="s">
        <v>9</v>
      </c>
      <c r="F23062" s="7">
        <v>38657</v>
      </c>
      <c r="G23062" s="8">
        <v>1</v>
      </c>
      <c r="H23062" s="8">
        <v>1</v>
      </c>
      <c r="I23062" s="8">
        <v>0</v>
      </c>
      <c r="J23062" s="8">
        <v>1</v>
      </c>
      <c r="K23062" s="9">
        <v>21</v>
      </c>
      <c r="L23062" s="6" t="s">
        <v>4151</v>
      </c>
    </row>
    <row r="23063" spans="1:12">
      <c r="A23063" s="6" t="s">
        <v>4151</v>
      </c>
      <c r="B23063" s="6"/>
      <c r="C23063" s="6" t="s">
        <v>23099</v>
      </c>
      <c r="D23063" s="6"/>
      <c r="E23063" s="6" t="s">
        <v>9</v>
      </c>
      <c r="F23063" s="7">
        <v>38657</v>
      </c>
      <c r="G23063" s="8">
        <v>1</v>
      </c>
      <c r="H23063" s="8">
        <v>1</v>
      </c>
      <c r="I23063" s="8">
        <v>0</v>
      </c>
      <c r="J23063" s="8">
        <v>1</v>
      </c>
      <c r="K23063" s="9">
        <v>20</v>
      </c>
      <c r="L23063" s="6" t="s">
        <v>4151</v>
      </c>
    </row>
    <row r="23064" spans="1:12">
      <c r="A23064" s="6" t="s">
        <v>4151</v>
      </c>
      <c r="B23064" s="6"/>
      <c r="C23064" s="6" t="s">
        <v>23100</v>
      </c>
      <c r="D23064" s="6"/>
      <c r="E23064" s="6" t="s">
        <v>9</v>
      </c>
      <c r="F23064" s="7">
        <v>38657</v>
      </c>
      <c r="G23064" s="8">
        <v>1</v>
      </c>
      <c r="H23064" s="8">
        <v>1</v>
      </c>
      <c r="I23064" s="8">
        <v>0</v>
      </c>
      <c r="J23064" s="8">
        <v>1</v>
      </c>
      <c r="K23064" s="9">
        <v>111</v>
      </c>
      <c r="L23064" s="6" t="s">
        <v>4151</v>
      </c>
    </row>
    <row r="23065" spans="1:12">
      <c r="A23065" s="6" t="s">
        <v>4151</v>
      </c>
      <c r="B23065" s="6"/>
      <c r="C23065" s="6" t="s">
        <v>23101</v>
      </c>
      <c r="D23065" s="6"/>
      <c r="E23065" s="6" t="s">
        <v>9</v>
      </c>
      <c r="F23065" s="7">
        <v>38657</v>
      </c>
      <c r="G23065" s="8">
        <v>1</v>
      </c>
      <c r="H23065" s="8">
        <v>1</v>
      </c>
      <c r="I23065" s="8">
        <v>0</v>
      </c>
      <c r="J23065" s="8">
        <v>1</v>
      </c>
      <c r="K23065" s="9">
        <v>21</v>
      </c>
      <c r="L23065" s="6" t="s">
        <v>4151</v>
      </c>
    </row>
    <row r="23066" spans="1:12">
      <c r="A23066" s="6" t="s">
        <v>4151</v>
      </c>
      <c r="B23066" s="6"/>
      <c r="C23066" s="6" t="s">
        <v>23102</v>
      </c>
      <c r="D23066" s="6"/>
      <c r="E23066" s="6" t="s">
        <v>9</v>
      </c>
      <c r="F23066" s="7">
        <v>38657</v>
      </c>
      <c r="G23066" s="8">
        <v>1</v>
      </c>
      <c r="H23066" s="8">
        <v>1</v>
      </c>
      <c r="I23066" s="8">
        <v>0</v>
      </c>
      <c r="J23066" s="8">
        <v>1</v>
      </c>
      <c r="K23066" s="9">
        <v>21</v>
      </c>
      <c r="L23066" s="6" t="s">
        <v>4151</v>
      </c>
    </row>
    <row r="23067" spans="1:12">
      <c r="A23067" s="6" t="s">
        <v>4151</v>
      </c>
      <c r="B23067" s="6"/>
      <c r="C23067" s="6" t="s">
        <v>23103</v>
      </c>
      <c r="D23067" s="6"/>
      <c r="E23067" s="6" t="s">
        <v>9</v>
      </c>
      <c r="F23067" s="7">
        <v>38657</v>
      </c>
      <c r="G23067" s="8">
        <v>1</v>
      </c>
      <c r="H23067" s="8">
        <v>1</v>
      </c>
      <c r="I23067" s="8">
        <v>0</v>
      </c>
      <c r="J23067" s="8">
        <v>1</v>
      </c>
      <c r="K23067" s="9">
        <v>21</v>
      </c>
      <c r="L23067" s="6" t="s">
        <v>4151</v>
      </c>
    </row>
    <row r="23068" spans="1:12">
      <c r="A23068" s="6" t="s">
        <v>4151</v>
      </c>
      <c r="B23068" s="6"/>
      <c r="C23068" s="6" t="s">
        <v>23104</v>
      </c>
      <c r="D23068" s="6"/>
      <c r="E23068" s="6" t="s">
        <v>9</v>
      </c>
      <c r="F23068" s="7">
        <v>38657</v>
      </c>
      <c r="G23068" s="8">
        <v>1</v>
      </c>
      <c r="H23068" s="8">
        <v>1</v>
      </c>
      <c r="I23068" s="8">
        <v>0</v>
      </c>
      <c r="J23068" s="8">
        <v>1</v>
      </c>
      <c r="K23068" s="9">
        <v>21</v>
      </c>
      <c r="L23068" s="6" t="s">
        <v>4151</v>
      </c>
    </row>
    <row r="23069" spans="1:12">
      <c r="A23069" s="6" t="s">
        <v>4151</v>
      </c>
      <c r="B23069" s="6"/>
      <c r="C23069" s="6" t="s">
        <v>23105</v>
      </c>
      <c r="D23069" s="6"/>
      <c r="E23069" s="6" t="s">
        <v>9</v>
      </c>
      <c r="F23069" s="7">
        <v>38657</v>
      </c>
      <c r="G23069" s="8">
        <v>1</v>
      </c>
      <c r="H23069" s="8">
        <v>1</v>
      </c>
      <c r="I23069" s="8">
        <v>0</v>
      </c>
      <c r="J23069" s="8">
        <v>1</v>
      </c>
      <c r="K23069" s="9">
        <v>21</v>
      </c>
      <c r="L23069" s="6" t="s">
        <v>4151</v>
      </c>
    </row>
    <row r="23070" spans="1:12">
      <c r="A23070" s="6" t="s">
        <v>4151</v>
      </c>
      <c r="B23070" s="6"/>
      <c r="C23070" s="6" t="s">
        <v>23106</v>
      </c>
      <c r="D23070" s="6"/>
      <c r="E23070" s="6" t="s">
        <v>9</v>
      </c>
      <c r="F23070" s="7">
        <v>38657</v>
      </c>
      <c r="G23070" s="8">
        <v>1</v>
      </c>
      <c r="H23070" s="8">
        <v>1</v>
      </c>
      <c r="I23070" s="8">
        <v>0</v>
      </c>
      <c r="J23070" s="8">
        <v>1</v>
      </c>
      <c r="K23070" s="9">
        <v>21</v>
      </c>
      <c r="L23070" s="6" t="s">
        <v>4151</v>
      </c>
    </row>
    <row r="23071" spans="1:12">
      <c r="A23071" s="6" t="s">
        <v>4151</v>
      </c>
      <c r="B23071" s="6"/>
      <c r="C23071" s="6" t="s">
        <v>23107</v>
      </c>
      <c r="D23071" s="6"/>
      <c r="E23071" s="6" t="s">
        <v>9</v>
      </c>
      <c r="F23071" s="7">
        <v>38657</v>
      </c>
      <c r="G23071" s="8">
        <v>1</v>
      </c>
      <c r="H23071" s="8">
        <v>1</v>
      </c>
      <c r="I23071" s="8">
        <v>0</v>
      </c>
      <c r="J23071" s="8">
        <v>1</v>
      </c>
      <c r="K23071" s="9">
        <v>17</v>
      </c>
      <c r="L23071" s="6" t="s">
        <v>4151</v>
      </c>
    </row>
    <row r="23072" spans="1:12">
      <c r="A23072" s="6" t="s">
        <v>4151</v>
      </c>
      <c r="B23072" s="6"/>
      <c r="C23072" s="6" t="s">
        <v>23108</v>
      </c>
      <c r="D23072" s="6"/>
      <c r="E23072" s="6" t="s">
        <v>9</v>
      </c>
      <c r="F23072" s="7">
        <v>38657</v>
      </c>
      <c r="G23072" s="8">
        <v>1</v>
      </c>
      <c r="H23072" s="8">
        <v>1</v>
      </c>
      <c r="I23072" s="8">
        <v>0</v>
      </c>
      <c r="J23072" s="8">
        <v>1</v>
      </c>
      <c r="K23072" s="9">
        <v>17</v>
      </c>
      <c r="L23072" s="6" t="s">
        <v>4151</v>
      </c>
    </row>
    <row r="23073" spans="1:12">
      <c r="A23073" s="6" t="s">
        <v>4151</v>
      </c>
      <c r="B23073" s="6"/>
      <c r="C23073" s="6" t="s">
        <v>23109</v>
      </c>
      <c r="D23073" s="6"/>
      <c r="E23073" s="6" t="s">
        <v>9</v>
      </c>
      <c r="F23073" s="7">
        <v>38657</v>
      </c>
      <c r="G23073" s="8">
        <v>1</v>
      </c>
      <c r="H23073" s="8">
        <v>1</v>
      </c>
      <c r="I23073" s="8">
        <v>0</v>
      </c>
      <c r="J23073" s="8">
        <v>1</v>
      </c>
      <c r="K23073" s="9">
        <v>17</v>
      </c>
      <c r="L23073" s="6" t="s">
        <v>4151</v>
      </c>
    </row>
    <row r="23074" spans="1:12">
      <c r="A23074" s="6" t="s">
        <v>4151</v>
      </c>
      <c r="B23074" s="6"/>
      <c r="C23074" s="6" t="s">
        <v>23110</v>
      </c>
      <c r="D23074" s="6"/>
      <c r="E23074" s="6" t="s">
        <v>9</v>
      </c>
      <c r="F23074" s="7">
        <v>38657</v>
      </c>
      <c r="G23074" s="8">
        <v>1</v>
      </c>
      <c r="H23074" s="8">
        <v>1</v>
      </c>
      <c r="I23074" s="8">
        <v>0</v>
      </c>
      <c r="J23074" s="8">
        <v>1</v>
      </c>
      <c r="K23074" s="9">
        <v>17</v>
      </c>
      <c r="L23074" s="6" t="s">
        <v>4151</v>
      </c>
    </row>
    <row r="23075" spans="1:12">
      <c r="A23075" s="6" t="s">
        <v>4151</v>
      </c>
      <c r="B23075" s="6"/>
      <c r="C23075" s="6" t="s">
        <v>23111</v>
      </c>
      <c r="D23075" s="6"/>
      <c r="E23075" s="6" t="s">
        <v>9</v>
      </c>
      <c r="F23075" s="7">
        <v>38657</v>
      </c>
      <c r="G23075" s="8">
        <v>1</v>
      </c>
      <c r="H23075" s="8">
        <v>1</v>
      </c>
      <c r="I23075" s="8">
        <v>0</v>
      </c>
      <c r="J23075" s="8">
        <v>1</v>
      </c>
      <c r="K23075" s="9">
        <v>78</v>
      </c>
      <c r="L23075" s="6" t="s">
        <v>4151</v>
      </c>
    </row>
    <row r="23076" spans="1:12">
      <c r="A23076" s="6" t="s">
        <v>4151</v>
      </c>
      <c r="B23076" s="6"/>
      <c r="C23076" s="6" t="s">
        <v>23112</v>
      </c>
      <c r="D23076" s="6"/>
      <c r="E23076" s="6" t="s">
        <v>9</v>
      </c>
      <c r="F23076" s="7">
        <v>38657</v>
      </c>
      <c r="G23076" s="8">
        <v>1</v>
      </c>
      <c r="H23076" s="8">
        <v>1</v>
      </c>
      <c r="I23076" s="8">
        <v>0</v>
      </c>
      <c r="J23076" s="8">
        <v>1</v>
      </c>
      <c r="K23076" s="9">
        <v>17</v>
      </c>
      <c r="L23076" s="6" t="s">
        <v>4151</v>
      </c>
    </row>
    <row r="23077" spans="1:12">
      <c r="A23077" s="6" t="s">
        <v>4151</v>
      </c>
      <c r="B23077" s="6"/>
      <c r="C23077" s="6" t="s">
        <v>23113</v>
      </c>
      <c r="D23077" s="6"/>
      <c r="E23077" s="6" t="s">
        <v>9</v>
      </c>
      <c r="F23077" s="7">
        <v>38657</v>
      </c>
      <c r="G23077" s="8">
        <v>1</v>
      </c>
      <c r="H23077" s="8">
        <v>1</v>
      </c>
      <c r="I23077" s="8">
        <v>0</v>
      </c>
      <c r="J23077" s="8">
        <v>1</v>
      </c>
      <c r="K23077" s="9">
        <v>17</v>
      </c>
      <c r="L23077" s="6" t="s">
        <v>4151</v>
      </c>
    </row>
    <row r="23078" spans="1:12">
      <c r="A23078" s="6" t="s">
        <v>4151</v>
      </c>
      <c r="B23078" s="6"/>
      <c r="C23078" s="6" t="s">
        <v>23114</v>
      </c>
      <c r="D23078" s="6"/>
      <c r="E23078" s="6" t="s">
        <v>9</v>
      </c>
      <c r="F23078" s="7">
        <v>38657</v>
      </c>
      <c r="G23078" s="8">
        <v>1</v>
      </c>
      <c r="H23078" s="8">
        <v>1</v>
      </c>
      <c r="I23078" s="8">
        <v>0</v>
      </c>
      <c r="J23078" s="8">
        <v>1</v>
      </c>
      <c r="K23078" s="9">
        <v>17</v>
      </c>
      <c r="L23078" s="6" t="s">
        <v>4151</v>
      </c>
    </row>
    <row r="23079" spans="1:12">
      <c r="A23079" s="6" t="s">
        <v>4151</v>
      </c>
      <c r="B23079" s="6"/>
      <c r="C23079" s="6" t="s">
        <v>23115</v>
      </c>
      <c r="D23079" s="6"/>
      <c r="E23079" s="6" t="s">
        <v>9</v>
      </c>
      <c r="F23079" s="7">
        <v>38657</v>
      </c>
      <c r="G23079" s="8">
        <v>1</v>
      </c>
      <c r="H23079" s="8">
        <v>1</v>
      </c>
      <c r="I23079" s="8">
        <v>0</v>
      </c>
      <c r="J23079" s="8">
        <v>1</v>
      </c>
      <c r="K23079" s="9">
        <v>17</v>
      </c>
      <c r="L23079" s="6" t="s">
        <v>4151</v>
      </c>
    </row>
    <row r="23080" spans="1:12">
      <c r="A23080" s="6" t="s">
        <v>4151</v>
      </c>
      <c r="B23080" s="6"/>
      <c r="C23080" s="6" t="s">
        <v>23116</v>
      </c>
      <c r="D23080" s="6"/>
      <c r="E23080" s="6" t="s">
        <v>9</v>
      </c>
      <c r="F23080" s="7">
        <v>38657</v>
      </c>
      <c r="G23080" s="8">
        <v>1</v>
      </c>
      <c r="H23080" s="8">
        <v>1</v>
      </c>
      <c r="I23080" s="8">
        <v>0</v>
      </c>
      <c r="J23080" s="8">
        <v>1</v>
      </c>
      <c r="K23080" s="9">
        <v>17</v>
      </c>
      <c r="L23080" s="6" t="s">
        <v>4151</v>
      </c>
    </row>
    <row r="23081" spans="1:12">
      <c r="A23081" s="6" t="s">
        <v>4151</v>
      </c>
      <c r="B23081" s="6"/>
      <c r="C23081" s="6" t="s">
        <v>23117</v>
      </c>
      <c r="D23081" s="6"/>
      <c r="E23081" s="6" t="s">
        <v>9</v>
      </c>
      <c r="F23081" s="7">
        <v>38657</v>
      </c>
      <c r="G23081" s="8">
        <v>1</v>
      </c>
      <c r="H23081" s="8">
        <v>1</v>
      </c>
      <c r="I23081" s="8">
        <v>0</v>
      </c>
      <c r="J23081" s="8">
        <v>1</v>
      </c>
      <c r="K23081" s="9">
        <v>17</v>
      </c>
      <c r="L23081" s="6" t="s">
        <v>4151</v>
      </c>
    </row>
    <row r="23082" spans="1:12">
      <c r="A23082" s="6" t="s">
        <v>4151</v>
      </c>
      <c r="B23082" s="6"/>
      <c r="C23082" s="6" t="s">
        <v>23118</v>
      </c>
      <c r="D23082" s="6"/>
      <c r="E23082" s="6" t="s">
        <v>9</v>
      </c>
      <c r="F23082" s="7">
        <v>38657</v>
      </c>
      <c r="G23082" s="8">
        <v>1</v>
      </c>
      <c r="H23082" s="8">
        <v>1</v>
      </c>
      <c r="I23082" s="8">
        <v>0</v>
      </c>
      <c r="J23082" s="8">
        <v>1</v>
      </c>
      <c r="K23082" s="9">
        <v>17</v>
      </c>
      <c r="L23082" s="6" t="s">
        <v>4151</v>
      </c>
    </row>
    <row r="23083" spans="1:12">
      <c r="A23083" s="6" t="s">
        <v>4151</v>
      </c>
      <c r="B23083" s="6"/>
      <c r="C23083" s="6" t="s">
        <v>23119</v>
      </c>
      <c r="D23083" s="6"/>
      <c r="E23083" s="6" t="s">
        <v>9</v>
      </c>
      <c r="F23083" s="7">
        <v>38657</v>
      </c>
      <c r="G23083" s="8">
        <v>1</v>
      </c>
      <c r="H23083" s="8">
        <v>1</v>
      </c>
      <c r="I23083" s="8">
        <v>0</v>
      </c>
      <c r="J23083" s="8">
        <v>1</v>
      </c>
      <c r="K23083" s="9">
        <v>17</v>
      </c>
      <c r="L23083" s="6" t="s">
        <v>4151</v>
      </c>
    </row>
    <row r="23084" spans="1:12">
      <c r="A23084" s="6" t="s">
        <v>4151</v>
      </c>
      <c r="B23084" s="6"/>
      <c r="C23084" s="6" t="s">
        <v>23120</v>
      </c>
      <c r="D23084" s="6"/>
      <c r="E23084" s="6" t="s">
        <v>9</v>
      </c>
      <c r="F23084" s="7">
        <v>38657</v>
      </c>
      <c r="G23084" s="8">
        <v>1</v>
      </c>
      <c r="H23084" s="8">
        <v>1</v>
      </c>
      <c r="I23084" s="8">
        <v>0</v>
      </c>
      <c r="J23084" s="8">
        <v>1</v>
      </c>
      <c r="K23084" s="9">
        <v>17</v>
      </c>
      <c r="L23084" s="6" t="s">
        <v>4151</v>
      </c>
    </row>
    <row r="23085" spans="1:12">
      <c r="A23085" s="6" t="s">
        <v>4151</v>
      </c>
      <c r="B23085" s="6"/>
      <c r="C23085" s="6" t="s">
        <v>23121</v>
      </c>
      <c r="D23085" s="6"/>
      <c r="E23085" s="6" t="s">
        <v>9</v>
      </c>
      <c r="F23085" s="7">
        <v>38657</v>
      </c>
      <c r="G23085" s="8">
        <v>1</v>
      </c>
      <c r="H23085" s="8">
        <v>1</v>
      </c>
      <c r="I23085" s="8">
        <v>0</v>
      </c>
      <c r="J23085" s="8">
        <v>1</v>
      </c>
      <c r="K23085" s="9">
        <v>10.07</v>
      </c>
      <c r="L23085" s="6" t="s">
        <v>4151</v>
      </c>
    </row>
    <row r="23086" spans="1:12">
      <c r="A23086" s="6" t="s">
        <v>4151</v>
      </c>
      <c r="B23086" s="6"/>
      <c r="C23086" s="6" t="s">
        <v>23122</v>
      </c>
      <c r="D23086" s="6"/>
      <c r="E23086" s="6" t="s">
        <v>9</v>
      </c>
      <c r="F23086" s="7">
        <v>38657</v>
      </c>
      <c r="G23086" s="8">
        <v>1</v>
      </c>
      <c r="H23086" s="8">
        <v>1</v>
      </c>
      <c r="I23086" s="8">
        <v>0</v>
      </c>
      <c r="J23086" s="8">
        <v>1</v>
      </c>
      <c r="K23086" s="9">
        <v>140</v>
      </c>
      <c r="L23086" s="6" t="s">
        <v>4151</v>
      </c>
    </row>
    <row r="23087" spans="1:12">
      <c r="A23087" s="6" t="s">
        <v>4151</v>
      </c>
      <c r="B23087" s="6"/>
      <c r="C23087" s="6" t="s">
        <v>23123</v>
      </c>
      <c r="D23087" s="6"/>
      <c r="E23087" s="6" t="s">
        <v>9</v>
      </c>
      <c r="F23087" s="7">
        <v>38657</v>
      </c>
      <c r="G23087" s="8">
        <v>1</v>
      </c>
      <c r="H23087" s="8">
        <v>1</v>
      </c>
      <c r="I23087" s="8">
        <v>0</v>
      </c>
      <c r="J23087" s="8">
        <v>1</v>
      </c>
      <c r="K23087" s="9">
        <v>4.9000000000000004</v>
      </c>
      <c r="L23087" s="6" t="s">
        <v>4151</v>
      </c>
    </row>
    <row r="23088" spans="1:12">
      <c r="A23088" s="6" t="s">
        <v>4151</v>
      </c>
      <c r="B23088" s="6"/>
      <c r="C23088" s="6" t="s">
        <v>23124</v>
      </c>
      <c r="D23088" s="6"/>
      <c r="E23088" s="6" t="s">
        <v>9</v>
      </c>
      <c r="F23088" s="7">
        <v>38657</v>
      </c>
      <c r="G23088" s="8">
        <v>1</v>
      </c>
      <c r="H23088" s="8">
        <v>1</v>
      </c>
      <c r="I23088" s="8">
        <v>0</v>
      </c>
      <c r="J23088" s="8">
        <v>1</v>
      </c>
      <c r="K23088" s="9">
        <v>2.4900000000000002</v>
      </c>
      <c r="L23088" s="6" t="s">
        <v>4151</v>
      </c>
    </row>
    <row r="23089" spans="1:12">
      <c r="A23089" s="6" t="s">
        <v>4151</v>
      </c>
      <c r="B23089" s="6"/>
      <c r="C23089" s="6" t="s">
        <v>23125</v>
      </c>
      <c r="D23089" s="6"/>
      <c r="E23089" s="6" t="s">
        <v>9</v>
      </c>
      <c r="F23089" s="7">
        <v>38657</v>
      </c>
      <c r="G23089" s="8">
        <v>1</v>
      </c>
      <c r="H23089" s="8">
        <v>1</v>
      </c>
      <c r="I23089" s="8">
        <v>0</v>
      </c>
      <c r="J23089" s="8">
        <v>1</v>
      </c>
      <c r="K23089" s="9">
        <v>0.89</v>
      </c>
      <c r="L23089" s="6" t="s">
        <v>4151</v>
      </c>
    </row>
    <row r="23090" spans="1:12">
      <c r="A23090" s="6" t="s">
        <v>4151</v>
      </c>
      <c r="B23090" s="6"/>
      <c r="C23090" s="6" t="s">
        <v>23126</v>
      </c>
      <c r="D23090" s="6"/>
      <c r="E23090" s="6" t="s">
        <v>9</v>
      </c>
      <c r="F23090" s="7">
        <v>38657</v>
      </c>
      <c r="G23090" s="8">
        <v>1</v>
      </c>
      <c r="H23090" s="8">
        <v>1</v>
      </c>
      <c r="I23090" s="8">
        <v>0</v>
      </c>
      <c r="J23090" s="8">
        <v>1</v>
      </c>
      <c r="K23090" s="9">
        <v>8.3699999999999903</v>
      </c>
      <c r="L23090" s="6" t="s">
        <v>4151</v>
      </c>
    </row>
    <row r="23091" spans="1:12">
      <c r="A23091" s="6" t="s">
        <v>4151</v>
      </c>
      <c r="B23091" s="6"/>
      <c r="C23091" s="6" t="s">
        <v>23127</v>
      </c>
      <c r="D23091" s="6"/>
      <c r="E23091" s="6" t="s">
        <v>9</v>
      </c>
      <c r="F23091" s="7">
        <v>38657</v>
      </c>
      <c r="G23091" s="8">
        <v>1</v>
      </c>
      <c r="H23091" s="8">
        <v>1</v>
      </c>
      <c r="I23091" s="8">
        <v>0</v>
      </c>
      <c r="J23091" s="8">
        <v>1</v>
      </c>
      <c r="K23091" s="9">
        <v>8.3699999999999903</v>
      </c>
      <c r="L23091" s="6" t="s">
        <v>4151</v>
      </c>
    </row>
    <row r="23092" spans="1:12">
      <c r="A23092" s="6" t="s">
        <v>4151</v>
      </c>
      <c r="B23092" s="6"/>
      <c r="C23092" s="6" t="s">
        <v>23128</v>
      </c>
      <c r="D23092" s="6"/>
      <c r="E23092" s="6" t="s">
        <v>9</v>
      </c>
      <c r="F23092" s="7">
        <v>38657</v>
      </c>
      <c r="G23092" s="8">
        <v>1</v>
      </c>
      <c r="H23092" s="8">
        <v>1</v>
      </c>
      <c r="I23092" s="8">
        <v>0</v>
      </c>
      <c r="J23092" s="8">
        <v>1</v>
      </c>
      <c r="K23092" s="9">
        <v>8.3699999999999903</v>
      </c>
      <c r="L23092" s="6" t="s">
        <v>4151</v>
      </c>
    </row>
    <row r="23093" spans="1:12">
      <c r="A23093" s="6" t="s">
        <v>4151</v>
      </c>
      <c r="B23093" s="6"/>
      <c r="C23093" s="6" t="s">
        <v>23129</v>
      </c>
      <c r="D23093" s="6"/>
      <c r="E23093" s="6" t="s">
        <v>9</v>
      </c>
      <c r="F23093" s="7">
        <v>38657</v>
      </c>
      <c r="G23093" s="8">
        <v>1</v>
      </c>
      <c r="H23093" s="8">
        <v>1</v>
      </c>
      <c r="I23093" s="8">
        <v>0</v>
      </c>
      <c r="J23093" s="8">
        <v>1</v>
      </c>
      <c r="K23093" s="9">
        <v>40</v>
      </c>
      <c r="L23093" s="6" t="s">
        <v>4151</v>
      </c>
    </row>
    <row r="23094" spans="1:12">
      <c r="A23094" s="6" t="s">
        <v>4151</v>
      </c>
      <c r="B23094" s="6"/>
      <c r="C23094" s="6" t="s">
        <v>23130</v>
      </c>
      <c r="D23094" s="6"/>
      <c r="E23094" s="6" t="s">
        <v>9</v>
      </c>
      <c r="F23094" s="7">
        <v>38657</v>
      </c>
      <c r="G23094" s="8">
        <v>1</v>
      </c>
      <c r="H23094" s="8">
        <v>1</v>
      </c>
      <c r="I23094" s="8">
        <v>0</v>
      </c>
      <c r="J23094" s="8">
        <v>1</v>
      </c>
      <c r="K23094" s="9">
        <v>40</v>
      </c>
      <c r="L23094" s="6" t="s">
        <v>4151</v>
      </c>
    </row>
    <row r="23095" spans="1:12">
      <c r="A23095" s="6" t="s">
        <v>4151</v>
      </c>
      <c r="B23095" s="6"/>
      <c r="C23095" s="6" t="s">
        <v>23131</v>
      </c>
      <c r="D23095" s="6"/>
      <c r="E23095" s="6" t="s">
        <v>9</v>
      </c>
      <c r="F23095" s="7">
        <v>38657</v>
      </c>
      <c r="G23095" s="8">
        <v>1</v>
      </c>
      <c r="H23095" s="8">
        <v>1</v>
      </c>
      <c r="I23095" s="8">
        <v>0</v>
      </c>
      <c r="J23095" s="8">
        <v>1</v>
      </c>
      <c r="K23095" s="9">
        <v>40</v>
      </c>
      <c r="L23095" s="6" t="s">
        <v>4151</v>
      </c>
    </row>
    <row r="23096" spans="1:12">
      <c r="A23096" s="6" t="s">
        <v>4151</v>
      </c>
      <c r="B23096" s="6"/>
      <c r="C23096" s="6" t="s">
        <v>23132</v>
      </c>
      <c r="D23096" s="6"/>
      <c r="E23096" s="6" t="s">
        <v>9</v>
      </c>
      <c r="F23096" s="7">
        <v>38657</v>
      </c>
      <c r="G23096" s="8">
        <v>1</v>
      </c>
      <c r="H23096" s="8">
        <v>1</v>
      </c>
      <c r="I23096" s="8">
        <v>0</v>
      </c>
      <c r="J23096" s="8">
        <v>1</v>
      </c>
      <c r="K23096" s="9">
        <v>40</v>
      </c>
      <c r="L23096" s="6" t="s">
        <v>4151</v>
      </c>
    </row>
    <row r="23097" spans="1:12">
      <c r="A23097" s="6" t="s">
        <v>4151</v>
      </c>
      <c r="B23097" s="6"/>
      <c r="C23097" s="6" t="s">
        <v>23133</v>
      </c>
      <c r="D23097" s="6"/>
      <c r="E23097" s="6" t="s">
        <v>9</v>
      </c>
      <c r="F23097" s="7">
        <v>38657</v>
      </c>
      <c r="G23097" s="8">
        <v>1</v>
      </c>
      <c r="H23097" s="8">
        <v>1</v>
      </c>
      <c r="I23097" s="8">
        <v>0</v>
      </c>
      <c r="J23097" s="8">
        <v>1</v>
      </c>
      <c r="K23097" s="9">
        <v>41</v>
      </c>
      <c r="L23097" s="6" t="s">
        <v>4151</v>
      </c>
    </row>
    <row r="23098" spans="1:12">
      <c r="A23098" s="6" t="s">
        <v>4151</v>
      </c>
      <c r="B23098" s="6"/>
      <c r="C23098" s="6" t="s">
        <v>23134</v>
      </c>
      <c r="D23098" s="6"/>
      <c r="E23098" s="6" t="s">
        <v>9</v>
      </c>
      <c r="F23098" s="7">
        <v>38657</v>
      </c>
      <c r="G23098" s="8">
        <v>1</v>
      </c>
      <c r="H23098" s="8">
        <v>1</v>
      </c>
      <c r="I23098" s="8">
        <v>0</v>
      </c>
      <c r="J23098" s="8">
        <v>1</v>
      </c>
      <c r="K23098" s="9">
        <v>40</v>
      </c>
      <c r="L23098" s="6" t="s">
        <v>4151</v>
      </c>
    </row>
    <row r="23099" spans="1:12">
      <c r="A23099" s="6" t="s">
        <v>4151</v>
      </c>
      <c r="B23099" s="6"/>
      <c r="C23099" s="6" t="s">
        <v>23135</v>
      </c>
      <c r="D23099" s="6"/>
      <c r="E23099" s="6" t="s">
        <v>9</v>
      </c>
      <c r="F23099" s="7">
        <v>38657</v>
      </c>
      <c r="G23099" s="8">
        <v>1</v>
      </c>
      <c r="H23099" s="8">
        <v>1</v>
      </c>
      <c r="I23099" s="8">
        <v>0</v>
      </c>
      <c r="J23099" s="8">
        <v>1</v>
      </c>
      <c r="K23099" s="9">
        <v>40</v>
      </c>
      <c r="L23099" s="6" t="s">
        <v>4151</v>
      </c>
    </row>
    <row r="23100" spans="1:12">
      <c r="A23100" s="6" t="s">
        <v>4151</v>
      </c>
      <c r="B23100" s="6"/>
      <c r="C23100" s="6" t="s">
        <v>23136</v>
      </c>
      <c r="D23100" s="6"/>
      <c r="E23100" s="6" t="s">
        <v>9</v>
      </c>
      <c r="F23100" s="7">
        <v>38657</v>
      </c>
      <c r="G23100" s="8">
        <v>1</v>
      </c>
      <c r="H23100" s="8">
        <v>1</v>
      </c>
      <c r="I23100" s="8">
        <v>0</v>
      </c>
      <c r="J23100" s="8">
        <v>1</v>
      </c>
      <c r="K23100" s="9">
        <v>40</v>
      </c>
      <c r="L23100" s="6" t="s">
        <v>4151</v>
      </c>
    </row>
    <row r="23101" spans="1:12">
      <c r="A23101" s="6" t="s">
        <v>4151</v>
      </c>
      <c r="B23101" s="6"/>
      <c r="C23101" s="6" t="s">
        <v>23137</v>
      </c>
      <c r="D23101" s="6"/>
      <c r="E23101" s="6" t="s">
        <v>9</v>
      </c>
      <c r="F23101" s="7">
        <v>38657</v>
      </c>
      <c r="G23101" s="8">
        <v>1</v>
      </c>
      <c r="H23101" s="8">
        <v>1</v>
      </c>
      <c r="I23101" s="8">
        <v>0</v>
      </c>
      <c r="J23101" s="8">
        <v>1</v>
      </c>
      <c r="K23101" s="9">
        <v>40</v>
      </c>
      <c r="L23101" s="6" t="s">
        <v>4151</v>
      </c>
    </row>
    <row r="23102" spans="1:12">
      <c r="A23102" s="6" t="s">
        <v>4151</v>
      </c>
      <c r="B23102" s="6"/>
      <c r="C23102" s="6" t="s">
        <v>23138</v>
      </c>
      <c r="D23102" s="6"/>
      <c r="E23102" s="6" t="s">
        <v>9</v>
      </c>
      <c r="F23102" s="7">
        <v>38657</v>
      </c>
      <c r="G23102" s="8">
        <v>1</v>
      </c>
      <c r="H23102" s="8">
        <v>1</v>
      </c>
      <c r="I23102" s="8">
        <v>0</v>
      </c>
      <c r="J23102" s="8">
        <v>1</v>
      </c>
      <c r="K23102" s="9">
        <v>40</v>
      </c>
      <c r="L23102" s="6" t="s">
        <v>4151</v>
      </c>
    </row>
    <row r="23103" spans="1:12">
      <c r="A23103" s="6" t="s">
        <v>4151</v>
      </c>
      <c r="B23103" s="6"/>
      <c r="C23103" s="6" t="s">
        <v>23139</v>
      </c>
      <c r="D23103" s="6"/>
      <c r="E23103" s="6" t="s">
        <v>9</v>
      </c>
      <c r="F23103" s="7">
        <v>38657</v>
      </c>
      <c r="G23103" s="8">
        <v>1</v>
      </c>
      <c r="H23103" s="8">
        <v>1</v>
      </c>
      <c r="I23103" s="8">
        <v>0</v>
      </c>
      <c r="J23103" s="8">
        <v>1</v>
      </c>
      <c r="K23103" s="9">
        <v>40</v>
      </c>
      <c r="L23103" s="6" t="s">
        <v>4151</v>
      </c>
    </row>
    <row r="23104" spans="1:12">
      <c r="A23104" s="6" t="s">
        <v>4151</v>
      </c>
      <c r="B23104" s="6"/>
      <c r="C23104" s="6" t="s">
        <v>23140</v>
      </c>
      <c r="D23104" s="6"/>
      <c r="E23104" s="6" t="s">
        <v>9</v>
      </c>
      <c r="F23104" s="7">
        <v>38657</v>
      </c>
      <c r="G23104" s="8">
        <v>1</v>
      </c>
      <c r="H23104" s="8">
        <v>1</v>
      </c>
      <c r="I23104" s="8">
        <v>0</v>
      </c>
      <c r="J23104" s="8">
        <v>1</v>
      </c>
      <c r="K23104" s="9">
        <v>40</v>
      </c>
      <c r="L23104" s="6" t="s">
        <v>4151</v>
      </c>
    </row>
    <row r="23105" spans="1:12">
      <c r="A23105" s="6" t="s">
        <v>4151</v>
      </c>
      <c r="B23105" s="6"/>
      <c r="C23105" s="6" t="s">
        <v>23141</v>
      </c>
      <c r="D23105" s="6"/>
      <c r="E23105" s="6" t="s">
        <v>9</v>
      </c>
      <c r="F23105" s="7">
        <v>38657</v>
      </c>
      <c r="G23105" s="8">
        <v>1</v>
      </c>
      <c r="H23105" s="8">
        <v>1</v>
      </c>
      <c r="I23105" s="8">
        <v>0</v>
      </c>
      <c r="J23105" s="8">
        <v>1</v>
      </c>
      <c r="K23105" s="9">
        <v>40</v>
      </c>
      <c r="L23105" s="6" t="s">
        <v>4151</v>
      </c>
    </row>
    <row r="23106" spans="1:12">
      <c r="A23106" s="6" t="s">
        <v>4151</v>
      </c>
      <c r="B23106" s="6"/>
      <c r="C23106" s="6" t="s">
        <v>23142</v>
      </c>
      <c r="D23106" s="6"/>
      <c r="E23106" s="6" t="s">
        <v>9</v>
      </c>
      <c r="F23106" s="7">
        <v>38657</v>
      </c>
      <c r="G23106" s="8">
        <v>1</v>
      </c>
      <c r="H23106" s="8">
        <v>1</v>
      </c>
      <c r="I23106" s="8">
        <v>0</v>
      </c>
      <c r="J23106" s="8">
        <v>1</v>
      </c>
      <c r="K23106" s="9">
        <v>40</v>
      </c>
      <c r="L23106" s="6" t="s">
        <v>4151</v>
      </c>
    </row>
    <row r="23107" spans="1:12">
      <c r="A23107" s="6" t="s">
        <v>4151</v>
      </c>
      <c r="B23107" s="6"/>
      <c r="C23107" s="6" t="s">
        <v>23143</v>
      </c>
      <c r="D23107" s="6"/>
      <c r="E23107" s="6" t="s">
        <v>9</v>
      </c>
      <c r="F23107" s="7">
        <v>38657</v>
      </c>
      <c r="G23107" s="8">
        <v>1</v>
      </c>
      <c r="H23107" s="8">
        <v>1</v>
      </c>
      <c r="I23107" s="8">
        <v>0</v>
      </c>
      <c r="J23107" s="8">
        <v>1</v>
      </c>
      <c r="K23107" s="9">
        <v>40</v>
      </c>
      <c r="L23107" s="6" t="s">
        <v>4151</v>
      </c>
    </row>
    <row r="23108" spans="1:12">
      <c r="A23108" s="6" t="s">
        <v>4151</v>
      </c>
      <c r="B23108" s="6"/>
      <c r="C23108" s="6" t="s">
        <v>23144</v>
      </c>
      <c r="D23108" s="6"/>
      <c r="E23108" s="6" t="s">
        <v>9</v>
      </c>
      <c r="F23108" s="7">
        <v>38657</v>
      </c>
      <c r="G23108" s="8">
        <v>1</v>
      </c>
      <c r="H23108" s="8">
        <v>1</v>
      </c>
      <c r="I23108" s="8">
        <v>0</v>
      </c>
      <c r="J23108" s="8">
        <v>1</v>
      </c>
      <c r="K23108" s="9">
        <v>16</v>
      </c>
      <c r="L23108" s="6" t="s">
        <v>4151</v>
      </c>
    </row>
    <row r="23109" spans="1:12">
      <c r="A23109" s="6" t="s">
        <v>4151</v>
      </c>
      <c r="B23109" s="6"/>
      <c r="C23109" s="6" t="s">
        <v>23145</v>
      </c>
      <c r="D23109" s="6"/>
      <c r="E23109" s="6" t="s">
        <v>9</v>
      </c>
      <c r="F23109" s="7">
        <v>38657</v>
      </c>
      <c r="G23109" s="8">
        <v>1</v>
      </c>
      <c r="H23109" s="8">
        <v>1</v>
      </c>
      <c r="I23109" s="8">
        <v>0</v>
      </c>
      <c r="J23109" s="8">
        <v>1</v>
      </c>
      <c r="K23109" s="9">
        <v>69</v>
      </c>
      <c r="L23109" s="6" t="s">
        <v>4151</v>
      </c>
    </row>
    <row r="23110" spans="1:12">
      <c r="A23110" s="6" t="s">
        <v>4151</v>
      </c>
      <c r="B23110" s="6"/>
      <c r="C23110" s="6" t="s">
        <v>23146</v>
      </c>
      <c r="D23110" s="6"/>
      <c r="E23110" s="6" t="s">
        <v>9</v>
      </c>
      <c r="F23110" s="7">
        <v>38657</v>
      </c>
      <c r="G23110" s="8">
        <v>1</v>
      </c>
      <c r="H23110" s="8">
        <v>1</v>
      </c>
      <c r="I23110" s="8">
        <v>0</v>
      </c>
      <c r="J23110" s="8">
        <v>1</v>
      </c>
      <c r="K23110" s="9">
        <v>40</v>
      </c>
      <c r="L23110" s="6" t="s">
        <v>4151</v>
      </c>
    </row>
    <row r="23111" spans="1:12">
      <c r="A23111" s="6" t="s">
        <v>4151</v>
      </c>
      <c r="B23111" s="6"/>
      <c r="C23111" s="6" t="s">
        <v>23147</v>
      </c>
      <c r="D23111" s="6"/>
      <c r="E23111" s="6" t="s">
        <v>9</v>
      </c>
      <c r="F23111" s="7">
        <v>38657</v>
      </c>
      <c r="G23111" s="8">
        <v>1</v>
      </c>
      <c r="H23111" s="8">
        <v>1</v>
      </c>
      <c r="I23111" s="8">
        <v>0</v>
      </c>
      <c r="J23111" s="8">
        <v>1</v>
      </c>
      <c r="K23111" s="9">
        <v>40</v>
      </c>
      <c r="L23111" s="6" t="s">
        <v>4151</v>
      </c>
    </row>
    <row r="23112" spans="1:12">
      <c r="A23112" s="6" t="s">
        <v>4151</v>
      </c>
      <c r="B23112" s="6"/>
      <c r="C23112" s="6" t="s">
        <v>23148</v>
      </c>
      <c r="D23112" s="6"/>
      <c r="E23112" s="6" t="s">
        <v>9</v>
      </c>
      <c r="F23112" s="7">
        <v>38657</v>
      </c>
      <c r="G23112" s="8">
        <v>1</v>
      </c>
      <c r="H23112" s="8">
        <v>1</v>
      </c>
      <c r="I23112" s="8">
        <v>0</v>
      </c>
      <c r="J23112" s="8">
        <v>1</v>
      </c>
      <c r="K23112" s="9">
        <v>38</v>
      </c>
      <c r="L23112" s="6" t="s">
        <v>4151</v>
      </c>
    </row>
    <row r="23113" spans="1:12">
      <c r="A23113" s="6" t="s">
        <v>4151</v>
      </c>
      <c r="B23113" s="6"/>
      <c r="C23113" s="6" t="s">
        <v>23149</v>
      </c>
      <c r="D23113" s="6"/>
      <c r="E23113" s="6" t="s">
        <v>9</v>
      </c>
      <c r="F23113" s="7">
        <v>38657</v>
      </c>
      <c r="G23113" s="8">
        <v>1</v>
      </c>
      <c r="H23113" s="8">
        <v>1</v>
      </c>
      <c r="I23113" s="8">
        <v>0</v>
      </c>
      <c r="J23113" s="8">
        <v>1</v>
      </c>
      <c r="K23113" s="9">
        <v>39</v>
      </c>
      <c r="L23113" s="6" t="s">
        <v>4151</v>
      </c>
    </row>
    <row r="23114" spans="1:12">
      <c r="A23114" s="6" t="s">
        <v>4151</v>
      </c>
      <c r="B23114" s="6"/>
      <c r="C23114" s="6" t="s">
        <v>23150</v>
      </c>
      <c r="D23114" s="6"/>
      <c r="E23114" s="6" t="s">
        <v>9</v>
      </c>
      <c r="F23114" s="7">
        <v>38657</v>
      </c>
      <c r="G23114" s="8">
        <v>1</v>
      </c>
      <c r="H23114" s="8">
        <v>1</v>
      </c>
      <c r="I23114" s="8">
        <v>0</v>
      </c>
      <c r="J23114" s="8">
        <v>1</v>
      </c>
      <c r="K23114" s="9">
        <v>2.34</v>
      </c>
      <c r="L23114" s="6" t="s">
        <v>4151</v>
      </c>
    </row>
    <row r="23115" spans="1:12">
      <c r="A23115" s="6" t="s">
        <v>4151</v>
      </c>
      <c r="B23115" s="6"/>
      <c r="C23115" s="6" t="s">
        <v>23151</v>
      </c>
      <c r="D23115" s="6"/>
      <c r="E23115" s="6" t="s">
        <v>9</v>
      </c>
      <c r="F23115" s="7">
        <v>38657</v>
      </c>
      <c r="G23115" s="8">
        <v>1</v>
      </c>
      <c r="H23115" s="8">
        <v>1</v>
      </c>
      <c r="I23115" s="8">
        <v>0</v>
      </c>
      <c r="J23115" s="8">
        <v>1</v>
      </c>
      <c r="K23115" s="9">
        <v>35</v>
      </c>
      <c r="L23115" s="6" t="s">
        <v>4151</v>
      </c>
    </row>
    <row r="23116" spans="1:12">
      <c r="A23116" s="6" t="s">
        <v>4151</v>
      </c>
      <c r="B23116" s="6"/>
      <c r="C23116" s="6" t="s">
        <v>23152</v>
      </c>
      <c r="D23116" s="6"/>
      <c r="E23116" s="6" t="s">
        <v>9</v>
      </c>
      <c r="F23116" s="7">
        <v>38657</v>
      </c>
      <c r="G23116" s="8">
        <v>1</v>
      </c>
      <c r="H23116" s="8">
        <v>1</v>
      </c>
      <c r="I23116" s="8">
        <v>0</v>
      </c>
      <c r="J23116" s="8">
        <v>1</v>
      </c>
      <c r="K23116" s="9">
        <v>40</v>
      </c>
      <c r="L23116" s="6" t="s">
        <v>4151</v>
      </c>
    </row>
    <row r="23117" spans="1:12">
      <c r="A23117" s="6" t="s">
        <v>4151</v>
      </c>
      <c r="B23117" s="6"/>
      <c r="C23117" s="6" t="s">
        <v>23153</v>
      </c>
      <c r="D23117" s="6"/>
      <c r="E23117" s="6" t="s">
        <v>9</v>
      </c>
      <c r="F23117" s="7">
        <v>38657</v>
      </c>
      <c r="G23117" s="8">
        <v>1</v>
      </c>
      <c r="H23117" s="8">
        <v>1</v>
      </c>
      <c r="I23117" s="8">
        <v>0</v>
      </c>
      <c r="J23117" s="8">
        <v>1</v>
      </c>
      <c r="K23117" s="9">
        <v>40</v>
      </c>
      <c r="L23117" s="6" t="s">
        <v>4151</v>
      </c>
    </row>
    <row r="23118" spans="1:12">
      <c r="A23118" s="6" t="s">
        <v>4151</v>
      </c>
      <c r="B23118" s="6"/>
      <c r="C23118" s="6" t="s">
        <v>23154</v>
      </c>
      <c r="D23118" s="6"/>
      <c r="E23118" s="6" t="s">
        <v>9</v>
      </c>
      <c r="F23118" s="7">
        <v>38657</v>
      </c>
      <c r="G23118" s="8">
        <v>1</v>
      </c>
      <c r="H23118" s="8">
        <v>1</v>
      </c>
      <c r="I23118" s="8">
        <v>0</v>
      </c>
      <c r="J23118" s="8">
        <v>1</v>
      </c>
      <c r="K23118" s="9">
        <v>40</v>
      </c>
      <c r="L23118" s="6" t="s">
        <v>4151</v>
      </c>
    </row>
    <row r="23119" spans="1:12">
      <c r="A23119" s="6" t="s">
        <v>4151</v>
      </c>
      <c r="B23119" s="6"/>
      <c r="C23119" s="6" t="s">
        <v>23155</v>
      </c>
      <c r="D23119" s="6"/>
      <c r="E23119" s="6" t="s">
        <v>9</v>
      </c>
      <c r="F23119" s="7">
        <v>38657</v>
      </c>
      <c r="G23119" s="8">
        <v>1</v>
      </c>
      <c r="H23119" s="8">
        <v>1</v>
      </c>
      <c r="I23119" s="8">
        <v>0</v>
      </c>
      <c r="J23119" s="8">
        <v>1</v>
      </c>
      <c r="K23119" s="9">
        <v>40</v>
      </c>
      <c r="L23119" s="6" t="s">
        <v>4151</v>
      </c>
    </row>
    <row r="23120" spans="1:12">
      <c r="A23120" s="6" t="s">
        <v>4151</v>
      </c>
      <c r="B23120" s="6"/>
      <c r="C23120" s="6" t="s">
        <v>23156</v>
      </c>
      <c r="D23120" s="6"/>
      <c r="E23120" s="6" t="s">
        <v>9</v>
      </c>
      <c r="F23120" s="7">
        <v>38657</v>
      </c>
      <c r="G23120" s="8">
        <v>1</v>
      </c>
      <c r="H23120" s="8">
        <v>1</v>
      </c>
      <c r="I23120" s="8">
        <v>0</v>
      </c>
      <c r="J23120" s="8">
        <v>1</v>
      </c>
      <c r="K23120" s="9">
        <v>39</v>
      </c>
      <c r="L23120" s="6" t="s">
        <v>4151</v>
      </c>
    </row>
    <row r="23121" spans="1:12">
      <c r="A23121" s="6" t="s">
        <v>4151</v>
      </c>
      <c r="B23121" s="6"/>
      <c r="C23121" s="6" t="s">
        <v>23157</v>
      </c>
      <c r="D23121" s="6"/>
      <c r="E23121" s="6" t="s">
        <v>9</v>
      </c>
      <c r="F23121" s="7">
        <v>38657</v>
      </c>
      <c r="G23121" s="8">
        <v>1</v>
      </c>
      <c r="H23121" s="8">
        <v>1</v>
      </c>
      <c r="I23121" s="8">
        <v>0</v>
      </c>
      <c r="J23121" s="8">
        <v>1</v>
      </c>
      <c r="K23121" s="9">
        <v>40</v>
      </c>
      <c r="L23121" s="6" t="s">
        <v>4151</v>
      </c>
    </row>
    <row r="23122" spans="1:12">
      <c r="A23122" s="6" t="s">
        <v>4151</v>
      </c>
      <c r="B23122" s="6"/>
      <c r="C23122" s="6" t="s">
        <v>23158</v>
      </c>
      <c r="D23122" s="6"/>
      <c r="E23122" s="6" t="s">
        <v>9</v>
      </c>
      <c r="F23122" s="7">
        <v>38657</v>
      </c>
      <c r="G23122" s="8">
        <v>1</v>
      </c>
      <c r="H23122" s="8">
        <v>1</v>
      </c>
      <c r="I23122" s="8">
        <v>0</v>
      </c>
      <c r="J23122" s="8">
        <v>1</v>
      </c>
      <c r="K23122" s="9">
        <v>34</v>
      </c>
      <c r="L23122" s="6" t="s">
        <v>4151</v>
      </c>
    </row>
    <row r="23123" spans="1:12">
      <c r="A23123" s="6" t="s">
        <v>4151</v>
      </c>
      <c r="B23123" s="6"/>
      <c r="C23123" s="6" t="s">
        <v>23159</v>
      </c>
      <c r="D23123" s="6"/>
      <c r="E23123" s="6" t="s">
        <v>9</v>
      </c>
      <c r="F23123" s="7">
        <v>38657</v>
      </c>
      <c r="G23123" s="8">
        <v>1</v>
      </c>
      <c r="H23123" s="8">
        <v>1</v>
      </c>
      <c r="I23123" s="8">
        <v>0</v>
      </c>
      <c r="J23123" s="8">
        <v>1</v>
      </c>
      <c r="K23123" s="9">
        <v>40</v>
      </c>
      <c r="L23123" s="6" t="s">
        <v>4151</v>
      </c>
    </row>
    <row r="23124" spans="1:12">
      <c r="A23124" s="6" t="s">
        <v>4151</v>
      </c>
      <c r="B23124" s="6"/>
      <c r="C23124" s="6" t="s">
        <v>23160</v>
      </c>
      <c r="D23124" s="6"/>
      <c r="E23124" s="6" t="s">
        <v>9</v>
      </c>
      <c r="F23124" s="7">
        <v>38657</v>
      </c>
      <c r="G23124" s="8">
        <v>1</v>
      </c>
      <c r="H23124" s="8">
        <v>1</v>
      </c>
      <c r="I23124" s="8">
        <v>0</v>
      </c>
      <c r="J23124" s="8">
        <v>1</v>
      </c>
      <c r="K23124" s="9">
        <v>40</v>
      </c>
      <c r="L23124" s="6" t="s">
        <v>4151</v>
      </c>
    </row>
    <row r="23125" spans="1:12">
      <c r="A23125" s="6" t="s">
        <v>4151</v>
      </c>
      <c r="B23125" s="6"/>
      <c r="C23125" s="6" t="s">
        <v>23161</v>
      </c>
      <c r="D23125" s="6"/>
      <c r="E23125" s="6" t="s">
        <v>9</v>
      </c>
      <c r="F23125" s="7">
        <v>38657</v>
      </c>
      <c r="G23125" s="8">
        <v>1</v>
      </c>
      <c r="H23125" s="8">
        <v>1</v>
      </c>
      <c r="I23125" s="8">
        <v>0</v>
      </c>
      <c r="J23125" s="8">
        <v>1</v>
      </c>
      <c r="K23125" s="9">
        <v>40</v>
      </c>
      <c r="L23125" s="6" t="s">
        <v>4151</v>
      </c>
    </row>
    <row r="23126" spans="1:12">
      <c r="A23126" s="6" t="s">
        <v>4151</v>
      </c>
      <c r="B23126" s="6"/>
      <c r="C23126" s="6" t="s">
        <v>23162</v>
      </c>
      <c r="D23126" s="6"/>
      <c r="E23126" s="6" t="s">
        <v>9</v>
      </c>
      <c r="F23126" s="7">
        <v>38657</v>
      </c>
      <c r="G23126" s="8">
        <v>1</v>
      </c>
      <c r="H23126" s="8">
        <v>1</v>
      </c>
      <c r="I23126" s="8">
        <v>0</v>
      </c>
      <c r="J23126" s="8">
        <v>1</v>
      </c>
      <c r="K23126" s="9">
        <v>40</v>
      </c>
      <c r="L23126" s="6" t="s">
        <v>4151</v>
      </c>
    </row>
    <row r="23127" spans="1:12">
      <c r="A23127" s="6" t="s">
        <v>4151</v>
      </c>
      <c r="B23127" s="6"/>
      <c r="C23127" s="6" t="s">
        <v>23163</v>
      </c>
      <c r="D23127" s="6"/>
      <c r="E23127" s="6" t="s">
        <v>9</v>
      </c>
      <c r="F23127" s="7">
        <v>38657</v>
      </c>
      <c r="G23127" s="8">
        <v>1</v>
      </c>
      <c r="H23127" s="8">
        <v>1</v>
      </c>
      <c r="I23127" s="8">
        <v>0</v>
      </c>
      <c r="J23127" s="8">
        <v>1</v>
      </c>
      <c r="K23127" s="9">
        <v>40</v>
      </c>
      <c r="L23127" s="6" t="s">
        <v>4151</v>
      </c>
    </row>
    <row r="23128" spans="1:12">
      <c r="A23128" s="6" t="s">
        <v>4151</v>
      </c>
      <c r="B23128" s="6"/>
      <c r="C23128" s="6" t="s">
        <v>23164</v>
      </c>
      <c r="D23128" s="6"/>
      <c r="E23128" s="6" t="s">
        <v>9</v>
      </c>
      <c r="F23128" s="7">
        <v>38657</v>
      </c>
      <c r="G23128" s="8">
        <v>1</v>
      </c>
      <c r="H23128" s="8">
        <v>1</v>
      </c>
      <c r="I23128" s="8">
        <v>0</v>
      </c>
      <c r="J23128" s="8">
        <v>1</v>
      </c>
      <c r="K23128" s="9">
        <v>40</v>
      </c>
      <c r="L23128" s="6" t="s">
        <v>4151</v>
      </c>
    </row>
    <row r="23129" spans="1:12">
      <c r="A23129" s="6" t="s">
        <v>4151</v>
      </c>
      <c r="B23129" s="6"/>
      <c r="C23129" s="6" t="s">
        <v>23165</v>
      </c>
      <c r="D23129" s="6"/>
      <c r="E23129" s="6" t="s">
        <v>9</v>
      </c>
      <c r="F23129" s="7">
        <v>38657</v>
      </c>
      <c r="G23129" s="8">
        <v>1</v>
      </c>
      <c r="H23129" s="8">
        <v>1</v>
      </c>
      <c r="I23129" s="8">
        <v>0</v>
      </c>
      <c r="J23129" s="8">
        <v>1</v>
      </c>
      <c r="K23129" s="9">
        <v>13</v>
      </c>
      <c r="L23129" s="6" t="s">
        <v>4151</v>
      </c>
    </row>
    <row r="23130" spans="1:12">
      <c r="A23130" s="6" t="s">
        <v>4151</v>
      </c>
      <c r="B23130" s="6"/>
      <c r="C23130" s="6" t="s">
        <v>23166</v>
      </c>
      <c r="D23130" s="6"/>
      <c r="E23130" s="6" t="s">
        <v>9</v>
      </c>
      <c r="F23130" s="7">
        <v>38657</v>
      </c>
      <c r="G23130" s="8">
        <v>1</v>
      </c>
      <c r="H23130" s="8">
        <v>1</v>
      </c>
      <c r="I23130" s="8">
        <v>0</v>
      </c>
      <c r="J23130" s="8">
        <v>1</v>
      </c>
      <c r="K23130" s="9">
        <v>53</v>
      </c>
      <c r="L23130" s="6" t="s">
        <v>4151</v>
      </c>
    </row>
    <row r="23131" spans="1:12">
      <c r="A23131" s="6" t="s">
        <v>4151</v>
      </c>
      <c r="B23131" s="6"/>
      <c r="C23131" s="6" t="s">
        <v>23167</v>
      </c>
      <c r="D23131" s="6"/>
      <c r="E23131" s="6" t="s">
        <v>9</v>
      </c>
      <c r="F23131" s="7">
        <v>38657</v>
      </c>
      <c r="G23131" s="8">
        <v>1</v>
      </c>
      <c r="H23131" s="8">
        <v>1</v>
      </c>
      <c r="I23131" s="8">
        <v>0</v>
      </c>
      <c r="J23131" s="8">
        <v>1</v>
      </c>
      <c r="K23131" s="9">
        <v>78</v>
      </c>
      <c r="L23131" s="6" t="s">
        <v>4151</v>
      </c>
    </row>
    <row r="23132" spans="1:12">
      <c r="A23132" s="6" t="s">
        <v>4151</v>
      </c>
      <c r="B23132" s="6"/>
      <c r="C23132" s="6" t="s">
        <v>23168</v>
      </c>
      <c r="D23132" s="6"/>
      <c r="E23132" s="6" t="s">
        <v>9</v>
      </c>
      <c r="F23132" s="7">
        <v>38657</v>
      </c>
      <c r="G23132" s="8">
        <v>1</v>
      </c>
      <c r="H23132" s="8">
        <v>1</v>
      </c>
      <c r="I23132" s="8">
        <v>0</v>
      </c>
      <c r="J23132" s="8">
        <v>1</v>
      </c>
      <c r="K23132" s="9">
        <v>32</v>
      </c>
      <c r="L23132" s="6" t="s">
        <v>4151</v>
      </c>
    </row>
    <row r="23133" spans="1:12">
      <c r="A23133" s="6" t="s">
        <v>4151</v>
      </c>
      <c r="B23133" s="6"/>
      <c r="C23133" s="6" t="s">
        <v>23169</v>
      </c>
      <c r="D23133" s="6"/>
      <c r="E23133" s="6" t="s">
        <v>9</v>
      </c>
      <c r="F23133" s="7">
        <v>38657</v>
      </c>
      <c r="G23133" s="8">
        <v>1</v>
      </c>
      <c r="H23133" s="8">
        <v>1</v>
      </c>
      <c r="I23133" s="8">
        <v>0</v>
      </c>
      <c r="J23133" s="8">
        <v>1</v>
      </c>
      <c r="K23133" s="9">
        <v>29</v>
      </c>
      <c r="L23133" s="6" t="s">
        <v>4151</v>
      </c>
    </row>
    <row r="23134" spans="1:12">
      <c r="A23134" s="6" t="s">
        <v>4151</v>
      </c>
      <c r="B23134" s="6"/>
      <c r="C23134" s="6" t="s">
        <v>23170</v>
      </c>
      <c r="D23134" s="6"/>
      <c r="E23134" s="6" t="s">
        <v>9</v>
      </c>
      <c r="F23134" s="7">
        <v>38657</v>
      </c>
      <c r="G23134" s="8">
        <v>1</v>
      </c>
      <c r="H23134" s="8">
        <v>1</v>
      </c>
      <c r="I23134" s="8">
        <v>0</v>
      </c>
      <c r="J23134" s="8">
        <v>1</v>
      </c>
      <c r="K23134" s="9">
        <v>25</v>
      </c>
      <c r="L23134" s="6" t="s">
        <v>4151</v>
      </c>
    </row>
    <row r="23135" spans="1:12">
      <c r="A23135" s="6" t="s">
        <v>4151</v>
      </c>
      <c r="B23135" s="6"/>
      <c r="C23135" s="6" t="s">
        <v>23171</v>
      </c>
      <c r="D23135" s="6"/>
      <c r="E23135" s="6" t="s">
        <v>9</v>
      </c>
      <c r="F23135" s="7">
        <v>38657</v>
      </c>
      <c r="G23135" s="8">
        <v>1</v>
      </c>
      <c r="H23135" s="8">
        <v>1</v>
      </c>
      <c r="I23135" s="8">
        <v>0</v>
      </c>
      <c r="J23135" s="8">
        <v>1</v>
      </c>
      <c r="K23135" s="9">
        <v>2.88</v>
      </c>
      <c r="L23135" s="6" t="s">
        <v>4151</v>
      </c>
    </row>
    <row r="23136" spans="1:12">
      <c r="A23136" s="6" t="s">
        <v>4151</v>
      </c>
      <c r="B23136" s="6"/>
      <c r="C23136" s="6" t="s">
        <v>23172</v>
      </c>
      <c r="D23136" s="6"/>
      <c r="E23136" s="6" t="s">
        <v>9</v>
      </c>
      <c r="F23136" s="7">
        <v>38657</v>
      </c>
      <c r="G23136" s="8">
        <v>1</v>
      </c>
      <c r="H23136" s="8">
        <v>1</v>
      </c>
      <c r="I23136" s="8">
        <v>0</v>
      </c>
      <c r="J23136" s="8">
        <v>1</v>
      </c>
      <c r="K23136" s="9">
        <v>28</v>
      </c>
      <c r="L23136" s="6" t="s">
        <v>4151</v>
      </c>
    </row>
    <row r="23137" spans="1:12">
      <c r="A23137" s="6" t="s">
        <v>4151</v>
      </c>
      <c r="B23137" s="6"/>
      <c r="C23137" s="6" t="s">
        <v>23173</v>
      </c>
      <c r="D23137" s="6"/>
      <c r="E23137" s="6" t="s">
        <v>9</v>
      </c>
      <c r="F23137" s="7">
        <v>38657</v>
      </c>
      <c r="G23137" s="8">
        <v>1</v>
      </c>
      <c r="H23137" s="8">
        <v>1</v>
      </c>
      <c r="I23137" s="8">
        <v>0</v>
      </c>
      <c r="J23137" s="8">
        <v>1</v>
      </c>
      <c r="K23137" s="9">
        <v>26</v>
      </c>
      <c r="L23137" s="6" t="s">
        <v>4151</v>
      </c>
    </row>
    <row r="23138" spans="1:12">
      <c r="A23138" s="6" t="s">
        <v>4151</v>
      </c>
      <c r="B23138" s="6"/>
      <c r="C23138" s="6" t="s">
        <v>23174</v>
      </c>
      <c r="D23138" s="6"/>
      <c r="E23138" s="6" t="s">
        <v>9</v>
      </c>
      <c r="F23138" s="7">
        <v>38657</v>
      </c>
      <c r="G23138" s="8">
        <v>1</v>
      </c>
      <c r="H23138" s="8">
        <v>1</v>
      </c>
      <c r="I23138" s="8">
        <v>0</v>
      </c>
      <c r="J23138" s="8">
        <v>1</v>
      </c>
      <c r="K23138" s="9">
        <v>25</v>
      </c>
      <c r="L23138" s="6" t="s">
        <v>4151</v>
      </c>
    </row>
    <row r="23139" spans="1:12">
      <c r="A23139" s="6" t="s">
        <v>4151</v>
      </c>
      <c r="B23139" s="6"/>
      <c r="C23139" s="6" t="s">
        <v>23175</v>
      </c>
      <c r="D23139" s="6"/>
      <c r="E23139" s="6" t="s">
        <v>9</v>
      </c>
      <c r="F23139" s="7">
        <v>38657</v>
      </c>
      <c r="G23139" s="8">
        <v>1</v>
      </c>
      <c r="H23139" s="8">
        <v>1</v>
      </c>
      <c r="I23139" s="8">
        <v>0</v>
      </c>
      <c r="J23139" s="8">
        <v>1</v>
      </c>
      <c r="K23139" s="9">
        <v>10</v>
      </c>
      <c r="L23139" s="6" t="s">
        <v>4151</v>
      </c>
    </row>
    <row r="23140" spans="1:12">
      <c r="A23140" s="6" t="s">
        <v>4151</v>
      </c>
      <c r="B23140" s="6"/>
      <c r="C23140" s="6" t="s">
        <v>23176</v>
      </c>
      <c r="D23140" s="6"/>
      <c r="E23140" s="6" t="s">
        <v>9</v>
      </c>
      <c r="F23140" s="7">
        <v>38657</v>
      </c>
      <c r="G23140" s="8">
        <v>1</v>
      </c>
      <c r="H23140" s="8">
        <v>1</v>
      </c>
      <c r="I23140" s="8">
        <v>0</v>
      </c>
      <c r="J23140" s="8">
        <v>1</v>
      </c>
      <c r="K23140" s="9">
        <v>53</v>
      </c>
      <c r="L23140" s="6" t="s">
        <v>4151</v>
      </c>
    </row>
    <row r="23141" spans="1:12">
      <c r="A23141" s="6" t="s">
        <v>4151</v>
      </c>
      <c r="B23141" s="6"/>
      <c r="C23141" s="6" t="s">
        <v>23177</v>
      </c>
      <c r="D23141" s="6"/>
      <c r="E23141" s="6" t="s">
        <v>9</v>
      </c>
      <c r="F23141" s="7">
        <v>38657</v>
      </c>
      <c r="G23141" s="8">
        <v>1</v>
      </c>
      <c r="H23141" s="8">
        <v>1</v>
      </c>
      <c r="I23141" s="8">
        <v>0</v>
      </c>
      <c r="J23141" s="8">
        <v>1</v>
      </c>
      <c r="K23141" s="9">
        <v>42</v>
      </c>
      <c r="L23141" s="6" t="s">
        <v>4151</v>
      </c>
    </row>
    <row r="23142" spans="1:12">
      <c r="A23142" s="6" t="s">
        <v>4151</v>
      </c>
      <c r="B23142" s="6"/>
      <c r="C23142" s="6" t="s">
        <v>23178</v>
      </c>
      <c r="D23142" s="6"/>
      <c r="E23142" s="6" t="s">
        <v>9</v>
      </c>
      <c r="F23142" s="7">
        <v>38657</v>
      </c>
      <c r="G23142" s="8">
        <v>1</v>
      </c>
      <c r="H23142" s="8">
        <v>1</v>
      </c>
      <c r="I23142" s="8">
        <v>0</v>
      </c>
      <c r="J23142" s="8">
        <v>1</v>
      </c>
      <c r="K23142" s="9">
        <v>96</v>
      </c>
      <c r="L23142" s="6" t="s">
        <v>4151</v>
      </c>
    </row>
    <row r="23143" spans="1:12">
      <c r="A23143" s="6" t="s">
        <v>4151</v>
      </c>
      <c r="B23143" s="6"/>
      <c r="C23143" s="6" t="s">
        <v>23179</v>
      </c>
      <c r="D23143" s="6"/>
      <c r="E23143" s="6" t="s">
        <v>9</v>
      </c>
      <c r="F23143" s="7">
        <v>38657</v>
      </c>
      <c r="G23143" s="8">
        <v>1</v>
      </c>
      <c r="H23143" s="8">
        <v>1</v>
      </c>
      <c r="I23143" s="8">
        <v>0</v>
      </c>
      <c r="J23143" s="8">
        <v>1</v>
      </c>
      <c r="K23143" s="9">
        <v>26.73</v>
      </c>
      <c r="L23143" s="6" t="s">
        <v>4151</v>
      </c>
    </row>
    <row r="23144" spans="1:12">
      <c r="A23144" s="6" t="s">
        <v>4151</v>
      </c>
      <c r="B23144" s="6"/>
      <c r="C23144" s="6" t="s">
        <v>23180</v>
      </c>
      <c r="D23144" s="6"/>
      <c r="E23144" s="6" t="s">
        <v>9</v>
      </c>
      <c r="F23144" s="7">
        <v>38657</v>
      </c>
      <c r="G23144" s="8">
        <v>1</v>
      </c>
      <c r="H23144" s="8">
        <v>1</v>
      </c>
      <c r="I23144" s="8">
        <v>0</v>
      </c>
      <c r="J23144" s="8">
        <v>1</v>
      </c>
      <c r="K23144" s="9">
        <v>22</v>
      </c>
      <c r="L23144" s="6" t="s">
        <v>4151</v>
      </c>
    </row>
    <row r="23145" spans="1:12">
      <c r="A23145" s="6" t="s">
        <v>4151</v>
      </c>
      <c r="B23145" s="6"/>
      <c r="C23145" s="6" t="s">
        <v>23181</v>
      </c>
      <c r="D23145" s="6"/>
      <c r="E23145" s="6" t="s">
        <v>9</v>
      </c>
      <c r="F23145" s="7">
        <v>38657</v>
      </c>
      <c r="G23145" s="8">
        <v>1</v>
      </c>
      <c r="H23145" s="8">
        <v>1</v>
      </c>
      <c r="I23145" s="8">
        <v>0</v>
      </c>
      <c r="J23145" s="8">
        <v>1</v>
      </c>
      <c r="K23145" s="9">
        <v>47</v>
      </c>
      <c r="L23145" s="6" t="s">
        <v>4151</v>
      </c>
    </row>
    <row r="23146" spans="1:12">
      <c r="A23146" s="6" t="s">
        <v>4151</v>
      </c>
      <c r="B23146" s="6"/>
      <c r="C23146" s="6" t="s">
        <v>23182</v>
      </c>
      <c r="D23146" s="6"/>
      <c r="E23146" s="6" t="s">
        <v>9</v>
      </c>
      <c r="F23146" s="7">
        <v>38657</v>
      </c>
      <c r="G23146" s="8">
        <v>1</v>
      </c>
      <c r="H23146" s="8">
        <v>1</v>
      </c>
      <c r="I23146" s="8">
        <v>0</v>
      </c>
      <c r="J23146" s="8">
        <v>1</v>
      </c>
      <c r="K23146" s="9">
        <v>60</v>
      </c>
      <c r="L23146" s="6" t="s">
        <v>4151</v>
      </c>
    </row>
    <row r="23147" spans="1:12">
      <c r="A23147" s="6" t="s">
        <v>4151</v>
      </c>
      <c r="B23147" s="6"/>
      <c r="C23147" s="6" t="s">
        <v>23183</v>
      </c>
      <c r="D23147" s="6"/>
      <c r="E23147" s="6" t="s">
        <v>9</v>
      </c>
      <c r="F23147" s="7">
        <v>38657</v>
      </c>
      <c r="G23147" s="8">
        <v>1</v>
      </c>
      <c r="H23147" s="8">
        <v>1</v>
      </c>
      <c r="I23147" s="8">
        <v>0</v>
      </c>
      <c r="J23147" s="8">
        <v>1</v>
      </c>
      <c r="K23147" s="9">
        <v>58</v>
      </c>
      <c r="L23147" s="6" t="s">
        <v>4151</v>
      </c>
    </row>
    <row r="23148" spans="1:12">
      <c r="A23148" s="6" t="s">
        <v>4151</v>
      </c>
      <c r="B23148" s="6"/>
      <c r="C23148" s="6" t="s">
        <v>23184</v>
      </c>
      <c r="D23148" s="6"/>
      <c r="E23148" s="6" t="s">
        <v>9</v>
      </c>
      <c r="F23148" s="7">
        <v>38657</v>
      </c>
      <c r="G23148" s="8">
        <v>1</v>
      </c>
      <c r="H23148" s="8">
        <v>1</v>
      </c>
      <c r="I23148" s="8">
        <v>0</v>
      </c>
      <c r="J23148" s="8">
        <v>1</v>
      </c>
      <c r="K23148" s="9">
        <v>56</v>
      </c>
      <c r="L23148" s="6" t="s">
        <v>4151</v>
      </c>
    </row>
    <row r="23149" spans="1:12">
      <c r="A23149" s="6" t="s">
        <v>4151</v>
      </c>
      <c r="B23149" s="6"/>
      <c r="C23149" s="6" t="s">
        <v>23185</v>
      </c>
      <c r="D23149" s="6"/>
      <c r="E23149" s="6" t="s">
        <v>9</v>
      </c>
      <c r="F23149" s="7">
        <v>38657</v>
      </c>
      <c r="G23149" s="8">
        <v>1</v>
      </c>
      <c r="H23149" s="8">
        <v>1</v>
      </c>
      <c r="I23149" s="8">
        <v>0</v>
      </c>
      <c r="J23149" s="8">
        <v>1</v>
      </c>
      <c r="K23149" s="9">
        <v>54</v>
      </c>
      <c r="L23149" s="6" t="s">
        <v>4151</v>
      </c>
    </row>
    <row r="23150" spans="1:12">
      <c r="A23150" s="6" t="s">
        <v>4151</v>
      </c>
      <c r="B23150" s="6"/>
      <c r="C23150" s="6" t="s">
        <v>23186</v>
      </c>
      <c r="D23150" s="6"/>
      <c r="E23150" s="6" t="s">
        <v>9</v>
      </c>
      <c r="F23150" s="7">
        <v>38657</v>
      </c>
      <c r="G23150" s="8">
        <v>1</v>
      </c>
      <c r="H23150" s="8">
        <v>1</v>
      </c>
      <c r="I23150" s="8">
        <v>0</v>
      </c>
      <c r="J23150" s="8">
        <v>1</v>
      </c>
      <c r="K23150" s="9">
        <v>45</v>
      </c>
      <c r="L23150" s="6" t="s">
        <v>4151</v>
      </c>
    </row>
    <row r="23151" spans="1:12">
      <c r="A23151" s="6" t="s">
        <v>4151</v>
      </c>
      <c r="B23151" s="6"/>
      <c r="C23151" s="6" t="s">
        <v>23187</v>
      </c>
      <c r="D23151" s="6"/>
      <c r="E23151" s="6" t="s">
        <v>9</v>
      </c>
      <c r="F23151" s="7">
        <v>38657</v>
      </c>
      <c r="G23151" s="8">
        <v>1</v>
      </c>
      <c r="H23151" s="8">
        <v>1</v>
      </c>
      <c r="I23151" s="8">
        <v>0</v>
      </c>
      <c r="J23151" s="8">
        <v>1</v>
      </c>
      <c r="K23151" s="9">
        <v>19</v>
      </c>
      <c r="L23151" s="6" t="s">
        <v>4151</v>
      </c>
    </row>
    <row r="23152" spans="1:12">
      <c r="A23152" s="6" t="s">
        <v>4151</v>
      </c>
      <c r="B23152" s="6"/>
      <c r="C23152" s="6" t="s">
        <v>23188</v>
      </c>
      <c r="D23152" s="6"/>
      <c r="E23152" s="6" t="s">
        <v>9</v>
      </c>
      <c r="F23152" s="7">
        <v>38657</v>
      </c>
      <c r="G23152" s="8">
        <v>1</v>
      </c>
      <c r="H23152" s="8">
        <v>1</v>
      </c>
      <c r="I23152" s="8">
        <v>0</v>
      </c>
      <c r="J23152" s="8">
        <v>1</v>
      </c>
      <c r="K23152" s="9">
        <v>6.56</v>
      </c>
      <c r="L23152" s="6" t="s">
        <v>4151</v>
      </c>
    </row>
    <row r="23153" spans="1:12">
      <c r="A23153" s="6" t="s">
        <v>4151</v>
      </c>
      <c r="B23153" s="6"/>
      <c r="C23153" s="6" t="s">
        <v>23189</v>
      </c>
      <c r="D23153" s="6"/>
      <c r="E23153" s="6" t="s">
        <v>9</v>
      </c>
      <c r="F23153" s="7">
        <v>38657</v>
      </c>
      <c r="G23153" s="8">
        <v>1</v>
      </c>
      <c r="H23153" s="8">
        <v>1</v>
      </c>
      <c r="I23153" s="8">
        <v>0</v>
      </c>
      <c r="J23153" s="8">
        <v>1</v>
      </c>
      <c r="K23153" s="9">
        <v>71</v>
      </c>
      <c r="L23153" s="6" t="s">
        <v>4151</v>
      </c>
    </row>
    <row r="23154" spans="1:12">
      <c r="A23154" s="6" t="s">
        <v>4151</v>
      </c>
      <c r="B23154" s="6"/>
      <c r="C23154" s="6" t="s">
        <v>23190</v>
      </c>
      <c r="D23154" s="6"/>
      <c r="E23154" s="6" t="s">
        <v>9</v>
      </c>
      <c r="F23154" s="7">
        <v>38657</v>
      </c>
      <c r="G23154" s="8">
        <v>1</v>
      </c>
      <c r="H23154" s="8">
        <v>1</v>
      </c>
      <c r="I23154" s="8">
        <v>0</v>
      </c>
      <c r="J23154" s="8">
        <v>1</v>
      </c>
      <c r="K23154" s="9">
        <v>20</v>
      </c>
      <c r="L23154" s="6" t="s">
        <v>4151</v>
      </c>
    </row>
    <row r="23155" spans="1:12">
      <c r="A23155" s="6" t="s">
        <v>4151</v>
      </c>
      <c r="B23155" s="6"/>
      <c r="C23155" s="6" t="s">
        <v>23191</v>
      </c>
      <c r="D23155" s="6"/>
      <c r="E23155" s="6" t="s">
        <v>9</v>
      </c>
      <c r="F23155" s="7">
        <v>38657</v>
      </c>
      <c r="G23155" s="8">
        <v>1</v>
      </c>
      <c r="H23155" s="8">
        <v>1</v>
      </c>
      <c r="I23155" s="8">
        <v>0</v>
      </c>
      <c r="J23155" s="8">
        <v>1</v>
      </c>
      <c r="K23155" s="9">
        <v>15</v>
      </c>
      <c r="L23155" s="6" t="s">
        <v>4151</v>
      </c>
    </row>
    <row r="23156" spans="1:12">
      <c r="A23156" s="6" t="s">
        <v>4151</v>
      </c>
      <c r="B23156" s="6"/>
      <c r="C23156" s="6" t="s">
        <v>23192</v>
      </c>
      <c r="D23156" s="6"/>
      <c r="E23156" s="6" t="s">
        <v>9</v>
      </c>
      <c r="F23156" s="7">
        <v>38657</v>
      </c>
      <c r="G23156" s="8">
        <v>1</v>
      </c>
      <c r="H23156" s="8">
        <v>1</v>
      </c>
      <c r="I23156" s="8">
        <v>0</v>
      </c>
      <c r="J23156" s="8">
        <v>1</v>
      </c>
      <c r="K23156" s="9">
        <v>125</v>
      </c>
      <c r="L23156" s="6" t="s">
        <v>4151</v>
      </c>
    </row>
    <row r="23157" spans="1:12">
      <c r="A23157" s="6" t="s">
        <v>4151</v>
      </c>
      <c r="B23157" s="6"/>
      <c r="C23157" s="6" t="s">
        <v>23193</v>
      </c>
      <c r="D23157" s="6"/>
      <c r="E23157" s="6" t="s">
        <v>9</v>
      </c>
      <c r="F23157" s="7">
        <v>38657</v>
      </c>
      <c r="G23157" s="8">
        <v>1</v>
      </c>
      <c r="H23157" s="8">
        <v>1</v>
      </c>
      <c r="I23157" s="8">
        <v>0</v>
      </c>
      <c r="J23157" s="8">
        <v>1</v>
      </c>
      <c r="K23157" s="9">
        <v>31</v>
      </c>
      <c r="L23157" s="6" t="s">
        <v>4151</v>
      </c>
    </row>
    <row r="23158" spans="1:12">
      <c r="A23158" s="6" t="s">
        <v>4151</v>
      </c>
      <c r="B23158" s="6"/>
      <c r="C23158" s="6" t="s">
        <v>23194</v>
      </c>
      <c r="D23158" s="6"/>
      <c r="E23158" s="6" t="s">
        <v>9</v>
      </c>
      <c r="F23158" s="7">
        <v>38657</v>
      </c>
      <c r="G23158" s="8">
        <v>1</v>
      </c>
      <c r="H23158" s="8">
        <v>1</v>
      </c>
      <c r="I23158" s="8">
        <v>0</v>
      </c>
      <c r="J23158" s="8">
        <v>1</v>
      </c>
      <c r="K23158" s="9">
        <v>47</v>
      </c>
      <c r="L23158" s="6" t="s">
        <v>4151</v>
      </c>
    </row>
    <row r="23159" spans="1:12">
      <c r="A23159" s="6" t="s">
        <v>4151</v>
      </c>
      <c r="B23159" s="6"/>
      <c r="C23159" s="6" t="s">
        <v>23195</v>
      </c>
      <c r="D23159" s="6"/>
      <c r="E23159" s="6" t="s">
        <v>9</v>
      </c>
      <c r="F23159" s="7">
        <v>38657</v>
      </c>
      <c r="G23159" s="8">
        <v>1</v>
      </c>
      <c r="H23159" s="8">
        <v>1</v>
      </c>
      <c r="I23159" s="8">
        <v>0</v>
      </c>
      <c r="J23159" s="8">
        <v>1</v>
      </c>
      <c r="K23159" s="9">
        <v>52</v>
      </c>
      <c r="L23159" s="6" t="s">
        <v>4151</v>
      </c>
    </row>
    <row r="23160" spans="1:12">
      <c r="A23160" s="6" t="s">
        <v>4151</v>
      </c>
      <c r="B23160" s="6"/>
      <c r="C23160" s="6" t="s">
        <v>23196</v>
      </c>
      <c r="D23160" s="6"/>
      <c r="E23160" s="6" t="s">
        <v>9</v>
      </c>
      <c r="F23160" s="7">
        <v>38657</v>
      </c>
      <c r="G23160" s="8">
        <v>1</v>
      </c>
      <c r="H23160" s="8">
        <v>1</v>
      </c>
      <c r="I23160" s="8">
        <v>0</v>
      </c>
      <c r="J23160" s="8">
        <v>1</v>
      </c>
      <c r="K23160" s="9">
        <v>52</v>
      </c>
      <c r="L23160" s="6" t="s">
        <v>4151</v>
      </c>
    </row>
    <row r="23161" spans="1:12">
      <c r="A23161" s="6" t="s">
        <v>4151</v>
      </c>
      <c r="B23161" s="6"/>
      <c r="C23161" s="6" t="s">
        <v>23197</v>
      </c>
      <c r="D23161" s="6"/>
      <c r="E23161" s="6" t="s">
        <v>9</v>
      </c>
      <c r="F23161" s="7">
        <v>38657</v>
      </c>
      <c r="G23161" s="8">
        <v>1</v>
      </c>
      <c r="H23161" s="8">
        <v>1</v>
      </c>
      <c r="I23161" s="8">
        <v>0</v>
      </c>
      <c r="J23161" s="8">
        <v>1</v>
      </c>
      <c r="K23161" s="9">
        <v>52.84</v>
      </c>
      <c r="L23161" s="6" t="s">
        <v>4151</v>
      </c>
    </row>
    <row r="23162" spans="1:12">
      <c r="A23162" s="6" t="s">
        <v>4151</v>
      </c>
      <c r="B23162" s="6"/>
      <c r="C23162" s="6" t="s">
        <v>23198</v>
      </c>
      <c r="D23162" s="6"/>
      <c r="E23162" s="6" t="s">
        <v>9</v>
      </c>
      <c r="F23162" s="7">
        <v>38657</v>
      </c>
      <c r="G23162" s="8">
        <v>1</v>
      </c>
      <c r="H23162" s="8">
        <v>1</v>
      </c>
      <c r="I23162" s="8">
        <v>0</v>
      </c>
      <c r="J23162" s="8">
        <v>1</v>
      </c>
      <c r="K23162" s="9">
        <v>13</v>
      </c>
      <c r="L23162" s="6" t="s">
        <v>4151</v>
      </c>
    </row>
    <row r="23163" spans="1:12">
      <c r="A23163" s="6" t="s">
        <v>4151</v>
      </c>
      <c r="B23163" s="6"/>
      <c r="C23163" s="6" t="s">
        <v>23199</v>
      </c>
      <c r="D23163" s="6"/>
      <c r="E23163" s="6" t="s">
        <v>9</v>
      </c>
      <c r="F23163" s="7">
        <v>38657</v>
      </c>
      <c r="G23163" s="8">
        <v>1</v>
      </c>
      <c r="H23163" s="8">
        <v>1</v>
      </c>
      <c r="I23163" s="8">
        <v>0</v>
      </c>
      <c r="J23163" s="8">
        <v>1</v>
      </c>
      <c r="K23163" s="9">
        <v>17</v>
      </c>
      <c r="L23163" s="6" t="s">
        <v>4151</v>
      </c>
    </row>
    <row r="23164" spans="1:12">
      <c r="A23164" s="6" t="s">
        <v>4151</v>
      </c>
      <c r="B23164" s="6"/>
      <c r="C23164" s="6" t="s">
        <v>23200</v>
      </c>
      <c r="D23164" s="6"/>
      <c r="E23164" s="6" t="s">
        <v>9</v>
      </c>
      <c r="F23164" s="7">
        <v>38657</v>
      </c>
      <c r="G23164" s="8">
        <v>1</v>
      </c>
      <c r="H23164" s="8">
        <v>1</v>
      </c>
      <c r="I23164" s="8">
        <v>0</v>
      </c>
      <c r="J23164" s="8">
        <v>1</v>
      </c>
      <c r="K23164" s="9">
        <v>49</v>
      </c>
      <c r="L23164" s="6" t="s">
        <v>4151</v>
      </c>
    </row>
    <row r="23165" spans="1:12">
      <c r="A23165" s="6" t="s">
        <v>4151</v>
      </c>
      <c r="B23165" s="6"/>
      <c r="C23165" s="6" t="s">
        <v>23201</v>
      </c>
      <c r="D23165" s="6"/>
      <c r="E23165" s="6" t="s">
        <v>9</v>
      </c>
      <c r="F23165" s="7">
        <v>38657</v>
      </c>
      <c r="G23165" s="8">
        <v>1</v>
      </c>
      <c r="H23165" s="8">
        <v>1</v>
      </c>
      <c r="I23165" s="8">
        <v>0</v>
      </c>
      <c r="J23165" s="8">
        <v>1</v>
      </c>
      <c r="K23165" s="9">
        <v>16</v>
      </c>
      <c r="L23165" s="6" t="s">
        <v>4151</v>
      </c>
    </row>
    <row r="23166" spans="1:12">
      <c r="A23166" s="6" t="s">
        <v>4151</v>
      </c>
      <c r="B23166" s="6"/>
      <c r="C23166" s="6" t="s">
        <v>23202</v>
      </c>
      <c r="D23166" s="6"/>
      <c r="E23166" s="6" t="s">
        <v>9</v>
      </c>
      <c r="F23166" s="7">
        <v>38657</v>
      </c>
      <c r="G23166" s="8">
        <v>1</v>
      </c>
      <c r="H23166" s="8">
        <v>1</v>
      </c>
      <c r="I23166" s="8">
        <v>0</v>
      </c>
      <c r="J23166" s="8">
        <v>1</v>
      </c>
      <c r="K23166" s="9">
        <v>5.43</v>
      </c>
      <c r="L23166" s="6" t="s">
        <v>4151</v>
      </c>
    </row>
    <row r="23167" spans="1:12">
      <c r="A23167" s="6" t="s">
        <v>4151</v>
      </c>
      <c r="B23167" s="6"/>
      <c r="C23167" s="6" t="s">
        <v>23203</v>
      </c>
      <c r="D23167" s="6"/>
      <c r="E23167" s="6" t="s">
        <v>9</v>
      </c>
      <c r="F23167" s="7">
        <v>38657</v>
      </c>
      <c r="G23167" s="8">
        <v>1</v>
      </c>
      <c r="H23167" s="8">
        <v>1</v>
      </c>
      <c r="I23167" s="8">
        <v>0</v>
      </c>
      <c r="J23167" s="8">
        <v>1</v>
      </c>
      <c r="K23167" s="9">
        <v>16.45</v>
      </c>
      <c r="L23167" s="6" t="s">
        <v>4151</v>
      </c>
    </row>
    <row r="23168" spans="1:12">
      <c r="A23168" s="6" t="s">
        <v>4151</v>
      </c>
      <c r="B23168" s="6"/>
      <c r="C23168" s="6" t="s">
        <v>23204</v>
      </c>
      <c r="D23168" s="6"/>
      <c r="E23168" s="6" t="s">
        <v>9</v>
      </c>
      <c r="F23168" s="7">
        <v>38657</v>
      </c>
      <c r="G23168" s="8">
        <v>1</v>
      </c>
      <c r="H23168" s="8">
        <v>1</v>
      </c>
      <c r="I23168" s="8">
        <v>0</v>
      </c>
      <c r="J23168" s="8">
        <v>1</v>
      </c>
      <c r="K23168" s="9">
        <v>9.0500000000000007</v>
      </c>
      <c r="L23168" s="6" t="s">
        <v>4151</v>
      </c>
    </row>
    <row r="23169" spans="1:12">
      <c r="A23169" s="6" t="s">
        <v>4151</v>
      </c>
      <c r="B23169" s="6"/>
      <c r="C23169" s="6" t="s">
        <v>23205</v>
      </c>
      <c r="D23169" s="6"/>
      <c r="E23169" s="6" t="s">
        <v>9</v>
      </c>
      <c r="F23169" s="7">
        <v>38657</v>
      </c>
      <c r="G23169" s="8">
        <v>1</v>
      </c>
      <c r="H23169" s="8">
        <v>1</v>
      </c>
      <c r="I23169" s="8">
        <v>0</v>
      </c>
      <c r="J23169" s="8">
        <v>1</v>
      </c>
      <c r="K23169" s="9">
        <v>3.39</v>
      </c>
      <c r="L23169" s="6" t="s">
        <v>4151</v>
      </c>
    </row>
    <row r="23170" spans="1:12">
      <c r="A23170" s="6" t="s">
        <v>4151</v>
      </c>
      <c r="B23170" s="6"/>
      <c r="C23170" s="6" t="s">
        <v>23206</v>
      </c>
      <c r="D23170" s="6"/>
      <c r="E23170" s="6" t="s">
        <v>9</v>
      </c>
      <c r="F23170" s="7">
        <v>38657</v>
      </c>
      <c r="G23170" s="8">
        <v>1</v>
      </c>
      <c r="H23170" s="8">
        <v>1</v>
      </c>
      <c r="I23170" s="8">
        <v>0</v>
      </c>
      <c r="J23170" s="8">
        <v>1</v>
      </c>
      <c r="K23170" s="9">
        <v>22</v>
      </c>
      <c r="L23170" s="6" t="s">
        <v>4151</v>
      </c>
    </row>
    <row r="23171" spans="1:12">
      <c r="A23171" s="6" t="s">
        <v>4151</v>
      </c>
      <c r="B23171" s="6"/>
      <c r="C23171" s="6" t="s">
        <v>23207</v>
      </c>
      <c r="D23171" s="6"/>
      <c r="E23171" s="6" t="s">
        <v>9</v>
      </c>
      <c r="F23171" s="7">
        <v>38657</v>
      </c>
      <c r="G23171" s="8">
        <v>1</v>
      </c>
      <c r="H23171" s="8">
        <v>1</v>
      </c>
      <c r="I23171" s="8">
        <v>0</v>
      </c>
      <c r="J23171" s="8">
        <v>1</v>
      </c>
      <c r="K23171" s="9">
        <v>33</v>
      </c>
      <c r="L23171" s="6" t="s">
        <v>4151</v>
      </c>
    </row>
    <row r="23172" spans="1:12">
      <c r="A23172" s="6" t="s">
        <v>4151</v>
      </c>
      <c r="B23172" s="6"/>
      <c r="C23172" s="6" t="s">
        <v>23208</v>
      </c>
      <c r="D23172" s="6"/>
      <c r="E23172" s="6" t="s">
        <v>9</v>
      </c>
      <c r="F23172" s="7">
        <v>38657</v>
      </c>
      <c r="G23172" s="8">
        <v>1</v>
      </c>
      <c r="H23172" s="8">
        <v>1</v>
      </c>
      <c r="I23172" s="8">
        <v>0</v>
      </c>
      <c r="J23172" s="8">
        <v>1</v>
      </c>
      <c r="K23172" s="9">
        <v>33</v>
      </c>
      <c r="L23172" s="6" t="s">
        <v>4151</v>
      </c>
    </row>
    <row r="23173" spans="1:12">
      <c r="A23173" s="6" t="s">
        <v>4151</v>
      </c>
      <c r="B23173" s="6"/>
      <c r="C23173" s="6" t="s">
        <v>23209</v>
      </c>
      <c r="D23173" s="6"/>
      <c r="E23173" s="6" t="s">
        <v>9</v>
      </c>
      <c r="F23173" s="7">
        <v>38657</v>
      </c>
      <c r="G23173" s="8">
        <v>1</v>
      </c>
      <c r="H23173" s="8">
        <v>1</v>
      </c>
      <c r="I23173" s="8">
        <v>0</v>
      </c>
      <c r="J23173" s="8">
        <v>1</v>
      </c>
      <c r="K23173" s="9">
        <v>9.3000000000000007</v>
      </c>
      <c r="L23173" s="6" t="s">
        <v>4151</v>
      </c>
    </row>
    <row r="23174" spans="1:12">
      <c r="A23174" s="6" t="s">
        <v>4151</v>
      </c>
      <c r="B23174" s="6"/>
      <c r="C23174" s="6" t="s">
        <v>23210</v>
      </c>
      <c r="D23174" s="6"/>
      <c r="E23174" s="6" t="s">
        <v>9</v>
      </c>
      <c r="F23174" s="7">
        <v>38657</v>
      </c>
      <c r="G23174" s="8">
        <v>1</v>
      </c>
      <c r="H23174" s="8">
        <v>1</v>
      </c>
      <c r="I23174" s="8">
        <v>0</v>
      </c>
      <c r="J23174" s="8">
        <v>1</v>
      </c>
      <c r="K23174" s="9">
        <v>10</v>
      </c>
      <c r="L23174" s="6" t="s">
        <v>4151</v>
      </c>
    </row>
    <row r="23175" spans="1:12">
      <c r="A23175" s="6" t="s">
        <v>4151</v>
      </c>
      <c r="B23175" s="6"/>
      <c r="C23175" s="6" t="s">
        <v>23211</v>
      </c>
      <c r="D23175" s="6"/>
      <c r="E23175" s="6" t="s">
        <v>9</v>
      </c>
      <c r="F23175" s="7">
        <v>38657</v>
      </c>
      <c r="G23175" s="8">
        <v>1</v>
      </c>
      <c r="H23175" s="8">
        <v>1</v>
      </c>
      <c r="I23175" s="8">
        <v>0</v>
      </c>
      <c r="J23175" s="8">
        <v>1</v>
      </c>
      <c r="K23175" s="9">
        <v>739</v>
      </c>
      <c r="L23175" s="6" t="s">
        <v>4151</v>
      </c>
    </row>
    <row r="23176" spans="1:12">
      <c r="A23176" s="6" t="s">
        <v>4151</v>
      </c>
      <c r="B23176" s="6"/>
      <c r="C23176" s="6" t="s">
        <v>23212</v>
      </c>
      <c r="D23176" s="6"/>
      <c r="E23176" s="6" t="s">
        <v>9</v>
      </c>
      <c r="F23176" s="7">
        <v>38657</v>
      </c>
      <c r="G23176" s="8">
        <v>1</v>
      </c>
      <c r="H23176" s="8">
        <v>1</v>
      </c>
      <c r="I23176" s="8">
        <v>0</v>
      </c>
      <c r="J23176" s="8">
        <v>1</v>
      </c>
      <c r="K23176" s="9">
        <v>10</v>
      </c>
      <c r="L23176" s="6" t="s">
        <v>4151</v>
      </c>
    </row>
    <row r="23177" spans="1:12">
      <c r="A23177" s="6" t="s">
        <v>4151</v>
      </c>
      <c r="B23177" s="6"/>
      <c r="C23177" s="6" t="s">
        <v>23213</v>
      </c>
      <c r="D23177" s="6"/>
      <c r="E23177" s="6" t="s">
        <v>9</v>
      </c>
      <c r="F23177" s="7">
        <v>38657</v>
      </c>
      <c r="G23177" s="8">
        <v>1</v>
      </c>
      <c r="H23177" s="8">
        <v>1</v>
      </c>
      <c r="I23177" s="8">
        <v>0</v>
      </c>
      <c r="J23177" s="8">
        <v>1</v>
      </c>
      <c r="K23177" s="9">
        <v>4.8499999999999899</v>
      </c>
      <c r="L23177" s="6" t="s">
        <v>4151</v>
      </c>
    </row>
    <row r="23178" spans="1:12">
      <c r="A23178" s="6" t="s">
        <v>4151</v>
      </c>
      <c r="B23178" s="6"/>
      <c r="C23178" s="6" t="s">
        <v>23214</v>
      </c>
      <c r="D23178" s="6"/>
      <c r="E23178" s="6" t="s">
        <v>9</v>
      </c>
      <c r="F23178" s="7">
        <v>38657</v>
      </c>
      <c r="G23178" s="8">
        <v>1</v>
      </c>
      <c r="H23178" s="8">
        <v>1</v>
      </c>
      <c r="I23178" s="8">
        <v>0</v>
      </c>
      <c r="J23178" s="8">
        <v>1</v>
      </c>
      <c r="K23178" s="9">
        <v>5.15</v>
      </c>
      <c r="L23178" s="6" t="s">
        <v>4151</v>
      </c>
    </row>
    <row r="23179" spans="1:12">
      <c r="A23179" s="6" t="s">
        <v>4151</v>
      </c>
      <c r="B23179" s="6"/>
      <c r="C23179" s="6" t="s">
        <v>23215</v>
      </c>
      <c r="D23179" s="6"/>
      <c r="E23179" s="6" t="s">
        <v>9</v>
      </c>
      <c r="F23179" s="7">
        <v>38657</v>
      </c>
      <c r="G23179" s="8">
        <v>1</v>
      </c>
      <c r="H23179" s="8">
        <v>1</v>
      </c>
      <c r="I23179" s="8">
        <v>0</v>
      </c>
      <c r="J23179" s="8">
        <v>1</v>
      </c>
      <c r="K23179" s="9">
        <v>31</v>
      </c>
      <c r="L23179" s="6" t="s">
        <v>4151</v>
      </c>
    </row>
    <row r="23180" spans="1:12">
      <c r="A23180" s="6" t="s">
        <v>4151</v>
      </c>
      <c r="B23180" s="6"/>
      <c r="C23180" s="6" t="s">
        <v>23216</v>
      </c>
      <c r="D23180" s="6"/>
      <c r="E23180" s="6" t="s">
        <v>9</v>
      </c>
      <c r="F23180" s="7">
        <v>38657</v>
      </c>
      <c r="G23180" s="8">
        <v>1</v>
      </c>
      <c r="H23180" s="8">
        <v>1</v>
      </c>
      <c r="I23180" s="8">
        <v>0</v>
      </c>
      <c r="J23180" s="8">
        <v>1</v>
      </c>
      <c r="K23180" s="9">
        <v>31</v>
      </c>
      <c r="L23180" s="6" t="s">
        <v>4151</v>
      </c>
    </row>
    <row r="23181" spans="1:12">
      <c r="A23181" s="6" t="s">
        <v>4151</v>
      </c>
      <c r="B23181" s="6"/>
      <c r="C23181" s="6" t="s">
        <v>23217</v>
      </c>
      <c r="D23181" s="6"/>
      <c r="E23181" s="6" t="s">
        <v>9</v>
      </c>
      <c r="F23181" s="7">
        <v>38657</v>
      </c>
      <c r="G23181" s="8">
        <v>1</v>
      </c>
      <c r="H23181" s="8">
        <v>1</v>
      </c>
      <c r="I23181" s="8">
        <v>0</v>
      </c>
      <c r="J23181" s="8">
        <v>1</v>
      </c>
      <c r="K23181" s="9">
        <v>457</v>
      </c>
      <c r="L23181" s="6" t="s">
        <v>4151</v>
      </c>
    </row>
    <row r="23182" spans="1:12">
      <c r="A23182" s="6" t="s">
        <v>4151</v>
      </c>
      <c r="B23182" s="6"/>
      <c r="C23182" s="6" t="s">
        <v>23218</v>
      </c>
      <c r="D23182" s="6"/>
      <c r="E23182" s="6" t="s">
        <v>9</v>
      </c>
      <c r="F23182" s="7">
        <v>38657</v>
      </c>
      <c r="G23182" s="8">
        <v>1</v>
      </c>
      <c r="H23182" s="8">
        <v>1</v>
      </c>
      <c r="I23182" s="8">
        <v>0</v>
      </c>
      <c r="J23182" s="8">
        <v>1</v>
      </c>
      <c r="K23182" s="9">
        <v>21</v>
      </c>
      <c r="L23182" s="6" t="s">
        <v>4151</v>
      </c>
    </row>
    <row r="23183" spans="1:12">
      <c r="A23183" s="6" t="s">
        <v>4151</v>
      </c>
      <c r="B23183" s="6"/>
      <c r="C23183" s="6" t="s">
        <v>23219</v>
      </c>
      <c r="D23183" s="6"/>
      <c r="E23183" s="6" t="s">
        <v>9</v>
      </c>
      <c r="F23183" s="7">
        <v>38657</v>
      </c>
      <c r="G23183" s="8">
        <v>1</v>
      </c>
      <c r="H23183" s="8">
        <v>1</v>
      </c>
      <c r="I23183" s="8">
        <v>0</v>
      </c>
      <c r="J23183" s="8">
        <v>1</v>
      </c>
      <c r="K23183" s="9">
        <v>15</v>
      </c>
      <c r="L23183" s="6" t="s">
        <v>4151</v>
      </c>
    </row>
    <row r="23184" spans="1:12">
      <c r="A23184" s="6" t="s">
        <v>4151</v>
      </c>
      <c r="B23184" s="6"/>
      <c r="C23184" s="6" t="s">
        <v>23220</v>
      </c>
      <c r="D23184" s="6"/>
      <c r="E23184" s="6" t="s">
        <v>9</v>
      </c>
      <c r="F23184" s="7">
        <v>38657</v>
      </c>
      <c r="G23184" s="8">
        <v>1</v>
      </c>
      <c r="H23184" s="8">
        <v>1</v>
      </c>
      <c r="I23184" s="8">
        <v>0</v>
      </c>
      <c r="J23184" s="8">
        <v>1</v>
      </c>
      <c r="K23184" s="9">
        <v>0.5</v>
      </c>
      <c r="L23184" s="6" t="s">
        <v>4151</v>
      </c>
    </row>
    <row r="23185" spans="1:12">
      <c r="A23185" s="6" t="s">
        <v>4151</v>
      </c>
      <c r="B23185" s="6"/>
      <c r="C23185" s="6" t="s">
        <v>23221</v>
      </c>
      <c r="D23185" s="6"/>
      <c r="E23185" s="6" t="s">
        <v>9</v>
      </c>
      <c r="F23185" s="7">
        <v>38657</v>
      </c>
      <c r="G23185" s="8">
        <v>1</v>
      </c>
      <c r="H23185" s="8">
        <v>1</v>
      </c>
      <c r="I23185" s="8">
        <v>0</v>
      </c>
      <c r="J23185" s="8">
        <v>1</v>
      </c>
      <c r="K23185" s="9">
        <v>19</v>
      </c>
      <c r="L23185" s="6" t="s">
        <v>4151</v>
      </c>
    </row>
    <row r="23186" spans="1:12">
      <c r="A23186" s="6" t="s">
        <v>4151</v>
      </c>
      <c r="B23186" s="6"/>
      <c r="C23186" s="6" t="s">
        <v>23222</v>
      </c>
      <c r="D23186" s="6"/>
      <c r="E23186" s="6" t="s">
        <v>9</v>
      </c>
      <c r="F23186" s="7">
        <v>38657</v>
      </c>
      <c r="G23186" s="8">
        <v>1</v>
      </c>
      <c r="H23186" s="8">
        <v>1</v>
      </c>
      <c r="I23186" s="8">
        <v>0</v>
      </c>
      <c r="J23186" s="8">
        <v>1</v>
      </c>
      <c r="K23186" s="9">
        <v>330</v>
      </c>
      <c r="L23186" s="6" t="s">
        <v>4151</v>
      </c>
    </row>
    <row r="23187" spans="1:12">
      <c r="A23187" s="6" t="s">
        <v>4151</v>
      </c>
      <c r="B23187" s="6"/>
      <c r="C23187" s="6" t="s">
        <v>23223</v>
      </c>
      <c r="D23187" s="6"/>
      <c r="E23187" s="6" t="s">
        <v>9</v>
      </c>
      <c r="F23187" s="7">
        <v>38657</v>
      </c>
      <c r="G23187" s="8">
        <v>1</v>
      </c>
      <c r="H23187" s="8">
        <v>1</v>
      </c>
      <c r="I23187" s="8">
        <v>0</v>
      </c>
      <c r="J23187" s="8">
        <v>1</v>
      </c>
      <c r="K23187" s="9">
        <v>6.61</v>
      </c>
      <c r="L23187" s="6" t="s">
        <v>4151</v>
      </c>
    </row>
    <row r="23188" spans="1:12">
      <c r="A23188" s="6" t="s">
        <v>4151</v>
      </c>
      <c r="B23188" s="6"/>
      <c r="C23188" s="6" t="s">
        <v>23224</v>
      </c>
      <c r="D23188" s="6"/>
      <c r="E23188" s="6" t="s">
        <v>9</v>
      </c>
      <c r="F23188" s="7">
        <v>38657</v>
      </c>
      <c r="G23188" s="8">
        <v>1</v>
      </c>
      <c r="H23188" s="8">
        <v>1</v>
      </c>
      <c r="I23188" s="8">
        <v>0</v>
      </c>
      <c r="J23188" s="8">
        <v>1</v>
      </c>
      <c r="K23188" s="9">
        <v>4</v>
      </c>
      <c r="L23188" s="6" t="s">
        <v>4151</v>
      </c>
    </row>
    <row r="23189" spans="1:12">
      <c r="A23189" s="6" t="s">
        <v>4151</v>
      </c>
      <c r="B23189" s="6"/>
      <c r="C23189" s="6" t="s">
        <v>23225</v>
      </c>
      <c r="D23189" s="6"/>
      <c r="E23189" s="6" t="s">
        <v>9</v>
      </c>
      <c r="F23189" s="7">
        <v>38657</v>
      </c>
      <c r="G23189" s="8">
        <v>1</v>
      </c>
      <c r="H23189" s="8">
        <v>1</v>
      </c>
      <c r="I23189" s="8">
        <v>0</v>
      </c>
      <c r="J23189" s="8">
        <v>1</v>
      </c>
      <c r="K23189" s="9">
        <v>39</v>
      </c>
      <c r="L23189" s="6" t="s">
        <v>4151</v>
      </c>
    </row>
    <row r="23190" spans="1:12">
      <c r="A23190" s="6" t="s">
        <v>4151</v>
      </c>
      <c r="B23190" s="6"/>
      <c r="C23190" s="6" t="s">
        <v>23226</v>
      </c>
      <c r="D23190" s="6"/>
      <c r="E23190" s="6" t="s">
        <v>9</v>
      </c>
      <c r="F23190" s="7">
        <v>38657</v>
      </c>
      <c r="G23190" s="8">
        <v>1</v>
      </c>
      <c r="H23190" s="8">
        <v>1</v>
      </c>
      <c r="I23190" s="8">
        <v>0</v>
      </c>
      <c r="J23190" s="8">
        <v>1</v>
      </c>
      <c r="K23190" s="9">
        <v>23</v>
      </c>
      <c r="L23190" s="6" t="s">
        <v>4151</v>
      </c>
    </row>
    <row r="23191" spans="1:12">
      <c r="A23191" s="6" t="s">
        <v>4151</v>
      </c>
      <c r="B23191" s="6"/>
      <c r="C23191" s="6" t="s">
        <v>23227</v>
      </c>
      <c r="D23191" s="6"/>
      <c r="E23191" s="6" t="s">
        <v>9</v>
      </c>
      <c r="F23191" s="7">
        <v>38657</v>
      </c>
      <c r="G23191" s="8">
        <v>1</v>
      </c>
      <c r="H23191" s="8">
        <v>1</v>
      </c>
      <c r="I23191" s="8">
        <v>0</v>
      </c>
      <c r="J23191" s="8">
        <v>1</v>
      </c>
      <c r="K23191" s="9">
        <v>12</v>
      </c>
      <c r="L23191" s="6" t="s">
        <v>4151</v>
      </c>
    </row>
    <row r="23192" spans="1:12">
      <c r="A23192" s="6" t="s">
        <v>4151</v>
      </c>
      <c r="B23192" s="6"/>
      <c r="C23192" s="6" t="s">
        <v>23228</v>
      </c>
      <c r="D23192" s="6"/>
      <c r="E23192" s="6" t="s">
        <v>9</v>
      </c>
      <c r="F23192" s="7">
        <v>38657</v>
      </c>
      <c r="G23192" s="8">
        <v>1</v>
      </c>
      <c r="H23192" s="8">
        <v>1</v>
      </c>
      <c r="I23192" s="8">
        <v>0</v>
      </c>
      <c r="J23192" s="8">
        <v>1</v>
      </c>
      <c r="K23192" s="9">
        <v>33</v>
      </c>
      <c r="L23192" s="6" t="s">
        <v>4151</v>
      </c>
    </row>
    <row r="23193" spans="1:12">
      <c r="A23193" s="6" t="s">
        <v>4151</v>
      </c>
      <c r="B23193" s="6"/>
      <c r="C23193" s="6" t="s">
        <v>23229</v>
      </c>
      <c r="D23193" s="6"/>
      <c r="E23193" s="6" t="s">
        <v>9</v>
      </c>
      <c r="F23193" s="7">
        <v>38657</v>
      </c>
      <c r="G23193" s="8">
        <v>1</v>
      </c>
      <c r="H23193" s="8">
        <v>1</v>
      </c>
      <c r="I23193" s="8">
        <v>0</v>
      </c>
      <c r="J23193" s="8">
        <v>1</v>
      </c>
      <c r="K23193" s="9">
        <v>26</v>
      </c>
      <c r="L23193" s="6" t="s">
        <v>4151</v>
      </c>
    </row>
    <row r="23194" spans="1:12">
      <c r="A23194" s="6" t="s">
        <v>4151</v>
      </c>
      <c r="B23194" s="6"/>
      <c r="C23194" s="6" t="s">
        <v>23230</v>
      </c>
      <c r="D23194" s="6"/>
      <c r="E23194" s="6" t="s">
        <v>9</v>
      </c>
      <c r="F23194" s="7">
        <v>38657</v>
      </c>
      <c r="G23194" s="8">
        <v>1</v>
      </c>
      <c r="H23194" s="8">
        <v>1</v>
      </c>
      <c r="I23194" s="8">
        <v>0</v>
      </c>
      <c r="J23194" s="8">
        <v>1</v>
      </c>
      <c r="K23194" s="9">
        <v>11</v>
      </c>
      <c r="L23194" s="6" t="s">
        <v>4151</v>
      </c>
    </row>
    <row r="23195" spans="1:12">
      <c r="A23195" s="6" t="s">
        <v>4151</v>
      </c>
      <c r="B23195" s="6"/>
      <c r="C23195" s="6" t="s">
        <v>23231</v>
      </c>
      <c r="D23195" s="6"/>
      <c r="E23195" s="6" t="s">
        <v>9</v>
      </c>
      <c r="F23195" s="7">
        <v>38657</v>
      </c>
      <c r="G23195" s="8">
        <v>1</v>
      </c>
      <c r="H23195" s="8">
        <v>1</v>
      </c>
      <c r="I23195" s="8">
        <v>0</v>
      </c>
      <c r="J23195" s="8">
        <v>1</v>
      </c>
      <c r="K23195" s="9">
        <v>5.71</v>
      </c>
      <c r="L23195" s="6" t="s">
        <v>4151</v>
      </c>
    </row>
    <row r="23196" spans="1:12">
      <c r="A23196" s="6" t="s">
        <v>4151</v>
      </c>
      <c r="B23196" s="6"/>
      <c r="C23196" s="6" t="s">
        <v>23232</v>
      </c>
      <c r="D23196" s="6"/>
      <c r="E23196" s="6" t="s">
        <v>9</v>
      </c>
      <c r="F23196" s="7">
        <v>38657</v>
      </c>
      <c r="G23196" s="8">
        <v>1</v>
      </c>
      <c r="H23196" s="8">
        <v>1</v>
      </c>
      <c r="I23196" s="8">
        <v>0</v>
      </c>
      <c r="J23196" s="8">
        <v>1</v>
      </c>
      <c r="K23196" s="9">
        <v>11</v>
      </c>
      <c r="L23196" s="6" t="s">
        <v>4151</v>
      </c>
    </row>
    <row r="23197" spans="1:12">
      <c r="A23197" s="6" t="s">
        <v>4151</v>
      </c>
      <c r="B23197" s="6"/>
      <c r="C23197" s="6" t="s">
        <v>23233</v>
      </c>
      <c r="D23197" s="6"/>
      <c r="E23197" s="6" t="s">
        <v>9</v>
      </c>
      <c r="F23197" s="7">
        <v>38657</v>
      </c>
      <c r="G23197" s="8">
        <v>1</v>
      </c>
      <c r="H23197" s="8">
        <v>1</v>
      </c>
      <c r="I23197" s="8">
        <v>0</v>
      </c>
      <c r="J23197" s="8">
        <v>1</v>
      </c>
      <c r="K23197" s="9">
        <v>93</v>
      </c>
      <c r="L23197" s="6" t="s">
        <v>4151</v>
      </c>
    </row>
    <row r="23198" spans="1:12">
      <c r="A23198" s="6" t="s">
        <v>4151</v>
      </c>
      <c r="B23198" s="6"/>
      <c r="C23198" s="6" t="s">
        <v>23234</v>
      </c>
      <c r="D23198" s="6"/>
      <c r="E23198" s="6" t="s">
        <v>9</v>
      </c>
      <c r="F23198" s="7">
        <v>38657</v>
      </c>
      <c r="G23198" s="8">
        <v>1</v>
      </c>
      <c r="H23198" s="8">
        <v>1</v>
      </c>
      <c r="I23198" s="8">
        <v>0</v>
      </c>
      <c r="J23198" s="8">
        <v>1</v>
      </c>
      <c r="K23198" s="9">
        <v>24</v>
      </c>
      <c r="L23198" s="6" t="s">
        <v>4151</v>
      </c>
    </row>
    <row r="23199" spans="1:12">
      <c r="A23199" s="6" t="s">
        <v>4151</v>
      </c>
      <c r="B23199" s="6"/>
      <c r="C23199" s="6" t="s">
        <v>23235</v>
      </c>
      <c r="D23199" s="6"/>
      <c r="E23199" s="6" t="s">
        <v>9</v>
      </c>
      <c r="F23199" s="7">
        <v>38657</v>
      </c>
      <c r="G23199" s="8">
        <v>1</v>
      </c>
      <c r="H23199" s="8">
        <v>1</v>
      </c>
      <c r="I23199" s="8">
        <v>0</v>
      </c>
      <c r="J23199" s="8">
        <v>1</v>
      </c>
      <c r="K23199" s="9">
        <v>10</v>
      </c>
      <c r="L23199" s="6" t="s">
        <v>4151</v>
      </c>
    </row>
    <row r="23200" spans="1:12">
      <c r="A23200" s="6" t="s">
        <v>4151</v>
      </c>
      <c r="B23200" s="6"/>
      <c r="C23200" s="6" t="s">
        <v>23236</v>
      </c>
      <c r="D23200" s="6"/>
      <c r="E23200" s="6" t="s">
        <v>9</v>
      </c>
      <c r="F23200" s="7">
        <v>38657</v>
      </c>
      <c r="G23200" s="8">
        <v>1</v>
      </c>
      <c r="H23200" s="8">
        <v>1</v>
      </c>
      <c r="I23200" s="8">
        <v>0</v>
      </c>
      <c r="J23200" s="8">
        <v>1</v>
      </c>
      <c r="K23200" s="9">
        <v>22</v>
      </c>
      <c r="L23200" s="6" t="s">
        <v>4151</v>
      </c>
    </row>
    <row r="23201" spans="1:12">
      <c r="A23201" s="6" t="s">
        <v>4151</v>
      </c>
      <c r="B23201" s="6"/>
      <c r="C23201" s="6" t="s">
        <v>23237</v>
      </c>
      <c r="D23201" s="6"/>
      <c r="E23201" s="6" t="s">
        <v>9</v>
      </c>
      <c r="F23201" s="7">
        <v>38657</v>
      </c>
      <c r="G23201" s="8">
        <v>1</v>
      </c>
      <c r="H23201" s="8">
        <v>1</v>
      </c>
      <c r="I23201" s="8">
        <v>0</v>
      </c>
      <c r="J23201" s="8">
        <v>1</v>
      </c>
      <c r="K23201" s="9">
        <v>26</v>
      </c>
      <c r="L23201" s="6" t="s">
        <v>4151</v>
      </c>
    </row>
    <row r="23202" spans="1:12">
      <c r="A23202" s="6" t="s">
        <v>4151</v>
      </c>
      <c r="B23202" s="6"/>
      <c r="C23202" s="6" t="s">
        <v>23238</v>
      </c>
      <c r="D23202" s="6"/>
      <c r="E23202" s="6" t="s">
        <v>9</v>
      </c>
      <c r="F23202" s="7">
        <v>38657</v>
      </c>
      <c r="G23202" s="8">
        <v>1</v>
      </c>
      <c r="H23202" s="8">
        <v>1</v>
      </c>
      <c r="I23202" s="8">
        <v>0</v>
      </c>
      <c r="J23202" s="8">
        <v>1</v>
      </c>
      <c r="K23202" s="9">
        <v>10</v>
      </c>
      <c r="L23202" s="6" t="s">
        <v>4151</v>
      </c>
    </row>
    <row r="23203" spans="1:12">
      <c r="A23203" s="6" t="s">
        <v>4151</v>
      </c>
      <c r="B23203" s="6"/>
      <c r="C23203" s="6" t="s">
        <v>23239</v>
      </c>
      <c r="D23203" s="6"/>
      <c r="E23203" s="6" t="s">
        <v>9</v>
      </c>
      <c r="F23203" s="7">
        <v>38657</v>
      </c>
      <c r="G23203" s="8">
        <v>1</v>
      </c>
      <c r="H23203" s="8">
        <v>1</v>
      </c>
      <c r="I23203" s="8">
        <v>0</v>
      </c>
      <c r="J23203" s="8">
        <v>1</v>
      </c>
      <c r="K23203" s="9">
        <v>9.7200000000000006</v>
      </c>
      <c r="L23203" s="6" t="s">
        <v>4151</v>
      </c>
    </row>
    <row r="23204" spans="1:12">
      <c r="A23204" s="6" t="s">
        <v>4151</v>
      </c>
      <c r="B23204" s="6"/>
      <c r="C23204" s="6" t="s">
        <v>23240</v>
      </c>
      <c r="D23204" s="6"/>
      <c r="E23204" s="6" t="s">
        <v>9</v>
      </c>
      <c r="F23204" s="7">
        <v>38657</v>
      </c>
      <c r="G23204" s="8">
        <v>1</v>
      </c>
      <c r="H23204" s="8">
        <v>1</v>
      </c>
      <c r="I23204" s="8">
        <v>0</v>
      </c>
      <c r="J23204" s="8">
        <v>1</v>
      </c>
      <c r="K23204" s="9">
        <v>480</v>
      </c>
      <c r="L23204" s="6" t="s">
        <v>4151</v>
      </c>
    </row>
    <row r="23205" spans="1:12">
      <c r="A23205" s="6" t="s">
        <v>4151</v>
      </c>
      <c r="B23205" s="6"/>
      <c r="C23205" s="6" t="s">
        <v>23241</v>
      </c>
      <c r="D23205" s="6"/>
      <c r="E23205" s="6" t="s">
        <v>9</v>
      </c>
      <c r="F23205" s="7">
        <v>38657</v>
      </c>
      <c r="G23205" s="8">
        <v>1</v>
      </c>
      <c r="H23205" s="8">
        <v>1</v>
      </c>
      <c r="I23205" s="8">
        <v>0</v>
      </c>
      <c r="J23205" s="8">
        <v>1</v>
      </c>
      <c r="K23205" s="9">
        <v>13</v>
      </c>
      <c r="L23205" s="6" t="s">
        <v>4151</v>
      </c>
    </row>
    <row r="23206" spans="1:12">
      <c r="A23206" s="6" t="s">
        <v>4151</v>
      </c>
      <c r="B23206" s="6"/>
      <c r="C23206" s="6" t="s">
        <v>23242</v>
      </c>
      <c r="D23206" s="6"/>
      <c r="E23206" s="6" t="s">
        <v>9</v>
      </c>
      <c r="F23206" s="7">
        <v>38657</v>
      </c>
      <c r="G23206" s="8">
        <v>1</v>
      </c>
      <c r="H23206" s="8">
        <v>1</v>
      </c>
      <c r="I23206" s="8">
        <v>0</v>
      </c>
      <c r="J23206" s="8">
        <v>1</v>
      </c>
      <c r="K23206" s="9">
        <v>6.37</v>
      </c>
      <c r="L23206" s="6" t="s">
        <v>4151</v>
      </c>
    </row>
    <row r="23207" spans="1:12">
      <c r="A23207" s="6" t="s">
        <v>4151</v>
      </c>
      <c r="B23207" s="6"/>
      <c r="C23207" s="6" t="s">
        <v>23243</v>
      </c>
      <c r="D23207" s="6"/>
      <c r="E23207" s="6" t="s">
        <v>9</v>
      </c>
      <c r="F23207" s="7">
        <v>38657</v>
      </c>
      <c r="G23207" s="8">
        <v>1</v>
      </c>
      <c r="H23207" s="8">
        <v>1</v>
      </c>
      <c r="I23207" s="8">
        <v>0</v>
      </c>
      <c r="J23207" s="8">
        <v>1</v>
      </c>
      <c r="K23207" s="9">
        <v>3.18</v>
      </c>
      <c r="L23207" s="6" t="s">
        <v>4151</v>
      </c>
    </row>
    <row r="23208" spans="1:12">
      <c r="A23208" s="6" t="s">
        <v>4151</v>
      </c>
      <c r="B23208" s="6"/>
      <c r="C23208" s="6" t="s">
        <v>23244</v>
      </c>
      <c r="D23208" s="6"/>
      <c r="E23208" s="6" t="s">
        <v>9</v>
      </c>
      <c r="F23208" s="7">
        <v>38657</v>
      </c>
      <c r="G23208" s="8">
        <v>1</v>
      </c>
      <c r="H23208" s="8">
        <v>1</v>
      </c>
      <c r="I23208" s="8">
        <v>0</v>
      </c>
      <c r="J23208" s="8">
        <v>1</v>
      </c>
      <c r="K23208" s="9">
        <v>59</v>
      </c>
      <c r="L23208" s="6" t="s">
        <v>4151</v>
      </c>
    </row>
    <row r="23209" spans="1:12">
      <c r="A23209" s="6" t="s">
        <v>4151</v>
      </c>
      <c r="B23209" s="6"/>
      <c r="C23209" s="6" t="s">
        <v>23245</v>
      </c>
      <c r="D23209" s="6"/>
      <c r="E23209" s="6" t="s">
        <v>9</v>
      </c>
      <c r="F23209" s="7">
        <v>38657</v>
      </c>
      <c r="G23209" s="8">
        <v>1</v>
      </c>
      <c r="H23209" s="8">
        <v>1</v>
      </c>
      <c r="I23209" s="8">
        <v>0</v>
      </c>
      <c r="J23209" s="8">
        <v>1</v>
      </c>
      <c r="K23209" s="9">
        <v>3.18</v>
      </c>
      <c r="L23209" s="6" t="s">
        <v>4151</v>
      </c>
    </row>
    <row r="23210" spans="1:12">
      <c r="A23210" s="6" t="s">
        <v>4151</v>
      </c>
      <c r="B23210" s="6"/>
      <c r="C23210" s="6" t="s">
        <v>23246</v>
      </c>
      <c r="D23210" s="6"/>
      <c r="E23210" s="6" t="s">
        <v>9</v>
      </c>
      <c r="F23210" s="7">
        <v>38657</v>
      </c>
      <c r="G23210" s="8">
        <v>1</v>
      </c>
      <c r="H23210" s="8">
        <v>1</v>
      </c>
      <c r="I23210" s="8">
        <v>0</v>
      </c>
      <c r="J23210" s="8">
        <v>1</v>
      </c>
      <c r="K23210" s="9">
        <v>6.47</v>
      </c>
      <c r="L23210" s="6" t="s">
        <v>4151</v>
      </c>
    </row>
    <row r="23211" spans="1:12">
      <c r="A23211" s="6" t="s">
        <v>4151</v>
      </c>
      <c r="B23211" s="6"/>
      <c r="C23211" s="6" t="s">
        <v>23247</v>
      </c>
      <c r="D23211" s="6"/>
      <c r="E23211" s="6" t="s">
        <v>9</v>
      </c>
      <c r="F23211" s="7">
        <v>38657</v>
      </c>
      <c r="G23211" s="8">
        <v>1</v>
      </c>
      <c r="H23211" s="8">
        <v>1</v>
      </c>
      <c r="I23211" s="8">
        <v>0</v>
      </c>
      <c r="J23211" s="8">
        <v>1</v>
      </c>
      <c r="K23211" s="9">
        <v>6.55</v>
      </c>
      <c r="L23211" s="6" t="s">
        <v>4151</v>
      </c>
    </row>
    <row r="23212" spans="1:12">
      <c r="A23212" s="6" t="s">
        <v>4151</v>
      </c>
      <c r="B23212" s="6"/>
      <c r="C23212" s="6" t="s">
        <v>23248</v>
      </c>
      <c r="D23212" s="6"/>
      <c r="E23212" s="6" t="s">
        <v>9</v>
      </c>
      <c r="F23212" s="7">
        <v>38657</v>
      </c>
      <c r="G23212" s="8">
        <v>1</v>
      </c>
      <c r="H23212" s="8">
        <v>1</v>
      </c>
      <c r="I23212" s="8">
        <v>0</v>
      </c>
      <c r="J23212" s="8">
        <v>1</v>
      </c>
      <c r="K23212" s="9">
        <v>6.55</v>
      </c>
      <c r="L23212" s="6" t="s">
        <v>4151</v>
      </c>
    </row>
    <row r="23213" spans="1:12">
      <c r="A23213" s="6" t="s">
        <v>4151</v>
      </c>
      <c r="B23213" s="6"/>
      <c r="C23213" s="6" t="s">
        <v>23249</v>
      </c>
      <c r="D23213" s="6"/>
      <c r="E23213" s="6" t="s">
        <v>9</v>
      </c>
      <c r="F23213" s="7">
        <v>38657</v>
      </c>
      <c r="G23213" s="8">
        <v>1</v>
      </c>
      <c r="H23213" s="8">
        <v>1</v>
      </c>
      <c r="I23213" s="8">
        <v>0</v>
      </c>
      <c r="J23213" s="8">
        <v>1</v>
      </c>
      <c r="K23213" s="9">
        <v>6.55</v>
      </c>
      <c r="L23213" s="6" t="s">
        <v>4151</v>
      </c>
    </row>
    <row r="23214" spans="1:12">
      <c r="A23214" s="6" t="s">
        <v>4151</v>
      </c>
      <c r="B23214" s="6"/>
      <c r="C23214" s="6" t="s">
        <v>23250</v>
      </c>
      <c r="D23214" s="6"/>
      <c r="E23214" s="6" t="s">
        <v>9</v>
      </c>
      <c r="F23214" s="7">
        <v>38657</v>
      </c>
      <c r="G23214" s="8">
        <v>1</v>
      </c>
      <c r="H23214" s="8">
        <v>1</v>
      </c>
      <c r="I23214" s="8">
        <v>0</v>
      </c>
      <c r="J23214" s="8">
        <v>1</v>
      </c>
      <c r="K23214" s="9">
        <v>6.55</v>
      </c>
      <c r="L23214" s="6" t="s">
        <v>4151</v>
      </c>
    </row>
    <row r="23215" spans="1:12">
      <c r="A23215" s="6" t="s">
        <v>4151</v>
      </c>
      <c r="B23215" s="6"/>
      <c r="C23215" s="6" t="s">
        <v>23251</v>
      </c>
      <c r="D23215" s="6"/>
      <c r="E23215" s="6" t="s">
        <v>9</v>
      </c>
      <c r="F23215" s="7">
        <v>38657</v>
      </c>
      <c r="G23215" s="8">
        <v>1</v>
      </c>
      <c r="H23215" s="8">
        <v>1</v>
      </c>
      <c r="I23215" s="8">
        <v>0</v>
      </c>
      <c r="J23215" s="8">
        <v>1</v>
      </c>
      <c r="K23215" s="9">
        <v>3.42</v>
      </c>
      <c r="L23215" s="6" t="s">
        <v>4151</v>
      </c>
    </row>
    <row r="23216" spans="1:12">
      <c r="A23216" s="6" t="s">
        <v>4151</v>
      </c>
      <c r="B23216" s="6"/>
      <c r="C23216" s="6" t="s">
        <v>23252</v>
      </c>
      <c r="D23216" s="6"/>
      <c r="E23216" s="6" t="s">
        <v>9</v>
      </c>
      <c r="F23216" s="7">
        <v>38657</v>
      </c>
      <c r="G23216" s="8">
        <v>1</v>
      </c>
      <c r="H23216" s="8">
        <v>1</v>
      </c>
      <c r="I23216" s="8">
        <v>0</v>
      </c>
      <c r="J23216" s="8">
        <v>1</v>
      </c>
      <c r="K23216" s="9">
        <v>3.91</v>
      </c>
      <c r="L23216" s="6" t="s">
        <v>4151</v>
      </c>
    </row>
    <row r="23217" spans="1:12">
      <c r="A23217" s="6" t="s">
        <v>4151</v>
      </c>
      <c r="B23217" s="6"/>
      <c r="C23217" s="6" t="s">
        <v>23253</v>
      </c>
      <c r="D23217" s="6"/>
      <c r="E23217" s="6" t="s">
        <v>9</v>
      </c>
      <c r="F23217" s="7">
        <v>38657</v>
      </c>
      <c r="G23217" s="8">
        <v>1</v>
      </c>
      <c r="H23217" s="8">
        <v>1</v>
      </c>
      <c r="I23217" s="8">
        <v>0</v>
      </c>
      <c r="J23217" s="8">
        <v>1</v>
      </c>
      <c r="K23217" s="9">
        <v>2.52999999999999</v>
      </c>
      <c r="L23217" s="6" t="s">
        <v>4151</v>
      </c>
    </row>
    <row r="23218" spans="1:12">
      <c r="A23218" s="6" t="s">
        <v>4151</v>
      </c>
      <c r="B23218" s="6"/>
      <c r="C23218" s="6" t="s">
        <v>23254</v>
      </c>
      <c r="D23218" s="6"/>
      <c r="E23218" s="6" t="s">
        <v>9</v>
      </c>
      <c r="F23218" s="7">
        <v>38657</v>
      </c>
      <c r="G23218" s="8">
        <v>1</v>
      </c>
      <c r="H23218" s="8">
        <v>1</v>
      </c>
      <c r="I23218" s="8">
        <v>0</v>
      </c>
      <c r="J23218" s="8">
        <v>1</v>
      </c>
      <c r="K23218" s="9">
        <v>1.99</v>
      </c>
      <c r="L23218" s="6" t="s">
        <v>4151</v>
      </c>
    </row>
    <row r="23219" spans="1:12">
      <c r="A23219" s="6" t="s">
        <v>4151</v>
      </c>
      <c r="B23219" s="6"/>
      <c r="C23219" s="6" t="s">
        <v>23255</v>
      </c>
      <c r="D23219" s="6"/>
      <c r="E23219" s="6" t="s">
        <v>9</v>
      </c>
      <c r="F23219" s="7">
        <v>38657</v>
      </c>
      <c r="G23219" s="8">
        <v>1</v>
      </c>
      <c r="H23219" s="8">
        <v>1</v>
      </c>
      <c r="I23219" s="8">
        <v>0</v>
      </c>
      <c r="J23219" s="8">
        <v>1</v>
      </c>
      <c r="K23219" s="9">
        <v>16</v>
      </c>
      <c r="L23219" s="6" t="s">
        <v>4151</v>
      </c>
    </row>
    <row r="23220" spans="1:12">
      <c r="A23220" s="6" t="s">
        <v>4151</v>
      </c>
      <c r="B23220" s="6"/>
      <c r="C23220" s="6" t="s">
        <v>23256</v>
      </c>
      <c r="D23220" s="6"/>
      <c r="E23220" s="6" t="s">
        <v>9</v>
      </c>
      <c r="F23220" s="7">
        <v>38657</v>
      </c>
      <c r="G23220" s="8">
        <v>1</v>
      </c>
      <c r="H23220" s="8">
        <v>1</v>
      </c>
      <c r="I23220" s="8">
        <v>0</v>
      </c>
      <c r="J23220" s="8">
        <v>1</v>
      </c>
      <c r="K23220" s="9">
        <v>137</v>
      </c>
      <c r="L23220" s="6" t="s">
        <v>4151</v>
      </c>
    </row>
    <row r="23221" spans="1:12">
      <c r="A23221" s="6" t="s">
        <v>4151</v>
      </c>
      <c r="B23221" s="6"/>
      <c r="C23221" s="6" t="s">
        <v>23257</v>
      </c>
      <c r="D23221" s="6"/>
      <c r="E23221" s="6" t="s">
        <v>9</v>
      </c>
      <c r="F23221" s="7">
        <v>38657</v>
      </c>
      <c r="G23221" s="8">
        <v>1</v>
      </c>
      <c r="H23221" s="8">
        <v>1</v>
      </c>
      <c r="I23221" s="8">
        <v>0</v>
      </c>
      <c r="J23221" s="8">
        <v>1</v>
      </c>
      <c r="K23221" s="9">
        <v>1.4</v>
      </c>
      <c r="L23221" s="6" t="s">
        <v>4151</v>
      </c>
    </row>
    <row r="23222" spans="1:12">
      <c r="A23222" s="6" t="s">
        <v>4151</v>
      </c>
      <c r="B23222" s="6"/>
      <c r="C23222" s="6" t="s">
        <v>23258</v>
      </c>
      <c r="D23222" s="6"/>
      <c r="E23222" s="6" t="s">
        <v>9</v>
      </c>
      <c r="F23222" s="7">
        <v>38657</v>
      </c>
      <c r="G23222" s="8">
        <v>1</v>
      </c>
      <c r="H23222" s="8">
        <v>1</v>
      </c>
      <c r="I23222" s="8">
        <v>0</v>
      </c>
      <c r="J23222" s="8">
        <v>1</v>
      </c>
      <c r="K23222" s="9">
        <v>3.74</v>
      </c>
      <c r="L23222" s="6" t="s">
        <v>4151</v>
      </c>
    </row>
    <row r="23223" spans="1:12">
      <c r="A23223" s="6" t="s">
        <v>4151</v>
      </c>
      <c r="B23223" s="6"/>
      <c r="C23223" s="6" t="s">
        <v>23259</v>
      </c>
      <c r="D23223" s="6"/>
      <c r="E23223" s="6" t="s">
        <v>9</v>
      </c>
      <c r="F23223" s="7">
        <v>38657</v>
      </c>
      <c r="G23223" s="8">
        <v>1</v>
      </c>
      <c r="H23223" s="8">
        <v>1</v>
      </c>
      <c r="I23223" s="8">
        <v>0</v>
      </c>
      <c r="J23223" s="8">
        <v>1</v>
      </c>
      <c r="K23223" s="9">
        <v>6.33</v>
      </c>
      <c r="L23223" s="6" t="s">
        <v>4151</v>
      </c>
    </row>
    <row r="23224" spans="1:12">
      <c r="A23224" s="6" t="s">
        <v>4151</v>
      </c>
      <c r="B23224" s="6"/>
      <c r="C23224" s="6" t="s">
        <v>23260</v>
      </c>
      <c r="D23224" s="6"/>
      <c r="E23224" s="6" t="s">
        <v>9</v>
      </c>
      <c r="F23224" s="7">
        <v>38657</v>
      </c>
      <c r="G23224" s="8">
        <v>1</v>
      </c>
      <c r="H23224" s="8">
        <v>1</v>
      </c>
      <c r="I23224" s="8">
        <v>0</v>
      </c>
      <c r="J23224" s="8">
        <v>1</v>
      </c>
      <c r="K23224" s="9">
        <v>5.9</v>
      </c>
      <c r="L23224" s="6" t="s">
        <v>4151</v>
      </c>
    </row>
    <row r="23225" spans="1:12">
      <c r="A23225" s="6" t="s">
        <v>4151</v>
      </c>
      <c r="B23225" s="6"/>
      <c r="C23225" s="6" t="s">
        <v>23261</v>
      </c>
      <c r="D23225" s="6"/>
      <c r="E23225" s="6" t="s">
        <v>9</v>
      </c>
      <c r="F23225" s="7">
        <v>38657</v>
      </c>
      <c r="G23225" s="8">
        <v>1</v>
      </c>
      <c r="H23225" s="8">
        <v>1</v>
      </c>
      <c r="I23225" s="8">
        <v>0</v>
      </c>
      <c r="J23225" s="8">
        <v>1</v>
      </c>
      <c r="K23225" s="9">
        <v>2.11</v>
      </c>
      <c r="L23225" s="6" t="s">
        <v>4151</v>
      </c>
    </row>
    <row r="23226" spans="1:12">
      <c r="A23226" s="6" t="s">
        <v>4151</v>
      </c>
      <c r="B23226" s="6"/>
      <c r="C23226" s="6" t="s">
        <v>23262</v>
      </c>
      <c r="D23226" s="6"/>
      <c r="E23226" s="6" t="s">
        <v>9</v>
      </c>
      <c r="F23226" s="7">
        <v>38657</v>
      </c>
      <c r="G23226" s="8">
        <v>1</v>
      </c>
      <c r="H23226" s="8">
        <v>1</v>
      </c>
      <c r="I23226" s="8">
        <v>0</v>
      </c>
      <c r="J23226" s="8">
        <v>1</v>
      </c>
      <c r="K23226" s="9">
        <v>208</v>
      </c>
      <c r="L23226" s="6" t="s">
        <v>4151</v>
      </c>
    </row>
    <row r="23227" spans="1:12">
      <c r="A23227" s="6" t="s">
        <v>4151</v>
      </c>
      <c r="B23227" s="6"/>
      <c r="C23227" s="6" t="s">
        <v>23263</v>
      </c>
      <c r="D23227" s="6"/>
      <c r="E23227" s="6" t="s">
        <v>9</v>
      </c>
      <c r="F23227" s="7">
        <v>38657</v>
      </c>
      <c r="G23227" s="8">
        <v>1</v>
      </c>
      <c r="H23227" s="8">
        <v>1</v>
      </c>
      <c r="I23227" s="8">
        <v>0</v>
      </c>
      <c r="J23227" s="8">
        <v>1</v>
      </c>
      <c r="K23227" s="9">
        <v>1115</v>
      </c>
      <c r="L23227" s="6" t="s">
        <v>4151</v>
      </c>
    </row>
    <row r="23228" spans="1:12">
      <c r="A23228" s="6" t="s">
        <v>4151</v>
      </c>
      <c r="B23228" s="6"/>
      <c r="C23228" s="6" t="s">
        <v>23264</v>
      </c>
      <c r="D23228" s="6"/>
      <c r="E23228" s="6" t="s">
        <v>9</v>
      </c>
      <c r="F23228" s="7">
        <v>38657</v>
      </c>
      <c r="G23228" s="8">
        <v>1</v>
      </c>
      <c r="H23228" s="8">
        <v>1</v>
      </c>
      <c r="I23228" s="8">
        <v>0</v>
      </c>
      <c r="J23228" s="8">
        <v>1</v>
      </c>
      <c r="K23228" s="9">
        <v>37</v>
      </c>
      <c r="L23228" s="6" t="s">
        <v>4151</v>
      </c>
    </row>
    <row r="23229" spans="1:12">
      <c r="A23229" s="6" t="s">
        <v>4151</v>
      </c>
      <c r="B23229" s="6"/>
      <c r="C23229" s="6" t="s">
        <v>23265</v>
      </c>
      <c r="D23229" s="6"/>
      <c r="E23229" s="6" t="s">
        <v>9</v>
      </c>
      <c r="F23229" s="7">
        <v>38657</v>
      </c>
      <c r="G23229" s="8">
        <v>1</v>
      </c>
      <c r="H23229" s="8">
        <v>1</v>
      </c>
      <c r="I23229" s="8">
        <v>0</v>
      </c>
      <c r="J23229" s="8">
        <v>1</v>
      </c>
      <c r="K23229" s="9">
        <v>46</v>
      </c>
      <c r="L23229" s="6" t="s">
        <v>4151</v>
      </c>
    </row>
    <row r="23230" spans="1:12">
      <c r="A23230" s="6" t="s">
        <v>4151</v>
      </c>
      <c r="B23230" s="6"/>
      <c r="C23230" s="6" t="s">
        <v>23266</v>
      </c>
      <c r="D23230" s="6"/>
      <c r="E23230" s="6" t="s">
        <v>9</v>
      </c>
      <c r="F23230" s="7">
        <v>38657</v>
      </c>
      <c r="G23230" s="8">
        <v>1</v>
      </c>
      <c r="H23230" s="8">
        <v>1</v>
      </c>
      <c r="I23230" s="8">
        <v>0</v>
      </c>
      <c r="J23230" s="8">
        <v>1</v>
      </c>
      <c r="K23230" s="9">
        <v>54</v>
      </c>
      <c r="L23230" s="6" t="s">
        <v>4151</v>
      </c>
    </row>
    <row r="23231" spans="1:12">
      <c r="A23231" s="6" t="s">
        <v>4151</v>
      </c>
      <c r="B23231" s="6"/>
      <c r="C23231" s="6" t="s">
        <v>23267</v>
      </c>
      <c r="D23231" s="6"/>
      <c r="E23231" s="6" t="s">
        <v>9</v>
      </c>
      <c r="F23231" s="7">
        <v>38657</v>
      </c>
      <c r="G23231" s="8">
        <v>1</v>
      </c>
      <c r="H23231" s="8">
        <v>1</v>
      </c>
      <c r="I23231" s="8">
        <v>0</v>
      </c>
      <c r="J23231" s="8">
        <v>1</v>
      </c>
      <c r="K23231" s="9">
        <v>632</v>
      </c>
      <c r="L23231" s="6" t="s">
        <v>4151</v>
      </c>
    </row>
    <row r="23232" spans="1:12">
      <c r="A23232" s="6" t="s">
        <v>4151</v>
      </c>
      <c r="B23232" s="6"/>
      <c r="C23232" s="6" t="s">
        <v>23268</v>
      </c>
      <c r="D23232" s="6"/>
      <c r="E23232" s="6" t="s">
        <v>9</v>
      </c>
      <c r="F23232" s="7">
        <v>38657</v>
      </c>
      <c r="G23232" s="8">
        <v>1</v>
      </c>
      <c r="H23232" s="8">
        <v>1</v>
      </c>
      <c r="I23232" s="8">
        <v>0</v>
      </c>
      <c r="J23232" s="8">
        <v>1</v>
      </c>
      <c r="K23232" s="9">
        <v>53</v>
      </c>
      <c r="L23232" s="6" t="s">
        <v>4151</v>
      </c>
    </row>
    <row r="23233" spans="1:12">
      <c r="A23233" s="6" t="s">
        <v>4151</v>
      </c>
      <c r="B23233" s="6"/>
      <c r="C23233" s="6" t="s">
        <v>23269</v>
      </c>
      <c r="D23233" s="6"/>
      <c r="E23233" s="6" t="s">
        <v>9</v>
      </c>
      <c r="F23233" s="7">
        <v>38657</v>
      </c>
      <c r="G23233" s="8">
        <v>1</v>
      </c>
      <c r="H23233" s="8">
        <v>1</v>
      </c>
      <c r="I23233" s="8">
        <v>0</v>
      </c>
      <c r="J23233" s="8">
        <v>1</v>
      </c>
      <c r="K23233" s="9">
        <v>13</v>
      </c>
      <c r="L23233" s="6" t="s">
        <v>4151</v>
      </c>
    </row>
    <row r="23234" spans="1:12">
      <c r="A23234" s="6" t="s">
        <v>4151</v>
      </c>
      <c r="B23234" s="6"/>
      <c r="C23234" s="6" t="s">
        <v>23270</v>
      </c>
      <c r="D23234" s="6"/>
      <c r="E23234" s="6" t="s">
        <v>9</v>
      </c>
      <c r="F23234" s="7">
        <v>38657</v>
      </c>
      <c r="G23234" s="8">
        <v>1</v>
      </c>
      <c r="H23234" s="8">
        <v>1</v>
      </c>
      <c r="I23234" s="8">
        <v>0</v>
      </c>
      <c r="J23234" s="8">
        <v>1</v>
      </c>
      <c r="K23234" s="9">
        <v>21</v>
      </c>
      <c r="L23234" s="6" t="s">
        <v>4151</v>
      </c>
    </row>
    <row r="23235" spans="1:12">
      <c r="A23235" s="6" t="s">
        <v>4151</v>
      </c>
      <c r="B23235" s="6"/>
      <c r="C23235" s="6" t="s">
        <v>23271</v>
      </c>
      <c r="D23235" s="6"/>
      <c r="E23235" s="6" t="s">
        <v>9</v>
      </c>
      <c r="F23235" s="7">
        <v>38657</v>
      </c>
      <c r="G23235" s="8">
        <v>1</v>
      </c>
      <c r="H23235" s="8">
        <v>1</v>
      </c>
      <c r="I23235" s="8">
        <v>0</v>
      </c>
      <c r="J23235" s="8">
        <v>1</v>
      </c>
      <c r="K23235" s="9">
        <v>25</v>
      </c>
      <c r="L23235" s="6" t="s">
        <v>4151</v>
      </c>
    </row>
    <row r="23236" spans="1:12">
      <c r="A23236" s="6" t="s">
        <v>4151</v>
      </c>
      <c r="B23236" s="6"/>
      <c r="C23236" s="6" t="s">
        <v>23272</v>
      </c>
      <c r="D23236" s="6"/>
      <c r="E23236" s="6" t="s">
        <v>9</v>
      </c>
      <c r="F23236" s="7">
        <v>38657</v>
      </c>
      <c r="G23236" s="8">
        <v>1</v>
      </c>
      <c r="H23236" s="8">
        <v>1</v>
      </c>
      <c r="I23236" s="8">
        <v>0</v>
      </c>
      <c r="J23236" s="8">
        <v>1</v>
      </c>
      <c r="K23236" s="9">
        <v>14</v>
      </c>
      <c r="L23236" s="6" t="s">
        <v>4151</v>
      </c>
    </row>
    <row r="23237" spans="1:12">
      <c r="A23237" s="6" t="s">
        <v>4151</v>
      </c>
      <c r="B23237" s="6"/>
      <c r="C23237" s="6" t="s">
        <v>23273</v>
      </c>
      <c r="D23237" s="6"/>
      <c r="E23237" s="6" t="s">
        <v>9</v>
      </c>
      <c r="F23237" s="7">
        <v>38657</v>
      </c>
      <c r="G23237" s="8">
        <v>1</v>
      </c>
      <c r="H23237" s="8">
        <v>1</v>
      </c>
      <c r="I23237" s="8">
        <v>0</v>
      </c>
      <c r="J23237" s="8">
        <v>1</v>
      </c>
      <c r="K23237" s="9">
        <v>13</v>
      </c>
      <c r="L23237" s="6" t="s">
        <v>4151</v>
      </c>
    </row>
    <row r="23238" spans="1:12">
      <c r="A23238" s="6" t="s">
        <v>4151</v>
      </c>
      <c r="B23238" s="6"/>
      <c r="C23238" s="6" t="s">
        <v>23274</v>
      </c>
      <c r="D23238" s="6"/>
      <c r="E23238" s="6" t="s">
        <v>9</v>
      </c>
      <c r="F23238" s="7">
        <v>38657</v>
      </c>
      <c r="G23238" s="8">
        <v>1</v>
      </c>
      <c r="H23238" s="8">
        <v>1</v>
      </c>
      <c r="I23238" s="8">
        <v>0</v>
      </c>
      <c r="J23238" s="8">
        <v>1</v>
      </c>
      <c r="K23238" s="9">
        <v>24</v>
      </c>
      <c r="L23238" s="6" t="s">
        <v>4151</v>
      </c>
    </row>
    <row r="23239" spans="1:12">
      <c r="A23239" s="6" t="s">
        <v>4151</v>
      </c>
      <c r="B23239" s="6"/>
      <c r="C23239" s="6" t="s">
        <v>23275</v>
      </c>
      <c r="D23239" s="6"/>
      <c r="E23239" s="6" t="s">
        <v>9</v>
      </c>
      <c r="F23239" s="7">
        <v>38657</v>
      </c>
      <c r="G23239" s="8">
        <v>1</v>
      </c>
      <c r="H23239" s="8">
        <v>1</v>
      </c>
      <c r="I23239" s="8">
        <v>0</v>
      </c>
      <c r="J23239" s="8">
        <v>1</v>
      </c>
      <c r="K23239" s="9">
        <v>6.12</v>
      </c>
      <c r="L23239" s="6" t="s">
        <v>4151</v>
      </c>
    </row>
    <row r="23240" spans="1:12">
      <c r="A23240" s="6" t="s">
        <v>4151</v>
      </c>
      <c r="B23240" s="6"/>
      <c r="C23240" s="6" t="s">
        <v>23276</v>
      </c>
      <c r="D23240" s="6"/>
      <c r="E23240" s="6" t="s">
        <v>9</v>
      </c>
      <c r="F23240" s="7">
        <v>38657</v>
      </c>
      <c r="G23240" s="8">
        <v>1</v>
      </c>
      <c r="H23240" s="8">
        <v>1</v>
      </c>
      <c r="I23240" s="8">
        <v>0</v>
      </c>
      <c r="J23240" s="8">
        <v>1</v>
      </c>
      <c r="K23240" s="9">
        <v>6.3</v>
      </c>
      <c r="L23240" s="6" t="s">
        <v>4151</v>
      </c>
    </row>
    <row r="23241" spans="1:12">
      <c r="A23241" s="6" t="s">
        <v>4151</v>
      </c>
      <c r="B23241" s="6"/>
      <c r="C23241" s="6" t="s">
        <v>23277</v>
      </c>
      <c r="D23241" s="6"/>
      <c r="E23241" s="6" t="s">
        <v>9</v>
      </c>
      <c r="F23241" s="7">
        <v>38657</v>
      </c>
      <c r="G23241" s="8">
        <v>1</v>
      </c>
      <c r="H23241" s="8">
        <v>1</v>
      </c>
      <c r="I23241" s="8">
        <v>0</v>
      </c>
      <c r="J23241" s="8">
        <v>1</v>
      </c>
      <c r="K23241" s="9">
        <v>8.2799999999999905</v>
      </c>
      <c r="L23241" s="6" t="s">
        <v>4151</v>
      </c>
    </row>
    <row r="23242" spans="1:12">
      <c r="A23242" s="6" t="s">
        <v>4151</v>
      </c>
      <c r="B23242" s="6"/>
      <c r="C23242" s="6" t="s">
        <v>23278</v>
      </c>
      <c r="D23242" s="6"/>
      <c r="E23242" s="6" t="s">
        <v>9</v>
      </c>
      <c r="F23242" s="7">
        <v>38657</v>
      </c>
      <c r="G23242" s="8">
        <v>1</v>
      </c>
      <c r="H23242" s="8">
        <v>1</v>
      </c>
      <c r="I23242" s="8">
        <v>0</v>
      </c>
      <c r="J23242" s="8">
        <v>1</v>
      </c>
      <c r="K23242" s="9">
        <v>85</v>
      </c>
      <c r="L23242" s="6" t="s">
        <v>4151</v>
      </c>
    </row>
    <row r="23243" spans="1:12">
      <c r="A23243" s="6" t="s">
        <v>4151</v>
      </c>
      <c r="B23243" s="6"/>
      <c r="C23243" s="6" t="s">
        <v>23279</v>
      </c>
      <c r="D23243" s="6"/>
      <c r="E23243" s="6" t="s">
        <v>9</v>
      </c>
      <c r="F23243" s="7">
        <v>38657</v>
      </c>
      <c r="G23243" s="8">
        <v>1</v>
      </c>
      <c r="H23243" s="8">
        <v>1</v>
      </c>
      <c r="I23243" s="8">
        <v>0</v>
      </c>
      <c r="J23243" s="8">
        <v>1</v>
      </c>
      <c r="K23243" s="9">
        <v>8.3699999999999903</v>
      </c>
      <c r="L23243" s="6" t="s">
        <v>4151</v>
      </c>
    </row>
    <row r="23244" spans="1:12">
      <c r="A23244" s="6" t="s">
        <v>4151</v>
      </c>
      <c r="B23244" s="6"/>
      <c r="C23244" s="6" t="s">
        <v>23280</v>
      </c>
      <c r="D23244" s="6"/>
      <c r="E23244" s="6" t="s">
        <v>9</v>
      </c>
      <c r="F23244" s="7">
        <v>38657</v>
      </c>
      <c r="G23244" s="8">
        <v>1</v>
      </c>
      <c r="H23244" s="8">
        <v>1</v>
      </c>
      <c r="I23244" s="8">
        <v>0</v>
      </c>
      <c r="J23244" s="8">
        <v>1</v>
      </c>
      <c r="K23244" s="9">
        <v>16</v>
      </c>
      <c r="L23244" s="6" t="s">
        <v>4151</v>
      </c>
    </row>
    <row r="23245" spans="1:12">
      <c r="A23245" s="6" t="s">
        <v>4151</v>
      </c>
      <c r="B23245" s="6"/>
      <c r="C23245" s="6" t="s">
        <v>23281</v>
      </c>
      <c r="D23245" s="6"/>
      <c r="E23245" s="6" t="s">
        <v>9</v>
      </c>
      <c r="F23245" s="7">
        <v>38657</v>
      </c>
      <c r="G23245" s="8">
        <v>1</v>
      </c>
      <c r="H23245" s="8">
        <v>1</v>
      </c>
      <c r="I23245" s="8">
        <v>0</v>
      </c>
      <c r="J23245" s="8">
        <v>1</v>
      </c>
      <c r="K23245" s="9">
        <v>9.9</v>
      </c>
      <c r="L23245" s="6" t="s">
        <v>4151</v>
      </c>
    </row>
    <row r="23246" spans="1:12">
      <c r="A23246" s="6" t="s">
        <v>4151</v>
      </c>
      <c r="B23246" s="6"/>
      <c r="C23246" s="6" t="s">
        <v>23282</v>
      </c>
      <c r="D23246" s="6"/>
      <c r="E23246" s="6" t="s">
        <v>9</v>
      </c>
      <c r="F23246" s="7">
        <v>38657</v>
      </c>
      <c r="G23246" s="8">
        <v>1</v>
      </c>
      <c r="H23246" s="8">
        <v>1</v>
      </c>
      <c r="I23246" s="8">
        <v>0</v>
      </c>
      <c r="J23246" s="8">
        <v>1</v>
      </c>
      <c r="K23246" s="9">
        <v>10</v>
      </c>
      <c r="L23246" s="6" t="s">
        <v>4151</v>
      </c>
    </row>
    <row r="23247" spans="1:12">
      <c r="A23247" s="6" t="s">
        <v>4151</v>
      </c>
      <c r="B23247" s="6"/>
      <c r="C23247" s="6" t="s">
        <v>23283</v>
      </c>
      <c r="D23247" s="6"/>
      <c r="E23247" s="6" t="s">
        <v>9</v>
      </c>
      <c r="F23247" s="7">
        <v>38657</v>
      </c>
      <c r="G23247" s="8">
        <v>1</v>
      </c>
      <c r="H23247" s="8">
        <v>1</v>
      </c>
      <c r="I23247" s="8">
        <v>0</v>
      </c>
      <c r="J23247" s="8">
        <v>1</v>
      </c>
      <c r="K23247" s="9">
        <v>8.4600000000000009</v>
      </c>
      <c r="L23247" s="6" t="s">
        <v>4151</v>
      </c>
    </row>
    <row r="23248" spans="1:12">
      <c r="A23248" s="6" t="s">
        <v>4151</v>
      </c>
      <c r="B23248" s="6"/>
      <c r="C23248" s="6" t="s">
        <v>23284</v>
      </c>
      <c r="D23248" s="6"/>
      <c r="E23248" s="6" t="s">
        <v>9</v>
      </c>
      <c r="F23248" s="7">
        <v>38657</v>
      </c>
      <c r="G23248" s="8">
        <v>1</v>
      </c>
      <c r="H23248" s="8">
        <v>1</v>
      </c>
      <c r="I23248" s="8">
        <v>0</v>
      </c>
      <c r="J23248" s="8">
        <v>1</v>
      </c>
      <c r="K23248" s="9">
        <v>8.1</v>
      </c>
      <c r="L23248" s="6" t="s">
        <v>4151</v>
      </c>
    </row>
    <row r="23249" spans="1:12">
      <c r="A23249" s="6" t="s">
        <v>4151</v>
      </c>
      <c r="B23249" s="6"/>
      <c r="C23249" s="6" t="s">
        <v>23285</v>
      </c>
      <c r="D23249" s="6"/>
      <c r="E23249" s="6" t="s">
        <v>9</v>
      </c>
      <c r="F23249" s="7">
        <v>38657</v>
      </c>
      <c r="G23249" s="8">
        <v>1</v>
      </c>
      <c r="H23249" s="8">
        <v>1</v>
      </c>
      <c r="I23249" s="8">
        <v>0</v>
      </c>
      <c r="J23249" s="8">
        <v>1</v>
      </c>
      <c r="K23249" s="9">
        <v>1.94</v>
      </c>
      <c r="L23249" s="6" t="s">
        <v>4151</v>
      </c>
    </row>
    <row r="23250" spans="1:12">
      <c r="A23250" s="6" t="s">
        <v>4151</v>
      </c>
      <c r="B23250" s="6"/>
      <c r="C23250" s="6" t="s">
        <v>23286</v>
      </c>
      <c r="D23250" s="6"/>
      <c r="E23250" s="6" t="s">
        <v>9</v>
      </c>
      <c r="F23250" s="7">
        <v>38657</v>
      </c>
      <c r="G23250" s="8">
        <v>1</v>
      </c>
      <c r="H23250" s="8">
        <v>1</v>
      </c>
      <c r="I23250" s="8">
        <v>0</v>
      </c>
      <c r="J23250" s="8">
        <v>1</v>
      </c>
      <c r="K23250" s="9">
        <v>9.4499999999999904</v>
      </c>
      <c r="L23250" s="6" t="s">
        <v>4151</v>
      </c>
    </row>
    <row r="23251" spans="1:12">
      <c r="A23251" s="6" t="s">
        <v>4151</v>
      </c>
      <c r="B23251" s="6"/>
      <c r="C23251" s="6" t="s">
        <v>23287</v>
      </c>
      <c r="D23251" s="6"/>
      <c r="E23251" s="6" t="s">
        <v>9</v>
      </c>
      <c r="F23251" s="7">
        <v>38657</v>
      </c>
      <c r="G23251" s="8">
        <v>1</v>
      </c>
      <c r="H23251" s="8">
        <v>1</v>
      </c>
      <c r="I23251" s="8">
        <v>0</v>
      </c>
      <c r="J23251" s="8">
        <v>1</v>
      </c>
      <c r="K23251" s="9">
        <v>3.02</v>
      </c>
      <c r="L23251" s="6" t="s">
        <v>4151</v>
      </c>
    </row>
    <row r="23252" spans="1:12">
      <c r="A23252" s="6" t="s">
        <v>4151</v>
      </c>
      <c r="B23252" s="6"/>
      <c r="C23252" s="6" t="s">
        <v>23288</v>
      </c>
      <c r="D23252" s="6"/>
      <c r="E23252" s="6" t="s">
        <v>9</v>
      </c>
      <c r="F23252" s="7">
        <v>38657</v>
      </c>
      <c r="G23252" s="8">
        <v>1</v>
      </c>
      <c r="H23252" s="8">
        <v>1</v>
      </c>
      <c r="I23252" s="8">
        <v>0</v>
      </c>
      <c r="J23252" s="8">
        <v>1</v>
      </c>
      <c r="K23252" s="9">
        <v>7.65</v>
      </c>
      <c r="L23252" s="6" t="s">
        <v>4151</v>
      </c>
    </row>
    <row r="23253" spans="1:12">
      <c r="A23253" s="6" t="s">
        <v>4151</v>
      </c>
      <c r="B23253" s="6"/>
      <c r="C23253" s="6" t="s">
        <v>23289</v>
      </c>
      <c r="D23253" s="6"/>
      <c r="E23253" s="6" t="s">
        <v>9</v>
      </c>
      <c r="F23253" s="7">
        <v>38657</v>
      </c>
      <c r="G23253" s="8">
        <v>1</v>
      </c>
      <c r="H23253" s="8">
        <v>1</v>
      </c>
      <c r="I23253" s="8">
        <v>0</v>
      </c>
      <c r="J23253" s="8">
        <v>1</v>
      </c>
      <c r="K23253" s="9">
        <v>76</v>
      </c>
      <c r="L23253" s="6" t="s">
        <v>4151</v>
      </c>
    </row>
    <row r="23254" spans="1:12">
      <c r="A23254" s="6" t="s">
        <v>4151</v>
      </c>
      <c r="B23254" s="6"/>
      <c r="C23254" s="6" t="s">
        <v>23290</v>
      </c>
      <c r="D23254" s="6"/>
      <c r="E23254" s="6" t="s">
        <v>9</v>
      </c>
      <c r="F23254" s="7">
        <v>38657</v>
      </c>
      <c r="G23254" s="8">
        <v>1</v>
      </c>
      <c r="H23254" s="8">
        <v>1</v>
      </c>
      <c r="I23254" s="8">
        <v>0</v>
      </c>
      <c r="J23254" s="8">
        <v>1</v>
      </c>
      <c r="K23254" s="9">
        <v>8.1</v>
      </c>
      <c r="L23254" s="6" t="s">
        <v>4151</v>
      </c>
    </row>
    <row r="23255" spans="1:12">
      <c r="A23255" s="6" t="s">
        <v>4151</v>
      </c>
      <c r="B23255" s="6"/>
      <c r="C23255" s="6" t="s">
        <v>23291</v>
      </c>
      <c r="D23255" s="6"/>
      <c r="E23255" s="6" t="s">
        <v>9</v>
      </c>
      <c r="F23255" s="7">
        <v>38657</v>
      </c>
      <c r="G23255" s="8">
        <v>1</v>
      </c>
      <c r="H23255" s="8">
        <v>1</v>
      </c>
      <c r="I23255" s="8">
        <v>0</v>
      </c>
      <c r="J23255" s="8">
        <v>1</v>
      </c>
      <c r="K23255" s="9">
        <v>8.19</v>
      </c>
      <c r="L23255" s="6" t="s">
        <v>4151</v>
      </c>
    </row>
    <row r="23256" spans="1:12">
      <c r="A23256" s="6" t="s">
        <v>4151</v>
      </c>
      <c r="B23256" s="6"/>
      <c r="C23256" s="6" t="s">
        <v>23292</v>
      </c>
      <c r="D23256" s="6"/>
      <c r="E23256" s="6" t="s">
        <v>9</v>
      </c>
      <c r="F23256" s="7">
        <v>38657</v>
      </c>
      <c r="G23256" s="8">
        <v>1</v>
      </c>
      <c r="H23256" s="8">
        <v>1</v>
      </c>
      <c r="I23256" s="8">
        <v>0</v>
      </c>
      <c r="J23256" s="8">
        <v>1</v>
      </c>
      <c r="K23256" s="9">
        <v>8.3699999999999903</v>
      </c>
      <c r="L23256" s="6" t="s">
        <v>4151</v>
      </c>
    </row>
    <row r="23257" spans="1:12">
      <c r="A23257" s="6" t="s">
        <v>4151</v>
      </c>
      <c r="B23257" s="6"/>
      <c r="C23257" s="6" t="s">
        <v>23293</v>
      </c>
      <c r="D23257" s="6"/>
      <c r="E23257" s="6" t="s">
        <v>9</v>
      </c>
      <c r="F23257" s="7">
        <v>38657</v>
      </c>
      <c r="G23257" s="8">
        <v>1</v>
      </c>
      <c r="H23257" s="8">
        <v>1</v>
      </c>
      <c r="I23257" s="8">
        <v>0</v>
      </c>
      <c r="J23257" s="8">
        <v>1</v>
      </c>
      <c r="K23257" s="9">
        <v>9.5399999999999903</v>
      </c>
      <c r="L23257" s="6" t="s">
        <v>4151</v>
      </c>
    </row>
    <row r="23258" spans="1:12">
      <c r="A23258" s="6" t="s">
        <v>4151</v>
      </c>
      <c r="B23258" s="6"/>
      <c r="C23258" s="6" t="s">
        <v>23294</v>
      </c>
      <c r="D23258" s="6"/>
      <c r="E23258" s="6" t="s">
        <v>9</v>
      </c>
      <c r="F23258" s="7">
        <v>38657</v>
      </c>
      <c r="G23258" s="8">
        <v>1</v>
      </c>
      <c r="H23258" s="8">
        <v>1</v>
      </c>
      <c r="I23258" s="8">
        <v>0</v>
      </c>
      <c r="J23258" s="8">
        <v>1</v>
      </c>
      <c r="K23258" s="9">
        <v>7.38</v>
      </c>
      <c r="L23258" s="6" t="s">
        <v>4151</v>
      </c>
    </row>
    <row r="23259" spans="1:12">
      <c r="A23259" s="6" t="s">
        <v>4151</v>
      </c>
      <c r="B23259" s="6"/>
      <c r="C23259" s="6" t="s">
        <v>23295</v>
      </c>
      <c r="D23259" s="6"/>
      <c r="E23259" s="6" t="s">
        <v>9</v>
      </c>
      <c r="F23259" s="7">
        <v>38657</v>
      </c>
      <c r="G23259" s="8">
        <v>1</v>
      </c>
      <c r="H23259" s="8">
        <v>1</v>
      </c>
      <c r="I23259" s="8">
        <v>0</v>
      </c>
      <c r="J23259" s="8">
        <v>1</v>
      </c>
      <c r="K23259" s="9">
        <v>4.68</v>
      </c>
      <c r="L23259" s="6" t="s">
        <v>4151</v>
      </c>
    </row>
    <row r="23260" spans="1:12">
      <c r="A23260" s="6" t="s">
        <v>4151</v>
      </c>
      <c r="B23260" s="6"/>
      <c r="C23260" s="6" t="s">
        <v>23296</v>
      </c>
      <c r="D23260" s="6"/>
      <c r="E23260" s="6" t="s">
        <v>9</v>
      </c>
      <c r="F23260" s="7">
        <v>38657</v>
      </c>
      <c r="G23260" s="8">
        <v>1</v>
      </c>
      <c r="H23260" s="8">
        <v>1</v>
      </c>
      <c r="I23260" s="8">
        <v>0</v>
      </c>
      <c r="J23260" s="8">
        <v>1</v>
      </c>
      <c r="K23260" s="9">
        <v>6.75</v>
      </c>
      <c r="L23260" s="6" t="s">
        <v>4151</v>
      </c>
    </row>
    <row r="23261" spans="1:12">
      <c r="A23261" s="6" t="s">
        <v>4151</v>
      </c>
      <c r="B23261" s="6"/>
      <c r="C23261" s="6" t="s">
        <v>23297</v>
      </c>
      <c r="D23261" s="6"/>
      <c r="E23261" s="6" t="s">
        <v>9</v>
      </c>
      <c r="F23261" s="7">
        <v>38657</v>
      </c>
      <c r="G23261" s="8">
        <v>1</v>
      </c>
      <c r="H23261" s="8">
        <v>1</v>
      </c>
      <c r="I23261" s="8">
        <v>0</v>
      </c>
      <c r="J23261" s="8">
        <v>1</v>
      </c>
      <c r="K23261" s="9">
        <v>12</v>
      </c>
      <c r="L23261" s="6" t="s">
        <v>4151</v>
      </c>
    </row>
    <row r="23262" spans="1:12">
      <c r="A23262" s="6" t="s">
        <v>4151</v>
      </c>
      <c r="B23262" s="6"/>
      <c r="C23262" s="6" t="s">
        <v>23298</v>
      </c>
      <c r="D23262" s="6"/>
      <c r="E23262" s="6" t="s">
        <v>9</v>
      </c>
      <c r="F23262" s="7">
        <v>38657</v>
      </c>
      <c r="G23262" s="8">
        <v>1</v>
      </c>
      <c r="H23262" s="8">
        <v>1</v>
      </c>
      <c r="I23262" s="8">
        <v>0</v>
      </c>
      <c r="J23262" s="8">
        <v>1</v>
      </c>
      <c r="K23262" s="9">
        <v>3.42</v>
      </c>
      <c r="L23262" s="6" t="s">
        <v>4151</v>
      </c>
    </row>
    <row r="23263" spans="1:12">
      <c r="A23263" s="6" t="s">
        <v>4151</v>
      </c>
      <c r="B23263" s="6"/>
      <c r="C23263" s="6" t="s">
        <v>23299</v>
      </c>
      <c r="D23263" s="6"/>
      <c r="E23263" s="6" t="s">
        <v>9</v>
      </c>
      <c r="F23263" s="7">
        <v>38657</v>
      </c>
      <c r="G23263" s="8">
        <v>1</v>
      </c>
      <c r="H23263" s="8">
        <v>1</v>
      </c>
      <c r="I23263" s="8">
        <v>0</v>
      </c>
      <c r="J23263" s="8">
        <v>1</v>
      </c>
      <c r="K23263" s="9">
        <v>11</v>
      </c>
      <c r="L23263" s="6" t="s">
        <v>4151</v>
      </c>
    </row>
    <row r="23264" spans="1:12">
      <c r="A23264" s="6" t="s">
        <v>4151</v>
      </c>
      <c r="B23264" s="6"/>
      <c r="C23264" s="6" t="s">
        <v>23300</v>
      </c>
      <c r="D23264" s="6"/>
      <c r="E23264" s="6" t="s">
        <v>9</v>
      </c>
      <c r="F23264" s="7">
        <v>38657</v>
      </c>
      <c r="G23264" s="8">
        <v>1</v>
      </c>
      <c r="H23264" s="8">
        <v>1</v>
      </c>
      <c r="I23264" s="8">
        <v>0</v>
      </c>
      <c r="J23264" s="8">
        <v>1</v>
      </c>
      <c r="K23264" s="9">
        <v>89</v>
      </c>
      <c r="L23264" s="6" t="s">
        <v>4151</v>
      </c>
    </row>
    <row r="23265" spans="1:12">
      <c r="A23265" s="6" t="s">
        <v>4151</v>
      </c>
      <c r="B23265" s="6"/>
      <c r="C23265" s="6" t="s">
        <v>23301</v>
      </c>
      <c r="D23265" s="6"/>
      <c r="E23265" s="6" t="s">
        <v>9</v>
      </c>
      <c r="F23265" s="7">
        <v>38657</v>
      </c>
      <c r="G23265" s="8">
        <v>1</v>
      </c>
      <c r="H23265" s="8">
        <v>1</v>
      </c>
      <c r="I23265" s="8">
        <v>0</v>
      </c>
      <c r="J23265" s="8">
        <v>1</v>
      </c>
      <c r="K23265" s="9">
        <v>6.48</v>
      </c>
      <c r="L23265" s="6" t="s">
        <v>4151</v>
      </c>
    </row>
    <row r="23266" spans="1:12">
      <c r="A23266" s="6" t="s">
        <v>4151</v>
      </c>
      <c r="B23266" s="6"/>
      <c r="C23266" s="6" t="s">
        <v>23302</v>
      </c>
      <c r="D23266" s="6"/>
      <c r="E23266" s="6" t="s">
        <v>9</v>
      </c>
      <c r="F23266" s="7">
        <v>38657</v>
      </c>
      <c r="G23266" s="8">
        <v>1</v>
      </c>
      <c r="H23266" s="8">
        <v>1</v>
      </c>
      <c r="I23266" s="8">
        <v>0</v>
      </c>
      <c r="J23266" s="8">
        <v>1</v>
      </c>
      <c r="K23266" s="9">
        <v>8.82</v>
      </c>
      <c r="L23266" s="6" t="s">
        <v>4151</v>
      </c>
    </row>
    <row r="23267" spans="1:12">
      <c r="A23267" s="6" t="s">
        <v>4151</v>
      </c>
      <c r="B23267" s="6"/>
      <c r="C23267" s="6" t="s">
        <v>23303</v>
      </c>
      <c r="D23267" s="6"/>
      <c r="E23267" s="6" t="s">
        <v>9</v>
      </c>
      <c r="F23267" s="7">
        <v>38657</v>
      </c>
      <c r="G23267" s="8">
        <v>1</v>
      </c>
      <c r="H23267" s="8">
        <v>1</v>
      </c>
      <c r="I23267" s="8">
        <v>0</v>
      </c>
      <c r="J23267" s="8">
        <v>1</v>
      </c>
      <c r="K23267" s="9">
        <v>14</v>
      </c>
      <c r="L23267" s="6" t="s">
        <v>4151</v>
      </c>
    </row>
    <row r="23268" spans="1:12">
      <c r="A23268" s="6" t="s">
        <v>4151</v>
      </c>
      <c r="B23268" s="6"/>
      <c r="C23268" s="6" t="s">
        <v>23304</v>
      </c>
      <c r="D23268" s="6"/>
      <c r="E23268" s="6" t="s">
        <v>9</v>
      </c>
      <c r="F23268" s="7">
        <v>38657</v>
      </c>
      <c r="G23268" s="8">
        <v>1</v>
      </c>
      <c r="H23268" s="8">
        <v>1</v>
      </c>
      <c r="I23268" s="8">
        <v>0</v>
      </c>
      <c r="J23268" s="8">
        <v>1</v>
      </c>
      <c r="K23268" s="9">
        <v>2.81</v>
      </c>
      <c r="L23268" s="6" t="s">
        <v>4151</v>
      </c>
    </row>
    <row r="23269" spans="1:12">
      <c r="A23269" s="6" t="s">
        <v>4151</v>
      </c>
      <c r="B23269" s="6"/>
      <c r="C23269" s="6" t="s">
        <v>23305</v>
      </c>
      <c r="D23269" s="6"/>
      <c r="E23269" s="6" t="s">
        <v>9</v>
      </c>
      <c r="F23269" s="7">
        <v>38657</v>
      </c>
      <c r="G23269" s="8">
        <v>1</v>
      </c>
      <c r="H23269" s="8">
        <v>1</v>
      </c>
      <c r="I23269" s="8">
        <v>0</v>
      </c>
      <c r="J23269" s="8">
        <v>1</v>
      </c>
      <c r="K23269" s="9">
        <v>7.82</v>
      </c>
      <c r="L23269" s="6" t="s">
        <v>4151</v>
      </c>
    </row>
    <row r="23270" spans="1:12">
      <c r="A23270" s="6" t="s">
        <v>4151</v>
      </c>
      <c r="B23270" s="6"/>
      <c r="C23270" s="6" t="s">
        <v>23306</v>
      </c>
      <c r="D23270" s="6"/>
      <c r="E23270" s="6" t="s">
        <v>9</v>
      </c>
      <c r="F23270" s="7">
        <v>38657</v>
      </c>
      <c r="G23270" s="8">
        <v>1</v>
      </c>
      <c r="H23270" s="8">
        <v>1</v>
      </c>
      <c r="I23270" s="8">
        <v>0</v>
      </c>
      <c r="J23270" s="8">
        <v>1</v>
      </c>
      <c r="K23270" s="9">
        <v>8.19</v>
      </c>
      <c r="L23270" s="6" t="s">
        <v>4151</v>
      </c>
    </row>
    <row r="23271" spans="1:12">
      <c r="A23271" s="6" t="s">
        <v>4151</v>
      </c>
      <c r="B23271" s="6"/>
      <c r="C23271" s="6" t="s">
        <v>23307</v>
      </c>
      <c r="D23271" s="6"/>
      <c r="E23271" s="6" t="s">
        <v>9</v>
      </c>
      <c r="F23271" s="7">
        <v>38657</v>
      </c>
      <c r="G23271" s="8">
        <v>1</v>
      </c>
      <c r="H23271" s="8">
        <v>1</v>
      </c>
      <c r="I23271" s="8">
        <v>0</v>
      </c>
      <c r="J23271" s="8">
        <v>1</v>
      </c>
      <c r="K23271" s="9">
        <v>4.41</v>
      </c>
      <c r="L23271" s="6" t="s">
        <v>4151</v>
      </c>
    </row>
    <row r="23272" spans="1:12">
      <c r="A23272" s="6" t="s">
        <v>4151</v>
      </c>
      <c r="B23272" s="6"/>
      <c r="C23272" s="6" t="s">
        <v>23308</v>
      </c>
      <c r="D23272" s="6"/>
      <c r="E23272" s="6" t="s">
        <v>9</v>
      </c>
      <c r="F23272" s="7">
        <v>38657</v>
      </c>
      <c r="G23272" s="8">
        <v>1</v>
      </c>
      <c r="H23272" s="8">
        <v>1</v>
      </c>
      <c r="I23272" s="8">
        <v>0</v>
      </c>
      <c r="J23272" s="8">
        <v>1</v>
      </c>
      <c r="K23272" s="9">
        <v>12</v>
      </c>
      <c r="L23272" s="6" t="s">
        <v>4151</v>
      </c>
    </row>
    <row r="23273" spans="1:12">
      <c r="A23273" s="6" t="s">
        <v>4151</v>
      </c>
      <c r="B23273" s="6"/>
      <c r="C23273" s="6" t="s">
        <v>23309</v>
      </c>
      <c r="D23273" s="6"/>
      <c r="E23273" s="6" t="s">
        <v>9</v>
      </c>
      <c r="F23273" s="7">
        <v>38657</v>
      </c>
      <c r="G23273" s="8">
        <v>1</v>
      </c>
      <c r="H23273" s="8">
        <v>1</v>
      </c>
      <c r="I23273" s="8">
        <v>0</v>
      </c>
      <c r="J23273" s="8">
        <v>1</v>
      </c>
      <c r="K23273" s="9">
        <v>6.03</v>
      </c>
      <c r="L23273" s="6" t="s">
        <v>4151</v>
      </c>
    </row>
    <row r="23274" spans="1:12">
      <c r="A23274" s="6" t="s">
        <v>4151</v>
      </c>
      <c r="B23274" s="6"/>
      <c r="C23274" s="6" t="s">
        <v>23310</v>
      </c>
      <c r="D23274" s="6"/>
      <c r="E23274" s="6" t="s">
        <v>9</v>
      </c>
      <c r="F23274" s="7">
        <v>38657</v>
      </c>
      <c r="G23274" s="8">
        <v>1</v>
      </c>
      <c r="H23274" s="8">
        <v>1</v>
      </c>
      <c r="I23274" s="8">
        <v>0</v>
      </c>
      <c r="J23274" s="8">
        <v>1</v>
      </c>
      <c r="K23274" s="9">
        <v>5.04</v>
      </c>
      <c r="L23274" s="6" t="s">
        <v>4151</v>
      </c>
    </row>
    <row r="23275" spans="1:12">
      <c r="A23275" s="6" t="s">
        <v>4151</v>
      </c>
      <c r="B23275" s="6"/>
      <c r="C23275" s="6" t="s">
        <v>23311</v>
      </c>
      <c r="D23275" s="6"/>
      <c r="E23275" s="6" t="s">
        <v>9</v>
      </c>
      <c r="F23275" s="7">
        <v>38657</v>
      </c>
      <c r="G23275" s="8">
        <v>1</v>
      </c>
      <c r="H23275" s="8">
        <v>1</v>
      </c>
      <c r="I23275" s="8">
        <v>0</v>
      </c>
      <c r="J23275" s="8">
        <v>1</v>
      </c>
      <c r="K23275" s="9">
        <v>431</v>
      </c>
      <c r="L23275" s="6" t="s">
        <v>4151</v>
      </c>
    </row>
    <row r="23276" spans="1:12">
      <c r="A23276" s="6" t="s">
        <v>4151</v>
      </c>
      <c r="B23276" s="6"/>
      <c r="C23276" s="6" t="s">
        <v>23312</v>
      </c>
      <c r="D23276" s="6"/>
      <c r="E23276" s="6" t="s">
        <v>9</v>
      </c>
      <c r="F23276" s="7">
        <v>38657</v>
      </c>
      <c r="G23276" s="8">
        <v>1</v>
      </c>
      <c r="H23276" s="8">
        <v>1</v>
      </c>
      <c r="I23276" s="8">
        <v>0</v>
      </c>
      <c r="J23276" s="8">
        <v>1</v>
      </c>
      <c r="K23276" s="9">
        <v>5.58</v>
      </c>
      <c r="L23276" s="6" t="s">
        <v>4151</v>
      </c>
    </row>
    <row r="23277" spans="1:12">
      <c r="A23277" s="6" t="s">
        <v>4151</v>
      </c>
      <c r="B23277" s="6"/>
      <c r="C23277" s="6" t="s">
        <v>23313</v>
      </c>
      <c r="D23277" s="6"/>
      <c r="E23277" s="6" t="s">
        <v>9</v>
      </c>
      <c r="F23277" s="7">
        <v>38657</v>
      </c>
      <c r="G23277" s="8">
        <v>1</v>
      </c>
      <c r="H23277" s="8">
        <v>1</v>
      </c>
      <c r="I23277" s="8">
        <v>0</v>
      </c>
      <c r="J23277" s="8">
        <v>1</v>
      </c>
      <c r="K23277" s="9">
        <v>17</v>
      </c>
      <c r="L23277" s="6" t="s">
        <v>4151</v>
      </c>
    </row>
    <row r="23278" spans="1:12">
      <c r="A23278" s="6" t="s">
        <v>4151</v>
      </c>
      <c r="B23278" s="6"/>
      <c r="C23278" s="6" t="s">
        <v>23314</v>
      </c>
      <c r="D23278" s="6"/>
      <c r="E23278" s="6" t="s">
        <v>9</v>
      </c>
      <c r="F23278" s="7">
        <v>38657</v>
      </c>
      <c r="G23278" s="8">
        <v>1</v>
      </c>
      <c r="H23278" s="8">
        <v>1</v>
      </c>
      <c r="I23278" s="8">
        <v>0</v>
      </c>
      <c r="J23278" s="8">
        <v>1</v>
      </c>
      <c r="K23278" s="9">
        <v>5.76</v>
      </c>
      <c r="L23278" s="6" t="s">
        <v>4151</v>
      </c>
    </row>
    <row r="23279" spans="1:12">
      <c r="A23279" s="6" t="s">
        <v>4151</v>
      </c>
      <c r="B23279" s="6"/>
      <c r="C23279" s="6" t="s">
        <v>23315</v>
      </c>
      <c r="D23279" s="6"/>
      <c r="E23279" s="6" t="s">
        <v>9</v>
      </c>
      <c r="F23279" s="7">
        <v>38657</v>
      </c>
      <c r="G23279" s="8">
        <v>1</v>
      </c>
      <c r="H23279" s="8">
        <v>1</v>
      </c>
      <c r="I23279" s="8">
        <v>0</v>
      </c>
      <c r="J23279" s="8">
        <v>1</v>
      </c>
      <c r="K23279" s="9">
        <v>13</v>
      </c>
      <c r="L23279" s="6" t="s">
        <v>4151</v>
      </c>
    </row>
    <row r="23280" spans="1:12">
      <c r="A23280" s="6" t="s">
        <v>4151</v>
      </c>
      <c r="B23280" s="6"/>
      <c r="C23280" s="6" t="s">
        <v>23316</v>
      </c>
      <c r="D23280" s="6"/>
      <c r="E23280" s="6" t="s">
        <v>9</v>
      </c>
      <c r="F23280" s="7">
        <v>38657</v>
      </c>
      <c r="G23280" s="8">
        <v>1</v>
      </c>
      <c r="H23280" s="8">
        <v>1</v>
      </c>
      <c r="I23280" s="8">
        <v>0</v>
      </c>
      <c r="J23280" s="8">
        <v>1</v>
      </c>
      <c r="K23280" s="9">
        <v>13</v>
      </c>
      <c r="L23280" s="6" t="s">
        <v>4151</v>
      </c>
    </row>
    <row r="23281" spans="1:12">
      <c r="A23281" s="6" t="s">
        <v>4151</v>
      </c>
      <c r="B23281" s="6"/>
      <c r="C23281" s="6" t="s">
        <v>23317</v>
      </c>
      <c r="D23281" s="6"/>
      <c r="E23281" s="6" t="s">
        <v>9</v>
      </c>
      <c r="F23281" s="7">
        <v>38657</v>
      </c>
      <c r="G23281" s="8">
        <v>1</v>
      </c>
      <c r="H23281" s="8">
        <v>1</v>
      </c>
      <c r="I23281" s="8">
        <v>0</v>
      </c>
      <c r="J23281" s="8">
        <v>1</v>
      </c>
      <c r="K23281" s="9">
        <v>7.9</v>
      </c>
      <c r="L23281" s="6" t="s">
        <v>4151</v>
      </c>
    </row>
    <row r="23282" spans="1:12">
      <c r="A23282" s="6" t="s">
        <v>4151</v>
      </c>
      <c r="B23282" s="6"/>
      <c r="C23282" s="6" t="s">
        <v>23318</v>
      </c>
      <c r="D23282" s="6"/>
      <c r="E23282" s="6" t="s">
        <v>9</v>
      </c>
      <c r="F23282" s="7">
        <v>38657</v>
      </c>
      <c r="G23282" s="8">
        <v>1</v>
      </c>
      <c r="H23282" s="8">
        <v>1</v>
      </c>
      <c r="I23282" s="8">
        <v>0</v>
      </c>
      <c r="J23282" s="8">
        <v>1</v>
      </c>
      <c r="K23282" s="9">
        <v>7.02</v>
      </c>
      <c r="L23282" s="6" t="s">
        <v>4151</v>
      </c>
    </row>
    <row r="23283" spans="1:12">
      <c r="A23283" s="6" t="s">
        <v>4151</v>
      </c>
      <c r="B23283" s="6"/>
      <c r="C23283" s="6" t="s">
        <v>23319</v>
      </c>
      <c r="D23283" s="6"/>
      <c r="E23283" s="6" t="s">
        <v>9</v>
      </c>
      <c r="F23283" s="7">
        <v>38657</v>
      </c>
      <c r="G23283" s="8">
        <v>1</v>
      </c>
      <c r="H23283" s="8">
        <v>1</v>
      </c>
      <c r="I23283" s="8">
        <v>0</v>
      </c>
      <c r="J23283" s="8">
        <v>1</v>
      </c>
      <c r="K23283" s="9">
        <v>30</v>
      </c>
      <c r="L23283" s="6" t="s">
        <v>4151</v>
      </c>
    </row>
    <row r="23284" spans="1:12">
      <c r="A23284" s="6" t="s">
        <v>4151</v>
      </c>
      <c r="B23284" s="6"/>
      <c r="C23284" s="6" t="s">
        <v>23320</v>
      </c>
      <c r="D23284" s="6"/>
      <c r="E23284" s="6" t="s">
        <v>9</v>
      </c>
      <c r="F23284" s="7">
        <v>38657</v>
      </c>
      <c r="G23284" s="8">
        <v>1</v>
      </c>
      <c r="H23284" s="8">
        <v>1</v>
      </c>
      <c r="I23284" s="8">
        <v>0</v>
      </c>
      <c r="J23284" s="8">
        <v>1</v>
      </c>
      <c r="K23284" s="9">
        <v>17</v>
      </c>
      <c r="L23284" s="6" t="s">
        <v>4151</v>
      </c>
    </row>
    <row r="23285" spans="1:12">
      <c r="A23285" s="6" t="s">
        <v>4151</v>
      </c>
      <c r="B23285" s="6"/>
      <c r="C23285" s="6" t="s">
        <v>23321</v>
      </c>
      <c r="D23285" s="6"/>
      <c r="E23285" s="6" t="s">
        <v>9</v>
      </c>
      <c r="F23285" s="7">
        <v>38657</v>
      </c>
      <c r="G23285" s="8">
        <v>1</v>
      </c>
      <c r="H23285" s="8">
        <v>1</v>
      </c>
      <c r="I23285" s="8">
        <v>0</v>
      </c>
      <c r="J23285" s="8">
        <v>1</v>
      </c>
      <c r="K23285" s="9">
        <v>28</v>
      </c>
      <c r="L23285" s="6" t="s">
        <v>4151</v>
      </c>
    </row>
    <row r="23286" spans="1:12">
      <c r="A23286" s="6" t="s">
        <v>4151</v>
      </c>
      <c r="B23286" s="6"/>
      <c r="C23286" s="6" t="s">
        <v>23322</v>
      </c>
      <c r="D23286" s="6"/>
      <c r="E23286" s="6" t="s">
        <v>9</v>
      </c>
      <c r="F23286" s="7">
        <v>38657</v>
      </c>
      <c r="G23286" s="8">
        <v>1</v>
      </c>
      <c r="H23286" s="8">
        <v>1</v>
      </c>
      <c r="I23286" s="8">
        <v>0</v>
      </c>
      <c r="J23286" s="8">
        <v>1</v>
      </c>
      <c r="K23286" s="9">
        <v>53</v>
      </c>
      <c r="L23286" s="6" t="s">
        <v>4151</v>
      </c>
    </row>
    <row r="23287" spans="1:12">
      <c r="A23287" s="6" t="s">
        <v>4151</v>
      </c>
      <c r="B23287" s="6"/>
      <c r="C23287" s="6" t="s">
        <v>23323</v>
      </c>
      <c r="D23287" s="6"/>
      <c r="E23287" s="6" t="s">
        <v>9</v>
      </c>
      <c r="F23287" s="7">
        <v>38657</v>
      </c>
      <c r="G23287" s="8">
        <v>1</v>
      </c>
      <c r="H23287" s="8">
        <v>1</v>
      </c>
      <c r="I23287" s="8">
        <v>0</v>
      </c>
      <c r="J23287" s="8">
        <v>1</v>
      </c>
      <c r="K23287" s="9">
        <v>28</v>
      </c>
      <c r="L23287" s="6" t="s">
        <v>4151</v>
      </c>
    </row>
    <row r="23288" spans="1:12">
      <c r="A23288" s="6" t="s">
        <v>4151</v>
      </c>
      <c r="B23288" s="6"/>
      <c r="C23288" s="6" t="s">
        <v>23324</v>
      </c>
      <c r="D23288" s="6"/>
      <c r="E23288" s="6" t="s">
        <v>9</v>
      </c>
      <c r="F23288" s="7">
        <v>38657</v>
      </c>
      <c r="G23288" s="8">
        <v>1</v>
      </c>
      <c r="H23288" s="8">
        <v>1</v>
      </c>
      <c r="I23288" s="8">
        <v>0</v>
      </c>
      <c r="J23288" s="8">
        <v>1</v>
      </c>
      <c r="K23288" s="9">
        <v>28</v>
      </c>
      <c r="L23288" s="6" t="s">
        <v>4151</v>
      </c>
    </row>
    <row r="23289" spans="1:12">
      <c r="A23289" s="6" t="s">
        <v>4151</v>
      </c>
      <c r="B23289" s="6"/>
      <c r="C23289" s="6" t="s">
        <v>23325</v>
      </c>
      <c r="D23289" s="6"/>
      <c r="E23289" s="6" t="s">
        <v>9</v>
      </c>
      <c r="F23289" s="7">
        <v>38657</v>
      </c>
      <c r="G23289" s="8">
        <v>1</v>
      </c>
      <c r="H23289" s="8">
        <v>1</v>
      </c>
      <c r="I23289" s="8">
        <v>0</v>
      </c>
      <c r="J23289" s="8">
        <v>1</v>
      </c>
      <c r="K23289" s="9">
        <v>28</v>
      </c>
      <c r="L23289" s="6" t="s">
        <v>4151</v>
      </c>
    </row>
    <row r="23290" spans="1:12">
      <c r="A23290" s="6" t="s">
        <v>4151</v>
      </c>
      <c r="B23290" s="6"/>
      <c r="C23290" s="6" t="s">
        <v>23326</v>
      </c>
      <c r="D23290" s="6"/>
      <c r="E23290" s="6" t="s">
        <v>9</v>
      </c>
      <c r="F23290" s="7">
        <v>38657</v>
      </c>
      <c r="G23290" s="8">
        <v>1</v>
      </c>
      <c r="H23290" s="8">
        <v>1</v>
      </c>
      <c r="I23290" s="8">
        <v>0</v>
      </c>
      <c r="J23290" s="8">
        <v>1</v>
      </c>
      <c r="K23290" s="9">
        <v>28</v>
      </c>
      <c r="L23290" s="6" t="s">
        <v>4151</v>
      </c>
    </row>
    <row r="23291" spans="1:12">
      <c r="A23291" s="6" t="s">
        <v>4151</v>
      </c>
      <c r="B23291" s="6"/>
      <c r="C23291" s="6" t="s">
        <v>23327</v>
      </c>
      <c r="D23291" s="6"/>
      <c r="E23291" s="6" t="s">
        <v>9</v>
      </c>
      <c r="F23291" s="7">
        <v>38657</v>
      </c>
      <c r="G23291" s="8">
        <v>1</v>
      </c>
      <c r="H23291" s="8">
        <v>1</v>
      </c>
      <c r="I23291" s="8">
        <v>0</v>
      </c>
      <c r="J23291" s="8">
        <v>1</v>
      </c>
      <c r="K23291" s="9">
        <v>28</v>
      </c>
      <c r="L23291" s="6" t="s">
        <v>4151</v>
      </c>
    </row>
    <row r="23292" spans="1:12">
      <c r="A23292" s="6" t="s">
        <v>4151</v>
      </c>
      <c r="B23292" s="6"/>
      <c r="C23292" s="6" t="s">
        <v>23328</v>
      </c>
      <c r="D23292" s="6"/>
      <c r="E23292" s="6" t="s">
        <v>9</v>
      </c>
      <c r="F23292" s="7">
        <v>38657</v>
      </c>
      <c r="G23292" s="8">
        <v>1</v>
      </c>
      <c r="H23292" s="8">
        <v>1</v>
      </c>
      <c r="I23292" s="8">
        <v>0</v>
      </c>
      <c r="J23292" s="8">
        <v>1</v>
      </c>
      <c r="K23292" s="9">
        <v>28</v>
      </c>
      <c r="L23292" s="6" t="s">
        <v>4151</v>
      </c>
    </row>
    <row r="23293" spans="1:12">
      <c r="A23293" s="6" t="s">
        <v>4151</v>
      </c>
      <c r="B23293" s="6"/>
      <c r="C23293" s="6" t="s">
        <v>23329</v>
      </c>
      <c r="D23293" s="6"/>
      <c r="E23293" s="6" t="s">
        <v>9</v>
      </c>
      <c r="F23293" s="7">
        <v>38657</v>
      </c>
      <c r="G23293" s="8">
        <v>1</v>
      </c>
      <c r="H23293" s="8">
        <v>1</v>
      </c>
      <c r="I23293" s="8">
        <v>0</v>
      </c>
      <c r="J23293" s="8">
        <v>1</v>
      </c>
      <c r="K23293" s="9">
        <v>28</v>
      </c>
      <c r="L23293" s="6" t="s">
        <v>4151</v>
      </c>
    </row>
    <row r="23294" spans="1:12">
      <c r="A23294" s="6" t="s">
        <v>4151</v>
      </c>
      <c r="B23294" s="6"/>
      <c r="C23294" s="6" t="s">
        <v>23330</v>
      </c>
      <c r="D23294" s="6"/>
      <c r="E23294" s="6" t="s">
        <v>9</v>
      </c>
      <c r="F23294" s="7">
        <v>38657</v>
      </c>
      <c r="G23294" s="8">
        <v>1</v>
      </c>
      <c r="H23294" s="8">
        <v>1</v>
      </c>
      <c r="I23294" s="8">
        <v>0</v>
      </c>
      <c r="J23294" s="8">
        <v>1</v>
      </c>
      <c r="K23294" s="9">
        <v>28</v>
      </c>
      <c r="L23294" s="6" t="s">
        <v>4151</v>
      </c>
    </row>
    <row r="23295" spans="1:12">
      <c r="A23295" s="6" t="s">
        <v>4151</v>
      </c>
      <c r="B23295" s="6"/>
      <c r="C23295" s="6" t="s">
        <v>23331</v>
      </c>
      <c r="D23295" s="6"/>
      <c r="E23295" s="6" t="s">
        <v>9</v>
      </c>
      <c r="F23295" s="7">
        <v>38657</v>
      </c>
      <c r="G23295" s="8">
        <v>1</v>
      </c>
      <c r="H23295" s="8">
        <v>1</v>
      </c>
      <c r="I23295" s="8">
        <v>0</v>
      </c>
      <c r="J23295" s="8">
        <v>1</v>
      </c>
      <c r="K23295" s="9">
        <v>28</v>
      </c>
      <c r="L23295" s="6" t="s">
        <v>4151</v>
      </c>
    </row>
    <row r="23296" spans="1:12">
      <c r="A23296" s="6" t="s">
        <v>4151</v>
      </c>
      <c r="B23296" s="6"/>
      <c r="C23296" s="6" t="s">
        <v>23332</v>
      </c>
      <c r="D23296" s="6"/>
      <c r="E23296" s="6" t="s">
        <v>9</v>
      </c>
      <c r="F23296" s="7">
        <v>38657</v>
      </c>
      <c r="G23296" s="8">
        <v>1</v>
      </c>
      <c r="H23296" s="8">
        <v>1</v>
      </c>
      <c r="I23296" s="8">
        <v>0</v>
      </c>
      <c r="J23296" s="8">
        <v>1</v>
      </c>
      <c r="K23296" s="9">
        <v>28</v>
      </c>
      <c r="L23296" s="6" t="s">
        <v>4151</v>
      </c>
    </row>
    <row r="23297" spans="1:12">
      <c r="A23297" s="6" t="s">
        <v>4151</v>
      </c>
      <c r="B23297" s="6"/>
      <c r="C23297" s="6" t="s">
        <v>23333</v>
      </c>
      <c r="D23297" s="6"/>
      <c r="E23297" s="6" t="s">
        <v>9</v>
      </c>
      <c r="F23297" s="7">
        <v>38657</v>
      </c>
      <c r="G23297" s="8">
        <v>1</v>
      </c>
      <c r="H23297" s="8">
        <v>1</v>
      </c>
      <c r="I23297" s="8">
        <v>0</v>
      </c>
      <c r="J23297" s="8">
        <v>1</v>
      </c>
      <c r="K23297" s="9">
        <v>92</v>
      </c>
      <c r="L23297" s="6" t="s">
        <v>4151</v>
      </c>
    </row>
    <row r="23298" spans="1:12">
      <c r="A23298" s="6" t="s">
        <v>4151</v>
      </c>
      <c r="B23298" s="6"/>
      <c r="C23298" s="6" t="s">
        <v>23334</v>
      </c>
      <c r="D23298" s="6"/>
      <c r="E23298" s="6" t="s">
        <v>9</v>
      </c>
      <c r="F23298" s="7">
        <v>38657</v>
      </c>
      <c r="G23298" s="8">
        <v>1</v>
      </c>
      <c r="H23298" s="8">
        <v>1</v>
      </c>
      <c r="I23298" s="8">
        <v>0</v>
      </c>
      <c r="J23298" s="8">
        <v>1</v>
      </c>
      <c r="K23298" s="9">
        <v>28</v>
      </c>
      <c r="L23298" s="6" t="s">
        <v>4151</v>
      </c>
    </row>
    <row r="23299" spans="1:12">
      <c r="A23299" s="6" t="s">
        <v>4151</v>
      </c>
      <c r="B23299" s="6"/>
      <c r="C23299" s="6" t="s">
        <v>23335</v>
      </c>
      <c r="D23299" s="6"/>
      <c r="E23299" s="6" t="s">
        <v>9</v>
      </c>
      <c r="F23299" s="7">
        <v>38657</v>
      </c>
      <c r="G23299" s="8">
        <v>1</v>
      </c>
      <c r="H23299" s="8">
        <v>1</v>
      </c>
      <c r="I23299" s="8">
        <v>0</v>
      </c>
      <c r="J23299" s="8">
        <v>1</v>
      </c>
      <c r="K23299" s="9">
        <v>57</v>
      </c>
      <c r="L23299" s="6" t="s">
        <v>4151</v>
      </c>
    </row>
    <row r="23300" spans="1:12">
      <c r="A23300" s="6" t="s">
        <v>4151</v>
      </c>
      <c r="B23300" s="6"/>
      <c r="C23300" s="6" t="s">
        <v>23336</v>
      </c>
      <c r="D23300" s="6"/>
      <c r="E23300" s="6" t="s">
        <v>9</v>
      </c>
      <c r="F23300" s="7">
        <v>38657</v>
      </c>
      <c r="G23300" s="8">
        <v>1</v>
      </c>
      <c r="H23300" s="8">
        <v>1</v>
      </c>
      <c r="I23300" s="8">
        <v>0</v>
      </c>
      <c r="J23300" s="8">
        <v>1</v>
      </c>
      <c r="K23300" s="9">
        <v>14</v>
      </c>
      <c r="L23300" s="6" t="s">
        <v>4151</v>
      </c>
    </row>
    <row r="23301" spans="1:12">
      <c r="A23301" s="6" t="s">
        <v>4151</v>
      </c>
      <c r="B23301" s="6"/>
      <c r="C23301" s="6" t="s">
        <v>23337</v>
      </c>
      <c r="D23301" s="6"/>
      <c r="E23301" s="6" t="s">
        <v>9</v>
      </c>
      <c r="F23301" s="7">
        <v>38657</v>
      </c>
      <c r="G23301" s="8">
        <v>1</v>
      </c>
      <c r="H23301" s="8">
        <v>1</v>
      </c>
      <c r="I23301" s="8">
        <v>0</v>
      </c>
      <c r="J23301" s="8">
        <v>1</v>
      </c>
      <c r="K23301" s="9">
        <v>6.4</v>
      </c>
      <c r="L23301" s="6" t="s">
        <v>4151</v>
      </c>
    </row>
    <row r="23302" spans="1:12">
      <c r="A23302" s="6" t="s">
        <v>4151</v>
      </c>
      <c r="B23302" s="6"/>
      <c r="C23302" s="6" t="s">
        <v>23338</v>
      </c>
      <c r="D23302" s="6"/>
      <c r="E23302" s="6" t="s">
        <v>9</v>
      </c>
      <c r="F23302" s="7">
        <v>38657</v>
      </c>
      <c r="G23302" s="8">
        <v>1</v>
      </c>
      <c r="H23302" s="8">
        <v>1</v>
      </c>
      <c r="I23302" s="8">
        <v>0</v>
      </c>
      <c r="J23302" s="8">
        <v>1</v>
      </c>
      <c r="K23302" s="9">
        <v>6.12</v>
      </c>
      <c r="L23302" s="6" t="s">
        <v>4151</v>
      </c>
    </row>
    <row r="23303" spans="1:12">
      <c r="A23303" s="6" t="s">
        <v>4151</v>
      </c>
      <c r="B23303" s="6"/>
      <c r="C23303" s="6" t="s">
        <v>23339</v>
      </c>
      <c r="D23303" s="6"/>
      <c r="E23303" s="6" t="s">
        <v>9</v>
      </c>
      <c r="F23303" s="7">
        <v>38657</v>
      </c>
      <c r="G23303" s="8">
        <v>1</v>
      </c>
      <c r="H23303" s="8">
        <v>1</v>
      </c>
      <c r="I23303" s="8">
        <v>0</v>
      </c>
      <c r="J23303" s="8">
        <v>1</v>
      </c>
      <c r="K23303" s="9">
        <v>10</v>
      </c>
      <c r="L23303" s="6" t="s">
        <v>4151</v>
      </c>
    </row>
    <row r="23304" spans="1:12">
      <c r="A23304" s="6" t="s">
        <v>4151</v>
      </c>
      <c r="B23304" s="6"/>
      <c r="C23304" s="6" t="s">
        <v>23340</v>
      </c>
      <c r="D23304" s="6"/>
      <c r="E23304" s="6" t="s">
        <v>9</v>
      </c>
      <c r="F23304" s="7">
        <v>38657</v>
      </c>
      <c r="G23304" s="8">
        <v>1</v>
      </c>
      <c r="H23304" s="8">
        <v>1</v>
      </c>
      <c r="I23304" s="8">
        <v>0</v>
      </c>
      <c r="J23304" s="8">
        <v>1</v>
      </c>
      <c r="K23304" s="9">
        <v>3.24</v>
      </c>
      <c r="L23304" s="6" t="s">
        <v>4151</v>
      </c>
    </row>
    <row r="23305" spans="1:12">
      <c r="A23305" s="6" t="s">
        <v>4151</v>
      </c>
      <c r="B23305" s="6"/>
      <c r="C23305" s="6" t="s">
        <v>23341</v>
      </c>
      <c r="D23305" s="6"/>
      <c r="E23305" s="6" t="s">
        <v>9</v>
      </c>
      <c r="F23305" s="7">
        <v>38657</v>
      </c>
      <c r="G23305" s="8">
        <v>1</v>
      </c>
      <c r="H23305" s="8">
        <v>1</v>
      </c>
      <c r="I23305" s="8">
        <v>0</v>
      </c>
      <c r="J23305" s="8">
        <v>1</v>
      </c>
      <c r="K23305" s="9">
        <v>9.4</v>
      </c>
      <c r="L23305" s="6" t="s">
        <v>4151</v>
      </c>
    </row>
    <row r="23306" spans="1:12">
      <c r="A23306" s="6" t="s">
        <v>4151</v>
      </c>
      <c r="B23306" s="6"/>
      <c r="C23306" s="6" t="s">
        <v>23342</v>
      </c>
      <c r="D23306" s="6"/>
      <c r="E23306" s="6" t="s">
        <v>9</v>
      </c>
      <c r="F23306" s="7">
        <v>38657</v>
      </c>
      <c r="G23306" s="8">
        <v>1</v>
      </c>
      <c r="H23306" s="8">
        <v>1</v>
      </c>
      <c r="I23306" s="8">
        <v>0</v>
      </c>
      <c r="J23306" s="8">
        <v>1</v>
      </c>
      <c r="K23306" s="9">
        <v>9.4</v>
      </c>
      <c r="L23306" s="6" t="s">
        <v>4151</v>
      </c>
    </row>
    <row r="23307" spans="1:12">
      <c r="A23307" s="6" t="s">
        <v>4151</v>
      </c>
      <c r="B23307" s="6"/>
      <c r="C23307" s="6" t="s">
        <v>23343</v>
      </c>
      <c r="D23307" s="6"/>
      <c r="E23307" s="6" t="s">
        <v>9</v>
      </c>
      <c r="F23307" s="7">
        <v>38657</v>
      </c>
      <c r="G23307" s="8">
        <v>1</v>
      </c>
      <c r="H23307" s="8">
        <v>1</v>
      </c>
      <c r="I23307" s="8">
        <v>0</v>
      </c>
      <c r="J23307" s="8">
        <v>1</v>
      </c>
      <c r="K23307" s="9">
        <v>18</v>
      </c>
      <c r="L23307" s="6" t="s">
        <v>4151</v>
      </c>
    </row>
    <row r="23308" spans="1:12">
      <c r="A23308" s="6" t="s">
        <v>4151</v>
      </c>
      <c r="B23308" s="6"/>
      <c r="C23308" s="6" t="s">
        <v>23344</v>
      </c>
      <c r="D23308" s="6"/>
      <c r="E23308" s="6" t="s">
        <v>9</v>
      </c>
      <c r="F23308" s="7">
        <v>38657</v>
      </c>
      <c r="G23308" s="8">
        <v>1</v>
      </c>
      <c r="H23308" s="8">
        <v>1</v>
      </c>
      <c r="I23308" s="8">
        <v>0</v>
      </c>
      <c r="J23308" s="8">
        <v>1</v>
      </c>
      <c r="K23308" s="9">
        <v>166</v>
      </c>
      <c r="L23308" s="6" t="s">
        <v>4151</v>
      </c>
    </row>
    <row r="23309" spans="1:12">
      <c r="A23309" s="6" t="s">
        <v>4151</v>
      </c>
      <c r="B23309" s="6"/>
      <c r="C23309" s="6" t="s">
        <v>23345</v>
      </c>
      <c r="D23309" s="6"/>
      <c r="E23309" s="6" t="s">
        <v>9</v>
      </c>
      <c r="F23309" s="7">
        <v>38657</v>
      </c>
      <c r="G23309" s="8">
        <v>1</v>
      </c>
      <c r="H23309" s="8">
        <v>1</v>
      </c>
      <c r="I23309" s="8">
        <v>0</v>
      </c>
      <c r="J23309" s="8">
        <v>1</v>
      </c>
      <c r="K23309" s="9">
        <v>3.6</v>
      </c>
      <c r="L23309" s="6" t="s">
        <v>4151</v>
      </c>
    </row>
    <row r="23310" spans="1:12">
      <c r="A23310" s="6" t="s">
        <v>4151</v>
      </c>
      <c r="B23310" s="6"/>
      <c r="C23310" s="6" t="s">
        <v>23346</v>
      </c>
      <c r="D23310" s="6"/>
      <c r="E23310" s="6" t="s">
        <v>9</v>
      </c>
      <c r="F23310" s="7">
        <v>38657</v>
      </c>
      <c r="G23310" s="8">
        <v>1</v>
      </c>
      <c r="H23310" s="8">
        <v>1</v>
      </c>
      <c r="I23310" s="8">
        <v>0</v>
      </c>
      <c r="J23310" s="8">
        <v>1</v>
      </c>
      <c r="K23310" s="9">
        <v>5.22</v>
      </c>
      <c r="L23310" s="6" t="s">
        <v>4151</v>
      </c>
    </row>
    <row r="23311" spans="1:12">
      <c r="A23311" s="6" t="s">
        <v>4151</v>
      </c>
      <c r="B23311" s="6"/>
      <c r="C23311" s="6" t="s">
        <v>23347</v>
      </c>
      <c r="D23311" s="6"/>
      <c r="E23311" s="6" t="s">
        <v>9</v>
      </c>
      <c r="F23311" s="7">
        <v>38657</v>
      </c>
      <c r="G23311" s="8">
        <v>1</v>
      </c>
      <c r="H23311" s="8">
        <v>1</v>
      </c>
      <c r="I23311" s="8">
        <v>0</v>
      </c>
      <c r="J23311" s="8">
        <v>1</v>
      </c>
      <c r="K23311" s="9">
        <v>9.1999999999999904</v>
      </c>
      <c r="L23311" s="6" t="s">
        <v>4151</v>
      </c>
    </row>
    <row r="23312" spans="1:12">
      <c r="A23312" s="6" t="s">
        <v>4151</v>
      </c>
      <c r="B23312" s="6"/>
      <c r="C23312" s="6" t="s">
        <v>23348</v>
      </c>
      <c r="D23312" s="6"/>
      <c r="E23312" s="6" t="s">
        <v>9</v>
      </c>
      <c r="F23312" s="7">
        <v>38657</v>
      </c>
      <c r="G23312" s="8">
        <v>1</v>
      </c>
      <c r="H23312" s="8">
        <v>1</v>
      </c>
      <c r="I23312" s="8">
        <v>0</v>
      </c>
      <c r="J23312" s="8">
        <v>1</v>
      </c>
      <c r="K23312" s="9">
        <v>10</v>
      </c>
      <c r="L23312" s="6" t="s">
        <v>4151</v>
      </c>
    </row>
    <row r="23313" spans="1:12">
      <c r="A23313" s="6" t="s">
        <v>4151</v>
      </c>
      <c r="B23313" s="6"/>
      <c r="C23313" s="6" t="s">
        <v>23349</v>
      </c>
      <c r="D23313" s="6"/>
      <c r="E23313" s="6" t="s">
        <v>9</v>
      </c>
      <c r="F23313" s="7">
        <v>38657</v>
      </c>
      <c r="G23313" s="8">
        <v>1</v>
      </c>
      <c r="H23313" s="8">
        <v>1</v>
      </c>
      <c r="I23313" s="8">
        <v>0</v>
      </c>
      <c r="J23313" s="8">
        <v>1</v>
      </c>
      <c r="K23313" s="9">
        <v>8.6999999999999904</v>
      </c>
      <c r="L23313" s="6" t="s">
        <v>4151</v>
      </c>
    </row>
    <row r="23314" spans="1:12">
      <c r="A23314" s="6" t="s">
        <v>4151</v>
      </c>
      <c r="B23314" s="6"/>
      <c r="C23314" s="6" t="s">
        <v>23350</v>
      </c>
      <c r="D23314" s="6"/>
      <c r="E23314" s="6" t="s">
        <v>9</v>
      </c>
      <c r="F23314" s="7">
        <v>38657</v>
      </c>
      <c r="G23314" s="8">
        <v>1</v>
      </c>
      <c r="H23314" s="8">
        <v>1</v>
      </c>
      <c r="I23314" s="8">
        <v>0</v>
      </c>
      <c r="J23314" s="8">
        <v>1</v>
      </c>
      <c r="K23314" s="9">
        <v>11</v>
      </c>
      <c r="L23314" s="6" t="s">
        <v>4151</v>
      </c>
    </row>
    <row r="23315" spans="1:12">
      <c r="A23315" s="6" t="s">
        <v>4151</v>
      </c>
      <c r="B23315" s="6"/>
      <c r="C23315" s="6" t="s">
        <v>23351</v>
      </c>
      <c r="D23315" s="6"/>
      <c r="E23315" s="6" t="s">
        <v>9</v>
      </c>
      <c r="F23315" s="7">
        <v>38657</v>
      </c>
      <c r="G23315" s="8">
        <v>1</v>
      </c>
      <c r="H23315" s="8">
        <v>1</v>
      </c>
      <c r="I23315" s="8">
        <v>0</v>
      </c>
      <c r="J23315" s="8">
        <v>1</v>
      </c>
      <c r="K23315" s="9">
        <v>6.5</v>
      </c>
      <c r="L23315" s="6" t="s">
        <v>4151</v>
      </c>
    </row>
    <row r="23316" spans="1:12">
      <c r="A23316" s="6" t="s">
        <v>4151</v>
      </c>
      <c r="B23316" s="6"/>
      <c r="C23316" s="6" t="s">
        <v>23352</v>
      </c>
      <c r="D23316" s="6"/>
      <c r="E23316" s="6" t="s">
        <v>9</v>
      </c>
      <c r="F23316" s="7">
        <v>38657</v>
      </c>
      <c r="G23316" s="8">
        <v>1</v>
      </c>
      <c r="H23316" s="8">
        <v>1</v>
      </c>
      <c r="I23316" s="8">
        <v>0</v>
      </c>
      <c r="J23316" s="8">
        <v>1</v>
      </c>
      <c r="K23316" s="9">
        <v>0.72</v>
      </c>
      <c r="L23316" s="6" t="s">
        <v>4151</v>
      </c>
    </row>
    <row r="23317" spans="1:12">
      <c r="A23317" s="6" t="s">
        <v>4151</v>
      </c>
      <c r="B23317" s="6"/>
      <c r="C23317" s="6" t="s">
        <v>23353</v>
      </c>
      <c r="D23317" s="6"/>
      <c r="E23317" s="6" t="s">
        <v>9</v>
      </c>
      <c r="F23317" s="7">
        <v>38657</v>
      </c>
      <c r="G23317" s="8">
        <v>1</v>
      </c>
      <c r="H23317" s="8">
        <v>1</v>
      </c>
      <c r="I23317" s="8">
        <v>0</v>
      </c>
      <c r="J23317" s="8">
        <v>1</v>
      </c>
      <c r="K23317" s="9">
        <v>9.3000000000000007</v>
      </c>
      <c r="L23317" s="6" t="s">
        <v>4151</v>
      </c>
    </row>
    <row r="23318" spans="1:12">
      <c r="A23318" s="6" t="s">
        <v>4151</v>
      </c>
      <c r="B23318" s="6"/>
      <c r="C23318" s="6" t="s">
        <v>23354</v>
      </c>
      <c r="D23318" s="6"/>
      <c r="E23318" s="6" t="s">
        <v>9</v>
      </c>
      <c r="F23318" s="7">
        <v>38657</v>
      </c>
      <c r="G23318" s="8">
        <v>1</v>
      </c>
      <c r="H23318" s="8">
        <v>1</v>
      </c>
      <c r="I23318" s="8">
        <v>0</v>
      </c>
      <c r="J23318" s="8">
        <v>1</v>
      </c>
      <c r="K23318" s="9">
        <v>8.6999999999999904</v>
      </c>
      <c r="L23318" s="6" t="s">
        <v>4151</v>
      </c>
    </row>
    <row r="23319" spans="1:12">
      <c r="A23319" s="6" t="s">
        <v>4151</v>
      </c>
      <c r="B23319" s="6"/>
      <c r="C23319" s="6" t="s">
        <v>23355</v>
      </c>
      <c r="D23319" s="6"/>
      <c r="E23319" s="6" t="s">
        <v>9</v>
      </c>
      <c r="F23319" s="7">
        <v>38657</v>
      </c>
      <c r="G23319" s="8">
        <v>1</v>
      </c>
      <c r="H23319" s="8">
        <v>1</v>
      </c>
      <c r="I23319" s="8">
        <v>0</v>
      </c>
      <c r="J23319" s="8">
        <v>1</v>
      </c>
      <c r="K23319" s="9">
        <v>39</v>
      </c>
      <c r="L23319" s="6" t="s">
        <v>4151</v>
      </c>
    </row>
    <row r="23320" spans="1:12">
      <c r="A23320" s="6" t="s">
        <v>4151</v>
      </c>
      <c r="B23320" s="6"/>
      <c r="C23320" s="6" t="s">
        <v>23356</v>
      </c>
      <c r="D23320" s="6"/>
      <c r="E23320" s="6" t="s">
        <v>9</v>
      </c>
      <c r="F23320" s="7">
        <v>38657</v>
      </c>
      <c r="G23320" s="8">
        <v>1</v>
      </c>
      <c r="H23320" s="8">
        <v>1</v>
      </c>
      <c r="I23320" s="8">
        <v>0</v>
      </c>
      <c r="J23320" s="8">
        <v>1</v>
      </c>
      <c r="K23320" s="9">
        <v>9</v>
      </c>
      <c r="L23320" s="6" t="s">
        <v>4151</v>
      </c>
    </row>
    <row r="23321" spans="1:12">
      <c r="A23321" s="6" t="s">
        <v>4151</v>
      </c>
      <c r="B23321" s="6"/>
      <c r="C23321" s="6" t="s">
        <v>23357</v>
      </c>
      <c r="D23321" s="6"/>
      <c r="E23321" s="6" t="s">
        <v>9</v>
      </c>
      <c r="F23321" s="7">
        <v>38657</v>
      </c>
      <c r="G23321" s="8">
        <v>1</v>
      </c>
      <c r="H23321" s="8">
        <v>1</v>
      </c>
      <c r="I23321" s="8">
        <v>0</v>
      </c>
      <c r="J23321" s="8">
        <v>1</v>
      </c>
      <c r="K23321" s="9">
        <v>9.1</v>
      </c>
      <c r="L23321" s="6" t="s">
        <v>4151</v>
      </c>
    </row>
    <row r="23322" spans="1:12">
      <c r="A23322" s="6" t="s">
        <v>4151</v>
      </c>
      <c r="B23322" s="6"/>
      <c r="C23322" s="6" t="s">
        <v>23358</v>
      </c>
      <c r="D23322" s="6"/>
      <c r="E23322" s="6" t="s">
        <v>9</v>
      </c>
      <c r="F23322" s="7">
        <v>38657</v>
      </c>
      <c r="G23322" s="8">
        <v>1</v>
      </c>
      <c r="H23322" s="8">
        <v>1</v>
      </c>
      <c r="I23322" s="8">
        <v>0</v>
      </c>
      <c r="J23322" s="8">
        <v>1</v>
      </c>
      <c r="K23322" s="9">
        <v>10</v>
      </c>
      <c r="L23322" s="6" t="s">
        <v>4151</v>
      </c>
    </row>
    <row r="23323" spans="1:12">
      <c r="A23323" s="6" t="s">
        <v>4151</v>
      </c>
      <c r="B23323" s="6"/>
      <c r="C23323" s="6" t="s">
        <v>23359</v>
      </c>
      <c r="D23323" s="6"/>
      <c r="E23323" s="6" t="s">
        <v>9</v>
      </c>
      <c r="F23323" s="7">
        <v>38657</v>
      </c>
      <c r="G23323" s="8">
        <v>1</v>
      </c>
      <c r="H23323" s="8">
        <v>1</v>
      </c>
      <c r="I23323" s="8">
        <v>0</v>
      </c>
      <c r="J23323" s="8">
        <v>1</v>
      </c>
      <c r="K23323" s="9">
        <v>7.6</v>
      </c>
      <c r="L23323" s="6" t="s">
        <v>4151</v>
      </c>
    </row>
    <row r="23324" spans="1:12">
      <c r="A23324" s="6" t="s">
        <v>4151</v>
      </c>
      <c r="B23324" s="6"/>
      <c r="C23324" s="6" t="s">
        <v>23360</v>
      </c>
      <c r="D23324" s="6"/>
      <c r="E23324" s="6" t="s">
        <v>9</v>
      </c>
      <c r="F23324" s="7">
        <v>38657</v>
      </c>
      <c r="G23324" s="8">
        <v>1</v>
      </c>
      <c r="H23324" s="8">
        <v>1</v>
      </c>
      <c r="I23324" s="8">
        <v>0</v>
      </c>
      <c r="J23324" s="8">
        <v>1</v>
      </c>
      <c r="K23324" s="9">
        <v>3.76</v>
      </c>
      <c r="L23324" s="6" t="s">
        <v>4151</v>
      </c>
    </row>
    <row r="23325" spans="1:12">
      <c r="A23325" s="6" t="s">
        <v>4151</v>
      </c>
      <c r="B23325" s="6"/>
      <c r="C23325" s="6" t="s">
        <v>23361</v>
      </c>
      <c r="D23325" s="6"/>
      <c r="E23325" s="6" t="s">
        <v>9</v>
      </c>
      <c r="F23325" s="7">
        <v>38657</v>
      </c>
      <c r="G23325" s="8">
        <v>1</v>
      </c>
      <c r="H23325" s="8">
        <v>1</v>
      </c>
      <c r="I23325" s="8">
        <v>0</v>
      </c>
      <c r="J23325" s="8">
        <v>1</v>
      </c>
      <c r="K23325" s="9">
        <v>10</v>
      </c>
      <c r="L23325" s="6" t="s">
        <v>4151</v>
      </c>
    </row>
    <row r="23326" spans="1:12">
      <c r="A23326" s="6" t="s">
        <v>4151</v>
      </c>
      <c r="B23326" s="6"/>
      <c r="C23326" s="6" t="s">
        <v>23362</v>
      </c>
      <c r="D23326" s="6"/>
      <c r="E23326" s="6" t="s">
        <v>9</v>
      </c>
      <c r="F23326" s="7">
        <v>38657</v>
      </c>
      <c r="G23326" s="8">
        <v>1</v>
      </c>
      <c r="H23326" s="8">
        <v>1</v>
      </c>
      <c r="I23326" s="8">
        <v>0</v>
      </c>
      <c r="J23326" s="8">
        <v>1</v>
      </c>
      <c r="K23326" s="9">
        <v>9.8000000000000007</v>
      </c>
      <c r="L23326" s="6" t="s">
        <v>4151</v>
      </c>
    </row>
    <row r="23327" spans="1:12">
      <c r="A23327" s="6" t="s">
        <v>4151</v>
      </c>
      <c r="B23327" s="6"/>
      <c r="C23327" s="6" t="s">
        <v>23363</v>
      </c>
      <c r="D23327" s="6"/>
      <c r="E23327" s="6" t="s">
        <v>9</v>
      </c>
      <c r="F23327" s="7">
        <v>38657</v>
      </c>
      <c r="G23327" s="8">
        <v>1</v>
      </c>
      <c r="H23327" s="8">
        <v>1</v>
      </c>
      <c r="I23327" s="8">
        <v>0</v>
      </c>
      <c r="J23327" s="8">
        <v>1</v>
      </c>
      <c r="K23327" s="9">
        <v>8.8000000000000007</v>
      </c>
      <c r="L23327" s="6" t="s">
        <v>4151</v>
      </c>
    </row>
    <row r="23328" spans="1:12">
      <c r="A23328" s="6" t="s">
        <v>4151</v>
      </c>
      <c r="B23328" s="6"/>
      <c r="C23328" s="6" t="s">
        <v>23364</v>
      </c>
      <c r="D23328" s="6"/>
      <c r="E23328" s="6" t="s">
        <v>9</v>
      </c>
      <c r="F23328" s="7">
        <v>38657</v>
      </c>
      <c r="G23328" s="8">
        <v>1</v>
      </c>
      <c r="H23328" s="8">
        <v>1</v>
      </c>
      <c r="I23328" s="8">
        <v>0</v>
      </c>
      <c r="J23328" s="8">
        <v>1</v>
      </c>
      <c r="K23328" s="9">
        <v>5.5</v>
      </c>
      <c r="L23328" s="6" t="s">
        <v>4151</v>
      </c>
    </row>
    <row r="23329" spans="1:12">
      <c r="A23329" s="6" t="s">
        <v>4151</v>
      </c>
      <c r="B23329" s="6"/>
      <c r="C23329" s="6" t="s">
        <v>23365</v>
      </c>
      <c r="D23329" s="6"/>
      <c r="E23329" s="6" t="s">
        <v>9</v>
      </c>
      <c r="F23329" s="7">
        <v>38657</v>
      </c>
      <c r="G23329" s="8">
        <v>1</v>
      </c>
      <c r="H23329" s="8">
        <v>1</v>
      </c>
      <c r="I23329" s="8">
        <v>0</v>
      </c>
      <c r="J23329" s="8">
        <v>1</v>
      </c>
      <c r="K23329" s="9">
        <v>22</v>
      </c>
      <c r="L23329" s="6" t="s">
        <v>4151</v>
      </c>
    </row>
    <row r="23330" spans="1:12">
      <c r="A23330" s="6" t="s">
        <v>4151</v>
      </c>
      <c r="B23330" s="6"/>
      <c r="C23330" s="6" t="s">
        <v>23366</v>
      </c>
      <c r="D23330" s="6"/>
      <c r="E23330" s="6" t="s">
        <v>9</v>
      </c>
      <c r="F23330" s="7">
        <v>38657</v>
      </c>
      <c r="G23330" s="8">
        <v>1</v>
      </c>
      <c r="H23330" s="8">
        <v>1</v>
      </c>
      <c r="I23330" s="8">
        <v>0</v>
      </c>
      <c r="J23330" s="8">
        <v>1</v>
      </c>
      <c r="K23330" s="9">
        <v>16</v>
      </c>
      <c r="L23330" s="6" t="s">
        <v>4151</v>
      </c>
    </row>
    <row r="23331" spans="1:12">
      <c r="A23331" s="6" t="s">
        <v>4151</v>
      </c>
      <c r="B23331" s="6"/>
      <c r="C23331" s="6" t="s">
        <v>23367</v>
      </c>
      <c r="D23331" s="6"/>
      <c r="E23331" s="6" t="s">
        <v>9</v>
      </c>
      <c r="F23331" s="7">
        <v>38657</v>
      </c>
      <c r="G23331" s="8">
        <v>1</v>
      </c>
      <c r="H23331" s="8">
        <v>1</v>
      </c>
      <c r="I23331" s="8">
        <v>0</v>
      </c>
      <c r="J23331" s="8">
        <v>1</v>
      </c>
      <c r="K23331" s="9">
        <v>402</v>
      </c>
      <c r="L23331" s="6" t="s">
        <v>4151</v>
      </c>
    </row>
    <row r="23332" spans="1:12">
      <c r="A23332" s="6" t="s">
        <v>4151</v>
      </c>
      <c r="B23332" s="6"/>
      <c r="C23332" s="6" t="s">
        <v>23368</v>
      </c>
      <c r="D23332" s="6"/>
      <c r="E23332" s="6" t="s">
        <v>9</v>
      </c>
      <c r="F23332" s="7">
        <v>38657</v>
      </c>
      <c r="G23332" s="8">
        <v>1</v>
      </c>
      <c r="H23332" s="8">
        <v>1</v>
      </c>
      <c r="I23332" s="8">
        <v>0</v>
      </c>
      <c r="J23332" s="8">
        <v>1</v>
      </c>
      <c r="K23332" s="9">
        <v>19</v>
      </c>
      <c r="L23332" s="6" t="s">
        <v>4151</v>
      </c>
    </row>
    <row r="23333" spans="1:12">
      <c r="A23333" s="6" t="s">
        <v>4151</v>
      </c>
      <c r="B23333" s="6"/>
      <c r="C23333" s="6" t="s">
        <v>23369</v>
      </c>
      <c r="D23333" s="6"/>
      <c r="E23333" s="6" t="s">
        <v>9</v>
      </c>
      <c r="F23333" s="7">
        <v>38657</v>
      </c>
      <c r="G23333" s="8">
        <v>1</v>
      </c>
      <c r="H23333" s="8">
        <v>1</v>
      </c>
      <c r="I23333" s="8">
        <v>0</v>
      </c>
      <c r="J23333" s="8">
        <v>1</v>
      </c>
      <c r="K23333" s="9">
        <v>12</v>
      </c>
      <c r="L23333" s="6" t="s">
        <v>4151</v>
      </c>
    </row>
    <row r="23334" spans="1:12">
      <c r="A23334" s="6" t="s">
        <v>4151</v>
      </c>
      <c r="B23334" s="6"/>
      <c r="C23334" s="6" t="s">
        <v>23370</v>
      </c>
      <c r="D23334" s="6"/>
      <c r="E23334" s="6" t="s">
        <v>9</v>
      </c>
      <c r="F23334" s="7">
        <v>38657</v>
      </c>
      <c r="G23334" s="8">
        <v>1</v>
      </c>
      <c r="H23334" s="8">
        <v>1</v>
      </c>
      <c r="I23334" s="8">
        <v>0</v>
      </c>
      <c r="J23334" s="8">
        <v>1</v>
      </c>
      <c r="K23334" s="9">
        <v>11</v>
      </c>
      <c r="L23334" s="6" t="s">
        <v>4151</v>
      </c>
    </row>
    <row r="23335" spans="1:12">
      <c r="A23335" s="6" t="s">
        <v>4151</v>
      </c>
      <c r="B23335" s="6"/>
      <c r="C23335" s="6" t="s">
        <v>23371</v>
      </c>
      <c r="D23335" s="6"/>
      <c r="E23335" s="6" t="s">
        <v>9</v>
      </c>
      <c r="F23335" s="7">
        <v>38657</v>
      </c>
      <c r="G23335" s="8">
        <v>1</v>
      </c>
      <c r="H23335" s="8">
        <v>1</v>
      </c>
      <c r="I23335" s="8">
        <v>0</v>
      </c>
      <c r="J23335" s="8">
        <v>1</v>
      </c>
      <c r="K23335" s="9">
        <v>8.11</v>
      </c>
      <c r="L23335" s="6" t="s">
        <v>4151</v>
      </c>
    </row>
    <row r="23336" spans="1:12">
      <c r="A23336" s="6" t="s">
        <v>4151</v>
      </c>
      <c r="B23336" s="6"/>
      <c r="C23336" s="6" t="s">
        <v>23372</v>
      </c>
      <c r="D23336" s="6"/>
      <c r="E23336" s="6" t="s">
        <v>9</v>
      </c>
      <c r="F23336" s="7">
        <v>38657</v>
      </c>
      <c r="G23336" s="8">
        <v>1</v>
      </c>
      <c r="H23336" s="8">
        <v>1</v>
      </c>
      <c r="I23336" s="8">
        <v>0</v>
      </c>
      <c r="J23336" s="8">
        <v>1</v>
      </c>
      <c r="K23336" s="9">
        <v>19</v>
      </c>
      <c r="L23336" s="6" t="s">
        <v>4151</v>
      </c>
    </row>
    <row r="23337" spans="1:12">
      <c r="A23337" s="6" t="s">
        <v>4151</v>
      </c>
      <c r="B23337" s="6"/>
      <c r="C23337" s="6" t="s">
        <v>23373</v>
      </c>
      <c r="D23337" s="6"/>
      <c r="E23337" s="6" t="s">
        <v>9</v>
      </c>
      <c r="F23337" s="7">
        <v>38657</v>
      </c>
      <c r="G23337" s="8">
        <v>1</v>
      </c>
      <c r="H23337" s="8">
        <v>1</v>
      </c>
      <c r="I23337" s="8">
        <v>0</v>
      </c>
      <c r="J23337" s="8">
        <v>1</v>
      </c>
      <c r="K23337" s="9">
        <v>28</v>
      </c>
      <c r="L23337" s="6" t="s">
        <v>4151</v>
      </c>
    </row>
    <row r="23338" spans="1:12">
      <c r="A23338" s="6" t="s">
        <v>4151</v>
      </c>
      <c r="B23338" s="6"/>
      <c r="C23338" s="6" t="s">
        <v>23374</v>
      </c>
      <c r="D23338" s="6"/>
      <c r="E23338" s="6" t="s">
        <v>9</v>
      </c>
      <c r="F23338" s="7">
        <v>38657</v>
      </c>
      <c r="G23338" s="8">
        <v>1</v>
      </c>
      <c r="H23338" s="8">
        <v>1</v>
      </c>
      <c r="I23338" s="8">
        <v>0</v>
      </c>
      <c r="J23338" s="8">
        <v>1</v>
      </c>
      <c r="K23338" s="9">
        <v>26.71</v>
      </c>
      <c r="L23338" s="6" t="s">
        <v>4151</v>
      </c>
    </row>
    <row r="23339" spans="1:12">
      <c r="A23339" s="6" t="s">
        <v>4151</v>
      </c>
      <c r="B23339" s="6"/>
      <c r="C23339" s="6" t="s">
        <v>23375</v>
      </c>
      <c r="D23339" s="6"/>
      <c r="E23339" s="6" t="s">
        <v>9</v>
      </c>
      <c r="F23339" s="7">
        <v>38657</v>
      </c>
      <c r="G23339" s="8">
        <v>1</v>
      </c>
      <c r="H23339" s="8">
        <v>1</v>
      </c>
      <c r="I23339" s="8">
        <v>0</v>
      </c>
      <c r="J23339" s="8">
        <v>1</v>
      </c>
      <c r="K23339" s="9">
        <v>30</v>
      </c>
      <c r="L23339" s="6" t="s">
        <v>4151</v>
      </c>
    </row>
    <row r="23340" spans="1:12">
      <c r="A23340" s="6" t="s">
        <v>4151</v>
      </c>
      <c r="B23340" s="6"/>
      <c r="C23340" s="6" t="s">
        <v>23376</v>
      </c>
      <c r="D23340" s="6"/>
      <c r="E23340" s="6" t="s">
        <v>9</v>
      </c>
      <c r="F23340" s="7">
        <v>38657</v>
      </c>
      <c r="G23340" s="8">
        <v>1</v>
      </c>
      <c r="H23340" s="8">
        <v>1</v>
      </c>
      <c r="I23340" s="8">
        <v>0</v>
      </c>
      <c r="J23340" s="8">
        <v>1</v>
      </c>
      <c r="K23340" s="9">
        <v>18</v>
      </c>
      <c r="L23340" s="6" t="s">
        <v>4151</v>
      </c>
    </row>
    <row r="23341" spans="1:12">
      <c r="A23341" s="6" t="s">
        <v>4151</v>
      </c>
      <c r="B23341" s="6"/>
      <c r="C23341" s="6" t="s">
        <v>23377</v>
      </c>
      <c r="D23341" s="6"/>
      <c r="E23341" s="6" t="s">
        <v>9</v>
      </c>
      <c r="F23341" s="7">
        <v>38657</v>
      </c>
      <c r="G23341" s="8">
        <v>1</v>
      </c>
      <c r="H23341" s="8">
        <v>1</v>
      </c>
      <c r="I23341" s="8">
        <v>0</v>
      </c>
      <c r="J23341" s="8">
        <v>1</v>
      </c>
      <c r="K23341" s="9">
        <v>18.84</v>
      </c>
      <c r="L23341" s="6" t="s">
        <v>4151</v>
      </c>
    </row>
    <row r="23342" spans="1:12">
      <c r="A23342" s="6" t="s">
        <v>4151</v>
      </c>
      <c r="B23342" s="6"/>
      <c r="C23342" s="6" t="s">
        <v>23378</v>
      </c>
      <c r="D23342" s="6"/>
      <c r="E23342" s="6" t="s">
        <v>9</v>
      </c>
      <c r="F23342" s="7">
        <v>38657</v>
      </c>
      <c r="G23342" s="8">
        <v>1</v>
      </c>
      <c r="H23342" s="8">
        <v>1</v>
      </c>
      <c r="I23342" s="8">
        <v>0</v>
      </c>
      <c r="J23342" s="8">
        <v>1</v>
      </c>
      <c r="K23342" s="9">
        <v>638</v>
      </c>
      <c r="L23342" s="6" t="s">
        <v>4151</v>
      </c>
    </row>
    <row r="23343" spans="1:12">
      <c r="A23343" s="6" t="s">
        <v>4151</v>
      </c>
      <c r="B23343" s="6"/>
      <c r="C23343" s="6" t="s">
        <v>23379</v>
      </c>
      <c r="D23343" s="6"/>
      <c r="E23343" s="6" t="s">
        <v>9</v>
      </c>
      <c r="F23343" s="7">
        <v>38657</v>
      </c>
      <c r="G23343" s="8">
        <v>1</v>
      </c>
      <c r="H23343" s="8">
        <v>1</v>
      </c>
      <c r="I23343" s="8">
        <v>0</v>
      </c>
      <c r="J23343" s="8">
        <v>1</v>
      </c>
      <c r="K23343" s="9">
        <v>18</v>
      </c>
      <c r="L23343" s="6" t="s">
        <v>4151</v>
      </c>
    </row>
    <row r="23344" spans="1:12">
      <c r="A23344" s="6" t="s">
        <v>4151</v>
      </c>
      <c r="B23344" s="6"/>
      <c r="C23344" s="6" t="s">
        <v>23380</v>
      </c>
      <c r="D23344" s="6"/>
      <c r="E23344" s="6" t="s">
        <v>9</v>
      </c>
      <c r="F23344" s="7">
        <v>38657</v>
      </c>
      <c r="G23344" s="8">
        <v>1</v>
      </c>
      <c r="H23344" s="8">
        <v>1</v>
      </c>
      <c r="I23344" s="8">
        <v>0</v>
      </c>
      <c r="J23344" s="8">
        <v>1</v>
      </c>
      <c r="K23344" s="9">
        <v>29</v>
      </c>
      <c r="L23344" s="6" t="s">
        <v>4151</v>
      </c>
    </row>
    <row r="23345" spans="1:12">
      <c r="A23345" s="6" t="s">
        <v>4151</v>
      </c>
      <c r="B23345" s="6"/>
      <c r="C23345" s="6" t="s">
        <v>23381</v>
      </c>
      <c r="D23345" s="6"/>
      <c r="E23345" s="6" t="s">
        <v>9</v>
      </c>
      <c r="F23345" s="7">
        <v>38657</v>
      </c>
      <c r="G23345" s="8">
        <v>1</v>
      </c>
      <c r="H23345" s="8">
        <v>1</v>
      </c>
      <c r="I23345" s="8">
        <v>0</v>
      </c>
      <c r="J23345" s="8">
        <v>1</v>
      </c>
      <c r="K23345" s="9">
        <v>32</v>
      </c>
      <c r="L23345" s="6" t="s">
        <v>4151</v>
      </c>
    </row>
    <row r="23346" spans="1:12">
      <c r="A23346" s="6" t="s">
        <v>4151</v>
      </c>
      <c r="B23346" s="6"/>
      <c r="C23346" s="6" t="s">
        <v>23382</v>
      </c>
      <c r="D23346" s="6"/>
      <c r="E23346" s="6" t="s">
        <v>9</v>
      </c>
      <c r="F23346" s="7">
        <v>38657</v>
      </c>
      <c r="G23346" s="8">
        <v>1</v>
      </c>
      <c r="H23346" s="8">
        <v>1</v>
      </c>
      <c r="I23346" s="8">
        <v>0</v>
      </c>
      <c r="J23346" s="8">
        <v>1</v>
      </c>
      <c r="K23346" s="9">
        <v>19</v>
      </c>
      <c r="L23346" s="6" t="s">
        <v>4151</v>
      </c>
    </row>
    <row r="23347" spans="1:12">
      <c r="A23347" s="6" t="s">
        <v>4151</v>
      </c>
      <c r="B23347" s="6"/>
      <c r="C23347" s="6" t="s">
        <v>23383</v>
      </c>
      <c r="D23347" s="6"/>
      <c r="E23347" s="6" t="s">
        <v>9</v>
      </c>
      <c r="F23347" s="7">
        <v>38657</v>
      </c>
      <c r="G23347" s="8">
        <v>1</v>
      </c>
      <c r="H23347" s="8">
        <v>1</v>
      </c>
      <c r="I23347" s="8">
        <v>0</v>
      </c>
      <c r="J23347" s="8">
        <v>1</v>
      </c>
      <c r="K23347" s="9">
        <v>16</v>
      </c>
      <c r="L23347" s="6" t="s">
        <v>4151</v>
      </c>
    </row>
    <row r="23348" spans="1:12">
      <c r="A23348" s="6" t="s">
        <v>4151</v>
      </c>
      <c r="B23348" s="6"/>
      <c r="C23348" s="6" t="s">
        <v>23384</v>
      </c>
      <c r="D23348" s="6"/>
      <c r="E23348" s="6" t="s">
        <v>9</v>
      </c>
      <c r="F23348" s="7">
        <v>38657</v>
      </c>
      <c r="G23348" s="8">
        <v>1</v>
      </c>
      <c r="H23348" s="8">
        <v>1</v>
      </c>
      <c r="I23348" s="8">
        <v>0</v>
      </c>
      <c r="J23348" s="8">
        <v>1</v>
      </c>
      <c r="K23348" s="9">
        <v>17</v>
      </c>
      <c r="L23348" s="6" t="s">
        <v>4151</v>
      </c>
    </row>
    <row r="23349" spans="1:12">
      <c r="A23349" s="6" t="s">
        <v>4151</v>
      </c>
      <c r="B23349" s="6"/>
      <c r="C23349" s="6" t="s">
        <v>23385</v>
      </c>
      <c r="D23349" s="6"/>
      <c r="E23349" s="6" t="s">
        <v>9</v>
      </c>
      <c r="F23349" s="7">
        <v>38657</v>
      </c>
      <c r="G23349" s="8">
        <v>1</v>
      </c>
      <c r="H23349" s="8">
        <v>1</v>
      </c>
      <c r="I23349" s="8">
        <v>0</v>
      </c>
      <c r="J23349" s="8">
        <v>1</v>
      </c>
      <c r="K23349" s="9">
        <v>20.23</v>
      </c>
      <c r="L23349" s="6" t="s">
        <v>4151</v>
      </c>
    </row>
    <row r="23350" spans="1:12">
      <c r="A23350" s="6" t="s">
        <v>4151</v>
      </c>
      <c r="B23350" s="6"/>
      <c r="C23350" s="6" t="s">
        <v>23386</v>
      </c>
      <c r="D23350" s="6"/>
      <c r="E23350" s="6" t="s">
        <v>9</v>
      </c>
      <c r="F23350" s="7">
        <v>38657</v>
      </c>
      <c r="G23350" s="8">
        <v>1</v>
      </c>
      <c r="H23350" s="8">
        <v>1</v>
      </c>
      <c r="I23350" s="8">
        <v>0</v>
      </c>
      <c r="J23350" s="8">
        <v>1</v>
      </c>
      <c r="K23350" s="9">
        <v>62</v>
      </c>
      <c r="L23350" s="6" t="s">
        <v>4151</v>
      </c>
    </row>
    <row r="23351" spans="1:12">
      <c r="A23351" s="6" t="s">
        <v>4151</v>
      </c>
      <c r="B23351" s="6"/>
      <c r="C23351" s="6" t="s">
        <v>23387</v>
      </c>
      <c r="D23351" s="6"/>
      <c r="E23351" s="6" t="s">
        <v>9</v>
      </c>
      <c r="F23351" s="7">
        <v>38657</v>
      </c>
      <c r="G23351" s="8">
        <v>1</v>
      </c>
      <c r="H23351" s="8">
        <v>1</v>
      </c>
      <c r="I23351" s="8">
        <v>0</v>
      </c>
      <c r="J23351" s="8">
        <v>1</v>
      </c>
      <c r="K23351" s="9">
        <v>33</v>
      </c>
      <c r="L23351" s="6" t="s">
        <v>4151</v>
      </c>
    </row>
    <row r="23352" spans="1:12">
      <c r="A23352" s="6" t="s">
        <v>4151</v>
      </c>
      <c r="B23352" s="6"/>
      <c r="C23352" s="6" t="s">
        <v>23388</v>
      </c>
      <c r="D23352" s="6"/>
      <c r="E23352" s="6" t="s">
        <v>9</v>
      </c>
      <c r="F23352" s="7">
        <v>38657</v>
      </c>
      <c r="G23352" s="8">
        <v>1</v>
      </c>
      <c r="H23352" s="8">
        <v>1</v>
      </c>
      <c r="I23352" s="8">
        <v>0</v>
      </c>
      <c r="J23352" s="8">
        <v>1</v>
      </c>
      <c r="K23352" s="9">
        <v>46</v>
      </c>
      <c r="L23352" s="6" t="s">
        <v>4151</v>
      </c>
    </row>
    <row r="23353" spans="1:12">
      <c r="A23353" s="6" t="s">
        <v>4151</v>
      </c>
      <c r="B23353" s="6"/>
      <c r="C23353" s="6" t="s">
        <v>23389</v>
      </c>
      <c r="D23353" s="6"/>
      <c r="E23353" s="6" t="s">
        <v>9</v>
      </c>
      <c r="F23353" s="7">
        <v>38657</v>
      </c>
      <c r="G23353" s="8">
        <v>1</v>
      </c>
      <c r="H23353" s="8">
        <v>1</v>
      </c>
      <c r="I23353" s="8">
        <v>0</v>
      </c>
      <c r="J23353" s="8">
        <v>1</v>
      </c>
      <c r="K23353" s="9">
        <v>42</v>
      </c>
      <c r="L23353" s="6" t="s">
        <v>4151</v>
      </c>
    </row>
    <row r="23354" spans="1:12">
      <c r="A23354" s="6" t="s">
        <v>4151</v>
      </c>
      <c r="B23354" s="6"/>
      <c r="C23354" s="6" t="s">
        <v>23390</v>
      </c>
      <c r="D23354" s="6"/>
      <c r="E23354" s="6" t="s">
        <v>9</v>
      </c>
      <c r="F23354" s="7">
        <v>38657</v>
      </c>
      <c r="G23354" s="8">
        <v>1</v>
      </c>
      <c r="H23354" s="8">
        <v>1</v>
      </c>
      <c r="I23354" s="8">
        <v>0</v>
      </c>
      <c r="J23354" s="8">
        <v>1</v>
      </c>
      <c r="K23354" s="9">
        <v>9.91</v>
      </c>
      <c r="L23354" s="6" t="s">
        <v>4151</v>
      </c>
    </row>
    <row r="23355" spans="1:12">
      <c r="A23355" s="6" t="s">
        <v>4151</v>
      </c>
      <c r="B23355" s="6"/>
      <c r="C23355" s="6" t="s">
        <v>23391</v>
      </c>
      <c r="D23355" s="6"/>
      <c r="E23355" s="6" t="s">
        <v>9</v>
      </c>
      <c r="F23355" s="7">
        <v>38657</v>
      </c>
      <c r="G23355" s="8">
        <v>1</v>
      </c>
      <c r="H23355" s="8">
        <v>1</v>
      </c>
      <c r="I23355" s="8">
        <v>0</v>
      </c>
      <c r="J23355" s="8">
        <v>1</v>
      </c>
      <c r="K23355" s="9">
        <v>9.91</v>
      </c>
      <c r="L23355" s="6" t="s">
        <v>4151</v>
      </c>
    </row>
    <row r="23356" spans="1:12">
      <c r="A23356" s="6" t="s">
        <v>4151</v>
      </c>
      <c r="B23356" s="6"/>
      <c r="C23356" s="6" t="s">
        <v>23392</v>
      </c>
      <c r="D23356" s="6"/>
      <c r="E23356" s="6" t="s">
        <v>9</v>
      </c>
      <c r="F23356" s="7">
        <v>38657</v>
      </c>
      <c r="G23356" s="8">
        <v>1</v>
      </c>
      <c r="H23356" s="8">
        <v>1</v>
      </c>
      <c r="I23356" s="8">
        <v>0</v>
      </c>
      <c r="J23356" s="8">
        <v>1</v>
      </c>
      <c r="K23356" s="9">
        <v>26</v>
      </c>
      <c r="L23356" s="6" t="s">
        <v>4151</v>
      </c>
    </row>
    <row r="23357" spans="1:12">
      <c r="A23357" s="6" t="s">
        <v>4151</v>
      </c>
      <c r="B23357" s="6"/>
      <c r="C23357" s="6" t="s">
        <v>23393</v>
      </c>
      <c r="D23357" s="6"/>
      <c r="E23357" s="6" t="s">
        <v>9</v>
      </c>
      <c r="F23357" s="7">
        <v>38657</v>
      </c>
      <c r="G23357" s="8">
        <v>1</v>
      </c>
      <c r="H23357" s="8">
        <v>1</v>
      </c>
      <c r="I23357" s="8">
        <v>0</v>
      </c>
      <c r="J23357" s="8">
        <v>1</v>
      </c>
      <c r="K23357" s="9">
        <v>9.91</v>
      </c>
      <c r="L23357" s="6" t="s">
        <v>4151</v>
      </c>
    </row>
    <row r="23358" spans="1:12">
      <c r="A23358" s="6" t="s">
        <v>4151</v>
      </c>
      <c r="B23358" s="6"/>
      <c r="C23358" s="6" t="s">
        <v>23394</v>
      </c>
      <c r="D23358" s="6"/>
      <c r="E23358" s="6" t="s">
        <v>9</v>
      </c>
      <c r="F23358" s="7">
        <v>38657</v>
      </c>
      <c r="G23358" s="8">
        <v>1</v>
      </c>
      <c r="H23358" s="8">
        <v>1</v>
      </c>
      <c r="I23358" s="8">
        <v>0</v>
      </c>
      <c r="J23358" s="8">
        <v>1</v>
      </c>
      <c r="K23358" s="9">
        <v>11.73</v>
      </c>
      <c r="L23358" s="6" t="s">
        <v>4151</v>
      </c>
    </row>
    <row r="23359" spans="1:12">
      <c r="A23359" s="6" t="s">
        <v>4151</v>
      </c>
      <c r="B23359" s="6"/>
      <c r="C23359" s="6" t="s">
        <v>23395</v>
      </c>
      <c r="D23359" s="6"/>
      <c r="E23359" s="6" t="s">
        <v>9</v>
      </c>
      <c r="F23359" s="7">
        <v>38657</v>
      </c>
      <c r="G23359" s="8">
        <v>1</v>
      </c>
      <c r="H23359" s="8">
        <v>1</v>
      </c>
      <c r="I23359" s="8">
        <v>0</v>
      </c>
      <c r="J23359" s="8">
        <v>1</v>
      </c>
      <c r="K23359" s="9">
        <v>16</v>
      </c>
      <c r="L23359" s="6" t="s">
        <v>4151</v>
      </c>
    </row>
    <row r="23360" spans="1:12">
      <c r="A23360" s="6" t="s">
        <v>4151</v>
      </c>
      <c r="B23360" s="6"/>
      <c r="C23360" s="6" t="s">
        <v>23396</v>
      </c>
      <c r="D23360" s="6"/>
      <c r="E23360" s="6" t="s">
        <v>9</v>
      </c>
      <c r="F23360" s="7">
        <v>38657</v>
      </c>
      <c r="G23360" s="8">
        <v>1</v>
      </c>
      <c r="H23360" s="8">
        <v>1</v>
      </c>
      <c r="I23360" s="8">
        <v>0</v>
      </c>
      <c r="J23360" s="8">
        <v>1</v>
      </c>
      <c r="K23360" s="9">
        <v>9.91</v>
      </c>
      <c r="L23360" s="6" t="s">
        <v>4151</v>
      </c>
    </row>
    <row r="23361" spans="1:12">
      <c r="A23361" s="6" t="s">
        <v>4151</v>
      </c>
      <c r="B23361" s="6"/>
      <c r="C23361" s="6" t="s">
        <v>23397</v>
      </c>
      <c r="D23361" s="6"/>
      <c r="E23361" s="6" t="s">
        <v>9</v>
      </c>
      <c r="F23361" s="7">
        <v>38657</v>
      </c>
      <c r="G23361" s="8">
        <v>1</v>
      </c>
      <c r="H23361" s="8">
        <v>1</v>
      </c>
      <c r="I23361" s="8">
        <v>0</v>
      </c>
      <c r="J23361" s="8">
        <v>1</v>
      </c>
      <c r="K23361" s="9">
        <v>86</v>
      </c>
      <c r="L23361" s="6" t="s">
        <v>4151</v>
      </c>
    </row>
    <row r="23362" spans="1:12">
      <c r="A23362" s="6" t="s">
        <v>4151</v>
      </c>
      <c r="B23362" s="6"/>
      <c r="C23362" s="6" t="s">
        <v>23398</v>
      </c>
      <c r="D23362" s="6"/>
      <c r="E23362" s="6" t="s">
        <v>9</v>
      </c>
      <c r="F23362" s="7">
        <v>38657</v>
      </c>
      <c r="G23362" s="8">
        <v>1</v>
      </c>
      <c r="H23362" s="8">
        <v>1</v>
      </c>
      <c r="I23362" s="8">
        <v>0</v>
      </c>
      <c r="J23362" s="8">
        <v>1</v>
      </c>
      <c r="K23362" s="9">
        <v>48</v>
      </c>
      <c r="L23362" s="6" t="s">
        <v>4151</v>
      </c>
    </row>
    <row r="23363" spans="1:12">
      <c r="A23363" s="6" t="s">
        <v>4151</v>
      </c>
      <c r="B23363" s="6"/>
      <c r="C23363" s="6" t="s">
        <v>23399</v>
      </c>
      <c r="D23363" s="6"/>
      <c r="E23363" s="6" t="s">
        <v>9</v>
      </c>
      <c r="F23363" s="7">
        <v>38657</v>
      </c>
      <c r="G23363" s="8">
        <v>1</v>
      </c>
      <c r="H23363" s="8">
        <v>1</v>
      </c>
      <c r="I23363" s="8">
        <v>0</v>
      </c>
      <c r="J23363" s="8">
        <v>1</v>
      </c>
      <c r="K23363" s="9">
        <v>150</v>
      </c>
      <c r="L23363" s="6" t="s">
        <v>4151</v>
      </c>
    </row>
    <row r="23364" spans="1:12">
      <c r="A23364" s="6" t="s">
        <v>4151</v>
      </c>
      <c r="B23364" s="6"/>
      <c r="C23364" s="6" t="s">
        <v>23400</v>
      </c>
      <c r="D23364" s="6"/>
      <c r="E23364" s="6" t="s">
        <v>9</v>
      </c>
      <c r="F23364" s="7">
        <v>38657</v>
      </c>
      <c r="G23364" s="8">
        <v>1</v>
      </c>
      <c r="H23364" s="8">
        <v>1</v>
      </c>
      <c r="I23364" s="8">
        <v>0</v>
      </c>
      <c r="J23364" s="8">
        <v>1</v>
      </c>
      <c r="K23364" s="9">
        <v>212</v>
      </c>
      <c r="L23364" s="6" t="s">
        <v>4151</v>
      </c>
    </row>
    <row r="23365" spans="1:12">
      <c r="A23365" s="6" t="s">
        <v>4151</v>
      </c>
      <c r="B23365" s="6"/>
      <c r="C23365" s="6" t="s">
        <v>23401</v>
      </c>
      <c r="D23365" s="6"/>
      <c r="E23365" s="6" t="s">
        <v>9</v>
      </c>
      <c r="F23365" s="7">
        <v>38657</v>
      </c>
      <c r="G23365" s="8">
        <v>1</v>
      </c>
      <c r="H23365" s="8">
        <v>1</v>
      </c>
      <c r="I23365" s="8">
        <v>0</v>
      </c>
      <c r="J23365" s="8">
        <v>1</v>
      </c>
      <c r="K23365" s="9">
        <v>29</v>
      </c>
      <c r="L23365" s="6" t="s">
        <v>4151</v>
      </c>
    </row>
    <row r="23366" spans="1:12">
      <c r="A23366" s="6" t="s">
        <v>4151</v>
      </c>
      <c r="B23366" s="6"/>
      <c r="C23366" s="6" t="s">
        <v>23402</v>
      </c>
      <c r="D23366" s="6"/>
      <c r="E23366" s="6" t="s">
        <v>9</v>
      </c>
      <c r="F23366" s="7">
        <v>38657</v>
      </c>
      <c r="G23366" s="8">
        <v>1</v>
      </c>
      <c r="H23366" s="8">
        <v>1</v>
      </c>
      <c r="I23366" s="8">
        <v>0</v>
      </c>
      <c r="J23366" s="8">
        <v>1</v>
      </c>
      <c r="K23366" s="9">
        <v>23</v>
      </c>
      <c r="L23366" s="6" t="s">
        <v>4151</v>
      </c>
    </row>
    <row r="23367" spans="1:12">
      <c r="A23367" s="6" t="s">
        <v>4151</v>
      </c>
      <c r="B23367" s="6"/>
      <c r="C23367" s="6" t="s">
        <v>23403</v>
      </c>
      <c r="D23367" s="6"/>
      <c r="E23367" s="6" t="s">
        <v>9</v>
      </c>
      <c r="F23367" s="7">
        <v>38657</v>
      </c>
      <c r="G23367" s="8">
        <v>1</v>
      </c>
      <c r="H23367" s="8">
        <v>1</v>
      </c>
      <c r="I23367" s="8">
        <v>0</v>
      </c>
      <c r="J23367" s="8">
        <v>1</v>
      </c>
      <c r="K23367" s="9">
        <v>3.3</v>
      </c>
      <c r="L23367" s="6" t="s">
        <v>4151</v>
      </c>
    </row>
    <row r="23368" spans="1:12">
      <c r="A23368" s="6" t="s">
        <v>4151</v>
      </c>
      <c r="B23368" s="6"/>
      <c r="C23368" s="6" t="s">
        <v>23404</v>
      </c>
      <c r="D23368" s="6"/>
      <c r="E23368" s="6" t="s">
        <v>9</v>
      </c>
      <c r="F23368" s="7">
        <v>38657</v>
      </c>
      <c r="G23368" s="8">
        <v>1</v>
      </c>
      <c r="H23368" s="8">
        <v>1</v>
      </c>
      <c r="I23368" s="8">
        <v>0</v>
      </c>
      <c r="J23368" s="8">
        <v>1</v>
      </c>
      <c r="K23368" s="9">
        <v>4.33</v>
      </c>
      <c r="L23368" s="6" t="s">
        <v>4151</v>
      </c>
    </row>
    <row r="23369" spans="1:12">
      <c r="A23369" s="6" t="s">
        <v>4151</v>
      </c>
      <c r="B23369" s="6"/>
      <c r="C23369" s="6" t="s">
        <v>23405</v>
      </c>
      <c r="D23369" s="6"/>
      <c r="E23369" s="6" t="s">
        <v>9</v>
      </c>
      <c r="F23369" s="7">
        <v>38657</v>
      </c>
      <c r="G23369" s="8">
        <v>1</v>
      </c>
      <c r="H23369" s="8">
        <v>1</v>
      </c>
      <c r="I23369" s="8">
        <v>0</v>
      </c>
      <c r="J23369" s="8">
        <v>1</v>
      </c>
      <c r="K23369" s="9">
        <v>16</v>
      </c>
      <c r="L23369" s="6" t="s">
        <v>4151</v>
      </c>
    </row>
    <row r="23370" spans="1:12">
      <c r="A23370" s="6" t="s">
        <v>4151</v>
      </c>
      <c r="B23370" s="6"/>
      <c r="C23370" s="6" t="s">
        <v>23406</v>
      </c>
      <c r="D23370" s="6"/>
      <c r="E23370" s="6" t="s">
        <v>9</v>
      </c>
      <c r="F23370" s="7">
        <v>38657</v>
      </c>
      <c r="G23370" s="8">
        <v>1</v>
      </c>
      <c r="H23370" s="8">
        <v>1</v>
      </c>
      <c r="I23370" s="8">
        <v>0</v>
      </c>
      <c r="J23370" s="8">
        <v>1</v>
      </c>
      <c r="K23370" s="9">
        <v>17</v>
      </c>
      <c r="L23370" s="6" t="s">
        <v>4151</v>
      </c>
    </row>
    <row r="23371" spans="1:12">
      <c r="A23371" s="6" t="s">
        <v>4151</v>
      </c>
      <c r="B23371" s="6"/>
      <c r="C23371" s="6" t="s">
        <v>23407</v>
      </c>
      <c r="D23371" s="6"/>
      <c r="E23371" s="6" t="s">
        <v>9</v>
      </c>
      <c r="F23371" s="7">
        <v>38657</v>
      </c>
      <c r="G23371" s="8">
        <v>1</v>
      </c>
      <c r="H23371" s="8">
        <v>1</v>
      </c>
      <c r="I23371" s="8">
        <v>0</v>
      </c>
      <c r="J23371" s="8">
        <v>1</v>
      </c>
      <c r="K23371" s="9">
        <v>18</v>
      </c>
      <c r="L23371" s="6" t="s">
        <v>4151</v>
      </c>
    </row>
    <row r="23372" spans="1:12">
      <c r="A23372" s="6" t="s">
        <v>4151</v>
      </c>
      <c r="B23372" s="6"/>
      <c r="C23372" s="6" t="s">
        <v>23408</v>
      </c>
      <c r="D23372" s="6"/>
      <c r="E23372" s="6" t="s">
        <v>9</v>
      </c>
      <c r="F23372" s="7">
        <v>38657</v>
      </c>
      <c r="G23372" s="8">
        <v>1</v>
      </c>
      <c r="H23372" s="8">
        <v>1</v>
      </c>
      <c r="I23372" s="8">
        <v>0</v>
      </c>
      <c r="J23372" s="8">
        <v>1</v>
      </c>
      <c r="K23372" s="9">
        <v>8.7799999999999905</v>
      </c>
      <c r="L23372" s="6" t="s">
        <v>4151</v>
      </c>
    </row>
    <row r="23373" spans="1:12">
      <c r="A23373" s="6" t="s">
        <v>4151</v>
      </c>
      <c r="B23373" s="6"/>
      <c r="C23373" s="6" t="s">
        <v>23409</v>
      </c>
      <c r="D23373" s="6"/>
      <c r="E23373" s="6" t="s">
        <v>9</v>
      </c>
      <c r="F23373" s="7">
        <v>38657</v>
      </c>
      <c r="G23373" s="8">
        <v>1</v>
      </c>
      <c r="H23373" s="8">
        <v>1</v>
      </c>
      <c r="I23373" s="8">
        <v>0</v>
      </c>
      <c r="J23373" s="8">
        <v>1</v>
      </c>
      <c r="K23373" s="9">
        <v>33</v>
      </c>
      <c r="L23373" s="6" t="s">
        <v>4151</v>
      </c>
    </row>
    <row r="23374" spans="1:12">
      <c r="A23374" s="6" t="s">
        <v>4151</v>
      </c>
      <c r="B23374" s="6"/>
      <c r="C23374" s="6" t="s">
        <v>23410</v>
      </c>
      <c r="D23374" s="6"/>
      <c r="E23374" s="6" t="s">
        <v>9</v>
      </c>
      <c r="F23374" s="7">
        <v>38657</v>
      </c>
      <c r="G23374" s="8">
        <v>1</v>
      </c>
      <c r="H23374" s="8">
        <v>1</v>
      </c>
      <c r="I23374" s="8">
        <v>0</v>
      </c>
      <c r="J23374" s="8">
        <v>1</v>
      </c>
      <c r="K23374" s="9">
        <v>162</v>
      </c>
      <c r="L23374" s="6" t="s">
        <v>4151</v>
      </c>
    </row>
    <row r="23375" spans="1:12">
      <c r="A23375" s="6" t="s">
        <v>4151</v>
      </c>
      <c r="B23375" s="6"/>
      <c r="C23375" s="6" t="s">
        <v>23411</v>
      </c>
      <c r="D23375" s="6"/>
      <c r="E23375" s="6" t="s">
        <v>9</v>
      </c>
      <c r="F23375" s="7">
        <v>38657</v>
      </c>
      <c r="G23375" s="8">
        <v>1</v>
      </c>
      <c r="H23375" s="8">
        <v>1</v>
      </c>
      <c r="I23375" s="8">
        <v>0</v>
      </c>
      <c r="J23375" s="8">
        <v>1</v>
      </c>
      <c r="K23375" s="9">
        <v>82</v>
      </c>
      <c r="L23375" s="6" t="s">
        <v>4151</v>
      </c>
    </row>
    <row r="23376" spans="1:12">
      <c r="A23376" s="6" t="s">
        <v>4151</v>
      </c>
      <c r="B23376" s="6"/>
      <c r="C23376" s="6" t="s">
        <v>23412</v>
      </c>
      <c r="D23376" s="6"/>
      <c r="E23376" s="6" t="s">
        <v>9</v>
      </c>
      <c r="F23376" s="7">
        <v>38657</v>
      </c>
      <c r="G23376" s="8">
        <v>1</v>
      </c>
      <c r="H23376" s="8">
        <v>1</v>
      </c>
      <c r="I23376" s="8">
        <v>0</v>
      </c>
      <c r="J23376" s="8">
        <v>1</v>
      </c>
      <c r="K23376" s="9">
        <v>7.81</v>
      </c>
      <c r="L23376" s="6" t="s">
        <v>4151</v>
      </c>
    </row>
    <row r="23377" spans="1:12">
      <c r="A23377" s="6" t="s">
        <v>4151</v>
      </c>
      <c r="B23377" s="6"/>
      <c r="C23377" s="6" t="s">
        <v>23413</v>
      </c>
      <c r="D23377" s="6"/>
      <c r="E23377" s="6" t="s">
        <v>9</v>
      </c>
      <c r="F23377" s="7">
        <v>38657</v>
      </c>
      <c r="G23377" s="8">
        <v>1</v>
      </c>
      <c r="H23377" s="8">
        <v>1</v>
      </c>
      <c r="I23377" s="8">
        <v>0</v>
      </c>
      <c r="J23377" s="8">
        <v>1</v>
      </c>
      <c r="K23377" s="9">
        <v>18</v>
      </c>
      <c r="L23377" s="6" t="s">
        <v>4151</v>
      </c>
    </row>
    <row r="23378" spans="1:12">
      <c r="A23378" s="6" t="s">
        <v>4151</v>
      </c>
      <c r="B23378" s="6"/>
      <c r="C23378" s="6" t="s">
        <v>23414</v>
      </c>
      <c r="D23378" s="6"/>
      <c r="E23378" s="6" t="s">
        <v>9</v>
      </c>
      <c r="F23378" s="7">
        <v>38657</v>
      </c>
      <c r="G23378" s="8">
        <v>1</v>
      </c>
      <c r="H23378" s="8">
        <v>1</v>
      </c>
      <c r="I23378" s="8">
        <v>0</v>
      </c>
      <c r="J23378" s="8">
        <v>1</v>
      </c>
      <c r="K23378" s="9">
        <v>49</v>
      </c>
      <c r="L23378" s="6" t="s">
        <v>4151</v>
      </c>
    </row>
    <row r="23379" spans="1:12">
      <c r="A23379" s="6" t="s">
        <v>4151</v>
      </c>
      <c r="B23379" s="6"/>
      <c r="C23379" s="6" t="s">
        <v>23415</v>
      </c>
      <c r="D23379" s="6"/>
      <c r="E23379" s="6" t="s">
        <v>9</v>
      </c>
      <c r="F23379" s="7">
        <v>38657</v>
      </c>
      <c r="G23379" s="8">
        <v>1</v>
      </c>
      <c r="H23379" s="8">
        <v>1</v>
      </c>
      <c r="I23379" s="8">
        <v>0</v>
      </c>
      <c r="J23379" s="8">
        <v>1</v>
      </c>
      <c r="K23379" s="9">
        <v>12</v>
      </c>
      <c r="L23379" s="6" t="s">
        <v>4151</v>
      </c>
    </row>
    <row r="23380" spans="1:12">
      <c r="A23380" s="6" t="s">
        <v>4151</v>
      </c>
      <c r="B23380" s="6"/>
      <c r="C23380" s="6" t="s">
        <v>23416</v>
      </c>
      <c r="D23380" s="6"/>
      <c r="E23380" s="6" t="s">
        <v>9</v>
      </c>
      <c r="F23380" s="7">
        <v>38657</v>
      </c>
      <c r="G23380" s="8">
        <v>1</v>
      </c>
      <c r="H23380" s="8">
        <v>1</v>
      </c>
      <c r="I23380" s="8">
        <v>0</v>
      </c>
      <c r="J23380" s="8">
        <v>1</v>
      </c>
      <c r="K23380" s="9">
        <v>77</v>
      </c>
      <c r="L23380" s="6" t="s">
        <v>4151</v>
      </c>
    </row>
    <row r="23381" spans="1:12">
      <c r="A23381" s="6" t="s">
        <v>4151</v>
      </c>
      <c r="B23381" s="6"/>
      <c r="C23381" s="6" t="s">
        <v>23417</v>
      </c>
      <c r="D23381" s="6"/>
      <c r="E23381" s="6" t="s">
        <v>9</v>
      </c>
      <c r="F23381" s="7">
        <v>38657</v>
      </c>
      <c r="G23381" s="8">
        <v>1</v>
      </c>
      <c r="H23381" s="8">
        <v>1</v>
      </c>
      <c r="I23381" s="8">
        <v>0</v>
      </c>
      <c r="J23381" s="8">
        <v>1</v>
      </c>
      <c r="K23381" s="9">
        <v>85</v>
      </c>
      <c r="L23381" s="6" t="s">
        <v>4151</v>
      </c>
    </row>
    <row r="23382" spans="1:12">
      <c r="A23382" s="6" t="s">
        <v>4151</v>
      </c>
      <c r="B23382" s="6"/>
      <c r="C23382" s="6" t="s">
        <v>23418</v>
      </c>
      <c r="D23382" s="6"/>
      <c r="E23382" s="6" t="s">
        <v>9</v>
      </c>
      <c r="F23382" s="7">
        <v>38657</v>
      </c>
      <c r="G23382" s="8">
        <v>1</v>
      </c>
      <c r="H23382" s="8">
        <v>1</v>
      </c>
      <c r="I23382" s="8">
        <v>0</v>
      </c>
      <c r="J23382" s="8">
        <v>1</v>
      </c>
      <c r="K23382" s="9">
        <v>40</v>
      </c>
      <c r="L23382" s="6" t="s">
        <v>4151</v>
      </c>
    </row>
    <row r="23383" spans="1:12">
      <c r="A23383" s="6" t="s">
        <v>4151</v>
      </c>
      <c r="B23383" s="6"/>
      <c r="C23383" s="6" t="s">
        <v>23419</v>
      </c>
      <c r="D23383" s="6"/>
      <c r="E23383" s="6" t="s">
        <v>9</v>
      </c>
      <c r="F23383" s="7">
        <v>38657</v>
      </c>
      <c r="G23383" s="8">
        <v>1</v>
      </c>
      <c r="H23383" s="8">
        <v>1</v>
      </c>
      <c r="I23383" s="8">
        <v>0</v>
      </c>
      <c r="J23383" s="8">
        <v>1</v>
      </c>
      <c r="K23383" s="9">
        <v>41</v>
      </c>
      <c r="L23383" s="6" t="s">
        <v>4151</v>
      </c>
    </row>
    <row r="23384" spans="1:12">
      <c r="A23384" s="6" t="s">
        <v>4151</v>
      </c>
      <c r="B23384" s="6"/>
      <c r="C23384" s="6" t="s">
        <v>23420</v>
      </c>
      <c r="D23384" s="6"/>
      <c r="E23384" s="6" t="s">
        <v>9</v>
      </c>
      <c r="F23384" s="7">
        <v>38657</v>
      </c>
      <c r="G23384" s="8">
        <v>1</v>
      </c>
      <c r="H23384" s="8">
        <v>1</v>
      </c>
      <c r="I23384" s="8">
        <v>0</v>
      </c>
      <c r="J23384" s="8">
        <v>1</v>
      </c>
      <c r="K23384" s="9">
        <v>284</v>
      </c>
      <c r="L23384" s="6" t="s">
        <v>4151</v>
      </c>
    </row>
    <row r="23385" spans="1:12">
      <c r="A23385" s="6" t="s">
        <v>4151</v>
      </c>
      <c r="B23385" s="6"/>
      <c r="C23385" s="6" t="s">
        <v>23421</v>
      </c>
      <c r="D23385" s="6"/>
      <c r="E23385" s="6" t="s">
        <v>9</v>
      </c>
      <c r="F23385" s="7">
        <v>38657</v>
      </c>
      <c r="G23385" s="8">
        <v>1</v>
      </c>
      <c r="H23385" s="8">
        <v>1</v>
      </c>
      <c r="I23385" s="8">
        <v>0</v>
      </c>
      <c r="J23385" s="8">
        <v>1</v>
      </c>
      <c r="K23385" s="9">
        <v>105</v>
      </c>
      <c r="L23385" s="6" t="s">
        <v>4151</v>
      </c>
    </row>
    <row r="23386" spans="1:12">
      <c r="A23386" s="6" t="s">
        <v>4151</v>
      </c>
      <c r="B23386" s="6"/>
      <c r="C23386" s="6" t="s">
        <v>23422</v>
      </c>
      <c r="D23386" s="6"/>
      <c r="E23386" s="6" t="s">
        <v>9</v>
      </c>
      <c r="F23386" s="7">
        <v>38657</v>
      </c>
      <c r="G23386" s="8">
        <v>1</v>
      </c>
      <c r="H23386" s="8">
        <v>1</v>
      </c>
      <c r="I23386" s="8">
        <v>0</v>
      </c>
      <c r="J23386" s="8">
        <v>1</v>
      </c>
      <c r="K23386" s="9">
        <v>135</v>
      </c>
      <c r="L23386" s="6" t="s">
        <v>4151</v>
      </c>
    </row>
    <row r="23387" spans="1:12">
      <c r="A23387" s="6" t="s">
        <v>4151</v>
      </c>
      <c r="B23387" s="6"/>
      <c r="C23387" s="6" t="s">
        <v>23423</v>
      </c>
      <c r="D23387" s="6"/>
      <c r="E23387" s="6" t="s">
        <v>9</v>
      </c>
      <c r="F23387" s="7">
        <v>38657</v>
      </c>
      <c r="G23387" s="8">
        <v>1</v>
      </c>
      <c r="H23387" s="8">
        <v>1</v>
      </c>
      <c r="I23387" s="8">
        <v>0</v>
      </c>
      <c r="J23387" s="8">
        <v>1</v>
      </c>
      <c r="K23387" s="9">
        <v>98</v>
      </c>
      <c r="L23387" s="6" t="s">
        <v>4151</v>
      </c>
    </row>
    <row r="23388" spans="1:12">
      <c r="A23388" s="6" t="s">
        <v>4151</v>
      </c>
      <c r="B23388" s="6"/>
      <c r="C23388" s="6" t="s">
        <v>23424</v>
      </c>
      <c r="D23388" s="6"/>
      <c r="E23388" s="6" t="s">
        <v>9</v>
      </c>
      <c r="F23388" s="7">
        <v>38657</v>
      </c>
      <c r="G23388" s="8">
        <v>1</v>
      </c>
      <c r="H23388" s="8">
        <v>1</v>
      </c>
      <c r="I23388" s="8">
        <v>0</v>
      </c>
      <c r="J23388" s="8">
        <v>1</v>
      </c>
      <c r="K23388" s="9">
        <v>71</v>
      </c>
      <c r="L23388" s="6" t="s">
        <v>4151</v>
      </c>
    </row>
    <row r="23389" spans="1:12">
      <c r="A23389" s="6" t="s">
        <v>4151</v>
      </c>
      <c r="B23389" s="6"/>
      <c r="C23389" s="6" t="s">
        <v>23425</v>
      </c>
      <c r="D23389" s="6"/>
      <c r="E23389" s="6" t="s">
        <v>9</v>
      </c>
      <c r="F23389" s="7">
        <v>38657</v>
      </c>
      <c r="G23389" s="8">
        <v>1</v>
      </c>
      <c r="H23389" s="8">
        <v>1</v>
      </c>
      <c r="I23389" s="8">
        <v>0</v>
      </c>
      <c r="J23389" s="8">
        <v>1</v>
      </c>
      <c r="K23389" s="9">
        <v>43</v>
      </c>
      <c r="L23389" s="6" t="s">
        <v>4151</v>
      </c>
    </row>
    <row r="23390" spans="1:12">
      <c r="A23390" s="6" t="s">
        <v>4151</v>
      </c>
      <c r="B23390" s="6"/>
      <c r="C23390" s="6" t="s">
        <v>23426</v>
      </c>
      <c r="D23390" s="6"/>
      <c r="E23390" s="6" t="s">
        <v>9</v>
      </c>
      <c r="F23390" s="7">
        <v>38657</v>
      </c>
      <c r="G23390" s="8">
        <v>1</v>
      </c>
      <c r="H23390" s="8">
        <v>1</v>
      </c>
      <c r="I23390" s="8">
        <v>0</v>
      </c>
      <c r="J23390" s="8">
        <v>1</v>
      </c>
      <c r="K23390" s="9">
        <v>99</v>
      </c>
      <c r="L23390" s="6" t="s">
        <v>4151</v>
      </c>
    </row>
    <row r="23391" spans="1:12">
      <c r="A23391" s="6" t="s">
        <v>4151</v>
      </c>
      <c r="B23391" s="6"/>
      <c r="C23391" s="6" t="s">
        <v>23427</v>
      </c>
      <c r="D23391" s="6"/>
      <c r="E23391" s="6" t="s">
        <v>9</v>
      </c>
      <c r="F23391" s="7">
        <v>38657</v>
      </c>
      <c r="G23391" s="8">
        <v>1</v>
      </c>
      <c r="H23391" s="8">
        <v>1</v>
      </c>
      <c r="I23391" s="8">
        <v>0</v>
      </c>
      <c r="J23391" s="8">
        <v>1</v>
      </c>
      <c r="K23391" s="9">
        <v>100</v>
      </c>
      <c r="L23391" s="6" t="s">
        <v>4151</v>
      </c>
    </row>
    <row r="23392" spans="1:12">
      <c r="A23392" s="6" t="s">
        <v>4151</v>
      </c>
      <c r="B23392" s="6"/>
      <c r="C23392" s="6" t="s">
        <v>23428</v>
      </c>
      <c r="D23392" s="6"/>
      <c r="E23392" s="6" t="s">
        <v>9</v>
      </c>
      <c r="F23392" s="7">
        <v>38657</v>
      </c>
      <c r="G23392" s="8">
        <v>1</v>
      </c>
      <c r="H23392" s="8">
        <v>1</v>
      </c>
      <c r="I23392" s="8">
        <v>0</v>
      </c>
      <c r="J23392" s="8">
        <v>1</v>
      </c>
      <c r="K23392" s="9">
        <v>16</v>
      </c>
      <c r="L23392" s="6" t="s">
        <v>4151</v>
      </c>
    </row>
    <row r="23393" spans="1:12">
      <c r="A23393" s="6" t="s">
        <v>4151</v>
      </c>
      <c r="B23393" s="6"/>
      <c r="C23393" s="6" t="s">
        <v>23429</v>
      </c>
      <c r="D23393" s="6"/>
      <c r="E23393" s="6" t="s">
        <v>9</v>
      </c>
      <c r="F23393" s="7">
        <v>40142</v>
      </c>
      <c r="G23393" s="8">
        <v>1</v>
      </c>
      <c r="H23393" s="8">
        <v>1</v>
      </c>
      <c r="I23393" s="8">
        <v>0</v>
      </c>
      <c r="J23393" s="8">
        <v>1</v>
      </c>
      <c r="K23393" s="9">
        <v>18</v>
      </c>
      <c r="L23393" s="6" t="s">
        <v>4151</v>
      </c>
    </row>
    <row r="23394" spans="1:12">
      <c r="A23394" s="6" t="s">
        <v>4151</v>
      </c>
      <c r="B23394" s="6"/>
      <c r="C23394" s="6" t="s">
        <v>23430</v>
      </c>
      <c r="D23394" s="6"/>
      <c r="E23394" s="6" t="s">
        <v>9</v>
      </c>
      <c r="F23394" s="7">
        <v>38657</v>
      </c>
      <c r="G23394" s="8">
        <v>1</v>
      </c>
      <c r="H23394" s="8">
        <v>1</v>
      </c>
      <c r="I23394" s="8">
        <v>0</v>
      </c>
      <c r="J23394" s="8">
        <v>1</v>
      </c>
      <c r="K23394" s="9">
        <v>19</v>
      </c>
      <c r="L23394" s="6" t="s">
        <v>4151</v>
      </c>
    </row>
    <row r="23395" spans="1:12">
      <c r="A23395" s="6" t="s">
        <v>4151</v>
      </c>
      <c r="B23395" s="6"/>
      <c r="C23395" s="6" t="s">
        <v>23431</v>
      </c>
      <c r="D23395" s="6"/>
      <c r="E23395" s="6" t="s">
        <v>9</v>
      </c>
      <c r="F23395" s="7">
        <v>38657</v>
      </c>
      <c r="G23395" s="8">
        <v>1</v>
      </c>
      <c r="H23395" s="8">
        <v>1</v>
      </c>
      <c r="I23395" s="8">
        <v>0</v>
      </c>
      <c r="J23395" s="8">
        <v>1</v>
      </c>
      <c r="K23395" s="9">
        <v>19</v>
      </c>
      <c r="L23395" s="6" t="s">
        <v>4151</v>
      </c>
    </row>
    <row r="23396" spans="1:12">
      <c r="A23396" s="6" t="s">
        <v>4151</v>
      </c>
      <c r="B23396" s="6"/>
      <c r="C23396" s="6" t="s">
        <v>23432</v>
      </c>
      <c r="D23396" s="6"/>
      <c r="E23396" s="6" t="s">
        <v>9</v>
      </c>
      <c r="F23396" s="7">
        <v>38657</v>
      </c>
      <c r="G23396" s="8">
        <v>1</v>
      </c>
      <c r="H23396" s="8">
        <v>1</v>
      </c>
      <c r="I23396" s="8">
        <v>0</v>
      </c>
      <c r="J23396" s="8">
        <v>1</v>
      </c>
      <c r="K23396" s="9">
        <v>0.54</v>
      </c>
      <c r="L23396" s="6" t="s">
        <v>4151</v>
      </c>
    </row>
    <row r="23397" spans="1:12">
      <c r="A23397" s="6" t="s">
        <v>4151</v>
      </c>
      <c r="B23397" s="6"/>
      <c r="C23397" s="6" t="s">
        <v>23433</v>
      </c>
      <c r="D23397" s="6"/>
      <c r="E23397" s="6" t="s">
        <v>9</v>
      </c>
      <c r="F23397" s="7">
        <v>38657</v>
      </c>
      <c r="G23397" s="8">
        <v>1</v>
      </c>
      <c r="H23397" s="8">
        <v>1</v>
      </c>
      <c r="I23397" s="8">
        <v>0</v>
      </c>
      <c r="J23397" s="8">
        <v>1</v>
      </c>
      <c r="K23397" s="9">
        <v>47</v>
      </c>
      <c r="L23397" s="6" t="s">
        <v>4151</v>
      </c>
    </row>
    <row r="23398" spans="1:12">
      <c r="A23398" s="6" t="s">
        <v>4151</v>
      </c>
      <c r="B23398" s="6"/>
      <c r="C23398" s="6" t="s">
        <v>23434</v>
      </c>
      <c r="D23398" s="6"/>
      <c r="E23398" s="6" t="s">
        <v>9</v>
      </c>
      <c r="F23398" s="7">
        <v>38657</v>
      </c>
      <c r="G23398" s="8">
        <v>1</v>
      </c>
      <c r="H23398" s="8">
        <v>1</v>
      </c>
      <c r="I23398" s="8">
        <v>0</v>
      </c>
      <c r="J23398" s="8">
        <v>1</v>
      </c>
      <c r="K23398" s="9">
        <v>1.78</v>
      </c>
      <c r="L23398" s="6" t="s">
        <v>4151</v>
      </c>
    </row>
    <row r="23399" spans="1:12">
      <c r="A23399" s="6" t="s">
        <v>4151</v>
      </c>
      <c r="B23399" s="6"/>
      <c r="C23399" s="6" t="s">
        <v>23435</v>
      </c>
      <c r="D23399" s="6"/>
      <c r="E23399" s="6" t="s">
        <v>9</v>
      </c>
      <c r="F23399" s="7">
        <v>38657</v>
      </c>
      <c r="G23399" s="8">
        <v>1</v>
      </c>
      <c r="H23399" s="8">
        <v>1</v>
      </c>
      <c r="I23399" s="8">
        <v>0</v>
      </c>
      <c r="J23399" s="8">
        <v>1</v>
      </c>
      <c r="K23399" s="9">
        <v>30</v>
      </c>
      <c r="L23399" s="6" t="s">
        <v>4151</v>
      </c>
    </row>
    <row r="23400" spans="1:12">
      <c r="A23400" s="6" t="s">
        <v>4151</v>
      </c>
      <c r="B23400" s="6"/>
      <c r="C23400" s="6" t="s">
        <v>23436</v>
      </c>
      <c r="D23400" s="6"/>
      <c r="E23400" s="6" t="s">
        <v>9</v>
      </c>
      <c r="F23400" s="7">
        <v>38657</v>
      </c>
      <c r="G23400" s="8">
        <v>1</v>
      </c>
      <c r="H23400" s="8">
        <v>1</v>
      </c>
      <c r="I23400" s="8">
        <v>0</v>
      </c>
      <c r="J23400" s="8">
        <v>1</v>
      </c>
      <c r="K23400" s="9">
        <v>32</v>
      </c>
      <c r="L23400" s="6" t="s">
        <v>4151</v>
      </c>
    </row>
    <row r="23401" spans="1:12">
      <c r="A23401" s="6" t="s">
        <v>4151</v>
      </c>
      <c r="B23401" s="6"/>
      <c r="C23401" s="6" t="s">
        <v>23437</v>
      </c>
      <c r="D23401" s="6"/>
      <c r="E23401" s="6" t="s">
        <v>9</v>
      </c>
      <c r="F23401" s="7">
        <v>38657</v>
      </c>
      <c r="G23401" s="8">
        <v>1</v>
      </c>
      <c r="H23401" s="8">
        <v>1</v>
      </c>
      <c r="I23401" s="8">
        <v>0</v>
      </c>
      <c r="J23401" s="8">
        <v>1</v>
      </c>
      <c r="K23401" s="9">
        <v>30</v>
      </c>
      <c r="L23401" s="6" t="s">
        <v>4151</v>
      </c>
    </row>
    <row r="23402" spans="1:12">
      <c r="A23402" s="6" t="s">
        <v>4151</v>
      </c>
      <c r="B23402" s="6"/>
      <c r="C23402" s="6" t="s">
        <v>23438</v>
      </c>
      <c r="D23402" s="6"/>
      <c r="E23402" s="6" t="s">
        <v>9</v>
      </c>
      <c r="F23402" s="7">
        <v>38657</v>
      </c>
      <c r="G23402" s="8">
        <v>1</v>
      </c>
      <c r="H23402" s="8">
        <v>1</v>
      </c>
      <c r="I23402" s="8">
        <v>0</v>
      </c>
      <c r="J23402" s="8">
        <v>1</v>
      </c>
      <c r="K23402" s="9">
        <v>38</v>
      </c>
      <c r="L23402" s="6" t="s">
        <v>4151</v>
      </c>
    </row>
    <row r="23403" spans="1:12">
      <c r="A23403" s="6" t="s">
        <v>4151</v>
      </c>
      <c r="B23403" s="6"/>
      <c r="C23403" s="6" t="s">
        <v>23439</v>
      </c>
      <c r="D23403" s="6"/>
      <c r="E23403" s="6" t="s">
        <v>9</v>
      </c>
      <c r="F23403" s="7">
        <v>38657</v>
      </c>
      <c r="G23403" s="8">
        <v>1</v>
      </c>
      <c r="H23403" s="8">
        <v>1</v>
      </c>
      <c r="I23403" s="8">
        <v>0</v>
      </c>
      <c r="J23403" s="8">
        <v>1</v>
      </c>
      <c r="K23403" s="9">
        <v>3.48</v>
      </c>
      <c r="L23403" s="6" t="s">
        <v>4151</v>
      </c>
    </row>
    <row r="23404" spans="1:12">
      <c r="A23404" s="6" t="s">
        <v>4151</v>
      </c>
      <c r="B23404" s="6"/>
      <c r="C23404" s="6" t="s">
        <v>23440</v>
      </c>
      <c r="D23404" s="6"/>
      <c r="E23404" s="6" t="s">
        <v>9</v>
      </c>
      <c r="F23404" s="7">
        <v>38657</v>
      </c>
      <c r="G23404" s="8">
        <v>1</v>
      </c>
      <c r="H23404" s="8">
        <v>1</v>
      </c>
      <c r="I23404" s="8">
        <v>0</v>
      </c>
      <c r="J23404" s="8">
        <v>1</v>
      </c>
      <c r="K23404" s="9">
        <v>19</v>
      </c>
      <c r="L23404" s="6" t="s">
        <v>4151</v>
      </c>
    </row>
    <row r="23405" spans="1:12">
      <c r="A23405" s="6" t="s">
        <v>4151</v>
      </c>
      <c r="B23405" s="6"/>
      <c r="C23405" s="6" t="s">
        <v>23441</v>
      </c>
      <c r="D23405" s="6"/>
      <c r="E23405" s="6" t="s">
        <v>9</v>
      </c>
      <c r="F23405" s="7">
        <v>38657</v>
      </c>
      <c r="G23405" s="8">
        <v>1</v>
      </c>
      <c r="H23405" s="8">
        <v>1</v>
      </c>
      <c r="I23405" s="8">
        <v>0</v>
      </c>
      <c r="J23405" s="8">
        <v>1</v>
      </c>
      <c r="K23405" s="9">
        <v>2.35</v>
      </c>
      <c r="L23405" s="6" t="s">
        <v>4151</v>
      </c>
    </row>
    <row r="23406" spans="1:12">
      <c r="A23406" s="6" t="s">
        <v>4151</v>
      </c>
      <c r="B23406" s="6"/>
      <c r="C23406" s="6" t="s">
        <v>23442</v>
      </c>
      <c r="D23406" s="6"/>
      <c r="E23406" s="6" t="s">
        <v>9</v>
      </c>
      <c r="F23406" s="7">
        <v>38657</v>
      </c>
      <c r="G23406" s="8">
        <v>1</v>
      </c>
      <c r="H23406" s="8">
        <v>1</v>
      </c>
      <c r="I23406" s="8">
        <v>0</v>
      </c>
      <c r="J23406" s="8">
        <v>1</v>
      </c>
      <c r="K23406" s="9">
        <v>7.85</v>
      </c>
      <c r="L23406" s="6" t="s">
        <v>4151</v>
      </c>
    </row>
    <row r="23407" spans="1:12">
      <c r="A23407" s="6" t="s">
        <v>4151</v>
      </c>
      <c r="B23407" s="6"/>
      <c r="C23407" s="6" t="s">
        <v>23443</v>
      </c>
      <c r="D23407" s="6"/>
      <c r="E23407" s="6" t="s">
        <v>9</v>
      </c>
      <c r="F23407" s="7">
        <v>38657</v>
      </c>
      <c r="G23407" s="8">
        <v>1</v>
      </c>
      <c r="H23407" s="8">
        <v>1</v>
      </c>
      <c r="I23407" s="8">
        <v>0</v>
      </c>
      <c r="J23407" s="8">
        <v>1</v>
      </c>
      <c r="K23407" s="9">
        <v>9.09</v>
      </c>
      <c r="L23407" s="6" t="s">
        <v>4151</v>
      </c>
    </row>
    <row r="23408" spans="1:12">
      <c r="A23408" s="6" t="s">
        <v>4151</v>
      </c>
      <c r="B23408" s="6"/>
      <c r="C23408" s="6" t="s">
        <v>23444</v>
      </c>
      <c r="D23408" s="6"/>
      <c r="E23408" s="6" t="s">
        <v>9</v>
      </c>
      <c r="F23408" s="7">
        <v>38657</v>
      </c>
      <c r="G23408" s="8">
        <v>1</v>
      </c>
      <c r="H23408" s="8">
        <v>1</v>
      </c>
      <c r="I23408" s="8">
        <v>0</v>
      </c>
      <c r="J23408" s="8">
        <v>1</v>
      </c>
      <c r="K23408" s="9">
        <v>57</v>
      </c>
      <c r="L23408" s="6" t="s">
        <v>4151</v>
      </c>
    </row>
    <row r="23409" spans="1:12">
      <c r="A23409" s="6" t="s">
        <v>4151</v>
      </c>
      <c r="B23409" s="6"/>
      <c r="C23409" s="6" t="s">
        <v>23445</v>
      </c>
      <c r="D23409" s="6"/>
      <c r="E23409" s="6" t="s">
        <v>9</v>
      </c>
      <c r="F23409" s="7">
        <v>38657</v>
      </c>
      <c r="G23409" s="8">
        <v>1</v>
      </c>
      <c r="H23409" s="8">
        <v>1</v>
      </c>
      <c r="I23409" s="8">
        <v>0</v>
      </c>
      <c r="J23409" s="8">
        <v>1</v>
      </c>
      <c r="K23409" s="9">
        <v>22</v>
      </c>
      <c r="L23409" s="6" t="s">
        <v>4151</v>
      </c>
    </row>
    <row r="23410" spans="1:12">
      <c r="A23410" s="6" t="s">
        <v>4151</v>
      </c>
      <c r="B23410" s="6"/>
      <c r="C23410" s="6" t="s">
        <v>23446</v>
      </c>
      <c r="D23410" s="6"/>
      <c r="E23410" s="6" t="s">
        <v>9</v>
      </c>
      <c r="F23410" s="7">
        <v>38657</v>
      </c>
      <c r="G23410" s="8">
        <v>1</v>
      </c>
      <c r="H23410" s="8">
        <v>1</v>
      </c>
      <c r="I23410" s="8">
        <v>0</v>
      </c>
      <c r="J23410" s="8">
        <v>1</v>
      </c>
      <c r="K23410" s="9">
        <v>12</v>
      </c>
      <c r="L23410" s="6" t="s">
        <v>4151</v>
      </c>
    </row>
    <row r="23411" spans="1:12">
      <c r="A23411" s="6" t="s">
        <v>4151</v>
      </c>
      <c r="B23411" s="6"/>
      <c r="C23411" s="6" t="s">
        <v>23447</v>
      </c>
      <c r="D23411" s="6"/>
      <c r="E23411" s="6" t="s">
        <v>9</v>
      </c>
      <c r="F23411" s="7">
        <v>38657</v>
      </c>
      <c r="G23411" s="8">
        <v>1</v>
      </c>
      <c r="H23411" s="8">
        <v>1</v>
      </c>
      <c r="I23411" s="8">
        <v>0</v>
      </c>
      <c r="J23411" s="8">
        <v>1</v>
      </c>
      <c r="K23411" s="9">
        <v>20</v>
      </c>
      <c r="L23411" s="6" t="s">
        <v>4151</v>
      </c>
    </row>
    <row r="23412" spans="1:12">
      <c r="A23412" s="6" t="s">
        <v>4151</v>
      </c>
      <c r="B23412" s="6"/>
      <c r="C23412" s="6" t="s">
        <v>23448</v>
      </c>
      <c r="D23412" s="6"/>
      <c r="E23412" s="6" t="s">
        <v>9</v>
      </c>
      <c r="F23412" s="7">
        <v>38657</v>
      </c>
      <c r="G23412" s="8">
        <v>1</v>
      </c>
      <c r="H23412" s="8">
        <v>1</v>
      </c>
      <c r="I23412" s="8">
        <v>0</v>
      </c>
      <c r="J23412" s="8">
        <v>1</v>
      </c>
      <c r="K23412" s="9">
        <v>19</v>
      </c>
      <c r="L23412" s="6" t="s">
        <v>4151</v>
      </c>
    </row>
    <row r="23413" spans="1:12">
      <c r="A23413" s="6" t="s">
        <v>4151</v>
      </c>
      <c r="B23413" s="6"/>
      <c r="C23413" s="6" t="s">
        <v>23449</v>
      </c>
      <c r="D23413" s="6"/>
      <c r="E23413" s="6" t="s">
        <v>9</v>
      </c>
      <c r="F23413" s="7">
        <v>38657</v>
      </c>
      <c r="G23413" s="8">
        <v>1</v>
      </c>
      <c r="H23413" s="8">
        <v>1</v>
      </c>
      <c r="I23413" s="8">
        <v>0</v>
      </c>
      <c r="J23413" s="8">
        <v>1</v>
      </c>
      <c r="K23413" s="9">
        <v>22</v>
      </c>
      <c r="L23413" s="6" t="s">
        <v>4151</v>
      </c>
    </row>
    <row r="23414" spans="1:12">
      <c r="A23414" s="6" t="s">
        <v>4151</v>
      </c>
      <c r="B23414" s="6"/>
      <c r="C23414" s="6" t="s">
        <v>23450</v>
      </c>
      <c r="D23414" s="6"/>
      <c r="E23414" s="6" t="s">
        <v>9</v>
      </c>
      <c r="F23414" s="7">
        <v>38657</v>
      </c>
      <c r="G23414" s="8">
        <v>1</v>
      </c>
      <c r="H23414" s="8">
        <v>1</v>
      </c>
      <c r="I23414" s="8">
        <v>0</v>
      </c>
      <c r="J23414" s="8">
        <v>1</v>
      </c>
      <c r="K23414" s="9">
        <v>23</v>
      </c>
      <c r="L23414" s="6" t="s">
        <v>4151</v>
      </c>
    </row>
    <row r="23415" spans="1:12">
      <c r="A23415" s="6" t="s">
        <v>4151</v>
      </c>
      <c r="B23415" s="6"/>
      <c r="C23415" s="6" t="s">
        <v>23451</v>
      </c>
      <c r="D23415" s="6"/>
      <c r="E23415" s="6" t="s">
        <v>9</v>
      </c>
      <c r="F23415" s="7">
        <v>38657</v>
      </c>
      <c r="G23415" s="8">
        <v>1</v>
      </c>
      <c r="H23415" s="8">
        <v>1</v>
      </c>
      <c r="I23415" s="8">
        <v>0</v>
      </c>
      <c r="J23415" s="8">
        <v>1</v>
      </c>
      <c r="K23415" s="9">
        <v>17</v>
      </c>
      <c r="L23415" s="6" t="s">
        <v>4151</v>
      </c>
    </row>
    <row r="23416" spans="1:12">
      <c r="A23416" s="6" t="s">
        <v>4151</v>
      </c>
      <c r="B23416" s="6"/>
      <c r="C23416" s="6" t="s">
        <v>23452</v>
      </c>
      <c r="D23416" s="6"/>
      <c r="E23416" s="6" t="s">
        <v>9</v>
      </c>
      <c r="F23416" s="7">
        <v>38657</v>
      </c>
      <c r="G23416" s="8">
        <v>1</v>
      </c>
      <c r="H23416" s="8">
        <v>1</v>
      </c>
      <c r="I23416" s="8">
        <v>0</v>
      </c>
      <c r="J23416" s="8">
        <v>1</v>
      </c>
      <c r="K23416" s="9">
        <v>54</v>
      </c>
      <c r="L23416" s="6" t="s">
        <v>4151</v>
      </c>
    </row>
    <row r="23417" spans="1:12">
      <c r="A23417" s="6" t="s">
        <v>4151</v>
      </c>
      <c r="B23417" s="6"/>
      <c r="C23417" s="6" t="s">
        <v>23453</v>
      </c>
      <c r="D23417" s="6"/>
      <c r="E23417" s="6" t="s">
        <v>9</v>
      </c>
      <c r="F23417" s="7">
        <v>38657</v>
      </c>
      <c r="G23417" s="8">
        <v>1</v>
      </c>
      <c r="H23417" s="8">
        <v>1</v>
      </c>
      <c r="I23417" s="8">
        <v>0</v>
      </c>
      <c r="J23417" s="8">
        <v>1</v>
      </c>
      <c r="K23417" s="9">
        <v>528</v>
      </c>
      <c r="L23417" s="6" t="s">
        <v>4151</v>
      </c>
    </row>
    <row r="23418" spans="1:12">
      <c r="A23418" s="6" t="s">
        <v>4151</v>
      </c>
      <c r="B23418" s="6"/>
      <c r="C23418" s="6" t="s">
        <v>23454</v>
      </c>
      <c r="D23418" s="6"/>
      <c r="E23418" s="6" t="s">
        <v>9</v>
      </c>
      <c r="F23418" s="7">
        <v>38657</v>
      </c>
      <c r="G23418" s="8">
        <v>1</v>
      </c>
      <c r="H23418" s="8">
        <v>1</v>
      </c>
      <c r="I23418" s="8">
        <v>0</v>
      </c>
      <c r="J23418" s="8">
        <v>1</v>
      </c>
      <c r="K23418" s="9">
        <v>244</v>
      </c>
      <c r="L23418" s="6" t="s">
        <v>4151</v>
      </c>
    </row>
    <row r="23419" spans="1:12">
      <c r="A23419" s="6" t="s">
        <v>4151</v>
      </c>
      <c r="B23419" s="6"/>
      <c r="C23419" s="6" t="s">
        <v>23455</v>
      </c>
      <c r="D23419" s="6"/>
      <c r="E23419" s="6" t="s">
        <v>9</v>
      </c>
      <c r="F23419" s="7">
        <v>38657</v>
      </c>
      <c r="G23419" s="8">
        <v>1</v>
      </c>
      <c r="H23419" s="8">
        <v>1</v>
      </c>
      <c r="I23419" s="8">
        <v>0</v>
      </c>
      <c r="J23419" s="8">
        <v>1</v>
      </c>
      <c r="K23419" s="9">
        <v>49</v>
      </c>
      <c r="L23419" s="6" t="s">
        <v>4151</v>
      </c>
    </row>
    <row r="23420" spans="1:12">
      <c r="A23420" s="6" t="s">
        <v>4151</v>
      </c>
      <c r="B23420" s="6"/>
      <c r="C23420" s="6" t="s">
        <v>23456</v>
      </c>
      <c r="D23420" s="6"/>
      <c r="E23420" s="6" t="s">
        <v>9</v>
      </c>
      <c r="F23420" s="7">
        <v>38657</v>
      </c>
      <c r="G23420" s="8">
        <v>1</v>
      </c>
      <c r="H23420" s="8">
        <v>1</v>
      </c>
      <c r="I23420" s="8">
        <v>0</v>
      </c>
      <c r="J23420" s="8">
        <v>1</v>
      </c>
      <c r="K23420" s="9">
        <v>167</v>
      </c>
      <c r="L23420" s="6" t="s">
        <v>4151</v>
      </c>
    </row>
    <row r="23421" spans="1:12">
      <c r="A23421" s="6" t="s">
        <v>4151</v>
      </c>
      <c r="B23421" s="6"/>
      <c r="C23421" s="6" t="s">
        <v>23457</v>
      </c>
      <c r="D23421" s="6"/>
      <c r="E23421" s="6" t="s">
        <v>9</v>
      </c>
      <c r="F23421" s="7">
        <v>38657</v>
      </c>
      <c r="G23421" s="8">
        <v>1</v>
      </c>
      <c r="H23421" s="8">
        <v>1</v>
      </c>
      <c r="I23421" s="8">
        <v>0</v>
      </c>
      <c r="J23421" s="8">
        <v>1</v>
      </c>
      <c r="K23421" s="9">
        <v>22</v>
      </c>
      <c r="L23421" s="6" t="s">
        <v>4151</v>
      </c>
    </row>
    <row r="23422" spans="1:12">
      <c r="A23422" s="6" t="s">
        <v>4151</v>
      </c>
      <c r="B23422" s="6"/>
      <c r="C23422" s="6" t="s">
        <v>23458</v>
      </c>
      <c r="D23422" s="6"/>
      <c r="E23422" s="6" t="s">
        <v>9</v>
      </c>
      <c r="F23422" s="7">
        <v>38657</v>
      </c>
      <c r="G23422" s="8">
        <v>1</v>
      </c>
      <c r="H23422" s="8">
        <v>1</v>
      </c>
      <c r="I23422" s="8">
        <v>0</v>
      </c>
      <c r="J23422" s="8">
        <v>1</v>
      </c>
      <c r="K23422" s="9">
        <v>23</v>
      </c>
      <c r="L23422" s="6" t="s">
        <v>4151</v>
      </c>
    </row>
    <row r="23423" spans="1:12">
      <c r="A23423" s="6" t="s">
        <v>4151</v>
      </c>
      <c r="B23423" s="6"/>
      <c r="C23423" s="6" t="s">
        <v>23459</v>
      </c>
      <c r="D23423" s="6"/>
      <c r="E23423" s="6" t="s">
        <v>9</v>
      </c>
      <c r="F23423" s="7">
        <v>38657</v>
      </c>
      <c r="G23423" s="8">
        <v>1</v>
      </c>
      <c r="H23423" s="8">
        <v>1</v>
      </c>
      <c r="I23423" s="8">
        <v>0</v>
      </c>
      <c r="J23423" s="8">
        <v>1</v>
      </c>
      <c r="K23423" s="9">
        <v>25</v>
      </c>
      <c r="L23423" s="6" t="s">
        <v>4151</v>
      </c>
    </row>
    <row r="23424" spans="1:12">
      <c r="A23424" s="6" t="s">
        <v>4151</v>
      </c>
      <c r="B23424" s="6"/>
      <c r="C23424" s="6" t="s">
        <v>23460</v>
      </c>
      <c r="D23424" s="6"/>
      <c r="E23424" s="6" t="s">
        <v>9</v>
      </c>
      <c r="F23424" s="7">
        <v>38657</v>
      </c>
      <c r="G23424" s="8">
        <v>1</v>
      </c>
      <c r="H23424" s="8">
        <v>1</v>
      </c>
      <c r="I23424" s="8">
        <v>0</v>
      </c>
      <c r="J23424" s="8">
        <v>1</v>
      </c>
      <c r="K23424" s="9">
        <v>57</v>
      </c>
      <c r="L23424" s="6" t="s">
        <v>4151</v>
      </c>
    </row>
    <row r="23425" spans="1:12">
      <c r="A23425" s="6" t="s">
        <v>4151</v>
      </c>
      <c r="B23425" s="6"/>
      <c r="C23425" s="6" t="s">
        <v>23461</v>
      </c>
      <c r="D23425" s="6"/>
      <c r="E23425" s="6" t="s">
        <v>9</v>
      </c>
      <c r="F23425" s="7">
        <v>38657</v>
      </c>
      <c r="G23425" s="8">
        <v>1</v>
      </c>
      <c r="H23425" s="8">
        <v>1</v>
      </c>
      <c r="I23425" s="8">
        <v>0</v>
      </c>
      <c r="J23425" s="8">
        <v>1</v>
      </c>
      <c r="K23425" s="9">
        <v>59</v>
      </c>
      <c r="L23425" s="6" t="s">
        <v>4151</v>
      </c>
    </row>
    <row r="23426" spans="1:12">
      <c r="A23426" s="6" t="s">
        <v>4151</v>
      </c>
      <c r="B23426" s="6"/>
      <c r="C23426" s="6" t="s">
        <v>23462</v>
      </c>
      <c r="D23426" s="6"/>
      <c r="E23426" s="6" t="s">
        <v>9</v>
      </c>
      <c r="F23426" s="7">
        <v>38657</v>
      </c>
      <c r="G23426" s="8">
        <v>1</v>
      </c>
      <c r="H23426" s="8">
        <v>1</v>
      </c>
      <c r="I23426" s="8">
        <v>0</v>
      </c>
      <c r="J23426" s="8">
        <v>1</v>
      </c>
      <c r="K23426" s="9">
        <v>59</v>
      </c>
      <c r="L23426" s="6" t="s">
        <v>4151</v>
      </c>
    </row>
    <row r="23427" spans="1:12">
      <c r="A23427" s="6" t="s">
        <v>4151</v>
      </c>
      <c r="B23427" s="6"/>
      <c r="C23427" s="6" t="s">
        <v>23463</v>
      </c>
      <c r="D23427" s="6"/>
      <c r="E23427" s="6" t="s">
        <v>9</v>
      </c>
      <c r="F23427" s="7">
        <v>38657</v>
      </c>
      <c r="G23427" s="8">
        <v>1</v>
      </c>
      <c r="H23427" s="8">
        <v>1</v>
      </c>
      <c r="I23427" s="8">
        <v>0</v>
      </c>
      <c r="J23427" s="8">
        <v>1</v>
      </c>
      <c r="K23427" s="9">
        <v>59</v>
      </c>
      <c r="L23427" s="6" t="s">
        <v>4151</v>
      </c>
    </row>
    <row r="23428" spans="1:12">
      <c r="A23428" s="6" t="s">
        <v>4151</v>
      </c>
      <c r="B23428" s="6"/>
      <c r="C23428" s="6" t="s">
        <v>23464</v>
      </c>
      <c r="D23428" s="6"/>
      <c r="E23428" s="6" t="s">
        <v>9</v>
      </c>
      <c r="F23428" s="7">
        <v>38657</v>
      </c>
      <c r="G23428" s="8">
        <v>1</v>
      </c>
      <c r="H23428" s="8">
        <v>1</v>
      </c>
      <c r="I23428" s="8">
        <v>0</v>
      </c>
      <c r="J23428" s="8">
        <v>1</v>
      </c>
      <c r="K23428" s="9">
        <v>60</v>
      </c>
      <c r="L23428" s="6" t="s">
        <v>4151</v>
      </c>
    </row>
    <row r="23429" spans="1:12">
      <c r="A23429" s="6" t="s">
        <v>4151</v>
      </c>
      <c r="B23429" s="6"/>
      <c r="C23429" s="6" t="s">
        <v>23465</v>
      </c>
      <c r="D23429" s="6"/>
      <c r="E23429" s="6" t="s">
        <v>9</v>
      </c>
      <c r="F23429" s="7">
        <v>38657</v>
      </c>
      <c r="G23429" s="8">
        <v>1</v>
      </c>
      <c r="H23429" s="8">
        <v>1</v>
      </c>
      <c r="I23429" s="8">
        <v>0</v>
      </c>
      <c r="J23429" s="8">
        <v>1</v>
      </c>
      <c r="K23429" s="9">
        <v>59</v>
      </c>
      <c r="L23429" s="6" t="s">
        <v>4151</v>
      </c>
    </row>
    <row r="23430" spans="1:12">
      <c r="A23430" s="6" t="s">
        <v>4151</v>
      </c>
      <c r="B23430" s="6"/>
      <c r="C23430" s="6" t="s">
        <v>23466</v>
      </c>
      <c r="D23430" s="6"/>
      <c r="E23430" s="6" t="s">
        <v>9</v>
      </c>
      <c r="F23430" s="7">
        <v>38657</v>
      </c>
      <c r="G23430" s="8">
        <v>1</v>
      </c>
      <c r="H23430" s="8">
        <v>1</v>
      </c>
      <c r="I23430" s="8">
        <v>0</v>
      </c>
      <c r="J23430" s="8">
        <v>1</v>
      </c>
      <c r="K23430" s="9">
        <v>34</v>
      </c>
      <c r="L23430" s="6" t="s">
        <v>4151</v>
      </c>
    </row>
    <row r="23431" spans="1:12">
      <c r="A23431" s="6" t="s">
        <v>4151</v>
      </c>
      <c r="B23431" s="6"/>
      <c r="C23431" s="6" t="s">
        <v>23467</v>
      </c>
      <c r="D23431" s="6"/>
      <c r="E23431" s="6" t="s">
        <v>9</v>
      </c>
      <c r="F23431" s="7">
        <v>38657</v>
      </c>
      <c r="G23431" s="8">
        <v>1</v>
      </c>
      <c r="H23431" s="8">
        <v>1</v>
      </c>
      <c r="I23431" s="8">
        <v>0</v>
      </c>
      <c r="J23431" s="8">
        <v>1</v>
      </c>
      <c r="K23431" s="9">
        <v>16</v>
      </c>
      <c r="L23431" s="6" t="s">
        <v>4151</v>
      </c>
    </row>
    <row r="23432" spans="1:12">
      <c r="A23432" s="6" t="s">
        <v>4151</v>
      </c>
      <c r="B23432" s="6"/>
      <c r="C23432" s="6" t="s">
        <v>23468</v>
      </c>
      <c r="D23432" s="6"/>
      <c r="E23432" s="6" t="s">
        <v>9</v>
      </c>
      <c r="F23432" s="7">
        <v>38657</v>
      </c>
      <c r="G23432" s="8">
        <v>1</v>
      </c>
      <c r="H23432" s="8">
        <v>1</v>
      </c>
      <c r="I23432" s="8">
        <v>0</v>
      </c>
      <c r="J23432" s="8">
        <v>1</v>
      </c>
      <c r="K23432" s="9">
        <v>17</v>
      </c>
      <c r="L23432" s="6" t="s">
        <v>4151</v>
      </c>
    </row>
    <row r="23433" spans="1:12">
      <c r="A23433" s="6" t="s">
        <v>4151</v>
      </c>
      <c r="B23433" s="6"/>
      <c r="C23433" s="6" t="s">
        <v>23469</v>
      </c>
      <c r="D23433" s="6"/>
      <c r="E23433" s="6" t="s">
        <v>9</v>
      </c>
      <c r="F23433" s="7">
        <v>38657</v>
      </c>
      <c r="G23433" s="8">
        <v>1</v>
      </c>
      <c r="H23433" s="8">
        <v>1</v>
      </c>
      <c r="I23433" s="8">
        <v>0</v>
      </c>
      <c r="J23433" s="8">
        <v>1</v>
      </c>
      <c r="K23433" s="9">
        <v>27</v>
      </c>
      <c r="L23433" s="6" t="s">
        <v>4151</v>
      </c>
    </row>
    <row r="23434" spans="1:12">
      <c r="A23434" s="6" t="s">
        <v>4151</v>
      </c>
      <c r="B23434" s="6"/>
      <c r="C23434" s="6" t="s">
        <v>23470</v>
      </c>
      <c r="D23434" s="6"/>
      <c r="E23434" s="6" t="s">
        <v>9</v>
      </c>
      <c r="F23434" s="7">
        <v>38657</v>
      </c>
      <c r="G23434" s="8">
        <v>1</v>
      </c>
      <c r="H23434" s="8">
        <v>1</v>
      </c>
      <c r="I23434" s="8">
        <v>0</v>
      </c>
      <c r="J23434" s="8">
        <v>1</v>
      </c>
      <c r="K23434" s="9">
        <v>62</v>
      </c>
      <c r="L23434" s="6" t="s">
        <v>4151</v>
      </c>
    </row>
    <row r="23435" spans="1:12">
      <c r="A23435" s="6" t="s">
        <v>4151</v>
      </c>
      <c r="B23435" s="6"/>
      <c r="C23435" s="6" t="s">
        <v>23471</v>
      </c>
      <c r="D23435" s="6"/>
      <c r="E23435" s="6" t="s">
        <v>9</v>
      </c>
      <c r="F23435" s="7">
        <v>38657</v>
      </c>
      <c r="G23435" s="8">
        <v>1</v>
      </c>
      <c r="H23435" s="8">
        <v>1</v>
      </c>
      <c r="I23435" s="8">
        <v>0</v>
      </c>
      <c r="J23435" s="8">
        <v>1</v>
      </c>
      <c r="K23435" s="9">
        <v>63</v>
      </c>
      <c r="L23435" s="6" t="s">
        <v>4151</v>
      </c>
    </row>
    <row r="23436" spans="1:12">
      <c r="A23436" s="6" t="s">
        <v>4151</v>
      </c>
      <c r="B23436" s="6"/>
      <c r="C23436" s="6" t="s">
        <v>23472</v>
      </c>
      <c r="D23436" s="6"/>
      <c r="E23436" s="6" t="s">
        <v>9</v>
      </c>
      <c r="F23436" s="7">
        <v>38657</v>
      </c>
      <c r="G23436" s="8">
        <v>1</v>
      </c>
      <c r="H23436" s="8">
        <v>1</v>
      </c>
      <c r="I23436" s="8">
        <v>0</v>
      </c>
      <c r="J23436" s="8">
        <v>1</v>
      </c>
      <c r="K23436" s="9">
        <v>58</v>
      </c>
      <c r="L23436" s="6" t="s">
        <v>4151</v>
      </c>
    </row>
    <row r="23437" spans="1:12">
      <c r="A23437" s="6" t="s">
        <v>4151</v>
      </c>
      <c r="B23437" s="6"/>
      <c r="C23437" s="6" t="s">
        <v>23473</v>
      </c>
      <c r="D23437" s="6"/>
      <c r="E23437" s="6" t="s">
        <v>9</v>
      </c>
      <c r="F23437" s="7">
        <v>38657</v>
      </c>
      <c r="G23437" s="8">
        <v>1</v>
      </c>
      <c r="H23437" s="8">
        <v>1</v>
      </c>
      <c r="I23437" s="8">
        <v>0</v>
      </c>
      <c r="J23437" s="8">
        <v>1</v>
      </c>
      <c r="K23437" s="9">
        <v>15</v>
      </c>
      <c r="L23437" s="6" t="s">
        <v>4151</v>
      </c>
    </row>
    <row r="23438" spans="1:12">
      <c r="A23438" s="6" t="s">
        <v>4151</v>
      </c>
      <c r="B23438" s="6"/>
      <c r="C23438" s="6" t="s">
        <v>23474</v>
      </c>
      <c r="D23438" s="6"/>
      <c r="E23438" s="6" t="s">
        <v>9</v>
      </c>
      <c r="F23438" s="7">
        <v>38657</v>
      </c>
      <c r="G23438" s="8">
        <v>1</v>
      </c>
      <c r="H23438" s="8">
        <v>1</v>
      </c>
      <c r="I23438" s="8">
        <v>0</v>
      </c>
      <c r="J23438" s="8">
        <v>1</v>
      </c>
      <c r="K23438" s="9">
        <v>42</v>
      </c>
      <c r="L23438" s="6" t="s">
        <v>4151</v>
      </c>
    </row>
    <row r="23439" spans="1:12">
      <c r="A23439" s="6" t="s">
        <v>4151</v>
      </c>
      <c r="B23439" s="6"/>
      <c r="C23439" s="6" t="s">
        <v>23475</v>
      </c>
      <c r="D23439" s="6"/>
      <c r="E23439" s="6" t="s">
        <v>9</v>
      </c>
      <c r="F23439" s="7">
        <v>38657</v>
      </c>
      <c r="G23439" s="8">
        <v>1</v>
      </c>
      <c r="H23439" s="8">
        <v>1</v>
      </c>
      <c r="I23439" s="8">
        <v>0</v>
      </c>
      <c r="J23439" s="8">
        <v>1</v>
      </c>
      <c r="K23439" s="9">
        <v>43</v>
      </c>
      <c r="L23439" s="6" t="s">
        <v>4151</v>
      </c>
    </row>
    <row r="23440" spans="1:12">
      <c r="A23440" s="6" t="s">
        <v>4151</v>
      </c>
      <c r="B23440" s="6"/>
      <c r="C23440" s="6" t="s">
        <v>23476</v>
      </c>
      <c r="D23440" s="6"/>
      <c r="E23440" s="6" t="s">
        <v>9</v>
      </c>
      <c r="F23440" s="7">
        <v>38657</v>
      </c>
      <c r="G23440" s="8">
        <v>1</v>
      </c>
      <c r="H23440" s="8">
        <v>1</v>
      </c>
      <c r="I23440" s="8">
        <v>0</v>
      </c>
      <c r="J23440" s="8">
        <v>1</v>
      </c>
      <c r="K23440" s="9">
        <v>29.62</v>
      </c>
      <c r="L23440" s="6" t="s">
        <v>4151</v>
      </c>
    </row>
    <row r="23441" spans="1:12">
      <c r="A23441" s="6" t="s">
        <v>4151</v>
      </c>
      <c r="B23441" s="6"/>
      <c r="C23441" s="6" t="s">
        <v>23477</v>
      </c>
      <c r="D23441" s="6"/>
      <c r="E23441" s="6" t="s">
        <v>9</v>
      </c>
      <c r="F23441" s="7">
        <v>38657</v>
      </c>
      <c r="G23441" s="8">
        <v>1</v>
      </c>
      <c r="H23441" s="8">
        <v>1</v>
      </c>
      <c r="I23441" s="8">
        <v>0</v>
      </c>
      <c r="J23441" s="8">
        <v>1</v>
      </c>
      <c r="K23441" s="9">
        <v>16</v>
      </c>
      <c r="L23441" s="6" t="s">
        <v>4151</v>
      </c>
    </row>
    <row r="23442" spans="1:12">
      <c r="A23442" s="6" t="s">
        <v>4151</v>
      </c>
      <c r="B23442" s="6"/>
      <c r="C23442" s="6" t="s">
        <v>23478</v>
      </c>
      <c r="D23442" s="6"/>
      <c r="E23442" s="6" t="s">
        <v>9</v>
      </c>
      <c r="F23442" s="7">
        <v>38657</v>
      </c>
      <c r="G23442" s="8">
        <v>1</v>
      </c>
      <c r="H23442" s="8">
        <v>1</v>
      </c>
      <c r="I23442" s="8">
        <v>0</v>
      </c>
      <c r="J23442" s="8">
        <v>1</v>
      </c>
      <c r="K23442" s="9">
        <v>50</v>
      </c>
      <c r="L23442" s="6" t="s">
        <v>4151</v>
      </c>
    </row>
    <row r="23443" spans="1:12">
      <c r="A23443" s="6" t="s">
        <v>4151</v>
      </c>
      <c r="B23443" s="6"/>
      <c r="C23443" s="6" t="s">
        <v>23479</v>
      </c>
      <c r="D23443" s="6"/>
      <c r="E23443" s="6" t="s">
        <v>9</v>
      </c>
      <c r="F23443" s="7">
        <v>38657</v>
      </c>
      <c r="G23443" s="8">
        <v>1</v>
      </c>
      <c r="H23443" s="8">
        <v>1</v>
      </c>
      <c r="I23443" s="8">
        <v>0</v>
      </c>
      <c r="J23443" s="8">
        <v>1</v>
      </c>
      <c r="K23443" s="9">
        <v>5</v>
      </c>
      <c r="L23443" s="6" t="s">
        <v>4151</v>
      </c>
    </row>
    <row r="23444" spans="1:12">
      <c r="A23444" s="6" t="s">
        <v>4151</v>
      </c>
      <c r="B23444" s="6"/>
      <c r="C23444" s="6" t="s">
        <v>23480</v>
      </c>
      <c r="D23444" s="6"/>
      <c r="E23444" s="6" t="s">
        <v>9</v>
      </c>
      <c r="F23444" s="7">
        <v>38657</v>
      </c>
      <c r="G23444" s="8">
        <v>1</v>
      </c>
      <c r="H23444" s="8">
        <v>1</v>
      </c>
      <c r="I23444" s="8">
        <v>0</v>
      </c>
      <c r="J23444" s="8">
        <v>1</v>
      </c>
      <c r="K23444" s="9">
        <v>80</v>
      </c>
      <c r="L23444" s="6" t="s">
        <v>4151</v>
      </c>
    </row>
    <row r="23445" spans="1:12">
      <c r="A23445" s="6" t="s">
        <v>4151</v>
      </c>
      <c r="B23445" s="6"/>
      <c r="C23445" s="6" t="s">
        <v>23481</v>
      </c>
      <c r="D23445" s="6"/>
      <c r="E23445" s="6" t="s">
        <v>9</v>
      </c>
      <c r="F23445" s="7">
        <v>38657</v>
      </c>
      <c r="G23445" s="8">
        <v>1</v>
      </c>
      <c r="H23445" s="8">
        <v>1</v>
      </c>
      <c r="I23445" s="8">
        <v>0</v>
      </c>
      <c r="J23445" s="8">
        <v>1</v>
      </c>
      <c r="K23445" s="9">
        <v>19</v>
      </c>
      <c r="L23445" s="6" t="s">
        <v>4151</v>
      </c>
    </row>
    <row r="23446" spans="1:12">
      <c r="A23446" s="6" t="s">
        <v>4151</v>
      </c>
      <c r="B23446" s="6"/>
      <c r="C23446" s="6" t="s">
        <v>23482</v>
      </c>
      <c r="D23446" s="6"/>
      <c r="E23446" s="6" t="s">
        <v>9</v>
      </c>
      <c r="F23446" s="7">
        <v>38657</v>
      </c>
      <c r="G23446" s="8">
        <v>1</v>
      </c>
      <c r="H23446" s="8">
        <v>1</v>
      </c>
      <c r="I23446" s="8">
        <v>0</v>
      </c>
      <c r="J23446" s="8">
        <v>1</v>
      </c>
      <c r="K23446" s="9">
        <v>25</v>
      </c>
      <c r="L23446" s="6" t="s">
        <v>4151</v>
      </c>
    </row>
    <row r="23447" spans="1:12">
      <c r="A23447" s="6" t="s">
        <v>4151</v>
      </c>
      <c r="B23447" s="6"/>
      <c r="C23447" s="6" t="s">
        <v>23483</v>
      </c>
      <c r="D23447" s="6"/>
      <c r="E23447" s="6" t="s">
        <v>9</v>
      </c>
      <c r="F23447" s="7">
        <v>38657</v>
      </c>
      <c r="G23447" s="8">
        <v>1</v>
      </c>
      <c r="H23447" s="8">
        <v>1</v>
      </c>
      <c r="I23447" s="8">
        <v>0</v>
      </c>
      <c r="J23447" s="8">
        <v>1</v>
      </c>
      <c r="K23447" s="9">
        <v>76</v>
      </c>
      <c r="L23447" s="6" t="s">
        <v>4151</v>
      </c>
    </row>
    <row r="23448" spans="1:12">
      <c r="A23448" s="6" t="s">
        <v>4151</v>
      </c>
      <c r="B23448" s="6"/>
      <c r="C23448" s="6" t="s">
        <v>23484</v>
      </c>
      <c r="D23448" s="6"/>
      <c r="E23448" s="6" t="s">
        <v>9</v>
      </c>
      <c r="F23448" s="7">
        <v>38657</v>
      </c>
      <c r="G23448" s="8">
        <v>1</v>
      </c>
      <c r="H23448" s="8">
        <v>1</v>
      </c>
      <c r="I23448" s="8">
        <v>0</v>
      </c>
      <c r="J23448" s="8">
        <v>1</v>
      </c>
      <c r="K23448" s="9">
        <v>1.79</v>
      </c>
      <c r="L23448" s="6" t="s">
        <v>4151</v>
      </c>
    </row>
    <row r="23449" spans="1:12">
      <c r="A23449" s="6" t="s">
        <v>4151</v>
      </c>
      <c r="B23449" s="6"/>
      <c r="C23449" s="6" t="s">
        <v>23485</v>
      </c>
      <c r="D23449" s="6"/>
      <c r="E23449" s="6" t="s">
        <v>9</v>
      </c>
      <c r="F23449" s="7">
        <v>38657</v>
      </c>
      <c r="G23449" s="8">
        <v>1</v>
      </c>
      <c r="H23449" s="8">
        <v>1</v>
      </c>
      <c r="I23449" s="8">
        <v>0</v>
      </c>
      <c r="J23449" s="8">
        <v>1</v>
      </c>
      <c r="K23449" s="9">
        <v>153</v>
      </c>
      <c r="L23449" s="6" t="s">
        <v>4151</v>
      </c>
    </row>
    <row r="23450" spans="1:12">
      <c r="A23450" s="6" t="s">
        <v>4151</v>
      </c>
      <c r="B23450" s="6"/>
      <c r="C23450" s="6" t="s">
        <v>23486</v>
      </c>
      <c r="D23450" s="6"/>
      <c r="E23450" s="6" t="s">
        <v>9</v>
      </c>
      <c r="F23450" s="7">
        <v>38657</v>
      </c>
      <c r="G23450" s="8">
        <v>1</v>
      </c>
      <c r="H23450" s="8">
        <v>1</v>
      </c>
      <c r="I23450" s="8">
        <v>0</v>
      </c>
      <c r="J23450" s="8">
        <v>1</v>
      </c>
      <c r="K23450" s="9">
        <v>77.67</v>
      </c>
      <c r="L23450" s="6" t="s">
        <v>4151</v>
      </c>
    </row>
    <row r="23451" spans="1:12">
      <c r="A23451" s="6" t="s">
        <v>4151</v>
      </c>
      <c r="B23451" s="6"/>
      <c r="C23451" s="6" t="s">
        <v>23487</v>
      </c>
      <c r="D23451" s="6"/>
      <c r="E23451" s="6" t="s">
        <v>9</v>
      </c>
      <c r="F23451" s="7">
        <v>38657</v>
      </c>
      <c r="G23451" s="8">
        <v>1</v>
      </c>
      <c r="H23451" s="8">
        <v>1</v>
      </c>
      <c r="I23451" s="8">
        <v>0</v>
      </c>
      <c r="J23451" s="8">
        <v>1</v>
      </c>
      <c r="K23451" s="9">
        <v>25</v>
      </c>
      <c r="L23451" s="6" t="s">
        <v>4151</v>
      </c>
    </row>
    <row r="23452" spans="1:12">
      <c r="A23452" s="6" t="s">
        <v>4151</v>
      </c>
      <c r="B23452" s="6"/>
      <c r="C23452" s="6" t="s">
        <v>23488</v>
      </c>
      <c r="D23452" s="6"/>
      <c r="E23452" s="6" t="s">
        <v>9</v>
      </c>
      <c r="F23452" s="7">
        <v>38657</v>
      </c>
      <c r="G23452" s="8">
        <v>1</v>
      </c>
      <c r="H23452" s="8">
        <v>1</v>
      </c>
      <c r="I23452" s="8">
        <v>0</v>
      </c>
      <c r="J23452" s="8">
        <v>1</v>
      </c>
      <c r="K23452" s="9">
        <v>28</v>
      </c>
      <c r="L23452" s="6" t="s">
        <v>4151</v>
      </c>
    </row>
    <row r="23453" spans="1:12">
      <c r="A23453" s="6" t="s">
        <v>4151</v>
      </c>
      <c r="B23453" s="6"/>
      <c r="C23453" s="6" t="s">
        <v>23489</v>
      </c>
      <c r="D23453" s="6"/>
      <c r="E23453" s="6" t="s">
        <v>9</v>
      </c>
      <c r="F23453" s="7">
        <v>38657</v>
      </c>
      <c r="G23453" s="8">
        <v>1</v>
      </c>
      <c r="H23453" s="8">
        <v>1</v>
      </c>
      <c r="I23453" s="8">
        <v>0</v>
      </c>
      <c r="J23453" s="8">
        <v>1</v>
      </c>
      <c r="K23453" s="9">
        <v>206</v>
      </c>
      <c r="L23453" s="6" t="s">
        <v>4151</v>
      </c>
    </row>
    <row r="23454" spans="1:12">
      <c r="A23454" s="6" t="s">
        <v>4151</v>
      </c>
      <c r="B23454" s="6"/>
      <c r="C23454" s="6" t="s">
        <v>23490</v>
      </c>
      <c r="D23454" s="6"/>
      <c r="E23454" s="6" t="s">
        <v>9</v>
      </c>
      <c r="F23454" s="7">
        <v>38657</v>
      </c>
      <c r="G23454" s="8">
        <v>1</v>
      </c>
      <c r="H23454" s="8">
        <v>1</v>
      </c>
      <c r="I23454" s="8">
        <v>0</v>
      </c>
      <c r="J23454" s="8">
        <v>1</v>
      </c>
      <c r="K23454" s="9">
        <v>168</v>
      </c>
      <c r="L23454" s="6" t="s">
        <v>4151</v>
      </c>
    </row>
    <row r="23455" spans="1:12">
      <c r="A23455" s="6" t="s">
        <v>4151</v>
      </c>
      <c r="B23455" s="6"/>
      <c r="C23455" s="6" t="s">
        <v>23491</v>
      </c>
      <c r="D23455" s="6"/>
      <c r="E23455" s="6" t="s">
        <v>9</v>
      </c>
      <c r="F23455" s="7">
        <v>38657</v>
      </c>
      <c r="G23455" s="8">
        <v>1</v>
      </c>
      <c r="H23455" s="8">
        <v>1</v>
      </c>
      <c r="I23455" s="8">
        <v>0</v>
      </c>
      <c r="J23455" s="8">
        <v>1</v>
      </c>
      <c r="K23455" s="9">
        <v>102</v>
      </c>
      <c r="L23455" s="6" t="s">
        <v>4151</v>
      </c>
    </row>
    <row r="23456" spans="1:12">
      <c r="A23456" s="6" t="s">
        <v>4151</v>
      </c>
      <c r="B23456" s="6"/>
      <c r="C23456" s="6" t="s">
        <v>23492</v>
      </c>
      <c r="D23456" s="6"/>
      <c r="E23456" s="6" t="s">
        <v>9</v>
      </c>
      <c r="F23456" s="7">
        <v>38657</v>
      </c>
      <c r="G23456" s="8">
        <v>1</v>
      </c>
      <c r="H23456" s="8">
        <v>1</v>
      </c>
      <c r="I23456" s="8">
        <v>0</v>
      </c>
      <c r="J23456" s="8">
        <v>1</v>
      </c>
      <c r="K23456" s="9">
        <v>28</v>
      </c>
      <c r="L23456" s="6" t="s">
        <v>4151</v>
      </c>
    </row>
    <row r="23457" spans="1:12">
      <c r="A23457" s="6" t="s">
        <v>4151</v>
      </c>
      <c r="B23457" s="6"/>
      <c r="C23457" s="6" t="s">
        <v>23493</v>
      </c>
      <c r="D23457" s="6"/>
      <c r="E23457" s="6" t="s">
        <v>9</v>
      </c>
      <c r="F23457" s="7">
        <v>38657</v>
      </c>
      <c r="G23457" s="8">
        <v>1</v>
      </c>
      <c r="H23457" s="8">
        <v>1</v>
      </c>
      <c r="I23457" s="8">
        <v>0</v>
      </c>
      <c r="J23457" s="8">
        <v>1</v>
      </c>
      <c r="K23457" s="9">
        <v>1.4</v>
      </c>
      <c r="L23457" s="6" t="s">
        <v>4151</v>
      </c>
    </row>
    <row r="23458" spans="1:12">
      <c r="A23458" s="6" t="s">
        <v>4151</v>
      </c>
      <c r="B23458" s="6"/>
      <c r="C23458" s="6" t="s">
        <v>23494</v>
      </c>
      <c r="D23458" s="6"/>
      <c r="E23458" s="6" t="s">
        <v>9</v>
      </c>
      <c r="F23458" s="7">
        <v>38657</v>
      </c>
      <c r="G23458" s="8">
        <v>1</v>
      </c>
      <c r="H23458" s="8">
        <v>1</v>
      </c>
      <c r="I23458" s="8">
        <v>0</v>
      </c>
      <c r="J23458" s="8">
        <v>1</v>
      </c>
      <c r="K23458" s="9">
        <v>1.46</v>
      </c>
      <c r="L23458" s="6" t="s">
        <v>4151</v>
      </c>
    </row>
    <row r="23459" spans="1:12">
      <c r="A23459" s="6" t="s">
        <v>4151</v>
      </c>
      <c r="B23459" s="6"/>
      <c r="C23459" s="6" t="s">
        <v>23495</v>
      </c>
      <c r="D23459" s="6"/>
      <c r="E23459" s="6" t="s">
        <v>9</v>
      </c>
      <c r="F23459" s="7">
        <v>38657</v>
      </c>
      <c r="G23459" s="8">
        <v>1</v>
      </c>
      <c r="H23459" s="8">
        <v>1</v>
      </c>
      <c r="I23459" s="8">
        <v>0</v>
      </c>
      <c r="J23459" s="8">
        <v>1</v>
      </c>
      <c r="K23459" s="9">
        <v>2.64</v>
      </c>
      <c r="L23459" s="6" t="s">
        <v>4151</v>
      </c>
    </row>
    <row r="23460" spans="1:12">
      <c r="A23460" s="6" t="s">
        <v>4151</v>
      </c>
      <c r="B23460" s="6"/>
      <c r="C23460" s="6" t="s">
        <v>23496</v>
      </c>
      <c r="D23460" s="6"/>
      <c r="E23460" s="6" t="s">
        <v>9</v>
      </c>
      <c r="F23460" s="7">
        <v>38657</v>
      </c>
      <c r="G23460" s="8">
        <v>1</v>
      </c>
      <c r="H23460" s="8">
        <v>1</v>
      </c>
      <c r="I23460" s="8">
        <v>0</v>
      </c>
      <c r="J23460" s="8">
        <v>1</v>
      </c>
      <c r="K23460" s="9">
        <v>58</v>
      </c>
      <c r="L23460" s="6" t="s">
        <v>4151</v>
      </c>
    </row>
    <row r="23461" spans="1:12">
      <c r="A23461" s="6" t="s">
        <v>4151</v>
      </c>
      <c r="B23461" s="6"/>
      <c r="C23461" s="6" t="s">
        <v>23497</v>
      </c>
      <c r="D23461" s="6"/>
      <c r="E23461" s="6" t="s">
        <v>9</v>
      </c>
      <c r="F23461" s="7">
        <v>38657</v>
      </c>
      <c r="G23461" s="8">
        <v>1</v>
      </c>
      <c r="H23461" s="8">
        <v>1</v>
      </c>
      <c r="I23461" s="8">
        <v>0</v>
      </c>
      <c r="J23461" s="8">
        <v>1</v>
      </c>
      <c r="K23461" s="9">
        <v>60</v>
      </c>
      <c r="L23461" s="6" t="s">
        <v>4151</v>
      </c>
    </row>
    <row r="23462" spans="1:12">
      <c r="A23462" s="6" t="s">
        <v>4151</v>
      </c>
      <c r="B23462" s="6"/>
      <c r="C23462" s="6" t="s">
        <v>23498</v>
      </c>
      <c r="D23462" s="6"/>
      <c r="E23462" s="6" t="s">
        <v>9</v>
      </c>
      <c r="F23462" s="7">
        <v>38657</v>
      </c>
      <c r="G23462" s="8">
        <v>1</v>
      </c>
      <c r="H23462" s="8">
        <v>1</v>
      </c>
      <c r="I23462" s="8">
        <v>0</v>
      </c>
      <c r="J23462" s="8">
        <v>1</v>
      </c>
      <c r="K23462" s="9">
        <v>60</v>
      </c>
      <c r="L23462" s="6" t="s">
        <v>4151</v>
      </c>
    </row>
    <row r="23463" spans="1:12">
      <c r="A23463" s="6" t="s">
        <v>4151</v>
      </c>
      <c r="B23463" s="6"/>
      <c r="C23463" s="6" t="s">
        <v>23499</v>
      </c>
      <c r="D23463" s="6"/>
      <c r="E23463" s="6" t="s">
        <v>9</v>
      </c>
      <c r="F23463" s="7">
        <v>38657</v>
      </c>
      <c r="G23463" s="8">
        <v>1</v>
      </c>
      <c r="H23463" s="8">
        <v>1</v>
      </c>
      <c r="I23463" s="8">
        <v>0</v>
      </c>
      <c r="J23463" s="8">
        <v>1</v>
      </c>
      <c r="K23463" s="9">
        <v>60</v>
      </c>
      <c r="L23463" s="6" t="s">
        <v>4151</v>
      </c>
    </row>
    <row r="23464" spans="1:12">
      <c r="A23464" s="6" t="s">
        <v>4151</v>
      </c>
      <c r="B23464" s="6"/>
      <c r="C23464" s="6" t="s">
        <v>23500</v>
      </c>
      <c r="D23464" s="6"/>
      <c r="E23464" s="6" t="s">
        <v>9</v>
      </c>
      <c r="F23464" s="7">
        <v>38657</v>
      </c>
      <c r="G23464" s="8">
        <v>1</v>
      </c>
      <c r="H23464" s="8">
        <v>1</v>
      </c>
      <c r="I23464" s="8">
        <v>0</v>
      </c>
      <c r="J23464" s="8">
        <v>1</v>
      </c>
      <c r="K23464" s="9">
        <v>75</v>
      </c>
      <c r="L23464" s="6" t="s">
        <v>4151</v>
      </c>
    </row>
    <row r="23465" spans="1:12">
      <c r="A23465" s="6" t="s">
        <v>4151</v>
      </c>
      <c r="B23465" s="6"/>
      <c r="C23465" s="6" t="s">
        <v>23501</v>
      </c>
      <c r="D23465" s="6"/>
      <c r="E23465" s="6" t="s">
        <v>9</v>
      </c>
      <c r="F23465" s="7">
        <v>38657</v>
      </c>
      <c r="G23465" s="8">
        <v>1</v>
      </c>
      <c r="H23465" s="8">
        <v>1</v>
      </c>
      <c r="I23465" s="8">
        <v>0</v>
      </c>
      <c r="J23465" s="8">
        <v>1</v>
      </c>
      <c r="K23465" s="9">
        <v>3.96</v>
      </c>
      <c r="L23465" s="6" t="s">
        <v>4151</v>
      </c>
    </row>
    <row r="23466" spans="1:12">
      <c r="A23466" s="6" t="s">
        <v>4151</v>
      </c>
      <c r="B23466" s="6"/>
      <c r="C23466" s="6" t="s">
        <v>23502</v>
      </c>
      <c r="D23466" s="6"/>
      <c r="E23466" s="6" t="s">
        <v>9</v>
      </c>
      <c r="F23466" s="7">
        <v>38657</v>
      </c>
      <c r="G23466" s="8">
        <v>1</v>
      </c>
      <c r="H23466" s="8">
        <v>1</v>
      </c>
      <c r="I23466" s="8">
        <v>0</v>
      </c>
      <c r="J23466" s="8">
        <v>1</v>
      </c>
      <c r="K23466" s="9">
        <v>56</v>
      </c>
      <c r="L23466" s="6" t="s">
        <v>4151</v>
      </c>
    </row>
    <row r="23467" spans="1:12">
      <c r="A23467" s="6" t="s">
        <v>4151</v>
      </c>
      <c r="B23467" s="6"/>
      <c r="C23467" s="6" t="s">
        <v>23503</v>
      </c>
      <c r="D23467" s="6"/>
      <c r="E23467" s="6" t="s">
        <v>9</v>
      </c>
      <c r="F23467" s="7">
        <v>38657</v>
      </c>
      <c r="G23467" s="8">
        <v>1</v>
      </c>
      <c r="H23467" s="8">
        <v>1</v>
      </c>
      <c r="I23467" s="8">
        <v>0</v>
      </c>
      <c r="J23467" s="8">
        <v>1</v>
      </c>
      <c r="K23467" s="9">
        <v>60</v>
      </c>
      <c r="L23467" s="6" t="s">
        <v>4151</v>
      </c>
    </row>
    <row r="23468" spans="1:12">
      <c r="A23468" s="6" t="s">
        <v>4151</v>
      </c>
      <c r="B23468" s="6"/>
      <c r="C23468" s="6" t="s">
        <v>23504</v>
      </c>
      <c r="D23468" s="6"/>
      <c r="E23468" s="6" t="s">
        <v>9</v>
      </c>
      <c r="F23468" s="7">
        <v>38657</v>
      </c>
      <c r="G23468" s="8">
        <v>1</v>
      </c>
      <c r="H23468" s="8">
        <v>1</v>
      </c>
      <c r="I23468" s="8">
        <v>0</v>
      </c>
      <c r="J23468" s="8">
        <v>1</v>
      </c>
      <c r="K23468" s="9">
        <v>61</v>
      </c>
      <c r="L23468" s="6" t="s">
        <v>4151</v>
      </c>
    </row>
    <row r="23469" spans="1:12">
      <c r="A23469" s="6" t="s">
        <v>4151</v>
      </c>
      <c r="B23469" s="6"/>
      <c r="C23469" s="6" t="s">
        <v>23505</v>
      </c>
      <c r="D23469" s="6"/>
      <c r="E23469" s="6" t="s">
        <v>9</v>
      </c>
      <c r="F23469" s="7">
        <v>38657</v>
      </c>
      <c r="G23469" s="8">
        <v>1</v>
      </c>
      <c r="H23469" s="8">
        <v>1</v>
      </c>
      <c r="I23469" s="8">
        <v>0</v>
      </c>
      <c r="J23469" s="8">
        <v>1</v>
      </c>
      <c r="K23469" s="9">
        <v>54</v>
      </c>
      <c r="L23469" s="6" t="s">
        <v>4151</v>
      </c>
    </row>
    <row r="23470" spans="1:12">
      <c r="A23470" s="6" t="s">
        <v>4151</v>
      </c>
      <c r="B23470" s="6"/>
      <c r="C23470" s="6" t="s">
        <v>23506</v>
      </c>
      <c r="D23470" s="6"/>
      <c r="E23470" s="6" t="s">
        <v>9</v>
      </c>
      <c r="F23470" s="7">
        <v>38657</v>
      </c>
      <c r="G23470" s="8">
        <v>1</v>
      </c>
      <c r="H23470" s="8">
        <v>1</v>
      </c>
      <c r="I23470" s="8">
        <v>0</v>
      </c>
      <c r="J23470" s="8">
        <v>1</v>
      </c>
      <c r="K23470" s="9">
        <v>4.78</v>
      </c>
      <c r="L23470" s="6" t="s">
        <v>4151</v>
      </c>
    </row>
    <row r="23471" spans="1:12">
      <c r="A23471" s="6" t="s">
        <v>4151</v>
      </c>
      <c r="B23471" s="6"/>
      <c r="C23471" s="6" t="s">
        <v>23507</v>
      </c>
      <c r="D23471" s="6"/>
      <c r="E23471" s="6" t="s">
        <v>9</v>
      </c>
      <c r="F23471" s="7">
        <v>38657</v>
      </c>
      <c r="G23471" s="8">
        <v>1</v>
      </c>
      <c r="H23471" s="8">
        <v>1</v>
      </c>
      <c r="I23471" s="8">
        <v>0</v>
      </c>
      <c r="J23471" s="8">
        <v>1</v>
      </c>
      <c r="K23471" s="9">
        <v>1.05</v>
      </c>
      <c r="L23471" s="6" t="s">
        <v>4151</v>
      </c>
    </row>
    <row r="23472" spans="1:12">
      <c r="A23472" s="6" t="s">
        <v>4151</v>
      </c>
      <c r="B23472" s="6"/>
      <c r="C23472" s="6" t="s">
        <v>23508</v>
      </c>
      <c r="D23472" s="6"/>
      <c r="E23472" s="6" t="s">
        <v>9</v>
      </c>
      <c r="F23472" s="7">
        <v>38657</v>
      </c>
      <c r="G23472" s="8">
        <v>1</v>
      </c>
      <c r="H23472" s="8">
        <v>1</v>
      </c>
      <c r="I23472" s="8">
        <v>0</v>
      </c>
      <c r="J23472" s="8">
        <v>1</v>
      </c>
      <c r="K23472" s="9">
        <v>39</v>
      </c>
      <c r="L23472" s="6" t="s">
        <v>4151</v>
      </c>
    </row>
    <row r="23473" spans="1:12">
      <c r="A23473" s="6" t="s">
        <v>4151</v>
      </c>
      <c r="B23473" s="6"/>
      <c r="C23473" s="6" t="s">
        <v>23509</v>
      </c>
      <c r="D23473" s="6"/>
      <c r="E23473" s="6" t="s">
        <v>9</v>
      </c>
      <c r="F23473" s="7">
        <v>38657</v>
      </c>
      <c r="G23473" s="8">
        <v>1</v>
      </c>
      <c r="H23473" s="8">
        <v>1</v>
      </c>
      <c r="I23473" s="8">
        <v>0</v>
      </c>
      <c r="J23473" s="8">
        <v>1</v>
      </c>
      <c r="K23473" s="9">
        <v>19</v>
      </c>
      <c r="L23473" s="6" t="s">
        <v>4151</v>
      </c>
    </row>
    <row r="23474" spans="1:12">
      <c r="A23474" s="6" t="s">
        <v>4151</v>
      </c>
      <c r="B23474" s="6"/>
      <c r="C23474" s="6" t="s">
        <v>23510</v>
      </c>
      <c r="D23474" s="6"/>
      <c r="E23474" s="6" t="s">
        <v>9</v>
      </c>
      <c r="F23474" s="7">
        <v>38657</v>
      </c>
      <c r="G23474" s="8">
        <v>1</v>
      </c>
      <c r="H23474" s="8">
        <v>1</v>
      </c>
      <c r="I23474" s="8">
        <v>0</v>
      </c>
      <c r="J23474" s="8">
        <v>1</v>
      </c>
      <c r="K23474" s="9">
        <v>5.59</v>
      </c>
      <c r="L23474" s="6" t="s">
        <v>4151</v>
      </c>
    </row>
    <row r="23475" spans="1:12">
      <c r="A23475" s="6" t="s">
        <v>4151</v>
      </c>
      <c r="B23475" s="6"/>
      <c r="C23475" s="6" t="s">
        <v>23511</v>
      </c>
      <c r="D23475" s="6"/>
      <c r="E23475" s="6" t="s">
        <v>9</v>
      </c>
      <c r="F23475" s="7">
        <v>38657</v>
      </c>
      <c r="G23475" s="8">
        <v>1</v>
      </c>
      <c r="H23475" s="8">
        <v>1</v>
      </c>
      <c r="I23475" s="8">
        <v>0</v>
      </c>
      <c r="J23475" s="8">
        <v>1</v>
      </c>
      <c r="K23475" s="9">
        <v>539</v>
      </c>
      <c r="L23475" s="6" t="s">
        <v>4151</v>
      </c>
    </row>
    <row r="23476" spans="1:12">
      <c r="A23476" s="6" t="s">
        <v>4151</v>
      </c>
      <c r="B23476" s="6"/>
      <c r="C23476" s="6" t="s">
        <v>23512</v>
      </c>
      <c r="D23476" s="6"/>
      <c r="E23476" s="6" t="s">
        <v>9</v>
      </c>
      <c r="F23476" s="7">
        <v>38657</v>
      </c>
      <c r="G23476" s="8">
        <v>1</v>
      </c>
      <c r="H23476" s="8">
        <v>1</v>
      </c>
      <c r="I23476" s="8">
        <v>0</v>
      </c>
      <c r="J23476" s="8">
        <v>1</v>
      </c>
      <c r="K23476" s="9">
        <v>25</v>
      </c>
      <c r="L23476" s="6" t="s">
        <v>4151</v>
      </c>
    </row>
    <row r="23477" spans="1:12">
      <c r="A23477" s="6" t="s">
        <v>4151</v>
      </c>
      <c r="B23477" s="6"/>
      <c r="C23477" s="6" t="s">
        <v>23513</v>
      </c>
      <c r="D23477" s="6"/>
      <c r="E23477" s="6" t="s">
        <v>9</v>
      </c>
      <c r="F23477" s="7">
        <v>38657</v>
      </c>
      <c r="G23477" s="8">
        <v>1</v>
      </c>
      <c r="H23477" s="8">
        <v>1</v>
      </c>
      <c r="I23477" s="8">
        <v>0</v>
      </c>
      <c r="J23477" s="8">
        <v>1</v>
      </c>
      <c r="K23477" s="9">
        <v>7.48</v>
      </c>
      <c r="L23477" s="6" t="s">
        <v>4151</v>
      </c>
    </row>
    <row r="23478" spans="1:12">
      <c r="A23478" s="6" t="s">
        <v>4151</v>
      </c>
      <c r="B23478" s="6"/>
      <c r="C23478" s="6" t="s">
        <v>23514</v>
      </c>
      <c r="D23478" s="6"/>
      <c r="E23478" s="6" t="s">
        <v>9</v>
      </c>
      <c r="F23478" s="7">
        <v>38657</v>
      </c>
      <c r="G23478" s="8">
        <v>1</v>
      </c>
      <c r="H23478" s="8">
        <v>1</v>
      </c>
      <c r="I23478" s="8">
        <v>0</v>
      </c>
      <c r="J23478" s="8">
        <v>1</v>
      </c>
      <c r="K23478" s="9">
        <v>24</v>
      </c>
      <c r="L23478" s="6" t="s">
        <v>4151</v>
      </c>
    </row>
    <row r="23479" spans="1:12">
      <c r="A23479" s="6" t="s">
        <v>4151</v>
      </c>
      <c r="B23479" s="6"/>
      <c r="C23479" s="6" t="s">
        <v>23515</v>
      </c>
      <c r="D23479" s="6"/>
      <c r="E23479" s="6" t="s">
        <v>9</v>
      </c>
      <c r="F23479" s="7">
        <v>38657</v>
      </c>
      <c r="G23479" s="8">
        <v>1</v>
      </c>
      <c r="H23479" s="8">
        <v>1</v>
      </c>
      <c r="I23479" s="8">
        <v>0</v>
      </c>
      <c r="J23479" s="8">
        <v>1</v>
      </c>
      <c r="K23479" s="9">
        <v>6.69</v>
      </c>
      <c r="L23479" s="6" t="s">
        <v>4151</v>
      </c>
    </row>
    <row r="23480" spans="1:12">
      <c r="A23480" s="6" t="s">
        <v>4151</v>
      </c>
      <c r="B23480" s="6"/>
      <c r="C23480" s="6" t="s">
        <v>23516</v>
      </c>
      <c r="D23480" s="6"/>
      <c r="E23480" s="6" t="s">
        <v>9</v>
      </c>
      <c r="F23480" s="7">
        <v>38657</v>
      </c>
      <c r="G23480" s="8">
        <v>1</v>
      </c>
      <c r="H23480" s="8">
        <v>1</v>
      </c>
      <c r="I23480" s="8">
        <v>0</v>
      </c>
      <c r="J23480" s="8">
        <v>1</v>
      </c>
      <c r="K23480" s="9">
        <v>27</v>
      </c>
      <c r="L23480" s="6" t="s">
        <v>4151</v>
      </c>
    </row>
    <row r="23481" spans="1:12">
      <c r="A23481" s="6" t="s">
        <v>4151</v>
      </c>
      <c r="B23481" s="6"/>
      <c r="C23481" s="6" t="s">
        <v>23517</v>
      </c>
      <c r="D23481" s="6"/>
      <c r="E23481" s="6" t="s">
        <v>9</v>
      </c>
      <c r="F23481" s="7">
        <v>38657</v>
      </c>
      <c r="G23481" s="8">
        <v>1</v>
      </c>
      <c r="H23481" s="8">
        <v>1</v>
      </c>
      <c r="I23481" s="8">
        <v>0</v>
      </c>
      <c r="J23481" s="8">
        <v>1</v>
      </c>
      <c r="K23481" s="9">
        <v>21</v>
      </c>
      <c r="L23481" s="6" t="s">
        <v>4151</v>
      </c>
    </row>
    <row r="23482" spans="1:12">
      <c r="A23482" s="6" t="s">
        <v>4151</v>
      </c>
      <c r="B23482" s="6"/>
      <c r="C23482" s="6" t="s">
        <v>23518</v>
      </c>
      <c r="D23482" s="6"/>
      <c r="E23482" s="6" t="s">
        <v>9</v>
      </c>
      <c r="F23482" s="7">
        <v>38657</v>
      </c>
      <c r="G23482" s="8">
        <v>1</v>
      </c>
      <c r="H23482" s="8">
        <v>1</v>
      </c>
      <c r="I23482" s="8">
        <v>0</v>
      </c>
      <c r="J23482" s="8">
        <v>1</v>
      </c>
      <c r="K23482" s="9">
        <v>17</v>
      </c>
      <c r="L23482" s="6" t="s">
        <v>4151</v>
      </c>
    </row>
    <row r="23483" spans="1:12">
      <c r="A23483" s="6" t="s">
        <v>4151</v>
      </c>
      <c r="B23483" s="6"/>
      <c r="C23483" s="6" t="s">
        <v>23519</v>
      </c>
      <c r="D23483" s="6"/>
      <c r="E23483" s="6" t="s">
        <v>9</v>
      </c>
      <c r="F23483" s="7">
        <v>38657</v>
      </c>
      <c r="G23483" s="8">
        <v>1</v>
      </c>
      <c r="H23483" s="8">
        <v>1</v>
      </c>
      <c r="I23483" s="8">
        <v>0</v>
      </c>
      <c r="J23483" s="8">
        <v>1</v>
      </c>
      <c r="K23483" s="9">
        <v>9.17</v>
      </c>
      <c r="L23483" s="6" t="s">
        <v>4151</v>
      </c>
    </row>
    <row r="23484" spans="1:12">
      <c r="A23484" s="6" t="s">
        <v>4151</v>
      </c>
      <c r="B23484" s="6"/>
      <c r="C23484" s="6" t="s">
        <v>23520</v>
      </c>
      <c r="D23484" s="6"/>
      <c r="E23484" s="6" t="s">
        <v>9</v>
      </c>
      <c r="F23484" s="7">
        <v>38657</v>
      </c>
      <c r="G23484" s="8">
        <v>1</v>
      </c>
      <c r="H23484" s="8">
        <v>1</v>
      </c>
      <c r="I23484" s="8">
        <v>0</v>
      </c>
      <c r="J23484" s="8">
        <v>1</v>
      </c>
      <c r="K23484" s="9">
        <v>14</v>
      </c>
      <c r="L23484" s="6" t="s">
        <v>4151</v>
      </c>
    </row>
    <row r="23485" spans="1:12">
      <c r="A23485" s="6" t="s">
        <v>4151</v>
      </c>
      <c r="B23485" s="6"/>
      <c r="C23485" s="6" t="s">
        <v>23521</v>
      </c>
      <c r="D23485" s="6"/>
      <c r="E23485" s="6" t="s">
        <v>9</v>
      </c>
      <c r="F23485" s="7">
        <v>38657</v>
      </c>
      <c r="G23485" s="8">
        <v>1</v>
      </c>
      <c r="H23485" s="8">
        <v>1</v>
      </c>
      <c r="I23485" s="8">
        <v>0</v>
      </c>
      <c r="J23485" s="8">
        <v>1</v>
      </c>
      <c r="K23485" s="9">
        <v>8.9499999999999904</v>
      </c>
      <c r="L23485" s="6" t="s">
        <v>4151</v>
      </c>
    </row>
    <row r="23486" spans="1:12">
      <c r="A23486" s="6" t="s">
        <v>4151</v>
      </c>
      <c r="B23486" s="6"/>
      <c r="C23486" s="6" t="s">
        <v>23522</v>
      </c>
      <c r="D23486" s="6"/>
      <c r="E23486" s="6" t="s">
        <v>9</v>
      </c>
      <c r="F23486" s="7">
        <v>38657</v>
      </c>
      <c r="G23486" s="8">
        <v>1</v>
      </c>
      <c r="H23486" s="8">
        <v>1</v>
      </c>
      <c r="I23486" s="8">
        <v>0</v>
      </c>
      <c r="J23486" s="8">
        <v>1</v>
      </c>
      <c r="K23486" s="9">
        <v>57</v>
      </c>
      <c r="L23486" s="6" t="s">
        <v>4151</v>
      </c>
    </row>
    <row r="23487" spans="1:12">
      <c r="A23487" s="6" t="s">
        <v>4151</v>
      </c>
      <c r="B23487" s="6"/>
      <c r="C23487" s="6" t="s">
        <v>23523</v>
      </c>
      <c r="D23487" s="6"/>
      <c r="E23487" s="6" t="s">
        <v>9</v>
      </c>
      <c r="F23487" s="7">
        <v>38657</v>
      </c>
      <c r="G23487" s="8">
        <v>1</v>
      </c>
      <c r="H23487" s="8">
        <v>1</v>
      </c>
      <c r="I23487" s="8">
        <v>0</v>
      </c>
      <c r="J23487" s="8">
        <v>1</v>
      </c>
      <c r="K23487" s="9">
        <v>11</v>
      </c>
      <c r="L23487" s="6" t="s">
        <v>4151</v>
      </c>
    </row>
    <row r="23488" spans="1:12">
      <c r="A23488" s="6" t="s">
        <v>4151</v>
      </c>
      <c r="B23488" s="6"/>
      <c r="C23488" s="6" t="s">
        <v>23524</v>
      </c>
      <c r="D23488" s="6"/>
      <c r="E23488" s="6" t="s">
        <v>9</v>
      </c>
      <c r="F23488" s="7">
        <v>38657</v>
      </c>
      <c r="G23488" s="8">
        <v>1</v>
      </c>
      <c r="H23488" s="8">
        <v>1</v>
      </c>
      <c r="I23488" s="8">
        <v>0</v>
      </c>
      <c r="J23488" s="8">
        <v>1</v>
      </c>
      <c r="K23488" s="9">
        <v>57</v>
      </c>
      <c r="L23488" s="6" t="s">
        <v>4151</v>
      </c>
    </row>
    <row r="23489" spans="1:12">
      <c r="A23489" s="6" t="s">
        <v>4151</v>
      </c>
      <c r="B23489" s="6"/>
      <c r="C23489" s="6" t="s">
        <v>23525</v>
      </c>
      <c r="D23489" s="6"/>
      <c r="E23489" s="6" t="s">
        <v>9</v>
      </c>
      <c r="F23489" s="7">
        <v>38657</v>
      </c>
      <c r="G23489" s="8">
        <v>1</v>
      </c>
      <c r="H23489" s="8">
        <v>1</v>
      </c>
      <c r="I23489" s="8">
        <v>0</v>
      </c>
      <c r="J23489" s="8">
        <v>1</v>
      </c>
      <c r="K23489" s="9">
        <v>16</v>
      </c>
      <c r="L23489" s="6" t="s">
        <v>4151</v>
      </c>
    </row>
    <row r="23490" spans="1:12">
      <c r="A23490" s="6" t="s">
        <v>4151</v>
      </c>
      <c r="B23490" s="6"/>
      <c r="C23490" s="6" t="s">
        <v>23526</v>
      </c>
      <c r="D23490" s="6"/>
      <c r="E23490" s="6" t="s">
        <v>9</v>
      </c>
      <c r="F23490" s="7">
        <v>38657</v>
      </c>
      <c r="G23490" s="8">
        <v>1</v>
      </c>
      <c r="H23490" s="8">
        <v>1</v>
      </c>
      <c r="I23490" s="8">
        <v>0</v>
      </c>
      <c r="J23490" s="8">
        <v>1</v>
      </c>
      <c r="K23490" s="9">
        <v>39</v>
      </c>
      <c r="L23490" s="6" t="s">
        <v>4151</v>
      </c>
    </row>
    <row r="23491" spans="1:12">
      <c r="A23491" s="6" t="s">
        <v>4151</v>
      </c>
      <c r="B23491" s="6"/>
      <c r="C23491" s="6" t="s">
        <v>23527</v>
      </c>
      <c r="D23491" s="6"/>
      <c r="E23491" s="6" t="s">
        <v>9</v>
      </c>
      <c r="F23491" s="7">
        <v>38657</v>
      </c>
      <c r="G23491" s="8">
        <v>1</v>
      </c>
      <c r="H23491" s="8">
        <v>1</v>
      </c>
      <c r="I23491" s="8">
        <v>0</v>
      </c>
      <c r="J23491" s="8">
        <v>1</v>
      </c>
      <c r="K23491" s="9">
        <v>79</v>
      </c>
      <c r="L23491" s="6" t="s">
        <v>4151</v>
      </c>
    </row>
    <row r="23492" spans="1:12">
      <c r="A23492" s="6" t="s">
        <v>4151</v>
      </c>
      <c r="B23492" s="6"/>
      <c r="C23492" s="6" t="s">
        <v>23528</v>
      </c>
      <c r="D23492" s="6"/>
      <c r="E23492" s="6" t="s">
        <v>9</v>
      </c>
      <c r="F23492" s="7">
        <v>38657</v>
      </c>
      <c r="G23492" s="8">
        <v>1</v>
      </c>
      <c r="H23492" s="8">
        <v>1</v>
      </c>
      <c r="I23492" s="8">
        <v>0</v>
      </c>
      <c r="J23492" s="8">
        <v>1</v>
      </c>
      <c r="K23492" s="9">
        <v>98</v>
      </c>
      <c r="L23492" s="6" t="s">
        <v>4151</v>
      </c>
    </row>
    <row r="23493" spans="1:12">
      <c r="A23493" s="6" t="s">
        <v>4151</v>
      </c>
      <c r="B23493" s="6"/>
      <c r="C23493" s="6" t="s">
        <v>23529</v>
      </c>
      <c r="D23493" s="6"/>
      <c r="E23493" s="6" t="s">
        <v>9</v>
      </c>
      <c r="F23493" s="7">
        <v>38657</v>
      </c>
      <c r="G23493" s="8">
        <v>1</v>
      </c>
      <c r="H23493" s="8">
        <v>1</v>
      </c>
      <c r="I23493" s="8">
        <v>0</v>
      </c>
      <c r="J23493" s="8">
        <v>1</v>
      </c>
      <c r="K23493" s="9">
        <v>65</v>
      </c>
      <c r="L23493" s="6" t="s">
        <v>4151</v>
      </c>
    </row>
    <row r="23494" spans="1:12">
      <c r="A23494" s="6" t="s">
        <v>4151</v>
      </c>
      <c r="B23494" s="6"/>
      <c r="C23494" s="6" t="s">
        <v>23530</v>
      </c>
      <c r="D23494" s="6"/>
      <c r="E23494" s="6" t="s">
        <v>9</v>
      </c>
      <c r="F23494" s="7">
        <v>38657</v>
      </c>
      <c r="G23494" s="8">
        <v>1</v>
      </c>
      <c r="H23494" s="8">
        <v>1</v>
      </c>
      <c r="I23494" s="8">
        <v>0</v>
      </c>
      <c r="J23494" s="8">
        <v>1</v>
      </c>
      <c r="K23494" s="9">
        <v>15</v>
      </c>
      <c r="L23494" s="6" t="s">
        <v>4151</v>
      </c>
    </row>
    <row r="23495" spans="1:12">
      <c r="A23495" s="6" t="s">
        <v>4151</v>
      </c>
      <c r="B23495" s="6"/>
      <c r="C23495" s="6" t="s">
        <v>23531</v>
      </c>
      <c r="D23495" s="6"/>
      <c r="E23495" s="6" t="s">
        <v>9</v>
      </c>
      <c r="F23495" s="7">
        <v>38657</v>
      </c>
      <c r="G23495" s="8">
        <v>1</v>
      </c>
      <c r="H23495" s="8">
        <v>1</v>
      </c>
      <c r="I23495" s="8">
        <v>0</v>
      </c>
      <c r="J23495" s="8">
        <v>1</v>
      </c>
      <c r="K23495" s="9">
        <v>16</v>
      </c>
      <c r="L23495" s="6" t="s">
        <v>4151</v>
      </c>
    </row>
    <row r="23496" spans="1:12">
      <c r="A23496" s="6" t="s">
        <v>4151</v>
      </c>
      <c r="B23496" s="6"/>
      <c r="C23496" s="6" t="s">
        <v>23532</v>
      </c>
      <c r="D23496" s="6"/>
      <c r="E23496" s="6" t="s">
        <v>9</v>
      </c>
      <c r="F23496" s="7">
        <v>38657</v>
      </c>
      <c r="G23496" s="8">
        <v>1</v>
      </c>
      <c r="H23496" s="8">
        <v>1</v>
      </c>
      <c r="I23496" s="8">
        <v>0</v>
      </c>
      <c r="J23496" s="8">
        <v>1</v>
      </c>
      <c r="K23496" s="9">
        <v>2.0499999999999901</v>
      </c>
      <c r="L23496" s="6" t="s">
        <v>4151</v>
      </c>
    </row>
    <row r="23497" spans="1:12">
      <c r="A23497" s="6" t="s">
        <v>4151</v>
      </c>
      <c r="B23497" s="6"/>
      <c r="C23497" s="6" t="s">
        <v>23533</v>
      </c>
      <c r="D23497" s="6"/>
      <c r="E23497" s="6" t="s">
        <v>9</v>
      </c>
      <c r="F23497" s="7">
        <v>38657</v>
      </c>
      <c r="G23497" s="8">
        <v>1</v>
      </c>
      <c r="H23497" s="8">
        <v>1</v>
      </c>
      <c r="I23497" s="8">
        <v>0</v>
      </c>
      <c r="J23497" s="8">
        <v>1</v>
      </c>
      <c r="K23497" s="9">
        <v>295</v>
      </c>
      <c r="L23497" s="6" t="s">
        <v>4151</v>
      </c>
    </row>
    <row r="23498" spans="1:12">
      <c r="A23498" s="6" t="s">
        <v>4151</v>
      </c>
      <c r="B23498" s="6"/>
      <c r="C23498" s="6" t="s">
        <v>23534</v>
      </c>
      <c r="D23498" s="6"/>
      <c r="E23498" s="6" t="s">
        <v>9</v>
      </c>
      <c r="F23498" s="7">
        <v>38657</v>
      </c>
      <c r="G23498" s="8">
        <v>1</v>
      </c>
      <c r="H23498" s="8">
        <v>1</v>
      </c>
      <c r="I23498" s="8">
        <v>0</v>
      </c>
      <c r="J23498" s="8">
        <v>1</v>
      </c>
      <c r="K23498" s="9">
        <v>9.2799999999999905</v>
      </c>
      <c r="L23498" s="6" t="s">
        <v>4151</v>
      </c>
    </row>
    <row r="23499" spans="1:12">
      <c r="A23499" s="6" t="s">
        <v>4151</v>
      </c>
      <c r="B23499" s="6"/>
      <c r="C23499" s="6" t="s">
        <v>23535</v>
      </c>
      <c r="D23499" s="6"/>
      <c r="E23499" s="6" t="s">
        <v>9</v>
      </c>
      <c r="F23499" s="7">
        <v>38657</v>
      </c>
      <c r="G23499" s="8">
        <v>1</v>
      </c>
      <c r="H23499" s="8">
        <v>1</v>
      </c>
      <c r="I23499" s="8">
        <v>0</v>
      </c>
      <c r="J23499" s="8">
        <v>1</v>
      </c>
      <c r="K23499" s="9">
        <v>9.3699999999999903</v>
      </c>
      <c r="L23499" s="6" t="s">
        <v>4151</v>
      </c>
    </row>
    <row r="23500" spans="1:12">
      <c r="A23500" s="6" t="s">
        <v>4151</v>
      </c>
      <c r="B23500" s="6"/>
      <c r="C23500" s="6" t="s">
        <v>23536</v>
      </c>
      <c r="D23500" s="6"/>
      <c r="E23500" s="6" t="s">
        <v>9</v>
      </c>
      <c r="F23500" s="7">
        <v>38657</v>
      </c>
      <c r="G23500" s="8">
        <v>1</v>
      </c>
      <c r="H23500" s="8">
        <v>1</v>
      </c>
      <c r="I23500" s="8">
        <v>0</v>
      </c>
      <c r="J23500" s="8">
        <v>1</v>
      </c>
      <c r="K23500" s="9">
        <v>9.39</v>
      </c>
      <c r="L23500" s="6" t="s">
        <v>4151</v>
      </c>
    </row>
    <row r="23501" spans="1:12">
      <c r="A23501" s="6" t="s">
        <v>4151</v>
      </c>
      <c r="B23501" s="6"/>
      <c r="C23501" s="6" t="s">
        <v>23537</v>
      </c>
      <c r="D23501" s="6"/>
      <c r="E23501" s="6" t="s">
        <v>9</v>
      </c>
      <c r="F23501" s="7">
        <v>38657</v>
      </c>
      <c r="G23501" s="8">
        <v>1</v>
      </c>
      <c r="H23501" s="8">
        <v>1</v>
      </c>
      <c r="I23501" s="8">
        <v>0</v>
      </c>
      <c r="J23501" s="8">
        <v>1</v>
      </c>
      <c r="K23501" s="9">
        <v>9.42</v>
      </c>
      <c r="L23501" s="6" t="s">
        <v>4151</v>
      </c>
    </row>
    <row r="23502" spans="1:12">
      <c r="A23502" s="6" t="s">
        <v>4151</v>
      </c>
      <c r="B23502" s="6"/>
      <c r="C23502" s="6" t="s">
        <v>23538</v>
      </c>
      <c r="D23502" s="6"/>
      <c r="E23502" s="6" t="s">
        <v>9</v>
      </c>
      <c r="F23502" s="7">
        <v>38657</v>
      </c>
      <c r="G23502" s="8">
        <v>1</v>
      </c>
      <c r="H23502" s="8">
        <v>1</v>
      </c>
      <c r="I23502" s="8">
        <v>0</v>
      </c>
      <c r="J23502" s="8">
        <v>1</v>
      </c>
      <c r="K23502" s="9">
        <v>19</v>
      </c>
      <c r="L23502" s="6" t="s">
        <v>4151</v>
      </c>
    </row>
    <row r="23503" spans="1:12">
      <c r="A23503" s="6" t="s">
        <v>4151</v>
      </c>
      <c r="B23503" s="6"/>
      <c r="C23503" s="6" t="s">
        <v>23539</v>
      </c>
      <c r="D23503" s="6"/>
      <c r="E23503" s="6" t="s">
        <v>9</v>
      </c>
      <c r="F23503" s="7">
        <v>38657</v>
      </c>
      <c r="G23503" s="8">
        <v>1</v>
      </c>
      <c r="H23503" s="8">
        <v>1</v>
      </c>
      <c r="I23503" s="8">
        <v>0</v>
      </c>
      <c r="J23503" s="8">
        <v>1</v>
      </c>
      <c r="K23503" s="9">
        <v>2.81</v>
      </c>
      <c r="L23503" s="6" t="s">
        <v>4151</v>
      </c>
    </row>
    <row r="23504" spans="1:12">
      <c r="A23504" s="6" t="s">
        <v>4151</v>
      </c>
      <c r="B23504" s="6"/>
      <c r="C23504" s="6" t="s">
        <v>23540</v>
      </c>
      <c r="D23504" s="6"/>
      <c r="E23504" s="6" t="s">
        <v>9</v>
      </c>
      <c r="F23504" s="7">
        <v>38657</v>
      </c>
      <c r="G23504" s="8">
        <v>1</v>
      </c>
      <c r="H23504" s="8">
        <v>1</v>
      </c>
      <c r="I23504" s="8">
        <v>0</v>
      </c>
      <c r="J23504" s="8">
        <v>1</v>
      </c>
      <c r="K23504" s="9">
        <v>2.29</v>
      </c>
      <c r="L23504" s="6" t="s">
        <v>4151</v>
      </c>
    </row>
    <row r="23505" spans="1:12">
      <c r="A23505" s="6" t="s">
        <v>4151</v>
      </c>
      <c r="B23505" s="6"/>
      <c r="C23505" s="6" t="s">
        <v>23541</v>
      </c>
      <c r="D23505" s="6"/>
      <c r="E23505" s="6" t="s">
        <v>9</v>
      </c>
      <c r="F23505" s="7">
        <v>38657</v>
      </c>
      <c r="G23505" s="8">
        <v>1</v>
      </c>
      <c r="H23505" s="8">
        <v>1</v>
      </c>
      <c r="I23505" s="8">
        <v>0</v>
      </c>
      <c r="J23505" s="8">
        <v>1</v>
      </c>
      <c r="K23505" s="9">
        <v>2.52</v>
      </c>
      <c r="L23505" s="6" t="s">
        <v>4151</v>
      </c>
    </row>
    <row r="23506" spans="1:12">
      <c r="A23506" s="6" t="s">
        <v>4151</v>
      </c>
      <c r="B23506" s="6"/>
      <c r="C23506" s="6" t="s">
        <v>23542</v>
      </c>
      <c r="D23506" s="6"/>
      <c r="E23506" s="6" t="s">
        <v>9</v>
      </c>
      <c r="F23506" s="7">
        <v>38657</v>
      </c>
      <c r="G23506" s="8">
        <v>1</v>
      </c>
      <c r="H23506" s="8">
        <v>1</v>
      </c>
      <c r="I23506" s="8">
        <v>0</v>
      </c>
      <c r="J23506" s="8">
        <v>1</v>
      </c>
      <c r="K23506" s="9">
        <v>5.2</v>
      </c>
      <c r="L23506" s="6" t="s">
        <v>4151</v>
      </c>
    </row>
    <row r="23507" spans="1:12">
      <c r="A23507" s="6" t="s">
        <v>4151</v>
      </c>
      <c r="B23507" s="6"/>
      <c r="C23507" s="6" t="s">
        <v>23543</v>
      </c>
      <c r="D23507" s="6"/>
      <c r="E23507" s="6" t="s">
        <v>9</v>
      </c>
      <c r="F23507" s="7">
        <v>38657</v>
      </c>
      <c r="G23507" s="8">
        <v>1</v>
      </c>
      <c r="H23507" s="8">
        <v>1</v>
      </c>
      <c r="I23507" s="8">
        <v>0</v>
      </c>
      <c r="J23507" s="8">
        <v>1</v>
      </c>
      <c r="K23507" s="9">
        <v>0.44</v>
      </c>
      <c r="L23507" s="6" t="s">
        <v>4151</v>
      </c>
    </row>
    <row r="23508" spans="1:12">
      <c r="A23508" s="6" t="s">
        <v>4151</v>
      </c>
      <c r="B23508" s="6"/>
      <c r="C23508" s="6" t="s">
        <v>23544</v>
      </c>
      <c r="D23508" s="6"/>
      <c r="E23508" s="6" t="s">
        <v>9</v>
      </c>
      <c r="F23508" s="7">
        <v>38657</v>
      </c>
      <c r="G23508" s="8">
        <v>1</v>
      </c>
      <c r="H23508" s="8">
        <v>1</v>
      </c>
      <c r="I23508" s="8">
        <v>0</v>
      </c>
      <c r="J23508" s="8">
        <v>1</v>
      </c>
      <c r="K23508" s="9">
        <v>59</v>
      </c>
      <c r="L23508" s="6" t="s">
        <v>4151</v>
      </c>
    </row>
    <row r="23509" spans="1:12">
      <c r="A23509" s="6" t="s">
        <v>4151</v>
      </c>
      <c r="B23509" s="6"/>
      <c r="C23509" s="6" t="s">
        <v>23545</v>
      </c>
      <c r="D23509" s="6"/>
      <c r="E23509" s="6" t="s">
        <v>9</v>
      </c>
      <c r="F23509" s="7">
        <v>38657</v>
      </c>
      <c r="G23509" s="8">
        <v>1</v>
      </c>
      <c r="H23509" s="8">
        <v>1</v>
      </c>
      <c r="I23509" s="8">
        <v>0</v>
      </c>
      <c r="J23509" s="8">
        <v>1</v>
      </c>
      <c r="K23509" s="9">
        <v>1.7</v>
      </c>
      <c r="L23509" s="6" t="s">
        <v>4151</v>
      </c>
    </row>
    <row r="23510" spans="1:12">
      <c r="A23510" s="6" t="s">
        <v>4151</v>
      </c>
      <c r="B23510" s="6"/>
      <c r="C23510" s="6" t="s">
        <v>23546</v>
      </c>
      <c r="D23510" s="6"/>
      <c r="E23510" s="6" t="s">
        <v>9</v>
      </c>
      <c r="F23510" s="7">
        <v>38657</v>
      </c>
      <c r="G23510" s="8">
        <v>1</v>
      </c>
      <c r="H23510" s="8">
        <v>1</v>
      </c>
      <c r="I23510" s="8">
        <v>0</v>
      </c>
      <c r="J23510" s="8">
        <v>1</v>
      </c>
      <c r="K23510" s="9">
        <v>1.34</v>
      </c>
      <c r="L23510" s="6" t="s">
        <v>4151</v>
      </c>
    </row>
    <row r="23511" spans="1:12">
      <c r="A23511" s="6" t="s">
        <v>4151</v>
      </c>
      <c r="B23511" s="6"/>
      <c r="C23511" s="6" t="s">
        <v>23547</v>
      </c>
      <c r="D23511" s="6"/>
      <c r="E23511" s="6" t="s">
        <v>9</v>
      </c>
      <c r="F23511" s="7">
        <v>38657</v>
      </c>
      <c r="G23511" s="8">
        <v>1</v>
      </c>
      <c r="H23511" s="8">
        <v>1</v>
      </c>
      <c r="I23511" s="8">
        <v>0</v>
      </c>
      <c r="J23511" s="8">
        <v>1</v>
      </c>
      <c r="K23511" s="9">
        <v>3.44</v>
      </c>
      <c r="L23511" s="6" t="s">
        <v>4151</v>
      </c>
    </row>
    <row r="23512" spans="1:12">
      <c r="A23512" s="6" t="s">
        <v>4151</v>
      </c>
      <c r="B23512" s="6"/>
      <c r="C23512" s="6" t="s">
        <v>23548</v>
      </c>
      <c r="D23512" s="6"/>
      <c r="E23512" s="6" t="s">
        <v>9</v>
      </c>
      <c r="F23512" s="7">
        <v>38657</v>
      </c>
      <c r="G23512" s="8">
        <v>1</v>
      </c>
      <c r="H23512" s="8">
        <v>1</v>
      </c>
      <c r="I23512" s="8">
        <v>0</v>
      </c>
      <c r="J23512" s="8">
        <v>1</v>
      </c>
      <c r="K23512" s="9">
        <v>22</v>
      </c>
      <c r="L23512" s="6" t="s">
        <v>4151</v>
      </c>
    </row>
    <row r="23513" spans="1:12">
      <c r="A23513" s="6" t="s">
        <v>4151</v>
      </c>
      <c r="B23513" s="6"/>
      <c r="C23513" s="6" t="s">
        <v>23549</v>
      </c>
      <c r="D23513" s="6"/>
      <c r="E23513" s="6" t="s">
        <v>9</v>
      </c>
      <c r="F23513" s="7">
        <v>38657</v>
      </c>
      <c r="G23513" s="8">
        <v>1</v>
      </c>
      <c r="H23513" s="8">
        <v>1</v>
      </c>
      <c r="I23513" s="8">
        <v>0</v>
      </c>
      <c r="J23513" s="8">
        <v>1</v>
      </c>
      <c r="K23513" s="9">
        <v>14</v>
      </c>
      <c r="L23513" s="6" t="s">
        <v>4151</v>
      </c>
    </row>
    <row r="23514" spans="1:12">
      <c r="A23514" s="6" t="s">
        <v>4151</v>
      </c>
      <c r="B23514" s="6"/>
      <c r="C23514" s="6" t="s">
        <v>23550</v>
      </c>
      <c r="D23514" s="6"/>
      <c r="E23514" s="6" t="s">
        <v>9</v>
      </c>
      <c r="F23514" s="7">
        <v>38657</v>
      </c>
      <c r="G23514" s="8">
        <v>1</v>
      </c>
      <c r="H23514" s="8">
        <v>1</v>
      </c>
      <c r="I23514" s="8">
        <v>0</v>
      </c>
      <c r="J23514" s="8">
        <v>1</v>
      </c>
      <c r="K23514" s="9">
        <v>6.61</v>
      </c>
      <c r="L23514" s="6" t="s">
        <v>4151</v>
      </c>
    </row>
    <row r="23515" spans="1:12">
      <c r="A23515" s="6" t="s">
        <v>4151</v>
      </c>
      <c r="B23515" s="6"/>
      <c r="C23515" s="6" t="s">
        <v>23551</v>
      </c>
      <c r="D23515" s="6"/>
      <c r="E23515" s="6" t="s">
        <v>9</v>
      </c>
      <c r="F23515" s="7">
        <v>38657</v>
      </c>
      <c r="G23515" s="8">
        <v>1</v>
      </c>
      <c r="H23515" s="8">
        <v>1</v>
      </c>
      <c r="I23515" s="8">
        <v>0</v>
      </c>
      <c r="J23515" s="8">
        <v>1</v>
      </c>
      <c r="K23515" s="9">
        <v>10</v>
      </c>
      <c r="L23515" s="6" t="s">
        <v>4151</v>
      </c>
    </row>
    <row r="23516" spans="1:12">
      <c r="A23516" s="6" t="s">
        <v>4151</v>
      </c>
      <c r="B23516" s="6"/>
      <c r="C23516" s="6" t="s">
        <v>23552</v>
      </c>
      <c r="D23516" s="6"/>
      <c r="E23516" s="6" t="s">
        <v>9</v>
      </c>
      <c r="F23516" s="7">
        <v>38657</v>
      </c>
      <c r="G23516" s="8">
        <v>1</v>
      </c>
      <c r="H23516" s="8">
        <v>1</v>
      </c>
      <c r="I23516" s="8">
        <v>0</v>
      </c>
      <c r="J23516" s="8">
        <v>1</v>
      </c>
      <c r="K23516" s="9">
        <v>48</v>
      </c>
      <c r="L23516" s="6" t="s">
        <v>4151</v>
      </c>
    </row>
    <row r="23517" spans="1:12">
      <c r="A23517" s="6" t="s">
        <v>4151</v>
      </c>
      <c r="B23517" s="6"/>
      <c r="C23517" s="6" t="s">
        <v>23553</v>
      </c>
      <c r="D23517" s="6"/>
      <c r="E23517" s="6" t="s">
        <v>9</v>
      </c>
      <c r="F23517" s="7">
        <v>38657</v>
      </c>
      <c r="G23517" s="8">
        <v>1</v>
      </c>
      <c r="H23517" s="8">
        <v>1</v>
      </c>
      <c r="I23517" s="8">
        <v>0</v>
      </c>
      <c r="J23517" s="8">
        <v>1</v>
      </c>
      <c r="K23517" s="9">
        <v>21</v>
      </c>
      <c r="L23517" s="6" t="s">
        <v>4151</v>
      </c>
    </row>
    <row r="23518" spans="1:12">
      <c r="A23518" s="6" t="s">
        <v>4151</v>
      </c>
      <c r="B23518" s="6"/>
      <c r="C23518" s="6" t="s">
        <v>23554</v>
      </c>
      <c r="D23518" s="6"/>
      <c r="E23518" s="6" t="s">
        <v>9</v>
      </c>
      <c r="F23518" s="7">
        <v>38657</v>
      </c>
      <c r="G23518" s="8">
        <v>1</v>
      </c>
      <c r="H23518" s="8">
        <v>1</v>
      </c>
      <c r="I23518" s="8">
        <v>0</v>
      </c>
      <c r="J23518" s="8">
        <v>1</v>
      </c>
      <c r="K23518" s="9">
        <v>4.97</v>
      </c>
      <c r="L23518" s="6" t="s">
        <v>4151</v>
      </c>
    </row>
    <row r="23519" spans="1:12">
      <c r="A23519" s="6" t="s">
        <v>4151</v>
      </c>
      <c r="B23519" s="6"/>
      <c r="C23519" s="6" t="s">
        <v>23555</v>
      </c>
      <c r="D23519" s="6"/>
      <c r="E23519" s="6" t="s">
        <v>9</v>
      </c>
      <c r="F23519" s="7">
        <v>38657</v>
      </c>
      <c r="G23519" s="8">
        <v>1</v>
      </c>
      <c r="H23519" s="8">
        <v>1</v>
      </c>
      <c r="I23519" s="8">
        <v>0</v>
      </c>
      <c r="J23519" s="8">
        <v>1</v>
      </c>
      <c r="K23519" s="9">
        <v>246</v>
      </c>
      <c r="L23519" s="6" t="s">
        <v>4151</v>
      </c>
    </row>
    <row r="23520" spans="1:12">
      <c r="A23520" s="6" t="s">
        <v>4151</v>
      </c>
      <c r="B23520" s="6"/>
      <c r="C23520" s="6" t="s">
        <v>23556</v>
      </c>
      <c r="D23520" s="6"/>
      <c r="E23520" s="6" t="s">
        <v>9</v>
      </c>
      <c r="F23520" s="7">
        <v>38657</v>
      </c>
      <c r="G23520" s="8">
        <v>1</v>
      </c>
      <c r="H23520" s="8">
        <v>1</v>
      </c>
      <c r="I23520" s="8">
        <v>0</v>
      </c>
      <c r="J23520" s="8">
        <v>1</v>
      </c>
      <c r="K23520" s="9">
        <v>64</v>
      </c>
      <c r="L23520" s="6" t="s">
        <v>4151</v>
      </c>
    </row>
    <row r="23521" spans="1:12">
      <c r="A23521" s="6" t="s">
        <v>4151</v>
      </c>
      <c r="B23521" s="6"/>
      <c r="C23521" s="6" t="s">
        <v>23557</v>
      </c>
      <c r="D23521" s="6"/>
      <c r="E23521" s="6" t="s">
        <v>9</v>
      </c>
      <c r="F23521" s="7">
        <v>38657</v>
      </c>
      <c r="G23521" s="8">
        <v>1</v>
      </c>
      <c r="H23521" s="8">
        <v>1</v>
      </c>
      <c r="I23521" s="8">
        <v>0</v>
      </c>
      <c r="J23521" s="8">
        <v>1</v>
      </c>
      <c r="K23521" s="9">
        <v>41</v>
      </c>
      <c r="L23521" s="6" t="s">
        <v>4151</v>
      </c>
    </row>
    <row r="23522" spans="1:12">
      <c r="A23522" s="6" t="s">
        <v>4151</v>
      </c>
      <c r="B23522" s="6"/>
      <c r="C23522" s="6" t="s">
        <v>23558</v>
      </c>
      <c r="D23522" s="6"/>
      <c r="E23522" s="6" t="s">
        <v>9</v>
      </c>
      <c r="F23522" s="7">
        <v>38657</v>
      </c>
      <c r="G23522" s="8">
        <v>1</v>
      </c>
      <c r="H23522" s="8">
        <v>1</v>
      </c>
      <c r="I23522" s="8">
        <v>0</v>
      </c>
      <c r="J23522" s="8">
        <v>1</v>
      </c>
      <c r="K23522" s="9">
        <v>50</v>
      </c>
      <c r="L23522" s="6" t="s">
        <v>4151</v>
      </c>
    </row>
    <row r="23523" spans="1:12">
      <c r="A23523" s="6" t="s">
        <v>4151</v>
      </c>
      <c r="B23523" s="6"/>
      <c r="C23523" s="6" t="s">
        <v>23559</v>
      </c>
      <c r="D23523" s="6"/>
      <c r="E23523" s="6" t="s">
        <v>9</v>
      </c>
      <c r="F23523" s="7">
        <v>38657</v>
      </c>
      <c r="G23523" s="8">
        <v>1</v>
      </c>
      <c r="H23523" s="8">
        <v>1</v>
      </c>
      <c r="I23523" s="8">
        <v>0</v>
      </c>
      <c r="J23523" s="8">
        <v>1</v>
      </c>
      <c r="K23523" s="9">
        <v>0.84</v>
      </c>
      <c r="L23523" s="6" t="s">
        <v>4151</v>
      </c>
    </row>
    <row r="23524" spans="1:12">
      <c r="A23524" s="6" t="s">
        <v>4151</v>
      </c>
      <c r="B23524" s="6"/>
      <c r="C23524" s="6" t="s">
        <v>23560</v>
      </c>
      <c r="D23524" s="6"/>
      <c r="E23524" s="6" t="s">
        <v>9</v>
      </c>
      <c r="F23524" s="7">
        <v>38657</v>
      </c>
      <c r="G23524" s="8">
        <v>1</v>
      </c>
      <c r="H23524" s="8">
        <v>1</v>
      </c>
      <c r="I23524" s="8">
        <v>0</v>
      </c>
      <c r="J23524" s="8">
        <v>1</v>
      </c>
      <c r="K23524" s="9">
        <v>16</v>
      </c>
      <c r="L23524" s="6" t="s">
        <v>4151</v>
      </c>
    </row>
    <row r="23525" spans="1:12">
      <c r="A23525" s="6" t="s">
        <v>4151</v>
      </c>
      <c r="B23525" s="6"/>
      <c r="C23525" s="6" t="s">
        <v>23561</v>
      </c>
      <c r="D23525" s="6"/>
      <c r="E23525" s="6" t="s">
        <v>9</v>
      </c>
      <c r="F23525" s="7">
        <v>38657</v>
      </c>
      <c r="G23525" s="8">
        <v>1</v>
      </c>
      <c r="H23525" s="8">
        <v>1</v>
      </c>
      <c r="I23525" s="8">
        <v>0</v>
      </c>
      <c r="J23525" s="8">
        <v>1</v>
      </c>
      <c r="K23525" s="9">
        <v>17</v>
      </c>
      <c r="L23525" s="6" t="s">
        <v>4151</v>
      </c>
    </row>
    <row r="23526" spans="1:12">
      <c r="A23526" s="6" t="s">
        <v>4151</v>
      </c>
      <c r="B23526" s="6"/>
      <c r="C23526" s="6" t="s">
        <v>23562</v>
      </c>
      <c r="D23526" s="6"/>
      <c r="E23526" s="6" t="s">
        <v>9</v>
      </c>
      <c r="F23526" s="7">
        <v>38657</v>
      </c>
      <c r="G23526" s="8">
        <v>1</v>
      </c>
      <c r="H23526" s="8">
        <v>1</v>
      </c>
      <c r="I23526" s="8">
        <v>0</v>
      </c>
      <c r="J23526" s="8">
        <v>1</v>
      </c>
      <c r="K23526" s="9">
        <v>7.41</v>
      </c>
      <c r="L23526" s="6" t="s">
        <v>4151</v>
      </c>
    </row>
    <row r="23527" spans="1:12">
      <c r="A23527" s="6" t="s">
        <v>4151</v>
      </c>
      <c r="B23527" s="6"/>
      <c r="C23527" s="6" t="s">
        <v>23563</v>
      </c>
      <c r="D23527" s="6"/>
      <c r="E23527" s="6" t="s">
        <v>9</v>
      </c>
      <c r="F23527" s="7">
        <v>38657</v>
      </c>
      <c r="G23527" s="8">
        <v>1</v>
      </c>
      <c r="H23527" s="8">
        <v>1</v>
      </c>
      <c r="I23527" s="8">
        <v>0</v>
      </c>
      <c r="J23527" s="8">
        <v>1</v>
      </c>
      <c r="K23527" s="9">
        <v>3.16</v>
      </c>
      <c r="L23527" s="6" t="s">
        <v>4151</v>
      </c>
    </row>
    <row r="23528" spans="1:12">
      <c r="A23528" s="6" t="s">
        <v>4151</v>
      </c>
      <c r="B23528" s="6"/>
      <c r="C23528" s="6" t="s">
        <v>23564</v>
      </c>
      <c r="D23528" s="6"/>
      <c r="E23528" s="6" t="s">
        <v>9</v>
      </c>
      <c r="F23528" s="7">
        <v>38657</v>
      </c>
      <c r="G23528" s="8">
        <v>1</v>
      </c>
      <c r="H23528" s="8">
        <v>1</v>
      </c>
      <c r="I23528" s="8">
        <v>0</v>
      </c>
      <c r="J23528" s="8">
        <v>1</v>
      </c>
      <c r="K23528" s="9">
        <v>4.8</v>
      </c>
      <c r="L23528" s="6" t="s">
        <v>4151</v>
      </c>
    </row>
    <row r="23529" spans="1:12">
      <c r="A23529" s="6" t="s">
        <v>4151</v>
      </c>
      <c r="B23529" s="6"/>
      <c r="C23529" s="6" t="s">
        <v>23565</v>
      </c>
      <c r="D23529" s="6"/>
      <c r="E23529" s="6" t="s">
        <v>9</v>
      </c>
      <c r="F23529" s="7">
        <v>38657</v>
      </c>
      <c r="G23529" s="8">
        <v>1</v>
      </c>
      <c r="H23529" s="8">
        <v>1</v>
      </c>
      <c r="I23529" s="8">
        <v>0</v>
      </c>
      <c r="J23529" s="8">
        <v>1</v>
      </c>
      <c r="K23529" s="9">
        <v>6.46</v>
      </c>
      <c r="L23529" s="6" t="s">
        <v>4151</v>
      </c>
    </row>
    <row r="23530" spans="1:12">
      <c r="A23530" s="6" t="s">
        <v>4151</v>
      </c>
      <c r="B23530" s="6"/>
      <c r="C23530" s="6" t="s">
        <v>23566</v>
      </c>
      <c r="D23530" s="6"/>
      <c r="E23530" s="6" t="s">
        <v>9</v>
      </c>
      <c r="F23530" s="7">
        <v>38657</v>
      </c>
      <c r="G23530" s="8">
        <v>1</v>
      </c>
      <c r="H23530" s="8">
        <v>1</v>
      </c>
      <c r="I23530" s="8">
        <v>0</v>
      </c>
      <c r="J23530" s="8">
        <v>1</v>
      </c>
      <c r="K23530" s="9">
        <v>132</v>
      </c>
      <c r="L23530" s="6" t="s">
        <v>4151</v>
      </c>
    </row>
    <row r="23531" spans="1:12">
      <c r="A23531" s="6" t="s">
        <v>4151</v>
      </c>
      <c r="B23531" s="6"/>
      <c r="C23531" s="6" t="s">
        <v>23567</v>
      </c>
      <c r="D23531" s="6"/>
      <c r="E23531" s="6" t="s">
        <v>9</v>
      </c>
      <c r="F23531" s="7">
        <v>38657</v>
      </c>
      <c r="G23531" s="8">
        <v>1</v>
      </c>
      <c r="H23531" s="8">
        <v>1</v>
      </c>
      <c r="I23531" s="8">
        <v>0</v>
      </c>
      <c r="J23531" s="8">
        <v>1</v>
      </c>
      <c r="K23531" s="9">
        <v>36</v>
      </c>
      <c r="L23531" s="6" t="s">
        <v>4151</v>
      </c>
    </row>
    <row r="23532" spans="1:12">
      <c r="A23532" s="6" t="s">
        <v>4151</v>
      </c>
      <c r="B23532" s="6"/>
      <c r="C23532" s="6" t="s">
        <v>23568</v>
      </c>
      <c r="D23532" s="6"/>
      <c r="E23532" s="6" t="s">
        <v>9</v>
      </c>
      <c r="F23532" s="7">
        <v>38657</v>
      </c>
      <c r="G23532" s="8">
        <v>1</v>
      </c>
      <c r="H23532" s="8">
        <v>1</v>
      </c>
      <c r="I23532" s="8">
        <v>0</v>
      </c>
      <c r="J23532" s="8">
        <v>1</v>
      </c>
      <c r="K23532" s="9">
        <v>4.6399999999999899</v>
      </c>
      <c r="L23532" s="6" t="s">
        <v>4151</v>
      </c>
    </row>
    <row r="23533" spans="1:12">
      <c r="A23533" s="6" t="s">
        <v>4151</v>
      </c>
      <c r="B23533" s="6"/>
      <c r="C23533" s="6" t="s">
        <v>23569</v>
      </c>
      <c r="D23533" s="6"/>
      <c r="E23533" s="6" t="s">
        <v>9</v>
      </c>
      <c r="F23533" s="7">
        <v>38657</v>
      </c>
      <c r="G23533" s="8">
        <v>1</v>
      </c>
      <c r="H23533" s="8">
        <v>1</v>
      </c>
      <c r="I23533" s="8">
        <v>0</v>
      </c>
      <c r="J23533" s="8">
        <v>1</v>
      </c>
      <c r="K23533" s="9">
        <v>27</v>
      </c>
      <c r="L23533" s="6" t="s">
        <v>4151</v>
      </c>
    </row>
    <row r="23534" spans="1:12">
      <c r="A23534" s="6" t="s">
        <v>4151</v>
      </c>
      <c r="B23534" s="6"/>
      <c r="C23534" s="6" t="s">
        <v>23570</v>
      </c>
      <c r="D23534" s="6"/>
      <c r="E23534" s="6" t="s">
        <v>9</v>
      </c>
      <c r="F23534" s="7">
        <v>38657</v>
      </c>
      <c r="G23534" s="8">
        <v>1</v>
      </c>
      <c r="H23534" s="8">
        <v>1</v>
      </c>
      <c r="I23534" s="8">
        <v>0</v>
      </c>
      <c r="J23534" s="8">
        <v>1</v>
      </c>
      <c r="K23534" s="9">
        <v>9.18</v>
      </c>
      <c r="L23534" s="6" t="s">
        <v>4151</v>
      </c>
    </row>
    <row r="23535" spans="1:12">
      <c r="A23535" s="6" t="s">
        <v>4151</v>
      </c>
      <c r="B23535" s="6"/>
      <c r="C23535" s="6" t="s">
        <v>23571</v>
      </c>
      <c r="D23535" s="6"/>
      <c r="E23535" s="6" t="s">
        <v>9</v>
      </c>
      <c r="F23535" s="7">
        <v>38657</v>
      </c>
      <c r="G23535" s="8">
        <v>1</v>
      </c>
      <c r="H23535" s="8">
        <v>1</v>
      </c>
      <c r="I23535" s="8">
        <v>0</v>
      </c>
      <c r="J23535" s="8">
        <v>1</v>
      </c>
      <c r="K23535" s="9">
        <v>43</v>
      </c>
      <c r="L23535" s="6" t="s">
        <v>4151</v>
      </c>
    </row>
    <row r="23536" spans="1:12">
      <c r="A23536" s="6" t="s">
        <v>4151</v>
      </c>
      <c r="B23536" s="6"/>
      <c r="C23536" s="6" t="s">
        <v>23572</v>
      </c>
      <c r="D23536" s="6"/>
      <c r="E23536" s="6" t="s">
        <v>9</v>
      </c>
      <c r="F23536" s="7">
        <v>38657</v>
      </c>
      <c r="G23536" s="8">
        <v>1</v>
      </c>
      <c r="H23536" s="8">
        <v>1</v>
      </c>
      <c r="I23536" s="8">
        <v>0</v>
      </c>
      <c r="J23536" s="8">
        <v>1</v>
      </c>
      <c r="K23536" s="9">
        <v>35</v>
      </c>
      <c r="L23536" s="6" t="s">
        <v>4151</v>
      </c>
    </row>
    <row r="23537" spans="1:12">
      <c r="A23537" s="6" t="s">
        <v>4151</v>
      </c>
      <c r="B23537" s="6"/>
      <c r="C23537" s="6" t="s">
        <v>23573</v>
      </c>
      <c r="D23537" s="6"/>
      <c r="E23537" s="6" t="s">
        <v>9</v>
      </c>
      <c r="F23537" s="7">
        <v>38657</v>
      </c>
      <c r="G23537" s="8">
        <v>1</v>
      </c>
      <c r="H23537" s="8">
        <v>1</v>
      </c>
      <c r="I23537" s="8">
        <v>0</v>
      </c>
      <c r="J23537" s="8">
        <v>1</v>
      </c>
      <c r="K23537" s="9">
        <v>58</v>
      </c>
      <c r="L23537" s="6" t="s">
        <v>4151</v>
      </c>
    </row>
    <row r="23538" spans="1:12">
      <c r="A23538" s="6" t="s">
        <v>4151</v>
      </c>
      <c r="B23538" s="6"/>
      <c r="C23538" s="6" t="s">
        <v>23574</v>
      </c>
      <c r="D23538" s="6"/>
      <c r="E23538" s="6" t="s">
        <v>9</v>
      </c>
      <c r="F23538" s="7">
        <v>38657</v>
      </c>
      <c r="G23538" s="8">
        <v>1</v>
      </c>
      <c r="H23538" s="8">
        <v>1</v>
      </c>
      <c r="I23538" s="8">
        <v>0</v>
      </c>
      <c r="J23538" s="8">
        <v>1</v>
      </c>
      <c r="K23538" s="9">
        <v>5.71</v>
      </c>
      <c r="L23538" s="6" t="s">
        <v>4151</v>
      </c>
    </row>
    <row r="23539" spans="1:12">
      <c r="A23539" s="6" t="s">
        <v>4151</v>
      </c>
      <c r="B23539" s="6"/>
      <c r="C23539" s="6" t="s">
        <v>23575</v>
      </c>
      <c r="D23539" s="6"/>
      <c r="E23539" s="6" t="s">
        <v>9</v>
      </c>
      <c r="F23539" s="7">
        <v>38657</v>
      </c>
      <c r="G23539" s="8">
        <v>1</v>
      </c>
      <c r="H23539" s="8">
        <v>1</v>
      </c>
      <c r="I23539" s="8">
        <v>0</v>
      </c>
      <c r="J23539" s="8">
        <v>1</v>
      </c>
      <c r="K23539" s="9">
        <v>12</v>
      </c>
      <c r="L23539" s="6" t="s">
        <v>4151</v>
      </c>
    </row>
    <row r="23540" spans="1:12">
      <c r="A23540" s="6" t="s">
        <v>4151</v>
      </c>
      <c r="B23540" s="6"/>
      <c r="C23540" s="6" t="s">
        <v>23576</v>
      </c>
      <c r="D23540" s="6"/>
      <c r="E23540" s="6" t="s">
        <v>9</v>
      </c>
      <c r="F23540" s="7">
        <v>38657</v>
      </c>
      <c r="G23540" s="8">
        <v>1</v>
      </c>
      <c r="H23540" s="8">
        <v>1</v>
      </c>
      <c r="I23540" s="8">
        <v>0</v>
      </c>
      <c r="J23540" s="8">
        <v>1</v>
      </c>
      <c r="K23540" s="9">
        <v>20</v>
      </c>
      <c r="L23540" s="6" t="s">
        <v>4151</v>
      </c>
    </row>
    <row r="23541" spans="1:12">
      <c r="A23541" s="6" t="s">
        <v>4151</v>
      </c>
      <c r="B23541" s="6"/>
      <c r="C23541" s="6" t="s">
        <v>23577</v>
      </c>
      <c r="D23541" s="6"/>
      <c r="E23541" s="6" t="s">
        <v>9</v>
      </c>
      <c r="F23541" s="7">
        <v>38657</v>
      </c>
      <c r="G23541" s="8">
        <v>1</v>
      </c>
      <c r="H23541" s="8">
        <v>1</v>
      </c>
      <c r="I23541" s="8">
        <v>0</v>
      </c>
      <c r="J23541" s="8">
        <v>1</v>
      </c>
      <c r="K23541" s="9">
        <v>18</v>
      </c>
      <c r="L23541" s="6" t="s">
        <v>4151</v>
      </c>
    </row>
    <row r="23542" spans="1:12">
      <c r="A23542" s="6" t="s">
        <v>4151</v>
      </c>
      <c r="B23542" s="6"/>
      <c r="C23542" s="6" t="s">
        <v>23578</v>
      </c>
      <c r="D23542" s="6"/>
      <c r="E23542" s="6" t="s">
        <v>9</v>
      </c>
      <c r="F23542" s="7">
        <v>38657</v>
      </c>
      <c r="G23542" s="8">
        <v>1</v>
      </c>
      <c r="H23542" s="8">
        <v>1</v>
      </c>
      <c r="I23542" s="8">
        <v>0</v>
      </c>
      <c r="J23542" s="8">
        <v>1</v>
      </c>
      <c r="K23542" s="9">
        <v>131</v>
      </c>
      <c r="L23542" s="6" t="s">
        <v>4151</v>
      </c>
    </row>
    <row r="23543" spans="1:12">
      <c r="A23543" s="6" t="s">
        <v>4151</v>
      </c>
      <c r="B23543" s="6"/>
      <c r="C23543" s="6" t="s">
        <v>23579</v>
      </c>
      <c r="D23543" s="6"/>
      <c r="E23543" s="6" t="s">
        <v>9</v>
      </c>
      <c r="F23543" s="7">
        <v>38657</v>
      </c>
      <c r="G23543" s="8">
        <v>1</v>
      </c>
      <c r="H23543" s="8">
        <v>1</v>
      </c>
      <c r="I23543" s="8">
        <v>0</v>
      </c>
      <c r="J23543" s="8">
        <v>1</v>
      </c>
      <c r="K23543" s="9">
        <v>17</v>
      </c>
      <c r="L23543" s="6" t="s">
        <v>4151</v>
      </c>
    </row>
    <row r="23544" spans="1:12">
      <c r="A23544" s="6" t="s">
        <v>4151</v>
      </c>
      <c r="B23544" s="6"/>
      <c r="C23544" s="6" t="s">
        <v>23580</v>
      </c>
      <c r="D23544" s="6"/>
      <c r="E23544" s="6" t="s">
        <v>9</v>
      </c>
      <c r="F23544" s="7">
        <v>38657</v>
      </c>
      <c r="G23544" s="8">
        <v>1</v>
      </c>
      <c r="H23544" s="8">
        <v>1</v>
      </c>
      <c r="I23544" s="8">
        <v>0</v>
      </c>
      <c r="J23544" s="8">
        <v>1</v>
      </c>
      <c r="K23544" s="9">
        <v>11</v>
      </c>
      <c r="L23544" s="6" t="s">
        <v>4151</v>
      </c>
    </row>
    <row r="23545" spans="1:12">
      <c r="A23545" s="6" t="s">
        <v>4151</v>
      </c>
      <c r="B23545" s="6"/>
      <c r="C23545" s="6" t="s">
        <v>23581</v>
      </c>
      <c r="D23545" s="6"/>
      <c r="E23545" s="6" t="s">
        <v>9</v>
      </c>
      <c r="F23545" s="7">
        <v>38657</v>
      </c>
      <c r="G23545" s="8">
        <v>1</v>
      </c>
      <c r="H23545" s="8">
        <v>1</v>
      </c>
      <c r="I23545" s="8">
        <v>0</v>
      </c>
      <c r="J23545" s="8">
        <v>1</v>
      </c>
      <c r="K23545" s="9">
        <v>4.05</v>
      </c>
      <c r="L23545" s="6" t="s">
        <v>4151</v>
      </c>
    </row>
    <row r="23546" spans="1:12">
      <c r="A23546" s="6" t="s">
        <v>4151</v>
      </c>
      <c r="B23546" s="6"/>
      <c r="C23546" s="6" t="s">
        <v>23582</v>
      </c>
      <c r="D23546" s="6"/>
      <c r="E23546" s="6" t="s">
        <v>9</v>
      </c>
      <c r="F23546" s="7">
        <v>38657</v>
      </c>
      <c r="G23546" s="8">
        <v>1</v>
      </c>
      <c r="H23546" s="8">
        <v>1</v>
      </c>
      <c r="I23546" s="8">
        <v>0</v>
      </c>
      <c r="J23546" s="8">
        <v>1</v>
      </c>
      <c r="K23546" s="9">
        <v>4.12</v>
      </c>
      <c r="L23546" s="6" t="s">
        <v>4151</v>
      </c>
    </row>
    <row r="23547" spans="1:12">
      <c r="A23547" s="6" t="s">
        <v>4151</v>
      </c>
      <c r="B23547" s="6"/>
      <c r="C23547" s="6" t="s">
        <v>23583</v>
      </c>
      <c r="D23547" s="6"/>
      <c r="E23547" s="6" t="s">
        <v>9</v>
      </c>
      <c r="F23547" s="7">
        <v>38657</v>
      </c>
      <c r="G23547" s="8">
        <v>1</v>
      </c>
      <c r="H23547" s="8">
        <v>1</v>
      </c>
      <c r="I23547" s="8">
        <v>0</v>
      </c>
      <c r="J23547" s="8">
        <v>1</v>
      </c>
      <c r="K23547" s="9">
        <v>10</v>
      </c>
      <c r="L23547" s="6" t="s">
        <v>4151</v>
      </c>
    </row>
    <row r="23548" spans="1:12">
      <c r="A23548" s="6" t="s">
        <v>4151</v>
      </c>
      <c r="B23548" s="6"/>
      <c r="C23548" s="6" t="s">
        <v>23584</v>
      </c>
      <c r="D23548" s="6"/>
      <c r="E23548" s="6" t="s">
        <v>9</v>
      </c>
      <c r="F23548" s="7">
        <v>38657</v>
      </c>
      <c r="G23548" s="8">
        <v>1</v>
      </c>
      <c r="H23548" s="8">
        <v>1</v>
      </c>
      <c r="I23548" s="8">
        <v>0</v>
      </c>
      <c r="J23548" s="8">
        <v>1</v>
      </c>
      <c r="K23548" s="9">
        <v>41</v>
      </c>
      <c r="L23548" s="6" t="s">
        <v>4151</v>
      </c>
    </row>
    <row r="23549" spans="1:12">
      <c r="A23549" s="6" t="s">
        <v>4151</v>
      </c>
      <c r="B23549" s="6"/>
      <c r="C23549" s="6" t="s">
        <v>23585</v>
      </c>
      <c r="D23549" s="6"/>
      <c r="E23549" s="6" t="s">
        <v>9</v>
      </c>
      <c r="F23549" s="7">
        <v>38657</v>
      </c>
      <c r="G23549" s="8">
        <v>1</v>
      </c>
      <c r="H23549" s="8">
        <v>1</v>
      </c>
      <c r="I23549" s="8">
        <v>0</v>
      </c>
      <c r="J23549" s="8">
        <v>1</v>
      </c>
      <c r="K23549" s="9">
        <v>64</v>
      </c>
      <c r="L23549" s="6" t="s">
        <v>4151</v>
      </c>
    </row>
    <row r="23550" spans="1:12">
      <c r="A23550" s="6" t="s">
        <v>4151</v>
      </c>
      <c r="B23550" s="6"/>
      <c r="C23550" s="6" t="s">
        <v>23586</v>
      </c>
      <c r="D23550" s="6"/>
      <c r="E23550" s="6" t="s">
        <v>9</v>
      </c>
      <c r="F23550" s="7">
        <v>38657</v>
      </c>
      <c r="G23550" s="8">
        <v>1</v>
      </c>
      <c r="H23550" s="8">
        <v>1</v>
      </c>
      <c r="I23550" s="8">
        <v>0</v>
      </c>
      <c r="J23550" s="8">
        <v>1</v>
      </c>
      <c r="K23550" s="9">
        <v>45</v>
      </c>
      <c r="L23550" s="6" t="s">
        <v>4151</v>
      </c>
    </row>
    <row r="23551" spans="1:12">
      <c r="A23551" s="6" t="s">
        <v>4151</v>
      </c>
      <c r="B23551" s="6"/>
      <c r="C23551" s="6" t="s">
        <v>23587</v>
      </c>
      <c r="D23551" s="6"/>
      <c r="E23551" s="6" t="s">
        <v>9</v>
      </c>
      <c r="F23551" s="7">
        <v>38657</v>
      </c>
      <c r="G23551" s="8">
        <v>1</v>
      </c>
      <c r="H23551" s="8">
        <v>1</v>
      </c>
      <c r="I23551" s="8">
        <v>0</v>
      </c>
      <c r="J23551" s="8">
        <v>1</v>
      </c>
      <c r="K23551" s="9">
        <v>50</v>
      </c>
      <c r="L23551" s="6" t="s">
        <v>4151</v>
      </c>
    </row>
    <row r="23552" spans="1:12">
      <c r="A23552" s="6" t="s">
        <v>4151</v>
      </c>
      <c r="B23552" s="6"/>
      <c r="C23552" s="6" t="s">
        <v>23588</v>
      </c>
      <c r="D23552" s="6"/>
      <c r="E23552" s="6" t="s">
        <v>9</v>
      </c>
      <c r="F23552" s="7">
        <v>38657</v>
      </c>
      <c r="G23552" s="8">
        <v>1</v>
      </c>
      <c r="H23552" s="8">
        <v>1</v>
      </c>
      <c r="I23552" s="8">
        <v>0</v>
      </c>
      <c r="J23552" s="8">
        <v>1</v>
      </c>
      <c r="K23552" s="9">
        <v>16</v>
      </c>
      <c r="L23552" s="6" t="s">
        <v>4151</v>
      </c>
    </row>
    <row r="23553" spans="1:12">
      <c r="A23553" s="6" t="s">
        <v>4151</v>
      </c>
      <c r="B23553" s="6"/>
      <c r="C23553" s="6" t="s">
        <v>23589</v>
      </c>
      <c r="D23553" s="6"/>
      <c r="E23553" s="6" t="s">
        <v>9</v>
      </c>
      <c r="F23553" s="7">
        <v>38657</v>
      </c>
      <c r="G23553" s="8">
        <v>1</v>
      </c>
      <c r="H23553" s="8">
        <v>1</v>
      </c>
      <c r="I23553" s="8">
        <v>0</v>
      </c>
      <c r="J23553" s="8">
        <v>1</v>
      </c>
      <c r="K23553" s="9">
        <v>35</v>
      </c>
      <c r="L23553" s="6" t="s">
        <v>4151</v>
      </c>
    </row>
    <row r="23554" spans="1:12">
      <c r="A23554" s="6" t="s">
        <v>4151</v>
      </c>
      <c r="B23554" s="6"/>
      <c r="C23554" s="6" t="s">
        <v>23590</v>
      </c>
      <c r="D23554" s="6"/>
      <c r="E23554" s="6" t="s">
        <v>9</v>
      </c>
      <c r="F23554" s="7">
        <v>38657</v>
      </c>
      <c r="G23554" s="8">
        <v>1</v>
      </c>
      <c r="H23554" s="8">
        <v>1</v>
      </c>
      <c r="I23554" s="8">
        <v>0</v>
      </c>
      <c r="J23554" s="8">
        <v>1</v>
      </c>
      <c r="K23554" s="9">
        <v>5.33</v>
      </c>
      <c r="L23554" s="6" t="s">
        <v>4151</v>
      </c>
    </row>
    <row r="23555" spans="1:12">
      <c r="A23555" s="6" t="s">
        <v>4151</v>
      </c>
      <c r="B23555" s="6"/>
      <c r="C23555" s="6" t="s">
        <v>23591</v>
      </c>
      <c r="D23555" s="6"/>
      <c r="E23555" s="6" t="s">
        <v>9</v>
      </c>
      <c r="F23555" s="7">
        <v>38657</v>
      </c>
      <c r="G23555" s="8">
        <v>1</v>
      </c>
      <c r="H23555" s="8">
        <v>1</v>
      </c>
      <c r="I23555" s="8">
        <v>0</v>
      </c>
      <c r="J23555" s="8">
        <v>1</v>
      </c>
      <c r="K23555" s="9">
        <v>3.09</v>
      </c>
      <c r="L23555" s="6" t="s">
        <v>4151</v>
      </c>
    </row>
    <row r="23556" spans="1:12">
      <c r="A23556" s="6" t="s">
        <v>4151</v>
      </c>
      <c r="B23556" s="6"/>
      <c r="C23556" s="6" t="s">
        <v>23592</v>
      </c>
      <c r="D23556" s="6"/>
      <c r="E23556" s="6" t="s">
        <v>9</v>
      </c>
      <c r="F23556" s="7">
        <v>38657</v>
      </c>
      <c r="G23556" s="8">
        <v>1</v>
      </c>
      <c r="H23556" s="8">
        <v>1</v>
      </c>
      <c r="I23556" s="8">
        <v>0</v>
      </c>
      <c r="J23556" s="8">
        <v>1</v>
      </c>
      <c r="K23556" s="9">
        <v>2.42</v>
      </c>
      <c r="L23556" s="6" t="s">
        <v>4151</v>
      </c>
    </row>
    <row r="23557" spans="1:12">
      <c r="A23557" s="6" t="s">
        <v>4151</v>
      </c>
      <c r="B23557" s="6"/>
      <c r="C23557" s="6" t="s">
        <v>23593</v>
      </c>
      <c r="D23557" s="6"/>
      <c r="E23557" s="6" t="s">
        <v>9</v>
      </c>
      <c r="F23557" s="7">
        <v>38657</v>
      </c>
      <c r="G23557" s="8">
        <v>1</v>
      </c>
      <c r="H23557" s="8">
        <v>1</v>
      </c>
      <c r="I23557" s="8">
        <v>0</v>
      </c>
      <c r="J23557" s="8">
        <v>1</v>
      </c>
      <c r="K23557" s="9">
        <v>70</v>
      </c>
      <c r="L23557" s="6" t="s">
        <v>4151</v>
      </c>
    </row>
    <row r="23558" spans="1:12">
      <c r="A23558" s="6" t="s">
        <v>4151</v>
      </c>
      <c r="B23558" s="6"/>
      <c r="C23558" s="6" t="s">
        <v>23594</v>
      </c>
      <c r="D23558" s="6"/>
      <c r="E23558" s="6" t="s">
        <v>9</v>
      </c>
      <c r="F23558" s="7">
        <v>38657</v>
      </c>
      <c r="G23558" s="8">
        <v>1</v>
      </c>
      <c r="H23558" s="8">
        <v>1</v>
      </c>
      <c r="I23558" s="8">
        <v>0</v>
      </c>
      <c r="J23558" s="8">
        <v>1</v>
      </c>
      <c r="K23558" s="9">
        <v>64</v>
      </c>
      <c r="L23558" s="6" t="s">
        <v>4151</v>
      </c>
    </row>
    <row r="23559" spans="1:12">
      <c r="A23559" s="6" t="s">
        <v>4151</v>
      </c>
      <c r="B23559" s="6"/>
      <c r="C23559" s="6" t="s">
        <v>23595</v>
      </c>
      <c r="D23559" s="6"/>
      <c r="E23559" s="6" t="s">
        <v>9</v>
      </c>
      <c r="F23559" s="7">
        <v>38657</v>
      </c>
      <c r="G23559" s="8">
        <v>1</v>
      </c>
      <c r="H23559" s="8">
        <v>1</v>
      </c>
      <c r="I23559" s="8">
        <v>0</v>
      </c>
      <c r="J23559" s="8">
        <v>1</v>
      </c>
      <c r="K23559" s="9">
        <v>70</v>
      </c>
      <c r="L23559" s="6" t="s">
        <v>4151</v>
      </c>
    </row>
    <row r="23560" spans="1:12">
      <c r="A23560" s="6" t="s">
        <v>4151</v>
      </c>
      <c r="B23560" s="6"/>
      <c r="C23560" s="6" t="s">
        <v>23596</v>
      </c>
      <c r="D23560" s="6"/>
      <c r="E23560" s="6" t="s">
        <v>9</v>
      </c>
      <c r="F23560" s="7">
        <v>38657</v>
      </c>
      <c r="G23560" s="8">
        <v>1</v>
      </c>
      <c r="H23560" s="8">
        <v>1</v>
      </c>
      <c r="I23560" s="8">
        <v>0</v>
      </c>
      <c r="J23560" s="8">
        <v>1</v>
      </c>
      <c r="K23560" s="9">
        <v>50</v>
      </c>
      <c r="L23560" s="6" t="s">
        <v>4151</v>
      </c>
    </row>
    <row r="23561" spans="1:12">
      <c r="A23561" s="6" t="s">
        <v>4151</v>
      </c>
      <c r="B23561" s="6"/>
      <c r="C23561" s="6" t="s">
        <v>23597</v>
      </c>
      <c r="D23561" s="6"/>
      <c r="E23561" s="6" t="s">
        <v>9</v>
      </c>
      <c r="F23561" s="7">
        <v>38657</v>
      </c>
      <c r="G23561" s="8">
        <v>1</v>
      </c>
      <c r="H23561" s="8">
        <v>1</v>
      </c>
      <c r="I23561" s="8">
        <v>0</v>
      </c>
      <c r="J23561" s="8">
        <v>1</v>
      </c>
      <c r="K23561" s="9">
        <v>15</v>
      </c>
      <c r="L23561" s="6" t="s">
        <v>4151</v>
      </c>
    </row>
    <row r="23562" spans="1:12">
      <c r="A23562" s="6" t="s">
        <v>4151</v>
      </c>
      <c r="B23562" s="6"/>
      <c r="C23562" s="6" t="s">
        <v>23598</v>
      </c>
      <c r="D23562" s="6"/>
      <c r="E23562" s="6" t="s">
        <v>9</v>
      </c>
      <c r="F23562" s="7">
        <v>38657</v>
      </c>
      <c r="G23562" s="8">
        <v>1</v>
      </c>
      <c r="H23562" s="8">
        <v>1</v>
      </c>
      <c r="I23562" s="8">
        <v>0</v>
      </c>
      <c r="J23562" s="8">
        <v>1</v>
      </c>
      <c r="K23562" s="9">
        <v>39</v>
      </c>
      <c r="L23562" s="6" t="s">
        <v>4151</v>
      </c>
    </row>
    <row r="23563" spans="1:12">
      <c r="A23563" s="6" t="s">
        <v>4151</v>
      </c>
      <c r="B23563" s="6"/>
      <c r="C23563" s="6" t="s">
        <v>23599</v>
      </c>
      <c r="D23563" s="6"/>
      <c r="E23563" s="6" t="s">
        <v>9</v>
      </c>
      <c r="F23563" s="7">
        <v>38657</v>
      </c>
      <c r="G23563" s="8">
        <v>1</v>
      </c>
      <c r="H23563" s="8">
        <v>1</v>
      </c>
      <c r="I23563" s="8">
        <v>0</v>
      </c>
      <c r="J23563" s="8">
        <v>1</v>
      </c>
      <c r="K23563" s="9">
        <v>55</v>
      </c>
      <c r="L23563" s="6" t="s">
        <v>4151</v>
      </c>
    </row>
    <row r="23564" spans="1:12">
      <c r="A23564" s="6" t="s">
        <v>4151</v>
      </c>
      <c r="B23564" s="6"/>
      <c r="C23564" s="6" t="s">
        <v>23600</v>
      </c>
      <c r="D23564" s="6"/>
      <c r="E23564" s="6" t="s">
        <v>9</v>
      </c>
      <c r="F23564" s="7">
        <v>38657</v>
      </c>
      <c r="G23564" s="8">
        <v>1</v>
      </c>
      <c r="H23564" s="8">
        <v>1</v>
      </c>
      <c r="I23564" s="8">
        <v>0</v>
      </c>
      <c r="J23564" s="8">
        <v>1</v>
      </c>
      <c r="K23564" s="9">
        <v>45</v>
      </c>
      <c r="L23564" s="6" t="s">
        <v>4151</v>
      </c>
    </row>
    <row r="23565" spans="1:12">
      <c r="A23565" s="6" t="s">
        <v>4151</v>
      </c>
      <c r="B23565" s="6"/>
      <c r="C23565" s="6" t="s">
        <v>23601</v>
      </c>
      <c r="D23565" s="6"/>
      <c r="E23565" s="6" t="s">
        <v>9</v>
      </c>
      <c r="F23565" s="7">
        <v>38657</v>
      </c>
      <c r="G23565" s="8">
        <v>1</v>
      </c>
      <c r="H23565" s="8">
        <v>1</v>
      </c>
      <c r="I23565" s="8">
        <v>0</v>
      </c>
      <c r="J23565" s="8">
        <v>1</v>
      </c>
      <c r="K23565" s="9">
        <v>27</v>
      </c>
      <c r="L23565" s="6" t="s">
        <v>4151</v>
      </c>
    </row>
    <row r="23566" spans="1:12">
      <c r="A23566" s="6" t="s">
        <v>4151</v>
      </c>
      <c r="B23566" s="6"/>
      <c r="C23566" s="6" t="s">
        <v>23602</v>
      </c>
      <c r="D23566" s="6"/>
      <c r="E23566" s="6" t="s">
        <v>9</v>
      </c>
      <c r="F23566" s="7">
        <v>38657</v>
      </c>
      <c r="G23566" s="8">
        <v>1</v>
      </c>
      <c r="H23566" s="8">
        <v>1</v>
      </c>
      <c r="I23566" s="8">
        <v>0</v>
      </c>
      <c r="J23566" s="8">
        <v>1</v>
      </c>
      <c r="K23566" s="9">
        <v>84</v>
      </c>
      <c r="L23566" s="6" t="s">
        <v>4151</v>
      </c>
    </row>
    <row r="23567" spans="1:12">
      <c r="A23567" s="6" t="s">
        <v>4151</v>
      </c>
      <c r="B23567" s="6"/>
      <c r="C23567" s="6" t="s">
        <v>23603</v>
      </c>
      <c r="D23567" s="6"/>
      <c r="E23567" s="6" t="s">
        <v>9</v>
      </c>
      <c r="F23567" s="7">
        <v>38657</v>
      </c>
      <c r="G23567" s="8">
        <v>1</v>
      </c>
      <c r="H23567" s="8">
        <v>1</v>
      </c>
      <c r="I23567" s="8">
        <v>0</v>
      </c>
      <c r="J23567" s="8">
        <v>1</v>
      </c>
      <c r="K23567" s="9">
        <v>26</v>
      </c>
      <c r="L23567" s="6" t="s">
        <v>4151</v>
      </c>
    </row>
    <row r="23568" spans="1:12">
      <c r="A23568" s="6" t="s">
        <v>4151</v>
      </c>
      <c r="B23568" s="6"/>
      <c r="C23568" s="6" t="s">
        <v>23604</v>
      </c>
      <c r="D23568" s="6"/>
      <c r="E23568" s="6" t="s">
        <v>9</v>
      </c>
      <c r="F23568" s="7">
        <v>38657</v>
      </c>
      <c r="G23568" s="8">
        <v>1</v>
      </c>
      <c r="H23568" s="8">
        <v>1</v>
      </c>
      <c r="I23568" s="8">
        <v>0</v>
      </c>
      <c r="J23568" s="8">
        <v>1</v>
      </c>
      <c r="K23568" s="9">
        <v>27</v>
      </c>
      <c r="L23568" s="6" t="s">
        <v>4151</v>
      </c>
    </row>
    <row r="23569" spans="1:12">
      <c r="A23569" s="6" t="s">
        <v>4151</v>
      </c>
      <c r="B23569" s="6"/>
      <c r="C23569" s="6" t="s">
        <v>23605</v>
      </c>
      <c r="D23569" s="6"/>
      <c r="E23569" s="6" t="s">
        <v>9</v>
      </c>
      <c r="F23569" s="7">
        <v>38657</v>
      </c>
      <c r="G23569" s="8">
        <v>1</v>
      </c>
      <c r="H23569" s="8">
        <v>1</v>
      </c>
      <c r="I23569" s="8">
        <v>0</v>
      </c>
      <c r="J23569" s="8">
        <v>1</v>
      </c>
      <c r="K23569" s="9">
        <v>11</v>
      </c>
      <c r="L23569" s="6" t="s">
        <v>4151</v>
      </c>
    </row>
    <row r="23570" spans="1:12">
      <c r="A23570" s="6" t="s">
        <v>4151</v>
      </c>
      <c r="B23570" s="6"/>
      <c r="C23570" s="6" t="s">
        <v>23606</v>
      </c>
      <c r="D23570" s="6"/>
      <c r="E23570" s="6" t="s">
        <v>9</v>
      </c>
      <c r="F23570" s="7">
        <v>38657</v>
      </c>
      <c r="G23570" s="8">
        <v>1</v>
      </c>
      <c r="H23570" s="8">
        <v>1</v>
      </c>
      <c r="I23570" s="8">
        <v>0</v>
      </c>
      <c r="J23570" s="8">
        <v>1</v>
      </c>
      <c r="K23570" s="9">
        <v>11</v>
      </c>
      <c r="L23570" s="6" t="s">
        <v>4151</v>
      </c>
    </row>
    <row r="23571" spans="1:12">
      <c r="A23571" s="6" t="s">
        <v>4151</v>
      </c>
      <c r="B23571" s="6"/>
      <c r="C23571" s="6" t="s">
        <v>23607</v>
      </c>
      <c r="D23571" s="6"/>
      <c r="E23571" s="6" t="s">
        <v>9</v>
      </c>
      <c r="F23571" s="7">
        <v>38657</v>
      </c>
      <c r="G23571" s="8">
        <v>1</v>
      </c>
      <c r="H23571" s="8">
        <v>1</v>
      </c>
      <c r="I23571" s="8">
        <v>0</v>
      </c>
      <c r="J23571" s="8">
        <v>1</v>
      </c>
      <c r="K23571" s="9">
        <v>65</v>
      </c>
      <c r="L23571" s="6" t="s">
        <v>4151</v>
      </c>
    </row>
    <row r="23572" spans="1:12">
      <c r="A23572" s="6" t="s">
        <v>4151</v>
      </c>
      <c r="B23572" s="6"/>
      <c r="C23572" s="6" t="s">
        <v>23608</v>
      </c>
      <c r="D23572" s="6"/>
      <c r="E23572" s="6" t="s">
        <v>9</v>
      </c>
      <c r="F23572" s="7">
        <v>38657</v>
      </c>
      <c r="G23572" s="8">
        <v>1</v>
      </c>
      <c r="H23572" s="8">
        <v>1</v>
      </c>
      <c r="I23572" s="8">
        <v>0</v>
      </c>
      <c r="J23572" s="8">
        <v>1</v>
      </c>
      <c r="K23572" s="9">
        <v>21</v>
      </c>
      <c r="L23572" s="6" t="s">
        <v>4151</v>
      </c>
    </row>
    <row r="23573" spans="1:12">
      <c r="A23573" s="6" t="s">
        <v>4151</v>
      </c>
      <c r="B23573" s="6"/>
      <c r="C23573" s="6" t="s">
        <v>23609</v>
      </c>
      <c r="D23573" s="6"/>
      <c r="E23573" s="6" t="s">
        <v>9</v>
      </c>
      <c r="F23573" s="7">
        <v>38657</v>
      </c>
      <c r="G23573" s="8">
        <v>1</v>
      </c>
      <c r="H23573" s="8">
        <v>1</v>
      </c>
      <c r="I23573" s="8">
        <v>0</v>
      </c>
      <c r="J23573" s="8">
        <v>1</v>
      </c>
      <c r="K23573" s="9">
        <v>22</v>
      </c>
      <c r="L23573" s="6" t="s">
        <v>4151</v>
      </c>
    </row>
    <row r="23574" spans="1:12">
      <c r="A23574" s="6" t="s">
        <v>4151</v>
      </c>
      <c r="B23574" s="6"/>
      <c r="C23574" s="6" t="s">
        <v>23610</v>
      </c>
      <c r="D23574" s="6"/>
      <c r="E23574" s="6" t="s">
        <v>9</v>
      </c>
      <c r="F23574" s="7">
        <v>38657</v>
      </c>
      <c r="G23574" s="8">
        <v>1</v>
      </c>
      <c r="H23574" s="8">
        <v>1</v>
      </c>
      <c r="I23574" s="8">
        <v>0</v>
      </c>
      <c r="J23574" s="8">
        <v>1</v>
      </c>
      <c r="K23574" s="9">
        <v>49</v>
      </c>
      <c r="L23574" s="6" t="s">
        <v>4151</v>
      </c>
    </row>
    <row r="23575" spans="1:12">
      <c r="A23575" s="6" t="s">
        <v>4151</v>
      </c>
      <c r="B23575" s="6"/>
      <c r="C23575" s="6" t="s">
        <v>23611</v>
      </c>
      <c r="D23575" s="6"/>
      <c r="E23575" s="6" t="s">
        <v>9</v>
      </c>
      <c r="F23575" s="7">
        <v>38657</v>
      </c>
      <c r="G23575" s="8">
        <v>1</v>
      </c>
      <c r="H23575" s="8">
        <v>1</v>
      </c>
      <c r="I23575" s="8">
        <v>0</v>
      </c>
      <c r="J23575" s="8">
        <v>1</v>
      </c>
      <c r="K23575" s="9">
        <v>22</v>
      </c>
      <c r="L23575" s="6" t="s">
        <v>4151</v>
      </c>
    </row>
    <row r="23576" spans="1:12">
      <c r="A23576" s="6" t="s">
        <v>4151</v>
      </c>
      <c r="B23576" s="6"/>
      <c r="C23576" s="6" t="s">
        <v>23612</v>
      </c>
      <c r="D23576" s="6"/>
      <c r="E23576" s="6" t="s">
        <v>9</v>
      </c>
      <c r="F23576" s="7">
        <v>38657</v>
      </c>
      <c r="G23576" s="8">
        <v>1</v>
      </c>
      <c r="H23576" s="8">
        <v>1</v>
      </c>
      <c r="I23576" s="8">
        <v>0</v>
      </c>
      <c r="J23576" s="8">
        <v>1</v>
      </c>
      <c r="K23576" s="9">
        <v>83</v>
      </c>
      <c r="L23576" s="6" t="s">
        <v>4151</v>
      </c>
    </row>
    <row r="23577" spans="1:12">
      <c r="A23577" s="6" t="s">
        <v>4151</v>
      </c>
      <c r="B23577" s="6"/>
      <c r="C23577" s="6" t="s">
        <v>23613</v>
      </c>
      <c r="D23577" s="6"/>
      <c r="E23577" s="6" t="s">
        <v>9</v>
      </c>
      <c r="F23577" s="7">
        <v>38657</v>
      </c>
      <c r="G23577" s="8">
        <v>1</v>
      </c>
      <c r="H23577" s="8">
        <v>1</v>
      </c>
      <c r="I23577" s="8">
        <v>0</v>
      </c>
      <c r="J23577" s="8">
        <v>1</v>
      </c>
      <c r="K23577" s="9">
        <v>27</v>
      </c>
      <c r="L23577" s="6" t="s">
        <v>4151</v>
      </c>
    </row>
    <row r="23578" spans="1:12">
      <c r="A23578" s="6" t="s">
        <v>4151</v>
      </c>
      <c r="B23578" s="6"/>
      <c r="C23578" s="6" t="s">
        <v>23614</v>
      </c>
      <c r="D23578" s="6"/>
      <c r="E23578" s="6" t="s">
        <v>9</v>
      </c>
      <c r="F23578" s="7">
        <v>38657</v>
      </c>
      <c r="G23578" s="8">
        <v>1</v>
      </c>
      <c r="H23578" s="8">
        <v>1</v>
      </c>
      <c r="I23578" s="8">
        <v>0</v>
      </c>
      <c r="J23578" s="8">
        <v>1</v>
      </c>
      <c r="K23578" s="9">
        <v>26</v>
      </c>
      <c r="L23578" s="6" t="s">
        <v>4151</v>
      </c>
    </row>
    <row r="23579" spans="1:12">
      <c r="A23579" s="6" t="s">
        <v>4151</v>
      </c>
      <c r="B23579" s="6"/>
      <c r="C23579" s="6" t="s">
        <v>23615</v>
      </c>
      <c r="D23579" s="6"/>
      <c r="E23579" s="6" t="s">
        <v>9</v>
      </c>
      <c r="F23579" s="7">
        <v>38657</v>
      </c>
      <c r="G23579" s="8">
        <v>1</v>
      </c>
      <c r="H23579" s="8">
        <v>1</v>
      </c>
      <c r="I23579" s="8">
        <v>0</v>
      </c>
      <c r="J23579" s="8">
        <v>1</v>
      </c>
      <c r="K23579" s="9">
        <v>35</v>
      </c>
      <c r="L23579" s="6" t="s">
        <v>4151</v>
      </c>
    </row>
    <row r="23580" spans="1:12">
      <c r="A23580" s="6" t="s">
        <v>4151</v>
      </c>
      <c r="B23580" s="6"/>
      <c r="C23580" s="6" t="s">
        <v>23616</v>
      </c>
      <c r="D23580" s="6"/>
      <c r="E23580" s="6" t="s">
        <v>9</v>
      </c>
      <c r="F23580" s="7">
        <v>38657</v>
      </c>
      <c r="G23580" s="8">
        <v>1</v>
      </c>
      <c r="H23580" s="8">
        <v>1</v>
      </c>
      <c r="I23580" s="8">
        <v>0</v>
      </c>
      <c r="J23580" s="8">
        <v>1</v>
      </c>
      <c r="K23580" s="9">
        <v>8</v>
      </c>
      <c r="L23580" s="6" t="s">
        <v>4151</v>
      </c>
    </row>
    <row r="23581" spans="1:12">
      <c r="A23581" s="6" t="s">
        <v>4151</v>
      </c>
      <c r="B23581" s="6"/>
      <c r="C23581" s="6" t="s">
        <v>23617</v>
      </c>
      <c r="D23581" s="6"/>
      <c r="E23581" s="6" t="s">
        <v>9</v>
      </c>
      <c r="F23581" s="7">
        <v>38657</v>
      </c>
      <c r="G23581" s="8">
        <v>1</v>
      </c>
      <c r="H23581" s="8">
        <v>1</v>
      </c>
      <c r="I23581" s="8">
        <v>0</v>
      </c>
      <c r="J23581" s="8">
        <v>1</v>
      </c>
      <c r="K23581" s="9">
        <v>17</v>
      </c>
      <c r="L23581" s="6" t="s">
        <v>4151</v>
      </c>
    </row>
    <row r="23582" spans="1:12">
      <c r="A23582" s="6" t="s">
        <v>4151</v>
      </c>
      <c r="B23582" s="6"/>
      <c r="C23582" s="6" t="s">
        <v>23618</v>
      </c>
      <c r="D23582" s="6"/>
      <c r="E23582" s="6" t="s">
        <v>9</v>
      </c>
      <c r="F23582" s="7">
        <v>38657</v>
      </c>
      <c r="G23582" s="8">
        <v>1</v>
      </c>
      <c r="H23582" s="8">
        <v>1</v>
      </c>
      <c r="I23582" s="8">
        <v>0</v>
      </c>
      <c r="J23582" s="8">
        <v>1</v>
      </c>
      <c r="K23582" s="9">
        <v>0.27</v>
      </c>
      <c r="L23582" s="6" t="s">
        <v>4151</v>
      </c>
    </row>
    <row r="23583" spans="1:12">
      <c r="A23583" s="6" t="s">
        <v>4151</v>
      </c>
      <c r="B23583" s="6"/>
      <c r="C23583" s="6" t="s">
        <v>23619</v>
      </c>
      <c r="D23583" s="6"/>
      <c r="E23583" s="6" t="s">
        <v>9</v>
      </c>
      <c r="F23583" s="7">
        <v>38657</v>
      </c>
      <c r="G23583" s="8">
        <v>1</v>
      </c>
      <c r="H23583" s="8">
        <v>1</v>
      </c>
      <c r="I23583" s="8">
        <v>0</v>
      </c>
      <c r="J23583" s="8">
        <v>1</v>
      </c>
      <c r="K23583" s="9">
        <v>12</v>
      </c>
      <c r="L23583" s="6" t="s">
        <v>4151</v>
      </c>
    </row>
    <row r="23584" spans="1:12">
      <c r="A23584" s="6" t="s">
        <v>4151</v>
      </c>
      <c r="B23584" s="6"/>
      <c r="C23584" s="6" t="s">
        <v>23620</v>
      </c>
      <c r="D23584" s="6"/>
      <c r="E23584" s="6" t="s">
        <v>9</v>
      </c>
      <c r="F23584" s="7"/>
      <c r="G23584" s="8">
        <v>1</v>
      </c>
      <c r="H23584" s="8">
        <v>1</v>
      </c>
      <c r="I23584" s="8">
        <v>0</v>
      </c>
      <c r="J23584" s="8">
        <v>1</v>
      </c>
      <c r="K23584" s="9">
        <v>119</v>
      </c>
      <c r="L23584" s="6" t="s">
        <v>4151</v>
      </c>
    </row>
    <row r="23585" spans="1:12">
      <c r="A23585" s="6" t="s">
        <v>4151</v>
      </c>
      <c r="B23585" s="6"/>
      <c r="C23585" s="6" t="s">
        <v>23621</v>
      </c>
      <c r="D23585" s="6"/>
      <c r="E23585" s="6" t="s">
        <v>9</v>
      </c>
      <c r="F23585" s="7">
        <v>38657</v>
      </c>
      <c r="G23585" s="8">
        <v>1</v>
      </c>
      <c r="H23585" s="8">
        <v>1</v>
      </c>
      <c r="I23585" s="8">
        <v>0</v>
      </c>
      <c r="J23585" s="8">
        <v>1</v>
      </c>
      <c r="K23585" s="9">
        <v>294</v>
      </c>
      <c r="L23585" s="6" t="s">
        <v>4151</v>
      </c>
    </row>
    <row r="23586" spans="1:12">
      <c r="A23586" s="6" t="s">
        <v>4151</v>
      </c>
      <c r="B23586" s="6"/>
      <c r="C23586" s="6" t="s">
        <v>23622</v>
      </c>
      <c r="D23586" s="6"/>
      <c r="E23586" s="6" t="s">
        <v>9</v>
      </c>
      <c r="F23586" s="7">
        <v>38657</v>
      </c>
      <c r="G23586" s="8">
        <v>1</v>
      </c>
      <c r="H23586" s="8">
        <v>1</v>
      </c>
      <c r="I23586" s="8">
        <v>0</v>
      </c>
      <c r="J23586" s="8">
        <v>1</v>
      </c>
      <c r="K23586" s="9">
        <v>5.3</v>
      </c>
      <c r="L23586" s="6" t="s">
        <v>4151</v>
      </c>
    </row>
    <row r="23587" spans="1:12">
      <c r="A23587" s="6" t="s">
        <v>4151</v>
      </c>
      <c r="B23587" s="6"/>
      <c r="C23587" s="6" t="s">
        <v>23623</v>
      </c>
      <c r="D23587" s="6"/>
      <c r="E23587" s="6" t="s">
        <v>9</v>
      </c>
      <c r="F23587" s="7">
        <v>38657</v>
      </c>
      <c r="G23587" s="8">
        <v>1</v>
      </c>
      <c r="H23587" s="8">
        <v>1</v>
      </c>
      <c r="I23587" s="8">
        <v>0</v>
      </c>
      <c r="J23587" s="8">
        <v>1</v>
      </c>
      <c r="K23587" s="9">
        <v>44.04</v>
      </c>
      <c r="L23587" s="6" t="s">
        <v>4151</v>
      </c>
    </row>
    <row r="23588" spans="1:12">
      <c r="A23588" s="6" t="s">
        <v>4151</v>
      </c>
      <c r="B23588" s="6"/>
      <c r="C23588" s="6" t="s">
        <v>23624</v>
      </c>
      <c r="D23588" s="6"/>
      <c r="E23588" s="6" t="s">
        <v>9</v>
      </c>
      <c r="F23588" s="7">
        <v>38657</v>
      </c>
      <c r="G23588" s="8">
        <v>1</v>
      </c>
      <c r="H23588" s="8">
        <v>1</v>
      </c>
      <c r="I23588" s="8">
        <v>0</v>
      </c>
      <c r="J23588" s="8">
        <v>1</v>
      </c>
      <c r="K23588" s="9">
        <v>15.44</v>
      </c>
      <c r="L23588" s="6" t="s">
        <v>4151</v>
      </c>
    </row>
    <row r="23589" spans="1:12">
      <c r="A23589" s="6" t="s">
        <v>4151</v>
      </c>
      <c r="B23589" s="6"/>
      <c r="C23589" s="6" t="s">
        <v>23625</v>
      </c>
      <c r="D23589" s="6"/>
      <c r="E23589" s="6" t="s">
        <v>9</v>
      </c>
      <c r="F23589" s="7">
        <v>38657</v>
      </c>
      <c r="G23589" s="8">
        <v>1</v>
      </c>
      <c r="H23589" s="8">
        <v>1</v>
      </c>
      <c r="I23589" s="8">
        <v>0</v>
      </c>
      <c r="J23589" s="8">
        <v>1</v>
      </c>
      <c r="K23589" s="9">
        <v>27</v>
      </c>
      <c r="L23589" s="6" t="s">
        <v>4151</v>
      </c>
    </row>
    <row r="23590" spans="1:12">
      <c r="A23590" s="6" t="s">
        <v>4151</v>
      </c>
      <c r="B23590" s="6"/>
      <c r="C23590" s="6" t="s">
        <v>23626</v>
      </c>
      <c r="D23590" s="6"/>
      <c r="E23590" s="6" t="s">
        <v>9</v>
      </c>
      <c r="F23590" s="7">
        <v>38657</v>
      </c>
      <c r="G23590" s="8">
        <v>1</v>
      </c>
      <c r="H23590" s="8">
        <v>1</v>
      </c>
      <c r="I23590" s="8">
        <v>0</v>
      </c>
      <c r="J23590" s="8">
        <v>1</v>
      </c>
      <c r="K23590" s="9">
        <v>27</v>
      </c>
      <c r="L23590" s="6" t="s">
        <v>4151</v>
      </c>
    </row>
    <row r="23591" spans="1:12">
      <c r="A23591" s="6" t="s">
        <v>4151</v>
      </c>
      <c r="B23591" s="6"/>
      <c r="C23591" s="6" t="s">
        <v>23627</v>
      </c>
      <c r="D23591" s="6"/>
      <c r="E23591" s="6" t="s">
        <v>9</v>
      </c>
      <c r="F23591" s="7">
        <v>38657</v>
      </c>
      <c r="G23591" s="8">
        <v>1</v>
      </c>
      <c r="H23591" s="8">
        <v>1</v>
      </c>
      <c r="I23591" s="8">
        <v>0</v>
      </c>
      <c r="J23591" s="8">
        <v>1</v>
      </c>
      <c r="K23591" s="9">
        <v>27</v>
      </c>
      <c r="L23591" s="6" t="s">
        <v>4151</v>
      </c>
    </row>
    <row r="23592" spans="1:12">
      <c r="A23592" s="6" t="s">
        <v>4151</v>
      </c>
      <c r="B23592" s="6"/>
      <c r="C23592" s="6" t="s">
        <v>23628</v>
      </c>
      <c r="D23592" s="6"/>
      <c r="E23592" s="6" t="s">
        <v>9</v>
      </c>
      <c r="F23592" s="7">
        <v>38657</v>
      </c>
      <c r="G23592" s="8">
        <v>1</v>
      </c>
      <c r="H23592" s="8">
        <v>1</v>
      </c>
      <c r="I23592" s="8">
        <v>0</v>
      </c>
      <c r="J23592" s="8">
        <v>1</v>
      </c>
      <c r="K23592" s="9">
        <v>27</v>
      </c>
      <c r="L23592" s="6" t="s">
        <v>4151</v>
      </c>
    </row>
    <row r="23593" spans="1:12">
      <c r="A23593" s="6" t="s">
        <v>4151</v>
      </c>
      <c r="B23593" s="6"/>
      <c r="C23593" s="6" t="s">
        <v>23629</v>
      </c>
      <c r="D23593" s="6"/>
      <c r="E23593" s="6" t="s">
        <v>9</v>
      </c>
      <c r="F23593" s="7">
        <v>38657</v>
      </c>
      <c r="G23593" s="8">
        <v>1</v>
      </c>
      <c r="H23593" s="8">
        <v>1</v>
      </c>
      <c r="I23593" s="8">
        <v>0</v>
      </c>
      <c r="J23593" s="8">
        <v>1</v>
      </c>
      <c r="K23593" s="9">
        <v>27</v>
      </c>
      <c r="L23593" s="6" t="s">
        <v>4151</v>
      </c>
    </row>
    <row r="23594" spans="1:12">
      <c r="A23594" s="6" t="s">
        <v>4151</v>
      </c>
      <c r="B23594" s="6"/>
      <c r="C23594" s="6" t="s">
        <v>23630</v>
      </c>
      <c r="D23594" s="6"/>
      <c r="E23594" s="6" t="s">
        <v>9</v>
      </c>
      <c r="F23594" s="7">
        <v>38657</v>
      </c>
      <c r="G23594" s="8">
        <v>1</v>
      </c>
      <c r="H23594" s="8">
        <v>1</v>
      </c>
      <c r="I23594" s="8">
        <v>0</v>
      </c>
      <c r="J23594" s="8">
        <v>1</v>
      </c>
      <c r="K23594" s="9">
        <v>27</v>
      </c>
      <c r="L23594" s="6" t="s">
        <v>4151</v>
      </c>
    </row>
    <row r="23595" spans="1:12">
      <c r="A23595" s="6" t="s">
        <v>4151</v>
      </c>
      <c r="B23595" s="6"/>
      <c r="C23595" s="6" t="s">
        <v>23631</v>
      </c>
      <c r="D23595" s="6"/>
      <c r="E23595" s="6" t="s">
        <v>9</v>
      </c>
      <c r="F23595" s="7">
        <v>38657</v>
      </c>
      <c r="G23595" s="8">
        <v>1</v>
      </c>
      <c r="H23595" s="8">
        <v>1</v>
      </c>
      <c r="I23595" s="8">
        <v>0</v>
      </c>
      <c r="J23595" s="8">
        <v>1</v>
      </c>
      <c r="K23595" s="9">
        <v>27</v>
      </c>
      <c r="L23595" s="6" t="s">
        <v>4151</v>
      </c>
    </row>
    <row r="23596" spans="1:12">
      <c r="A23596" s="6" t="s">
        <v>4151</v>
      </c>
      <c r="B23596" s="6"/>
      <c r="C23596" s="6" t="s">
        <v>23632</v>
      </c>
      <c r="D23596" s="6"/>
      <c r="E23596" s="6" t="s">
        <v>9</v>
      </c>
      <c r="F23596" s="7">
        <v>38657</v>
      </c>
      <c r="G23596" s="8">
        <v>1</v>
      </c>
      <c r="H23596" s="8">
        <v>1</v>
      </c>
      <c r="I23596" s="8">
        <v>0</v>
      </c>
      <c r="J23596" s="8">
        <v>1</v>
      </c>
      <c r="K23596" s="9">
        <v>66</v>
      </c>
      <c r="L23596" s="6" t="s">
        <v>4151</v>
      </c>
    </row>
    <row r="23597" spans="1:12">
      <c r="A23597" s="6" t="s">
        <v>4151</v>
      </c>
      <c r="B23597" s="6"/>
      <c r="C23597" s="6" t="s">
        <v>23633</v>
      </c>
      <c r="D23597" s="6"/>
      <c r="E23597" s="6" t="s">
        <v>9</v>
      </c>
      <c r="F23597" s="7">
        <v>38657</v>
      </c>
      <c r="G23597" s="8">
        <v>1</v>
      </c>
      <c r="H23597" s="8">
        <v>1</v>
      </c>
      <c r="I23597" s="8">
        <v>0</v>
      </c>
      <c r="J23597" s="8">
        <v>1</v>
      </c>
      <c r="K23597" s="9">
        <v>27</v>
      </c>
      <c r="L23597" s="6" t="s">
        <v>4151</v>
      </c>
    </row>
    <row r="23598" spans="1:12">
      <c r="A23598" s="6" t="s">
        <v>4151</v>
      </c>
      <c r="B23598" s="6"/>
      <c r="C23598" s="6" t="s">
        <v>23634</v>
      </c>
      <c r="D23598" s="6"/>
      <c r="E23598" s="6" t="s">
        <v>9</v>
      </c>
      <c r="F23598" s="7">
        <v>38657</v>
      </c>
      <c r="G23598" s="8">
        <v>1</v>
      </c>
      <c r="H23598" s="8">
        <v>1</v>
      </c>
      <c r="I23598" s="8">
        <v>0</v>
      </c>
      <c r="J23598" s="8">
        <v>1</v>
      </c>
      <c r="K23598" s="9">
        <v>5.39</v>
      </c>
      <c r="L23598" s="6" t="s">
        <v>4151</v>
      </c>
    </row>
    <row r="23599" spans="1:12">
      <c r="A23599" s="6" t="s">
        <v>4151</v>
      </c>
      <c r="B23599" s="6"/>
      <c r="C23599" s="6" t="s">
        <v>23635</v>
      </c>
      <c r="D23599" s="6"/>
      <c r="E23599" s="6" t="s">
        <v>9</v>
      </c>
      <c r="F23599" s="7">
        <v>38657</v>
      </c>
      <c r="G23599" s="8">
        <v>1</v>
      </c>
      <c r="H23599" s="8">
        <v>1</v>
      </c>
      <c r="I23599" s="8">
        <v>0</v>
      </c>
      <c r="J23599" s="8">
        <v>1</v>
      </c>
      <c r="K23599" s="9">
        <v>22</v>
      </c>
      <c r="L23599" s="6" t="s">
        <v>4151</v>
      </c>
    </row>
    <row r="23600" spans="1:12">
      <c r="A23600" s="6" t="s">
        <v>4151</v>
      </c>
      <c r="B23600" s="6"/>
      <c r="C23600" s="6" t="s">
        <v>23636</v>
      </c>
      <c r="D23600" s="6"/>
      <c r="E23600" s="6" t="s">
        <v>9</v>
      </c>
      <c r="F23600" s="7">
        <v>38657</v>
      </c>
      <c r="G23600" s="8">
        <v>1</v>
      </c>
      <c r="H23600" s="8">
        <v>1</v>
      </c>
      <c r="I23600" s="8">
        <v>0</v>
      </c>
      <c r="J23600" s="8">
        <v>1</v>
      </c>
      <c r="K23600" s="9">
        <v>6.09</v>
      </c>
      <c r="L23600" s="6" t="s">
        <v>4151</v>
      </c>
    </row>
    <row r="23601" spans="1:12">
      <c r="A23601" s="6" t="s">
        <v>4151</v>
      </c>
      <c r="B23601" s="6"/>
      <c r="C23601" s="6" t="s">
        <v>23637</v>
      </c>
      <c r="D23601" s="6"/>
      <c r="E23601" s="6" t="s">
        <v>9</v>
      </c>
      <c r="F23601" s="7">
        <v>38657</v>
      </c>
      <c r="G23601" s="8">
        <v>1</v>
      </c>
      <c r="H23601" s="8">
        <v>1</v>
      </c>
      <c r="I23601" s="8">
        <v>0</v>
      </c>
      <c r="J23601" s="8">
        <v>1</v>
      </c>
      <c r="K23601" s="9">
        <v>10</v>
      </c>
      <c r="L23601" s="6" t="s">
        <v>4151</v>
      </c>
    </row>
    <row r="23602" spans="1:12">
      <c r="A23602" s="6" t="s">
        <v>4151</v>
      </c>
      <c r="B23602" s="6"/>
      <c r="C23602" s="6" t="s">
        <v>23638</v>
      </c>
      <c r="D23602" s="6"/>
      <c r="E23602" s="6" t="s">
        <v>9</v>
      </c>
      <c r="F23602" s="7">
        <v>38657</v>
      </c>
      <c r="G23602" s="8">
        <v>1</v>
      </c>
      <c r="H23602" s="8">
        <v>1</v>
      </c>
      <c r="I23602" s="8">
        <v>0</v>
      </c>
      <c r="J23602" s="8">
        <v>1</v>
      </c>
      <c r="K23602" s="9">
        <v>10</v>
      </c>
      <c r="L23602" s="6" t="s">
        <v>4151</v>
      </c>
    </row>
    <row r="23603" spans="1:12">
      <c r="A23603" s="6" t="s">
        <v>4151</v>
      </c>
      <c r="B23603" s="6"/>
      <c r="C23603" s="6" t="s">
        <v>23639</v>
      </c>
      <c r="D23603" s="6"/>
      <c r="E23603" s="6" t="s">
        <v>9</v>
      </c>
      <c r="F23603" s="7">
        <v>38657</v>
      </c>
      <c r="G23603" s="8">
        <v>1</v>
      </c>
      <c r="H23603" s="8">
        <v>1</v>
      </c>
      <c r="I23603" s="8">
        <v>0</v>
      </c>
      <c r="J23603" s="8">
        <v>1</v>
      </c>
      <c r="K23603" s="9">
        <v>10</v>
      </c>
      <c r="L23603" s="6" t="s">
        <v>4151</v>
      </c>
    </row>
    <row r="23604" spans="1:12">
      <c r="A23604" s="6" t="s">
        <v>4151</v>
      </c>
      <c r="B23604" s="6"/>
      <c r="C23604" s="6" t="s">
        <v>23640</v>
      </c>
      <c r="D23604" s="6"/>
      <c r="E23604" s="6" t="s">
        <v>9</v>
      </c>
      <c r="F23604" s="7">
        <v>38657</v>
      </c>
      <c r="G23604" s="8">
        <v>1</v>
      </c>
      <c r="H23604" s="8">
        <v>1</v>
      </c>
      <c r="I23604" s="8">
        <v>0</v>
      </c>
      <c r="J23604" s="8">
        <v>1</v>
      </c>
      <c r="K23604" s="9">
        <v>11</v>
      </c>
      <c r="L23604" s="6" t="s">
        <v>4151</v>
      </c>
    </row>
    <row r="23605" spans="1:12">
      <c r="A23605" s="6" t="s">
        <v>4151</v>
      </c>
      <c r="B23605" s="6"/>
      <c r="C23605" s="6" t="s">
        <v>23641</v>
      </c>
      <c r="D23605" s="6"/>
      <c r="E23605" s="6" t="s">
        <v>9</v>
      </c>
      <c r="F23605" s="7">
        <v>38657</v>
      </c>
      <c r="G23605" s="8">
        <v>1</v>
      </c>
      <c r="H23605" s="8">
        <v>1</v>
      </c>
      <c r="I23605" s="8">
        <v>0</v>
      </c>
      <c r="J23605" s="8">
        <v>1</v>
      </c>
      <c r="K23605" s="9">
        <v>11</v>
      </c>
      <c r="L23605" s="6" t="s">
        <v>4151</v>
      </c>
    </row>
    <row r="23606" spans="1:12">
      <c r="A23606" s="6" t="s">
        <v>4151</v>
      </c>
      <c r="B23606" s="6"/>
      <c r="C23606" s="6" t="s">
        <v>23642</v>
      </c>
      <c r="D23606" s="6"/>
      <c r="E23606" s="6" t="s">
        <v>9</v>
      </c>
      <c r="F23606" s="7">
        <v>38657</v>
      </c>
      <c r="G23606" s="8">
        <v>1</v>
      </c>
      <c r="H23606" s="8">
        <v>1</v>
      </c>
      <c r="I23606" s="8">
        <v>0</v>
      </c>
      <c r="J23606" s="8">
        <v>1</v>
      </c>
      <c r="K23606" s="9">
        <v>11</v>
      </c>
      <c r="L23606" s="6" t="s">
        <v>4151</v>
      </c>
    </row>
    <row r="23607" spans="1:12">
      <c r="A23607" s="6" t="s">
        <v>4151</v>
      </c>
      <c r="B23607" s="6"/>
      <c r="C23607" s="6" t="s">
        <v>23643</v>
      </c>
      <c r="D23607" s="6"/>
      <c r="E23607" s="6" t="s">
        <v>9</v>
      </c>
      <c r="F23607" s="7">
        <v>38657</v>
      </c>
      <c r="G23607" s="8">
        <v>1</v>
      </c>
      <c r="H23607" s="8">
        <v>1</v>
      </c>
      <c r="I23607" s="8">
        <v>0</v>
      </c>
      <c r="J23607" s="8">
        <v>1</v>
      </c>
      <c r="K23607" s="9">
        <v>71</v>
      </c>
      <c r="L23607" s="6" t="s">
        <v>4151</v>
      </c>
    </row>
    <row r="23608" spans="1:12">
      <c r="A23608" s="6" t="s">
        <v>4151</v>
      </c>
      <c r="B23608" s="6"/>
      <c r="C23608" s="6" t="s">
        <v>23644</v>
      </c>
      <c r="D23608" s="6"/>
      <c r="E23608" s="6" t="s">
        <v>9</v>
      </c>
      <c r="F23608" s="7">
        <v>38657</v>
      </c>
      <c r="G23608" s="8">
        <v>1</v>
      </c>
      <c r="H23608" s="8">
        <v>1</v>
      </c>
      <c r="I23608" s="8">
        <v>0</v>
      </c>
      <c r="J23608" s="8">
        <v>1</v>
      </c>
      <c r="K23608" s="9">
        <v>11</v>
      </c>
      <c r="L23608" s="6" t="s">
        <v>4151</v>
      </c>
    </row>
    <row r="23609" spans="1:12">
      <c r="A23609" s="6" t="s">
        <v>4151</v>
      </c>
      <c r="B23609" s="6"/>
      <c r="C23609" s="6" t="s">
        <v>23645</v>
      </c>
      <c r="D23609" s="6"/>
      <c r="E23609" s="6" t="s">
        <v>9</v>
      </c>
      <c r="F23609" s="7">
        <v>38657</v>
      </c>
      <c r="G23609" s="8">
        <v>1</v>
      </c>
      <c r="H23609" s="8">
        <v>1</v>
      </c>
      <c r="I23609" s="8">
        <v>0</v>
      </c>
      <c r="J23609" s="8">
        <v>1</v>
      </c>
      <c r="K23609" s="9">
        <v>11</v>
      </c>
      <c r="L23609" s="6" t="s">
        <v>4151</v>
      </c>
    </row>
    <row r="23610" spans="1:12">
      <c r="A23610" s="6" t="s">
        <v>4151</v>
      </c>
      <c r="B23610" s="6"/>
      <c r="C23610" s="6" t="s">
        <v>23646</v>
      </c>
      <c r="D23610" s="6"/>
      <c r="E23610" s="6" t="s">
        <v>9</v>
      </c>
      <c r="F23610" s="7">
        <v>38657</v>
      </c>
      <c r="G23610" s="8">
        <v>1</v>
      </c>
      <c r="H23610" s="8">
        <v>1</v>
      </c>
      <c r="I23610" s="8">
        <v>0</v>
      </c>
      <c r="J23610" s="8">
        <v>1</v>
      </c>
      <c r="K23610" s="9">
        <v>11</v>
      </c>
      <c r="L23610" s="6" t="s">
        <v>4151</v>
      </c>
    </row>
    <row r="23611" spans="1:12">
      <c r="A23611" s="6" t="s">
        <v>4151</v>
      </c>
      <c r="B23611" s="6"/>
      <c r="C23611" s="6" t="s">
        <v>23647</v>
      </c>
      <c r="D23611" s="6"/>
      <c r="E23611" s="6" t="s">
        <v>9</v>
      </c>
      <c r="F23611" s="7">
        <v>38657</v>
      </c>
      <c r="G23611" s="8">
        <v>1</v>
      </c>
      <c r="H23611" s="8">
        <v>1</v>
      </c>
      <c r="I23611" s="8">
        <v>0</v>
      </c>
      <c r="J23611" s="8">
        <v>1</v>
      </c>
      <c r="K23611" s="9">
        <v>6.6</v>
      </c>
      <c r="L23611" s="6" t="s">
        <v>4151</v>
      </c>
    </row>
    <row r="23612" spans="1:12">
      <c r="A23612" s="6" t="s">
        <v>4151</v>
      </c>
      <c r="B23612" s="6"/>
      <c r="C23612" s="6" t="s">
        <v>23648</v>
      </c>
      <c r="D23612" s="6"/>
      <c r="E23612" s="6" t="s">
        <v>9</v>
      </c>
      <c r="F23612" s="7">
        <v>38657</v>
      </c>
      <c r="G23612" s="8">
        <v>1</v>
      </c>
      <c r="H23612" s="8">
        <v>1</v>
      </c>
      <c r="I23612" s="8">
        <v>0</v>
      </c>
      <c r="J23612" s="8">
        <v>1</v>
      </c>
      <c r="K23612" s="9">
        <v>6.6</v>
      </c>
      <c r="L23612" s="6" t="s">
        <v>4151</v>
      </c>
    </row>
    <row r="23613" spans="1:12">
      <c r="A23613" s="6" t="s">
        <v>4151</v>
      </c>
      <c r="B23613" s="6"/>
      <c r="C23613" s="6" t="s">
        <v>23649</v>
      </c>
      <c r="D23613" s="6"/>
      <c r="E23613" s="6" t="s">
        <v>9</v>
      </c>
      <c r="F23613" s="7">
        <v>38657</v>
      </c>
      <c r="G23613" s="8">
        <v>1</v>
      </c>
      <c r="H23613" s="8">
        <v>1</v>
      </c>
      <c r="I23613" s="8">
        <v>0</v>
      </c>
      <c r="J23613" s="8">
        <v>1</v>
      </c>
      <c r="K23613" s="9">
        <v>8.9</v>
      </c>
      <c r="L23613" s="6" t="s">
        <v>4151</v>
      </c>
    </row>
    <row r="23614" spans="1:12">
      <c r="A23614" s="6" t="s">
        <v>4151</v>
      </c>
      <c r="B23614" s="6"/>
      <c r="C23614" s="6" t="s">
        <v>23650</v>
      </c>
      <c r="D23614" s="6"/>
      <c r="E23614" s="6" t="s">
        <v>9</v>
      </c>
      <c r="F23614" s="7">
        <v>38657</v>
      </c>
      <c r="G23614" s="8">
        <v>1</v>
      </c>
      <c r="H23614" s="8">
        <v>1</v>
      </c>
      <c r="I23614" s="8">
        <v>0</v>
      </c>
      <c r="J23614" s="8">
        <v>1</v>
      </c>
      <c r="K23614" s="9">
        <v>3.25</v>
      </c>
      <c r="L23614" s="6" t="s">
        <v>4151</v>
      </c>
    </row>
    <row r="23615" spans="1:12">
      <c r="A23615" s="6" t="s">
        <v>4151</v>
      </c>
      <c r="B23615" s="6"/>
      <c r="C23615" s="6" t="s">
        <v>23651</v>
      </c>
      <c r="D23615" s="6"/>
      <c r="E23615" s="6" t="s">
        <v>9</v>
      </c>
      <c r="F23615" s="7">
        <v>38657</v>
      </c>
      <c r="G23615" s="8">
        <v>1</v>
      </c>
      <c r="H23615" s="8">
        <v>1</v>
      </c>
      <c r="I23615" s="8">
        <v>0</v>
      </c>
      <c r="J23615" s="8">
        <v>1</v>
      </c>
      <c r="K23615" s="9">
        <v>25</v>
      </c>
      <c r="L23615" s="6" t="s">
        <v>4151</v>
      </c>
    </row>
    <row r="23616" spans="1:12">
      <c r="A23616" s="6" t="s">
        <v>4151</v>
      </c>
      <c r="B23616" s="6"/>
      <c r="C23616" s="6" t="s">
        <v>23652</v>
      </c>
      <c r="D23616" s="6"/>
      <c r="E23616" s="6" t="s">
        <v>9</v>
      </c>
      <c r="F23616" s="7">
        <v>38657</v>
      </c>
      <c r="G23616" s="8">
        <v>1</v>
      </c>
      <c r="H23616" s="8">
        <v>1</v>
      </c>
      <c r="I23616" s="8">
        <v>0</v>
      </c>
      <c r="J23616" s="8">
        <v>1</v>
      </c>
      <c r="K23616" s="9">
        <v>27</v>
      </c>
      <c r="L23616" s="6" t="s">
        <v>4151</v>
      </c>
    </row>
    <row r="23617" spans="1:12">
      <c r="A23617" s="6" t="s">
        <v>4151</v>
      </c>
      <c r="B23617" s="6"/>
      <c r="C23617" s="6" t="s">
        <v>23653</v>
      </c>
      <c r="D23617" s="6"/>
      <c r="E23617" s="6" t="s">
        <v>9</v>
      </c>
      <c r="F23617" s="7">
        <v>38657</v>
      </c>
      <c r="G23617" s="8">
        <v>1</v>
      </c>
      <c r="H23617" s="8">
        <v>1</v>
      </c>
      <c r="I23617" s="8">
        <v>0</v>
      </c>
      <c r="J23617" s="8">
        <v>1</v>
      </c>
      <c r="K23617" s="9">
        <v>27</v>
      </c>
      <c r="L23617" s="6" t="s">
        <v>4151</v>
      </c>
    </row>
    <row r="23618" spans="1:12">
      <c r="A23618" s="6" t="s">
        <v>4151</v>
      </c>
      <c r="B23618" s="6"/>
      <c r="C23618" s="6" t="s">
        <v>23654</v>
      </c>
      <c r="D23618" s="6"/>
      <c r="E23618" s="6" t="s">
        <v>9</v>
      </c>
      <c r="F23618" s="7">
        <v>38657</v>
      </c>
      <c r="G23618" s="8">
        <v>1</v>
      </c>
      <c r="H23618" s="8">
        <v>1</v>
      </c>
      <c r="I23618" s="8">
        <v>0</v>
      </c>
      <c r="J23618" s="8">
        <v>1</v>
      </c>
      <c r="K23618" s="9">
        <v>159</v>
      </c>
      <c r="L23618" s="6" t="s">
        <v>4151</v>
      </c>
    </row>
    <row r="23619" spans="1:12">
      <c r="A23619" s="6" t="s">
        <v>4151</v>
      </c>
      <c r="B23619" s="6"/>
      <c r="C23619" s="6" t="s">
        <v>23655</v>
      </c>
      <c r="D23619" s="6"/>
      <c r="E23619" s="6" t="s">
        <v>9</v>
      </c>
      <c r="F23619" s="7">
        <v>38657</v>
      </c>
      <c r="G23619" s="8">
        <v>1</v>
      </c>
      <c r="H23619" s="8">
        <v>1</v>
      </c>
      <c r="I23619" s="8">
        <v>0</v>
      </c>
      <c r="J23619" s="8">
        <v>1</v>
      </c>
      <c r="K23619" s="9">
        <v>27</v>
      </c>
      <c r="L23619" s="6" t="s">
        <v>4151</v>
      </c>
    </row>
    <row r="23620" spans="1:12">
      <c r="A23620" s="6" t="s">
        <v>4151</v>
      </c>
      <c r="B23620" s="6"/>
      <c r="C23620" s="6" t="s">
        <v>23656</v>
      </c>
      <c r="D23620" s="6"/>
      <c r="E23620" s="6" t="s">
        <v>9</v>
      </c>
      <c r="F23620" s="7">
        <v>38657</v>
      </c>
      <c r="G23620" s="8">
        <v>1</v>
      </c>
      <c r="H23620" s="8">
        <v>1</v>
      </c>
      <c r="I23620" s="8">
        <v>0</v>
      </c>
      <c r="J23620" s="8">
        <v>1</v>
      </c>
      <c r="K23620" s="9">
        <v>29</v>
      </c>
      <c r="L23620" s="6" t="s">
        <v>4151</v>
      </c>
    </row>
    <row r="23621" spans="1:12">
      <c r="A23621" s="6" t="s">
        <v>4151</v>
      </c>
      <c r="B23621" s="6"/>
      <c r="C23621" s="6" t="s">
        <v>23657</v>
      </c>
      <c r="D23621" s="6"/>
      <c r="E23621" s="6" t="s">
        <v>9</v>
      </c>
      <c r="F23621" s="7">
        <v>38657</v>
      </c>
      <c r="G23621" s="8">
        <v>1</v>
      </c>
      <c r="H23621" s="8">
        <v>1</v>
      </c>
      <c r="I23621" s="8">
        <v>0</v>
      </c>
      <c r="J23621" s="8">
        <v>1</v>
      </c>
      <c r="K23621" s="9">
        <v>1.06</v>
      </c>
      <c r="L23621" s="6" t="s">
        <v>4151</v>
      </c>
    </row>
    <row r="23622" spans="1:12">
      <c r="A23622" s="6" t="s">
        <v>4151</v>
      </c>
      <c r="B23622" s="6"/>
      <c r="C23622" s="6" t="s">
        <v>23658</v>
      </c>
      <c r="D23622" s="6"/>
      <c r="E23622" s="6" t="s">
        <v>9</v>
      </c>
      <c r="F23622" s="7">
        <v>38657</v>
      </c>
      <c r="G23622" s="8">
        <v>1</v>
      </c>
      <c r="H23622" s="8">
        <v>1</v>
      </c>
      <c r="I23622" s="8">
        <v>0</v>
      </c>
      <c r="J23622" s="8">
        <v>1</v>
      </c>
      <c r="K23622" s="9">
        <v>3.03</v>
      </c>
      <c r="L23622" s="6" t="s">
        <v>4151</v>
      </c>
    </row>
    <row r="23623" spans="1:12">
      <c r="A23623" s="6" t="s">
        <v>4151</v>
      </c>
      <c r="B23623" s="6"/>
      <c r="C23623" s="6" t="s">
        <v>23659</v>
      </c>
      <c r="D23623" s="6"/>
      <c r="E23623" s="6" t="s">
        <v>9</v>
      </c>
      <c r="F23623" s="7">
        <v>38657</v>
      </c>
      <c r="G23623" s="8">
        <v>1</v>
      </c>
      <c r="H23623" s="8">
        <v>1</v>
      </c>
      <c r="I23623" s="8">
        <v>0</v>
      </c>
      <c r="J23623" s="8">
        <v>1</v>
      </c>
      <c r="K23623" s="9">
        <v>27</v>
      </c>
      <c r="L23623" s="6" t="s">
        <v>4151</v>
      </c>
    </row>
    <row r="23624" spans="1:12">
      <c r="A23624" s="6" t="s">
        <v>4151</v>
      </c>
      <c r="B23624" s="6"/>
      <c r="C23624" s="6" t="s">
        <v>23660</v>
      </c>
      <c r="D23624" s="6"/>
      <c r="E23624" s="6" t="s">
        <v>9</v>
      </c>
      <c r="F23624" s="7">
        <v>38657</v>
      </c>
      <c r="G23624" s="8">
        <v>1</v>
      </c>
      <c r="H23624" s="8">
        <v>1</v>
      </c>
      <c r="I23624" s="8">
        <v>0</v>
      </c>
      <c r="J23624" s="8">
        <v>1</v>
      </c>
      <c r="K23624" s="9">
        <v>27</v>
      </c>
      <c r="L23624" s="6" t="s">
        <v>4151</v>
      </c>
    </row>
    <row r="23625" spans="1:12">
      <c r="A23625" s="6" t="s">
        <v>4151</v>
      </c>
      <c r="B23625" s="6"/>
      <c r="C23625" s="6" t="s">
        <v>23661</v>
      </c>
      <c r="D23625" s="6"/>
      <c r="E23625" s="6" t="s">
        <v>9</v>
      </c>
      <c r="F23625" s="7">
        <v>38657</v>
      </c>
      <c r="G23625" s="8">
        <v>1</v>
      </c>
      <c r="H23625" s="8">
        <v>1</v>
      </c>
      <c r="I23625" s="8">
        <v>0</v>
      </c>
      <c r="J23625" s="8">
        <v>1</v>
      </c>
      <c r="K23625" s="9">
        <v>27</v>
      </c>
      <c r="L23625" s="6" t="s">
        <v>4151</v>
      </c>
    </row>
    <row r="23626" spans="1:12">
      <c r="A23626" s="6" t="s">
        <v>4151</v>
      </c>
      <c r="B23626" s="6"/>
      <c r="C23626" s="6" t="s">
        <v>23662</v>
      </c>
      <c r="D23626" s="6"/>
      <c r="E23626" s="6" t="s">
        <v>9</v>
      </c>
      <c r="F23626" s="7">
        <v>38657</v>
      </c>
      <c r="G23626" s="8">
        <v>1</v>
      </c>
      <c r="H23626" s="8">
        <v>1</v>
      </c>
      <c r="I23626" s="8">
        <v>0</v>
      </c>
      <c r="J23626" s="8">
        <v>1</v>
      </c>
      <c r="K23626" s="9">
        <v>27</v>
      </c>
      <c r="L23626" s="6" t="s">
        <v>4151</v>
      </c>
    </row>
    <row r="23627" spans="1:12">
      <c r="A23627" s="6" t="s">
        <v>4151</v>
      </c>
      <c r="B23627" s="6"/>
      <c r="C23627" s="6" t="s">
        <v>23663</v>
      </c>
      <c r="D23627" s="6"/>
      <c r="E23627" s="6" t="s">
        <v>9</v>
      </c>
      <c r="F23627" s="7">
        <v>38657</v>
      </c>
      <c r="G23627" s="8">
        <v>1</v>
      </c>
      <c r="H23627" s="8">
        <v>1</v>
      </c>
      <c r="I23627" s="8">
        <v>0</v>
      </c>
      <c r="J23627" s="8">
        <v>1</v>
      </c>
      <c r="K23627" s="9">
        <v>27</v>
      </c>
      <c r="L23627" s="6" t="s">
        <v>4151</v>
      </c>
    </row>
    <row r="23628" spans="1:12">
      <c r="A23628" s="6" t="s">
        <v>4151</v>
      </c>
      <c r="B23628" s="6"/>
      <c r="C23628" s="6" t="s">
        <v>23664</v>
      </c>
      <c r="D23628" s="6"/>
      <c r="E23628" s="6" t="s">
        <v>9</v>
      </c>
      <c r="F23628" s="7">
        <v>38657</v>
      </c>
      <c r="G23628" s="8">
        <v>1</v>
      </c>
      <c r="H23628" s="8">
        <v>1</v>
      </c>
      <c r="I23628" s="8">
        <v>0</v>
      </c>
      <c r="J23628" s="8">
        <v>1</v>
      </c>
      <c r="K23628" s="9">
        <v>8.48</v>
      </c>
      <c r="L23628" s="6" t="s">
        <v>4151</v>
      </c>
    </row>
    <row r="23629" spans="1:12">
      <c r="A23629" s="6" t="s">
        <v>4151</v>
      </c>
      <c r="B23629" s="6"/>
      <c r="C23629" s="6" t="s">
        <v>23665</v>
      </c>
      <c r="D23629" s="6"/>
      <c r="E23629" s="6" t="s">
        <v>9</v>
      </c>
      <c r="F23629" s="7">
        <v>38657</v>
      </c>
      <c r="G23629" s="8">
        <v>1</v>
      </c>
      <c r="H23629" s="8">
        <v>1</v>
      </c>
      <c r="I23629" s="8">
        <v>0</v>
      </c>
      <c r="J23629" s="8">
        <v>1</v>
      </c>
      <c r="K23629" s="9">
        <v>66</v>
      </c>
      <c r="L23629" s="6" t="s">
        <v>4151</v>
      </c>
    </row>
    <row r="23630" spans="1:12">
      <c r="A23630" s="6" t="s">
        <v>4151</v>
      </c>
      <c r="B23630" s="6"/>
      <c r="C23630" s="6" t="s">
        <v>23666</v>
      </c>
      <c r="D23630" s="6"/>
      <c r="E23630" s="6" t="s">
        <v>9</v>
      </c>
      <c r="F23630" s="7">
        <v>38657</v>
      </c>
      <c r="G23630" s="8">
        <v>1</v>
      </c>
      <c r="H23630" s="8">
        <v>1</v>
      </c>
      <c r="I23630" s="8">
        <v>0</v>
      </c>
      <c r="J23630" s="8">
        <v>1</v>
      </c>
      <c r="K23630" s="9">
        <v>7.64</v>
      </c>
      <c r="L23630" s="6" t="s">
        <v>4151</v>
      </c>
    </row>
    <row r="23631" spans="1:12">
      <c r="A23631" s="6" t="s">
        <v>4151</v>
      </c>
      <c r="B23631" s="6"/>
      <c r="C23631" s="6" t="s">
        <v>23667</v>
      </c>
      <c r="D23631" s="6"/>
      <c r="E23631" s="6" t="s">
        <v>9</v>
      </c>
      <c r="F23631" s="7">
        <v>38657</v>
      </c>
      <c r="G23631" s="8">
        <v>1</v>
      </c>
      <c r="H23631" s="8">
        <v>1</v>
      </c>
      <c r="I23631" s="8">
        <v>0</v>
      </c>
      <c r="J23631" s="8">
        <v>1</v>
      </c>
      <c r="K23631" s="9">
        <v>0.84</v>
      </c>
      <c r="L23631" s="6" t="s">
        <v>4151</v>
      </c>
    </row>
    <row r="23632" spans="1:12">
      <c r="A23632" s="6" t="s">
        <v>4151</v>
      </c>
      <c r="B23632" s="6"/>
      <c r="C23632" s="6" t="s">
        <v>23668</v>
      </c>
      <c r="D23632" s="6"/>
      <c r="E23632" s="6" t="s">
        <v>9</v>
      </c>
      <c r="F23632" s="7">
        <v>38657</v>
      </c>
      <c r="G23632" s="8">
        <v>1</v>
      </c>
      <c r="H23632" s="8">
        <v>1</v>
      </c>
      <c r="I23632" s="8">
        <v>0</v>
      </c>
      <c r="J23632" s="8">
        <v>1</v>
      </c>
      <c r="K23632" s="9">
        <v>36</v>
      </c>
      <c r="L23632" s="6" t="s">
        <v>4151</v>
      </c>
    </row>
    <row r="23633" spans="1:12">
      <c r="A23633" s="6" t="s">
        <v>4151</v>
      </c>
      <c r="B23633" s="6"/>
      <c r="C23633" s="6" t="s">
        <v>23669</v>
      </c>
      <c r="D23633" s="6"/>
      <c r="E23633" s="6" t="s">
        <v>9</v>
      </c>
      <c r="F23633" s="7">
        <v>38657</v>
      </c>
      <c r="G23633" s="8">
        <v>1</v>
      </c>
      <c r="H23633" s="8">
        <v>1</v>
      </c>
      <c r="I23633" s="8">
        <v>0</v>
      </c>
      <c r="J23633" s="8">
        <v>1</v>
      </c>
      <c r="K23633" s="9">
        <v>38</v>
      </c>
      <c r="L23633" s="6" t="s">
        <v>4151</v>
      </c>
    </row>
    <row r="23634" spans="1:12">
      <c r="A23634" s="6" t="s">
        <v>4151</v>
      </c>
      <c r="B23634" s="6"/>
      <c r="C23634" s="6" t="s">
        <v>23670</v>
      </c>
      <c r="D23634" s="6"/>
      <c r="E23634" s="6" t="s">
        <v>9</v>
      </c>
      <c r="F23634" s="7">
        <v>38657</v>
      </c>
      <c r="G23634" s="8">
        <v>1</v>
      </c>
      <c r="H23634" s="8">
        <v>1</v>
      </c>
      <c r="I23634" s="8">
        <v>0</v>
      </c>
      <c r="J23634" s="8">
        <v>1</v>
      </c>
      <c r="K23634" s="9">
        <v>33</v>
      </c>
      <c r="L23634" s="6" t="s">
        <v>4151</v>
      </c>
    </row>
    <row r="23635" spans="1:12">
      <c r="A23635" s="6" t="s">
        <v>4151</v>
      </c>
      <c r="B23635" s="6"/>
      <c r="C23635" s="6" t="s">
        <v>23671</v>
      </c>
      <c r="D23635" s="6"/>
      <c r="E23635" s="6" t="s">
        <v>9</v>
      </c>
      <c r="F23635" s="7">
        <v>38657</v>
      </c>
      <c r="G23635" s="8">
        <v>1</v>
      </c>
      <c r="H23635" s="8">
        <v>1</v>
      </c>
      <c r="I23635" s="8">
        <v>0</v>
      </c>
      <c r="J23635" s="8">
        <v>1</v>
      </c>
      <c r="K23635" s="9">
        <v>33</v>
      </c>
      <c r="L23635" s="6" t="s">
        <v>4151</v>
      </c>
    </row>
    <row r="23636" spans="1:12">
      <c r="A23636" s="6" t="s">
        <v>4151</v>
      </c>
      <c r="B23636" s="6"/>
      <c r="C23636" s="6" t="s">
        <v>23672</v>
      </c>
      <c r="D23636" s="6"/>
      <c r="E23636" s="6" t="s">
        <v>9</v>
      </c>
      <c r="F23636" s="7">
        <v>38657</v>
      </c>
      <c r="G23636" s="8">
        <v>1</v>
      </c>
      <c r="H23636" s="8">
        <v>1</v>
      </c>
      <c r="I23636" s="8">
        <v>0</v>
      </c>
      <c r="J23636" s="8">
        <v>1</v>
      </c>
      <c r="K23636" s="9">
        <v>37</v>
      </c>
      <c r="L23636" s="6" t="s">
        <v>4151</v>
      </c>
    </row>
    <row r="23637" spans="1:12">
      <c r="A23637" s="6" t="s">
        <v>4151</v>
      </c>
      <c r="B23637" s="6"/>
      <c r="C23637" s="6" t="s">
        <v>23673</v>
      </c>
      <c r="D23637" s="6"/>
      <c r="E23637" s="6" t="s">
        <v>9</v>
      </c>
      <c r="F23637" s="7">
        <v>38657</v>
      </c>
      <c r="G23637" s="8">
        <v>1</v>
      </c>
      <c r="H23637" s="8">
        <v>1</v>
      </c>
      <c r="I23637" s="8">
        <v>0</v>
      </c>
      <c r="J23637" s="8">
        <v>1</v>
      </c>
      <c r="K23637" s="9">
        <v>18</v>
      </c>
      <c r="L23637" s="6" t="s">
        <v>4151</v>
      </c>
    </row>
    <row r="23638" spans="1:12">
      <c r="A23638" s="6" t="s">
        <v>4151</v>
      </c>
      <c r="B23638" s="6"/>
      <c r="C23638" s="6" t="s">
        <v>23674</v>
      </c>
      <c r="D23638" s="6"/>
      <c r="E23638" s="6" t="s">
        <v>9</v>
      </c>
      <c r="F23638" s="7">
        <v>38657</v>
      </c>
      <c r="G23638" s="8">
        <v>1</v>
      </c>
      <c r="H23638" s="8">
        <v>1</v>
      </c>
      <c r="I23638" s="8">
        <v>0</v>
      </c>
      <c r="J23638" s="8">
        <v>1</v>
      </c>
      <c r="K23638" s="9">
        <v>20</v>
      </c>
      <c r="L23638" s="6" t="s">
        <v>4151</v>
      </c>
    </row>
    <row r="23639" spans="1:12">
      <c r="A23639" s="6" t="s">
        <v>4151</v>
      </c>
      <c r="B23639" s="6"/>
      <c r="C23639" s="6" t="s">
        <v>23675</v>
      </c>
      <c r="D23639" s="6"/>
      <c r="E23639" s="6" t="s">
        <v>9</v>
      </c>
      <c r="F23639" s="7">
        <v>38657</v>
      </c>
      <c r="G23639" s="8">
        <v>1</v>
      </c>
      <c r="H23639" s="8">
        <v>1</v>
      </c>
      <c r="I23639" s="8">
        <v>0</v>
      </c>
      <c r="J23639" s="8">
        <v>1</v>
      </c>
      <c r="K23639" s="9">
        <v>17</v>
      </c>
      <c r="L23639" s="6" t="s">
        <v>4151</v>
      </c>
    </row>
    <row r="23640" spans="1:12">
      <c r="A23640" s="6" t="s">
        <v>4151</v>
      </c>
      <c r="B23640" s="6"/>
      <c r="C23640" s="6" t="s">
        <v>23676</v>
      </c>
      <c r="D23640" s="6"/>
      <c r="E23640" s="6" t="s">
        <v>9</v>
      </c>
      <c r="F23640" s="7">
        <v>38657</v>
      </c>
      <c r="G23640" s="8">
        <v>1</v>
      </c>
      <c r="H23640" s="8">
        <v>1</v>
      </c>
      <c r="I23640" s="8">
        <v>0</v>
      </c>
      <c r="J23640" s="8">
        <v>1</v>
      </c>
      <c r="K23640" s="9">
        <v>215</v>
      </c>
      <c r="L23640" s="6" t="s">
        <v>4151</v>
      </c>
    </row>
    <row r="23641" spans="1:12">
      <c r="A23641" s="6" t="s">
        <v>4151</v>
      </c>
      <c r="B23641" s="6"/>
      <c r="C23641" s="6" t="s">
        <v>23677</v>
      </c>
      <c r="D23641" s="6"/>
      <c r="E23641" s="6" t="s">
        <v>9</v>
      </c>
      <c r="F23641" s="7">
        <v>38657</v>
      </c>
      <c r="G23641" s="8">
        <v>1</v>
      </c>
      <c r="H23641" s="8">
        <v>1</v>
      </c>
      <c r="I23641" s="8">
        <v>0</v>
      </c>
      <c r="J23641" s="8">
        <v>1</v>
      </c>
      <c r="K23641" s="9">
        <v>7.47</v>
      </c>
      <c r="L23641" s="6" t="s">
        <v>4151</v>
      </c>
    </row>
    <row r="23642" spans="1:12">
      <c r="A23642" s="6" t="s">
        <v>4151</v>
      </c>
      <c r="B23642" s="6"/>
      <c r="C23642" s="6" t="s">
        <v>23678</v>
      </c>
      <c r="D23642" s="6"/>
      <c r="E23642" s="6" t="s">
        <v>9</v>
      </c>
      <c r="F23642" s="7">
        <v>38657</v>
      </c>
      <c r="G23642" s="8">
        <v>1</v>
      </c>
      <c r="H23642" s="8">
        <v>1</v>
      </c>
      <c r="I23642" s="8">
        <v>0</v>
      </c>
      <c r="J23642" s="8">
        <v>1</v>
      </c>
      <c r="K23642" s="9">
        <v>6.84</v>
      </c>
      <c r="L23642" s="6" t="s">
        <v>4151</v>
      </c>
    </row>
    <row r="23643" spans="1:12">
      <c r="A23643" s="6" t="s">
        <v>4151</v>
      </c>
      <c r="B23643" s="6"/>
      <c r="C23643" s="6" t="s">
        <v>23679</v>
      </c>
      <c r="D23643" s="6"/>
      <c r="E23643" s="6" t="s">
        <v>9</v>
      </c>
      <c r="F23643" s="7">
        <v>38657</v>
      </c>
      <c r="G23643" s="8">
        <v>1</v>
      </c>
      <c r="H23643" s="8">
        <v>1</v>
      </c>
      <c r="I23643" s="8">
        <v>0</v>
      </c>
      <c r="J23643" s="8">
        <v>1</v>
      </c>
      <c r="K23643" s="9">
        <v>11</v>
      </c>
      <c r="L23643" s="6" t="s">
        <v>4151</v>
      </c>
    </row>
    <row r="23644" spans="1:12">
      <c r="A23644" s="6" t="s">
        <v>4151</v>
      </c>
      <c r="B23644" s="6"/>
      <c r="C23644" s="6" t="s">
        <v>23680</v>
      </c>
      <c r="D23644" s="6"/>
      <c r="E23644" s="6" t="s">
        <v>9</v>
      </c>
      <c r="F23644" s="7">
        <v>38657</v>
      </c>
      <c r="G23644" s="8">
        <v>1</v>
      </c>
      <c r="H23644" s="8">
        <v>1</v>
      </c>
      <c r="I23644" s="8">
        <v>0</v>
      </c>
      <c r="J23644" s="8">
        <v>1</v>
      </c>
      <c r="K23644" s="9">
        <v>2.4500000000000002</v>
      </c>
      <c r="L23644" s="6" t="s">
        <v>4151</v>
      </c>
    </row>
    <row r="23645" spans="1:12">
      <c r="A23645" s="6" t="s">
        <v>4151</v>
      </c>
      <c r="B23645" s="6"/>
      <c r="C23645" s="6" t="s">
        <v>23681</v>
      </c>
      <c r="D23645" s="6"/>
      <c r="E23645" s="6" t="s">
        <v>9</v>
      </c>
      <c r="F23645" s="7">
        <v>38657</v>
      </c>
      <c r="G23645" s="8">
        <v>1</v>
      </c>
      <c r="H23645" s="8">
        <v>1</v>
      </c>
      <c r="I23645" s="8">
        <v>0</v>
      </c>
      <c r="J23645" s="8">
        <v>1</v>
      </c>
      <c r="K23645" s="9">
        <v>21</v>
      </c>
      <c r="L23645" s="6" t="s">
        <v>4151</v>
      </c>
    </row>
    <row r="23646" spans="1:12">
      <c r="A23646" s="6" t="s">
        <v>4151</v>
      </c>
      <c r="B23646" s="6"/>
      <c r="C23646" s="6" t="s">
        <v>23682</v>
      </c>
      <c r="D23646" s="6"/>
      <c r="E23646" s="6" t="s">
        <v>9</v>
      </c>
      <c r="F23646" s="7">
        <v>38657</v>
      </c>
      <c r="G23646" s="8">
        <v>1</v>
      </c>
      <c r="H23646" s="8">
        <v>1</v>
      </c>
      <c r="I23646" s="8">
        <v>0</v>
      </c>
      <c r="J23646" s="8">
        <v>1</v>
      </c>
      <c r="K23646" s="9">
        <v>13</v>
      </c>
      <c r="L23646" s="6" t="s">
        <v>4151</v>
      </c>
    </row>
    <row r="23647" spans="1:12">
      <c r="A23647" s="6" t="s">
        <v>4151</v>
      </c>
      <c r="B23647" s="6"/>
      <c r="C23647" s="6" t="s">
        <v>23683</v>
      </c>
      <c r="D23647" s="6"/>
      <c r="E23647" s="6" t="s">
        <v>9</v>
      </c>
      <c r="F23647" s="7">
        <v>38657</v>
      </c>
      <c r="G23647" s="8">
        <v>1</v>
      </c>
      <c r="H23647" s="8">
        <v>1</v>
      </c>
      <c r="I23647" s="8">
        <v>0</v>
      </c>
      <c r="J23647" s="8">
        <v>1</v>
      </c>
      <c r="K23647" s="9">
        <v>1.1200000000000001</v>
      </c>
      <c r="L23647" s="6" t="s">
        <v>4151</v>
      </c>
    </row>
    <row r="23648" spans="1:12">
      <c r="A23648" s="6" t="s">
        <v>4151</v>
      </c>
      <c r="B23648" s="6"/>
      <c r="C23648" s="6" t="s">
        <v>23684</v>
      </c>
      <c r="D23648" s="6"/>
      <c r="E23648" s="6" t="s">
        <v>9</v>
      </c>
      <c r="F23648" s="7">
        <v>38657</v>
      </c>
      <c r="G23648" s="8">
        <v>1</v>
      </c>
      <c r="H23648" s="8">
        <v>1</v>
      </c>
      <c r="I23648" s="8">
        <v>0</v>
      </c>
      <c r="J23648" s="8">
        <v>1</v>
      </c>
      <c r="K23648" s="9">
        <v>5.61</v>
      </c>
      <c r="L23648" s="6" t="s">
        <v>4151</v>
      </c>
    </row>
    <row r="23649" spans="1:12">
      <c r="A23649" s="6" t="s">
        <v>4151</v>
      </c>
      <c r="B23649" s="6"/>
      <c r="C23649" s="6" t="s">
        <v>23685</v>
      </c>
      <c r="D23649" s="6"/>
      <c r="E23649" s="6" t="s">
        <v>9</v>
      </c>
      <c r="F23649" s="7">
        <v>38657</v>
      </c>
      <c r="G23649" s="8">
        <v>1</v>
      </c>
      <c r="H23649" s="8">
        <v>1</v>
      </c>
      <c r="I23649" s="8">
        <v>0</v>
      </c>
      <c r="J23649" s="8">
        <v>1</v>
      </c>
      <c r="K23649" s="9">
        <v>80</v>
      </c>
      <c r="L23649" s="6" t="s">
        <v>4151</v>
      </c>
    </row>
    <row r="23650" spans="1:12">
      <c r="A23650" s="6" t="s">
        <v>4151</v>
      </c>
      <c r="B23650" s="6"/>
      <c r="C23650" s="6" t="s">
        <v>23686</v>
      </c>
      <c r="D23650" s="6"/>
      <c r="E23650" s="6" t="s">
        <v>9</v>
      </c>
      <c r="F23650" s="7">
        <v>38657</v>
      </c>
      <c r="G23650" s="8">
        <v>1</v>
      </c>
      <c r="H23650" s="8">
        <v>1</v>
      </c>
      <c r="I23650" s="8">
        <v>0</v>
      </c>
      <c r="J23650" s="8">
        <v>1</v>
      </c>
      <c r="K23650" s="9">
        <v>24</v>
      </c>
      <c r="L23650" s="6" t="s">
        <v>4151</v>
      </c>
    </row>
    <row r="23651" spans="1:12">
      <c r="A23651" s="6" t="s">
        <v>4151</v>
      </c>
      <c r="B23651" s="6"/>
      <c r="C23651" s="6" t="s">
        <v>23687</v>
      </c>
      <c r="D23651" s="6"/>
      <c r="E23651" s="6" t="s">
        <v>9</v>
      </c>
      <c r="F23651" s="7">
        <v>38657</v>
      </c>
      <c r="G23651" s="8">
        <v>1</v>
      </c>
      <c r="H23651" s="8">
        <v>1</v>
      </c>
      <c r="I23651" s="8">
        <v>0</v>
      </c>
      <c r="J23651" s="8">
        <v>1</v>
      </c>
      <c r="K23651" s="9">
        <v>377</v>
      </c>
      <c r="L23651" s="6" t="s">
        <v>4151</v>
      </c>
    </row>
    <row r="23652" spans="1:12">
      <c r="A23652" s="6" t="s">
        <v>4151</v>
      </c>
      <c r="B23652" s="6"/>
      <c r="C23652" s="6" t="s">
        <v>23688</v>
      </c>
      <c r="D23652" s="6"/>
      <c r="E23652" s="6" t="s">
        <v>9</v>
      </c>
      <c r="F23652" s="7">
        <v>38657</v>
      </c>
      <c r="G23652" s="8">
        <v>1</v>
      </c>
      <c r="H23652" s="8">
        <v>1</v>
      </c>
      <c r="I23652" s="8">
        <v>0</v>
      </c>
      <c r="J23652" s="8">
        <v>1</v>
      </c>
      <c r="K23652" s="9">
        <v>27</v>
      </c>
      <c r="L23652" s="6" t="s">
        <v>4151</v>
      </c>
    </row>
    <row r="23653" spans="1:12">
      <c r="A23653" s="6" t="s">
        <v>4151</v>
      </c>
      <c r="B23653" s="6"/>
      <c r="C23653" s="6" t="s">
        <v>23689</v>
      </c>
      <c r="D23653" s="6"/>
      <c r="E23653" s="6" t="s">
        <v>9</v>
      </c>
      <c r="F23653" s="7">
        <v>38657</v>
      </c>
      <c r="G23653" s="8">
        <v>1</v>
      </c>
      <c r="H23653" s="8">
        <v>1</v>
      </c>
      <c r="I23653" s="8">
        <v>0</v>
      </c>
      <c r="J23653" s="8">
        <v>1</v>
      </c>
      <c r="K23653" s="9">
        <v>18</v>
      </c>
      <c r="L23653" s="6" t="s">
        <v>4151</v>
      </c>
    </row>
    <row r="23654" spans="1:12">
      <c r="A23654" s="6" t="s">
        <v>4151</v>
      </c>
      <c r="B23654" s="6"/>
      <c r="C23654" s="6" t="s">
        <v>23690</v>
      </c>
      <c r="D23654" s="6"/>
      <c r="E23654" s="6" t="s">
        <v>9</v>
      </c>
      <c r="F23654" s="7">
        <v>38657</v>
      </c>
      <c r="G23654" s="8">
        <v>1</v>
      </c>
      <c r="H23654" s="8">
        <v>1</v>
      </c>
      <c r="I23654" s="8">
        <v>0</v>
      </c>
      <c r="J23654" s="8">
        <v>1</v>
      </c>
      <c r="K23654" s="9">
        <v>12</v>
      </c>
      <c r="L23654" s="6" t="s">
        <v>4151</v>
      </c>
    </row>
    <row r="23655" spans="1:12">
      <c r="A23655" s="6" t="s">
        <v>4151</v>
      </c>
      <c r="B23655" s="6"/>
      <c r="C23655" s="6" t="s">
        <v>23691</v>
      </c>
      <c r="D23655" s="6"/>
      <c r="E23655" s="6" t="s">
        <v>9</v>
      </c>
      <c r="F23655" s="7">
        <v>38657</v>
      </c>
      <c r="G23655" s="8">
        <v>1</v>
      </c>
      <c r="H23655" s="8">
        <v>1</v>
      </c>
      <c r="I23655" s="8">
        <v>0</v>
      </c>
      <c r="J23655" s="8">
        <v>1</v>
      </c>
      <c r="K23655" s="9">
        <v>9.74</v>
      </c>
      <c r="L23655" s="6" t="s">
        <v>4151</v>
      </c>
    </row>
    <row r="23656" spans="1:12">
      <c r="A23656" s="6" t="s">
        <v>4151</v>
      </c>
      <c r="B23656" s="6"/>
      <c r="C23656" s="6" t="s">
        <v>23692</v>
      </c>
      <c r="D23656" s="6"/>
      <c r="E23656" s="6" t="s">
        <v>9</v>
      </c>
      <c r="F23656" s="7">
        <v>38657</v>
      </c>
      <c r="G23656" s="8">
        <v>1</v>
      </c>
      <c r="H23656" s="8">
        <v>1</v>
      </c>
      <c r="I23656" s="8">
        <v>0</v>
      </c>
      <c r="J23656" s="8">
        <v>1</v>
      </c>
      <c r="K23656" s="9">
        <v>13</v>
      </c>
      <c r="L23656" s="6" t="s">
        <v>4151</v>
      </c>
    </row>
    <row r="23657" spans="1:12">
      <c r="A23657" s="6" t="s">
        <v>4151</v>
      </c>
      <c r="B23657" s="6"/>
      <c r="C23657" s="6" t="s">
        <v>23693</v>
      </c>
      <c r="D23657" s="6"/>
      <c r="E23657" s="6" t="s">
        <v>9</v>
      </c>
      <c r="F23657" s="7">
        <v>38657</v>
      </c>
      <c r="G23657" s="8">
        <v>1</v>
      </c>
      <c r="H23657" s="8">
        <v>1</v>
      </c>
      <c r="I23657" s="8">
        <v>0</v>
      </c>
      <c r="J23657" s="8">
        <v>1</v>
      </c>
      <c r="K23657" s="9">
        <v>10</v>
      </c>
      <c r="L23657" s="6" t="s">
        <v>4151</v>
      </c>
    </row>
    <row r="23658" spans="1:12">
      <c r="A23658" s="6" t="s">
        <v>4151</v>
      </c>
      <c r="B23658" s="6"/>
      <c r="C23658" s="6" t="s">
        <v>23694</v>
      </c>
      <c r="D23658" s="6"/>
      <c r="E23658" s="6" t="s">
        <v>9</v>
      </c>
      <c r="F23658" s="7">
        <v>38657</v>
      </c>
      <c r="G23658" s="8">
        <v>1</v>
      </c>
      <c r="H23658" s="8">
        <v>1</v>
      </c>
      <c r="I23658" s="8">
        <v>0</v>
      </c>
      <c r="J23658" s="8">
        <v>1</v>
      </c>
      <c r="K23658" s="9">
        <v>26</v>
      </c>
      <c r="L23658" s="6" t="s">
        <v>4151</v>
      </c>
    </row>
    <row r="23659" spans="1:12">
      <c r="A23659" s="6" t="s">
        <v>4151</v>
      </c>
      <c r="B23659" s="6"/>
      <c r="C23659" s="6" t="s">
        <v>23695</v>
      </c>
      <c r="D23659" s="6"/>
      <c r="E23659" s="6" t="s">
        <v>9</v>
      </c>
      <c r="F23659" s="7">
        <v>38657</v>
      </c>
      <c r="G23659" s="8">
        <v>1</v>
      </c>
      <c r="H23659" s="8">
        <v>1</v>
      </c>
      <c r="I23659" s="8">
        <v>0</v>
      </c>
      <c r="J23659" s="8">
        <v>1</v>
      </c>
      <c r="K23659" s="9">
        <v>11</v>
      </c>
      <c r="L23659" s="6" t="s">
        <v>4151</v>
      </c>
    </row>
    <row r="23660" spans="1:12">
      <c r="A23660" s="6" t="s">
        <v>4151</v>
      </c>
      <c r="B23660" s="6"/>
      <c r="C23660" s="6" t="s">
        <v>23696</v>
      </c>
      <c r="D23660" s="6"/>
      <c r="E23660" s="6" t="s">
        <v>9</v>
      </c>
      <c r="F23660" s="7">
        <v>38657</v>
      </c>
      <c r="G23660" s="8">
        <v>1</v>
      </c>
      <c r="H23660" s="8">
        <v>1</v>
      </c>
      <c r="I23660" s="8">
        <v>0</v>
      </c>
      <c r="J23660" s="8">
        <v>1</v>
      </c>
      <c r="K23660" s="9">
        <v>11</v>
      </c>
      <c r="L23660" s="6" t="s">
        <v>4151</v>
      </c>
    </row>
    <row r="23661" spans="1:12">
      <c r="A23661" s="6" t="s">
        <v>4151</v>
      </c>
      <c r="B23661" s="6"/>
      <c r="C23661" s="6" t="s">
        <v>23697</v>
      </c>
      <c r="D23661" s="6"/>
      <c r="E23661" s="6" t="s">
        <v>9</v>
      </c>
      <c r="F23661" s="7">
        <v>38657</v>
      </c>
      <c r="G23661" s="8">
        <v>1</v>
      </c>
      <c r="H23661" s="8">
        <v>1</v>
      </c>
      <c r="I23661" s="8">
        <v>0</v>
      </c>
      <c r="J23661" s="8">
        <v>1</v>
      </c>
      <c r="K23661" s="9">
        <v>32</v>
      </c>
      <c r="L23661" s="6" t="s">
        <v>4151</v>
      </c>
    </row>
    <row r="23662" spans="1:12">
      <c r="A23662" s="6" t="s">
        <v>4151</v>
      </c>
      <c r="B23662" s="6"/>
      <c r="C23662" s="6" t="s">
        <v>23698</v>
      </c>
      <c r="D23662" s="6"/>
      <c r="E23662" s="6" t="s">
        <v>9</v>
      </c>
      <c r="F23662" s="7">
        <v>38657</v>
      </c>
      <c r="G23662" s="8">
        <v>1</v>
      </c>
      <c r="H23662" s="8">
        <v>1</v>
      </c>
      <c r="I23662" s="8">
        <v>0</v>
      </c>
      <c r="J23662" s="8">
        <v>1</v>
      </c>
      <c r="K23662" s="9">
        <v>33</v>
      </c>
      <c r="L23662" s="6" t="s">
        <v>4151</v>
      </c>
    </row>
    <row r="23663" spans="1:12">
      <c r="A23663" s="6" t="s">
        <v>4151</v>
      </c>
      <c r="B23663" s="6"/>
      <c r="C23663" s="6" t="s">
        <v>23699</v>
      </c>
      <c r="D23663" s="6"/>
      <c r="E23663" s="6" t="s">
        <v>9</v>
      </c>
      <c r="F23663" s="7">
        <v>38657</v>
      </c>
      <c r="G23663" s="8">
        <v>1</v>
      </c>
      <c r="H23663" s="8">
        <v>1</v>
      </c>
      <c r="I23663" s="8">
        <v>0</v>
      </c>
      <c r="J23663" s="8">
        <v>1</v>
      </c>
      <c r="K23663" s="9">
        <v>25</v>
      </c>
      <c r="L23663" s="6" t="s">
        <v>4151</v>
      </c>
    </row>
    <row r="23664" spans="1:12">
      <c r="A23664" s="6" t="s">
        <v>4151</v>
      </c>
      <c r="B23664" s="6"/>
      <c r="C23664" s="6" t="s">
        <v>23700</v>
      </c>
      <c r="D23664" s="6"/>
      <c r="E23664" s="6" t="s">
        <v>9</v>
      </c>
      <c r="F23664" s="7">
        <v>38657</v>
      </c>
      <c r="G23664" s="8">
        <v>1</v>
      </c>
      <c r="H23664" s="8">
        <v>1</v>
      </c>
      <c r="I23664" s="8">
        <v>0</v>
      </c>
      <c r="J23664" s="8">
        <v>1</v>
      </c>
      <c r="K23664" s="9">
        <v>48</v>
      </c>
      <c r="L23664" s="6" t="s">
        <v>4151</v>
      </c>
    </row>
    <row r="23665" spans="1:12">
      <c r="A23665" s="6" t="s">
        <v>4151</v>
      </c>
      <c r="B23665" s="6"/>
      <c r="C23665" s="6" t="s">
        <v>23701</v>
      </c>
      <c r="D23665" s="6"/>
      <c r="E23665" s="6" t="s">
        <v>9</v>
      </c>
      <c r="F23665" s="7">
        <v>38657</v>
      </c>
      <c r="G23665" s="8">
        <v>1</v>
      </c>
      <c r="H23665" s="8">
        <v>1</v>
      </c>
      <c r="I23665" s="8">
        <v>0</v>
      </c>
      <c r="J23665" s="8">
        <v>1</v>
      </c>
      <c r="K23665" s="9">
        <v>33</v>
      </c>
      <c r="L23665" s="6" t="s">
        <v>4151</v>
      </c>
    </row>
    <row r="23666" spans="1:12">
      <c r="A23666" s="6" t="s">
        <v>4151</v>
      </c>
      <c r="B23666" s="6"/>
      <c r="C23666" s="6" t="s">
        <v>23702</v>
      </c>
      <c r="D23666" s="6"/>
      <c r="E23666" s="6" t="s">
        <v>9</v>
      </c>
      <c r="F23666" s="7">
        <v>38657</v>
      </c>
      <c r="G23666" s="8">
        <v>1</v>
      </c>
      <c r="H23666" s="8">
        <v>1</v>
      </c>
      <c r="I23666" s="8">
        <v>0</v>
      </c>
      <c r="J23666" s="8">
        <v>1</v>
      </c>
      <c r="K23666" s="9">
        <v>38</v>
      </c>
      <c r="L23666" s="6" t="s">
        <v>4151</v>
      </c>
    </row>
    <row r="23667" spans="1:12">
      <c r="A23667" s="6" t="s">
        <v>4151</v>
      </c>
      <c r="B23667" s="6"/>
      <c r="C23667" s="6" t="s">
        <v>23703</v>
      </c>
      <c r="D23667" s="6"/>
      <c r="E23667" s="6" t="s">
        <v>9</v>
      </c>
      <c r="F23667" s="7">
        <v>38657</v>
      </c>
      <c r="G23667" s="8">
        <v>1</v>
      </c>
      <c r="H23667" s="8">
        <v>1</v>
      </c>
      <c r="I23667" s="8">
        <v>0</v>
      </c>
      <c r="J23667" s="8">
        <v>1</v>
      </c>
      <c r="K23667" s="9">
        <v>21.6</v>
      </c>
      <c r="L23667" s="6" t="s">
        <v>4151</v>
      </c>
    </row>
    <row r="23668" spans="1:12">
      <c r="A23668" s="6" t="s">
        <v>4151</v>
      </c>
      <c r="B23668" s="6"/>
      <c r="C23668" s="6" t="s">
        <v>23704</v>
      </c>
      <c r="D23668" s="6"/>
      <c r="E23668" s="6" t="s">
        <v>9</v>
      </c>
      <c r="F23668" s="7">
        <v>38657</v>
      </c>
      <c r="G23668" s="8">
        <v>1</v>
      </c>
      <c r="H23668" s="8">
        <v>1</v>
      </c>
      <c r="I23668" s="8">
        <v>0</v>
      </c>
      <c r="J23668" s="8">
        <v>1</v>
      </c>
      <c r="K23668" s="9">
        <v>10</v>
      </c>
      <c r="L23668" s="6" t="s">
        <v>4151</v>
      </c>
    </row>
    <row r="23669" spans="1:12">
      <c r="A23669" s="6" t="s">
        <v>4151</v>
      </c>
      <c r="B23669" s="6"/>
      <c r="C23669" s="6" t="s">
        <v>23705</v>
      </c>
      <c r="D23669" s="6"/>
      <c r="E23669" s="6" t="s">
        <v>9</v>
      </c>
      <c r="F23669" s="7">
        <v>38657</v>
      </c>
      <c r="G23669" s="8">
        <v>1</v>
      </c>
      <c r="H23669" s="8">
        <v>1</v>
      </c>
      <c r="I23669" s="8">
        <v>0</v>
      </c>
      <c r="J23669" s="8">
        <v>1</v>
      </c>
      <c r="K23669" s="9">
        <v>10</v>
      </c>
      <c r="L23669" s="6" t="s">
        <v>4151</v>
      </c>
    </row>
    <row r="23670" spans="1:12">
      <c r="A23670" s="6" t="s">
        <v>4151</v>
      </c>
      <c r="B23670" s="6"/>
      <c r="C23670" s="6" t="s">
        <v>23706</v>
      </c>
      <c r="D23670" s="6"/>
      <c r="E23670" s="6" t="s">
        <v>9</v>
      </c>
      <c r="F23670" s="7">
        <v>38657</v>
      </c>
      <c r="G23670" s="8">
        <v>1</v>
      </c>
      <c r="H23670" s="8">
        <v>1</v>
      </c>
      <c r="I23670" s="8">
        <v>0</v>
      </c>
      <c r="J23670" s="8">
        <v>1</v>
      </c>
      <c r="K23670" s="9">
        <v>10</v>
      </c>
      <c r="L23670" s="6" t="s">
        <v>4151</v>
      </c>
    </row>
    <row r="23671" spans="1:12">
      <c r="A23671" s="6" t="s">
        <v>4151</v>
      </c>
      <c r="B23671" s="6"/>
      <c r="C23671" s="6" t="s">
        <v>23707</v>
      </c>
      <c r="D23671" s="6"/>
      <c r="E23671" s="6" t="s">
        <v>9</v>
      </c>
      <c r="F23671" s="7">
        <v>38657</v>
      </c>
      <c r="G23671" s="8">
        <v>1</v>
      </c>
      <c r="H23671" s="8">
        <v>1</v>
      </c>
      <c r="I23671" s="8">
        <v>0</v>
      </c>
      <c r="J23671" s="8">
        <v>1</v>
      </c>
      <c r="K23671" s="9">
        <v>10</v>
      </c>
      <c r="L23671" s="6" t="s">
        <v>4151</v>
      </c>
    </row>
    <row r="23672" spans="1:12">
      <c r="A23672" s="6" t="s">
        <v>4151</v>
      </c>
      <c r="B23672" s="6"/>
      <c r="C23672" s="6" t="s">
        <v>23708</v>
      </c>
      <c r="D23672" s="6"/>
      <c r="E23672" s="6" t="s">
        <v>9</v>
      </c>
      <c r="F23672" s="7">
        <v>38657</v>
      </c>
      <c r="G23672" s="8">
        <v>1</v>
      </c>
      <c r="H23672" s="8">
        <v>1</v>
      </c>
      <c r="I23672" s="8">
        <v>0</v>
      </c>
      <c r="J23672" s="8">
        <v>1</v>
      </c>
      <c r="K23672" s="9">
        <v>10</v>
      </c>
      <c r="L23672" s="6" t="s">
        <v>4151</v>
      </c>
    </row>
    <row r="23673" spans="1:12">
      <c r="A23673" s="6" t="s">
        <v>4151</v>
      </c>
      <c r="B23673" s="6"/>
      <c r="C23673" s="6" t="s">
        <v>23709</v>
      </c>
      <c r="D23673" s="6"/>
      <c r="E23673" s="6" t="s">
        <v>9</v>
      </c>
      <c r="F23673" s="7">
        <v>38657</v>
      </c>
      <c r="G23673" s="8">
        <v>1</v>
      </c>
      <c r="H23673" s="8">
        <v>1</v>
      </c>
      <c r="I23673" s="8">
        <v>0</v>
      </c>
      <c r="J23673" s="8">
        <v>1</v>
      </c>
      <c r="K23673" s="9">
        <v>5.45</v>
      </c>
      <c r="L23673" s="6" t="s">
        <v>4151</v>
      </c>
    </row>
    <row r="23674" spans="1:12">
      <c r="A23674" s="6" t="s">
        <v>4151</v>
      </c>
      <c r="B23674" s="6"/>
      <c r="C23674" s="6" t="s">
        <v>23710</v>
      </c>
      <c r="D23674" s="6"/>
      <c r="E23674" s="6" t="s">
        <v>9</v>
      </c>
      <c r="F23674" s="7">
        <v>38657</v>
      </c>
      <c r="G23674" s="8">
        <v>1</v>
      </c>
      <c r="H23674" s="8">
        <v>1</v>
      </c>
      <c r="I23674" s="8">
        <v>0</v>
      </c>
      <c r="J23674" s="8">
        <v>1</v>
      </c>
      <c r="K23674" s="9">
        <v>50</v>
      </c>
      <c r="L23674" s="6" t="s">
        <v>4151</v>
      </c>
    </row>
    <row r="23675" spans="1:12">
      <c r="A23675" s="6" t="s">
        <v>4151</v>
      </c>
      <c r="B23675" s="6"/>
      <c r="C23675" s="6" t="s">
        <v>23711</v>
      </c>
      <c r="D23675" s="6"/>
      <c r="E23675" s="6" t="s">
        <v>9</v>
      </c>
      <c r="F23675" s="7">
        <v>38657</v>
      </c>
      <c r="G23675" s="8">
        <v>1</v>
      </c>
      <c r="H23675" s="8">
        <v>1</v>
      </c>
      <c r="I23675" s="8">
        <v>0</v>
      </c>
      <c r="J23675" s="8">
        <v>1</v>
      </c>
      <c r="K23675" s="9">
        <v>2.62</v>
      </c>
      <c r="L23675" s="6" t="s">
        <v>4151</v>
      </c>
    </row>
    <row r="23676" spans="1:12">
      <c r="A23676" s="6" t="s">
        <v>4151</v>
      </c>
      <c r="B23676" s="6"/>
      <c r="C23676" s="6" t="s">
        <v>23712</v>
      </c>
      <c r="D23676" s="6"/>
      <c r="E23676" s="6" t="s">
        <v>9</v>
      </c>
      <c r="F23676" s="7">
        <v>38657</v>
      </c>
      <c r="G23676" s="8">
        <v>1</v>
      </c>
      <c r="H23676" s="8">
        <v>1</v>
      </c>
      <c r="I23676" s="8">
        <v>0</v>
      </c>
      <c r="J23676" s="8">
        <v>1</v>
      </c>
      <c r="K23676" s="9">
        <v>19</v>
      </c>
      <c r="L23676" s="6" t="s">
        <v>4151</v>
      </c>
    </row>
    <row r="23677" spans="1:12">
      <c r="A23677" s="6" t="s">
        <v>4151</v>
      </c>
      <c r="B23677" s="6"/>
      <c r="C23677" s="6" t="s">
        <v>23713</v>
      </c>
      <c r="D23677" s="6"/>
      <c r="E23677" s="6" t="s">
        <v>9</v>
      </c>
      <c r="F23677" s="7">
        <v>38657</v>
      </c>
      <c r="G23677" s="8">
        <v>1</v>
      </c>
      <c r="H23677" s="8">
        <v>1</v>
      </c>
      <c r="I23677" s="8">
        <v>0</v>
      </c>
      <c r="J23677" s="8">
        <v>1</v>
      </c>
      <c r="K23677" s="9">
        <v>26</v>
      </c>
      <c r="L23677" s="6" t="s">
        <v>4151</v>
      </c>
    </row>
    <row r="23678" spans="1:12">
      <c r="A23678" s="6" t="s">
        <v>4151</v>
      </c>
      <c r="B23678" s="6"/>
      <c r="C23678" s="6" t="s">
        <v>23714</v>
      </c>
      <c r="D23678" s="6"/>
      <c r="E23678" s="6" t="s">
        <v>9</v>
      </c>
      <c r="F23678" s="7">
        <v>38657</v>
      </c>
      <c r="G23678" s="8">
        <v>1</v>
      </c>
      <c r="H23678" s="8">
        <v>1</v>
      </c>
      <c r="I23678" s="8">
        <v>0</v>
      </c>
      <c r="J23678" s="8">
        <v>1</v>
      </c>
      <c r="K23678" s="9">
        <v>6.61</v>
      </c>
      <c r="L23678" s="6" t="s">
        <v>4151</v>
      </c>
    </row>
    <row r="23679" spans="1:12">
      <c r="A23679" s="6" t="s">
        <v>4151</v>
      </c>
      <c r="B23679" s="6"/>
      <c r="C23679" s="6" t="s">
        <v>23715</v>
      </c>
      <c r="D23679" s="6"/>
      <c r="E23679" s="6" t="s">
        <v>9</v>
      </c>
      <c r="F23679" s="7">
        <v>38657</v>
      </c>
      <c r="G23679" s="8">
        <v>1</v>
      </c>
      <c r="H23679" s="8">
        <v>1</v>
      </c>
      <c r="I23679" s="8">
        <v>0</v>
      </c>
      <c r="J23679" s="8">
        <v>1</v>
      </c>
      <c r="K23679" s="9">
        <v>9.99</v>
      </c>
      <c r="L23679" s="6" t="s">
        <v>4151</v>
      </c>
    </row>
    <row r="23680" spans="1:12">
      <c r="A23680" s="6" t="s">
        <v>4151</v>
      </c>
      <c r="B23680" s="6"/>
      <c r="C23680" s="6" t="s">
        <v>23716</v>
      </c>
      <c r="D23680" s="6"/>
      <c r="E23680" s="6" t="s">
        <v>9</v>
      </c>
      <c r="F23680" s="7">
        <v>38657</v>
      </c>
      <c r="G23680" s="8">
        <v>1</v>
      </c>
      <c r="H23680" s="8">
        <v>1</v>
      </c>
      <c r="I23680" s="8">
        <v>0</v>
      </c>
      <c r="J23680" s="8">
        <v>1</v>
      </c>
      <c r="K23680" s="9">
        <v>21</v>
      </c>
      <c r="L23680" s="6" t="s">
        <v>4151</v>
      </c>
    </row>
    <row r="23681" spans="1:12">
      <c r="A23681" s="6" t="s">
        <v>4151</v>
      </c>
      <c r="B23681" s="6"/>
      <c r="C23681" s="6" t="s">
        <v>23717</v>
      </c>
      <c r="D23681" s="6"/>
      <c r="E23681" s="6" t="s">
        <v>9</v>
      </c>
      <c r="F23681" s="7">
        <v>38657</v>
      </c>
      <c r="G23681" s="8">
        <v>1</v>
      </c>
      <c r="H23681" s="8">
        <v>1</v>
      </c>
      <c r="I23681" s="8">
        <v>0</v>
      </c>
      <c r="J23681" s="8">
        <v>1</v>
      </c>
      <c r="K23681" s="9">
        <v>19</v>
      </c>
      <c r="L23681" s="6" t="s">
        <v>4151</v>
      </c>
    </row>
    <row r="23682" spans="1:12">
      <c r="A23682" s="6" t="s">
        <v>4151</v>
      </c>
      <c r="B23682" s="6"/>
      <c r="C23682" s="6" t="s">
        <v>23718</v>
      </c>
      <c r="D23682" s="6"/>
      <c r="E23682" s="6" t="s">
        <v>9</v>
      </c>
      <c r="F23682" s="7">
        <v>38657</v>
      </c>
      <c r="G23682" s="8">
        <v>1</v>
      </c>
      <c r="H23682" s="8">
        <v>1</v>
      </c>
      <c r="I23682" s="8">
        <v>0</v>
      </c>
      <c r="J23682" s="8">
        <v>1</v>
      </c>
      <c r="K23682" s="9">
        <v>103</v>
      </c>
      <c r="L23682" s="6" t="s">
        <v>4151</v>
      </c>
    </row>
    <row r="23683" spans="1:12">
      <c r="A23683" s="6" t="s">
        <v>4151</v>
      </c>
      <c r="B23683" s="6"/>
      <c r="C23683" s="6" t="s">
        <v>23719</v>
      </c>
      <c r="D23683" s="6"/>
      <c r="E23683" s="6" t="s">
        <v>9</v>
      </c>
      <c r="F23683" s="7">
        <v>38657</v>
      </c>
      <c r="G23683" s="8">
        <v>1</v>
      </c>
      <c r="H23683" s="8">
        <v>1</v>
      </c>
      <c r="I23683" s="8">
        <v>0</v>
      </c>
      <c r="J23683" s="8">
        <v>1</v>
      </c>
      <c r="K23683" s="9">
        <v>32</v>
      </c>
      <c r="L23683" s="6" t="s">
        <v>4151</v>
      </c>
    </row>
    <row r="23684" spans="1:12">
      <c r="A23684" s="6" t="s">
        <v>4151</v>
      </c>
      <c r="B23684" s="6"/>
      <c r="C23684" s="6" t="s">
        <v>23720</v>
      </c>
      <c r="D23684" s="6"/>
      <c r="E23684" s="6" t="s">
        <v>9</v>
      </c>
      <c r="F23684" s="7">
        <v>38657</v>
      </c>
      <c r="G23684" s="8">
        <v>1</v>
      </c>
      <c r="H23684" s="8">
        <v>1</v>
      </c>
      <c r="I23684" s="8">
        <v>0</v>
      </c>
      <c r="J23684" s="8">
        <v>1</v>
      </c>
      <c r="K23684" s="9">
        <v>60</v>
      </c>
      <c r="L23684" s="6" t="s">
        <v>4151</v>
      </c>
    </row>
    <row r="23685" spans="1:12">
      <c r="A23685" s="6" t="s">
        <v>4151</v>
      </c>
      <c r="B23685" s="6"/>
      <c r="C23685" s="6" t="s">
        <v>23721</v>
      </c>
      <c r="D23685" s="6"/>
      <c r="E23685" s="6" t="s">
        <v>9</v>
      </c>
      <c r="F23685" s="7">
        <v>38657</v>
      </c>
      <c r="G23685" s="8">
        <v>1</v>
      </c>
      <c r="H23685" s="8">
        <v>1</v>
      </c>
      <c r="I23685" s="8">
        <v>0</v>
      </c>
      <c r="J23685" s="8">
        <v>1</v>
      </c>
      <c r="K23685" s="9">
        <v>60</v>
      </c>
      <c r="L23685" s="6" t="s">
        <v>4151</v>
      </c>
    </row>
    <row r="23686" spans="1:12">
      <c r="A23686" s="6" t="s">
        <v>4151</v>
      </c>
      <c r="B23686" s="6"/>
      <c r="C23686" s="6" t="s">
        <v>23722</v>
      </c>
      <c r="D23686" s="6"/>
      <c r="E23686" s="6" t="s">
        <v>9</v>
      </c>
      <c r="F23686" s="7">
        <v>38657</v>
      </c>
      <c r="G23686" s="8">
        <v>1</v>
      </c>
      <c r="H23686" s="8">
        <v>1</v>
      </c>
      <c r="I23686" s="8">
        <v>0</v>
      </c>
      <c r="J23686" s="8">
        <v>1</v>
      </c>
      <c r="K23686" s="9">
        <v>72</v>
      </c>
      <c r="L23686" s="6" t="s">
        <v>4151</v>
      </c>
    </row>
    <row r="23687" spans="1:12">
      <c r="A23687" s="6" t="s">
        <v>4151</v>
      </c>
      <c r="B23687" s="6"/>
      <c r="C23687" s="6" t="s">
        <v>23723</v>
      </c>
      <c r="D23687" s="6"/>
      <c r="E23687" s="6" t="s">
        <v>9</v>
      </c>
      <c r="F23687" s="7">
        <v>38657</v>
      </c>
      <c r="G23687" s="8">
        <v>1</v>
      </c>
      <c r="H23687" s="8">
        <v>1</v>
      </c>
      <c r="I23687" s="8">
        <v>0</v>
      </c>
      <c r="J23687" s="8">
        <v>1</v>
      </c>
      <c r="K23687" s="9">
        <v>40</v>
      </c>
      <c r="L23687" s="6" t="s">
        <v>4151</v>
      </c>
    </row>
    <row r="23688" spans="1:12">
      <c r="A23688" s="6" t="s">
        <v>4151</v>
      </c>
      <c r="B23688" s="6"/>
      <c r="C23688" s="6" t="s">
        <v>23724</v>
      </c>
      <c r="D23688" s="6"/>
      <c r="E23688" s="6" t="s">
        <v>9</v>
      </c>
      <c r="F23688" s="7">
        <v>38657</v>
      </c>
      <c r="G23688" s="8">
        <v>1</v>
      </c>
      <c r="H23688" s="8">
        <v>1</v>
      </c>
      <c r="I23688" s="8">
        <v>0</v>
      </c>
      <c r="J23688" s="8">
        <v>1</v>
      </c>
      <c r="K23688" s="9">
        <v>42</v>
      </c>
      <c r="L23688" s="6" t="s">
        <v>4151</v>
      </c>
    </row>
    <row r="23689" spans="1:12">
      <c r="A23689" s="6" t="s">
        <v>4151</v>
      </c>
      <c r="B23689" s="6"/>
      <c r="C23689" s="6" t="s">
        <v>23725</v>
      </c>
      <c r="D23689" s="6"/>
      <c r="E23689" s="6" t="s">
        <v>9</v>
      </c>
      <c r="F23689" s="7">
        <v>38657</v>
      </c>
      <c r="G23689" s="8">
        <v>1</v>
      </c>
      <c r="H23689" s="8">
        <v>1</v>
      </c>
      <c r="I23689" s="8">
        <v>0</v>
      </c>
      <c r="J23689" s="8">
        <v>1</v>
      </c>
      <c r="K23689" s="9">
        <v>42</v>
      </c>
      <c r="L23689" s="6" t="s">
        <v>4151</v>
      </c>
    </row>
    <row r="23690" spans="1:12">
      <c r="A23690" s="6" t="s">
        <v>4151</v>
      </c>
      <c r="B23690" s="6"/>
      <c r="C23690" s="6" t="s">
        <v>23726</v>
      </c>
      <c r="D23690" s="6"/>
      <c r="E23690" s="6" t="s">
        <v>9</v>
      </c>
      <c r="F23690" s="7">
        <v>38657</v>
      </c>
      <c r="G23690" s="8">
        <v>1</v>
      </c>
      <c r="H23690" s="8">
        <v>1</v>
      </c>
      <c r="I23690" s="8">
        <v>0</v>
      </c>
      <c r="J23690" s="8">
        <v>1</v>
      </c>
      <c r="K23690" s="9">
        <v>40</v>
      </c>
      <c r="L23690" s="6" t="s">
        <v>4151</v>
      </c>
    </row>
    <row r="23691" spans="1:12">
      <c r="A23691" s="6" t="s">
        <v>4151</v>
      </c>
      <c r="B23691" s="6"/>
      <c r="C23691" s="6" t="s">
        <v>23727</v>
      </c>
      <c r="D23691" s="6"/>
      <c r="E23691" s="6" t="s">
        <v>9</v>
      </c>
      <c r="F23691" s="7">
        <v>38657</v>
      </c>
      <c r="G23691" s="8">
        <v>1</v>
      </c>
      <c r="H23691" s="8">
        <v>1</v>
      </c>
      <c r="I23691" s="8">
        <v>0</v>
      </c>
      <c r="J23691" s="8">
        <v>1</v>
      </c>
      <c r="K23691" s="9">
        <v>19</v>
      </c>
      <c r="L23691" s="6" t="s">
        <v>4151</v>
      </c>
    </row>
    <row r="23692" spans="1:12">
      <c r="A23692" s="6" t="s">
        <v>4151</v>
      </c>
      <c r="B23692" s="6"/>
      <c r="C23692" s="6" t="s">
        <v>23728</v>
      </c>
      <c r="D23692" s="6"/>
      <c r="E23692" s="6" t="s">
        <v>9</v>
      </c>
      <c r="F23692" s="7">
        <v>38657</v>
      </c>
      <c r="G23692" s="8">
        <v>1</v>
      </c>
      <c r="H23692" s="8">
        <v>1</v>
      </c>
      <c r="I23692" s="8">
        <v>0</v>
      </c>
      <c r="J23692" s="8">
        <v>1</v>
      </c>
      <c r="K23692" s="9">
        <v>7.85</v>
      </c>
      <c r="L23692" s="6" t="s">
        <v>4151</v>
      </c>
    </row>
    <row r="23693" spans="1:12">
      <c r="A23693" s="6" t="s">
        <v>4151</v>
      </c>
      <c r="B23693" s="6"/>
      <c r="C23693" s="6" t="s">
        <v>23729</v>
      </c>
      <c r="D23693" s="6"/>
      <c r="E23693" s="6" t="s">
        <v>9</v>
      </c>
      <c r="F23693" s="7">
        <v>38657</v>
      </c>
      <c r="G23693" s="8">
        <v>1</v>
      </c>
      <c r="H23693" s="8">
        <v>1</v>
      </c>
      <c r="I23693" s="8">
        <v>0</v>
      </c>
      <c r="J23693" s="8">
        <v>1</v>
      </c>
      <c r="K23693" s="9">
        <v>11</v>
      </c>
      <c r="L23693" s="6" t="s">
        <v>4151</v>
      </c>
    </row>
    <row r="23694" spans="1:12">
      <c r="A23694" s="6" t="s">
        <v>4151</v>
      </c>
      <c r="B23694" s="6"/>
      <c r="C23694" s="6" t="s">
        <v>23730</v>
      </c>
      <c r="D23694" s="6"/>
      <c r="E23694" s="6" t="s">
        <v>9</v>
      </c>
      <c r="F23694" s="7">
        <v>38657</v>
      </c>
      <c r="G23694" s="8">
        <v>1</v>
      </c>
      <c r="H23694" s="8">
        <v>1</v>
      </c>
      <c r="I23694" s="8">
        <v>0</v>
      </c>
      <c r="J23694" s="8">
        <v>1</v>
      </c>
      <c r="K23694" s="9">
        <v>37</v>
      </c>
      <c r="L23694" s="6" t="s">
        <v>4151</v>
      </c>
    </row>
    <row r="23695" spans="1:12">
      <c r="A23695" s="6" t="s">
        <v>4151</v>
      </c>
      <c r="B23695" s="6"/>
      <c r="C23695" s="6" t="s">
        <v>23731</v>
      </c>
      <c r="D23695" s="6"/>
      <c r="E23695" s="6" t="s">
        <v>9</v>
      </c>
      <c r="F23695" s="7">
        <v>38657</v>
      </c>
      <c r="G23695" s="8">
        <v>1</v>
      </c>
      <c r="H23695" s="8">
        <v>1</v>
      </c>
      <c r="I23695" s="8">
        <v>0</v>
      </c>
      <c r="J23695" s="8">
        <v>1</v>
      </c>
      <c r="K23695" s="9">
        <v>35</v>
      </c>
      <c r="L23695" s="6" t="s">
        <v>4151</v>
      </c>
    </row>
    <row r="23696" spans="1:12">
      <c r="A23696" s="6" t="s">
        <v>4151</v>
      </c>
      <c r="B23696" s="6"/>
      <c r="C23696" s="6" t="s">
        <v>23732</v>
      </c>
      <c r="D23696" s="6"/>
      <c r="E23696" s="6" t="s">
        <v>9</v>
      </c>
      <c r="F23696" s="7">
        <v>38657</v>
      </c>
      <c r="G23696" s="8">
        <v>1</v>
      </c>
      <c r="H23696" s="8">
        <v>1</v>
      </c>
      <c r="I23696" s="8">
        <v>0</v>
      </c>
      <c r="J23696" s="8">
        <v>1</v>
      </c>
      <c r="K23696" s="9">
        <v>71</v>
      </c>
      <c r="L23696" s="6" t="s">
        <v>4151</v>
      </c>
    </row>
    <row r="23697" spans="1:12">
      <c r="A23697" s="6" t="s">
        <v>4151</v>
      </c>
      <c r="B23697" s="6"/>
      <c r="C23697" s="6" t="s">
        <v>23733</v>
      </c>
      <c r="D23697" s="6"/>
      <c r="E23697" s="6" t="s">
        <v>9</v>
      </c>
      <c r="F23697" s="7">
        <v>38657</v>
      </c>
      <c r="G23697" s="8">
        <v>1</v>
      </c>
      <c r="H23697" s="8">
        <v>1</v>
      </c>
      <c r="I23697" s="8">
        <v>0</v>
      </c>
      <c r="J23697" s="8">
        <v>1</v>
      </c>
      <c r="K23697" s="9">
        <v>54</v>
      </c>
      <c r="L23697" s="6" t="s">
        <v>4151</v>
      </c>
    </row>
    <row r="23698" spans="1:12">
      <c r="A23698" s="6" t="s">
        <v>4151</v>
      </c>
      <c r="B23698" s="6"/>
      <c r="C23698" s="6" t="s">
        <v>23734</v>
      </c>
      <c r="D23698" s="6"/>
      <c r="E23698" s="6" t="s">
        <v>9</v>
      </c>
      <c r="F23698" s="7">
        <v>38657</v>
      </c>
      <c r="G23698" s="8">
        <v>1</v>
      </c>
      <c r="H23698" s="8">
        <v>1</v>
      </c>
      <c r="I23698" s="8">
        <v>0</v>
      </c>
      <c r="J23698" s="8">
        <v>1</v>
      </c>
      <c r="K23698" s="9">
        <v>18</v>
      </c>
      <c r="L23698" s="6" t="s">
        <v>4151</v>
      </c>
    </row>
    <row r="23699" spans="1:12">
      <c r="A23699" s="6" t="s">
        <v>4151</v>
      </c>
      <c r="B23699" s="6"/>
      <c r="C23699" s="6" t="s">
        <v>23735</v>
      </c>
      <c r="D23699" s="6"/>
      <c r="E23699" s="6" t="s">
        <v>9</v>
      </c>
      <c r="F23699" s="7">
        <v>38657</v>
      </c>
      <c r="G23699" s="8">
        <v>1</v>
      </c>
      <c r="H23699" s="8">
        <v>1</v>
      </c>
      <c r="I23699" s="8">
        <v>0</v>
      </c>
      <c r="J23699" s="8">
        <v>1</v>
      </c>
      <c r="K23699" s="9">
        <v>109</v>
      </c>
      <c r="L23699" s="6" t="s">
        <v>4151</v>
      </c>
    </row>
    <row r="23700" spans="1:12">
      <c r="A23700" s="6" t="s">
        <v>4151</v>
      </c>
      <c r="B23700" s="6"/>
      <c r="C23700" s="6" t="s">
        <v>23736</v>
      </c>
      <c r="D23700" s="6"/>
      <c r="E23700" s="6" t="s">
        <v>9</v>
      </c>
      <c r="F23700" s="7">
        <v>38657</v>
      </c>
      <c r="G23700" s="8">
        <v>1</v>
      </c>
      <c r="H23700" s="8">
        <v>1</v>
      </c>
      <c r="I23700" s="8">
        <v>0</v>
      </c>
      <c r="J23700" s="8">
        <v>1</v>
      </c>
      <c r="K23700" s="9">
        <v>33</v>
      </c>
      <c r="L23700" s="6" t="s">
        <v>4151</v>
      </c>
    </row>
    <row r="23701" spans="1:12">
      <c r="A23701" s="6" t="s">
        <v>4151</v>
      </c>
      <c r="B23701" s="6"/>
      <c r="C23701" s="6" t="s">
        <v>23737</v>
      </c>
      <c r="D23701" s="6"/>
      <c r="E23701" s="6" t="s">
        <v>9</v>
      </c>
      <c r="F23701" s="7">
        <v>38657</v>
      </c>
      <c r="G23701" s="8">
        <v>1</v>
      </c>
      <c r="H23701" s="8">
        <v>1</v>
      </c>
      <c r="I23701" s="8">
        <v>0</v>
      </c>
      <c r="J23701" s="8">
        <v>1</v>
      </c>
      <c r="K23701" s="9">
        <v>82</v>
      </c>
      <c r="L23701" s="6" t="s">
        <v>4151</v>
      </c>
    </row>
    <row r="23702" spans="1:12">
      <c r="A23702" s="6" t="s">
        <v>4151</v>
      </c>
      <c r="B23702" s="6"/>
      <c r="C23702" s="6" t="s">
        <v>23738</v>
      </c>
      <c r="D23702" s="6"/>
      <c r="E23702" s="6" t="s">
        <v>9</v>
      </c>
      <c r="F23702" s="7">
        <v>38657</v>
      </c>
      <c r="G23702" s="8">
        <v>1</v>
      </c>
      <c r="H23702" s="8">
        <v>1</v>
      </c>
      <c r="I23702" s="8">
        <v>0</v>
      </c>
      <c r="J23702" s="8">
        <v>1</v>
      </c>
      <c r="K23702" s="9">
        <v>6.1</v>
      </c>
      <c r="L23702" s="6" t="s">
        <v>4151</v>
      </c>
    </row>
    <row r="23703" spans="1:12">
      <c r="A23703" s="6" t="s">
        <v>4151</v>
      </c>
      <c r="B23703" s="6"/>
      <c r="C23703" s="6" t="s">
        <v>23739</v>
      </c>
      <c r="D23703" s="6"/>
      <c r="E23703" s="6" t="s">
        <v>9</v>
      </c>
      <c r="F23703" s="7">
        <v>38657</v>
      </c>
      <c r="G23703" s="8">
        <v>1</v>
      </c>
      <c r="H23703" s="8">
        <v>1</v>
      </c>
      <c r="I23703" s="8">
        <v>0</v>
      </c>
      <c r="J23703" s="8">
        <v>1</v>
      </c>
      <c r="K23703" s="9">
        <v>2.1800000000000002</v>
      </c>
      <c r="L23703" s="6" t="s">
        <v>4151</v>
      </c>
    </row>
    <row r="23704" spans="1:12">
      <c r="A23704" s="6" t="s">
        <v>4151</v>
      </c>
      <c r="B23704" s="6"/>
      <c r="C23704" s="6" t="s">
        <v>23740</v>
      </c>
      <c r="D23704" s="6"/>
      <c r="E23704" s="6" t="s">
        <v>9</v>
      </c>
      <c r="F23704" s="7">
        <v>38657</v>
      </c>
      <c r="G23704" s="8">
        <v>1</v>
      </c>
      <c r="H23704" s="8">
        <v>1</v>
      </c>
      <c r="I23704" s="8">
        <v>0</v>
      </c>
      <c r="J23704" s="8">
        <v>1</v>
      </c>
      <c r="K23704" s="9">
        <v>6.1</v>
      </c>
      <c r="L23704" s="6" t="s">
        <v>4151</v>
      </c>
    </row>
    <row r="23705" spans="1:12">
      <c r="A23705" s="6" t="s">
        <v>4151</v>
      </c>
      <c r="B23705" s="6"/>
      <c r="C23705" s="6" t="s">
        <v>23741</v>
      </c>
      <c r="D23705" s="6"/>
      <c r="E23705" s="6" t="s">
        <v>9</v>
      </c>
      <c r="F23705" s="7">
        <v>38657</v>
      </c>
      <c r="G23705" s="8">
        <v>1</v>
      </c>
      <c r="H23705" s="8">
        <v>1</v>
      </c>
      <c r="I23705" s="8">
        <v>0</v>
      </c>
      <c r="J23705" s="8">
        <v>1</v>
      </c>
      <c r="K23705" s="9">
        <v>1.92</v>
      </c>
      <c r="L23705" s="6" t="s">
        <v>4151</v>
      </c>
    </row>
    <row r="23706" spans="1:12">
      <c r="A23706" s="6" t="s">
        <v>4151</v>
      </c>
      <c r="B23706" s="6"/>
      <c r="C23706" s="6" t="s">
        <v>23742</v>
      </c>
      <c r="D23706" s="6"/>
      <c r="E23706" s="6" t="s">
        <v>9</v>
      </c>
      <c r="F23706" s="7">
        <v>38657</v>
      </c>
      <c r="G23706" s="8">
        <v>1</v>
      </c>
      <c r="H23706" s="8">
        <v>1</v>
      </c>
      <c r="I23706" s="8">
        <v>0</v>
      </c>
      <c r="J23706" s="8">
        <v>1</v>
      </c>
      <c r="K23706" s="9">
        <v>1.95</v>
      </c>
      <c r="L23706" s="6" t="s">
        <v>4151</v>
      </c>
    </row>
    <row r="23707" spans="1:12">
      <c r="A23707" s="6" t="s">
        <v>4151</v>
      </c>
      <c r="B23707" s="6"/>
      <c r="C23707" s="6" t="s">
        <v>23743</v>
      </c>
      <c r="D23707" s="6"/>
      <c r="E23707" s="6" t="s">
        <v>9</v>
      </c>
      <c r="F23707" s="7">
        <v>38657</v>
      </c>
      <c r="G23707" s="8">
        <v>1</v>
      </c>
      <c r="H23707" s="8">
        <v>1</v>
      </c>
      <c r="I23707" s="8">
        <v>0</v>
      </c>
      <c r="J23707" s="8">
        <v>1</v>
      </c>
      <c r="K23707" s="9">
        <v>28</v>
      </c>
      <c r="L23707" s="6" t="s">
        <v>4151</v>
      </c>
    </row>
    <row r="23708" spans="1:12">
      <c r="A23708" s="6" t="s">
        <v>4151</v>
      </c>
      <c r="B23708" s="6"/>
      <c r="C23708" s="6" t="s">
        <v>23744</v>
      </c>
      <c r="D23708" s="6"/>
      <c r="E23708" s="6" t="s">
        <v>9</v>
      </c>
      <c r="F23708" s="7">
        <v>38657</v>
      </c>
      <c r="G23708" s="8">
        <v>1</v>
      </c>
      <c r="H23708" s="8">
        <v>1</v>
      </c>
      <c r="I23708" s="8">
        <v>0</v>
      </c>
      <c r="J23708" s="8">
        <v>1</v>
      </c>
      <c r="K23708" s="9">
        <v>25</v>
      </c>
      <c r="L23708" s="6" t="s">
        <v>4151</v>
      </c>
    </row>
    <row r="23709" spans="1:12">
      <c r="A23709" s="6" t="s">
        <v>4151</v>
      </c>
      <c r="B23709" s="6"/>
      <c r="C23709" s="6" t="s">
        <v>23745</v>
      </c>
      <c r="D23709" s="6"/>
      <c r="E23709" s="6" t="s">
        <v>9</v>
      </c>
      <c r="F23709" s="7">
        <v>38657</v>
      </c>
      <c r="G23709" s="8">
        <v>1</v>
      </c>
      <c r="H23709" s="8">
        <v>1</v>
      </c>
      <c r="I23709" s="8">
        <v>0</v>
      </c>
      <c r="J23709" s="8">
        <v>1</v>
      </c>
      <c r="K23709" s="9">
        <v>88</v>
      </c>
      <c r="L23709" s="6" t="s">
        <v>4151</v>
      </c>
    </row>
    <row r="23710" spans="1:12">
      <c r="A23710" s="6" t="s">
        <v>4151</v>
      </c>
      <c r="B23710" s="6"/>
      <c r="C23710" s="6" t="s">
        <v>23746</v>
      </c>
      <c r="D23710" s="6"/>
      <c r="E23710" s="6" t="s">
        <v>9</v>
      </c>
      <c r="F23710" s="7">
        <v>38657</v>
      </c>
      <c r="G23710" s="8">
        <v>1</v>
      </c>
      <c r="H23710" s="8">
        <v>1</v>
      </c>
      <c r="I23710" s="8">
        <v>0</v>
      </c>
      <c r="J23710" s="8">
        <v>1</v>
      </c>
      <c r="K23710" s="9">
        <v>2.64</v>
      </c>
      <c r="L23710" s="6" t="s">
        <v>4151</v>
      </c>
    </row>
    <row r="23711" spans="1:12">
      <c r="A23711" s="6" t="s">
        <v>4151</v>
      </c>
      <c r="B23711" s="6"/>
      <c r="C23711" s="6" t="s">
        <v>23747</v>
      </c>
      <c r="D23711" s="6"/>
      <c r="E23711" s="6" t="s">
        <v>9</v>
      </c>
      <c r="F23711" s="7">
        <v>38657</v>
      </c>
      <c r="G23711" s="8">
        <v>1</v>
      </c>
      <c r="H23711" s="8">
        <v>1</v>
      </c>
      <c r="I23711" s="8">
        <v>0</v>
      </c>
      <c r="J23711" s="8">
        <v>1</v>
      </c>
      <c r="K23711" s="9">
        <v>11</v>
      </c>
      <c r="L23711" s="6" t="s">
        <v>4151</v>
      </c>
    </row>
    <row r="23712" spans="1:12">
      <c r="A23712" s="6" t="s">
        <v>4151</v>
      </c>
      <c r="B23712" s="6"/>
      <c r="C23712" s="6" t="s">
        <v>23748</v>
      </c>
      <c r="D23712" s="6"/>
      <c r="E23712" s="6" t="s">
        <v>9</v>
      </c>
      <c r="F23712" s="7">
        <v>38657</v>
      </c>
      <c r="G23712" s="8">
        <v>1</v>
      </c>
      <c r="H23712" s="8">
        <v>1</v>
      </c>
      <c r="I23712" s="8">
        <v>0</v>
      </c>
      <c r="J23712" s="8">
        <v>1</v>
      </c>
      <c r="K23712" s="9">
        <v>11</v>
      </c>
      <c r="L23712" s="6" t="s">
        <v>4151</v>
      </c>
    </row>
    <row r="23713" spans="1:12">
      <c r="A23713" s="6" t="s">
        <v>4151</v>
      </c>
      <c r="B23713" s="6"/>
      <c r="C23713" s="6" t="s">
        <v>23749</v>
      </c>
      <c r="D23713" s="6"/>
      <c r="E23713" s="6" t="s">
        <v>9</v>
      </c>
      <c r="F23713" s="7">
        <v>38657</v>
      </c>
      <c r="G23713" s="8">
        <v>1</v>
      </c>
      <c r="H23713" s="8">
        <v>1</v>
      </c>
      <c r="I23713" s="8">
        <v>0</v>
      </c>
      <c r="J23713" s="8">
        <v>1</v>
      </c>
      <c r="K23713" s="9">
        <v>10</v>
      </c>
      <c r="L23713" s="6" t="s">
        <v>4151</v>
      </c>
    </row>
    <row r="23714" spans="1:12">
      <c r="A23714" s="6" t="s">
        <v>4151</v>
      </c>
      <c r="B23714" s="6"/>
      <c r="C23714" s="6" t="s">
        <v>23750</v>
      </c>
      <c r="D23714" s="6"/>
      <c r="E23714" s="6" t="s">
        <v>9</v>
      </c>
      <c r="F23714" s="7">
        <v>38657</v>
      </c>
      <c r="G23714" s="8">
        <v>1</v>
      </c>
      <c r="H23714" s="8">
        <v>1</v>
      </c>
      <c r="I23714" s="8">
        <v>0</v>
      </c>
      <c r="J23714" s="8">
        <v>1</v>
      </c>
      <c r="K23714" s="9">
        <v>5.95</v>
      </c>
      <c r="L23714" s="6" t="s">
        <v>4151</v>
      </c>
    </row>
    <row r="23715" spans="1:12">
      <c r="A23715" s="6" t="s">
        <v>4151</v>
      </c>
      <c r="B23715" s="6"/>
      <c r="C23715" s="6" t="s">
        <v>23751</v>
      </c>
      <c r="D23715" s="6"/>
      <c r="E23715" s="6" t="s">
        <v>9</v>
      </c>
      <c r="F23715" s="7">
        <v>38657</v>
      </c>
      <c r="G23715" s="8">
        <v>1</v>
      </c>
      <c r="H23715" s="8">
        <v>1</v>
      </c>
      <c r="I23715" s="8">
        <v>0</v>
      </c>
      <c r="J23715" s="8">
        <v>1</v>
      </c>
      <c r="K23715" s="9">
        <v>2.8</v>
      </c>
      <c r="L23715" s="6" t="s">
        <v>4151</v>
      </c>
    </row>
    <row r="23716" spans="1:12">
      <c r="A23716" s="6" t="s">
        <v>4151</v>
      </c>
      <c r="B23716" s="6"/>
      <c r="C23716" s="6" t="s">
        <v>23752</v>
      </c>
      <c r="D23716" s="6"/>
      <c r="E23716" s="6" t="s">
        <v>9</v>
      </c>
      <c r="F23716" s="7">
        <v>38657</v>
      </c>
      <c r="G23716" s="8">
        <v>1</v>
      </c>
      <c r="H23716" s="8">
        <v>1</v>
      </c>
      <c r="I23716" s="8">
        <v>0</v>
      </c>
      <c r="J23716" s="8">
        <v>1</v>
      </c>
      <c r="K23716" s="9">
        <v>8.27</v>
      </c>
      <c r="L23716" s="6" t="s">
        <v>4151</v>
      </c>
    </row>
    <row r="23717" spans="1:12">
      <c r="A23717" s="6" t="s">
        <v>4151</v>
      </c>
      <c r="B23717" s="6"/>
      <c r="C23717" s="6" t="s">
        <v>23753</v>
      </c>
      <c r="D23717" s="6"/>
      <c r="E23717" s="6" t="s">
        <v>9</v>
      </c>
      <c r="F23717" s="7">
        <v>38657</v>
      </c>
      <c r="G23717" s="8">
        <v>1</v>
      </c>
      <c r="H23717" s="8">
        <v>1</v>
      </c>
      <c r="I23717" s="8">
        <v>0</v>
      </c>
      <c r="J23717" s="8">
        <v>1</v>
      </c>
      <c r="K23717" s="9">
        <v>1.45</v>
      </c>
      <c r="L23717" s="6" t="s">
        <v>4151</v>
      </c>
    </row>
    <row r="23718" spans="1:12">
      <c r="A23718" s="6" t="s">
        <v>4151</v>
      </c>
      <c r="B23718" s="6"/>
      <c r="C23718" s="6" t="s">
        <v>23754</v>
      </c>
      <c r="D23718" s="6"/>
      <c r="E23718" s="6" t="s">
        <v>9</v>
      </c>
      <c r="F23718" s="7">
        <v>38657</v>
      </c>
      <c r="G23718" s="8">
        <v>1</v>
      </c>
      <c r="H23718" s="8">
        <v>1</v>
      </c>
      <c r="I23718" s="8">
        <v>0</v>
      </c>
      <c r="J23718" s="8">
        <v>1</v>
      </c>
      <c r="K23718" s="9">
        <v>56</v>
      </c>
      <c r="L23718" s="6" t="s">
        <v>4151</v>
      </c>
    </row>
    <row r="23719" spans="1:12">
      <c r="A23719" s="6" t="s">
        <v>4151</v>
      </c>
      <c r="B23719" s="6"/>
      <c r="C23719" s="6" t="s">
        <v>23755</v>
      </c>
      <c r="D23719" s="6"/>
      <c r="E23719" s="6" t="s">
        <v>9</v>
      </c>
      <c r="F23719" s="7">
        <v>38657</v>
      </c>
      <c r="G23719" s="8">
        <v>1</v>
      </c>
      <c r="H23719" s="8">
        <v>1</v>
      </c>
      <c r="I23719" s="8">
        <v>0</v>
      </c>
      <c r="J23719" s="8">
        <v>1</v>
      </c>
      <c r="K23719" s="9">
        <v>16</v>
      </c>
      <c r="L23719" s="6" t="s">
        <v>4151</v>
      </c>
    </row>
    <row r="23720" spans="1:12">
      <c r="A23720" s="6" t="s">
        <v>4151</v>
      </c>
      <c r="B23720" s="6"/>
      <c r="C23720" s="6" t="s">
        <v>23756</v>
      </c>
      <c r="D23720" s="6"/>
      <c r="E23720" s="6" t="s">
        <v>9</v>
      </c>
      <c r="F23720" s="7">
        <v>38657</v>
      </c>
      <c r="G23720" s="8">
        <v>1</v>
      </c>
      <c r="H23720" s="8">
        <v>1</v>
      </c>
      <c r="I23720" s="8">
        <v>0</v>
      </c>
      <c r="J23720" s="8">
        <v>1</v>
      </c>
      <c r="K23720" s="9">
        <v>1.74</v>
      </c>
      <c r="L23720" s="6" t="s">
        <v>4151</v>
      </c>
    </row>
    <row r="23721" spans="1:12">
      <c r="A23721" s="6" t="s">
        <v>4151</v>
      </c>
      <c r="B23721" s="6"/>
      <c r="C23721" s="6" t="s">
        <v>23757</v>
      </c>
      <c r="D23721" s="6"/>
      <c r="E23721" s="6" t="s">
        <v>9</v>
      </c>
      <c r="F23721" s="7">
        <v>38657</v>
      </c>
      <c r="G23721" s="8">
        <v>1</v>
      </c>
      <c r="H23721" s="8">
        <v>1</v>
      </c>
      <c r="I23721" s="8">
        <v>0</v>
      </c>
      <c r="J23721" s="8">
        <v>1</v>
      </c>
      <c r="K23721" s="9">
        <v>28</v>
      </c>
      <c r="L23721" s="6" t="s">
        <v>4151</v>
      </c>
    </row>
    <row r="23722" spans="1:12">
      <c r="A23722" s="6" t="s">
        <v>4151</v>
      </c>
      <c r="B23722" s="6"/>
      <c r="C23722" s="6" t="s">
        <v>23758</v>
      </c>
      <c r="D23722" s="6"/>
      <c r="E23722" s="6" t="s">
        <v>9</v>
      </c>
      <c r="F23722" s="7">
        <v>38657</v>
      </c>
      <c r="G23722" s="8">
        <v>1</v>
      </c>
      <c r="H23722" s="8">
        <v>1</v>
      </c>
      <c r="I23722" s="8">
        <v>0</v>
      </c>
      <c r="J23722" s="8">
        <v>1</v>
      </c>
      <c r="K23722" s="9">
        <v>28</v>
      </c>
      <c r="L23722" s="6" t="s">
        <v>4151</v>
      </c>
    </row>
    <row r="23723" spans="1:12">
      <c r="A23723" s="6" t="s">
        <v>4151</v>
      </c>
      <c r="B23723" s="6"/>
      <c r="C23723" s="6" t="s">
        <v>23759</v>
      </c>
      <c r="D23723" s="6"/>
      <c r="E23723" s="6" t="s">
        <v>9</v>
      </c>
      <c r="F23723" s="7">
        <v>38657</v>
      </c>
      <c r="G23723" s="8">
        <v>1</v>
      </c>
      <c r="H23723" s="8">
        <v>1</v>
      </c>
      <c r="I23723" s="8">
        <v>0</v>
      </c>
      <c r="J23723" s="8">
        <v>1</v>
      </c>
      <c r="K23723" s="9">
        <v>28</v>
      </c>
      <c r="L23723" s="6" t="s">
        <v>4151</v>
      </c>
    </row>
    <row r="23724" spans="1:12">
      <c r="A23724" s="6" t="s">
        <v>4151</v>
      </c>
      <c r="B23724" s="6"/>
      <c r="C23724" s="6" t="s">
        <v>23760</v>
      </c>
      <c r="D23724" s="6"/>
      <c r="E23724" s="6" t="s">
        <v>9</v>
      </c>
      <c r="F23724" s="7">
        <v>38657</v>
      </c>
      <c r="G23724" s="8">
        <v>1</v>
      </c>
      <c r="H23724" s="8">
        <v>1</v>
      </c>
      <c r="I23724" s="8">
        <v>0</v>
      </c>
      <c r="J23724" s="8">
        <v>1</v>
      </c>
      <c r="K23724" s="9">
        <v>28</v>
      </c>
      <c r="L23724" s="6" t="s">
        <v>4151</v>
      </c>
    </row>
    <row r="23725" spans="1:12">
      <c r="A23725" s="6" t="s">
        <v>4151</v>
      </c>
      <c r="B23725" s="6"/>
      <c r="C23725" s="6" t="s">
        <v>23761</v>
      </c>
      <c r="D23725" s="6"/>
      <c r="E23725" s="6" t="s">
        <v>9</v>
      </c>
      <c r="F23725" s="7">
        <v>38657</v>
      </c>
      <c r="G23725" s="8">
        <v>1</v>
      </c>
      <c r="H23725" s="8">
        <v>1</v>
      </c>
      <c r="I23725" s="8">
        <v>0</v>
      </c>
      <c r="J23725" s="8">
        <v>1</v>
      </c>
      <c r="K23725" s="9">
        <v>71</v>
      </c>
      <c r="L23725" s="6" t="s">
        <v>4151</v>
      </c>
    </row>
    <row r="23726" spans="1:12">
      <c r="A23726" s="6" t="s">
        <v>4151</v>
      </c>
      <c r="B23726" s="6"/>
      <c r="C23726" s="6" t="s">
        <v>23762</v>
      </c>
      <c r="D23726" s="6"/>
      <c r="E23726" s="6" t="s">
        <v>9</v>
      </c>
      <c r="F23726" s="7">
        <v>38657</v>
      </c>
      <c r="G23726" s="8">
        <v>1</v>
      </c>
      <c r="H23726" s="8">
        <v>1</v>
      </c>
      <c r="I23726" s="8">
        <v>0</v>
      </c>
      <c r="J23726" s="8">
        <v>1</v>
      </c>
      <c r="K23726" s="9">
        <v>14</v>
      </c>
      <c r="L23726" s="6" t="s">
        <v>4151</v>
      </c>
    </row>
    <row r="23727" spans="1:12">
      <c r="A23727" s="6" t="s">
        <v>4151</v>
      </c>
      <c r="B23727" s="6"/>
      <c r="C23727" s="6" t="s">
        <v>23763</v>
      </c>
      <c r="D23727" s="6"/>
      <c r="E23727" s="6" t="s">
        <v>9</v>
      </c>
      <c r="F23727" s="7">
        <v>38657</v>
      </c>
      <c r="G23727" s="8">
        <v>1</v>
      </c>
      <c r="H23727" s="8">
        <v>1</v>
      </c>
      <c r="I23727" s="8">
        <v>0</v>
      </c>
      <c r="J23727" s="8">
        <v>1</v>
      </c>
      <c r="K23727" s="9">
        <v>186.61</v>
      </c>
      <c r="L23727" s="6" t="s">
        <v>4151</v>
      </c>
    </row>
    <row r="23728" spans="1:12">
      <c r="A23728" s="6" t="s">
        <v>4151</v>
      </c>
      <c r="B23728" s="6"/>
      <c r="C23728" s="6" t="s">
        <v>23764</v>
      </c>
      <c r="D23728" s="6"/>
      <c r="E23728" s="6" t="s">
        <v>9</v>
      </c>
      <c r="F23728" s="7">
        <v>38657</v>
      </c>
      <c r="G23728" s="8">
        <v>90883</v>
      </c>
      <c r="H23728" s="8">
        <v>90883</v>
      </c>
      <c r="I23728" s="8">
        <v>0</v>
      </c>
      <c r="J23728" s="8">
        <v>90883</v>
      </c>
      <c r="K23728" s="9">
        <v>2.46</v>
      </c>
      <c r="L23728" s="6" t="s">
        <v>4151</v>
      </c>
    </row>
    <row r="23729" spans="1:12">
      <c r="A23729" s="6" t="s">
        <v>4151</v>
      </c>
      <c r="B23729" s="6"/>
      <c r="C23729" s="6" t="s">
        <v>23765</v>
      </c>
      <c r="D23729" s="6"/>
      <c r="E23729" s="6" t="s">
        <v>9</v>
      </c>
      <c r="F23729" s="7">
        <v>38657</v>
      </c>
      <c r="G23729" s="8">
        <v>1</v>
      </c>
      <c r="H23729" s="8">
        <v>1</v>
      </c>
      <c r="I23729" s="8">
        <v>0</v>
      </c>
      <c r="J23729" s="8">
        <v>1</v>
      </c>
      <c r="K23729" s="9">
        <v>110</v>
      </c>
      <c r="L23729" s="6" t="s">
        <v>4151</v>
      </c>
    </row>
    <row r="23730" spans="1:12">
      <c r="A23730" s="6" t="s">
        <v>4151</v>
      </c>
      <c r="B23730" s="6"/>
      <c r="C23730" s="6" t="s">
        <v>23766</v>
      </c>
      <c r="D23730" s="6"/>
      <c r="E23730" s="6" t="s">
        <v>9</v>
      </c>
      <c r="F23730" s="7">
        <v>38657</v>
      </c>
      <c r="G23730" s="8">
        <v>1</v>
      </c>
      <c r="H23730" s="8">
        <v>1</v>
      </c>
      <c r="I23730" s="8">
        <v>0</v>
      </c>
      <c r="J23730" s="8">
        <v>1</v>
      </c>
      <c r="K23730" s="9">
        <v>40</v>
      </c>
      <c r="L23730" s="6" t="s">
        <v>4151</v>
      </c>
    </row>
    <row r="23731" spans="1:12">
      <c r="A23731" s="6" t="s">
        <v>4151</v>
      </c>
      <c r="B23731" s="6"/>
      <c r="C23731" s="6" t="s">
        <v>23767</v>
      </c>
      <c r="D23731" s="6"/>
      <c r="E23731" s="6" t="s">
        <v>9</v>
      </c>
      <c r="F23731" s="7">
        <v>38657</v>
      </c>
      <c r="G23731" s="8">
        <v>1</v>
      </c>
      <c r="H23731" s="8">
        <v>1</v>
      </c>
      <c r="I23731" s="8">
        <v>0</v>
      </c>
      <c r="J23731" s="8">
        <v>1</v>
      </c>
      <c r="K23731" s="9">
        <v>50</v>
      </c>
      <c r="L23731" s="6" t="s">
        <v>4151</v>
      </c>
    </row>
    <row r="23732" spans="1:12">
      <c r="A23732" s="6" t="s">
        <v>4151</v>
      </c>
      <c r="B23732" s="6"/>
      <c r="C23732" s="6" t="s">
        <v>23768</v>
      </c>
      <c r="D23732" s="6"/>
      <c r="E23732" s="6" t="s">
        <v>9</v>
      </c>
      <c r="F23732" s="7">
        <v>38657</v>
      </c>
      <c r="G23732" s="8">
        <v>1</v>
      </c>
      <c r="H23732" s="8">
        <v>1</v>
      </c>
      <c r="I23732" s="8">
        <v>0</v>
      </c>
      <c r="J23732" s="8">
        <v>1</v>
      </c>
      <c r="K23732" s="9">
        <v>33</v>
      </c>
      <c r="L23732" s="6" t="s">
        <v>4151</v>
      </c>
    </row>
    <row r="23733" spans="1:12">
      <c r="A23733" s="6" t="s">
        <v>4151</v>
      </c>
      <c r="B23733" s="6"/>
      <c r="C23733" s="6" t="s">
        <v>23769</v>
      </c>
      <c r="D23733" s="6"/>
      <c r="E23733" s="6" t="s">
        <v>9</v>
      </c>
      <c r="F23733" s="7">
        <v>38657</v>
      </c>
      <c r="G23733" s="8">
        <v>1</v>
      </c>
      <c r="H23733" s="8">
        <v>1</v>
      </c>
      <c r="I23733" s="8">
        <v>0</v>
      </c>
      <c r="J23733" s="8">
        <v>1</v>
      </c>
      <c r="K23733" s="9">
        <v>14</v>
      </c>
      <c r="L23733" s="6" t="s">
        <v>4151</v>
      </c>
    </row>
    <row r="23734" spans="1:12">
      <c r="A23734" s="6" t="s">
        <v>4151</v>
      </c>
      <c r="B23734" s="6"/>
      <c r="C23734" s="6" t="s">
        <v>23770</v>
      </c>
      <c r="D23734" s="6"/>
      <c r="E23734" s="6" t="s">
        <v>9</v>
      </c>
      <c r="F23734" s="7">
        <v>38657</v>
      </c>
      <c r="G23734" s="8">
        <v>1</v>
      </c>
      <c r="H23734" s="8">
        <v>1</v>
      </c>
      <c r="I23734" s="8">
        <v>0</v>
      </c>
      <c r="J23734" s="8">
        <v>1</v>
      </c>
      <c r="K23734" s="9">
        <v>18</v>
      </c>
      <c r="L23734" s="6" t="s">
        <v>4151</v>
      </c>
    </row>
    <row r="23735" spans="1:12">
      <c r="A23735" s="6" t="s">
        <v>4151</v>
      </c>
      <c r="B23735" s="6"/>
      <c r="C23735" s="6" t="s">
        <v>23771</v>
      </c>
      <c r="D23735" s="6"/>
      <c r="E23735" s="6" t="s">
        <v>9</v>
      </c>
      <c r="F23735" s="7">
        <v>38657</v>
      </c>
      <c r="G23735" s="8">
        <v>1</v>
      </c>
      <c r="H23735" s="8">
        <v>1</v>
      </c>
      <c r="I23735" s="8">
        <v>0</v>
      </c>
      <c r="J23735" s="8">
        <v>1</v>
      </c>
      <c r="K23735" s="9">
        <v>9.8800000000000008</v>
      </c>
      <c r="L23735" s="6" t="s">
        <v>4151</v>
      </c>
    </row>
    <row r="23736" spans="1:12">
      <c r="A23736" s="6" t="s">
        <v>4151</v>
      </c>
      <c r="B23736" s="6"/>
      <c r="C23736" s="6" t="s">
        <v>23772</v>
      </c>
      <c r="D23736" s="6"/>
      <c r="E23736" s="6" t="s">
        <v>9</v>
      </c>
      <c r="F23736" s="7">
        <v>38657</v>
      </c>
      <c r="G23736" s="8">
        <v>1</v>
      </c>
      <c r="H23736" s="8">
        <v>1</v>
      </c>
      <c r="I23736" s="8">
        <v>0</v>
      </c>
      <c r="J23736" s="8">
        <v>1</v>
      </c>
      <c r="K23736" s="9">
        <v>8.0500000000000007</v>
      </c>
      <c r="L23736" s="6" t="s">
        <v>4151</v>
      </c>
    </row>
    <row r="23737" spans="1:12">
      <c r="A23737" s="6" t="s">
        <v>4151</v>
      </c>
      <c r="B23737" s="6"/>
      <c r="C23737" s="6" t="s">
        <v>23773</v>
      </c>
      <c r="D23737" s="6"/>
      <c r="E23737" s="6" t="s">
        <v>9</v>
      </c>
      <c r="F23737" s="7">
        <v>38657</v>
      </c>
      <c r="G23737" s="8">
        <v>1</v>
      </c>
      <c r="H23737" s="8">
        <v>1</v>
      </c>
      <c r="I23737" s="8">
        <v>0</v>
      </c>
      <c r="J23737" s="8">
        <v>1</v>
      </c>
      <c r="K23737" s="9">
        <v>4.9800000000000004</v>
      </c>
      <c r="L23737" s="6" t="s">
        <v>4151</v>
      </c>
    </row>
    <row r="23738" spans="1:12">
      <c r="A23738" s="6" t="s">
        <v>4151</v>
      </c>
      <c r="B23738" s="6"/>
      <c r="C23738" s="6" t="s">
        <v>23774</v>
      </c>
      <c r="D23738" s="6"/>
      <c r="E23738" s="6" t="s">
        <v>9</v>
      </c>
      <c r="F23738" s="7">
        <v>38657</v>
      </c>
      <c r="G23738" s="8">
        <v>1</v>
      </c>
      <c r="H23738" s="8">
        <v>1</v>
      </c>
      <c r="I23738" s="8">
        <v>0</v>
      </c>
      <c r="J23738" s="8">
        <v>1</v>
      </c>
      <c r="K23738" s="9">
        <v>1.24</v>
      </c>
      <c r="L23738" s="6" t="s">
        <v>4151</v>
      </c>
    </row>
    <row r="23739" spans="1:12">
      <c r="A23739" s="6" t="s">
        <v>4151</v>
      </c>
      <c r="B23739" s="6"/>
      <c r="C23739" s="6" t="s">
        <v>23775</v>
      </c>
      <c r="D23739" s="6"/>
      <c r="E23739" s="6" t="s">
        <v>9</v>
      </c>
      <c r="F23739" s="7">
        <v>38657</v>
      </c>
      <c r="G23739" s="8">
        <v>1</v>
      </c>
      <c r="H23739" s="8">
        <v>1</v>
      </c>
      <c r="I23739" s="8">
        <v>0</v>
      </c>
      <c r="J23739" s="8">
        <v>1</v>
      </c>
      <c r="K23739" s="9">
        <v>5.36</v>
      </c>
      <c r="L23739" s="6" t="s">
        <v>4151</v>
      </c>
    </row>
    <row r="23740" spans="1:12">
      <c r="A23740" s="6" t="s">
        <v>4151</v>
      </c>
      <c r="B23740" s="6"/>
      <c r="C23740" s="6" t="s">
        <v>23776</v>
      </c>
      <c r="D23740" s="6"/>
      <c r="E23740" s="6" t="s">
        <v>9</v>
      </c>
      <c r="F23740" s="7">
        <v>38657</v>
      </c>
      <c r="G23740" s="8">
        <v>1</v>
      </c>
      <c r="H23740" s="8">
        <v>1</v>
      </c>
      <c r="I23740" s="8">
        <v>0</v>
      </c>
      <c r="J23740" s="8">
        <v>1</v>
      </c>
      <c r="K23740" s="9">
        <v>373</v>
      </c>
      <c r="L23740" s="6" t="s">
        <v>4151</v>
      </c>
    </row>
    <row r="23741" spans="1:12">
      <c r="A23741" s="6" t="s">
        <v>4151</v>
      </c>
      <c r="B23741" s="6"/>
      <c r="C23741" s="6" t="s">
        <v>23777</v>
      </c>
      <c r="D23741" s="6"/>
      <c r="E23741" s="6" t="s">
        <v>9</v>
      </c>
      <c r="F23741" s="7">
        <v>38657</v>
      </c>
      <c r="G23741" s="8">
        <v>1</v>
      </c>
      <c r="H23741" s="8">
        <v>1</v>
      </c>
      <c r="I23741" s="8">
        <v>0</v>
      </c>
      <c r="J23741" s="8">
        <v>1</v>
      </c>
      <c r="K23741" s="9">
        <v>6.39</v>
      </c>
      <c r="L23741" s="6" t="s">
        <v>4151</v>
      </c>
    </row>
    <row r="23742" spans="1:12">
      <c r="A23742" s="6" t="s">
        <v>4151</v>
      </c>
      <c r="B23742" s="6"/>
      <c r="C23742" s="6" t="s">
        <v>23778</v>
      </c>
      <c r="D23742" s="6"/>
      <c r="E23742" s="6" t="s">
        <v>9</v>
      </c>
      <c r="F23742" s="7">
        <v>38657</v>
      </c>
      <c r="G23742" s="8">
        <v>1</v>
      </c>
      <c r="H23742" s="8">
        <v>1</v>
      </c>
      <c r="I23742" s="8">
        <v>0</v>
      </c>
      <c r="J23742" s="8">
        <v>1</v>
      </c>
      <c r="K23742" s="9">
        <v>3.41</v>
      </c>
      <c r="L23742" s="6" t="s">
        <v>4151</v>
      </c>
    </row>
    <row r="23743" spans="1:12">
      <c r="A23743" s="6" t="s">
        <v>4151</v>
      </c>
      <c r="B23743" s="6"/>
      <c r="C23743" s="6" t="s">
        <v>23779</v>
      </c>
      <c r="D23743" s="6"/>
      <c r="E23743" s="6" t="s">
        <v>9</v>
      </c>
      <c r="F23743" s="7">
        <v>38657</v>
      </c>
      <c r="G23743" s="8">
        <v>1</v>
      </c>
      <c r="H23743" s="8">
        <v>1</v>
      </c>
      <c r="I23743" s="8">
        <v>0</v>
      </c>
      <c r="J23743" s="8">
        <v>1</v>
      </c>
      <c r="K23743" s="9">
        <v>26</v>
      </c>
      <c r="L23743" s="6" t="s">
        <v>4151</v>
      </c>
    </row>
    <row r="23744" spans="1:12">
      <c r="A23744" s="6" t="s">
        <v>4151</v>
      </c>
      <c r="B23744" s="6"/>
      <c r="C23744" s="6" t="s">
        <v>23780</v>
      </c>
      <c r="D23744" s="6"/>
      <c r="E23744" s="6" t="s">
        <v>9</v>
      </c>
      <c r="F23744" s="7">
        <v>38657</v>
      </c>
      <c r="G23744" s="8">
        <v>1</v>
      </c>
      <c r="H23744" s="8">
        <v>1</v>
      </c>
      <c r="I23744" s="8">
        <v>0</v>
      </c>
      <c r="J23744" s="8">
        <v>1</v>
      </c>
      <c r="K23744" s="9">
        <v>3.11</v>
      </c>
      <c r="L23744" s="6" t="s">
        <v>4151</v>
      </c>
    </row>
    <row r="23745" spans="1:12">
      <c r="A23745" s="6" t="s">
        <v>4151</v>
      </c>
      <c r="B23745" s="6"/>
      <c r="C23745" s="6" t="s">
        <v>23781</v>
      </c>
      <c r="D23745" s="6"/>
      <c r="E23745" s="6" t="s">
        <v>9</v>
      </c>
      <c r="F23745" s="7">
        <v>38657</v>
      </c>
      <c r="G23745" s="8">
        <v>1</v>
      </c>
      <c r="H23745" s="8">
        <v>1</v>
      </c>
      <c r="I23745" s="8">
        <v>0</v>
      </c>
      <c r="J23745" s="8">
        <v>1</v>
      </c>
      <c r="K23745" s="9">
        <v>5.38</v>
      </c>
      <c r="L23745" s="6" t="s">
        <v>4151</v>
      </c>
    </row>
    <row r="23746" spans="1:12">
      <c r="A23746" s="6" t="s">
        <v>4151</v>
      </c>
      <c r="B23746" s="6"/>
      <c r="C23746" s="6" t="s">
        <v>23782</v>
      </c>
      <c r="D23746" s="6"/>
      <c r="E23746" s="6" t="s">
        <v>9</v>
      </c>
      <c r="F23746" s="7">
        <v>38657</v>
      </c>
      <c r="G23746" s="8">
        <v>1</v>
      </c>
      <c r="H23746" s="8">
        <v>1</v>
      </c>
      <c r="I23746" s="8">
        <v>0</v>
      </c>
      <c r="J23746" s="8">
        <v>1</v>
      </c>
      <c r="K23746" s="9">
        <v>9.92</v>
      </c>
      <c r="L23746" s="6" t="s">
        <v>4151</v>
      </c>
    </row>
    <row r="23747" spans="1:12">
      <c r="A23747" s="6" t="s">
        <v>4151</v>
      </c>
      <c r="B23747" s="6"/>
      <c r="C23747" s="6" t="s">
        <v>23783</v>
      </c>
      <c r="D23747" s="6"/>
      <c r="E23747" s="6" t="s">
        <v>9</v>
      </c>
      <c r="F23747" s="7">
        <v>38657</v>
      </c>
      <c r="G23747" s="8">
        <v>1</v>
      </c>
      <c r="H23747" s="8">
        <v>1</v>
      </c>
      <c r="I23747" s="8">
        <v>0</v>
      </c>
      <c r="J23747" s="8">
        <v>1</v>
      </c>
      <c r="K23747" s="9">
        <v>39</v>
      </c>
      <c r="L23747" s="6" t="s">
        <v>4151</v>
      </c>
    </row>
    <row r="23748" spans="1:12">
      <c r="A23748" s="6" t="s">
        <v>4151</v>
      </c>
      <c r="B23748" s="6"/>
      <c r="C23748" s="6" t="s">
        <v>23784</v>
      </c>
      <c r="D23748" s="6"/>
      <c r="E23748" s="6" t="s">
        <v>9</v>
      </c>
      <c r="F23748" s="7">
        <v>38657</v>
      </c>
      <c r="G23748" s="8">
        <v>1</v>
      </c>
      <c r="H23748" s="8">
        <v>1</v>
      </c>
      <c r="I23748" s="8">
        <v>0</v>
      </c>
      <c r="J23748" s="8">
        <v>1</v>
      </c>
      <c r="K23748" s="9">
        <v>42</v>
      </c>
      <c r="L23748" s="6" t="s">
        <v>4151</v>
      </c>
    </row>
    <row r="23749" spans="1:12">
      <c r="A23749" s="6" t="s">
        <v>4151</v>
      </c>
      <c r="B23749" s="6"/>
      <c r="C23749" s="6" t="s">
        <v>23785</v>
      </c>
      <c r="D23749" s="6"/>
      <c r="E23749" s="6" t="s">
        <v>9</v>
      </c>
      <c r="F23749" s="7">
        <v>38657</v>
      </c>
      <c r="G23749" s="8">
        <v>1</v>
      </c>
      <c r="H23749" s="8">
        <v>1</v>
      </c>
      <c r="I23749" s="8">
        <v>0</v>
      </c>
      <c r="J23749" s="8">
        <v>1</v>
      </c>
      <c r="K23749" s="9">
        <v>37</v>
      </c>
      <c r="L23749" s="6" t="s">
        <v>4151</v>
      </c>
    </row>
    <row r="23750" spans="1:12">
      <c r="A23750" s="6" t="s">
        <v>4151</v>
      </c>
      <c r="B23750" s="6"/>
      <c r="C23750" s="6" t="s">
        <v>23786</v>
      </c>
      <c r="D23750" s="6"/>
      <c r="E23750" s="6" t="s">
        <v>9</v>
      </c>
      <c r="F23750" s="7">
        <v>38657</v>
      </c>
      <c r="G23750" s="8">
        <v>1</v>
      </c>
      <c r="H23750" s="8">
        <v>1</v>
      </c>
      <c r="I23750" s="8">
        <v>0</v>
      </c>
      <c r="J23750" s="8">
        <v>1</v>
      </c>
      <c r="K23750" s="9">
        <v>27</v>
      </c>
      <c r="L23750" s="6" t="s">
        <v>4151</v>
      </c>
    </row>
    <row r="23751" spans="1:12">
      <c r="A23751" s="6" t="s">
        <v>4151</v>
      </c>
      <c r="B23751" s="6"/>
      <c r="C23751" s="6" t="s">
        <v>23787</v>
      </c>
      <c r="D23751" s="6"/>
      <c r="E23751" s="6" t="s">
        <v>9</v>
      </c>
      <c r="F23751" s="7">
        <v>38657</v>
      </c>
      <c r="G23751" s="8">
        <v>1</v>
      </c>
      <c r="H23751" s="8">
        <v>1</v>
      </c>
      <c r="I23751" s="8">
        <v>0</v>
      </c>
      <c r="J23751" s="8">
        <v>1</v>
      </c>
      <c r="K23751" s="9">
        <v>17</v>
      </c>
      <c r="L23751" s="6" t="s">
        <v>4151</v>
      </c>
    </row>
    <row r="23752" spans="1:12">
      <c r="A23752" s="6" t="s">
        <v>4151</v>
      </c>
      <c r="B23752" s="6"/>
      <c r="C23752" s="6" t="s">
        <v>23788</v>
      </c>
      <c r="D23752" s="6"/>
      <c r="E23752" s="6" t="s">
        <v>9</v>
      </c>
      <c r="F23752" s="7">
        <v>38657</v>
      </c>
      <c r="G23752" s="8">
        <v>1</v>
      </c>
      <c r="H23752" s="8">
        <v>1</v>
      </c>
      <c r="I23752" s="8">
        <v>0</v>
      </c>
      <c r="J23752" s="8">
        <v>1</v>
      </c>
      <c r="K23752" s="9">
        <v>33</v>
      </c>
      <c r="L23752" s="6" t="s">
        <v>4151</v>
      </c>
    </row>
    <row r="23753" spans="1:12">
      <c r="A23753" s="6" t="s">
        <v>4151</v>
      </c>
      <c r="B23753" s="6"/>
      <c r="C23753" s="6" t="s">
        <v>23789</v>
      </c>
      <c r="D23753" s="6"/>
      <c r="E23753" s="6" t="s">
        <v>9</v>
      </c>
      <c r="F23753" s="7">
        <v>38657</v>
      </c>
      <c r="G23753" s="8">
        <v>1</v>
      </c>
      <c r="H23753" s="8">
        <v>1</v>
      </c>
      <c r="I23753" s="8">
        <v>0</v>
      </c>
      <c r="J23753" s="8">
        <v>1</v>
      </c>
      <c r="K23753" s="9">
        <v>27</v>
      </c>
      <c r="L23753" s="6" t="s">
        <v>4151</v>
      </c>
    </row>
    <row r="23754" spans="1:12">
      <c r="A23754" s="6" t="s">
        <v>4151</v>
      </c>
      <c r="B23754" s="6"/>
      <c r="C23754" s="6" t="s">
        <v>23790</v>
      </c>
      <c r="D23754" s="6"/>
      <c r="E23754" s="6" t="s">
        <v>9</v>
      </c>
      <c r="F23754" s="7">
        <v>38657</v>
      </c>
      <c r="G23754" s="8">
        <v>1</v>
      </c>
      <c r="H23754" s="8">
        <v>1</v>
      </c>
      <c r="I23754" s="8">
        <v>0</v>
      </c>
      <c r="J23754" s="8">
        <v>1</v>
      </c>
      <c r="K23754" s="9">
        <v>81</v>
      </c>
      <c r="L23754" s="6" t="s">
        <v>4151</v>
      </c>
    </row>
    <row r="23755" spans="1:12">
      <c r="A23755" s="6" t="s">
        <v>4151</v>
      </c>
      <c r="B23755" s="6"/>
      <c r="C23755" s="6" t="s">
        <v>23791</v>
      </c>
      <c r="D23755" s="6"/>
      <c r="E23755" s="6" t="s">
        <v>9</v>
      </c>
      <c r="F23755" s="7">
        <v>38657</v>
      </c>
      <c r="G23755" s="8">
        <v>1</v>
      </c>
      <c r="H23755" s="8">
        <v>1</v>
      </c>
      <c r="I23755" s="8">
        <v>0</v>
      </c>
      <c r="J23755" s="8">
        <v>1</v>
      </c>
      <c r="K23755" s="9">
        <v>95</v>
      </c>
      <c r="L23755" s="6" t="s">
        <v>4151</v>
      </c>
    </row>
    <row r="23756" spans="1:12">
      <c r="A23756" s="6" t="s">
        <v>4151</v>
      </c>
      <c r="B23756" s="6"/>
      <c r="C23756" s="6" t="s">
        <v>23792</v>
      </c>
      <c r="D23756" s="6"/>
      <c r="E23756" s="6" t="s">
        <v>9</v>
      </c>
      <c r="F23756" s="7">
        <v>38657</v>
      </c>
      <c r="G23756" s="8">
        <v>1</v>
      </c>
      <c r="H23756" s="8">
        <v>1</v>
      </c>
      <c r="I23756" s="8">
        <v>0</v>
      </c>
      <c r="J23756" s="8">
        <v>1</v>
      </c>
      <c r="K23756" s="9">
        <v>4.04</v>
      </c>
      <c r="L23756" s="6" t="s">
        <v>4151</v>
      </c>
    </row>
    <row r="23757" spans="1:12">
      <c r="A23757" s="6" t="s">
        <v>4151</v>
      </c>
      <c r="B23757" s="6"/>
      <c r="C23757" s="6" t="s">
        <v>23793</v>
      </c>
      <c r="D23757" s="6"/>
      <c r="E23757" s="6" t="s">
        <v>9</v>
      </c>
      <c r="F23757" s="7">
        <v>38657</v>
      </c>
      <c r="G23757" s="8">
        <v>1</v>
      </c>
      <c r="H23757" s="8">
        <v>1</v>
      </c>
      <c r="I23757" s="8">
        <v>0</v>
      </c>
      <c r="J23757" s="8">
        <v>1</v>
      </c>
      <c r="K23757" s="9">
        <v>4.74</v>
      </c>
      <c r="L23757" s="6" t="s">
        <v>4151</v>
      </c>
    </row>
    <row r="23758" spans="1:12">
      <c r="A23758" s="6" t="s">
        <v>4151</v>
      </c>
      <c r="B23758" s="6"/>
      <c r="C23758" s="6" t="s">
        <v>23794</v>
      </c>
      <c r="D23758" s="6"/>
      <c r="E23758" s="6" t="s">
        <v>9</v>
      </c>
      <c r="F23758" s="7">
        <v>38657</v>
      </c>
      <c r="G23758" s="8">
        <v>1</v>
      </c>
      <c r="H23758" s="8">
        <v>1</v>
      </c>
      <c r="I23758" s="8">
        <v>0</v>
      </c>
      <c r="J23758" s="8">
        <v>1</v>
      </c>
      <c r="K23758" s="9">
        <v>4.74</v>
      </c>
      <c r="L23758" s="6" t="s">
        <v>4151</v>
      </c>
    </row>
    <row r="23759" spans="1:12">
      <c r="A23759" s="6" t="s">
        <v>4151</v>
      </c>
      <c r="B23759" s="6"/>
      <c r="C23759" s="6" t="s">
        <v>23795</v>
      </c>
      <c r="D23759" s="6"/>
      <c r="E23759" s="6" t="s">
        <v>9</v>
      </c>
      <c r="F23759" s="7">
        <v>38657</v>
      </c>
      <c r="G23759" s="8">
        <v>1</v>
      </c>
      <c r="H23759" s="8">
        <v>1</v>
      </c>
      <c r="I23759" s="8">
        <v>0</v>
      </c>
      <c r="J23759" s="8">
        <v>1</v>
      </c>
      <c r="K23759" s="9">
        <v>4.75</v>
      </c>
      <c r="L23759" s="6" t="s">
        <v>4151</v>
      </c>
    </row>
    <row r="23760" spans="1:12">
      <c r="A23760" s="6" t="s">
        <v>4151</v>
      </c>
      <c r="B23760" s="6"/>
      <c r="C23760" s="6" t="s">
        <v>23796</v>
      </c>
      <c r="D23760" s="6"/>
      <c r="E23760" s="6" t="s">
        <v>9</v>
      </c>
      <c r="F23760" s="7">
        <v>38657</v>
      </c>
      <c r="G23760" s="8">
        <v>1</v>
      </c>
      <c r="H23760" s="8">
        <v>1</v>
      </c>
      <c r="I23760" s="8">
        <v>0</v>
      </c>
      <c r="J23760" s="8">
        <v>1</v>
      </c>
      <c r="K23760" s="9">
        <v>4.72</v>
      </c>
      <c r="L23760" s="6" t="s">
        <v>4151</v>
      </c>
    </row>
    <row r="23761" spans="1:12">
      <c r="A23761" s="6" t="s">
        <v>4151</v>
      </c>
      <c r="B23761" s="6"/>
      <c r="C23761" s="6" t="s">
        <v>23797</v>
      </c>
      <c r="D23761" s="6"/>
      <c r="E23761" s="6" t="s">
        <v>9</v>
      </c>
      <c r="F23761" s="7">
        <v>38657</v>
      </c>
      <c r="G23761" s="8">
        <v>1</v>
      </c>
      <c r="H23761" s="8">
        <v>1</v>
      </c>
      <c r="I23761" s="8">
        <v>0</v>
      </c>
      <c r="J23761" s="8">
        <v>1</v>
      </c>
      <c r="K23761" s="9">
        <v>4.72</v>
      </c>
      <c r="L23761" s="6" t="s">
        <v>4151</v>
      </c>
    </row>
    <row r="23762" spans="1:12">
      <c r="A23762" s="6" t="s">
        <v>4151</v>
      </c>
      <c r="B23762" s="6"/>
      <c r="C23762" s="6" t="s">
        <v>23798</v>
      </c>
      <c r="D23762" s="6"/>
      <c r="E23762" s="6" t="s">
        <v>9</v>
      </c>
      <c r="F23762" s="7">
        <v>38657</v>
      </c>
      <c r="G23762" s="8">
        <v>1</v>
      </c>
      <c r="H23762" s="8">
        <v>1</v>
      </c>
      <c r="I23762" s="8">
        <v>0</v>
      </c>
      <c r="J23762" s="8">
        <v>1</v>
      </c>
      <c r="K23762" s="9">
        <v>5.04</v>
      </c>
      <c r="L23762" s="6" t="s">
        <v>4151</v>
      </c>
    </row>
    <row r="23763" spans="1:12">
      <c r="A23763" s="6" t="s">
        <v>4151</v>
      </c>
      <c r="B23763" s="6"/>
      <c r="C23763" s="6" t="s">
        <v>23799</v>
      </c>
      <c r="D23763" s="6"/>
      <c r="E23763" s="6" t="s">
        <v>9</v>
      </c>
      <c r="F23763" s="7">
        <v>38657</v>
      </c>
      <c r="G23763" s="8">
        <v>1</v>
      </c>
      <c r="H23763" s="8">
        <v>1</v>
      </c>
      <c r="I23763" s="8">
        <v>0</v>
      </c>
      <c r="J23763" s="8">
        <v>1</v>
      </c>
      <c r="K23763" s="9">
        <v>4.72</v>
      </c>
      <c r="L23763" s="6" t="s">
        <v>4151</v>
      </c>
    </row>
    <row r="23764" spans="1:12">
      <c r="A23764" s="6" t="s">
        <v>4151</v>
      </c>
      <c r="B23764" s="6"/>
      <c r="C23764" s="6" t="s">
        <v>23800</v>
      </c>
      <c r="D23764" s="6"/>
      <c r="E23764" s="6" t="s">
        <v>9</v>
      </c>
      <c r="F23764" s="7">
        <v>38657</v>
      </c>
      <c r="G23764" s="8">
        <v>1</v>
      </c>
      <c r="H23764" s="8">
        <v>1</v>
      </c>
      <c r="I23764" s="8">
        <v>0</v>
      </c>
      <c r="J23764" s="8">
        <v>1</v>
      </c>
      <c r="K23764" s="9">
        <v>1.02</v>
      </c>
      <c r="L23764" s="6" t="s">
        <v>4151</v>
      </c>
    </row>
    <row r="23765" spans="1:12">
      <c r="A23765" s="6" t="s">
        <v>4151</v>
      </c>
      <c r="B23765" s="6"/>
      <c r="C23765" s="6" t="s">
        <v>23801</v>
      </c>
      <c r="D23765" s="6"/>
      <c r="E23765" s="6" t="s">
        <v>9</v>
      </c>
      <c r="F23765" s="7">
        <v>38657</v>
      </c>
      <c r="G23765" s="8">
        <v>1</v>
      </c>
      <c r="H23765" s="8">
        <v>1</v>
      </c>
      <c r="I23765" s="8">
        <v>0</v>
      </c>
      <c r="J23765" s="8">
        <v>1</v>
      </c>
      <c r="K23765" s="9">
        <v>3.72</v>
      </c>
      <c r="L23765" s="6" t="s">
        <v>4151</v>
      </c>
    </row>
    <row r="23766" spans="1:12">
      <c r="A23766" s="6" t="s">
        <v>4151</v>
      </c>
      <c r="B23766" s="6"/>
      <c r="C23766" s="6" t="s">
        <v>23802</v>
      </c>
      <c r="D23766" s="6"/>
      <c r="E23766" s="6" t="s">
        <v>9</v>
      </c>
      <c r="F23766" s="7">
        <v>38657</v>
      </c>
      <c r="G23766" s="8">
        <v>1</v>
      </c>
      <c r="H23766" s="8">
        <v>1</v>
      </c>
      <c r="I23766" s="8">
        <v>0</v>
      </c>
      <c r="J23766" s="8">
        <v>1</v>
      </c>
      <c r="K23766" s="9">
        <v>102</v>
      </c>
      <c r="L23766" s="6" t="s">
        <v>4151</v>
      </c>
    </row>
    <row r="23767" spans="1:12">
      <c r="A23767" s="6" t="s">
        <v>4151</v>
      </c>
      <c r="B23767" s="6"/>
      <c r="C23767" s="6" t="s">
        <v>23803</v>
      </c>
      <c r="D23767" s="6"/>
      <c r="E23767" s="6" t="s">
        <v>9</v>
      </c>
      <c r="F23767" s="7">
        <v>38657</v>
      </c>
      <c r="G23767" s="8">
        <v>1</v>
      </c>
      <c r="H23767" s="8">
        <v>1</v>
      </c>
      <c r="I23767" s="8">
        <v>0</v>
      </c>
      <c r="J23767" s="8">
        <v>1</v>
      </c>
      <c r="K23767" s="9">
        <v>3.8</v>
      </c>
      <c r="L23767" s="6" t="s">
        <v>4151</v>
      </c>
    </row>
    <row r="23768" spans="1:12">
      <c r="A23768" s="6" t="s">
        <v>4151</v>
      </c>
      <c r="B23768" s="6"/>
      <c r="C23768" s="6" t="s">
        <v>23804</v>
      </c>
      <c r="D23768" s="6"/>
      <c r="E23768" s="6" t="s">
        <v>9</v>
      </c>
      <c r="F23768" s="7">
        <v>38657</v>
      </c>
      <c r="G23768" s="8">
        <v>1</v>
      </c>
      <c r="H23768" s="8">
        <v>1</v>
      </c>
      <c r="I23768" s="8">
        <v>0</v>
      </c>
      <c r="J23768" s="8">
        <v>1</v>
      </c>
      <c r="K23768" s="9">
        <v>25</v>
      </c>
      <c r="L23768" s="6" t="s">
        <v>4151</v>
      </c>
    </row>
    <row r="23769" spans="1:12">
      <c r="A23769" s="6" t="s">
        <v>4151</v>
      </c>
      <c r="B23769" s="6"/>
      <c r="C23769" s="6" t="s">
        <v>23805</v>
      </c>
      <c r="D23769" s="6"/>
      <c r="E23769" s="6" t="s">
        <v>9</v>
      </c>
      <c r="F23769" s="7">
        <v>38657</v>
      </c>
      <c r="G23769" s="8">
        <v>1</v>
      </c>
      <c r="H23769" s="8">
        <v>1</v>
      </c>
      <c r="I23769" s="8">
        <v>0</v>
      </c>
      <c r="J23769" s="8">
        <v>1</v>
      </c>
      <c r="K23769" s="9">
        <v>63</v>
      </c>
      <c r="L23769" s="6" t="s">
        <v>4151</v>
      </c>
    </row>
    <row r="23770" spans="1:12">
      <c r="A23770" s="6" t="s">
        <v>4151</v>
      </c>
      <c r="B23770" s="6"/>
      <c r="C23770" s="6" t="s">
        <v>23806</v>
      </c>
      <c r="D23770" s="6"/>
      <c r="E23770" s="6" t="s">
        <v>9</v>
      </c>
      <c r="F23770" s="7">
        <v>38657</v>
      </c>
      <c r="G23770" s="8">
        <v>1</v>
      </c>
      <c r="H23770" s="8">
        <v>1</v>
      </c>
      <c r="I23770" s="8">
        <v>0</v>
      </c>
      <c r="J23770" s="8">
        <v>1</v>
      </c>
      <c r="K23770" s="9">
        <v>62</v>
      </c>
      <c r="L23770" s="6" t="s">
        <v>4151</v>
      </c>
    </row>
    <row r="23771" spans="1:12">
      <c r="A23771" s="6" t="s">
        <v>4151</v>
      </c>
      <c r="B23771" s="6"/>
      <c r="C23771" s="6" t="s">
        <v>23807</v>
      </c>
      <c r="D23771" s="6"/>
      <c r="E23771" s="6" t="s">
        <v>9</v>
      </c>
      <c r="F23771" s="7">
        <v>38657</v>
      </c>
      <c r="G23771" s="8">
        <v>1</v>
      </c>
      <c r="H23771" s="8">
        <v>1</v>
      </c>
      <c r="I23771" s="8">
        <v>0</v>
      </c>
      <c r="J23771" s="8">
        <v>1</v>
      </c>
      <c r="K23771" s="9">
        <v>7.19</v>
      </c>
      <c r="L23771" s="6" t="s">
        <v>4151</v>
      </c>
    </row>
    <row r="23772" spans="1:12">
      <c r="A23772" s="6" t="s">
        <v>4151</v>
      </c>
      <c r="B23772" s="6"/>
      <c r="C23772" s="6" t="s">
        <v>23808</v>
      </c>
      <c r="D23772" s="6"/>
      <c r="E23772" s="6" t="s">
        <v>9</v>
      </c>
      <c r="F23772" s="7">
        <v>38657</v>
      </c>
      <c r="G23772" s="8">
        <v>1</v>
      </c>
      <c r="H23772" s="8">
        <v>1</v>
      </c>
      <c r="I23772" s="8">
        <v>0</v>
      </c>
      <c r="J23772" s="8">
        <v>1</v>
      </c>
      <c r="K23772" s="9">
        <v>19</v>
      </c>
      <c r="L23772" s="6" t="s">
        <v>4151</v>
      </c>
    </row>
    <row r="23773" spans="1:12">
      <c r="A23773" s="6" t="s">
        <v>4151</v>
      </c>
      <c r="B23773" s="6"/>
      <c r="C23773" s="6" t="s">
        <v>23809</v>
      </c>
      <c r="D23773" s="6"/>
      <c r="E23773" s="6" t="s">
        <v>9</v>
      </c>
      <c r="F23773" s="7">
        <v>38657</v>
      </c>
      <c r="G23773" s="8">
        <v>1</v>
      </c>
      <c r="H23773" s="8">
        <v>1</v>
      </c>
      <c r="I23773" s="8">
        <v>0</v>
      </c>
      <c r="J23773" s="8">
        <v>1</v>
      </c>
      <c r="K23773" s="9">
        <v>66</v>
      </c>
      <c r="L23773" s="6" t="s">
        <v>4151</v>
      </c>
    </row>
    <row r="23774" spans="1:12">
      <c r="A23774" s="6" t="s">
        <v>4151</v>
      </c>
      <c r="B23774" s="6"/>
      <c r="C23774" s="6" t="s">
        <v>23810</v>
      </c>
      <c r="D23774" s="6"/>
      <c r="E23774" s="6" t="s">
        <v>9</v>
      </c>
      <c r="F23774" s="7">
        <v>38657</v>
      </c>
      <c r="G23774" s="8">
        <v>1</v>
      </c>
      <c r="H23774" s="8">
        <v>1</v>
      </c>
      <c r="I23774" s="8">
        <v>0</v>
      </c>
      <c r="J23774" s="8">
        <v>1</v>
      </c>
      <c r="K23774" s="9">
        <v>41</v>
      </c>
      <c r="L23774" s="6" t="s">
        <v>4151</v>
      </c>
    </row>
    <row r="23775" spans="1:12">
      <c r="A23775" s="6" t="s">
        <v>4151</v>
      </c>
      <c r="B23775" s="6"/>
      <c r="C23775" s="6" t="s">
        <v>23811</v>
      </c>
      <c r="D23775" s="6"/>
      <c r="E23775" s="6" t="s">
        <v>9</v>
      </c>
      <c r="F23775" s="7">
        <v>38657</v>
      </c>
      <c r="G23775" s="8">
        <v>1</v>
      </c>
      <c r="H23775" s="8">
        <v>1</v>
      </c>
      <c r="I23775" s="8">
        <v>0</v>
      </c>
      <c r="J23775" s="8">
        <v>1</v>
      </c>
      <c r="K23775" s="9">
        <v>102</v>
      </c>
      <c r="L23775" s="6" t="s">
        <v>4151</v>
      </c>
    </row>
    <row r="23776" spans="1:12">
      <c r="A23776" s="6" t="s">
        <v>4151</v>
      </c>
      <c r="B23776" s="6"/>
      <c r="C23776" s="6" t="s">
        <v>23812</v>
      </c>
      <c r="D23776" s="6"/>
      <c r="E23776" s="6" t="s">
        <v>9</v>
      </c>
      <c r="F23776" s="7">
        <v>38657</v>
      </c>
      <c r="G23776" s="8">
        <v>1</v>
      </c>
      <c r="H23776" s="8">
        <v>1</v>
      </c>
      <c r="I23776" s="8">
        <v>0</v>
      </c>
      <c r="J23776" s="8">
        <v>1</v>
      </c>
      <c r="K23776" s="9">
        <v>6.79</v>
      </c>
      <c r="L23776" s="6" t="s">
        <v>4151</v>
      </c>
    </row>
    <row r="23777" spans="1:12">
      <c r="A23777" s="6" t="s">
        <v>4151</v>
      </c>
      <c r="B23777" s="6"/>
      <c r="C23777" s="6" t="s">
        <v>23813</v>
      </c>
      <c r="D23777" s="6"/>
      <c r="E23777" s="6" t="s">
        <v>9</v>
      </c>
      <c r="F23777" s="7">
        <v>38657</v>
      </c>
      <c r="G23777" s="8">
        <v>1</v>
      </c>
      <c r="H23777" s="8">
        <v>1</v>
      </c>
      <c r="I23777" s="8">
        <v>0</v>
      </c>
      <c r="J23777" s="8">
        <v>1</v>
      </c>
      <c r="K23777" s="9">
        <v>8.3800000000000008</v>
      </c>
      <c r="L23777" s="6" t="s">
        <v>4151</v>
      </c>
    </row>
    <row r="23778" spans="1:12">
      <c r="A23778" s="6" t="s">
        <v>4151</v>
      </c>
      <c r="B23778" s="6"/>
      <c r="C23778" s="6" t="s">
        <v>23814</v>
      </c>
      <c r="D23778" s="6"/>
      <c r="E23778" s="6" t="s">
        <v>9</v>
      </c>
      <c r="F23778" s="7">
        <v>38657</v>
      </c>
      <c r="G23778" s="8">
        <v>1</v>
      </c>
      <c r="H23778" s="8">
        <v>1</v>
      </c>
      <c r="I23778" s="8">
        <v>0</v>
      </c>
      <c r="J23778" s="8">
        <v>1</v>
      </c>
      <c r="K23778" s="9">
        <v>8.3800000000000008</v>
      </c>
      <c r="L23778" s="6" t="s">
        <v>4151</v>
      </c>
    </row>
    <row r="23779" spans="1:12">
      <c r="A23779" s="6" t="s">
        <v>4151</v>
      </c>
      <c r="B23779" s="6"/>
      <c r="C23779" s="6" t="s">
        <v>23815</v>
      </c>
      <c r="D23779" s="6"/>
      <c r="E23779" s="6" t="s">
        <v>9</v>
      </c>
      <c r="F23779" s="7">
        <v>38657</v>
      </c>
      <c r="G23779" s="8">
        <v>1</v>
      </c>
      <c r="H23779" s="8">
        <v>1</v>
      </c>
      <c r="I23779" s="8">
        <v>0</v>
      </c>
      <c r="J23779" s="8">
        <v>1</v>
      </c>
      <c r="K23779" s="9">
        <v>8.35</v>
      </c>
      <c r="L23779" s="6" t="s">
        <v>4151</v>
      </c>
    </row>
    <row r="23780" spans="1:12">
      <c r="A23780" s="6" t="s">
        <v>4151</v>
      </c>
      <c r="B23780" s="6"/>
      <c r="C23780" s="6" t="s">
        <v>23816</v>
      </c>
      <c r="D23780" s="6"/>
      <c r="E23780" s="6" t="s">
        <v>9</v>
      </c>
      <c r="F23780" s="7">
        <v>38657</v>
      </c>
      <c r="G23780" s="8">
        <v>1</v>
      </c>
      <c r="H23780" s="8">
        <v>1</v>
      </c>
      <c r="I23780" s="8">
        <v>0</v>
      </c>
      <c r="J23780" s="8">
        <v>1</v>
      </c>
      <c r="K23780" s="9">
        <v>8.35</v>
      </c>
      <c r="L23780" s="6" t="s">
        <v>4151</v>
      </c>
    </row>
    <row r="23781" spans="1:12">
      <c r="A23781" s="6" t="s">
        <v>4151</v>
      </c>
      <c r="B23781" s="6"/>
      <c r="C23781" s="6" t="s">
        <v>23817</v>
      </c>
      <c r="D23781" s="6"/>
      <c r="E23781" s="6" t="s">
        <v>9</v>
      </c>
      <c r="F23781" s="7">
        <v>38657</v>
      </c>
      <c r="G23781" s="8">
        <v>1</v>
      </c>
      <c r="H23781" s="8">
        <v>1</v>
      </c>
      <c r="I23781" s="8">
        <v>0</v>
      </c>
      <c r="J23781" s="8">
        <v>1</v>
      </c>
      <c r="K23781" s="9">
        <v>8.36</v>
      </c>
      <c r="L23781" s="6" t="s">
        <v>4151</v>
      </c>
    </row>
    <row r="23782" spans="1:12">
      <c r="A23782" s="6" t="s">
        <v>4151</v>
      </c>
      <c r="B23782" s="6"/>
      <c r="C23782" s="6" t="s">
        <v>23818</v>
      </c>
      <c r="D23782" s="6"/>
      <c r="E23782" s="6" t="s">
        <v>9</v>
      </c>
      <c r="F23782" s="7">
        <v>38657</v>
      </c>
      <c r="G23782" s="8">
        <v>1</v>
      </c>
      <c r="H23782" s="8">
        <v>1</v>
      </c>
      <c r="I23782" s="8">
        <v>0</v>
      </c>
      <c r="J23782" s="8">
        <v>1</v>
      </c>
      <c r="K23782" s="9">
        <v>8.36</v>
      </c>
      <c r="L23782" s="6" t="s">
        <v>4151</v>
      </c>
    </row>
    <row r="23783" spans="1:12">
      <c r="A23783" s="6" t="s">
        <v>4151</v>
      </c>
      <c r="B23783" s="6"/>
      <c r="C23783" s="6" t="s">
        <v>23819</v>
      </c>
      <c r="D23783" s="6"/>
      <c r="E23783" s="6" t="s">
        <v>9</v>
      </c>
      <c r="F23783" s="7">
        <v>38657</v>
      </c>
      <c r="G23783" s="8">
        <v>1</v>
      </c>
      <c r="H23783" s="8">
        <v>1</v>
      </c>
      <c r="I23783" s="8">
        <v>0</v>
      </c>
      <c r="J23783" s="8">
        <v>1</v>
      </c>
      <c r="K23783" s="9">
        <v>8.36</v>
      </c>
      <c r="L23783" s="6" t="s">
        <v>4151</v>
      </c>
    </row>
    <row r="23784" spans="1:12">
      <c r="A23784" s="6" t="s">
        <v>4151</v>
      </c>
      <c r="B23784" s="6"/>
      <c r="C23784" s="6" t="s">
        <v>23820</v>
      </c>
      <c r="D23784" s="6"/>
      <c r="E23784" s="6" t="s">
        <v>9</v>
      </c>
      <c r="F23784" s="7">
        <v>38657</v>
      </c>
      <c r="G23784" s="8">
        <v>1</v>
      </c>
      <c r="H23784" s="8">
        <v>1</v>
      </c>
      <c r="I23784" s="8">
        <v>0</v>
      </c>
      <c r="J23784" s="8">
        <v>1</v>
      </c>
      <c r="K23784" s="9">
        <v>7.04</v>
      </c>
      <c r="L23784" s="6" t="s">
        <v>4151</v>
      </c>
    </row>
    <row r="23785" spans="1:12">
      <c r="A23785" s="6" t="s">
        <v>4151</v>
      </c>
      <c r="B23785" s="6"/>
      <c r="C23785" s="6" t="s">
        <v>23821</v>
      </c>
      <c r="D23785" s="6"/>
      <c r="E23785" s="6" t="s">
        <v>9</v>
      </c>
      <c r="F23785" s="7">
        <v>38657</v>
      </c>
      <c r="G23785" s="8">
        <v>1</v>
      </c>
      <c r="H23785" s="8">
        <v>1</v>
      </c>
      <c r="I23785" s="8">
        <v>0</v>
      </c>
      <c r="J23785" s="8">
        <v>1</v>
      </c>
      <c r="K23785" s="9">
        <v>10</v>
      </c>
      <c r="L23785" s="6" t="s">
        <v>4151</v>
      </c>
    </row>
    <row r="23786" spans="1:12">
      <c r="A23786" s="6" t="s">
        <v>4151</v>
      </c>
      <c r="B23786" s="6"/>
      <c r="C23786" s="6" t="s">
        <v>23822</v>
      </c>
      <c r="D23786" s="6"/>
      <c r="E23786" s="6" t="s">
        <v>9</v>
      </c>
      <c r="F23786" s="7">
        <v>38657</v>
      </c>
      <c r="G23786" s="8">
        <v>1</v>
      </c>
      <c r="H23786" s="8">
        <v>1</v>
      </c>
      <c r="I23786" s="8">
        <v>0</v>
      </c>
      <c r="J23786" s="8">
        <v>1</v>
      </c>
      <c r="K23786" s="9">
        <v>99</v>
      </c>
      <c r="L23786" s="6" t="s">
        <v>4151</v>
      </c>
    </row>
    <row r="23787" spans="1:12">
      <c r="A23787" s="6" t="s">
        <v>4151</v>
      </c>
      <c r="B23787" s="6"/>
      <c r="C23787" s="6" t="s">
        <v>23823</v>
      </c>
      <c r="D23787" s="6"/>
      <c r="E23787" s="6" t="s">
        <v>9</v>
      </c>
      <c r="F23787" s="7">
        <v>38657</v>
      </c>
      <c r="G23787" s="8">
        <v>1</v>
      </c>
      <c r="H23787" s="8">
        <v>1</v>
      </c>
      <c r="I23787" s="8">
        <v>0</v>
      </c>
      <c r="J23787" s="8">
        <v>1</v>
      </c>
      <c r="K23787" s="9">
        <v>23</v>
      </c>
      <c r="L23787" s="6" t="s">
        <v>4151</v>
      </c>
    </row>
    <row r="23788" spans="1:12">
      <c r="A23788" s="6" t="s">
        <v>4151</v>
      </c>
      <c r="B23788" s="6"/>
      <c r="C23788" s="6" t="s">
        <v>23824</v>
      </c>
      <c r="D23788" s="6"/>
      <c r="E23788" s="6" t="s">
        <v>9</v>
      </c>
      <c r="F23788" s="7">
        <v>38657</v>
      </c>
      <c r="G23788" s="8">
        <v>1</v>
      </c>
      <c r="H23788" s="8">
        <v>1</v>
      </c>
      <c r="I23788" s="8">
        <v>0</v>
      </c>
      <c r="J23788" s="8">
        <v>1</v>
      </c>
      <c r="K23788" s="9">
        <v>39</v>
      </c>
      <c r="L23788" s="6" t="s">
        <v>4151</v>
      </c>
    </row>
    <row r="23789" spans="1:12">
      <c r="A23789" s="6" t="s">
        <v>4151</v>
      </c>
      <c r="B23789" s="6"/>
      <c r="C23789" s="6" t="s">
        <v>23825</v>
      </c>
      <c r="D23789" s="6"/>
      <c r="E23789" s="6" t="s">
        <v>9</v>
      </c>
      <c r="F23789" s="7">
        <v>38657</v>
      </c>
      <c r="G23789" s="8">
        <v>1</v>
      </c>
      <c r="H23789" s="8">
        <v>1</v>
      </c>
      <c r="I23789" s="8">
        <v>0</v>
      </c>
      <c r="J23789" s="8">
        <v>1</v>
      </c>
      <c r="K23789" s="9">
        <v>15</v>
      </c>
      <c r="L23789" s="6" t="s">
        <v>4151</v>
      </c>
    </row>
    <row r="23790" spans="1:12">
      <c r="A23790" s="6" t="s">
        <v>4151</v>
      </c>
      <c r="B23790" s="6"/>
      <c r="C23790" s="6" t="s">
        <v>23826</v>
      </c>
      <c r="D23790" s="6"/>
      <c r="E23790" s="6" t="s">
        <v>9</v>
      </c>
      <c r="F23790" s="7">
        <v>38657</v>
      </c>
      <c r="G23790" s="8">
        <v>1</v>
      </c>
      <c r="H23790" s="8">
        <v>1</v>
      </c>
      <c r="I23790" s="8">
        <v>0</v>
      </c>
      <c r="J23790" s="8">
        <v>1</v>
      </c>
      <c r="K23790" s="9">
        <v>81</v>
      </c>
      <c r="L23790" s="6" t="s">
        <v>4151</v>
      </c>
    </row>
    <row r="23791" spans="1:12">
      <c r="A23791" s="6" t="s">
        <v>4151</v>
      </c>
      <c r="B23791" s="6"/>
      <c r="C23791" s="6" t="s">
        <v>23827</v>
      </c>
      <c r="D23791" s="6"/>
      <c r="E23791" s="6" t="s">
        <v>9</v>
      </c>
      <c r="F23791" s="7">
        <v>38657</v>
      </c>
      <c r="G23791" s="8">
        <v>1</v>
      </c>
      <c r="H23791" s="8">
        <v>1</v>
      </c>
      <c r="I23791" s="8">
        <v>0</v>
      </c>
      <c r="J23791" s="8">
        <v>1</v>
      </c>
      <c r="K23791" s="9">
        <v>99</v>
      </c>
      <c r="L23791" s="6" t="s">
        <v>4151</v>
      </c>
    </row>
    <row r="23792" spans="1:12">
      <c r="A23792" s="6" t="s">
        <v>4151</v>
      </c>
      <c r="B23792" s="6"/>
      <c r="C23792" s="6" t="s">
        <v>23828</v>
      </c>
      <c r="D23792" s="6"/>
      <c r="E23792" s="6" t="s">
        <v>9</v>
      </c>
      <c r="F23792" s="7">
        <v>38657</v>
      </c>
      <c r="G23792" s="8">
        <v>1</v>
      </c>
      <c r="H23792" s="8">
        <v>1</v>
      </c>
      <c r="I23792" s="8">
        <v>0</v>
      </c>
      <c r="J23792" s="8">
        <v>1</v>
      </c>
      <c r="K23792" s="9">
        <v>239</v>
      </c>
      <c r="L23792" s="6" t="s">
        <v>4151</v>
      </c>
    </row>
    <row r="23793" spans="1:12">
      <c r="A23793" s="6" t="s">
        <v>4151</v>
      </c>
      <c r="B23793" s="6"/>
      <c r="C23793" s="6" t="s">
        <v>23829</v>
      </c>
      <c r="D23793" s="6"/>
      <c r="E23793" s="6" t="s">
        <v>9</v>
      </c>
      <c r="F23793" s="7">
        <v>39569</v>
      </c>
      <c r="G23793" s="8">
        <v>1</v>
      </c>
      <c r="H23793" s="8">
        <v>1</v>
      </c>
      <c r="I23793" s="8">
        <v>0</v>
      </c>
      <c r="J23793" s="8">
        <v>1</v>
      </c>
      <c r="K23793" s="9">
        <v>103</v>
      </c>
      <c r="L23793" s="6" t="s">
        <v>4151</v>
      </c>
    </row>
    <row r="23794" spans="1:12">
      <c r="A23794" s="6" t="s">
        <v>4151</v>
      </c>
      <c r="B23794" s="6"/>
      <c r="C23794" s="6" t="s">
        <v>23830</v>
      </c>
      <c r="D23794" s="6"/>
      <c r="E23794" s="6" t="s">
        <v>9</v>
      </c>
      <c r="F23794" s="7">
        <v>38657</v>
      </c>
      <c r="G23794" s="8">
        <v>1</v>
      </c>
      <c r="H23794" s="8">
        <v>1</v>
      </c>
      <c r="I23794" s="8">
        <v>0</v>
      </c>
      <c r="J23794" s="8">
        <v>1</v>
      </c>
      <c r="K23794" s="9">
        <v>6.03</v>
      </c>
      <c r="L23794" s="6" t="s">
        <v>4151</v>
      </c>
    </row>
    <row r="23795" spans="1:12">
      <c r="A23795" s="6" t="s">
        <v>4151</v>
      </c>
      <c r="B23795" s="6"/>
      <c r="C23795" s="6" t="s">
        <v>23831</v>
      </c>
      <c r="D23795" s="6"/>
      <c r="E23795" s="6" t="s">
        <v>9</v>
      </c>
      <c r="F23795" s="7">
        <v>38657</v>
      </c>
      <c r="G23795" s="8">
        <v>1</v>
      </c>
      <c r="H23795" s="8">
        <v>1</v>
      </c>
      <c r="I23795" s="8">
        <v>0</v>
      </c>
      <c r="J23795" s="8">
        <v>1</v>
      </c>
      <c r="K23795" s="9">
        <v>210</v>
      </c>
      <c r="L23795" s="6" t="s">
        <v>4151</v>
      </c>
    </row>
    <row r="23796" spans="1:12">
      <c r="A23796" s="6" t="s">
        <v>4151</v>
      </c>
      <c r="B23796" s="6"/>
      <c r="C23796" s="6" t="s">
        <v>23832</v>
      </c>
      <c r="D23796" s="6"/>
      <c r="E23796" s="6" t="s">
        <v>9</v>
      </c>
      <c r="F23796" s="7">
        <v>38657</v>
      </c>
      <c r="G23796" s="8">
        <v>1</v>
      </c>
      <c r="H23796" s="8">
        <v>1</v>
      </c>
      <c r="I23796" s="8">
        <v>0</v>
      </c>
      <c r="J23796" s="8">
        <v>1</v>
      </c>
      <c r="K23796" s="9">
        <v>9.0299999999999905</v>
      </c>
      <c r="L23796" s="6" t="s">
        <v>4151</v>
      </c>
    </row>
    <row r="23797" spans="1:12">
      <c r="A23797" s="6" t="s">
        <v>4151</v>
      </c>
      <c r="B23797" s="6"/>
      <c r="C23797" s="6" t="s">
        <v>23833</v>
      </c>
      <c r="D23797" s="6"/>
      <c r="E23797" s="6" t="s">
        <v>9</v>
      </c>
      <c r="F23797" s="7">
        <v>38657</v>
      </c>
      <c r="G23797" s="8">
        <v>1</v>
      </c>
      <c r="H23797" s="8">
        <v>1</v>
      </c>
      <c r="I23797" s="8">
        <v>0</v>
      </c>
      <c r="J23797" s="8">
        <v>1</v>
      </c>
      <c r="K23797" s="9">
        <v>199</v>
      </c>
      <c r="L23797" s="6" t="s">
        <v>4151</v>
      </c>
    </row>
    <row r="23798" spans="1:12">
      <c r="A23798" s="6" t="s">
        <v>4151</v>
      </c>
      <c r="B23798" s="6"/>
      <c r="C23798" s="6" t="s">
        <v>23834</v>
      </c>
      <c r="D23798" s="6"/>
      <c r="E23798" s="6" t="s">
        <v>9</v>
      </c>
      <c r="F23798" s="7">
        <v>38657</v>
      </c>
      <c r="G23798" s="8">
        <v>1</v>
      </c>
      <c r="H23798" s="8">
        <v>1</v>
      </c>
      <c r="I23798" s="8">
        <v>0</v>
      </c>
      <c r="J23798" s="8">
        <v>1</v>
      </c>
      <c r="K23798" s="9">
        <v>115</v>
      </c>
      <c r="L23798" s="6" t="s">
        <v>4151</v>
      </c>
    </row>
    <row r="23799" spans="1:12">
      <c r="A23799" s="6" t="s">
        <v>4151</v>
      </c>
      <c r="B23799" s="6"/>
      <c r="C23799" s="6" t="s">
        <v>23835</v>
      </c>
      <c r="D23799" s="6"/>
      <c r="E23799" s="6" t="s">
        <v>9</v>
      </c>
      <c r="F23799" s="7">
        <v>38657</v>
      </c>
      <c r="G23799" s="8">
        <v>1</v>
      </c>
      <c r="H23799" s="8">
        <v>1</v>
      </c>
      <c r="I23799" s="8">
        <v>0</v>
      </c>
      <c r="J23799" s="8">
        <v>1</v>
      </c>
      <c r="K23799" s="9">
        <v>17</v>
      </c>
      <c r="L23799" s="6" t="s">
        <v>4151</v>
      </c>
    </row>
    <row r="23800" spans="1:12">
      <c r="A23800" s="6" t="s">
        <v>4151</v>
      </c>
      <c r="B23800" s="6"/>
      <c r="C23800" s="6" t="s">
        <v>23836</v>
      </c>
      <c r="D23800" s="6"/>
      <c r="E23800" s="6" t="s">
        <v>9</v>
      </c>
      <c r="F23800" s="7">
        <v>38657</v>
      </c>
      <c r="G23800" s="8">
        <v>1</v>
      </c>
      <c r="H23800" s="8">
        <v>1</v>
      </c>
      <c r="I23800" s="8">
        <v>0</v>
      </c>
      <c r="J23800" s="8">
        <v>1</v>
      </c>
      <c r="K23800" s="9">
        <v>40</v>
      </c>
      <c r="L23800" s="6" t="s">
        <v>4151</v>
      </c>
    </row>
    <row r="23801" spans="1:12">
      <c r="A23801" s="6" t="s">
        <v>4151</v>
      </c>
      <c r="B23801" s="6"/>
      <c r="C23801" s="6" t="s">
        <v>23837</v>
      </c>
      <c r="D23801" s="6"/>
      <c r="E23801" s="6" t="s">
        <v>9</v>
      </c>
      <c r="F23801" s="7">
        <v>38657</v>
      </c>
      <c r="G23801" s="8">
        <v>1</v>
      </c>
      <c r="H23801" s="8">
        <v>1</v>
      </c>
      <c r="I23801" s="8">
        <v>0</v>
      </c>
      <c r="J23801" s="8">
        <v>1</v>
      </c>
      <c r="K23801" s="9">
        <v>32</v>
      </c>
      <c r="L23801" s="6" t="s">
        <v>4151</v>
      </c>
    </row>
    <row r="23802" spans="1:12">
      <c r="A23802" s="6" t="s">
        <v>4151</v>
      </c>
      <c r="B23802" s="6"/>
      <c r="C23802" s="6" t="s">
        <v>23838</v>
      </c>
      <c r="D23802" s="6"/>
      <c r="E23802" s="6" t="s">
        <v>9</v>
      </c>
      <c r="F23802" s="7">
        <v>38657</v>
      </c>
      <c r="G23802" s="8">
        <v>1</v>
      </c>
      <c r="H23802" s="8">
        <v>1</v>
      </c>
      <c r="I23802" s="8">
        <v>0</v>
      </c>
      <c r="J23802" s="8">
        <v>1</v>
      </c>
      <c r="K23802" s="9">
        <v>4.95</v>
      </c>
      <c r="L23802" s="6" t="s">
        <v>4151</v>
      </c>
    </row>
    <row r="23803" spans="1:12">
      <c r="A23803" s="6" t="s">
        <v>4151</v>
      </c>
      <c r="B23803" s="6"/>
      <c r="C23803" s="6" t="s">
        <v>23839</v>
      </c>
      <c r="D23803" s="6"/>
      <c r="E23803" s="6" t="s">
        <v>9</v>
      </c>
      <c r="F23803" s="7">
        <v>38657</v>
      </c>
      <c r="G23803" s="8">
        <v>1</v>
      </c>
      <c r="H23803" s="8">
        <v>1</v>
      </c>
      <c r="I23803" s="8">
        <v>0</v>
      </c>
      <c r="J23803" s="8">
        <v>1</v>
      </c>
      <c r="K23803" s="9">
        <v>6</v>
      </c>
      <c r="L23803" s="6" t="s">
        <v>4151</v>
      </c>
    </row>
    <row r="23804" spans="1:12">
      <c r="A23804" s="6" t="s">
        <v>4151</v>
      </c>
      <c r="B23804" s="6"/>
      <c r="C23804" s="6" t="s">
        <v>23840</v>
      </c>
      <c r="D23804" s="6"/>
      <c r="E23804" s="6" t="s">
        <v>9</v>
      </c>
      <c r="F23804" s="7">
        <v>38657</v>
      </c>
      <c r="G23804" s="8">
        <v>1</v>
      </c>
      <c r="H23804" s="8">
        <v>1</v>
      </c>
      <c r="I23804" s="8">
        <v>0</v>
      </c>
      <c r="J23804" s="8">
        <v>1</v>
      </c>
      <c r="K23804" s="9">
        <v>7.6</v>
      </c>
      <c r="L23804" s="6" t="s">
        <v>4151</v>
      </c>
    </row>
    <row r="23805" spans="1:12">
      <c r="A23805" s="6" t="s">
        <v>4151</v>
      </c>
      <c r="B23805" s="6"/>
      <c r="C23805" s="6" t="s">
        <v>23841</v>
      </c>
      <c r="D23805" s="6"/>
      <c r="E23805" s="6" t="s">
        <v>9</v>
      </c>
      <c r="F23805" s="7">
        <v>38657</v>
      </c>
      <c r="G23805" s="8">
        <v>1</v>
      </c>
      <c r="H23805" s="8">
        <v>1</v>
      </c>
      <c r="I23805" s="8">
        <v>0</v>
      </c>
      <c r="J23805" s="8">
        <v>1</v>
      </c>
      <c r="K23805" s="9">
        <v>5.78</v>
      </c>
      <c r="L23805" s="6" t="s">
        <v>4151</v>
      </c>
    </row>
    <row r="23806" spans="1:12">
      <c r="A23806" s="6" t="s">
        <v>4151</v>
      </c>
      <c r="B23806" s="6"/>
      <c r="C23806" s="6" t="s">
        <v>23842</v>
      </c>
      <c r="D23806" s="6"/>
      <c r="E23806" s="6" t="s">
        <v>9</v>
      </c>
      <c r="F23806" s="7">
        <v>38657</v>
      </c>
      <c r="G23806" s="8">
        <v>1</v>
      </c>
      <c r="H23806" s="8">
        <v>1</v>
      </c>
      <c r="I23806" s="8">
        <v>0</v>
      </c>
      <c r="J23806" s="8">
        <v>1</v>
      </c>
      <c r="K23806" s="9">
        <v>26</v>
      </c>
      <c r="L23806" s="6" t="s">
        <v>4151</v>
      </c>
    </row>
    <row r="23807" spans="1:12">
      <c r="A23807" s="6" t="s">
        <v>4151</v>
      </c>
      <c r="B23807" s="6"/>
      <c r="C23807" s="6" t="s">
        <v>23843</v>
      </c>
      <c r="D23807" s="6"/>
      <c r="E23807" s="6" t="s">
        <v>9</v>
      </c>
      <c r="F23807" s="7">
        <v>38657</v>
      </c>
      <c r="G23807" s="8">
        <v>1</v>
      </c>
      <c r="H23807" s="8">
        <v>1</v>
      </c>
      <c r="I23807" s="8">
        <v>0</v>
      </c>
      <c r="J23807" s="8">
        <v>1</v>
      </c>
      <c r="K23807" s="9">
        <v>9.73</v>
      </c>
      <c r="L23807" s="6" t="s">
        <v>4151</v>
      </c>
    </row>
    <row r="23808" spans="1:12">
      <c r="A23808" s="6" t="s">
        <v>4151</v>
      </c>
      <c r="B23808" s="6"/>
      <c r="C23808" s="6" t="s">
        <v>23844</v>
      </c>
      <c r="D23808" s="6"/>
      <c r="E23808" s="6" t="s">
        <v>9</v>
      </c>
      <c r="F23808" s="7">
        <v>38657</v>
      </c>
      <c r="G23808" s="8">
        <v>1</v>
      </c>
      <c r="H23808" s="8">
        <v>1</v>
      </c>
      <c r="I23808" s="8">
        <v>0</v>
      </c>
      <c r="J23808" s="8">
        <v>1</v>
      </c>
      <c r="K23808" s="9">
        <v>58</v>
      </c>
      <c r="L23808" s="6" t="s">
        <v>4151</v>
      </c>
    </row>
    <row r="23809" spans="1:12">
      <c r="A23809" s="6" t="s">
        <v>4151</v>
      </c>
      <c r="B23809" s="6"/>
      <c r="C23809" s="6" t="s">
        <v>23845</v>
      </c>
      <c r="D23809" s="6"/>
      <c r="E23809" s="6" t="s">
        <v>9</v>
      </c>
      <c r="F23809" s="7">
        <v>38657</v>
      </c>
      <c r="G23809" s="8">
        <v>1</v>
      </c>
      <c r="H23809" s="8">
        <v>1</v>
      </c>
      <c r="I23809" s="8">
        <v>0</v>
      </c>
      <c r="J23809" s="8">
        <v>1</v>
      </c>
      <c r="K23809" s="9">
        <v>26</v>
      </c>
      <c r="L23809" s="6" t="s">
        <v>4151</v>
      </c>
    </row>
    <row r="23810" spans="1:12">
      <c r="A23810" s="6" t="s">
        <v>4151</v>
      </c>
      <c r="B23810" s="6"/>
      <c r="C23810" s="6" t="s">
        <v>23846</v>
      </c>
      <c r="D23810" s="6"/>
      <c r="E23810" s="6" t="s">
        <v>9</v>
      </c>
      <c r="F23810" s="7">
        <v>38657</v>
      </c>
      <c r="G23810" s="8">
        <v>1</v>
      </c>
      <c r="H23810" s="8">
        <v>1</v>
      </c>
      <c r="I23810" s="8">
        <v>0</v>
      </c>
      <c r="J23810" s="8">
        <v>1</v>
      </c>
      <c r="K23810" s="9">
        <v>52</v>
      </c>
      <c r="L23810" s="6" t="s">
        <v>4151</v>
      </c>
    </row>
    <row r="23811" spans="1:12">
      <c r="A23811" s="6" t="s">
        <v>4151</v>
      </c>
      <c r="B23811" s="6"/>
      <c r="C23811" s="6" t="s">
        <v>23847</v>
      </c>
      <c r="D23811" s="6"/>
      <c r="E23811" s="6" t="s">
        <v>9</v>
      </c>
      <c r="F23811" s="7">
        <v>38657</v>
      </c>
      <c r="G23811" s="8">
        <v>1</v>
      </c>
      <c r="H23811" s="8">
        <v>1</v>
      </c>
      <c r="I23811" s="8">
        <v>0</v>
      </c>
      <c r="J23811" s="8">
        <v>1</v>
      </c>
      <c r="K23811" s="9">
        <v>4.12</v>
      </c>
      <c r="L23811" s="6" t="s">
        <v>4151</v>
      </c>
    </row>
    <row r="23812" spans="1:12">
      <c r="A23812" s="6" t="s">
        <v>4151</v>
      </c>
      <c r="B23812" s="6"/>
      <c r="C23812" s="6" t="s">
        <v>23848</v>
      </c>
      <c r="D23812" s="6"/>
      <c r="E23812" s="6" t="s">
        <v>9</v>
      </c>
      <c r="F23812" s="7">
        <v>38657</v>
      </c>
      <c r="G23812" s="8">
        <v>1</v>
      </c>
      <c r="H23812" s="8">
        <v>1</v>
      </c>
      <c r="I23812" s="8">
        <v>0</v>
      </c>
      <c r="J23812" s="8">
        <v>1</v>
      </c>
      <c r="K23812" s="9">
        <v>7.5</v>
      </c>
      <c r="L23812" s="6" t="s">
        <v>4151</v>
      </c>
    </row>
    <row r="23813" spans="1:12">
      <c r="A23813" s="6" t="s">
        <v>4151</v>
      </c>
      <c r="B23813" s="6"/>
      <c r="C23813" s="6" t="s">
        <v>23849</v>
      </c>
      <c r="D23813" s="6"/>
      <c r="E23813" s="6" t="s">
        <v>9</v>
      </c>
      <c r="F23813" s="7">
        <v>38657</v>
      </c>
      <c r="G23813" s="8">
        <v>1</v>
      </c>
      <c r="H23813" s="8">
        <v>1</v>
      </c>
      <c r="I23813" s="8">
        <v>0</v>
      </c>
      <c r="J23813" s="8">
        <v>1</v>
      </c>
      <c r="K23813" s="9">
        <v>1.41</v>
      </c>
      <c r="L23813" s="6" t="s">
        <v>4151</v>
      </c>
    </row>
    <row r="23814" spans="1:12">
      <c r="A23814" s="6" t="s">
        <v>4151</v>
      </c>
      <c r="B23814" s="6"/>
      <c r="C23814" s="6" t="s">
        <v>23850</v>
      </c>
      <c r="D23814" s="6"/>
      <c r="E23814" s="6" t="s">
        <v>9</v>
      </c>
      <c r="F23814" s="7">
        <v>38657</v>
      </c>
      <c r="G23814" s="8">
        <v>1</v>
      </c>
      <c r="H23814" s="8">
        <v>1</v>
      </c>
      <c r="I23814" s="8">
        <v>0</v>
      </c>
      <c r="J23814" s="8">
        <v>1</v>
      </c>
      <c r="K23814" s="9">
        <v>7.27</v>
      </c>
      <c r="L23814" s="6" t="s">
        <v>4151</v>
      </c>
    </row>
    <row r="23815" spans="1:12">
      <c r="A23815" s="6" t="s">
        <v>4151</v>
      </c>
      <c r="B23815" s="6"/>
      <c r="C23815" s="6" t="s">
        <v>23851</v>
      </c>
      <c r="D23815" s="6"/>
      <c r="E23815" s="6" t="s">
        <v>9</v>
      </c>
      <c r="F23815" s="7">
        <v>38657</v>
      </c>
      <c r="G23815" s="8">
        <v>1</v>
      </c>
      <c r="H23815" s="8">
        <v>1</v>
      </c>
      <c r="I23815" s="8">
        <v>0</v>
      </c>
      <c r="J23815" s="8">
        <v>1</v>
      </c>
      <c r="K23815" s="9">
        <v>10</v>
      </c>
      <c r="L23815" s="6" t="s">
        <v>4151</v>
      </c>
    </row>
    <row r="23816" spans="1:12">
      <c r="A23816" s="6" t="s">
        <v>4151</v>
      </c>
      <c r="B23816" s="6"/>
      <c r="C23816" s="6" t="s">
        <v>23852</v>
      </c>
      <c r="D23816" s="6"/>
      <c r="E23816" s="6" t="s">
        <v>9</v>
      </c>
      <c r="F23816" s="7">
        <v>38657</v>
      </c>
      <c r="G23816" s="8">
        <v>1</v>
      </c>
      <c r="H23816" s="8">
        <v>1</v>
      </c>
      <c r="I23816" s="8">
        <v>0</v>
      </c>
      <c r="J23816" s="8">
        <v>1</v>
      </c>
      <c r="K23816" s="9">
        <v>3.99</v>
      </c>
      <c r="L23816" s="6" t="s">
        <v>4151</v>
      </c>
    </row>
    <row r="23817" spans="1:12">
      <c r="A23817" s="6" t="s">
        <v>4151</v>
      </c>
      <c r="B23817" s="6"/>
      <c r="C23817" s="6" t="s">
        <v>23853</v>
      </c>
      <c r="D23817" s="6"/>
      <c r="E23817" s="6" t="s">
        <v>9</v>
      </c>
      <c r="F23817" s="7">
        <v>38657</v>
      </c>
      <c r="G23817" s="8">
        <v>1</v>
      </c>
      <c r="H23817" s="8">
        <v>1</v>
      </c>
      <c r="I23817" s="8">
        <v>0</v>
      </c>
      <c r="J23817" s="8">
        <v>1</v>
      </c>
      <c r="K23817" s="9">
        <v>3.63</v>
      </c>
      <c r="L23817" s="6" t="s">
        <v>4151</v>
      </c>
    </row>
    <row r="23818" spans="1:12">
      <c r="A23818" s="6" t="s">
        <v>4151</v>
      </c>
      <c r="B23818" s="6"/>
      <c r="C23818" s="6" t="s">
        <v>23854</v>
      </c>
      <c r="D23818" s="6"/>
      <c r="E23818" s="6" t="s">
        <v>9</v>
      </c>
      <c r="F23818" s="7">
        <v>38657</v>
      </c>
      <c r="G23818" s="8">
        <v>1</v>
      </c>
      <c r="H23818" s="8">
        <v>1</v>
      </c>
      <c r="I23818" s="8">
        <v>0</v>
      </c>
      <c r="J23818" s="8">
        <v>1</v>
      </c>
      <c r="K23818" s="9">
        <v>53</v>
      </c>
      <c r="L23818" s="6" t="s">
        <v>4151</v>
      </c>
    </row>
    <row r="23819" spans="1:12">
      <c r="A23819" s="6" t="s">
        <v>4151</v>
      </c>
      <c r="B23819" s="6"/>
      <c r="C23819" s="6" t="s">
        <v>23855</v>
      </c>
      <c r="D23819" s="6"/>
      <c r="E23819" s="6" t="s">
        <v>9</v>
      </c>
      <c r="F23819" s="7">
        <v>38657</v>
      </c>
      <c r="G23819" s="8">
        <v>1</v>
      </c>
      <c r="H23819" s="8">
        <v>1</v>
      </c>
      <c r="I23819" s="8">
        <v>0</v>
      </c>
      <c r="J23819" s="8">
        <v>1</v>
      </c>
      <c r="K23819" s="9">
        <v>3.63</v>
      </c>
      <c r="L23819" s="6" t="s">
        <v>4151</v>
      </c>
    </row>
    <row r="23820" spans="1:12">
      <c r="A23820" s="6" t="s">
        <v>4151</v>
      </c>
      <c r="B23820" s="6"/>
      <c r="C23820" s="6" t="s">
        <v>23856</v>
      </c>
      <c r="D23820" s="6"/>
      <c r="E23820" s="6" t="s">
        <v>9</v>
      </c>
      <c r="F23820" s="7">
        <v>38657</v>
      </c>
      <c r="G23820" s="8">
        <v>1</v>
      </c>
      <c r="H23820" s="8">
        <v>1</v>
      </c>
      <c r="I23820" s="8">
        <v>0</v>
      </c>
      <c r="J23820" s="8">
        <v>1</v>
      </c>
      <c r="K23820" s="9">
        <v>3.63</v>
      </c>
      <c r="L23820" s="6" t="s">
        <v>4151</v>
      </c>
    </row>
    <row r="23821" spans="1:12">
      <c r="A23821" s="6" t="s">
        <v>4151</v>
      </c>
      <c r="B23821" s="6"/>
      <c r="C23821" s="6" t="s">
        <v>23857</v>
      </c>
      <c r="D23821" s="6"/>
      <c r="E23821" s="6" t="s">
        <v>9</v>
      </c>
      <c r="F23821" s="7">
        <v>38657</v>
      </c>
      <c r="G23821" s="8">
        <v>1</v>
      </c>
      <c r="H23821" s="8">
        <v>1</v>
      </c>
      <c r="I23821" s="8">
        <v>0</v>
      </c>
      <c r="J23821" s="8">
        <v>1</v>
      </c>
      <c r="K23821" s="9">
        <v>3.63</v>
      </c>
      <c r="L23821" s="6" t="s">
        <v>4151</v>
      </c>
    </row>
    <row r="23822" spans="1:12">
      <c r="A23822" s="6" t="s">
        <v>4151</v>
      </c>
      <c r="B23822" s="6"/>
      <c r="C23822" s="6" t="s">
        <v>23858</v>
      </c>
      <c r="D23822" s="6"/>
      <c r="E23822" s="6" t="s">
        <v>9</v>
      </c>
      <c r="F23822" s="7">
        <v>38657</v>
      </c>
      <c r="G23822" s="8">
        <v>1</v>
      </c>
      <c r="H23822" s="8">
        <v>1</v>
      </c>
      <c r="I23822" s="8">
        <v>0</v>
      </c>
      <c r="J23822" s="8">
        <v>1</v>
      </c>
      <c r="K23822" s="9">
        <v>3.63</v>
      </c>
      <c r="L23822" s="6" t="s">
        <v>4151</v>
      </c>
    </row>
    <row r="23823" spans="1:12">
      <c r="A23823" s="6" t="s">
        <v>4151</v>
      </c>
      <c r="B23823" s="6"/>
      <c r="C23823" s="6" t="s">
        <v>23859</v>
      </c>
      <c r="D23823" s="6"/>
      <c r="E23823" s="6" t="s">
        <v>9</v>
      </c>
      <c r="F23823" s="7">
        <v>38657</v>
      </c>
      <c r="G23823" s="8">
        <v>1</v>
      </c>
      <c r="H23823" s="8">
        <v>1</v>
      </c>
      <c r="I23823" s="8">
        <v>0</v>
      </c>
      <c r="J23823" s="8">
        <v>1</v>
      </c>
      <c r="K23823" s="9">
        <v>3.63</v>
      </c>
      <c r="L23823" s="6" t="s">
        <v>4151</v>
      </c>
    </row>
    <row r="23824" spans="1:12">
      <c r="A23824" s="6" t="s">
        <v>4151</v>
      </c>
      <c r="B23824" s="6"/>
      <c r="C23824" s="6" t="s">
        <v>23860</v>
      </c>
      <c r="D23824" s="6"/>
      <c r="E23824" s="6" t="s">
        <v>9</v>
      </c>
      <c r="F23824" s="7">
        <v>38657</v>
      </c>
      <c r="G23824" s="8">
        <v>1</v>
      </c>
      <c r="H23824" s="8">
        <v>1</v>
      </c>
      <c r="I23824" s="8">
        <v>0</v>
      </c>
      <c r="J23824" s="8">
        <v>1</v>
      </c>
      <c r="K23824" s="9">
        <v>16.12</v>
      </c>
      <c r="L23824" s="6" t="s">
        <v>4151</v>
      </c>
    </row>
    <row r="23825" spans="1:12">
      <c r="A23825" s="6" t="s">
        <v>4151</v>
      </c>
      <c r="B23825" s="6"/>
      <c r="C23825" s="6" t="s">
        <v>23861</v>
      </c>
      <c r="D23825" s="6"/>
      <c r="E23825" s="6" t="s">
        <v>9</v>
      </c>
      <c r="F23825" s="7">
        <v>38657</v>
      </c>
      <c r="G23825" s="8">
        <v>1</v>
      </c>
      <c r="H23825" s="8">
        <v>1</v>
      </c>
      <c r="I23825" s="8">
        <v>0</v>
      </c>
      <c r="J23825" s="8">
        <v>1</v>
      </c>
      <c r="K23825" s="9">
        <v>12.53</v>
      </c>
      <c r="L23825" s="6" t="s">
        <v>4151</v>
      </c>
    </row>
    <row r="23826" spans="1:12">
      <c r="A23826" s="6" t="s">
        <v>4151</v>
      </c>
      <c r="B23826" s="6"/>
      <c r="C23826" s="6" t="s">
        <v>23862</v>
      </c>
      <c r="D23826" s="6"/>
      <c r="E23826" s="6" t="s">
        <v>9</v>
      </c>
      <c r="F23826" s="7">
        <v>38657</v>
      </c>
      <c r="G23826" s="8">
        <v>1</v>
      </c>
      <c r="H23826" s="8">
        <v>1</v>
      </c>
      <c r="I23826" s="8">
        <v>0</v>
      </c>
      <c r="J23826" s="8">
        <v>1</v>
      </c>
      <c r="K23826" s="9">
        <v>3.93</v>
      </c>
      <c r="L23826" s="6" t="s">
        <v>4151</v>
      </c>
    </row>
    <row r="23827" spans="1:12">
      <c r="A23827" s="6" t="s">
        <v>4151</v>
      </c>
      <c r="B23827" s="6"/>
      <c r="C23827" s="6" t="s">
        <v>23863</v>
      </c>
      <c r="D23827" s="6"/>
      <c r="E23827" s="6" t="s">
        <v>9</v>
      </c>
      <c r="F23827" s="7">
        <v>38657</v>
      </c>
      <c r="G23827" s="8">
        <v>1</v>
      </c>
      <c r="H23827" s="8">
        <v>1</v>
      </c>
      <c r="I23827" s="8">
        <v>0</v>
      </c>
      <c r="J23827" s="8">
        <v>1</v>
      </c>
      <c r="K23827" s="9">
        <v>0.04</v>
      </c>
      <c r="L23827" s="6" t="s">
        <v>4151</v>
      </c>
    </row>
    <row r="23828" spans="1:12">
      <c r="A23828" s="6" t="s">
        <v>4151</v>
      </c>
      <c r="B23828" s="6"/>
      <c r="C23828" s="6" t="s">
        <v>23864</v>
      </c>
      <c r="D23828" s="6"/>
      <c r="E23828" s="6" t="s">
        <v>9</v>
      </c>
      <c r="F23828" s="7">
        <v>38657</v>
      </c>
      <c r="G23828" s="8">
        <v>1</v>
      </c>
      <c r="H23828" s="8">
        <v>1</v>
      </c>
      <c r="I23828" s="8">
        <v>0</v>
      </c>
      <c r="J23828" s="8">
        <v>1</v>
      </c>
      <c r="K23828" s="9">
        <v>2.81</v>
      </c>
      <c r="L23828" s="6" t="s">
        <v>4151</v>
      </c>
    </row>
    <row r="23829" spans="1:12">
      <c r="A23829" s="6" t="s">
        <v>4151</v>
      </c>
      <c r="B23829" s="6"/>
      <c r="C23829" s="6" t="s">
        <v>23865</v>
      </c>
      <c r="D23829" s="6"/>
      <c r="E23829" s="6" t="s">
        <v>9</v>
      </c>
      <c r="F23829" s="7">
        <v>38657</v>
      </c>
      <c r="G23829" s="8">
        <v>1</v>
      </c>
      <c r="H23829" s="8">
        <v>1</v>
      </c>
      <c r="I23829" s="8">
        <v>0</v>
      </c>
      <c r="J23829" s="8">
        <v>1</v>
      </c>
      <c r="K23829" s="9">
        <v>30</v>
      </c>
      <c r="L23829" s="6" t="s">
        <v>4151</v>
      </c>
    </row>
    <row r="23830" spans="1:12">
      <c r="A23830" s="6" t="s">
        <v>4151</v>
      </c>
      <c r="B23830" s="6"/>
      <c r="C23830" s="6" t="s">
        <v>23866</v>
      </c>
      <c r="D23830" s="6"/>
      <c r="E23830" s="6" t="s">
        <v>9</v>
      </c>
      <c r="F23830" s="7">
        <v>38657</v>
      </c>
      <c r="G23830" s="8">
        <v>1</v>
      </c>
      <c r="H23830" s="8">
        <v>1</v>
      </c>
      <c r="I23830" s="8">
        <v>0</v>
      </c>
      <c r="J23830" s="8">
        <v>1</v>
      </c>
      <c r="K23830" s="9">
        <v>0.02</v>
      </c>
      <c r="L23830" s="6" t="s">
        <v>4151</v>
      </c>
    </row>
    <row r="23831" spans="1:12">
      <c r="A23831" s="6" t="s">
        <v>4151</v>
      </c>
      <c r="B23831" s="6"/>
      <c r="C23831" s="6" t="s">
        <v>23867</v>
      </c>
      <c r="D23831" s="6"/>
      <c r="E23831" s="6" t="s">
        <v>9</v>
      </c>
      <c r="F23831" s="7">
        <v>38657</v>
      </c>
      <c r="G23831" s="8">
        <v>1</v>
      </c>
      <c r="H23831" s="8">
        <v>1</v>
      </c>
      <c r="I23831" s="8">
        <v>0</v>
      </c>
      <c r="J23831" s="8">
        <v>1</v>
      </c>
      <c r="K23831" s="9">
        <v>15</v>
      </c>
      <c r="L23831" s="6" t="s">
        <v>4151</v>
      </c>
    </row>
    <row r="23832" spans="1:12">
      <c r="A23832" s="6" t="s">
        <v>4151</v>
      </c>
      <c r="B23832" s="6"/>
      <c r="C23832" s="6" t="s">
        <v>23868</v>
      </c>
      <c r="D23832" s="6"/>
      <c r="E23832" s="6" t="s">
        <v>9</v>
      </c>
      <c r="F23832" s="7">
        <v>38657</v>
      </c>
      <c r="G23832" s="8">
        <v>1</v>
      </c>
      <c r="H23832" s="8">
        <v>1</v>
      </c>
      <c r="I23832" s="8">
        <v>0</v>
      </c>
      <c r="J23832" s="8">
        <v>1</v>
      </c>
      <c r="K23832" s="9">
        <v>7</v>
      </c>
      <c r="L23832" s="6" t="s">
        <v>4151</v>
      </c>
    </row>
    <row r="23833" spans="1:12">
      <c r="A23833" s="6" t="s">
        <v>4151</v>
      </c>
      <c r="B23833" s="6"/>
      <c r="C23833" s="6" t="s">
        <v>23869</v>
      </c>
      <c r="D23833" s="6"/>
      <c r="E23833" s="6" t="s">
        <v>9</v>
      </c>
      <c r="F23833" s="7">
        <v>38657</v>
      </c>
      <c r="G23833" s="8">
        <v>1</v>
      </c>
      <c r="H23833" s="8">
        <v>1</v>
      </c>
      <c r="I23833" s="8">
        <v>0</v>
      </c>
      <c r="J23833" s="8">
        <v>1</v>
      </c>
      <c r="K23833" s="9">
        <v>19</v>
      </c>
      <c r="L23833" s="6" t="s">
        <v>4151</v>
      </c>
    </row>
    <row r="23834" spans="1:12">
      <c r="A23834" s="6" t="s">
        <v>4151</v>
      </c>
      <c r="B23834" s="6"/>
      <c r="C23834" s="6" t="s">
        <v>23870</v>
      </c>
      <c r="D23834" s="6"/>
      <c r="E23834" s="6" t="s">
        <v>9</v>
      </c>
      <c r="F23834" s="7">
        <v>38657</v>
      </c>
      <c r="G23834" s="8">
        <v>1</v>
      </c>
      <c r="H23834" s="8">
        <v>1</v>
      </c>
      <c r="I23834" s="8">
        <v>0</v>
      </c>
      <c r="J23834" s="8">
        <v>1</v>
      </c>
      <c r="K23834" s="9">
        <v>37</v>
      </c>
      <c r="L23834" s="6" t="s">
        <v>4151</v>
      </c>
    </row>
    <row r="23835" spans="1:12">
      <c r="A23835" s="6" t="s">
        <v>4151</v>
      </c>
      <c r="B23835" s="6"/>
      <c r="C23835" s="6" t="s">
        <v>23871</v>
      </c>
      <c r="D23835" s="6"/>
      <c r="E23835" s="6" t="s">
        <v>9</v>
      </c>
      <c r="F23835" s="7">
        <v>38657</v>
      </c>
      <c r="G23835" s="8">
        <v>1</v>
      </c>
      <c r="H23835" s="8">
        <v>1</v>
      </c>
      <c r="I23835" s="8">
        <v>0</v>
      </c>
      <c r="J23835" s="8">
        <v>1</v>
      </c>
      <c r="K23835" s="9">
        <v>23</v>
      </c>
      <c r="L23835" s="6" t="s">
        <v>4151</v>
      </c>
    </row>
    <row r="23836" spans="1:12">
      <c r="A23836" s="6" t="s">
        <v>4151</v>
      </c>
      <c r="B23836" s="6"/>
      <c r="C23836" s="6" t="s">
        <v>23872</v>
      </c>
      <c r="D23836" s="6"/>
      <c r="E23836" s="6" t="s">
        <v>9</v>
      </c>
      <c r="F23836" s="7">
        <v>38657</v>
      </c>
      <c r="G23836" s="8">
        <v>1</v>
      </c>
      <c r="H23836" s="8">
        <v>1</v>
      </c>
      <c r="I23836" s="8">
        <v>0</v>
      </c>
      <c r="J23836" s="8">
        <v>1</v>
      </c>
      <c r="K23836" s="9">
        <v>23</v>
      </c>
      <c r="L23836" s="6" t="s">
        <v>4151</v>
      </c>
    </row>
    <row r="23837" spans="1:12">
      <c r="A23837" s="6" t="s">
        <v>4151</v>
      </c>
      <c r="B23837" s="6"/>
      <c r="C23837" s="6" t="s">
        <v>23873</v>
      </c>
      <c r="D23837" s="6"/>
      <c r="E23837" s="6" t="s">
        <v>9</v>
      </c>
      <c r="F23837" s="7">
        <v>38657</v>
      </c>
      <c r="G23837" s="8">
        <v>1</v>
      </c>
      <c r="H23837" s="8">
        <v>1</v>
      </c>
      <c r="I23837" s="8">
        <v>0</v>
      </c>
      <c r="J23837" s="8">
        <v>1</v>
      </c>
      <c r="K23837" s="9">
        <v>4.33</v>
      </c>
      <c r="L23837" s="6" t="s">
        <v>4151</v>
      </c>
    </row>
    <row r="23838" spans="1:12">
      <c r="A23838" s="6" t="s">
        <v>4151</v>
      </c>
      <c r="B23838" s="6"/>
      <c r="C23838" s="6" t="s">
        <v>23874</v>
      </c>
      <c r="D23838" s="6"/>
      <c r="E23838" s="6" t="s">
        <v>9</v>
      </c>
      <c r="F23838" s="7">
        <v>38657</v>
      </c>
      <c r="G23838" s="8">
        <v>1</v>
      </c>
      <c r="H23838" s="8">
        <v>1</v>
      </c>
      <c r="I23838" s="8">
        <v>0</v>
      </c>
      <c r="J23838" s="8">
        <v>1</v>
      </c>
      <c r="K23838" s="9">
        <v>5.63</v>
      </c>
      <c r="L23838" s="6" t="s">
        <v>4151</v>
      </c>
    </row>
    <row r="23839" spans="1:12">
      <c r="A23839" s="6" t="s">
        <v>4151</v>
      </c>
      <c r="B23839" s="6"/>
      <c r="C23839" s="6" t="s">
        <v>23875</v>
      </c>
      <c r="D23839" s="6"/>
      <c r="E23839" s="6" t="s">
        <v>9</v>
      </c>
      <c r="F23839" s="7">
        <v>38657</v>
      </c>
      <c r="G23839" s="8">
        <v>1</v>
      </c>
      <c r="H23839" s="8">
        <v>1</v>
      </c>
      <c r="I23839" s="8">
        <v>0</v>
      </c>
      <c r="J23839" s="8">
        <v>1</v>
      </c>
      <c r="K23839" s="9">
        <v>5.09</v>
      </c>
      <c r="L23839" s="6" t="s">
        <v>4151</v>
      </c>
    </row>
    <row r="23840" spans="1:12">
      <c r="A23840" s="6" t="s">
        <v>4151</v>
      </c>
      <c r="B23840" s="6"/>
      <c r="C23840" s="6" t="s">
        <v>23876</v>
      </c>
      <c r="D23840" s="6"/>
      <c r="E23840" s="6" t="s">
        <v>9</v>
      </c>
      <c r="F23840" s="7">
        <v>38657</v>
      </c>
      <c r="G23840" s="8">
        <v>1</v>
      </c>
      <c r="H23840" s="8">
        <v>1</v>
      </c>
      <c r="I23840" s="8">
        <v>0</v>
      </c>
      <c r="J23840" s="8">
        <v>1</v>
      </c>
      <c r="K23840" s="9">
        <v>19</v>
      </c>
      <c r="L23840" s="6" t="s">
        <v>4151</v>
      </c>
    </row>
    <row r="23841" spans="1:12">
      <c r="A23841" s="6" t="s">
        <v>4151</v>
      </c>
      <c r="B23841" s="6"/>
      <c r="C23841" s="6" t="s">
        <v>23877</v>
      </c>
      <c r="D23841" s="6"/>
      <c r="E23841" s="6" t="s">
        <v>9</v>
      </c>
      <c r="F23841" s="7">
        <v>38657</v>
      </c>
      <c r="G23841" s="8">
        <v>1</v>
      </c>
      <c r="H23841" s="8">
        <v>1</v>
      </c>
      <c r="I23841" s="8">
        <v>0</v>
      </c>
      <c r="J23841" s="8">
        <v>1</v>
      </c>
      <c r="K23841" s="9">
        <v>5.65</v>
      </c>
      <c r="L23841" s="6" t="s">
        <v>4151</v>
      </c>
    </row>
    <row r="23842" spans="1:12">
      <c r="A23842" s="6" t="s">
        <v>4151</v>
      </c>
      <c r="B23842" s="6"/>
      <c r="C23842" s="6" t="s">
        <v>23878</v>
      </c>
      <c r="D23842" s="6"/>
      <c r="E23842" s="6" t="s">
        <v>9</v>
      </c>
      <c r="F23842" s="7">
        <v>38657</v>
      </c>
      <c r="G23842" s="8">
        <v>1</v>
      </c>
      <c r="H23842" s="8">
        <v>1</v>
      </c>
      <c r="I23842" s="8">
        <v>0</v>
      </c>
      <c r="J23842" s="8">
        <v>1</v>
      </c>
      <c r="K23842" s="9">
        <v>4.47</v>
      </c>
      <c r="L23842" s="6" t="s">
        <v>4151</v>
      </c>
    </row>
    <row r="23843" spans="1:12">
      <c r="A23843" s="6" t="s">
        <v>4151</v>
      </c>
      <c r="B23843" s="6"/>
      <c r="C23843" s="6" t="s">
        <v>23879</v>
      </c>
      <c r="D23843" s="6"/>
      <c r="E23843" s="6" t="s">
        <v>9</v>
      </c>
      <c r="F23843" s="7">
        <v>38657</v>
      </c>
      <c r="G23843" s="8">
        <v>1</v>
      </c>
      <c r="H23843" s="8">
        <v>1</v>
      </c>
      <c r="I23843" s="8">
        <v>0</v>
      </c>
      <c r="J23843" s="8">
        <v>1</v>
      </c>
      <c r="K23843" s="9">
        <v>63</v>
      </c>
      <c r="L23843" s="6" t="s">
        <v>4151</v>
      </c>
    </row>
    <row r="23844" spans="1:12">
      <c r="A23844" s="6" t="s">
        <v>4151</v>
      </c>
      <c r="B23844" s="6"/>
      <c r="C23844" s="6" t="s">
        <v>23880</v>
      </c>
      <c r="D23844" s="6"/>
      <c r="E23844" s="6" t="s">
        <v>9</v>
      </c>
      <c r="F23844" s="7">
        <v>38657</v>
      </c>
      <c r="G23844" s="8">
        <v>1</v>
      </c>
      <c r="H23844" s="8">
        <v>1</v>
      </c>
      <c r="I23844" s="8">
        <v>0</v>
      </c>
      <c r="J23844" s="8">
        <v>1</v>
      </c>
      <c r="K23844" s="9">
        <v>103</v>
      </c>
      <c r="L23844" s="6" t="s">
        <v>4151</v>
      </c>
    </row>
    <row r="23845" spans="1:12">
      <c r="A23845" s="6" t="s">
        <v>4151</v>
      </c>
      <c r="B23845" s="6"/>
      <c r="C23845" s="6" t="s">
        <v>23881</v>
      </c>
      <c r="D23845" s="6"/>
      <c r="E23845" s="6" t="s">
        <v>9</v>
      </c>
      <c r="F23845" s="7">
        <v>38657</v>
      </c>
      <c r="G23845" s="8">
        <v>1</v>
      </c>
      <c r="H23845" s="8">
        <v>1</v>
      </c>
      <c r="I23845" s="8">
        <v>0</v>
      </c>
      <c r="J23845" s="8">
        <v>1</v>
      </c>
      <c r="K23845" s="9">
        <v>425</v>
      </c>
      <c r="L23845" s="6" t="s">
        <v>4151</v>
      </c>
    </row>
    <row r="23846" spans="1:12">
      <c r="A23846" s="6" t="s">
        <v>4151</v>
      </c>
      <c r="B23846" s="6"/>
      <c r="C23846" s="6" t="s">
        <v>23882</v>
      </c>
      <c r="D23846" s="6"/>
      <c r="E23846" s="6" t="s">
        <v>9</v>
      </c>
      <c r="F23846" s="7">
        <v>38657</v>
      </c>
      <c r="G23846" s="8">
        <v>1</v>
      </c>
      <c r="H23846" s="8">
        <v>1</v>
      </c>
      <c r="I23846" s="8">
        <v>0</v>
      </c>
      <c r="J23846" s="8">
        <v>1</v>
      </c>
      <c r="K23846" s="9">
        <v>10</v>
      </c>
      <c r="L23846" s="6" t="s">
        <v>4151</v>
      </c>
    </row>
    <row r="23847" spans="1:12">
      <c r="A23847" s="6" t="s">
        <v>4151</v>
      </c>
      <c r="B23847" s="6"/>
      <c r="C23847" s="6" t="s">
        <v>23883</v>
      </c>
      <c r="D23847" s="6"/>
      <c r="E23847" s="6" t="s">
        <v>9</v>
      </c>
      <c r="F23847" s="7">
        <v>38657</v>
      </c>
      <c r="G23847" s="8">
        <v>1</v>
      </c>
      <c r="H23847" s="8">
        <v>1</v>
      </c>
      <c r="I23847" s="8">
        <v>0</v>
      </c>
      <c r="J23847" s="8">
        <v>1</v>
      </c>
      <c r="K23847" s="9">
        <v>10.82</v>
      </c>
      <c r="L23847" s="6" t="s">
        <v>4151</v>
      </c>
    </row>
    <row r="23848" spans="1:12">
      <c r="A23848" s="6" t="s">
        <v>4151</v>
      </c>
      <c r="B23848" s="6"/>
      <c r="C23848" s="6" t="s">
        <v>23884</v>
      </c>
      <c r="D23848" s="6"/>
      <c r="E23848" s="6" t="s">
        <v>9</v>
      </c>
      <c r="F23848" s="7">
        <v>38657</v>
      </c>
      <c r="G23848" s="8">
        <v>1</v>
      </c>
      <c r="H23848" s="8">
        <v>1</v>
      </c>
      <c r="I23848" s="8">
        <v>0</v>
      </c>
      <c r="J23848" s="8">
        <v>1</v>
      </c>
      <c r="K23848" s="9">
        <v>16.559999999999899</v>
      </c>
      <c r="L23848" s="6" t="s">
        <v>4151</v>
      </c>
    </row>
    <row r="23849" spans="1:12">
      <c r="A23849" s="6" t="s">
        <v>4151</v>
      </c>
      <c r="B23849" s="6"/>
      <c r="C23849" s="6" t="s">
        <v>23885</v>
      </c>
      <c r="D23849" s="6"/>
      <c r="E23849" s="6" t="s">
        <v>9</v>
      </c>
      <c r="F23849" s="7">
        <v>38657</v>
      </c>
      <c r="G23849" s="8">
        <v>1</v>
      </c>
      <c r="H23849" s="8">
        <v>1</v>
      </c>
      <c r="I23849" s="8">
        <v>0</v>
      </c>
      <c r="J23849" s="8">
        <v>1</v>
      </c>
      <c r="K23849" s="9">
        <v>8.3800000000000008</v>
      </c>
      <c r="L23849" s="6" t="s">
        <v>4151</v>
      </c>
    </row>
    <row r="23850" spans="1:12">
      <c r="A23850" s="6" t="s">
        <v>4151</v>
      </c>
      <c r="B23850" s="6"/>
      <c r="C23850" s="6" t="s">
        <v>23886</v>
      </c>
      <c r="D23850" s="6"/>
      <c r="E23850" s="6" t="s">
        <v>9</v>
      </c>
      <c r="F23850" s="7">
        <v>38657</v>
      </c>
      <c r="G23850" s="8">
        <v>1</v>
      </c>
      <c r="H23850" s="8">
        <v>1</v>
      </c>
      <c r="I23850" s="8">
        <v>0</v>
      </c>
      <c r="J23850" s="8">
        <v>1</v>
      </c>
      <c r="K23850" s="9">
        <v>8.5</v>
      </c>
      <c r="L23850" s="6" t="s">
        <v>4151</v>
      </c>
    </row>
    <row r="23851" spans="1:12">
      <c r="A23851" s="6" t="s">
        <v>4151</v>
      </c>
      <c r="B23851" s="6"/>
      <c r="C23851" s="6" t="s">
        <v>23887</v>
      </c>
      <c r="D23851" s="6"/>
      <c r="E23851" s="6" t="s">
        <v>9</v>
      </c>
      <c r="F23851" s="7">
        <v>38657</v>
      </c>
      <c r="G23851" s="8">
        <v>1</v>
      </c>
      <c r="H23851" s="8">
        <v>1</v>
      </c>
      <c r="I23851" s="8">
        <v>0</v>
      </c>
      <c r="J23851" s="8">
        <v>1</v>
      </c>
      <c r="K23851" s="9">
        <v>18</v>
      </c>
      <c r="L23851" s="6" t="s">
        <v>4151</v>
      </c>
    </row>
    <row r="23852" spans="1:12">
      <c r="A23852" s="6" t="s">
        <v>4151</v>
      </c>
      <c r="B23852" s="6"/>
      <c r="C23852" s="6" t="s">
        <v>23888</v>
      </c>
      <c r="D23852" s="6"/>
      <c r="E23852" s="6" t="s">
        <v>9</v>
      </c>
      <c r="F23852" s="7">
        <v>38657</v>
      </c>
      <c r="G23852" s="8">
        <v>1</v>
      </c>
      <c r="H23852" s="8">
        <v>1</v>
      </c>
      <c r="I23852" s="8">
        <v>0</v>
      </c>
      <c r="J23852" s="8">
        <v>1</v>
      </c>
      <c r="K23852" s="9">
        <v>3.53</v>
      </c>
      <c r="L23852" s="6" t="s">
        <v>4151</v>
      </c>
    </row>
    <row r="23853" spans="1:12">
      <c r="A23853" s="6" t="s">
        <v>4151</v>
      </c>
      <c r="B23853" s="6"/>
      <c r="C23853" s="6" t="s">
        <v>23889</v>
      </c>
      <c r="D23853" s="6"/>
      <c r="E23853" s="6" t="s">
        <v>9</v>
      </c>
      <c r="F23853" s="7">
        <v>38657</v>
      </c>
      <c r="G23853" s="8">
        <v>1</v>
      </c>
      <c r="H23853" s="8">
        <v>1</v>
      </c>
      <c r="I23853" s="8">
        <v>0</v>
      </c>
      <c r="J23853" s="8">
        <v>1</v>
      </c>
      <c r="K23853" s="9">
        <v>15</v>
      </c>
      <c r="L23853" s="6" t="s">
        <v>4151</v>
      </c>
    </row>
    <row r="23854" spans="1:12">
      <c r="A23854" s="6" t="s">
        <v>4151</v>
      </c>
      <c r="B23854" s="6"/>
      <c r="C23854" s="6" t="s">
        <v>23890</v>
      </c>
      <c r="D23854" s="6"/>
      <c r="E23854" s="6" t="s">
        <v>9</v>
      </c>
      <c r="F23854" s="7">
        <v>38657</v>
      </c>
      <c r="G23854" s="8">
        <v>1</v>
      </c>
      <c r="H23854" s="8">
        <v>1</v>
      </c>
      <c r="I23854" s="8">
        <v>0</v>
      </c>
      <c r="J23854" s="8">
        <v>1</v>
      </c>
      <c r="K23854" s="9">
        <v>28</v>
      </c>
      <c r="L23854" s="6" t="s">
        <v>4151</v>
      </c>
    </row>
    <row r="23855" spans="1:12">
      <c r="A23855" s="6" t="s">
        <v>4151</v>
      </c>
      <c r="B23855" s="6"/>
      <c r="C23855" s="6" t="s">
        <v>23891</v>
      </c>
      <c r="D23855" s="6"/>
      <c r="E23855" s="6" t="s">
        <v>9</v>
      </c>
      <c r="F23855" s="7">
        <v>38657</v>
      </c>
      <c r="G23855" s="8">
        <v>1</v>
      </c>
      <c r="H23855" s="8">
        <v>1</v>
      </c>
      <c r="I23855" s="8">
        <v>0</v>
      </c>
      <c r="J23855" s="8">
        <v>1</v>
      </c>
      <c r="K23855" s="9">
        <v>14</v>
      </c>
      <c r="L23855" s="6" t="s">
        <v>4151</v>
      </c>
    </row>
    <row r="23856" spans="1:12">
      <c r="A23856" s="6" t="s">
        <v>4151</v>
      </c>
      <c r="B23856" s="6"/>
      <c r="C23856" s="6" t="s">
        <v>23892</v>
      </c>
      <c r="D23856" s="6"/>
      <c r="E23856" s="6" t="s">
        <v>9</v>
      </c>
      <c r="F23856" s="7">
        <v>38657</v>
      </c>
      <c r="G23856" s="8">
        <v>1</v>
      </c>
      <c r="H23856" s="8">
        <v>1</v>
      </c>
      <c r="I23856" s="8">
        <v>0</v>
      </c>
      <c r="J23856" s="8">
        <v>1</v>
      </c>
      <c r="K23856" s="9">
        <v>19</v>
      </c>
      <c r="L23856" s="6" t="s">
        <v>4151</v>
      </c>
    </row>
    <row r="23857" spans="1:12">
      <c r="A23857" s="6" t="s">
        <v>4151</v>
      </c>
      <c r="B23857" s="6"/>
      <c r="C23857" s="6" t="s">
        <v>23893</v>
      </c>
      <c r="D23857" s="6"/>
      <c r="E23857" s="6" t="s">
        <v>9</v>
      </c>
      <c r="F23857" s="7">
        <v>38657</v>
      </c>
      <c r="G23857" s="8">
        <v>1</v>
      </c>
      <c r="H23857" s="8">
        <v>1</v>
      </c>
      <c r="I23857" s="8">
        <v>0</v>
      </c>
      <c r="J23857" s="8">
        <v>1</v>
      </c>
      <c r="K23857" s="9">
        <v>11</v>
      </c>
      <c r="L23857" s="6" t="s">
        <v>4151</v>
      </c>
    </row>
    <row r="23858" spans="1:12">
      <c r="A23858" s="6" t="s">
        <v>4151</v>
      </c>
      <c r="B23858" s="6"/>
      <c r="C23858" s="6" t="s">
        <v>23894</v>
      </c>
      <c r="D23858" s="6"/>
      <c r="E23858" s="6" t="s">
        <v>9</v>
      </c>
      <c r="F23858" s="7">
        <v>38657</v>
      </c>
      <c r="G23858" s="8">
        <v>1</v>
      </c>
      <c r="H23858" s="8">
        <v>1</v>
      </c>
      <c r="I23858" s="8">
        <v>0</v>
      </c>
      <c r="J23858" s="8">
        <v>1</v>
      </c>
      <c r="K23858" s="9">
        <v>10</v>
      </c>
      <c r="L23858" s="6" t="s">
        <v>4151</v>
      </c>
    </row>
    <row r="23859" spans="1:12">
      <c r="A23859" s="6" t="s">
        <v>4151</v>
      </c>
      <c r="B23859" s="6"/>
      <c r="C23859" s="6" t="s">
        <v>23895</v>
      </c>
      <c r="D23859" s="6"/>
      <c r="E23859" s="6" t="s">
        <v>9</v>
      </c>
      <c r="F23859" s="7">
        <v>38657</v>
      </c>
      <c r="G23859" s="8">
        <v>1</v>
      </c>
      <c r="H23859" s="8">
        <v>1</v>
      </c>
      <c r="I23859" s="8">
        <v>0</v>
      </c>
      <c r="J23859" s="8">
        <v>1</v>
      </c>
      <c r="K23859" s="9">
        <v>16</v>
      </c>
      <c r="L23859" s="6" t="s">
        <v>4151</v>
      </c>
    </row>
    <row r="23860" spans="1:12">
      <c r="A23860" s="6" t="s">
        <v>4151</v>
      </c>
      <c r="B23860" s="6"/>
      <c r="C23860" s="6" t="s">
        <v>23896</v>
      </c>
      <c r="D23860" s="6"/>
      <c r="E23860" s="6" t="s">
        <v>9</v>
      </c>
      <c r="F23860" s="7">
        <v>38657</v>
      </c>
      <c r="G23860" s="8">
        <v>1</v>
      </c>
      <c r="H23860" s="8">
        <v>1</v>
      </c>
      <c r="I23860" s="8">
        <v>0</v>
      </c>
      <c r="J23860" s="8">
        <v>1</v>
      </c>
      <c r="K23860" s="9">
        <v>8.7200000000000006</v>
      </c>
      <c r="L23860" s="6" t="s">
        <v>4151</v>
      </c>
    </row>
    <row r="23861" spans="1:12">
      <c r="A23861" s="6" t="s">
        <v>4151</v>
      </c>
      <c r="B23861" s="6"/>
      <c r="C23861" s="6" t="s">
        <v>23897</v>
      </c>
      <c r="D23861" s="6"/>
      <c r="E23861" s="6" t="s">
        <v>9</v>
      </c>
      <c r="F23861" s="7">
        <v>38657</v>
      </c>
      <c r="G23861" s="8">
        <v>1</v>
      </c>
      <c r="H23861" s="8">
        <v>1</v>
      </c>
      <c r="I23861" s="8">
        <v>0</v>
      </c>
      <c r="J23861" s="8">
        <v>1</v>
      </c>
      <c r="K23861" s="9">
        <v>31</v>
      </c>
      <c r="L23861" s="6" t="s">
        <v>4151</v>
      </c>
    </row>
    <row r="23862" spans="1:12">
      <c r="A23862" s="6" t="s">
        <v>4151</v>
      </c>
      <c r="B23862" s="6"/>
      <c r="C23862" s="6" t="s">
        <v>23898</v>
      </c>
      <c r="D23862" s="6"/>
      <c r="E23862" s="6" t="s">
        <v>9</v>
      </c>
      <c r="F23862" s="7">
        <v>38657</v>
      </c>
      <c r="G23862" s="8">
        <v>1</v>
      </c>
      <c r="H23862" s="8">
        <v>1</v>
      </c>
      <c r="I23862" s="8">
        <v>0</v>
      </c>
      <c r="J23862" s="8">
        <v>1</v>
      </c>
      <c r="K23862" s="9">
        <v>4.28</v>
      </c>
      <c r="L23862" s="6" t="s">
        <v>4151</v>
      </c>
    </row>
    <row r="23863" spans="1:12">
      <c r="A23863" s="6" t="s">
        <v>4151</v>
      </c>
      <c r="B23863" s="6"/>
      <c r="C23863" s="6" t="s">
        <v>23899</v>
      </c>
      <c r="D23863" s="6"/>
      <c r="E23863" s="6" t="s">
        <v>9</v>
      </c>
      <c r="F23863" s="7">
        <v>38657</v>
      </c>
      <c r="G23863" s="8">
        <v>1</v>
      </c>
      <c r="H23863" s="8">
        <v>1</v>
      </c>
      <c r="I23863" s="8">
        <v>0</v>
      </c>
      <c r="J23863" s="8">
        <v>1</v>
      </c>
      <c r="K23863" s="9">
        <v>4.9400000000000004</v>
      </c>
      <c r="L23863" s="6" t="s">
        <v>4151</v>
      </c>
    </row>
    <row r="23864" spans="1:12">
      <c r="A23864" s="6" t="s">
        <v>4151</v>
      </c>
      <c r="B23864" s="6"/>
      <c r="C23864" s="6" t="s">
        <v>23900</v>
      </c>
      <c r="D23864" s="6"/>
      <c r="E23864" s="6" t="s">
        <v>9</v>
      </c>
      <c r="F23864" s="7">
        <v>38657</v>
      </c>
      <c r="G23864" s="8">
        <v>1</v>
      </c>
      <c r="H23864" s="8">
        <v>1</v>
      </c>
      <c r="I23864" s="8">
        <v>0</v>
      </c>
      <c r="J23864" s="8">
        <v>1</v>
      </c>
      <c r="K23864" s="9">
        <v>28</v>
      </c>
      <c r="L23864" s="6" t="s">
        <v>4151</v>
      </c>
    </row>
    <row r="23865" spans="1:12">
      <c r="A23865" s="6" t="s">
        <v>4151</v>
      </c>
      <c r="B23865" s="6"/>
      <c r="C23865" s="6" t="s">
        <v>23901</v>
      </c>
      <c r="D23865" s="6"/>
      <c r="E23865" s="6" t="s">
        <v>9</v>
      </c>
      <c r="F23865" s="7">
        <v>38657</v>
      </c>
      <c r="G23865" s="8">
        <v>1</v>
      </c>
      <c r="H23865" s="8">
        <v>1</v>
      </c>
      <c r="I23865" s="8">
        <v>0</v>
      </c>
      <c r="J23865" s="8">
        <v>1</v>
      </c>
      <c r="K23865" s="9">
        <v>73</v>
      </c>
      <c r="L23865" s="6" t="s">
        <v>4151</v>
      </c>
    </row>
    <row r="23866" spans="1:12">
      <c r="A23866" s="6" t="s">
        <v>4151</v>
      </c>
      <c r="B23866" s="6"/>
      <c r="C23866" s="6" t="s">
        <v>23902</v>
      </c>
      <c r="D23866" s="6"/>
      <c r="E23866" s="6" t="s">
        <v>9</v>
      </c>
      <c r="F23866" s="7">
        <v>38657</v>
      </c>
      <c r="G23866" s="8">
        <v>1</v>
      </c>
      <c r="H23866" s="8">
        <v>1</v>
      </c>
      <c r="I23866" s="8">
        <v>0</v>
      </c>
      <c r="J23866" s="8">
        <v>1</v>
      </c>
      <c r="K23866" s="9">
        <v>18</v>
      </c>
      <c r="L23866" s="6" t="s">
        <v>4151</v>
      </c>
    </row>
    <row r="23867" spans="1:12">
      <c r="A23867" s="6" t="s">
        <v>4151</v>
      </c>
      <c r="B23867" s="6"/>
      <c r="C23867" s="6" t="s">
        <v>23903</v>
      </c>
      <c r="D23867" s="6"/>
      <c r="E23867" s="6" t="s">
        <v>9</v>
      </c>
      <c r="F23867" s="7">
        <v>38657</v>
      </c>
      <c r="G23867" s="8">
        <v>1</v>
      </c>
      <c r="H23867" s="8">
        <v>1</v>
      </c>
      <c r="I23867" s="8">
        <v>0</v>
      </c>
      <c r="J23867" s="8">
        <v>1</v>
      </c>
      <c r="K23867" s="9">
        <v>26</v>
      </c>
      <c r="L23867" s="6" t="s">
        <v>4151</v>
      </c>
    </row>
    <row r="23868" spans="1:12">
      <c r="A23868" s="6" t="s">
        <v>4151</v>
      </c>
      <c r="B23868" s="6"/>
      <c r="C23868" s="6" t="s">
        <v>23904</v>
      </c>
      <c r="D23868" s="6"/>
      <c r="E23868" s="6" t="s">
        <v>9</v>
      </c>
      <c r="F23868" s="7">
        <v>38657</v>
      </c>
      <c r="G23868" s="8">
        <v>1</v>
      </c>
      <c r="H23868" s="8">
        <v>1</v>
      </c>
      <c r="I23868" s="8">
        <v>0</v>
      </c>
      <c r="J23868" s="8">
        <v>1</v>
      </c>
      <c r="K23868" s="9">
        <v>9.57</v>
      </c>
      <c r="L23868" s="6" t="s">
        <v>4151</v>
      </c>
    </row>
    <row r="23869" spans="1:12">
      <c r="A23869" s="6" t="s">
        <v>4151</v>
      </c>
      <c r="B23869" s="6"/>
      <c r="C23869" s="6" t="s">
        <v>23905</v>
      </c>
      <c r="D23869" s="6"/>
      <c r="E23869" s="6" t="s">
        <v>9</v>
      </c>
      <c r="F23869" s="7">
        <v>38657</v>
      </c>
      <c r="G23869" s="8">
        <v>1</v>
      </c>
      <c r="H23869" s="8">
        <v>1</v>
      </c>
      <c r="I23869" s="8">
        <v>0</v>
      </c>
      <c r="J23869" s="8">
        <v>1</v>
      </c>
      <c r="K23869" s="9">
        <v>6.05</v>
      </c>
      <c r="L23869" s="6" t="s">
        <v>4151</v>
      </c>
    </row>
    <row r="23870" spans="1:12">
      <c r="A23870" s="6" t="s">
        <v>4151</v>
      </c>
      <c r="B23870" s="6"/>
      <c r="C23870" s="6" t="s">
        <v>23906</v>
      </c>
      <c r="D23870" s="6"/>
      <c r="E23870" s="6" t="s">
        <v>9</v>
      </c>
      <c r="F23870" s="7">
        <v>38657</v>
      </c>
      <c r="G23870" s="8">
        <v>1</v>
      </c>
      <c r="H23870" s="8">
        <v>1</v>
      </c>
      <c r="I23870" s="8">
        <v>0</v>
      </c>
      <c r="J23870" s="8">
        <v>1</v>
      </c>
      <c r="K23870" s="9">
        <v>13</v>
      </c>
      <c r="L23870" s="6" t="s">
        <v>4151</v>
      </c>
    </row>
    <row r="23871" spans="1:12">
      <c r="A23871" s="6" t="s">
        <v>4151</v>
      </c>
      <c r="B23871" s="6"/>
      <c r="C23871" s="6" t="s">
        <v>23907</v>
      </c>
      <c r="D23871" s="6"/>
      <c r="E23871" s="6" t="s">
        <v>9</v>
      </c>
      <c r="F23871" s="7">
        <v>38657</v>
      </c>
      <c r="G23871" s="8">
        <v>1</v>
      </c>
      <c r="H23871" s="8">
        <v>1</v>
      </c>
      <c r="I23871" s="8">
        <v>0</v>
      </c>
      <c r="J23871" s="8">
        <v>1</v>
      </c>
      <c r="K23871" s="9">
        <v>3.6</v>
      </c>
      <c r="L23871" s="6" t="s">
        <v>4151</v>
      </c>
    </row>
    <row r="23872" spans="1:12">
      <c r="A23872" s="6" t="s">
        <v>4151</v>
      </c>
      <c r="B23872" s="6"/>
      <c r="C23872" s="6" t="s">
        <v>23908</v>
      </c>
      <c r="D23872" s="6"/>
      <c r="E23872" s="6" t="s">
        <v>9</v>
      </c>
      <c r="F23872" s="7">
        <v>38657</v>
      </c>
      <c r="G23872" s="8">
        <v>1</v>
      </c>
      <c r="H23872" s="8">
        <v>1</v>
      </c>
      <c r="I23872" s="8">
        <v>0</v>
      </c>
      <c r="J23872" s="8">
        <v>1</v>
      </c>
      <c r="K23872" s="9">
        <v>0.14000000000000001</v>
      </c>
      <c r="L23872" s="6" t="s">
        <v>4151</v>
      </c>
    </row>
    <row r="23873" spans="1:12">
      <c r="A23873" s="6" t="s">
        <v>4151</v>
      </c>
      <c r="B23873" s="6"/>
      <c r="C23873" s="6" t="s">
        <v>23909</v>
      </c>
      <c r="D23873" s="6"/>
      <c r="E23873" s="6" t="s">
        <v>9</v>
      </c>
      <c r="F23873" s="7">
        <v>38657</v>
      </c>
      <c r="G23873" s="8">
        <v>1</v>
      </c>
      <c r="H23873" s="8">
        <v>1</v>
      </c>
      <c r="I23873" s="8">
        <v>0</v>
      </c>
      <c r="J23873" s="8">
        <v>1</v>
      </c>
      <c r="K23873" s="9">
        <v>23</v>
      </c>
      <c r="L23873" s="6" t="s">
        <v>4151</v>
      </c>
    </row>
    <row r="23874" spans="1:12">
      <c r="A23874" s="6" t="s">
        <v>4151</v>
      </c>
      <c r="B23874" s="6"/>
      <c r="C23874" s="6" t="s">
        <v>23910</v>
      </c>
      <c r="D23874" s="6"/>
      <c r="E23874" s="6" t="s">
        <v>9</v>
      </c>
      <c r="F23874" s="7">
        <v>38657</v>
      </c>
      <c r="G23874" s="8">
        <v>1</v>
      </c>
      <c r="H23874" s="8">
        <v>1</v>
      </c>
      <c r="I23874" s="8">
        <v>0</v>
      </c>
      <c r="J23874" s="8">
        <v>1</v>
      </c>
      <c r="K23874" s="9">
        <v>18</v>
      </c>
      <c r="L23874" s="6" t="s">
        <v>4151</v>
      </c>
    </row>
    <row r="23875" spans="1:12">
      <c r="A23875" s="6" t="s">
        <v>4151</v>
      </c>
      <c r="B23875" s="6"/>
      <c r="C23875" s="6" t="s">
        <v>23911</v>
      </c>
      <c r="D23875" s="6"/>
      <c r="E23875" s="6" t="s">
        <v>9</v>
      </c>
      <c r="F23875" s="7">
        <v>38657</v>
      </c>
      <c r="G23875" s="8">
        <v>1</v>
      </c>
      <c r="H23875" s="8">
        <v>1</v>
      </c>
      <c r="I23875" s="8">
        <v>0</v>
      </c>
      <c r="J23875" s="8">
        <v>1</v>
      </c>
      <c r="K23875" s="9">
        <v>28</v>
      </c>
      <c r="L23875" s="6" t="s">
        <v>4151</v>
      </c>
    </row>
    <row r="23876" spans="1:12">
      <c r="A23876" s="6" t="s">
        <v>4151</v>
      </c>
      <c r="B23876" s="6"/>
      <c r="C23876" s="6" t="s">
        <v>23912</v>
      </c>
      <c r="D23876" s="6"/>
      <c r="E23876" s="6" t="s">
        <v>9</v>
      </c>
      <c r="F23876" s="7">
        <v>38657</v>
      </c>
      <c r="G23876" s="8">
        <v>1</v>
      </c>
      <c r="H23876" s="8">
        <v>1</v>
      </c>
      <c r="I23876" s="8">
        <v>0</v>
      </c>
      <c r="J23876" s="8">
        <v>1</v>
      </c>
      <c r="K23876" s="9">
        <v>1.44</v>
      </c>
      <c r="L23876" s="6" t="s">
        <v>4151</v>
      </c>
    </row>
    <row r="23877" spans="1:12">
      <c r="A23877" s="6" t="s">
        <v>4151</v>
      </c>
      <c r="B23877" s="6"/>
      <c r="C23877" s="6" t="s">
        <v>23913</v>
      </c>
      <c r="D23877" s="6"/>
      <c r="E23877" s="6" t="s">
        <v>9</v>
      </c>
      <c r="F23877" s="7">
        <v>38657</v>
      </c>
      <c r="G23877" s="8">
        <v>1</v>
      </c>
      <c r="H23877" s="8">
        <v>1</v>
      </c>
      <c r="I23877" s="8">
        <v>0</v>
      </c>
      <c r="J23877" s="8">
        <v>1</v>
      </c>
      <c r="K23877" s="9">
        <v>13</v>
      </c>
      <c r="L23877" s="6" t="s">
        <v>4151</v>
      </c>
    </row>
    <row r="23878" spans="1:12">
      <c r="A23878" s="6" t="s">
        <v>4151</v>
      </c>
      <c r="B23878" s="6"/>
      <c r="C23878" s="6" t="s">
        <v>23914</v>
      </c>
      <c r="D23878" s="6"/>
      <c r="E23878" s="6" t="s">
        <v>9</v>
      </c>
      <c r="F23878" s="7">
        <v>38657</v>
      </c>
      <c r="G23878" s="8">
        <v>1</v>
      </c>
      <c r="H23878" s="8">
        <v>1</v>
      </c>
      <c r="I23878" s="8">
        <v>0</v>
      </c>
      <c r="J23878" s="8">
        <v>1</v>
      </c>
      <c r="K23878" s="9">
        <v>9.19</v>
      </c>
      <c r="L23878" s="6" t="s">
        <v>4151</v>
      </c>
    </row>
    <row r="23879" spans="1:12">
      <c r="A23879" s="6" t="s">
        <v>4151</v>
      </c>
      <c r="B23879" s="6"/>
      <c r="C23879" s="6" t="s">
        <v>23915</v>
      </c>
      <c r="D23879" s="6"/>
      <c r="E23879" s="6" t="s">
        <v>9</v>
      </c>
      <c r="F23879" s="7">
        <v>38657</v>
      </c>
      <c r="G23879" s="8">
        <v>1</v>
      </c>
      <c r="H23879" s="8">
        <v>1</v>
      </c>
      <c r="I23879" s="8">
        <v>0</v>
      </c>
      <c r="J23879" s="8">
        <v>1</v>
      </c>
      <c r="K23879" s="9">
        <v>4.3499999999999899</v>
      </c>
      <c r="L23879" s="6" t="s">
        <v>4151</v>
      </c>
    </row>
    <row r="23880" spans="1:12">
      <c r="A23880" s="6" t="s">
        <v>4151</v>
      </c>
      <c r="B23880" s="6"/>
      <c r="C23880" s="6" t="s">
        <v>23916</v>
      </c>
      <c r="D23880" s="6"/>
      <c r="E23880" s="6" t="s">
        <v>9</v>
      </c>
      <c r="F23880" s="7">
        <v>38657</v>
      </c>
      <c r="G23880" s="8">
        <v>1</v>
      </c>
      <c r="H23880" s="8">
        <v>1</v>
      </c>
      <c r="I23880" s="8">
        <v>0</v>
      </c>
      <c r="J23880" s="8">
        <v>1</v>
      </c>
      <c r="K23880" s="9">
        <v>5.53</v>
      </c>
      <c r="L23880" s="6" t="s">
        <v>4151</v>
      </c>
    </row>
    <row r="23881" spans="1:12">
      <c r="A23881" s="6" t="s">
        <v>4151</v>
      </c>
      <c r="B23881" s="6"/>
      <c r="C23881" s="6" t="s">
        <v>23917</v>
      </c>
      <c r="D23881" s="6"/>
      <c r="E23881" s="6" t="s">
        <v>9</v>
      </c>
      <c r="F23881" s="7">
        <v>38657</v>
      </c>
      <c r="G23881" s="8">
        <v>1</v>
      </c>
      <c r="H23881" s="8">
        <v>1</v>
      </c>
      <c r="I23881" s="8">
        <v>0</v>
      </c>
      <c r="J23881" s="8">
        <v>1</v>
      </c>
      <c r="K23881" s="9">
        <v>29</v>
      </c>
      <c r="L23881" s="6" t="s">
        <v>4151</v>
      </c>
    </row>
    <row r="23882" spans="1:12">
      <c r="A23882" s="6" t="s">
        <v>4151</v>
      </c>
      <c r="B23882" s="6"/>
      <c r="C23882" s="6" t="s">
        <v>23918</v>
      </c>
      <c r="D23882" s="6"/>
      <c r="E23882" s="6" t="s">
        <v>9</v>
      </c>
      <c r="F23882" s="7">
        <v>38657</v>
      </c>
      <c r="G23882" s="8">
        <v>1</v>
      </c>
      <c r="H23882" s="8">
        <v>1</v>
      </c>
      <c r="I23882" s="8">
        <v>0</v>
      </c>
      <c r="J23882" s="8">
        <v>1</v>
      </c>
      <c r="K23882" s="9">
        <v>32</v>
      </c>
      <c r="L23882" s="6" t="s">
        <v>4151</v>
      </c>
    </row>
    <row r="23883" spans="1:12">
      <c r="A23883" s="6" t="s">
        <v>4151</v>
      </c>
      <c r="B23883" s="6"/>
      <c r="C23883" s="6" t="s">
        <v>23919</v>
      </c>
      <c r="D23883" s="6"/>
      <c r="E23883" s="6" t="s">
        <v>9</v>
      </c>
      <c r="F23883" s="7">
        <v>38657</v>
      </c>
      <c r="G23883" s="8">
        <v>1</v>
      </c>
      <c r="H23883" s="8">
        <v>1</v>
      </c>
      <c r="I23883" s="8">
        <v>0</v>
      </c>
      <c r="J23883" s="8">
        <v>1</v>
      </c>
      <c r="K23883" s="9">
        <v>8.2100000000000009</v>
      </c>
      <c r="L23883" s="6" t="s">
        <v>4151</v>
      </c>
    </row>
    <row r="23884" spans="1:12">
      <c r="A23884" s="6" t="s">
        <v>4151</v>
      </c>
      <c r="B23884" s="6"/>
      <c r="C23884" s="6" t="s">
        <v>23920</v>
      </c>
      <c r="D23884" s="6"/>
      <c r="E23884" s="6" t="s">
        <v>9</v>
      </c>
      <c r="F23884" s="7">
        <v>38657</v>
      </c>
      <c r="G23884" s="8">
        <v>1</v>
      </c>
      <c r="H23884" s="8">
        <v>1</v>
      </c>
      <c r="I23884" s="8">
        <v>0</v>
      </c>
      <c r="J23884" s="8">
        <v>1</v>
      </c>
      <c r="K23884" s="9">
        <v>10</v>
      </c>
      <c r="L23884" s="6" t="s">
        <v>4151</v>
      </c>
    </row>
    <row r="23885" spans="1:12">
      <c r="A23885" s="6" t="s">
        <v>4151</v>
      </c>
      <c r="B23885" s="6"/>
      <c r="C23885" s="6" t="s">
        <v>23921</v>
      </c>
      <c r="D23885" s="6"/>
      <c r="E23885" s="6" t="s">
        <v>9</v>
      </c>
      <c r="F23885" s="7">
        <v>38657</v>
      </c>
      <c r="G23885" s="8">
        <v>1</v>
      </c>
      <c r="H23885" s="8">
        <v>1</v>
      </c>
      <c r="I23885" s="8">
        <v>0</v>
      </c>
      <c r="J23885" s="8">
        <v>1</v>
      </c>
      <c r="K23885" s="9">
        <v>6.95</v>
      </c>
      <c r="L23885" s="6" t="s">
        <v>4151</v>
      </c>
    </row>
    <row r="23886" spans="1:12">
      <c r="A23886" s="6" t="s">
        <v>4151</v>
      </c>
      <c r="B23886" s="6"/>
      <c r="C23886" s="6" t="s">
        <v>23922</v>
      </c>
      <c r="D23886" s="6"/>
      <c r="E23886" s="6" t="s">
        <v>9</v>
      </c>
      <c r="F23886" s="7">
        <v>38657</v>
      </c>
      <c r="G23886" s="8">
        <v>1</v>
      </c>
      <c r="H23886" s="8">
        <v>1</v>
      </c>
      <c r="I23886" s="8">
        <v>0</v>
      </c>
      <c r="J23886" s="8">
        <v>1</v>
      </c>
      <c r="K23886" s="9">
        <v>1.67</v>
      </c>
      <c r="L23886" s="6" t="s">
        <v>4151</v>
      </c>
    </row>
    <row r="23887" spans="1:12">
      <c r="A23887" s="6" t="s">
        <v>4151</v>
      </c>
      <c r="B23887" s="6"/>
      <c r="C23887" s="6" t="s">
        <v>23923</v>
      </c>
      <c r="D23887" s="6"/>
      <c r="E23887" s="6" t="s">
        <v>9</v>
      </c>
      <c r="F23887" s="7">
        <v>38657</v>
      </c>
      <c r="G23887" s="8">
        <v>1</v>
      </c>
      <c r="H23887" s="8">
        <v>1</v>
      </c>
      <c r="I23887" s="8">
        <v>0</v>
      </c>
      <c r="J23887" s="8">
        <v>1</v>
      </c>
      <c r="K23887" s="9">
        <v>10</v>
      </c>
      <c r="L23887" s="6" t="s">
        <v>4151</v>
      </c>
    </row>
    <row r="23888" spans="1:12">
      <c r="A23888" s="6" t="s">
        <v>4151</v>
      </c>
      <c r="B23888" s="6"/>
      <c r="C23888" s="6" t="s">
        <v>23924</v>
      </c>
      <c r="D23888" s="6"/>
      <c r="E23888" s="6" t="s">
        <v>9</v>
      </c>
      <c r="F23888" s="7">
        <v>38657</v>
      </c>
      <c r="G23888" s="8">
        <v>1</v>
      </c>
      <c r="H23888" s="8">
        <v>1</v>
      </c>
      <c r="I23888" s="8">
        <v>0</v>
      </c>
      <c r="J23888" s="8">
        <v>1</v>
      </c>
      <c r="K23888" s="9">
        <v>0.67</v>
      </c>
      <c r="L23888" s="6" t="s">
        <v>4151</v>
      </c>
    </row>
    <row r="23889" spans="1:12">
      <c r="A23889" s="6" t="s">
        <v>4151</v>
      </c>
      <c r="B23889" s="6"/>
      <c r="C23889" s="6" t="s">
        <v>23925</v>
      </c>
      <c r="D23889" s="6"/>
      <c r="E23889" s="6" t="s">
        <v>9</v>
      </c>
      <c r="F23889" s="7">
        <v>38657</v>
      </c>
      <c r="G23889" s="8">
        <v>1</v>
      </c>
      <c r="H23889" s="8">
        <v>1</v>
      </c>
      <c r="I23889" s="8">
        <v>0</v>
      </c>
      <c r="J23889" s="8">
        <v>1</v>
      </c>
      <c r="K23889" s="9">
        <v>5.98</v>
      </c>
      <c r="L23889" s="6" t="s">
        <v>4151</v>
      </c>
    </row>
    <row r="23890" spans="1:12">
      <c r="A23890" s="6" t="s">
        <v>4151</v>
      </c>
      <c r="B23890" s="6"/>
      <c r="C23890" s="6" t="s">
        <v>23926</v>
      </c>
      <c r="D23890" s="6"/>
      <c r="E23890" s="6" t="s">
        <v>9</v>
      </c>
      <c r="F23890" s="7">
        <v>38657</v>
      </c>
      <c r="G23890" s="8">
        <v>1</v>
      </c>
      <c r="H23890" s="8">
        <v>1</v>
      </c>
      <c r="I23890" s="8">
        <v>0</v>
      </c>
      <c r="J23890" s="8">
        <v>1</v>
      </c>
      <c r="K23890" s="9">
        <v>2.89</v>
      </c>
      <c r="L23890" s="6" t="s">
        <v>4151</v>
      </c>
    </row>
    <row r="23891" spans="1:12">
      <c r="A23891" s="6" t="s">
        <v>4151</v>
      </c>
      <c r="B23891" s="6"/>
      <c r="C23891" s="6" t="s">
        <v>23927</v>
      </c>
      <c r="D23891" s="6"/>
      <c r="E23891" s="6" t="s">
        <v>9</v>
      </c>
      <c r="F23891" s="7">
        <v>38657</v>
      </c>
      <c r="G23891" s="8">
        <v>1</v>
      </c>
      <c r="H23891" s="8">
        <v>1</v>
      </c>
      <c r="I23891" s="8">
        <v>0</v>
      </c>
      <c r="J23891" s="8">
        <v>1</v>
      </c>
      <c r="K23891" s="9">
        <v>17</v>
      </c>
      <c r="L23891" s="6" t="s">
        <v>4151</v>
      </c>
    </row>
    <row r="23892" spans="1:12">
      <c r="A23892" s="6" t="s">
        <v>4151</v>
      </c>
      <c r="B23892" s="6"/>
      <c r="C23892" s="6" t="s">
        <v>23928</v>
      </c>
      <c r="D23892" s="6"/>
      <c r="E23892" s="6" t="s">
        <v>9</v>
      </c>
      <c r="F23892" s="7">
        <v>38657</v>
      </c>
      <c r="G23892" s="8">
        <v>1</v>
      </c>
      <c r="H23892" s="8">
        <v>1</v>
      </c>
      <c r="I23892" s="8">
        <v>0</v>
      </c>
      <c r="J23892" s="8">
        <v>1</v>
      </c>
      <c r="K23892" s="9">
        <v>10</v>
      </c>
      <c r="L23892" s="6" t="s">
        <v>4151</v>
      </c>
    </row>
    <row r="23893" spans="1:12">
      <c r="A23893" s="6" t="s">
        <v>4151</v>
      </c>
      <c r="B23893" s="6"/>
      <c r="C23893" s="6" t="s">
        <v>23929</v>
      </c>
      <c r="D23893" s="6"/>
      <c r="E23893" s="6" t="s">
        <v>9</v>
      </c>
      <c r="F23893" s="7">
        <v>38657</v>
      </c>
      <c r="G23893" s="8">
        <v>1</v>
      </c>
      <c r="H23893" s="8">
        <v>1</v>
      </c>
      <c r="I23893" s="8">
        <v>0</v>
      </c>
      <c r="J23893" s="8">
        <v>1</v>
      </c>
      <c r="K23893" s="9">
        <v>6.64</v>
      </c>
      <c r="L23893" s="6" t="s">
        <v>4151</v>
      </c>
    </row>
    <row r="23894" spans="1:12">
      <c r="A23894" s="6" t="s">
        <v>4151</v>
      </c>
      <c r="B23894" s="6"/>
      <c r="C23894" s="6" t="s">
        <v>23930</v>
      </c>
      <c r="D23894" s="6"/>
      <c r="E23894" s="6" t="s">
        <v>9</v>
      </c>
      <c r="F23894" s="7">
        <v>38657</v>
      </c>
      <c r="G23894" s="8">
        <v>1</v>
      </c>
      <c r="H23894" s="8">
        <v>1</v>
      </c>
      <c r="I23894" s="8">
        <v>0</v>
      </c>
      <c r="J23894" s="8">
        <v>1</v>
      </c>
      <c r="K23894" s="9">
        <v>17</v>
      </c>
      <c r="L23894" s="6" t="s">
        <v>4151</v>
      </c>
    </row>
    <row r="23895" spans="1:12">
      <c r="A23895" s="6" t="s">
        <v>4151</v>
      </c>
      <c r="B23895" s="6"/>
      <c r="C23895" s="6" t="s">
        <v>23931</v>
      </c>
      <c r="D23895" s="6"/>
      <c r="E23895" s="6" t="s">
        <v>9</v>
      </c>
      <c r="F23895" s="7">
        <v>38657</v>
      </c>
      <c r="G23895" s="8">
        <v>1</v>
      </c>
      <c r="H23895" s="8">
        <v>1</v>
      </c>
      <c r="I23895" s="8">
        <v>0</v>
      </c>
      <c r="J23895" s="8">
        <v>1</v>
      </c>
      <c r="K23895" s="9">
        <v>8.57</v>
      </c>
      <c r="L23895" s="6" t="s">
        <v>4151</v>
      </c>
    </row>
    <row r="23896" spans="1:12">
      <c r="A23896" s="6" t="s">
        <v>4151</v>
      </c>
      <c r="B23896" s="6"/>
      <c r="C23896" s="6" t="s">
        <v>23932</v>
      </c>
      <c r="D23896" s="6"/>
      <c r="E23896" s="6" t="s">
        <v>9</v>
      </c>
      <c r="F23896" s="7">
        <v>38657</v>
      </c>
      <c r="G23896" s="8">
        <v>1</v>
      </c>
      <c r="H23896" s="8">
        <v>1</v>
      </c>
      <c r="I23896" s="8">
        <v>0</v>
      </c>
      <c r="J23896" s="8">
        <v>1</v>
      </c>
      <c r="K23896" s="9">
        <v>8.64</v>
      </c>
      <c r="L23896" s="6" t="s">
        <v>4151</v>
      </c>
    </row>
    <row r="23897" spans="1:12">
      <c r="A23897" s="6" t="s">
        <v>4151</v>
      </c>
      <c r="B23897" s="6"/>
      <c r="C23897" s="6" t="s">
        <v>23933</v>
      </c>
      <c r="D23897" s="6"/>
      <c r="E23897" s="6" t="s">
        <v>9</v>
      </c>
      <c r="F23897" s="7">
        <v>38657</v>
      </c>
      <c r="G23897" s="8">
        <v>1</v>
      </c>
      <c r="H23897" s="8">
        <v>1</v>
      </c>
      <c r="I23897" s="8">
        <v>0</v>
      </c>
      <c r="J23897" s="8">
        <v>1</v>
      </c>
      <c r="K23897" s="9">
        <v>24</v>
      </c>
      <c r="L23897" s="6" t="s">
        <v>4151</v>
      </c>
    </row>
    <row r="23898" spans="1:12">
      <c r="A23898" s="6" t="s">
        <v>4151</v>
      </c>
      <c r="B23898" s="6"/>
      <c r="C23898" s="6" t="s">
        <v>23934</v>
      </c>
      <c r="D23898" s="6"/>
      <c r="E23898" s="6" t="s">
        <v>9</v>
      </c>
      <c r="F23898" s="7">
        <v>38657</v>
      </c>
      <c r="G23898" s="8">
        <v>1</v>
      </c>
      <c r="H23898" s="8">
        <v>1</v>
      </c>
      <c r="I23898" s="8">
        <v>0</v>
      </c>
      <c r="J23898" s="8">
        <v>1</v>
      </c>
      <c r="K23898" s="9">
        <v>8.15</v>
      </c>
      <c r="L23898" s="6" t="s">
        <v>4151</v>
      </c>
    </row>
    <row r="23899" spans="1:12">
      <c r="A23899" s="6" t="s">
        <v>4151</v>
      </c>
      <c r="B23899" s="6"/>
      <c r="C23899" s="6" t="s">
        <v>23935</v>
      </c>
      <c r="D23899" s="6"/>
      <c r="E23899" s="6" t="s">
        <v>9</v>
      </c>
      <c r="F23899" s="7">
        <v>38657</v>
      </c>
      <c r="G23899" s="8">
        <v>1</v>
      </c>
      <c r="H23899" s="8">
        <v>1</v>
      </c>
      <c r="I23899" s="8">
        <v>0</v>
      </c>
      <c r="J23899" s="8">
        <v>1</v>
      </c>
      <c r="K23899" s="9">
        <v>450</v>
      </c>
      <c r="L23899" s="6" t="s">
        <v>4151</v>
      </c>
    </row>
    <row r="23900" spans="1:12">
      <c r="A23900" s="6" t="s">
        <v>4151</v>
      </c>
      <c r="B23900" s="6"/>
      <c r="C23900" s="6" t="s">
        <v>23936</v>
      </c>
      <c r="D23900" s="6"/>
      <c r="E23900" s="6" t="s">
        <v>9</v>
      </c>
      <c r="F23900" s="7">
        <v>38657</v>
      </c>
      <c r="G23900" s="8">
        <v>1</v>
      </c>
      <c r="H23900" s="8">
        <v>1</v>
      </c>
      <c r="I23900" s="8">
        <v>0</v>
      </c>
      <c r="J23900" s="8">
        <v>1</v>
      </c>
      <c r="K23900" s="9">
        <v>10</v>
      </c>
      <c r="L23900" s="6" t="s">
        <v>4151</v>
      </c>
    </row>
    <row r="23901" spans="1:12">
      <c r="A23901" s="6" t="s">
        <v>4151</v>
      </c>
      <c r="B23901" s="6"/>
      <c r="C23901" s="6" t="s">
        <v>23937</v>
      </c>
      <c r="D23901" s="6"/>
      <c r="E23901" s="6" t="s">
        <v>9</v>
      </c>
      <c r="F23901" s="7">
        <v>38657</v>
      </c>
      <c r="G23901" s="8">
        <v>1</v>
      </c>
      <c r="H23901" s="8">
        <v>1</v>
      </c>
      <c r="I23901" s="8">
        <v>0</v>
      </c>
      <c r="J23901" s="8">
        <v>1</v>
      </c>
      <c r="K23901" s="9">
        <v>17.84</v>
      </c>
      <c r="L23901" s="6" t="s">
        <v>4151</v>
      </c>
    </row>
    <row r="23902" spans="1:12">
      <c r="A23902" s="6" t="s">
        <v>4151</v>
      </c>
      <c r="B23902" s="6"/>
      <c r="C23902" s="6" t="s">
        <v>23938</v>
      </c>
      <c r="D23902" s="6"/>
      <c r="E23902" s="6" t="s">
        <v>9</v>
      </c>
      <c r="F23902" s="7">
        <v>38657</v>
      </c>
      <c r="G23902" s="8">
        <v>1</v>
      </c>
      <c r="H23902" s="8">
        <v>1</v>
      </c>
      <c r="I23902" s="8">
        <v>0</v>
      </c>
      <c r="J23902" s="8">
        <v>1</v>
      </c>
      <c r="K23902" s="9">
        <v>77</v>
      </c>
      <c r="L23902" s="6" t="s">
        <v>4151</v>
      </c>
    </row>
    <row r="23903" spans="1:12">
      <c r="A23903" s="6" t="s">
        <v>4151</v>
      </c>
      <c r="B23903" s="6"/>
      <c r="C23903" s="6" t="s">
        <v>23939</v>
      </c>
      <c r="D23903" s="6"/>
      <c r="E23903" s="6" t="s">
        <v>9</v>
      </c>
      <c r="F23903" s="7">
        <v>38657</v>
      </c>
      <c r="G23903" s="8">
        <v>1</v>
      </c>
      <c r="H23903" s="8">
        <v>1</v>
      </c>
      <c r="I23903" s="8">
        <v>0</v>
      </c>
      <c r="J23903" s="8">
        <v>1</v>
      </c>
      <c r="K23903" s="9">
        <v>139.19999999999899</v>
      </c>
      <c r="L23903" s="6" t="s">
        <v>4151</v>
      </c>
    </row>
    <row r="23904" spans="1:12">
      <c r="A23904" s="6" t="s">
        <v>4151</v>
      </c>
      <c r="B23904" s="6"/>
      <c r="C23904" s="6" t="s">
        <v>23940</v>
      </c>
      <c r="D23904" s="6"/>
      <c r="E23904" s="6" t="s">
        <v>9</v>
      </c>
      <c r="F23904" s="7">
        <v>38657</v>
      </c>
      <c r="G23904" s="8">
        <v>1</v>
      </c>
      <c r="H23904" s="8">
        <v>1</v>
      </c>
      <c r="I23904" s="8">
        <v>0</v>
      </c>
      <c r="J23904" s="8">
        <v>1</v>
      </c>
      <c r="K23904" s="9">
        <v>99</v>
      </c>
      <c r="L23904" s="6" t="s">
        <v>4151</v>
      </c>
    </row>
    <row r="23905" spans="1:12">
      <c r="A23905" s="6" t="s">
        <v>4151</v>
      </c>
      <c r="B23905" s="6"/>
      <c r="C23905" s="6" t="s">
        <v>23941</v>
      </c>
      <c r="D23905" s="6"/>
      <c r="E23905" s="6" t="s">
        <v>9</v>
      </c>
      <c r="F23905" s="7">
        <v>38657</v>
      </c>
      <c r="G23905" s="8">
        <v>1</v>
      </c>
      <c r="H23905" s="8">
        <v>1</v>
      </c>
      <c r="I23905" s="8">
        <v>0</v>
      </c>
      <c r="J23905" s="8">
        <v>1</v>
      </c>
      <c r="K23905" s="9">
        <v>0.61</v>
      </c>
      <c r="L23905" s="6" t="s">
        <v>4151</v>
      </c>
    </row>
    <row r="23906" spans="1:12">
      <c r="A23906" s="6" t="s">
        <v>4151</v>
      </c>
      <c r="B23906" s="6"/>
      <c r="C23906" s="6" t="s">
        <v>23942</v>
      </c>
      <c r="D23906" s="6"/>
      <c r="E23906" s="6" t="s">
        <v>9</v>
      </c>
      <c r="F23906" s="7">
        <v>38657</v>
      </c>
      <c r="G23906" s="8">
        <v>1</v>
      </c>
      <c r="H23906" s="8">
        <v>1</v>
      </c>
      <c r="I23906" s="8">
        <v>0</v>
      </c>
      <c r="J23906" s="8">
        <v>1</v>
      </c>
      <c r="K23906" s="9">
        <v>69</v>
      </c>
      <c r="L23906" s="6" t="s">
        <v>4151</v>
      </c>
    </row>
    <row r="23907" spans="1:12">
      <c r="A23907" s="6" t="s">
        <v>4151</v>
      </c>
      <c r="B23907" s="6"/>
      <c r="C23907" s="6" t="s">
        <v>23943</v>
      </c>
      <c r="D23907" s="6"/>
      <c r="E23907" s="6" t="s">
        <v>9</v>
      </c>
      <c r="F23907" s="7">
        <v>38657</v>
      </c>
      <c r="G23907" s="8">
        <v>1</v>
      </c>
      <c r="H23907" s="8">
        <v>1</v>
      </c>
      <c r="I23907" s="8">
        <v>0</v>
      </c>
      <c r="J23907" s="8">
        <v>1</v>
      </c>
      <c r="K23907" s="9">
        <v>9.91</v>
      </c>
      <c r="L23907" s="6" t="s">
        <v>4151</v>
      </c>
    </row>
    <row r="23908" spans="1:12">
      <c r="A23908" s="6" t="s">
        <v>4151</v>
      </c>
      <c r="B23908" s="6"/>
      <c r="C23908" s="6" t="s">
        <v>23944</v>
      </c>
      <c r="D23908" s="6"/>
      <c r="E23908" s="6" t="s">
        <v>9</v>
      </c>
      <c r="F23908" s="7">
        <v>38657</v>
      </c>
      <c r="G23908" s="8">
        <v>1</v>
      </c>
      <c r="H23908" s="8">
        <v>1</v>
      </c>
      <c r="I23908" s="8">
        <v>0</v>
      </c>
      <c r="J23908" s="8">
        <v>1</v>
      </c>
      <c r="K23908" s="9">
        <v>9.59</v>
      </c>
      <c r="L23908" s="6" t="s">
        <v>4151</v>
      </c>
    </row>
    <row r="23909" spans="1:12">
      <c r="A23909" s="6" t="s">
        <v>4151</v>
      </c>
      <c r="B23909" s="6"/>
      <c r="C23909" s="6" t="s">
        <v>23945</v>
      </c>
      <c r="D23909" s="6"/>
      <c r="E23909" s="6" t="s">
        <v>9</v>
      </c>
      <c r="F23909" s="7">
        <v>38657</v>
      </c>
      <c r="G23909" s="8">
        <v>1</v>
      </c>
      <c r="H23909" s="8">
        <v>1</v>
      </c>
      <c r="I23909" s="8">
        <v>0</v>
      </c>
      <c r="J23909" s="8">
        <v>1</v>
      </c>
      <c r="K23909" s="9">
        <v>13</v>
      </c>
      <c r="L23909" s="6" t="s">
        <v>4151</v>
      </c>
    </row>
    <row r="23910" spans="1:12">
      <c r="A23910" s="6" t="s">
        <v>4151</v>
      </c>
      <c r="B23910" s="6"/>
      <c r="C23910" s="6" t="s">
        <v>23946</v>
      </c>
      <c r="D23910" s="6"/>
      <c r="E23910" s="6" t="s">
        <v>9</v>
      </c>
      <c r="F23910" s="7">
        <v>38657</v>
      </c>
      <c r="G23910" s="8">
        <v>1</v>
      </c>
      <c r="H23910" s="8">
        <v>1</v>
      </c>
      <c r="I23910" s="8">
        <v>0</v>
      </c>
      <c r="J23910" s="8">
        <v>1</v>
      </c>
      <c r="K23910" s="9">
        <v>33</v>
      </c>
      <c r="L23910" s="6" t="s">
        <v>4151</v>
      </c>
    </row>
    <row r="23911" spans="1:12">
      <c r="A23911" s="6" t="s">
        <v>4151</v>
      </c>
      <c r="B23911" s="6"/>
      <c r="C23911" s="6" t="s">
        <v>23947</v>
      </c>
      <c r="D23911" s="6"/>
      <c r="E23911" s="6" t="s">
        <v>9</v>
      </c>
      <c r="F23911" s="7">
        <v>38657</v>
      </c>
      <c r="G23911" s="8">
        <v>1</v>
      </c>
      <c r="H23911" s="8">
        <v>1</v>
      </c>
      <c r="I23911" s="8">
        <v>0</v>
      </c>
      <c r="J23911" s="8">
        <v>1</v>
      </c>
      <c r="K23911" s="9">
        <v>114</v>
      </c>
      <c r="L23911" s="6" t="s">
        <v>4151</v>
      </c>
    </row>
    <row r="23912" spans="1:12">
      <c r="A23912" s="6" t="s">
        <v>4151</v>
      </c>
      <c r="B23912" s="6"/>
      <c r="C23912" s="6" t="s">
        <v>23948</v>
      </c>
      <c r="D23912" s="6"/>
      <c r="E23912" s="6" t="s">
        <v>9</v>
      </c>
      <c r="F23912" s="7">
        <v>38657</v>
      </c>
      <c r="G23912" s="8">
        <v>1</v>
      </c>
      <c r="H23912" s="8">
        <v>1</v>
      </c>
      <c r="I23912" s="8">
        <v>0</v>
      </c>
      <c r="J23912" s="8">
        <v>1</v>
      </c>
      <c r="K23912" s="9">
        <v>1.86</v>
      </c>
      <c r="L23912" s="6" t="s">
        <v>4151</v>
      </c>
    </row>
    <row r="23913" spans="1:12">
      <c r="A23913" s="6" t="s">
        <v>4151</v>
      </c>
      <c r="B23913" s="6"/>
      <c r="C23913" s="6" t="s">
        <v>23949</v>
      </c>
      <c r="D23913" s="6"/>
      <c r="E23913" s="6" t="s">
        <v>9</v>
      </c>
      <c r="F23913" s="7">
        <v>38657</v>
      </c>
      <c r="G23913" s="8">
        <v>1</v>
      </c>
      <c r="H23913" s="8">
        <v>1</v>
      </c>
      <c r="I23913" s="8">
        <v>0</v>
      </c>
      <c r="J23913" s="8">
        <v>1</v>
      </c>
      <c r="K23913" s="9">
        <v>2.4900000000000002</v>
      </c>
      <c r="L23913" s="6" t="s">
        <v>4151</v>
      </c>
    </row>
    <row r="23914" spans="1:12">
      <c r="A23914" s="6" t="s">
        <v>4151</v>
      </c>
      <c r="B23914" s="6"/>
      <c r="C23914" s="6" t="s">
        <v>23950</v>
      </c>
      <c r="D23914" s="6"/>
      <c r="E23914" s="6" t="s">
        <v>9</v>
      </c>
      <c r="F23914" s="7">
        <v>38657</v>
      </c>
      <c r="G23914" s="8">
        <v>1</v>
      </c>
      <c r="H23914" s="8">
        <v>1</v>
      </c>
      <c r="I23914" s="8">
        <v>0</v>
      </c>
      <c r="J23914" s="8">
        <v>1</v>
      </c>
      <c r="K23914" s="9">
        <v>2.4900000000000002</v>
      </c>
      <c r="L23914" s="6" t="s">
        <v>4151</v>
      </c>
    </row>
    <row r="23915" spans="1:12">
      <c r="A23915" s="6" t="s">
        <v>4151</v>
      </c>
      <c r="B23915" s="6"/>
      <c r="C23915" s="6" t="s">
        <v>23951</v>
      </c>
      <c r="D23915" s="6"/>
      <c r="E23915" s="6" t="s">
        <v>9</v>
      </c>
      <c r="F23915" s="7">
        <v>38657</v>
      </c>
      <c r="G23915" s="8">
        <v>1</v>
      </c>
      <c r="H23915" s="8">
        <v>1</v>
      </c>
      <c r="I23915" s="8">
        <v>0</v>
      </c>
      <c r="J23915" s="8">
        <v>1</v>
      </c>
      <c r="K23915" s="9">
        <v>2.4900000000000002</v>
      </c>
      <c r="L23915" s="6" t="s">
        <v>4151</v>
      </c>
    </row>
    <row r="23916" spans="1:12">
      <c r="A23916" s="6" t="s">
        <v>4151</v>
      </c>
      <c r="B23916" s="6"/>
      <c r="C23916" s="6" t="s">
        <v>23952</v>
      </c>
      <c r="D23916" s="6"/>
      <c r="E23916" s="6" t="s">
        <v>9</v>
      </c>
      <c r="F23916" s="7">
        <v>38657</v>
      </c>
      <c r="G23916" s="8">
        <v>1</v>
      </c>
      <c r="H23916" s="8">
        <v>1</v>
      </c>
      <c r="I23916" s="8">
        <v>0</v>
      </c>
      <c r="J23916" s="8">
        <v>1</v>
      </c>
      <c r="K23916" s="9">
        <v>2.4900000000000002</v>
      </c>
      <c r="L23916" s="6" t="s">
        <v>4151</v>
      </c>
    </row>
    <row r="23917" spans="1:12">
      <c r="A23917" s="6" t="s">
        <v>4151</v>
      </c>
      <c r="B23917" s="6"/>
      <c r="C23917" s="6" t="s">
        <v>23953</v>
      </c>
      <c r="D23917" s="6"/>
      <c r="E23917" s="6" t="s">
        <v>9</v>
      </c>
      <c r="F23917" s="7">
        <v>38657</v>
      </c>
      <c r="G23917" s="8">
        <v>1</v>
      </c>
      <c r="H23917" s="8">
        <v>1</v>
      </c>
      <c r="I23917" s="8">
        <v>0</v>
      </c>
      <c r="J23917" s="8">
        <v>1</v>
      </c>
      <c r="K23917" s="9">
        <v>4.99</v>
      </c>
      <c r="L23917" s="6" t="s">
        <v>4151</v>
      </c>
    </row>
    <row r="23918" spans="1:12">
      <c r="A23918" s="6" t="s">
        <v>4151</v>
      </c>
      <c r="B23918" s="6"/>
      <c r="C23918" s="6" t="s">
        <v>23954</v>
      </c>
      <c r="D23918" s="6"/>
      <c r="E23918" s="6" t="s">
        <v>9</v>
      </c>
      <c r="F23918" s="7">
        <v>38657</v>
      </c>
      <c r="G23918" s="8">
        <v>1</v>
      </c>
      <c r="H23918" s="8">
        <v>1</v>
      </c>
      <c r="I23918" s="8">
        <v>0</v>
      </c>
      <c r="J23918" s="8">
        <v>1</v>
      </c>
      <c r="K23918" s="9">
        <v>4.99</v>
      </c>
      <c r="L23918" s="6" t="s">
        <v>4151</v>
      </c>
    </row>
    <row r="23919" spans="1:12">
      <c r="A23919" s="6" t="s">
        <v>4151</v>
      </c>
      <c r="B23919" s="6"/>
      <c r="C23919" s="6" t="s">
        <v>23955</v>
      </c>
      <c r="D23919" s="6"/>
      <c r="E23919" s="6" t="s">
        <v>9</v>
      </c>
      <c r="F23919" s="7">
        <v>38657</v>
      </c>
      <c r="G23919" s="8">
        <v>1</v>
      </c>
      <c r="H23919" s="8">
        <v>1</v>
      </c>
      <c r="I23919" s="8">
        <v>0</v>
      </c>
      <c r="J23919" s="8">
        <v>1</v>
      </c>
      <c r="K23919" s="9">
        <v>4.99</v>
      </c>
      <c r="L23919" s="6" t="s">
        <v>4151</v>
      </c>
    </row>
    <row r="23920" spans="1:12">
      <c r="A23920" s="6" t="s">
        <v>4151</v>
      </c>
      <c r="B23920" s="6"/>
      <c r="C23920" s="6" t="s">
        <v>23956</v>
      </c>
      <c r="D23920" s="6"/>
      <c r="E23920" s="6" t="s">
        <v>9</v>
      </c>
      <c r="F23920" s="7">
        <v>38657</v>
      </c>
      <c r="G23920" s="8">
        <v>1</v>
      </c>
      <c r="H23920" s="8">
        <v>1</v>
      </c>
      <c r="I23920" s="8">
        <v>0</v>
      </c>
      <c r="J23920" s="8">
        <v>1</v>
      </c>
      <c r="K23920" s="9">
        <v>4.99</v>
      </c>
      <c r="L23920" s="6" t="s">
        <v>4151</v>
      </c>
    </row>
    <row r="23921" spans="1:12">
      <c r="A23921" s="6" t="s">
        <v>4151</v>
      </c>
      <c r="B23921" s="6"/>
      <c r="C23921" s="6" t="s">
        <v>23957</v>
      </c>
      <c r="D23921" s="6"/>
      <c r="E23921" s="6" t="s">
        <v>9</v>
      </c>
      <c r="F23921" s="7">
        <v>38657</v>
      </c>
      <c r="G23921" s="8">
        <v>1</v>
      </c>
      <c r="H23921" s="8">
        <v>1</v>
      </c>
      <c r="I23921" s="8">
        <v>0</v>
      </c>
      <c r="J23921" s="8">
        <v>1</v>
      </c>
      <c r="K23921" s="9">
        <v>4.99</v>
      </c>
      <c r="L23921" s="6" t="s">
        <v>4151</v>
      </c>
    </row>
    <row r="23922" spans="1:12">
      <c r="A23922" s="6" t="s">
        <v>4151</v>
      </c>
      <c r="B23922" s="6"/>
      <c r="C23922" s="6" t="s">
        <v>23958</v>
      </c>
      <c r="D23922" s="6"/>
      <c r="E23922" s="6" t="s">
        <v>9</v>
      </c>
      <c r="F23922" s="7">
        <v>38657</v>
      </c>
      <c r="G23922" s="8">
        <v>1</v>
      </c>
      <c r="H23922" s="8">
        <v>1</v>
      </c>
      <c r="I23922" s="8">
        <v>0</v>
      </c>
      <c r="J23922" s="8">
        <v>1</v>
      </c>
      <c r="K23922" s="9">
        <v>16</v>
      </c>
      <c r="L23922" s="6" t="s">
        <v>4151</v>
      </c>
    </row>
    <row r="23923" spans="1:12">
      <c r="A23923" s="6" t="s">
        <v>4151</v>
      </c>
      <c r="B23923" s="6"/>
      <c r="C23923" s="6" t="s">
        <v>23959</v>
      </c>
      <c r="D23923" s="6"/>
      <c r="E23923" s="6" t="s">
        <v>9</v>
      </c>
      <c r="F23923" s="7">
        <v>38657</v>
      </c>
      <c r="G23923" s="8">
        <v>1</v>
      </c>
      <c r="H23923" s="8">
        <v>1</v>
      </c>
      <c r="I23923" s="8">
        <v>0</v>
      </c>
      <c r="J23923" s="8">
        <v>1</v>
      </c>
      <c r="K23923" s="9">
        <v>8.7799999999999905</v>
      </c>
      <c r="L23923" s="6" t="s">
        <v>4151</v>
      </c>
    </row>
    <row r="23924" spans="1:12">
      <c r="A23924" s="6" t="s">
        <v>4151</v>
      </c>
      <c r="B23924" s="6"/>
      <c r="C23924" s="6" t="s">
        <v>23960</v>
      </c>
      <c r="D23924" s="6"/>
      <c r="E23924" s="6" t="s">
        <v>9</v>
      </c>
      <c r="F23924" s="7">
        <v>38657</v>
      </c>
      <c r="G23924" s="8">
        <v>1</v>
      </c>
      <c r="H23924" s="8">
        <v>1</v>
      </c>
      <c r="I23924" s="8">
        <v>0</v>
      </c>
      <c r="J23924" s="8">
        <v>1</v>
      </c>
      <c r="K23924" s="9">
        <v>107</v>
      </c>
      <c r="L23924" s="6" t="s">
        <v>4151</v>
      </c>
    </row>
    <row r="23925" spans="1:12">
      <c r="A23925" s="6" t="s">
        <v>4151</v>
      </c>
      <c r="B23925" s="6"/>
      <c r="C23925" s="6" t="s">
        <v>23961</v>
      </c>
      <c r="D23925" s="6"/>
      <c r="E23925" s="6" t="s">
        <v>9</v>
      </c>
      <c r="F23925" s="7">
        <v>38657</v>
      </c>
      <c r="G23925" s="8">
        <v>1</v>
      </c>
      <c r="H23925" s="8">
        <v>1</v>
      </c>
      <c r="I23925" s="8">
        <v>0</v>
      </c>
      <c r="J23925" s="8">
        <v>1</v>
      </c>
      <c r="K23925" s="9">
        <v>13</v>
      </c>
      <c r="L23925" s="6" t="s">
        <v>4151</v>
      </c>
    </row>
    <row r="23926" spans="1:12">
      <c r="A23926" s="6" t="s">
        <v>4151</v>
      </c>
      <c r="B23926" s="6"/>
      <c r="C23926" s="6" t="s">
        <v>23962</v>
      </c>
      <c r="D23926" s="6"/>
      <c r="E23926" s="6" t="s">
        <v>9</v>
      </c>
      <c r="F23926" s="7">
        <v>38657</v>
      </c>
      <c r="G23926" s="8">
        <v>1</v>
      </c>
      <c r="H23926" s="8">
        <v>1</v>
      </c>
      <c r="I23926" s="8">
        <v>0</v>
      </c>
      <c r="J23926" s="8">
        <v>1</v>
      </c>
      <c r="K23926" s="9">
        <v>8.48</v>
      </c>
      <c r="L23926" s="6" t="s">
        <v>4151</v>
      </c>
    </row>
    <row r="23927" spans="1:12">
      <c r="A23927" s="6" t="s">
        <v>4151</v>
      </c>
      <c r="B23927" s="6"/>
      <c r="C23927" s="6" t="s">
        <v>23963</v>
      </c>
      <c r="D23927" s="6"/>
      <c r="E23927" s="6" t="s">
        <v>9</v>
      </c>
      <c r="F23927" s="7">
        <v>38657</v>
      </c>
      <c r="G23927" s="8">
        <v>1</v>
      </c>
      <c r="H23927" s="8">
        <v>1</v>
      </c>
      <c r="I23927" s="8">
        <v>0</v>
      </c>
      <c r="J23927" s="8">
        <v>1</v>
      </c>
      <c r="K23927" s="9">
        <v>24</v>
      </c>
      <c r="L23927" s="6" t="s">
        <v>4151</v>
      </c>
    </row>
    <row r="23928" spans="1:12">
      <c r="A23928" s="6" t="s">
        <v>4151</v>
      </c>
      <c r="B23928" s="6"/>
      <c r="C23928" s="6" t="s">
        <v>23964</v>
      </c>
      <c r="D23928" s="6"/>
      <c r="E23928" s="6" t="s">
        <v>9</v>
      </c>
      <c r="F23928" s="7">
        <v>38657</v>
      </c>
      <c r="G23928" s="8">
        <v>1</v>
      </c>
      <c r="H23928" s="8">
        <v>1</v>
      </c>
      <c r="I23928" s="8">
        <v>0</v>
      </c>
      <c r="J23928" s="8">
        <v>1</v>
      </c>
      <c r="K23928" s="9">
        <v>21</v>
      </c>
      <c r="L23928" s="6" t="s">
        <v>4151</v>
      </c>
    </row>
    <row r="23929" spans="1:12">
      <c r="A23929" s="6" t="s">
        <v>4151</v>
      </c>
      <c r="B23929" s="6"/>
      <c r="C23929" s="6" t="s">
        <v>23965</v>
      </c>
      <c r="D23929" s="6"/>
      <c r="E23929" s="6" t="s">
        <v>9</v>
      </c>
      <c r="F23929" s="7">
        <v>38657</v>
      </c>
      <c r="G23929" s="8">
        <v>1</v>
      </c>
      <c r="H23929" s="8">
        <v>1</v>
      </c>
      <c r="I23929" s="8">
        <v>0</v>
      </c>
      <c r="J23929" s="8">
        <v>1</v>
      </c>
      <c r="K23929" s="9">
        <v>46</v>
      </c>
      <c r="L23929" s="6" t="s">
        <v>4151</v>
      </c>
    </row>
    <row r="23930" spans="1:12">
      <c r="A23930" s="6" t="s">
        <v>4151</v>
      </c>
      <c r="B23930" s="6"/>
      <c r="C23930" s="6" t="s">
        <v>23966</v>
      </c>
      <c r="D23930" s="6"/>
      <c r="E23930" s="6" t="s">
        <v>9</v>
      </c>
      <c r="F23930" s="7">
        <v>38657</v>
      </c>
      <c r="G23930" s="8">
        <v>1</v>
      </c>
      <c r="H23930" s="8">
        <v>1</v>
      </c>
      <c r="I23930" s="8">
        <v>0</v>
      </c>
      <c r="J23930" s="8">
        <v>1</v>
      </c>
      <c r="K23930" s="9">
        <v>8.2799999999999905</v>
      </c>
      <c r="L23930" s="6" t="s">
        <v>4151</v>
      </c>
    </row>
    <row r="23931" spans="1:12">
      <c r="A23931" s="6" t="s">
        <v>4151</v>
      </c>
      <c r="B23931" s="6"/>
      <c r="C23931" s="6" t="s">
        <v>23967</v>
      </c>
      <c r="D23931" s="6"/>
      <c r="E23931" s="6" t="s">
        <v>9</v>
      </c>
      <c r="F23931" s="7">
        <v>38657</v>
      </c>
      <c r="G23931" s="8">
        <v>1</v>
      </c>
      <c r="H23931" s="8">
        <v>1</v>
      </c>
      <c r="I23931" s="8">
        <v>0</v>
      </c>
      <c r="J23931" s="8">
        <v>1</v>
      </c>
      <c r="K23931" s="9">
        <v>132</v>
      </c>
      <c r="L23931" s="6" t="s">
        <v>4151</v>
      </c>
    </row>
    <row r="23932" spans="1:12">
      <c r="A23932" s="6" t="s">
        <v>4151</v>
      </c>
      <c r="B23932" s="6"/>
      <c r="C23932" s="6" t="s">
        <v>23968</v>
      </c>
      <c r="D23932" s="6"/>
      <c r="E23932" s="6" t="s">
        <v>9</v>
      </c>
      <c r="F23932" s="7">
        <v>29148</v>
      </c>
      <c r="G23932" s="8">
        <v>1</v>
      </c>
      <c r="H23932" s="8">
        <v>1</v>
      </c>
      <c r="I23932" s="8">
        <v>0</v>
      </c>
      <c r="J23932" s="8">
        <v>1</v>
      </c>
      <c r="K23932" s="9">
        <v>19</v>
      </c>
      <c r="L23932" s="6" t="s">
        <v>4151</v>
      </c>
    </row>
    <row r="23933" spans="1:12">
      <c r="A23933" s="6" t="s">
        <v>4151</v>
      </c>
      <c r="B23933" s="6"/>
      <c r="C23933" s="6" t="s">
        <v>23969</v>
      </c>
      <c r="D23933" s="6"/>
      <c r="E23933" s="6" t="s">
        <v>9</v>
      </c>
      <c r="F23933" s="7">
        <v>38657</v>
      </c>
      <c r="G23933" s="8">
        <v>1</v>
      </c>
      <c r="H23933" s="8">
        <v>1</v>
      </c>
      <c r="I23933" s="8">
        <v>0</v>
      </c>
      <c r="J23933" s="8">
        <v>1</v>
      </c>
      <c r="K23933" s="9">
        <v>57.88</v>
      </c>
      <c r="L23933" s="6" t="s">
        <v>4151</v>
      </c>
    </row>
    <row r="23934" spans="1:12">
      <c r="A23934" s="6" t="s">
        <v>4151</v>
      </c>
      <c r="B23934" s="6"/>
      <c r="C23934" s="6" t="s">
        <v>23970</v>
      </c>
      <c r="D23934" s="6"/>
      <c r="E23934" s="6" t="s">
        <v>9</v>
      </c>
      <c r="F23934" s="7">
        <v>38657</v>
      </c>
      <c r="G23934" s="8">
        <v>1</v>
      </c>
      <c r="H23934" s="8">
        <v>1</v>
      </c>
      <c r="I23934" s="8">
        <v>0</v>
      </c>
      <c r="J23934" s="8">
        <v>1</v>
      </c>
      <c r="K23934" s="9">
        <v>1.3</v>
      </c>
      <c r="L23934" s="6" t="s">
        <v>4151</v>
      </c>
    </row>
    <row r="23935" spans="1:12">
      <c r="A23935" s="6" t="s">
        <v>4151</v>
      </c>
      <c r="B23935" s="6"/>
      <c r="C23935" s="6" t="s">
        <v>23971</v>
      </c>
      <c r="D23935" s="6"/>
      <c r="E23935" s="6" t="s">
        <v>9</v>
      </c>
      <c r="F23935" s="7">
        <v>38657</v>
      </c>
      <c r="G23935" s="8">
        <v>1</v>
      </c>
      <c r="H23935" s="8">
        <v>1</v>
      </c>
      <c r="I23935" s="8">
        <v>0</v>
      </c>
      <c r="J23935" s="8">
        <v>1</v>
      </c>
      <c r="K23935" s="9">
        <v>2.27</v>
      </c>
      <c r="L23935" s="6" t="s">
        <v>4151</v>
      </c>
    </row>
    <row r="23936" spans="1:12">
      <c r="A23936" s="6" t="s">
        <v>4151</v>
      </c>
      <c r="B23936" s="6"/>
      <c r="C23936" s="6" t="s">
        <v>23972</v>
      </c>
      <c r="D23936" s="6"/>
      <c r="E23936" s="6" t="s">
        <v>9</v>
      </c>
      <c r="F23936" s="7">
        <v>38657</v>
      </c>
      <c r="G23936" s="8">
        <v>1</v>
      </c>
      <c r="H23936" s="8">
        <v>1</v>
      </c>
      <c r="I23936" s="8">
        <v>0</v>
      </c>
      <c r="J23936" s="8">
        <v>1</v>
      </c>
      <c r="K23936" s="9">
        <v>19</v>
      </c>
      <c r="L23936" s="6" t="s">
        <v>4151</v>
      </c>
    </row>
    <row r="23937" spans="1:12">
      <c r="A23937" s="6" t="s">
        <v>4151</v>
      </c>
      <c r="B23937" s="6"/>
      <c r="C23937" s="6" t="s">
        <v>23973</v>
      </c>
      <c r="D23937" s="6"/>
      <c r="E23937" s="6" t="s">
        <v>9</v>
      </c>
      <c r="F23937" s="7">
        <v>38657</v>
      </c>
      <c r="G23937" s="8">
        <v>1</v>
      </c>
      <c r="H23937" s="8">
        <v>1</v>
      </c>
      <c r="I23937" s="8">
        <v>0</v>
      </c>
      <c r="J23937" s="8">
        <v>1</v>
      </c>
      <c r="K23937" s="9">
        <v>3.31</v>
      </c>
      <c r="L23937" s="6" t="s">
        <v>4151</v>
      </c>
    </row>
    <row r="23938" spans="1:12">
      <c r="A23938" s="6" t="s">
        <v>4151</v>
      </c>
      <c r="B23938" s="6"/>
      <c r="C23938" s="6" t="s">
        <v>23974</v>
      </c>
      <c r="D23938" s="6"/>
      <c r="E23938" s="6" t="s">
        <v>9</v>
      </c>
      <c r="F23938" s="7">
        <v>38657</v>
      </c>
      <c r="G23938" s="8">
        <v>1</v>
      </c>
      <c r="H23938" s="8">
        <v>1</v>
      </c>
      <c r="I23938" s="8">
        <v>0</v>
      </c>
      <c r="J23938" s="8">
        <v>1</v>
      </c>
      <c r="K23938" s="9">
        <v>17</v>
      </c>
      <c r="L23938" s="6" t="s">
        <v>4151</v>
      </c>
    </row>
    <row r="23939" spans="1:12">
      <c r="A23939" s="6" t="s">
        <v>4151</v>
      </c>
      <c r="B23939" s="6"/>
      <c r="C23939" s="6" t="s">
        <v>23975</v>
      </c>
      <c r="D23939" s="6"/>
      <c r="E23939" s="6" t="s">
        <v>9</v>
      </c>
      <c r="F23939" s="7">
        <v>38657</v>
      </c>
      <c r="G23939" s="8">
        <v>1</v>
      </c>
      <c r="H23939" s="8">
        <v>1</v>
      </c>
      <c r="I23939" s="8">
        <v>0</v>
      </c>
      <c r="J23939" s="8">
        <v>1</v>
      </c>
      <c r="K23939" s="9">
        <v>57</v>
      </c>
      <c r="L23939" s="6" t="s">
        <v>4151</v>
      </c>
    </row>
    <row r="23940" spans="1:12">
      <c r="A23940" s="6" t="s">
        <v>4151</v>
      </c>
      <c r="B23940" s="6"/>
      <c r="C23940" s="6" t="s">
        <v>23976</v>
      </c>
      <c r="D23940" s="6"/>
      <c r="E23940" s="6" t="s">
        <v>9</v>
      </c>
      <c r="F23940" s="7">
        <v>38657</v>
      </c>
      <c r="G23940" s="8">
        <v>1</v>
      </c>
      <c r="H23940" s="8">
        <v>1</v>
      </c>
      <c r="I23940" s="8">
        <v>0</v>
      </c>
      <c r="J23940" s="8">
        <v>1</v>
      </c>
      <c r="K23940" s="9">
        <v>18</v>
      </c>
      <c r="L23940" s="6" t="s">
        <v>4151</v>
      </c>
    </row>
    <row r="23941" spans="1:12">
      <c r="A23941" s="6" t="s">
        <v>4151</v>
      </c>
      <c r="B23941" s="6"/>
      <c r="C23941" s="6" t="s">
        <v>23977</v>
      </c>
      <c r="D23941" s="6"/>
      <c r="E23941" s="6" t="s">
        <v>9</v>
      </c>
      <c r="F23941" s="7">
        <v>38657</v>
      </c>
      <c r="G23941" s="8">
        <v>1</v>
      </c>
      <c r="H23941" s="8">
        <v>1</v>
      </c>
      <c r="I23941" s="8">
        <v>0</v>
      </c>
      <c r="J23941" s="8">
        <v>1</v>
      </c>
      <c r="K23941" s="9">
        <v>8.01</v>
      </c>
      <c r="L23941" s="6" t="s">
        <v>4151</v>
      </c>
    </row>
    <row r="23942" spans="1:12">
      <c r="A23942" s="6" t="s">
        <v>4151</v>
      </c>
      <c r="B23942" s="6"/>
      <c r="C23942" s="6" t="s">
        <v>23978</v>
      </c>
      <c r="D23942" s="6"/>
      <c r="E23942" s="6" t="s">
        <v>9</v>
      </c>
      <c r="F23942" s="7">
        <v>38657</v>
      </c>
      <c r="G23942" s="8">
        <v>1</v>
      </c>
      <c r="H23942" s="8">
        <v>1</v>
      </c>
      <c r="I23942" s="8">
        <v>0</v>
      </c>
      <c r="J23942" s="8">
        <v>1</v>
      </c>
      <c r="K23942" s="9">
        <v>56</v>
      </c>
      <c r="L23942" s="6" t="s">
        <v>4151</v>
      </c>
    </row>
    <row r="23943" spans="1:12">
      <c r="A23943" s="6" t="s">
        <v>4151</v>
      </c>
      <c r="B23943" s="6"/>
      <c r="C23943" s="6" t="s">
        <v>23979</v>
      </c>
      <c r="D23943" s="6"/>
      <c r="E23943" s="6" t="s">
        <v>9</v>
      </c>
      <c r="F23943" s="7">
        <v>38657</v>
      </c>
      <c r="G23943" s="8">
        <v>1</v>
      </c>
      <c r="H23943" s="8">
        <v>1</v>
      </c>
      <c r="I23943" s="8">
        <v>0</v>
      </c>
      <c r="J23943" s="8">
        <v>1</v>
      </c>
      <c r="K23943" s="9">
        <v>124</v>
      </c>
      <c r="L23943" s="6" t="s">
        <v>4151</v>
      </c>
    </row>
    <row r="23944" spans="1:12">
      <c r="A23944" s="6" t="s">
        <v>4151</v>
      </c>
      <c r="B23944" s="6"/>
      <c r="C23944" s="6" t="s">
        <v>23980</v>
      </c>
      <c r="D23944" s="6"/>
      <c r="E23944" s="6" t="s">
        <v>9</v>
      </c>
      <c r="F23944" s="7">
        <v>38657</v>
      </c>
      <c r="G23944" s="8">
        <v>1</v>
      </c>
      <c r="H23944" s="8">
        <v>1</v>
      </c>
      <c r="I23944" s="8">
        <v>0</v>
      </c>
      <c r="J23944" s="8">
        <v>1</v>
      </c>
      <c r="K23944" s="9">
        <v>42</v>
      </c>
      <c r="L23944" s="6" t="s">
        <v>4151</v>
      </c>
    </row>
    <row r="23945" spans="1:12">
      <c r="A23945" s="6" t="s">
        <v>4151</v>
      </c>
      <c r="B23945" s="6"/>
      <c r="C23945" s="6" t="s">
        <v>23981</v>
      </c>
      <c r="D23945" s="6"/>
      <c r="E23945" s="6" t="s">
        <v>9</v>
      </c>
      <c r="F23945" s="7">
        <v>38657</v>
      </c>
      <c r="G23945" s="8">
        <v>1</v>
      </c>
      <c r="H23945" s="8">
        <v>1</v>
      </c>
      <c r="I23945" s="8">
        <v>0</v>
      </c>
      <c r="J23945" s="8">
        <v>1</v>
      </c>
      <c r="K23945" s="9">
        <v>42</v>
      </c>
      <c r="L23945" s="6" t="s">
        <v>4151</v>
      </c>
    </row>
    <row r="23946" spans="1:12">
      <c r="A23946" s="6" t="s">
        <v>4151</v>
      </c>
      <c r="B23946" s="6"/>
      <c r="C23946" s="6" t="s">
        <v>23982</v>
      </c>
      <c r="D23946" s="6"/>
      <c r="E23946" s="6" t="s">
        <v>9</v>
      </c>
      <c r="F23946" s="7">
        <v>38657</v>
      </c>
      <c r="G23946" s="8">
        <v>1</v>
      </c>
      <c r="H23946" s="8">
        <v>1</v>
      </c>
      <c r="I23946" s="8">
        <v>0</v>
      </c>
      <c r="J23946" s="8">
        <v>1</v>
      </c>
      <c r="K23946" s="9">
        <v>42</v>
      </c>
      <c r="L23946" s="6" t="s">
        <v>4151</v>
      </c>
    </row>
    <row r="23947" spans="1:12">
      <c r="A23947" s="6" t="s">
        <v>4151</v>
      </c>
      <c r="B23947" s="6"/>
      <c r="C23947" s="6" t="s">
        <v>23983</v>
      </c>
      <c r="D23947" s="6"/>
      <c r="E23947" s="6" t="s">
        <v>9</v>
      </c>
      <c r="F23947" s="7">
        <v>38657</v>
      </c>
      <c r="G23947" s="8">
        <v>1</v>
      </c>
      <c r="H23947" s="8">
        <v>1</v>
      </c>
      <c r="I23947" s="8">
        <v>0</v>
      </c>
      <c r="J23947" s="8">
        <v>1</v>
      </c>
      <c r="K23947" s="9">
        <v>6.61</v>
      </c>
      <c r="L23947" s="6" t="s">
        <v>4151</v>
      </c>
    </row>
    <row r="23948" spans="1:12">
      <c r="A23948" s="6" t="s">
        <v>4151</v>
      </c>
      <c r="B23948" s="6"/>
      <c r="C23948" s="6" t="s">
        <v>23984</v>
      </c>
      <c r="D23948" s="6"/>
      <c r="E23948" s="6" t="s">
        <v>9</v>
      </c>
      <c r="F23948" s="7">
        <v>38657</v>
      </c>
      <c r="G23948" s="8">
        <v>1</v>
      </c>
      <c r="H23948" s="8">
        <v>1</v>
      </c>
      <c r="I23948" s="8">
        <v>0</v>
      </c>
      <c r="J23948" s="8">
        <v>1</v>
      </c>
      <c r="K23948" s="9">
        <v>29</v>
      </c>
      <c r="L23948" s="6" t="s">
        <v>4151</v>
      </c>
    </row>
    <row r="23949" spans="1:12">
      <c r="A23949" s="6" t="s">
        <v>4151</v>
      </c>
      <c r="B23949" s="6"/>
      <c r="C23949" s="6" t="s">
        <v>23985</v>
      </c>
      <c r="D23949" s="6"/>
      <c r="E23949" s="6" t="s">
        <v>9</v>
      </c>
      <c r="F23949" s="7">
        <v>38657</v>
      </c>
      <c r="G23949" s="8">
        <v>1</v>
      </c>
      <c r="H23949" s="8">
        <v>1</v>
      </c>
      <c r="I23949" s="8">
        <v>0</v>
      </c>
      <c r="J23949" s="8">
        <v>1</v>
      </c>
      <c r="K23949" s="9">
        <v>29</v>
      </c>
      <c r="L23949" s="6" t="s">
        <v>4151</v>
      </c>
    </row>
    <row r="23950" spans="1:12">
      <c r="A23950" s="6" t="s">
        <v>4151</v>
      </c>
      <c r="B23950" s="6"/>
      <c r="C23950" s="6" t="s">
        <v>23986</v>
      </c>
      <c r="D23950" s="6"/>
      <c r="E23950" s="6" t="s">
        <v>9</v>
      </c>
      <c r="F23950" s="7">
        <v>38657</v>
      </c>
      <c r="G23950" s="8">
        <v>1</v>
      </c>
      <c r="H23950" s="8">
        <v>1</v>
      </c>
      <c r="I23950" s="8">
        <v>0</v>
      </c>
      <c r="J23950" s="8">
        <v>1</v>
      </c>
      <c r="K23950" s="9">
        <v>19</v>
      </c>
      <c r="L23950" s="6" t="s">
        <v>4151</v>
      </c>
    </row>
    <row r="23951" spans="1:12">
      <c r="A23951" s="6" t="s">
        <v>4151</v>
      </c>
      <c r="B23951" s="6"/>
      <c r="C23951" s="6" t="s">
        <v>23987</v>
      </c>
      <c r="D23951" s="6"/>
      <c r="E23951" s="6" t="s">
        <v>9</v>
      </c>
      <c r="F23951" s="7">
        <v>38657</v>
      </c>
      <c r="G23951" s="8">
        <v>1</v>
      </c>
      <c r="H23951" s="8">
        <v>1</v>
      </c>
      <c r="I23951" s="8">
        <v>0</v>
      </c>
      <c r="J23951" s="8">
        <v>1</v>
      </c>
      <c r="K23951" s="9">
        <v>16</v>
      </c>
      <c r="L23951" s="6" t="s">
        <v>4151</v>
      </c>
    </row>
    <row r="23952" spans="1:12">
      <c r="A23952" s="6" t="s">
        <v>4151</v>
      </c>
      <c r="B23952" s="6"/>
      <c r="C23952" s="6" t="s">
        <v>23988</v>
      </c>
      <c r="D23952" s="6"/>
      <c r="E23952" s="6" t="s">
        <v>9</v>
      </c>
      <c r="F23952" s="7">
        <v>38657</v>
      </c>
      <c r="G23952" s="8">
        <v>1</v>
      </c>
      <c r="H23952" s="8">
        <v>1</v>
      </c>
      <c r="I23952" s="8">
        <v>0</v>
      </c>
      <c r="J23952" s="8">
        <v>1</v>
      </c>
      <c r="K23952" s="9">
        <v>33</v>
      </c>
      <c r="L23952" s="6" t="s">
        <v>4151</v>
      </c>
    </row>
    <row r="23953" spans="1:12">
      <c r="A23953" s="6" t="s">
        <v>4151</v>
      </c>
      <c r="B23953" s="6"/>
      <c r="C23953" s="6" t="s">
        <v>23989</v>
      </c>
      <c r="D23953" s="6"/>
      <c r="E23953" s="6" t="s">
        <v>9</v>
      </c>
      <c r="F23953" s="7">
        <v>38657</v>
      </c>
      <c r="G23953" s="8">
        <v>1</v>
      </c>
      <c r="H23953" s="8">
        <v>1</v>
      </c>
      <c r="I23953" s="8">
        <v>0</v>
      </c>
      <c r="J23953" s="8">
        <v>1</v>
      </c>
      <c r="K23953" s="9">
        <v>80</v>
      </c>
      <c r="L23953" s="6" t="s">
        <v>4151</v>
      </c>
    </row>
    <row r="23954" spans="1:12">
      <c r="A23954" s="6" t="s">
        <v>4151</v>
      </c>
      <c r="B23954" s="6"/>
      <c r="C23954" s="6" t="s">
        <v>23990</v>
      </c>
      <c r="D23954" s="6"/>
      <c r="E23954" s="6" t="s">
        <v>9</v>
      </c>
      <c r="F23954" s="7">
        <v>38657</v>
      </c>
      <c r="G23954" s="8">
        <v>1</v>
      </c>
      <c r="H23954" s="8">
        <v>1</v>
      </c>
      <c r="I23954" s="8">
        <v>0</v>
      </c>
      <c r="J23954" s="8">
        <v>1</v>
      </c>
      <c r="K23954" s="9">
        <v>29</v>
      </c>
      <c r="L23954" s="6" t="s">
        <v>4151</v>
      </c>
    </row>
    <row r="23955" spans="1:12">
      <c r="A23955" s="6" t="s">
        <v>4151</v>
      </c>
      <c r="B23955" s="6"/>
      <c r="C23955" s="6" t="s">
        <v>23991</v>
      </c>
      <c r="D23955" s="6"/>
      <c r="E23955" s="6" t="s">
        <v>9</v>
      </c>
      <c r="F23955" s="7">
        <v>38657</v>
      </c>
      <c r="G23955" s="8">
        <v>1</v>
      </c>
      <c r="H23955" s="8">
        <v>1</v>
      </c>
      <c r="I23955" s="8">
        <v>0</v>
      </c>
      <c r="J23955" s="8">
        <v>1</v>
      </c>
      <c r="K23955" s="9">
        <v>62</v>
      </c>
      <c r="L23955" s="6" t="s">
        <v>4151</v>
      </c>
    </row>
    <row r="23956" spans="1:12">
      <c r="A23956" s="6" t="s">
        <v>4151</v>
      </c>
      <c r="B23956" s="6"/>
      <c r="C23956" s="6" t="s">
        <v>23992</v>
      </c>
      <c r="D23956" s="6"/>
      <c r="E23956" s="6" t="s">
        <v>9</v>
      </c>
      <c r="F23956" s="7">
        <v>38657</v>
      </c>
      <c r="G23956" s="8">
        <v>1</v>
      </c>
      <c r="H23956" s="8">
        <v>1</v>
      </c>
      <c r="I23956" s="8">
        <v>0</v>
      </c>
      <c r="J23956" s="8">
        <v>1</v>
      </c>
      <c r="K23956" s="9">
        <v>82</v>
      </c>
      <c r="L23956" s="6" t="s">
        <v>4151</v>
      </c>
    </row>
    <row r="23957" spans="1:12">
      <c r="A23957" s="6" t="s">
        <v>4151</v>
      </c>
      <c r="B23957" s="6"/>
      <c r="C23957" s="6" t="s">
        <v>23993</v>
      </c>
      <c r="D23957" s="6"/>
      <c r="E23957" s="6" t="s">
        <v>9</v>
      </c>
      <c r="F23957" s="7">
        <v>38657</v>
      </c>
      <c r="G23957" s="8">
        <v>1</v>
      </c>
      <c r="H23957" s="8">
        <v>1</v>
      </c>
      <c r="I23957" s="8">
        <v>0</v>
      </c>
      <c r="J23957" s="8">
        <v>1</v>
      </c>
      <c r="K23957" s="9">
        <v>29</v>
      </c>
      <c r="L23957" s="6" t="s">
        <v>4151</v>
      </c>
    </row>
    <row r="23958" spans="1:12">
      <c r="A23958" s="6" t="s">
        <v>4151</v>
      </c>
      <c r="B23958" s="6"/>
      <c r="C23958" s="6" t="s">
        <v>23994</v>
      </c>
      <c r="D23958" s="6"/>
      <c r="E23958" s="6" t="s">
        <v>9</v>
      </c>
      <c r="F23958" s="7">
        <v>38657</v>
      </c>
      <c r="G23958" s="8">
        <v>1</v>
      </c>
      <c r="H23958" s="8">
        <v>1</v>
      </c>
      <c r="I23958" s="8">
        <v>0</v>
      </c>
      <c r="J23958" s="8">
        <v>1</v>
      </c>
      <c r="K23958" s="9">
        <v>29</v>
      </c>
      <c r="L23958" s="6" t="s">
        <v>4151</v>
      </c>
    </row>
    <row r="23959" spans="1:12">
      <c r="A23959" s="6" t="s">
        <v>4151</v>
      </c>
      <c r="B23959" s="6"/>
      <c r="C23959" s="6" t="s">
        <v>23995</v>
      </c>
      <c r="D23959" s="6"/>
      <c r="E23959" s="6" t="s">
        <v>9</v>
      </c>
      <c r="F23959" s="7">
        <v>38657</v>
      </c>
      <c r="G23959" s="8">
        <v>1</v>
      </c>
      <c r="H23959" s="8">
        <v>1</v>
      </c>
      <c r="I23959" s="8">
        <v>0</v>
      </c>
      <c r="J23959" s="8">
        <v>1</v>
      </c>
      <c r="K23959" s="9">
        <v>29</v>
      </c>
      <c r="L23959" s="6" t="s">
        <v>4151</v>
      </c>
    </row>
    <row r="23960" spans="1:12">
      <c r="A23960" s="6" t="s">
        <v>4151</v>
      </c>
      <c r="B23960" s="6"/>
      <c r="C23960" s="6" t="s">
        <v>23996</v>
      </c>
      <c r="D23960" s="6"/>
      <c r="E23960" s="6" t="s">
        <v>9</v>
      </c>
      <c r="F23960" s="7">
        <v>38657</v>
      </c>
      <c r="G23960" s="8">
        <v>1</v>
      </c>
      <c r="H23960" s="8">
        <v>1</v>
      </c>
      <c r="I23960" s="8">
        <v>0</v>
      </c>
      <c r="J23960" s="8">
        <v>1</v>
      </c>
      <c r="K23960" s="9">
        <v>29</v>
      </c>
      <c r="L23960" s="6" t="s">
        <v>4151</v>
      </c>
    </row>
    <row r="23961" spans="1:12">
      <c r="A23961" s="6" t="s">
        <v>4151</v>
      </c>
      <c r="B23961" s="6"/>
      <c r="C23961" s="6" t="s">
        <v>23997</v>
      </c>
      <c r="D23961" s="6"/>
      <c r="E23961" s="6" t="s">
        <v>9</v>
      </c>
      <c r="F23961" s="7">
        <v>38657</v>
      </c>
      <c r="G23961" s="8">
        <v>1</v>
      </c>
      <c r="H23961" s="8">
        <v>1</v>
      </c>
      <c r="I23961" s="8">
        <v>0</v>
      </c>
      <c r="J23961" s="8">
        <v>1</v>
      </c>
      <c r="K23961" s="9">
        <v>26</v>
      </c>
      <c r="L23961" s="6" t="s">
        <v>4151</v>
      </c>
    </row>
    <row r="23962" spans="1:12">
      <c r="A23962" s="6" t="s">
        <v>4151</v>
      </c>
      <c r="B23962" s="6"/>
      <c r="C23962" s="6" t="s">
        <v>23998</v>
      </c>
      <c r="D23962" s="6"/>
      <c r="E23962" s="6" t="s">
        <v>9</v>
      </c>
      <c r="F23962" s="7">
        <v>38657</v>
      </c>
      <c r="G23962" s="8">
        <v>1</v>
      </c>
      <c r="H23962" s="8">
        <v>1</v>
      </c>
      <c r="I23962" s="8">
        <v>0</v>
      </c>
      <c r="J23962" s="8">
        <v>1</v>
      </c>
      <c r="K23962" s="9">
        <v>13</v>
      </c>
      <c r="L23962" s="6" t="s">
        <v>4151</v>
      </c>
    </row>
    <row r="23963" spans="1:12">
      <c r="A23963" s="6" t="s">
        <v>4151</v>
      </c>
      <c r="B23963" s="6"/>
      <c r="C23963" s="6" t="s">
        <v>23999</v>
      </c>
      <c r="D23963" s="6"/>
      <c r="E23963" s="6" t="s">
        <v>9</v>
      </c>
      <c r="F23963" s="7">
        <v>38657</v>
      </c>
      <c r="G23963" s="8">
        <v>1</v>
      </c>
      <c r="H23963" s="8">
        <v>1</v>
      </c>
      <c r="I23963" s="8">
        <v>0</v>
      </c>
      <c r="J23963" s="8">
        <v>1</v>
      </c>
      <c r="K23963" s="9">
        <v>9.91</v>
      </c>
      <c r="L23963" s="6" t="s">
        <v>4151</v>
      </c>
    </row>
    <row r="23964" spans="1:12">
      <c r="A23964" s="6" t="s">
        <v>4151</v>
      </c>
      <c r="B23964" s="6"/>
      <c r="C23964" s="6" t="s">
        <v>24000</v>
      </c>
      <c r="D23964" s="6"/>
      <c r="E23964" s="6" t="s">
        <v>9</v>
      </c>
      <c r="F23964" s="7">
        <v>38657</v>
      </c>
      <c r="G23964" s="8">
        <v>1</v>
      </c>
      <c r="H23964" s="8">
        <v>1</v>
      </c>
      <c r="I23964" s="8">
        <v>0</v>
      </c>
      <c r="J23964" s="8">
        <v>1</v>
      </c>
      <c r="K23964" s="9">
        <v>81</v>
      </c>
      <c r="L23964" s="6" t="s">
        <v>4151</v>
      </c>
    </row>
    <row r="23965" spans="1:12">
      <c r="A23965" s="6" t="s">
        <v>4151</v>
      </c>
      <c r="B23965" s="6"/>
      <c r="C23965" s="6" t="s">
        <v>24001</v>
      </c>
      <c r="D23965" s="6"/>
      <c r="E23965" s="6" t="s">
        <v>9</v>
      </c>
      <c r="F23965" s="7">
        <v>38657</v>
      </c>
      <c r="G23965" s="8">
        <v>1</v>
      </c>
      <c r="H23965" s="8">
        <v>1</v>
      </c>
      <c r="I23965" s="8">
        <v>0</v>
      </c>
      <c r="J23965" s="8">
        <v>1</v>
      </c>
      <c r="K23965" s="9">
        <v>33</v>
      </c>
      <c r="L23965" s="6" t="s">
        <v>4151</v>
      </c>
    </row>
    <row r="23966" spans="1:12">
      <c r="A23966" s="6" t="s">
        <v>4151</v>
      </c>
      <c r="B23966" s="6"/>
      <c r="C23966" s="6" t="s">
        <v>24002</v>
      </c>
      <c r="D23966" s="6"/>
      <c r="E23966" s="6" t="s">
        <v>9</v>
      </c>
      <c r="F23966" s="7">
        <v>38657</v>
      </c>
      <c r="G23966" s="8">
        <v>1</v>
      </c>
      <c r="H23966" s="8">
        <v>1</v>
      </c>
      <c r="I23966" s="8">
        <v>0</v>
      </c>
      <c r="J23966" s="8">
        <v>1</v>
      </c>
      <c r="K23966" s="9">
        <v>23</v>
      </c>
      <c r="L23966" s="6" t="s">
        <v>4151</v>
      </c>
    </row>
    <row r="23967" spans="1:12">
      <c r="A23967" s="6" t="s">
        <v>4151</v>
      </c>
      <c r="B23967" s="6"/>
      <c r="C23967" s="6" t="s">
        <v>24003</v>
      </c>
      <c r="D23967" s="6"/>
      <c r="E23967" s="6" t="s">
        <v>9</v>
      </c>
      <c r="F23967" s="7">
        <v>38657</v>
      </c>
      <c r="G23967" s="8">
        <v>1</v>
      </c>
      <c r="H23967" s="8">
        <v>1</v>
      </c>
      <c r="I23967" s="8">
        <v>0</v>
      </c>
      <c r="J23967" s="8">
        <v>1</v>
      </c>
      <c r="K23967" s="9">
        <v>26</v>
      </c>
      <c r="L23967" s="6" t="s">
        <v>4151</v>
      </c>
    </row>
    <row r="23968" spans="1:12">
      <c r="A23968" s="6" t="s">
        <v>4151</v>
      </c>
      <c r="B23968" s="6"/>
      <c r="C23968" s="6" t="s">
        <v>24004</v>
      </c>
      <c r="D23968" s="6"/>
      <c r="E23968" s="6" t="s">
        <v>9</v>
      </c>
      <c r="F23968" s="7">
        <v>38657</v>
      </c>
      <c r="G23968" s="8">
        <v>1</v>
      </c>
      <c r="H23968" s="8">
        <v>1</v>
      </c>
      <c r="I23968" s="8">
        <v>0</v>
      </c>
      <c r="J23968" s="8">
        <v>1</v>
      </c>
      <c r="K23968" s="9">
        <v>17</v>
      </c>
      <c r="L23968" s="6" t="s">
        <v>4151</v>
      </c>
    </row>
    <row r="23969" spans="1:12">
      <c r="A23969" s="6" t="s">
        <v>4151</v>
      </c>
      <c r="B23969" s="6"/>
      <c r="C23969" s="6" t="s">
        <v>24005</v>
      </c>
      <c r="D23969" s="6"/>
      <c r="E23969" s="6" t="s">
        <v>9</v>
      </c>
      <c r="F23969" s="7">
        <v>38657</v>
      </c>
      <c r="G23969" s="8">
        <v>1</v>
      </c>
      <c r="H23969" s="8">
        <v>1</v>
      </c>
      <c r="I23969" s="8">
        <v>0</v>
      </c>
      <c r="J23969" s="8">
        <v>1</v>
      </c>
      <c r="K23969" s="9">
        <v>29</v>
      </c>
      <c r="L23969" s="6" t="s">
        <v>4151</v>
      </c>
    </row>
    <row r="23970" spans="1:12">
      <c r="A23970" s="6" t="s">
        <v>4151</v>
      </c>
      <c r="B23970" s="6"/>
      <c r="C23970" s="6" t="s">
        <v>24006</v>
      </c>
      <c r="D23970" s="6"/>
      <c r="E23970" s="6" t="s">
        <v>9</v>
      </c>
      <c r="F23970" s="7">
        <v>38657</v>
      </c>
      <c r="G23970" s="8">
        <v>1</v>
      </c>
      <c r="H23970" s="8">
        <v>1</v>
      </c>
      <c r="I23970" s="8">
        <v>0</v>
      </c>
      <c r="J23970" s="8">
        <v>1</v>
      </c>
      <c r="K23970" s="9">
        <v>16</v>
      </c>
      <c r="L23970" s="6" t="s">
        <v>4151</v>
      </c>
    </row>
    <row r="23971" spans="1:12">
      <c r="A23971" s="6" t="s">
        <v>4151</v>
      </c>
      <c r="B23971" s="6"/>
      <c r="C23971" s="6" t="s">
        <v>24007</v>
      </c>
      <c r="D23971" s="6"/>
      <c r="E23971" s="6" t="s">
        <v>9</v>
      </c>
      <c r="F23971" s="7">
        <v>38657</v>
      </c>
      <c r="G23971" s="8">
        <v>1</v>
      </c>
      <c r="H23971" s="8">
        <v>1</v>
      </c>
      <c r="I23971" s="8">
        <v>0</v>
      </c>
      <c r="J23971" s="8">
        <v>1</v>
      </c>
      <c r="K23971" s="9">
        <v>9.91</v>
      </c>
      <c r="L23971" s="6" t="s">
        <v>4151</v>
      </c>
    </row>
    <row r="23972" spans="1:12">
      <c r="A23972" s="6" t="s">
        <v>4151</v>
      </c>
      <c r="B23972" s="6"/>
      <c r="C23972" s="6" t="s">
        <v>24008</v>
      </c>
      <c r="D23972" s="6"/>
      <c r="E23972" s="6" t="s">
        <v>9</v>
      </c>
      <c r="F23972" s="7">
        <v>38657</v>
      </c>
      <c r="G23972" s="8">
        <v>1</v>
      </c>
      <c r="H23972" s="8">
        <v>1</v>
      </c>
      <c r="I23972" s="8">
        <v>0</v>
      </c>
      <c r="J23972" s="8">
        <v>1</v>
      </c>
      <c r="K23972" s="9">
        <v>26</v>
      </c>
      <c r="L23972" s="6" t="s">
        <v>4151</v>
      </c>
    </row>
    <row r="23973" spans="1:12">
      <c r="A23973" s="6" t="s">
        <v>4151</v>
      </c>
      <c r="B23973" s="6"/>
      <c r="C23973" s="6" t="s">
        <v>24009</v>
      </c>
      <c r="D23973" s="6"/>
      <c r="E23973" s="6" t="s">
        <v>9</v>
      </c>
      <c r="F23973" s="7">
        <v>38657</v>
      </c>
      <c r="G23973" s="8">
        <v>1</v>
      </c>
      <c r="H23973" s="8">
        <v>1</v>
      </c>
      <c r="I23973" s="8">
        <v>0</v>
      </c>
      <c r="J23973" s="8">
        <v>1</v>
      </c>
      <c r="K23973" s="9">
        <v>26</v>
      </c>
      <c r="L23973" s="6" t="s">
        <v>4151</v>
      </c>
    </row>
    <row r="23974" spans="1:12">
      <c r="A23974" s="6" t="s">
        <v>4151</v>
      </c>
      <c r="B23974" s="6"/>
      <c r="C23974" s="6" t="s">
        <v>24010</v>
      </c>
      <c r="D23974" s="6"/>
      <c r="E23974" s="6" t="s">
        <v>9</v>
      </c>
      <c r="F23974" s="7">
        <v>38657</v>
      </c>
      <c r="G23974" s="8">
        <v>1</v>
      </c>
      <c r="H23974" s="8">
        <v>1</v>
      </c>
      <c r="I23974" s="8">
        <v>0</v>
      </c>
      <c r="J23974" s="8">
        <v>1</v>
      </c>
      <c r="K23974" s="9">
        <v>23</v>
      </c>
      <c r="L23974" s="6" t="s">
        <v>4151</v>
      </c>
    </row>
    <row r="23975" spans="1:12">
      <c r="A23975" s="6" t="s">
        <v>4151</v>
      </c>
      <c r="B23975" s="6"/>
      <c r="C23975" s="6" t="s">
        <v>24011</v>
      </c>
      <c r="D23975" s="6"/>
      <c r="E23975" s="6" t="s">
        <v>9</v>
      </c>
      <c r="F23975" s="7">
        <v>38657</v>
      </c>
      <c r="G23975" s="8">
        <v>1</v>
      </c>
      <c r="H23975" s="8">
        <v>1</v>
      </c>
      <c r="I23975" s="8">
        <v>0</v>
      </c>
      <c r="J23975" s="8">
        <v>1</v>
      </c>
      <c r="K23975" s="9">
        <v>9.43</v>
      </c>
      <c r="L23975" s="6" t="s">
        <v>4151</v>
      </c>
    </row>
    <row r="23976" spans="1:12">
      <c r="A23976" s="6" t="s">
        <v>4151</v>
      </c>
      <c r="B23976" s="6"/>
      <c r="C23976" s="6" t="s">
        <v>24012</v>
      </c>
      <c r="D23976" s="6"/>
      <c r="E23976" s="6" t="s">
        <v>9</v>
      </c>
      <c r="F23976" s="7">
        <v>38657</v>
      </c>
      <c r="G23976" s="8">
        <v>1</v>
      </c>
      <c r="H23976" s="8">
        <v>1</v>
      </c>
      <c r="I23976" s="8">
        <v>0</v>
      </c>
      <c r="J23976" s="8">
        <v>1</v>
      </c>
      <c r="K23976" s="9">
        <v>33</v>
      </c>
      <c r="L23976" s="6" t="s">
        <v>4151</v>
      </c>
    </row>
    <row r="23977" spans="1:12">
      <c r="A23977" s="6" t="s">
        <v>4151</v>
      </c>
      <c r="B23977" s="6"/>
      <c r="C23977" s="6" t="s">
        <v>24013</v>
      </c>
      <c r="D23977" s="6"/>
      <c r="E23977" s="6" t="s">
        <v>9</v>
      </c>
      <c r="F23977" s="7">
        <v>38657</v>
      </c>
      <c r="G23977" s="8">
        <v>1</v>
      </c>
      <c r="H23977" s="8">
        <v>1</v>
      </c>
      <c r="I23977" s="8">
        <v>0</v>
      </c>
      <c r="J23977" s="8">
        <v>1</v>
      </c>
      <c r="K23977" s="9">
        <v>45</v>
      </c>
      <c r="L23977" s="6" t="s">
        <v>4151</v>
      </c>
    </row>
    <row r="23978" spans="1:12">
      <c r="A23978" s="6" t="s">
        <v>4151</v>
      </c>
      <c r="B23978" s="6"/>
      <c r="C23978" s="6" t="s">
        <v>24014</v>
      </c>
      <c r="D23978" s="6"/>
      <c r="E23978" s="6" t="s">
        <v>9</v>
      </c>
      <c r="F23978" s="7">
        <v>38657</v>
      </c>
      <c r="G23978" s="8">
        <v>1</v>
      </c>
      <c r="H23978" s="8">
        <v>1</v>
      </c>
      <c r="I23978" s="8">
        <v>0</v>
      </c>
      <c r="J23978" s="8">
        <v>1</v>
      </c>
      <c r="K23978" s="9">
        <v>3.3</v>
      </c>
      <c r="L23978" s="6" t="s">
        <v>4151</v>
      </c>
    </row>
    <row r="23979" spans="1:12">
      <c r="A23979" s="6" t="s">
        <v>4151</v>
      </c>
      <c r="B23979" s="6"/>
      <c r="C23979" s="6" t="s">
        <v>24015</v>
      </c>
      <c r="D23979" s="6"/>
      <c r="E23979" s="6" t="s">
        <v>9</v>
      </c>
      <c r="F23979" s="7">
        <v>38657</v>
      </c>
      <c r="G23979" s="8">
        <v>1</v>
      </c>
      <c r="H23979" s="8">
        <v>1</v>
      </c>
      <c r="I23979" s="8">
        <v>0</v>
      </c>
      <c r="J23979" s="8">
        <v>1</v>
      </c>
      <c r="K23979" s="9">
        <v>26</v>
      </c>
      <c r="L23979" s="6" t="s">
        <v>4151</v>
      </c>
    </row>
    <row r="23980" spans="1:12">
      <c r="A23980" s="6" t="s">
        <v>4151</v>
      </c>
      <c r="B23980" s="6"/>
      <c r="C23980" s="6" t="s">
        <v>24016</v>
      </c>
      <c r="D23980" s="6"/>
      <c r="E23980" s="6" t="s">
        <v>9</v>
      </c>
      <c r="F23980" s="7">
        <v>38657</v>
      </c>
      <c r="G23980" s="8">
        <v>1</v>
      </c>
      <c r="H23980" s="8">
        <v>1</v>
      </c>
      <c r="I23980" s="8">
        <v>0</v>
      </c>
      <c r="J23980" s="8">
        <v>1</v>
      </c>
      <c r="K23980" s="9">
        <v>29</v>
      </c>
      <c r="L23980" s="6" t="s">
        <v>4151</v>
      </c>
    </row>
    <row r="23981" spans="1:12">
      <c r="A23981" s="6" t="s">
        <v>4151</v>
      </c>
      <c r="B23981" s="6"/>
      <c r="C23981" s="6" t="s">
        <v>24017</v>
      </c>
      <c r="D23981" s="6"/>
      <c r="E23981" s="6" t="s">
        <v>9</v>
      </c>
      <c r="F23981" s="7">
        <v>38657</v>
      </c>
      <c r="G23981" s="8">
        <v>1</v>
      </c>
      <c r="H23981" s="8">
        <v>1</v>
      </c>
      <c r="I23981" s="8">
        <v>0</v>
      </c>
      <c r="J23981" s="8">
        <v>1</v>
      </c>
      <c r="K23981" s="9">
        <v>29</v>
      </c>
      <c r="L23981" s="6" t="s">
        <v>4151</v>
      </c>
    </row>
    <row r="23982" spans="1:12">
      <c r="A23982" s="6" t="s">
        <v>4151</v>
      </c>
      <c r="B23982" s="6"/>
      <c r="C23982" s="6" t="s">
        <v>24018</v>
      </c>
      <c r="D23982" s="6"/>
      <c r="E23982" s="6" t="s">
        <v>9</v>
      </c>
      <c r="F23982" s="7">
        <v>38657</v>
      </c>
      <c r="G23982" s="8">
        <v>1</v>
      </c>
      <c r="H23982" s="8">
        <v>1</v>
      </c>
      <c r="I23982" s="8">
        <v>0</v>
      </c>
      <c r="J23982" s="8">
        <v>1</v>
      </c>
      <c r="K23982" s="9">
        <v>29</v>
      </c>
      <c r="L23982" s="6" t="s">
        <v>4151</v>
      </c>
    </row>
    <row r="23983" spans="1:12">
      <c r="A23983" s="6" t="s">
        <v>4151</v>
      </c>
      <c r="B23983" s="6"/>
      <c r="C23983" s="6" t="s">
        <v>24019</v>
      </c>
      <c r="D23983" s="6"/>
      <c r="E23983" s="6" t="s">
        <v>9</v>
      </c>
      <c r="F23983" s="7">
        <v>38657</v>
      </c>
      <c r="G23983" s="8">
        <v>1</v>
      </c>
      <c r="H23983" s="8">
        <v>1</v>
      </c>
      <c r="I23983" s="8">
        <v>0</v>
      </c>
      <c r="J23983" s="8">
        <v>1</v>
      </c>
      <c r="K23983" s="9">
        <v>29</v>
      </c>
      <c r="L23983" s="6" t="s">
        <v>4151</v>
      </c>
    </row>
    <row r="23984" spans="1:12">
      <c r="A23984" s="6" t="s">
        <v>4151</v>
      </c>
      <c r="B23984" s="6"/>
      <c r="C23984" s="6" t="s">
        <v>24020</v>
      </c>
      <c r="D23984" s="6"/>
      <c r="E23984" s="6" t="s">
        <v>9</v>
      </c>
      <c r="F23984" s="7">
        <v>38657</v>
      </c>
      <c r="G23984" s="8">
        <v>1</v>
      </c>
      <c r="H23984" s="8">
        <v>1</v>
      </c>
      <c r="I23984" s="8">
        <v>0</v>
      </c>
      <c r="J23984" s="8">
        <v>1</v>
      </c>
      <c r="K23984" s="9">
        <v>29</v>
      </c>
      <c r="L23984" s="6" t="s">
        <v>4151</v>
      </c>
    </row>
    <row r="23985" spans="1:12">
      <c r="A23985" s="6" t="s">
        <v>4151</v>
      </c>
      <c r="B23985" s="6"/>
      <c r="C23985" s="6" t="s">
        <v>24021</v>
      </c>
      <c r="D23985" s="6"/>
      <c r="E23985" s="6" t="s">
        <v>9</v>
      </c>
      <c r="F23985" s="7">
        <v>38657</v>
      </c>
      <c r="G23985" s="8">
        <v>1</v>
      </c>
      <c r="H23985" s="8">
        <v>1</v>
      </c>
      <c r="I23985" s="8">
        <v>0</v>
      </c>
      <c r="J23985" s="8">
        <v>1</v>
      </c>
      <c r="K23985" s="9">
        <v>29</v>
      </c>
      <c r="L23985" s="6" t="s">
        <v>4151</v>
      </c>
    </row>
    <row r="23986" spans="1:12">
      <c r="A23986" s="6" t="s">
        <v>4151</v>
      </c>
      <c r="B23986" s="6"/>
      <c r="C23986" s="6" t="s">
        <v>24022</v>
      </c>
      <c r="D23986" s="6"/>
      <c r="E23986" s="6" t="s">
        <v>9</v>
      </c>
      <c r="F23986" s="7">
        <v>38657</v>
      </c>
      <c r="G23986" s="8">
        <v>1</v>
      </c>
      <c r="H23986" s="8">
        <v>1</v>
      </c>
      <c r="I23986" s="8">
        <v>0</v>
      </c>
      <c r="J23986" s="8">
        <v>1</v>
      </c>
      <c r="K23986" s="9">
        <v>29</v>
      </c>
      <c r="L23986" s="6" t="s">
        <v>4151</v>
      </c>
    </row>
    <row r="23987" spans="1:12">
      <c r="A23987" s="6" t="s">
        <v>4151</v>
      </c>
      <c r="B23987" s="6"/>
      <c r="C23987" s="6" t="s">
        <v>24023</v>
      </c>
      <c r="D23987" s="6"/>
      <c r="E23987" s="6" t="s">
        <v>9</v>
      </c>
      <c r="F23987" s="7">
        <v>38657</v>
      </c>
      <c r="G23987" s="8">
        <v>1</v>
      </c>
      <c r="H23987" s="8">
        <v>1</v>
      </c>
      <c r="I23987" s="8">
        <v>0</v>
      </c>
      <c r="J23987" s="8">
        <v>1</v>
      </c>
      <c r="K23987" s="9">
        <v>29</v>
      </c>
      <c r="L23987" s="6" t="s">
        <v>4151</v>
      </c>
    </row>
    <row r="23988" spans="1:12">
      <c r="A23988" s="6" t="s">
        <v>4151</v>
      </c>
      <c r="B23988" s="6"/>
      <c r="C23988" s="6" t="s">
        <v>24024</v>
      </c>
      <c r="D23988" s="6"/>
      <c r="E23988" s="6" t="s">
        <v>9</v>
      </c>
      <c r="F23988" s="7">
        <v>38657</v>
      </c>
      <c r="G23988" s="8">
        <v>1</v>
      </c>
      <c r="H23988" s="8">
        <v>1</v>
      </c>
      <c r="I23988" s="8">
        <v>0</v>
      </c>
      <c r="J23988" s="8">
        <v>1</v>
      </c>
      <c r="K23988" s="9">
        <v>408</v>
      </c>
      <c r="L23988" s="6" t="s">
        <v>4151</v>
      </c>
    </row>
    <row r="23989" spans="1:12">
      <c r="A23989" s="6" t="s">
        <v>4151</v>
      </c>
      <c r="B23989" s="6"/>
      <c r="C23989" s="6" t="s">
        <v>24025</v>
      </c>
      <c r="D23989" s="6"/>
      <c r="E23989" s="6" t="s">
        <v>9</v>
      </c>
      <c r="F23989" s="7">
        <v>38657</v>
      </c>
      <c r="G23989" s="8">
        <v>1</v>
      </c>
      <c r="H23989" s="8">
        <v>1</v>
      </c>
      <c r="I23989" s="8">
        <v>0</v>
      </c>
      <c r="J23989" s="8">
        <v>1</v>
      </c>
      <c r="K23989" s="9">
        <v>6.61</v>
      </c>
      <c r="L23989" s="6" t="s">
        <v>4151</v>
      </c>
    </row>
    <row r="23990" spans="1:12">
      <c r="A23990" s="6" t="s">
        <v>4151</v>
      </c>
      <c r="B23990" s="6"/>
      <c r="C23990" s="6" t="s">
        <v>24026</v>
      </c>
      <c r="D23990" s="6"/>
      <c r="E23990" s="6" t="s">
        <v>9</v>
      </c>
      <c r="F23990" s="7">
        <v>38657</v>
      </c>
      <c r="G23990" s="8">
        <v>1</v>
      </c>
      <c r="H23990" s="8">
        <v>1</v>
      </c>
      <c r="I23990" s="8">
        <v>0</v>
      </c>
      <c r="J23990" s="8">
        <v>1</v>
      </c>
      <c r="K23990" s="9">
        <v>19</v>
      </c>
      <c r="L23990" s="6" t="s">
        <v>4151</v>
      </c>
    </row>
    <row r="23991" spans="1:12">
      <c r="A23991" s="6" t="s">
        <v>4151</v>
      </c>
      <c r="B23991" s="6"/>
      <c r="C23991" s="6" t="s">
        <v>24027</v>
      </c>
      <c r="D23991" s="6"/>
      <c r="E23991" s="6" t="s">
        <v>9</v>
      </c>
      <c r="F23991" s="7">
        <v>38657</v>
      </c>
      <c r="G23991" s="8">
        <v>1</v>
      </c>
      <c r="H23991" s="8">
        <v>1</v>
      </c>
      <c r="I23991" s="8">
        <v>0</v>
      </c>
      <c r="J23991" s="8">
        <v>1</v>
      </c>
      <c r="K23991" s="9">
        <v>6.61</v>
      </c>
      <c r="L23991" s="6" t="s">
        <v>4151</v>
      </c>
    </row>
    <row r="23992" spans="1:12">
      <c r="A23992" s="6" t="s">
        <v>4151</v>
      </c>
      <c r="B23992" s="6"/>
      <c r="C23992" s="6" t="s">
        <v>24028</v>
      </c>
      <c r="D23992" s="6"/>
      <c r="E23992" s="6" t="s">
        <v>9</v>
      </c>
      <c r="F23992" s="7">
        <v>38657</v>
      </c>
      <c r="G23992" s="8">
        <v>1</v>
      </c>
      <c r="H23992" s="8">
        <v>1</v>
      </c>
      <c r="I23992" s="8">
        <v>0</v>
      </c>
      <c r="J23992" s="8">
        <v>1</v>
      </c>
      <c r="K23992" s="9">
        <v>29</v>
      </c>
      <c r="L23992" s="6" t="s">
        <v>4151</v>
      </c>
    </row>
    <row r="23993" spans="1:12">
      <c r="A23993" s="6" t="s">
        <v>4151</v>
      </c>
      <c r="B23993" s="6"/>
      <c r="C23993" s="6" t="s">
        <v>24029</v>
      </c>
      <c r="D23993" s="6"/>
      <c r="E23993" s="6" t="s">
        <v>9</v>
      </c>
      <c r="F23993" s="7">
        <v>38657</v>
      </c>
      <c r="G23993" s="8">
        <v>1</v>
      </c>
      <c r="H23993" s="8">
        <v>1</v>
      </c>
      <c r="I23993" s="8">
        <v>0</v>
      </c>
      <c r="J23993" s="8">
        <v>1</v>
      </c>
      <c r="K23993" s="9">
        <v>29</v>
      </c>
      <c r="L23993" s="6" t="s">
        <v>4151</v>
      </c>
    </row>
    <row r="23994" spans="1:12">
      <c r="A23994" s="6" t="s">
        <v>4151</v>
      </c>
      <c r="B23994" s="6"/>
      <c r="C23994" s="6" t="s">
        <v>24030</v>
      </c>
      <c r="D23994" s="6"/>
      <c r="E23994" s="6" t="s">
        <v>9</v>
      </c>
      <c r="F23994" s="7">
        <v>38657</v>
      </c>
      <c r="G23994" s="8">
        <v>1</v>
      </c>
      <c r="H23994" s="8">
        <v>1</v>
      </c>
      <c r="I23994" s="8">
        <v>0</v>
      </c>
      <c r="J23994" s="8">
        <v>1</v>
      </c>
      <c r="K23994" s="9">
        <v>29</v>
      </c>
      <c r="L23994" s="6" t="s">
        <v>4151</v>
      </c>
    </row>
    <row r="23995" spans="1:12">
      <c r="A23995" s="6" t="s">
        <v>4151</v>
      </c>
      <c r="B23995" s="6"/>
      <c r="C23995" s="6" t="s">
        <v>24031</v>
      </c>
      <c r="D23995" s="6"/>
      <c r="E23995" s="6" t="s">
        <v>9</v>
      </c>
      <c r="F23995" s="7">
        <v>38657</v>
      </c>
      <c r="G23995" s="8">
        <v>1</v>
      </c>
      <c r="H23995" s="8">
        <v>1</v>
      </c>
      <c r="I23995" s="8">
        <v>0</v>
      </c>
      <c r="J23995" s="8">
        <v>1</v>
      </c>
      <c r="K23995" s="9">
        <v>29</v>
      </c>
      <c r="L23995" s="6" t="s">
        <v>4151</v>
      </c>
    </row>
    <row r="23996" spans="1:12">
      <c r="A23996" s="6" t="s">
        <v>4151</v>
      </c>
      <c r="B23996" s="6"/>
      <c r="C23996" s="6" t="s">
        <v>24032</v>
      </c>
      <c r="D23996" s="6"/>
      <c r="E23996" s="6" t="s">
        <v>9</v>
      </c>
      <c r="F23996" s="7">
        <v>38657</v>
      </c>
      <c r="G23996" s="8">
        <v>1</v>
      </c>
      <c r="H23996" s="8">
        <v>1</v>
      </c>
      <c r="I23996" s="8">
        <v>0</v>
      </c>
      <c r="J23996" s="8">
        <v>1</v>
      </c>
      <c r="K23996" s="9">
        <v>42</v>
      </c>
      <c r="L23996" s="6" t="s">
        <v>4151</v>
      </c>
    </row>
    <row r="23997" spans="1:12">
      <c r="A23997" s="6" t="s">
        <v>4151</v>
      </c>
      <c r="B23997" s="6"/>
      <c r="C23997" s="6" t="s">
        <v>24033</v>
      </c>
      <c r="D23997" s="6"/>
      <c r="E23997" s="6" t="s">
        <v>9</v>
      </c>
      <c r="F23997" s="7">
        <v>38657</v>
      </c>
      <c r="G23997" s="8">
        <v>1</v>
      </c>
      <c r="H23997" s="8">
        <v>1</v>
      </c>
      <c r="I23997" s="8">
        <v>0</v>
      </c>
      <c r="J23997" s="8">
        <v>1</v>
      </c>
      <c r="K23997" s="9">
        <v>43.78</v>
      </c>
      <c r="L23997" s="6" t="s">
        <v>4151</v>
      </c>
    </row>
    <row r="23998" spans="1:12">
      <c r="A23998" s="6" t="s">
        <v>4151</v>
      </c>
      <c r="B23998" s="6"/>
      <c r="C23998" s="6" t="s">
        <v>24034</v>
      </c>
      <c r="D23998" s="6"/>
      <c r="E23998" s="6" t="s">
        <v>9</v>
      </c>
      <c r="F23998" s="7">
        <v>38657</v>
      </c>
      <c r="G23998" s="8">
        <v>1</v>
      </c>
      <c r="H23998" s="8">
        <v>1</v>
      </c>
      <c r="I23998" s="8">
        <v>0</v>
      </c>
      <c r="J23998" s="8">
        <v>1</v>
      </c>
      <c r="K23998" s="9">
        <v>26</v>
      </c>
      <c r="L23998" s="6" t="s">
        <v>4151</v>
      </c>
    </row>
    <row r="23999" spans="1:12">
      <c r="A23999" s="6" t="s">
        <v>4151</v>
      </c>
      <c r="B23999" s="6"/>
      <c r="C23999" s="6" t="s">
        <v>24035</v>
      </c>
      <c r="D23999" s="6"/>
      <c r="E23999" s="6" t="s">
        <v>9</v>
      </c>
      <c r="F23999" s="7">
        <v>38657</v>
      </c>
      <c r="G23999" s="8">
        <v>1</v>
      </c>
      <c r="H23999" s="8">
        <v>1</v>
      </c>
      <c r="I23999" s="8">
        <v>0</v>
      </c>
      <c r="J23999" s="8">
        <v>1</v>
      </c>
      <c r="K23999" s="9">
        <v>51</v>
      </c>
      <c r="L23999" s="6" t="s">
        <v>4151</v>
      </c>
    </row>
    <row r="24000" spans="1:12">
      <c r="A24000" s="6" t="s">
        <v>4151</v>
      </c>
      <c r="B24000" s="6"/>
      <c r="C24000" s="6" t="s">
        <v>24036</v>
      </c>
      <c r="D24000" s="6"/>
      <c r="E24000" s="6" t="s">
        <v>9</v>
      </c>
      <c r="F24000" s="7">
        <v>38657</v>
      </c>
      <c r="G24000" s="8">
        <v>1</v>
      </c>
      <c r="H24000" s="8">
        <v>1</v>
      </c>
      <c r="I24000" s="8">
        <v>0</v>
      </c>
      <c r="J24000" s="8">
        <v>1</v>
      </c>
      <c r="K24000" s="9">
        <v>66</v>
      </c>
      <c r="L24000" s="6" t="s">
        <v>4151</v>
      </c>
    </row>
    <row r="24001" spans="1:12">
      <c r="A24001" s="6" t="s">
        <v>4151</v>
      </c>
      <c r="B24001" s="6"/>
      <c r="C24001" s="6" t="s">
        <v>24037</v>
      </c>
      <c r="D24001" s="6"/>
      <c r="E24001" s="6" t="s">
        <v>9</v>
      </c>
      <c r="F24001" s="7">
        <v>38657</v>
      </c>
      <c r="G24001" s="8">
        <v>1</v>
      </c>
      <c r="H24001" s="8">
        <v>1</v>
      </c>
      <c r="I24001" s="8">
        <v>0</v>
      </c>
      <c r="J24001" s="8">
        <v>1</v>
      </c>
      <c r="K24001" s="9">
        <v>40</v>
      </c>
      <c r="L24001" s="6" t="s">
        <v>4151</v>
      </c>
    </row>
    <row r="24002" spans="1:12">
      <c r="A24002" s="6" t="s">
        <v>4151</v>
      </c>
      <c r="B24002" s="6"/>
      <c r="C24002" s="6" t="s">
        <v>24038</v>
      </c>
      <c r="D24002" s="6"/>
      <c r="E24002" s="6" t="s">
        <v>9</v>
      </c>
      <c r="F24002" s="7">
        <v>38657</v>
      </c>
      <c r="G24002" s="8">
        <v>1</v>
      </c>
      <c r="H24002" s="8">
        <v>1</v>
      </c>
      <c r="I24002" s="8">
        <v>0</v>
      </c>
      <c r="J24002" s="8">
        <v>1</v>
      </c>
      <c r="K24002" s="9">
        <v>33</v>
      </c>
      <c r="L24002" s="6" t="s">
        <v>4151</v>
      </c>
    </row>
    <row r="24003" spans="1:12">
      <c r="A24003" s="6" t="s">
        <v>4151</v>
      </c>
      <c r="B24003" s="6"/>
      <c r="C24003" s="6" t="s">
        <v>24039</v>
      </c>
      <c r="D24003" s="6"/>
      <c r="E24003" s="6" t="s">
        <v>9</v>
      </c>
      <c r="F24003" s="7">
        <v>38657</v>
      </c>
      <c r="G24003" s="8">
        <v>1</v>
      </c>
      <c r="H24003" s="8">
        <v>1</v>
      </c>
      <c r="I24003" s="8">
        <v>0</v>
      </c>
      <c r="J24003" s="8">
        <v>1</v>
      </c>
      <c r="K24003" s="9">
        <v>5.75</v>
      </c>
      <c r="L24003" s="6" t="s">
        <v>4151</v>
      </c>
    </row>
    <row r="24004" spans="1:12">
      <c r="A24004" s="6" t="s">
        <v>4151</v>
      </c>
      <c r="B24004" s="6"/>
      <c r="C24004" s="6" t="s">
        <v>24040</v>
      </c>
      <c r="D24004" s="6"/>
      <c r="E24004" s="6" t="s">
        <v>9</v>
      </c>
      <c r="F24004" s="7">
        <v>38657</v>
      </c>
      <c r="G24004" s="8">
        <v>1</v>
      </c>
      <c r="H24004" s="8">
        <v>1</v>
      </c>
      <c r="I24004" s="8">
        <v>0</v>
      </c>
      <c r="J24004" s="8">
        <v>1</v>
      </c>
      <c r="K24004" s="9">
        <v>41</v>
      </c>
      <c r="L24004" s="6" t="s">
        <v>4151</v>
      </c>
    </row>
    <row r="24005" spans="1:12">
      <c r="A24005" s="6" t="s">
        <v>4151</v>
      </c>
      <c r="B24005" s="6"/>
      <c r="C24005" s="6" t="s">
        <v>24041</v>
      </c>
      <c r="D24005" s="6"/>
      <c r="E24005" s="6" t="s">
        <v>9</v>
      </c>
      <c r="F24005" s="7">
        <v>38657</v>
      </c>
      <c r="G24005" s="8">
        <v>1</v>
      </c>
      <c r="H24005" s="8">
        <v>1</v>
      </c>
      <c r="I24005" s="8">
        <v>0</v>
      </c>
      <c r="J24005" s="8">
        <v>1</v>
      </c>
      <c r="K24005" s="9">
        <v>8.85</v>
      </c>
      <c r="L24005" s="6" t="s">
        <v>4151</v>
      </c>
    </row>
    <row r="24006" spans="1:12">
      <c r="A24006" s="6" t="s">
        <v>4151</v>
      </c>
      <c r="B24006" s="6"/>
      <c r="C24006" s="6" t="s">
        <v>24042</v>
      </c>
      <c r="D24006" s="6"/>
      <c r="E24006" s="6" t="s">
        <v>9</v>
      </c>
      <c r="F24006" s="7">
        <v>38657</v>
      </c>
      <c r="G24006" s="8">
        <v>1</v>
      </c>
      <c r="H24006" s="8">
        <v>1</v>
      </c>
      <c r="I24006" s="8">
        <v>0</v>
      </c>
      <c r="J24006" s="8">
        <v>1</v>
      </c>
      <c r="K24006" s="9">
        <v>15</v>
      </c>
      <c r="L24006" s="6" t="s">
        <v>4151</v>
      </c>
    </row>
    <row r="24007" spans="1:12">
      <c r="A24007" s="6" t="s">
        <v>4151</v>
      </c>
      <c r="B24007" s="6"/>
      <c r="C24007" s="6" t="s">
        <v>24043</v>
      </c>
      <c r="D24007" s="6"/>
      <c r="E24007" s="6" t="s">
        <v>9</v>
      </c>
      <c r="F24007" s="7">
        <v>38657</v>
      </c>
      <c r="G24007" s="8">
        <v>1</v>
      </c>
      <c r="H24007" s="8">
        <v>1</v>
      </c>
      <c r="I24007" s="8">
        <v>0</v>
      </c>
      <c r="J24007" s="8">
        <v>1</v>
      </c>
      <c r="K24007" s="9">
        <v>4.09</v>
      </c>
      <c r="L24007" s="6" t="s">
        <v>4151</v>
      </c>
    </row>
    <row r="24008" spans="1:12">
      <c r="A24008" s="6" t="s">
        <v>4151</v>
      </c>
      <c r="B24008" s="6"/>
      <c r="C24008" s="6" t="s">
        <v>24044</v>
      </c>
      <c r="D24008" s="6"/>
      <c r="E24008" s="6" t="s">
        <v>9</v>
      </c>
      <c r="F24008" s="7">
        <v>38657</v>
      </c>
      <c r="G24008" s="8">
        <v>1</v>
      </c>
      <c r="H24008" s="8">
        <v>1</v>
      </c>
      <c r="I24008" s="8">
        <v>0</v>
      </c>
      <c r="J24008" s="8">
        <v>1</v>
      </c>
      <c r="K24008" s="9">
        <v>15</v>
      </c>
      <c r="L24008" s="6" t="s">
        <v>4151</v>
      </c>
    </row>
    <row r="24009" spans="1:12">
      <c r="A24009" s="6" t="s">
        <v>4151</v>
      </c>
      <c r="B24009" s="6"/>
      <c r="C24009" s="6" t="s">
        <v>24045</v>
      </c>
      <c r="D24009" s="6"/>
      <c r="E24009" s="6" t="s">
        <v>9</v>
      </c>
      <c r="F24009" s="7">
        <v>38657</v>
      </c>
      <c r="G24009" s="8">
        <v>1</v>
      </c>
      <c r="H24009" s="8">
        <v>1</v>
      </c>
      <c r="I24009" s="8">
        <v>0</v>
      </c>
      <c r="J24009" s="8">
        <v>1</v>
      </c>
      <c r="K24009" s="9">
        <v>15</v>
      </c>
      <c r="L24009" s="6" t="s">
        <v>4151</v>
      </c>
    </row>
    <row r="24010" spans="1:12">
      <c r="A24010" s="6" t="s">
        <v>4151</v>
      </c>
      <c r="B24010" s="6"/>
      <c r="C24010" s="6" t="s">
        <v>24046</v>
      </c>
      <c r="D24010" s="6"/>
      <c r="E24010" s="6" t="s">
        <v>9</v>
      </c>
      <c r="F24010" s="7">
        <v>38657</v>
      </c>
      <c r="G24010" s="8">
        <v>1</v>
      </c>
      <c r="H24010" s="8">
        <v>1</v>
      </c>
      <c r="I24010" s="8">
        <v>0</v>
      </c>
      <c r="J24010" s="8">
        <v>1</v>
      </c>
      <c r="K24010" s="9">
        <v>600</v>
      </c>
      <c r="L24010" s="6" t="s">
        <v>4151</v>
      </c>
    </row>
    <row r="24011" spans="1:12">
      <c r="A24011" s="6" t="s">
        <v>4151</v>
      </c>
      <c r="B24011" s="6"/>
      <c r="C24011" s="6" t="s">
        <v>24047</v>
      </c>
      <c r="D24011" s="6"/>
      <c r="E24011" s="6" t="s">
        <v>9</v>
      </c>
      <c r="F24011" s="7">
        <v>38657</v>
      </c>
      <c r="G24011" s="8">
        <v>1</v>
      </c>
      <c r="H24011" s="8">
        <v>1</v>
      </c>
      <c r="I24011" s="8">
        <v>0</v>
      </c>
      <c r="J24011" s="8">
        <v>1</v>
      </c>
      <c r="K24011" s="9">
        <v>6.97</v>
      </c>
      <c r="L24011" s="6" t="s">
        <v>4151</v>
      </c>
    </row>
    <row r="24012" spans="1:12">
      <c r="A24012" s="6" t="s">
        <v>4151</v>
      </c>
      <c r="B24012" s="6"/>
      <c r="C24012" s="6" t="s">
        <v>24048</v>
      </c>
      <c r="D24012" s="6"/>
      <c r="E24012" s="6" t="s">
        <v>9</v>
      </c>
      <c r="F24012" s="7">
        <v>38657</v>
      </c>
      <c r="G24012" s="8">
        <v>1</v>
      </c>
      <c r="H24012" s="8">
        <v>1</v>
      </c>
      <c r="I24012" s="8">
        <v>0</v>
      </c>
      <c r="J24012" s="8">
        <v>1</v>
      </c>
      <c r="K24012" s="9">
        <v>33</v>
      </c>
      <c r="L24012" s="6" t="s">
        <v>4151</v>
      </c>
    </row>
    <row r="24013" spans="1:12">
      <c r="A24013" s="6" t="s">
        <v>4151</v>
      </c>
      <c r="B24013" s="6"/>
      <c r="C24013" s="6" t="s">
        <v>24049</v>
      </c>
      <c r="D24013" s="6"/>
      <c r="E24013" s="6" t="s">
        <v>9</v>
      </c>
      <c r="F24013" s="7">
        <v>38657</v>
      </c>
      <c r="G24013" s="8">
        <v>1</v>
      </c>
      <c r="H24013" s="8">
        <v>1</v>
      </c>
      <c r="I24013" s="8">
        <v>0</v>
      </c>
      <c r="J24013" s="8">
        <v>1</v>
      </c>
      <c r="K24013" s="9">
        <v>6.61</v>
      </c>
      <c r="L24013" s="6" t="s">
        <v>4151</v>
      </c>
    </row>
    <row r="24014" spans="1:12">
      <c r="A24014" s="6" t="s">
        <v>4151</v>
      </c>
      <c r="B24014" s="6"/>
      <c r="C24014" s="6" t="s">
        <v>24050</v>
      </c>
      <c r="D24014" s="6"/>
      <c r="E24014" s="6" t="s">
        <v>9</v>
      </c>
      <c r="F24014" s="7">
        <v>38657</v>
      </c>
      <c r="G24014" s="8">
        <v>1</v>
      </c>
      <c r="H24014" s="8">
        <v>1</v>
      </c>
      <c r="I24014" s="8">
        <v>0</v>
      </c>
      <c r="J24014" s="8">
        <v>1</v>
      </c>
      <c r="K24014" s="9">
        <v>24</v>
      </c>
      <c r="L24014" s="6" t="s">
        <v>4151</v>
      </c>
    </row>
    <row r="24015" spans="1:12">
      <c r="A24015" s="6" t="s">
        <v>4151</v>
      </c>
      <c r="B24015" s="6"/>
      <c r="C24015" s="6" t="s">
        <v>24051</v>
      </c>
      <c r="D24015" s="6"/>
      <c r="E24015" s="6" t="s">
        <v>9</v>
      </c>
      <c r="F24015" s="7">
        <v>38657</v>
      </c>
      <c r="G24015" s="8">
        <v>1</v>
      </c>
      <c r="H24015" s="8">
        <v>1</v>
      </c>
      <c r="I24015" s="8">
        <v>0</v>
      </c>
      <c r="J24015" s="8">
        <v>1</v>
      </c>
      <c r="K24015" s="9">
        <v>5.52</v>
      </c>
      <c r="L24015" s="6" t="s">
        <v>4151</v>
      </c>
    </row>
    <row r="24016" spans="1:12">
      <c r="A24016" s="6" t="s">
        <v>4151</v>
      </c>
      <c r="B24016" s="6"/>
      <c r="C24016" s="6" t="s">
        <v>24052</v>
      </c>
      <c r="D24016" s="6"/>
      <c r="E24016" s="6" t="s">
        <v>9</v>
      </c>
      <c r="F24016" s="7">
        <v>38657</v>
      </c>
      <c r="G24016" s="8">
        <v>1</v>
      </c>
      <c r="H24016" s="8">
        <v>1</v>
      </c>
      <c r="I24016" s="8">
        <v>0</v>
      </c>
      <c r="J24016" s="8">
        <v>1</v>
      </c>
      <c r="K24016" s="9">
        <v>7.98</v>
      </c>
      <c r="L24016" s="6" t="s">
        <v>4151</v>
      </c>
    </row>
    <row r="24017" spans="1:12">
      <c r="A24017" s="6" t="s">
        <v>4151</v>
      </c>
      <c r="B24017" s="6"/>
      <c r="C24017" s="6" t="s">
        <v>24053</v>
      </c>
      <c r="D24017" s="6"/>
      <c r="E24017" s="6" t="s">
        <v>9</v>
      </c>
      <c r="F24017" s="7">
        <v>38657</v>
      </c>
      <c r="G24017" s="8">
        <v>1</v>
      </c>
      <c r="H24017" s="8">
        <v>1</v>
      </c>
      <c r="I24017" s="8">
        <v>0</v>
      </c>
      <c r="J24017" s="8">
        <v>1</v>
      </c>
      <c r="K24017" s="9">
        <v>4.34</v>
      </c>
      <c r="L24017" s="6" t="s">
        <v>4151</v>
      </c>
    </row>
    <row r="24018" spans="1:12">
      <c r="A24018" s="6" t="s">
        <v>4151</v>
      </c>
      <c r="B24018" s="6"/>
      <c r="C24018" s="6" t="s">
        <v>24054</v>
      </c>
      <c r="D24018" s="6"/>
      <c r="E24018" s="6" t="s">
        <v>9</v>
      </c>
      <c r="F24018" s="7">
        <v>38657</v>
      </c>
      <c r="G24018" s="8">
        <v>1</v>
      </c>
      <c r="H24018" s="8">
        <v>1</v>
      </c>
      <c r="I24018" s="8">
        <v>0</v>
      </c>
      <c r="J24018" s="8">
        <v>1</v>
      </c>
      <c r="K24018" s="9">
        <v>1.26</v>
      </c>
      <c r="L24018" s="6" t="s">
        <v>4151</v>
      </c>
    </row>
    <row r="24019" spans="1:12">
      <c r="A24019" s="6" t="s">
        <v>4151</v>
      </c>
      <c r="B24019" s="6"/>
      <c r="C24019" s="6" t="s">
        <v>24055</v>
      </c>
      <c r="D24019" s="6"/>
      <c r="E24019" s="6" t="s">
        <v>9</v>
      </c>
      <c r="F24019" s="7">
        <v>38657</v>
      </c>
      <c r="G24019" s="8">
        <v>1</v>
      </c>
      <c r="H24019" s="8">
        <v>1</v>
      </c>
      <c r="I24019" s="8">
        <v>0</v>
      </c>
      <c r="J24019" s="8">
        <v>1</v>
      </c>
      <c r="K24019" s="9">
        <v>23</v>
      </c>
      <c r="L24019" s="6" t="s">
        <v>4151</v>
      </c>
    </row>
    <row r="24020" spans="1:12">
      <c r="A24020" s="6" t="s">
        <v>4151</v>
      </c>
      <c r="B24020" s="6"/>
      <c r="C24020" s="6" t="s">
        <v>24056</v>
      </c>
      <c r="D24020" s="6"/>
      <c r="E24020" s="6" t="s">
        <v>9</v>
      </c>
      <c r="F24020" s="7">
        <v>38657</v>
      </c>
      <c r="G24020" s="8">
        <v>1</v>
      </c>
      <c r="H24020" s="8">
        <v>1</v>
      </c>
      <c r="I24020" s="8">
        <v>0</v>
      </c>
      <c r="J24020" s="8">
        <v>1</v>
      </c>
      <c r="K24020" s="9">
        <v>6.64</v>
      </c>
      <c r="L24020" s="6" t="s">
        <v>4151</v>
      </c>
    </row>
    <row r="24021" spans="1:12">
      <c r="A24021" s="6" t="s">
        <v>4151</v>
      </c>
      <c r="B24021" s="6"/>
      <c r="C24021" s="6" t="s">
        <v>24057</v>
      </c>
      <c r="D24021" s="6"/>
      <c r="E24021" s="6" t="s">
        <v>9</v>
      </c>
      <c r="F24021" s="7">
        <v>38657</v>
      </c>
      <c r="G24021" s="8">
        <v>1</v>
      </c>
      <c r="H24021" s="8">
        <v>1</v>
      </c>
      <c r="I24021" s="8">
        <v>0</v>
      </c>
      <c r="J24021" s="8">
        <v>1</v>
      </c>
      <c r="K24021" s="9">
        <v>87</v>
      </c>
      <c r="L24021" s="6" t="s">
        <v>4151</v>
      </c>
    </row>
    <row r="24022" spans="1:12">
      <c r="A24022" s="6" t="s">
        <v>4151</v>
      </c>
      <c r="B24022" s="6"/>
      <c r="C24022" s="6" t="s">
        <v>24058</v>
      </c>
      <c r="D24022" s="6"/>
      <c r="E24022" s="6" t="s">
        <v>9</v>
      </c>
      <c r="F24022" s="7">
        <v>38657</v>
      </c>
      <c r="G24022" s="8">
        <v>1</v>
      </c>
      <c r="H24022" s="8">
        <v>1</v>
      </c>
      <c r="I24022" s="8">
        <v>0</v>
      </c>
      <c r="J24022" s="8">
        <v>1</v>
      </c>
      <c r="K24022" s="9">
        <v>1.65</v>
      </c>
      <c r="L24022" s="6" t="s">
        <v>4151</v>
      </c>
    </row>
    <row r="24023" spans="1:12">
      <c r="A24023" s="6" t="s">
        <v>4151</v>
      </c>
      <c r="B24023" s="6"/>
      <c r="C24023" s="6" t="s">
        <v>24059</v>
      </c>
      <c r="D24023" s="6"/>
      <c r="E24023" s="6" t="s">
        <v>9</v>
      </c>
      <c r="F24023" s="7">
        <v>38657</v>
      </c>
      <c r="G24023" s="8">
        <v>1</v>
      </c>
      <c r="H24023" s="8">
        <v>1</v>
      </c>
      <c r="I24023" s="8">
        <v>0</v>
      </c>
      <c r="J24023" s="8">
        <v>1</v>
      </c>
      <c r="K24023" s="9">
        <v>14</v>
      </c>
      <c r="L24023" s="6" t="s">
        <v>4151</v>
      </c>
    </row>
    <row r="24024" spans="1:12">
      <c r="A24024" s="6" t="s">
        <v>4151</v>
      </c>
      <c r="B24024" s="6"/>
      <c r="C24024" s="6" t="s">
        <v>24060</v>
      </c>
      <c r="D24024" s="6"/>
      <c r="E24024" s="6" t="s">
        <v>9</v>
      </c>
      <c r="F24024" s="7">
        <v>38657</v>
      </c>
      <c r="G24024" s="8">
        <v>1</v>
      </c>
      <c r="H24024" s="8">
        <v>1</v>
      </c>
      <c r="I24024" s="8">
        <v>0</v>
      </c>
      <c r="J24024" s="8">
        <v>1</v>
      </c>
      <c r="K24024" s="9">
        <v>29</v>
      </c>
      <c r="L24024" s="6" t="s">
        <v>4151</v>
      </c>
    </row>
    <row r="24025" spans="1:12">
      <c r="A24025" s="6" t="s">
        <v>4151</v>
      </c>
      <c r="B24025" s="6"/>
      <c r="C24025" s="6" t="s">
        <v>24061</v>
      </c>
      <c r="D24025" s="6"/>
      <c r="E24025" s="6" t="s">
        <v>9</v>
      </c>
      <c r="F24025" s="7">
        <v>38657</v>
      </c>
      <c r="G24025" s="8">
        <v>1</v>
      </c>
      <c r="H24025" s="8">
        <v>1</v>
      </c>
      <c r="I24025" s="8">
        <v>0</v>
      </c>
      <c r="J24025" s="8">
        <v>1</v>
      </c>
      <c r="K24025" s="9">
        <v>10</v>
      </c>
      <c r="L24025" s="6" t="s">
        <v>4151</v>
      </c>
    </row>
    <row r="24026" spans="1:12">
      <c r="A24026" s="6" t="s">
        <v>4151</v>
      </c>
      <c r="B24026" s="6"/>
      <c r="C24026" s="6" t="s">
        <v>24062</v>
      </c>
      <c r="D24026" s="6"/>
      <c r="E24026" s="6" t="s">
        <v>9</v>
      </c>
      <c r="F24026" s="7">
        <v>38657</v>
      </c>
      <c r="G24026" s="8">
        <v>1</v>
      </c>
      <c r="H24026" s="8">
        <v>1</v>
      </c>
      <c r="I24026" s="8">
        <v>0</v>
      </c>
      <c r="J24026" s="8">
        <v>1</v>
      </c>
      <c r="K24026" s="9">
        <v>6.46</v>
      </c>
      <c r="L24026" s="6" t="s">
        <v>4151</v>
      </c>
    </row>
    <row r="24027" spans="1:12">
      <c r="A24027" s="6" t="s">
        <v>4151</v>
      </c>
      <c r="B24027" s="6"/>
      <c r="C24027" s="6" t="s">
        <v>24063</v>
      </c>
      <c r="D24027" s="6"/>
      <c r="E24027" s="6" t="s">
        <v>9</v>
      </c>
      <c r="F24027" s="7">
        <v>38657</v>
      </c>
      <c r="G24027" s="8">
        <v>1</v>
      </c>
      <c r="H24027" s="8">
        <v>1</v>
      </c>
      <c r="I24027" s="8">
        <v>0</v>
      </c>
      <c r="J24027" s="8">
        <v>1</v>
      </c>
      <c r="K24027" s="9">
        <v>41</v>
      </c>
      <c r="L24027" s="6" t="s">
        <v>4151</v>
      </c>
    </row>
    <row r="24028" spans="1:12">
      <c r="A24028" s="6" t="s">
        <v>4151</v>
      </c>
      <c r="B24028" s="6"/>
      <c r="C24028" s="6" t="s">
        <v>24064</v>
      </c>
      <c r="D24028" s="6"/>
      <c r="E24028" s="6" t="s">
        <v>9</v>
      </c>
      <c r="F24028" s="7">
        <v>38657</v>
      </c>
      <c r="G24028" s="8">
        <v>1</v>
      </c>
      <c r="H24028" s="8">
        <v>1</v>
      </c>
      <c r="I24028" s="8">
        <v>0</v>
      </c>
      <c r="J24028" s="8">
        <v>1</v>
      </c>
      <c r="K24028" s="9">
        <v>5.28</v>
      </c>
      <c r="L24028" s="6" t="s">
        <v>4151</v>
      </c>
    </row>
    <row r="24029" spans="1:12">
      <c r="A24029" s="6" t="s">
        <v>4151</v>
      </c>
      <c r="B24029" s="6"/>
      <c r="C24029" s="6" t="s">
        <v>24065</v>
      </c>
      <c r="D24029" s="6"/>
      <c r="E24029" s="6" t="s">
        <v>9</v>
      </c>
      <c r="F24029" s="7">
        <v>38657</v>
      </c>
      <c r="G24029" s="8">
        <v>1</v>
      </c>
      <c r="H24029" s="8">
        <v>1</v>
      </c>
      <c r="I24029" s="8">
        <v>0</v>
      </c>
      <c r="J24029" s="8">
        <v>1</v>
      </c>
      <c r="K24029" s="9">
        <v>5.1100000000000003</v>
      </c>
      <c r="L24029" s="6" t="s">
        <v>4151</v>
      </c>
    </row>
    <row r="24030" spans="1:12">
      <c r="A24030" s="6" t="s">
        <v>4151</v>
      </c>
      <c r="B24030" s="6"/>
      <c r="C24030" s="6" t="s">
        <v>24066</v>
      </c>
      <c r="D24030" s="6"/>
      <c r="E24030" s="6" t="s">
        <v>9</v>
      </c>
      <c r="F24030" s="7">
        <v>38657</v>
      </c>
      <c r="G24030" s="8">
        <v>1</v>
      </c>
      <c r="H24030" s="8">
        <v>1</v>
      </c>
      <c r="I24030" s="8">
        <v>0</v>
      </c>
      <c r="J24030" s="8">
        <v>1</v>
      </c>
      <c r="K24030" s="9">
        <v>4.18</v>
      </c>
      <c r="L24030" s="6" t="s">
        <v>4151</v>
      </c>
    </row>
    <row r="24031" spans="1:12">
      <c r="A24031" s="6" t="s">
        <v>4151</v>
      </c>
      <c r="B24031" s="6"/>
      <c r="C24031" s="6" t="s">
        <v>24067</v>
      </c>
      <c r="D24031" s="6"/>
      <c r="E24031" s="6" t="s">
        <v>9</v>
      </c>
      <c r="F24031" s="7">
        <v>38657</v>
      </c>
      <c r="G24031" s="8">
        <v>1</v>
      </c>
      <c r="H24031" s="8">
        <v>1</v>
      </c>
      <c r="I24031" s="8">
        <v>0</v>
      </c>
      <c r="J24031" s="8">
        <v>1</v>
      </c>
      <c r="K24031" s="9">
        <v>14</v>
      </c>
      <c r="L24031" s="6" t="s">
        <v>4151</v>
      </c>
    </row>
    <row r="24032" spans="1:12">
      <c r="A24032" s="6" t="s">
        <v>4151</v>
      </c>
      <c r="B24032" s="6"/>
      <c r="C24032" s="6" t="s">
        <v>24068</v>
      </c>
      <c r="D24032" s="6"/>
      <c r="E24032" s="6" t="s">
        <v>9</v>
      </c>
      <c r="F24032" s="7">
        <v>38657</v>
      </c>
      <c r="G24032" s="8">
        <v>1</v>
      </c>
      <c r="H24032" s="8">
        <v>1</v>
      </c>
      <c r="I24032" s="8">
        <v>0</v>
      </c>
      <c r="J24032" s="8">
        <v>1</v>
      </c>
      <c r="K24032" s="9">
        <v>80</v>
      </c>
      <c r="L24032" s="6" t="s">
        <v>4151</v>
      </c>
    </row>
    <row r="24033" spans="1:12">
      <c r="A24033" s="6" t="s">
        <v>4151</v>
      </c>
      <c r="B24033" s="6"/>
      <c r="C24033" s="6" t="s">
        <v>24069</v>
      </c>
      <c r="D24033" s="6"/>
      <c r="E24033" s="6" t="s">
        <v>9</v>
      </c>
      <c r="F24033" s="7">
        <v>38657</v>
      </c>
      <c r="G24033" s="8">
        <v>1</v>
      </c>
      <c r="H24033" s="8">
        <v>1</v>
      </c>
      <c r="I24033" s="8">
        <v>0</v>
      </c>
      <c r="J24033" s="8">
        <v>1</v>
      </c>
      <c r="K24033" s="9">
        <v>20</v>
      </c>
      <c r="L24033" s="6" t="s">
        <v>4151</v>
      </c>
    </row>
    <row r="24034" spans="1:12">
      <c r="A24034" s="6" t="s">
        <v>4151</v>
      </c>
      <c r="B24034" s="6"/>
      <c r="C24034" s="6" t="s">
        <v>24070</v>
      </c>
      <c r="D24034" s="6"/>
      <c r="E24034" s="6" t="s">
        <v>9</v>
      </c>
      <c r="F24034" s="7">
        <v>38657</v>
      </c>
      <c r="G24034" s="8">
        <v>1</v>
      </c>
      <c r="H24034" s="8">
        <v>1</v>
      </c>
      <c r="I24034" s="8">
        <v>0</v>
      </c>
      <c r="J24034" s="8">
        <v>1</v>
      </c>
      <c r="K24034" s="9">
        <v>6.29</v>
      </c>
      <c r="L24034" s="6" t="s">
        <v>4151</v>
      </c>
    </row>
    <row r="24035" spans="1:12">
      <c r="A24035" s="6" t="s">
        <v>4151</v>
      </c>
      <c r="B24035" s="6"/>
      <c r="C24035" s="6" t="s">
        <v>24071</v>
      </c>
      <c r="D24035" s="6"/>
      <c r="E24035" s="6" t="s">
        <v>9</v>
      </c>
      <c r="F24035" s="7">
        <v>38657</v>
      </c>
      <c r="G24035" s="8">
        <v>1</v>
      </c>
      <c r="H24035" s="8">
        <v>1</v>
      </c>
      <c r="I24035" s="8">
        <v>0</v>
      </c>
      <c r="J24035" s="8">
        <v>1</v>
      </c>
      <c r="K24035" s="9">
        <v>14</v>
      </c>
      <c r="L24035" s="6" t="s">
        <v>4151</v>
      </c>
    </row>
    <row r="24036" spans="1:12">
      <c r="A24036" s="6" t="s">
        <v>4151</v>
      </c>
      <c r="B24036" s="6"/>
      <c r="C24036" s="6" t="s">
        <v>24072</v>
      </c>
      <c r="D24036" s="6"/>
      <c r="E24036" s="6" t="s">
        <v>9</v>
      </c>
      <c r="F24036" s="7">
        <v>38657</v>
      </c>
      <c r="G24036" s="8">
        <v>1</v>
      </c>
      <c r="H24036" s="8">
        <v>1</v>
      </c>
      <c r="I24036" s="8">
        <v>0</v>
      </c>
      <c r="J24036" s="8">
        <v>1</v>
      </c>
      <c r="K24036" s="9">
        <v>19</v>
      </c>
      <c r="L24036" s="6" t="s">
        <v>4151</v>
      </c>
    </row>
    <row r="24037" spans="1:12">
      <c r="A24037" s="6" t="s">
        <v>4151</v>
      </c>
      <c r="B24037" s="6"/>
      <c r="C24037" s="6" t="s">
        <v>24073</v>
      </c>
      <c r="D24037" s="6"/>
      <c r="E24037" s="6" t="s">
        <v>9</v>
      </c>
      <c r="F24037" s="7">
        <v>38657</v>
      </c>
      <c r="G24037" s="8">
        <v>1</v>
      </c>
      <c r="H24037" s="8">
        <v>1</v>
      </c>
      <c r="I24037" s="8">
        <v>0</v>
      </c>
      <c r="J24037" s="8">
        <v>1</v>
      </c>
      <c r="K24037" s="9">
        <v>20</v>
      </c>
      <c r="L24037" s="6" t="s">
        <v>4151</v>
      </c>
    </row>
    <row r="24038" spans="1:12">
      <c r="A24038" s="6" t="s">
        <v>4151</v>
      </c>
      <c r="B24038" s="6"/>
      <c r="C24038" s="6" t="s">
        <v>24074</v>
      </c>
      <c r="D24038" s="6"/>
      <c r="E24038" s="6" t="s">
        <v>9</v>
      </c>
      <c r="F24038" s="7">
        <v>38657</v>
      </c>
      <c r="G24038" s="8">
        <v>1</v>
      </c>
      <c r="H24038" s="8">
        <v>1</v>
      </c>
      <c r="I24038" s="8">
        <v>0</v>
      </c>
      <c r="J24038" s="8">
        <v>1</v>
      </c>
      <c r="K24038" s="9">
        <v>28</v>
      </c>
      <c r="L24038" s="6" t="s">
        <v>4151</v>
      </c>
    </row>
    <row r="24039" spans="1:12">
      <c r="A24039" s="6" t="s">
        <v>4151</v>
      </c>
      <c r="B24039" s="6"/>
      <c r="C24039" s="6" t="s">
        <v>24075</v>
      </c>
      <c r="D24039" s="6"/>
      <c r="E24039" s="6" t="s">
        <v>9</v>
      </c>
      <c r="F24039" s="7">
        <v>38657</v>
      </c>
      <c r="G24039" s="8">
        <v>1</v>
      </c>
      <c r="H24039" s="8">
        <v>1</v>
      </c>
      <c r="I24039" s="8">
        <v>0</v>
      </c>
      <c r="J24039" s="8">
        <v>1</v>
      </c>
      <c r="K24039" s="9">
        <v>7.2</v>
      </c>
      <c r="L24039" s="6" t="s">
        <v>4151</v>
      </c>
    </row>
    <row r="24040" spans="1:12">
      <c r="A24040" s="6" t="s">
        <v>4151</v>
      </c>
      <c r="B24040" s="6"/>
      <c r="C24040" s="6" t="s">
        <v>24076</v>
      </c>
      <c r="D24040" s="6"/>
      <c r="E24040" s="6" t="s">
        <v>9</v>
      </c>
      <c r="F24040" s="7">
        <v>38657</v>
      </c>
      <c r="G24040" s="8">
        <v>1</v>
      </c>
      <c r="H24040" s="8">
        <v>1</v>
      </c>
      <c r="I24040" s="8">
        <v>0</v>
      </c>
      <c r="J24040" s="8">
        <v>1</v>
      </c>
      <c r="K24040" s="9">
        <v>26</v>
      </c>
      <c r="L24040" s="6" t="s">
        <v>4151</v>
      </c>
    </row>
    <row r="24041" spans="1:12">
      <c r="A24041" s="6" t="s">
        <v>4151</v>
      </c>
      <c r="B24041" s="6"/>
      <c r="C24041" s="6" t="s">
        <v>24077</v>
      </c>
      <c r="D24041" s="6"/>
      <c r="E24041" s="6" t="s">
        <v>9</v>
      </c>
      <c r="F24041" s="7">
        <v>38657</v>
      </c>
      <c r="G24041" s="8">
        <v>1</v>
      </c>
      <c r="H24041" s="8">
        <v>1</v>
      </c>
      <c r="I24041" s="8">
        <v>0</v>
      </c>
      <c r="J24041" s="8">
        <v>1</v>
      </c>
      <c r="K24041" s="9">
        <v>32</v>
      </c>
      <c r="L24041" s="6" t="s">
        <v>4151</v>
      </c>
    </row>
    <row r="24042" spans="1:12">
      <c r="A24042" s="6" t="s">
        <v>4151</v>
      </c>
      <c r="B24042" s="6"/>
      <c r="C24042" s="6" t="s">
        <v>24078</v>
      </c>
      <c r="D24042" s="6"/>
      <c r="E24042" s="6" t="s">
        <v>9</v>
      </c>
      <c r="F24042" s="7">
        <v>38657</v>
      </c>
      <c r="G24042" s="8">
        <v>1</v>
      </c>
      <c r="H24042" s="8">
        <v>1</v>
      </c>
      <c r="I24042" s="8">
        <v>0</v>
      </c>
      <c r="J24042" s="8">
        <v>1</v>
      </c>
      <c r="K24042" s="9">
        <v>26</v>
      </c>
      <c r="L24042" s="6" t="s">
        <v>4151</v>
      </c>
    </row>
    <row r="24043" spans="1:12">
      <c r="A24043" s="6" t="s">
        <v>4151</v>
      </c>
      <c r="B24043" s="6"/>
      <c r="C24043" s="6" t="s">
        <v>24079</v>
      </c>
      <c r="D24043" s="6"/>
      <c r="E24043" s="6" t="s">
        <v>9</v>
      </c>
      <c r="F24043" s="7">
        <v>38657</v>
      </c>
      <c r="G24043" s="8">
        <v>1</v>
      </c>
      <c r="H24043" s="8">
        <v>1</v>
      </c>
      <c r="I24043" s="8">
        <v>0</v>
      </c>
      <c r="J24043" s="8">
        <v>1</v>
      </c>
      <c r="K24043" s="9">
        <v>37</v>
      </c>
      <c r="L24043" s="6" t="s">
        <v>4151</v>
      </c>
    </row>
    <row r="24044" spans="1:12">
      <c r="A24044" s="6" t="s">
        <v>4151</v>
      </c>
      <c r="B24044" s="6"/>
      <c r="C24044" s="6" t="s">
        <v>24080</v>
      </c>
      <c r="D24044" s="6"/>
      <c r="E24044" s="6" t="s">
        <v>9</v>
      </c>
      <c r="F24044" s="7">
        <v>38657</v>
      </c>
      <c r="G24044" s="8">
        <v>1</v>
      </c>
      <c r="H24044" s="8">
        <v>1</v>
      </c>
      <c r="I24044" s="8">
        <v>0</v>
      </c>
      <c r="J24044" s="8">
        <v>1</v>
      </c>
      <c r="K24044" s="9">
        <v>31</v>
      </c>
      <c r="L24044" s="6" t="s">
        <v>4151</v>
      </c>
    </row>
    <row r="24045" spans="1:12">
      <c r="A24045" s="6" t="s">
        <v>4151</v>
      </c>
      <c r="B24045" s="6"/>
      <c r="C24045" s="6" t="s">
        <v>24081</v>
      </c>
      <c r="D24045" s="6"/>
      <c r="E24045" s="6" t="s">
        <v>9</v>
      </c>
      <c r="F24045" s="7">
        <v>38657</v>
      </c>
      <c r="G24045" s="8">
        <v>1</v>
      </c>
      <c r="H24045" s="8">
        <v>1</v>
      </c>
      <c r="I24045" s="8">
        <v>0</v>
      </c>
      <c r="J24045" s="8">
        <v>1</v>
      </c>
      <c r="K24045" s="9">
        <v>19</v>
      </c>
      <c r="L24045" s="6" t="s">
        <v>4151</v>
      </c>
    </row>
    <row r="24046" spans="1:12">
      <c r="A24046" s="6" t="s">
        <v>4151</v>
      </c>
      <c r="B24046" s="6"/>
      <c r="C24046" s="6" t="s">
        <v>24082</v>
      </c>
      <c r="D24046" s="6"/>
      <c r="E24046" s="6" t="s">
        <v>9</v>
      </c>
      <c r="F24046" s="7">
        <v>38657</v>
      </c>
      <c r="G24046" s="8">
        <v>1</v>
      </c>
      <c r="H24046" s="8">
        <v>1</v>
      </c>
      <c r="I24046" s="8">
        <v>0</v>
      </c>
      <c r="J24046" s="8">
        <v>1</v>
      </c>
      <c r="K24046" s="9">
        <v>10</v>
      </c>
      <c r="L24046" s="6" t="s">
        <v>4151</v>
      </c>
    </row>
    <row r="24047" spans="1:12">
      <c r="A24047" s="6" t="s">
        <v>4151</v>
      </c>
      <c r="B24047" s="6"/>
      <c r="C24047" s="6" t="s">
        <v>24083</v>
      </c>
      <c r="D24047" s="6"/>
      <c r="E24047" s="6" t="s">
        <v>9</v>
      </c>
      <c r="F24047" s="7">
        <v>38657</v>
      </c>
      <c r="G24047" s="8">
        <v>1</v>
      </c>
      <c r="H24047" s="8">
        <v>1</v>
      </c>
      <c r="I24047" s="8">
        <v>0</v>
      </c>
      <c r="J24047" s="8">
        <v>1</v>
      </c>
      <c r="K24047" s="9">
        <v>4.68</v>
      </c>
      <c r="L24047" s="6" t="s">
        <v>4151</v>
      </c>
    </row>
    <row r="24048" spans="1:12">
      <c r="A24048" s="6" t="s">
        <v>4151</v>
      </c>
      <c r="B24048" s="6"/>
      <c r="C24048" s="6" t="s">
        <v>24084</v>
      </c>
      <c r="D24048" s="6"/>
      <c r="E24048" s="6" t="s">
        <v>9</v>
      </c>
      <c r="F24048" s="7">
        <v>38657</v>
      </c>
      <c r="G24048" s="8">
        <v>1</v>
      </c>
      <c r="H24048" s="8">
        <v>1</v>
      </c>
      <c r="I24048" s="8">
        <v>0</v>
      </c>
      <c r="J24048" s="8">
        <v>1</v>
      </c>
      <c r="K24048" s="9">
        <v>3.15</v>
      </c>
      <c r="L24048" s="6" t="s">
        <v>4151</v>
      </c>
    </row>
    <row r="24049" spans="1:12">
      <c r="A24049" s="6" t="s">
        <v>4151</v>
      </c>
      <c r="B24049" s="6"/>
      <c r="C24049" s="6" t="s">
        <v>24085</v>
      </c>
      <c r="D24049" s="6"/>
      <c r="E24049" s="6" t="s">
        <v>9</v>
      </c>
      <c r="F24049" s="7">
        <v>38657</v>
      </c>
      <c r="G24049" s="8">
        <v>1</v>
      </c>
      <c r="H24049" s="8">
        <v>1</v>
      </c>
      <c r="I24049" s="8">
        <v>0</v>
      </c>
      <c r="J24049" s="8">
        <v>1</v>
      </c>
      <c r="K24049" s="9">
        <v>3.15</v>
      </c>
      <c r="L24049" s="6" t="s">
        <v>4151</v>
      </c>
    </row>
    <row r="24050" spans="1:12">
      <c r="A24050" s="6" t="s">
        <v>4151</v>
      </c>
      <c r="B24050" s="6"/>
      <c r="C24050" s="6" t="s">
        <v>24086</v>
      </c>
      <c r="D24050" s="6"/>
      <c r="E24050" s="6" t="s">
        <v>9</v>
      </c>
      <c r="F24050" s="7">
        <v>38657</v>
      </c>
      <c r="G24050" s="8">
        <v>1</v>
      </c>
      <c r="H24050" s="8">
        <v>1</v>
      </c>
      <c r="I24050" s="8">
        <v>0</v>
      </c>
      <c r="J24050" s="8">
        <v>1</v>
      </c>
      <c r="K24050" s="9">
        <v>11</v>
      </c>
      <c r="L24050" s="6" t="s">
        <v>4151</v>
      </c>
    </row>
    <row r="24051" spans="1:12">
      <c r="A24051" s="6" t="s">
        <v>4151</v>
      </c>
      <c r="B24051" s="6"/>
      <c r="C24051" s="6" t="s">
        <v>24087</v>
      </c>
      <c r="D24051" s="6"/>
      <c r="E24051" s="6" t="s">
        <v>9</v>
      </c>
      <c r="F24051" s="7">
        <v>38657</v>
      </c>
      <c r="G24051" s="8">
        <v>1</v>
      </c>
      <c r="H24051" s="8">
        <v>1</v>
      </c>
      <c r="I24051" s="8">
        <v>0</v>
      </c>
      <c r="J24051" s="8">
        <v>1</v>
      </c>
      <c r="K24051" s="9">
        <v>6.05</v>
      </c>
      <c r="L24051" s="6" t="s">
        <v>4151</v>
      </c>
    </row>
    <row r="24052" spans="1:12">
      <c r="A24052" s="6" t="s">
        <v>4151</v>
      </c>
      <c r="B24052" s="6"/>
      <c r="C24052" s="6" t="s">
        <v>24088</v>
      </c>
      <c r="D24052" s="6"/>
      <c r="E24052" s="6" t="s">
        <v>9</v>
      </c>
      <c r="F24052" s="7">
        <v>38657</v>
      </c>
      <c r="G24052" s="8">
        <v>1</v>
      </c>
      <c r="H24052" s="8">
        <v>1</v>
      </c>
      <c r="I24052" s="8">
        <v>0</v>
      </c>
      <c r="J24052" s="8">
        <v>1</v>
      </c>
      <c r="K24052" s="9">
        <v>12</v>
      </c>
      <c r="L24052" s="6" t="s">
        <v>4151</v>
      </c>
    </row>
    <row r="24053" spans="1:12">
      <c r="A24053" s="6" t="s">
        <v>4151</v>
      </c>
      <c r="B24053" s="6"/>
      <c r="C24053" s="6" t="s">
        <v>24089</v>
      </c>
      <c r="D24053" s="6"/>
      <c r="E24053" s="6" t="s">
        <v>9</v>
      </c>
      <c r="F24053" s="7">
        <v>38657</v>
      </c>
      <c r="G24053" s="8">
        <v>1</v>
      </c>
      <c r="H24053" s="8">
        <v>1</v>
      </c>
      <c r="I24053" s="8">
        <v>0</v>
      </c>
      <c r="J24053" s="8">
        <v>1</v>
      </c>
      <c r="K24053" s="9">
        <v>83</v>
      </c>
      <c r="L24053" s="6" t="s">
        <v>4151</v>
      </c>
    </row>
    <row r="24054" spans="1:12">
      <c r="A24054" s="6" t="s">
        <v>4151</v>
      </c>
      <c r="B24054" s="6"/>
      <c r="C24054" s="6" t="s">
        <v>24090</v>
      </c>
      <c r="D24054" s="6"/>
      <c r="E24054" s="6" t="s">
        <v>9</v>
      </c>
      <c r="F24054" s="7">
        <v>38657</v>
      </c>
      <c r="G24054" s="8">
        <v>1</v>
      </c>
      <c r="H24054" s="8">
        <v>1</v>
      </c>
      <c r="I24054" s="8">
        <v>0</v>
      </c>
      <c r="J24054" s="8">
        <v>1</v>
      </c>
      <c r="K24054" s="9">
        <v>7.09</v>
      </c>
      <c r="L24054" s="6" t="s">
        <v>4151</v>
      </c>
    </row>
    <row r="24055" spans="1:12">
      <c r="A24055" s="6" t="s">
        <v>4151</v>
      </c>
      <c r="B24055" s="6"/>
      <c r="C24055" s="6" t="s">
        <v>24091</v>
      </c>
      <c r="D24055" s="6"/>
      <c r="E24055" s="6" t="s">
        <v>9</v>
      </c>
      <c r="F24055" s="7">
        <v>38657</v>
      </c>
      <c r="G24055" s="8">
        <v>1</v>
      </c>
      <c r="H24055" s="8">
        <v>1</v>
      </c>
      <c r="I24055" s="8">
        <v>0</v>
      </c>
      <c r="J24055" s="8">
        <v>1</v>
      </c>
      <c r="K24055" s="9">
        <v>41</v>
      </c>
      <c r="L24055" s="6" t="s">
        <v>4151</v>
      </c>
    </row>
    <row r="24056" spans="1:12">
      <c r="A24056" s="6" t="s">
        <v>4151</v>
      </c>
      <c r="B24056" s="6"/>
      <c r="C24056" s="6" t="s">
        <v>24092</v>
      </c>
      <c r="D24056" s="6"/>
      <c r="E24056" s="6" t="s">
        <v>9</v>
      </c>
      <c r="F24056" s="7">
        <v>38657</v>
      </c>
      <c r="G24056" s="8">
        <v>1</v>
      </c>
      <c r="H24056" s="8">
        <v>1</v>
      </c>
      <c r="I24056" s="8">
        <v>0</v>
      </c>
      <c r="J24056" s="8">
        <v>1</v>
      </c>
      <c r="K24056" s="9">
        <v>23</v>
      </c>
      <c r="L24056" s="6" t="s">
        <v>4151</v>
      </c>
    </row>
    <row r="24057" spans="1:12">
      <c r="A24057" s="6" t="s">
        <v>4151</v>
      </c>
      <c r="B24057" s="6"/>
      <c r="C24057" s="6" t="s">
        <v>24093</v>
      </c>
      <c r="D24057" s="6"/>
      <c r="E24057" s="6" t="s">
        <v>9</v>
      </c>
      <c r="F24057" s="7">
        <v>38657</v>
      </c>
      <c r="G24057" s="8">
        <v>1</v>
      </c>
      <c r="H24057" s="8">
        <v>1</v>
      </c>
      <c r="I24057" s="8">
        <v>0</v>
      </c>
      <c r="J24057" s="8">
        <v>1</v>
      </c>
      <c r="K24057" s="9">
        <v>24</v>
      </c>
      <c r="L24057" s="6" t="s">
        <v>4151</v>
      </c>
    </row>
    <row r="24058" spans="1:12">
      <c r="A24058" s="6" t="s">
        <v>4151</v>
      </c>
      <c r="B24058" s="6"/>
      <c r="C24058" s="6" t="s">
        <v>24094</v>
      </c>
      <c r="D24058" s="6"/>
      <c r="E24058" s="6" t="s">
        <v>9</v>
      </c>
      <c r="F24058" s="7">
        <v>38657</v>
      </c>
      <c r="G24058" s="8">
        <v>1</v>
      </c>
      <c r="H24058" s="8">
        <v>1</v>
      </c>
      <c r="I24058" s="8">
        <v>0</v>
      </c>
      <c r="J24058" s="8">
        <v>1</v>
      </c>
      <c r="K24058" s="9">
        <v>15</v>
      </c>
      <c r="L24058" s="6" t="s">
        <v>4151</v>
      </c>
    </row>
    <row r="24059" spans="1:12">
      <c r="A24059" s="6" t="s">
        <v>4151</v>
      </c>
      <c r="B24059" s="6"/>
      <c r="C24059" s="6" t="s">
        <v>24095</v>
      </c>
      <c r="D24059" s="6"/>
      <c r="E24059" s="6" t="s">
        <v>9</v>
      </c>
      <c r="F24059" s="7">
        <v>38657</v>
      </c>
      <c r="G24059" s="8">
        <v>1</v>
      </c>
      <c r="H24059" s="8">
        <v>1</v>
      </c>
      <c r="I24059" s="8">
        <v>0</v>
      </c>
      <c r="J24059" s="8">
        <v>1</v>
      </c>
      <c r="K24059" s="9">
        <v>19</v>
      </c>
      <c r="L24059" s="6" t="s">
        <v>4151</v>
      </c>
    </row>
    <row r="24060" spans="1:12">
      <c r="A24060" s="6" t="s">
        <v>4151</v>
      </c>
      <c r="B24060" s="6"/>
      <c r="C24060" s="6" t="s">
        <v>24096</v>
      </c>
      <c r="D24060" s="6"/>
      <c r="E24060" s="6" t="s">
        <v>9</v>
      </c>
      <c r="F24060" s="7">
        <v>38657</v>
      </c>
      <c r="G24060" s="8">
        <v>1</v>
      </c>
      <c r="H24060" s="8">
        <v>1</v>
      </c>
      <c r="I24060" s="8">
        <v>0</v>
      </c>
      <c r="J24060" s="8">
        <v>1</v>
      </c>
      <c r="K24060" s="9">
        <v>0.98</v>
      </c>
      <c r="L24060" s="6" t="s">
        <v>4151</v>
      </c>
    </row>
    <row r="24061" spans="1:12">
      <c r="A24061" s="6" t="s">
        <v>4151</v>
      </c>
      <c r="B24061" s="6"/>
      <c r="C24061" s="6" t="s">
        <v>24097</v>
      </c>
      <c r="D24061" s="6"/>
      <c r="E24061" s="6" t="s">
        <v>9</v>
      </c>
      <c r="F24061" s="7">
        <v>38657</v>
      </c>
      <c r="G24061" s="8">
        <v>1</v>
      </c>
      <c r="H24061" s="8">
        <v>1</v>
      </c>
      <c r="I24061" s="8">
        <v>0</v>
      </c>
      <c r="J24061" s="8">
        <v>1</v>
      </c>
      <c r="K24061" s="9">
        <v>15.15</v>
      </c>
      <c r="L24061" s="6" t="s">
        <v>4151</v>
      </c>
    </row>
    <row r="24062" spans="1:12">
      <c r="A24062" s="6" t="s">
        <v>4151</v>
      </c>
      <c r="B24062" s="6"/>
      <c r="C24062" s="6" t="s">
        <v>24098</v>
      </c>
      <c r="D24062" s="6"/>
      <c r="E24062" s="6" t="s">
        <v>9</v>
      </c>
      <c r="F24062" s="7">
        <v>38657</v>
      </c>
      <c r="G24062" s="8">
        <v>1</v>
      </c>
      <c r="H24062" s="8">
        <v>1</v>
      </c>
      <c r="I24062" s="8">
        <v>0</v>
      </c>
      <c r="J24062" s="8">
        <v>1</v>
      </c>
      <c r="K24062" s="9">
        <v>6.61</v>
      </c>
      <c r="L24062" s="6" t="s">
        <v>4151</v>
      </c>
    </row>
    <row r="24063" spans="1:12">
      <c r="A24063" s="6" t="s">
        <v>4151</v>
      </c>
      <c r="B24063" s="6"/>
      <c r="C24063" s="6" t="s">
        <v>24099</v>
      </c>
      <c r="D24063" s="6"/>
      <c r="E24063" s="6" t="s">
        <v>9</v>
      </c>
      <c r="F24063" s="7">
        <v>38657</v>
      </c>
      <c r="G24063" s="8">
        <v>1</v>
      </c>
      <c r="H24063" s="8">
        <v>1</v>
      </c>
      <c r="I24063" s="8">
        <v>0</v>
      </c>
      <c r="J24063" s="8">
        <v>1</v>
      </c>
      <c r="K24063" s="9">
        <v>9.91</v>
      </c>
      <c r="L24063" s="6" t="s">
        <v>4151</v>
      </c>
    </row>
    <row r="24064" spans="1:12">
      <c r="A24064" s="6" t="s">
        <v>4151</v>
      </c>
      <c r="B24064" s="6"/>
      <c r="C24064" s="6" t="s">
        <v>24100</v>
      </c>
      <c r="D24064" s="6"/>
      <c r="E24064" s="6" t="s">
        <v>9</v>
      </c>
      <c r="F24064" s="7">
        <v>38657</v>
      </c>
      <c r="G24064" s="8">
        <v>1</v>
      </c>
      <c r="H24064" s="8">
        <v>1</v>
      </c>
      <c r="I24064" s="8">
        <v>0</v>
      </c>
      <c r="J24064" s="8">
        <v>1</v>
      </c>
      <c r="K24064" s="9">
        <v>533</v>
      </c>
      <c r="L24064" s="6" t="s">
        <v>4151</v>
      </c>
    </row>
    <row r="24065" spans="1:12">
      <c r="A24065" s="6" t="s">
        <v>4151</v>
      </c>
      <c r="B24065" s="6"/>
      <c r="C24065" s="6" t="s">
        <v>24101</v>
      </c>
      <c r="D24065" s="6"/>
      <c r="E24065" s="6" t="s">
        <v>9</v>
      </c>
      <c r="F24065" s="7">
        <v>38657</v>
      </c>
      <c r="G24065" s="8">
        <v>1</v>
      </c>
      <c r="H24065" s="8">
        <v>1</v>
      </c>
      <c r="I24065" s="8">
        <v>0</v>
      </c>
      <c r="J24065" s="8">
        <v>1</v>
      </c>
      <c r="K24065" s="9">
        <v>49</v>
      </c>
      <c r="L24065" s="6" t="s">
        <v>4151</v>
      </c>
    </row>
    <row r="24066" spans="1:12">
      <c r="A24066" s="6" t="s">
        <v>4151</v>
      </c>
      <c r="B24066" s="6"/>
      <c r="C24066" s="6" t="s">
        <v>24102</v>
      </c>
      <c r="D24066" s="6"/>
      <c r="E24066" s="6" t="s">
        <v>9</v>
      </c>
      <c r="F24066" s="7">
        <v>38657</v>
      </c>
      <c r="G24066" s="8">
        <v>1</v>
      </c>
      <c r="H24066" s="8">
        <v>1</v>
      </c>
      <c r="I24066" s="8">
        <v>0</v>
      </c>
      <c r="J24066" s="8">
        <v>1</v>
      </c>
      <c r="K24066" s="9">
        <v>21</v>
      </c>
      <c r="L24066" s="6" t="s">
        <v>4151</v>
      </c>
    </row>
    <row r="24067" spans="1:12">
      <c r="A24067" s="6" t="s">
        <v>4151</v>
      </c>
      <c r="B24067" s="6"/>
      <c r="C24067" s="6" t="s">
        <v>24103</v>
      </c>
      <c r="D24067" s="6"/>
      <c r="E24067" s="6" t="s">
        <v>9</v>
      </c>
      <c r="F24067" s="7">
        <v>38657</v>
      </c>
      <c r="G24067" s="8">
        <v>1</v>
      </c>
      <c r="H24067" s="8">
        <v>1</v>
      </c>
      <c r="I24067" s="8">
        <v>0</v>
      </c>
      <c r="J24067" s="8">
        <v>1</v>
      </c>
      <c r="K24067" s="9">
        <v>19</v>
      </c>
      <c r="L24067" s="6" t="s">
        <v>4151</v>
      </c>
    </row>
    <row r="24068" spans="1:12">
      <c r="A24068" s="6" t="s">
        <v>4151</v>
      </c>
      <c r="B24068" s="6"/>
      <c r="C24068" s="6" t="s">
        <v>24104</v>
      </c>
      <c r="D24068" s="6"/>
      <c r="E24068" s="6" t="s">
        <v>9</v>
      </c>
      <c r="F24068" s="7">
        <v>38657</v>
      </c>
      <c r="G24068" s="8">
        <v>1</v>
      </c>
      <c r="H24068" s="8">
        <v>1</v>
      </c>
      <c r="I24068" s="8">
        <v>0</v>
      </c>
      <c r="J24068" s="8">
        <v>1</v>
      </c>
      <c r="K24068" s="9">
        <v>3.3</v>
      </c>
      <c r="L24068" s="6" t="s">
        <v>4151</v>
      </c>
    </row>
    <row r="24069" spans="1:12">
      <c r="A24069" s="6" t="s">
        <v>4151</v>
      </c>
      <c r="B24069" s="6"/>
      <c r="C24069" s="6" t="s">
        <v>24105</v>
      </c>
      <c r="D24069" s="6"/>
      <c r="E24069" s="6" t="s">
        <v>9</v>
      </c>
      <c r="F24069" s="7">
        <v>41365</v>
      </c>
      <c r="G24069" s="8">
        <v>1</v>
      </c>
      <c r="H24069" s="8">
        <v>1</v>
      </c>
      <c r="I24069" s="8">
        <v>0</v>
      </c>
      <c r="J24069" s="8">
        <v>1</v>
      </c>
      <c r="K24069" s="9">
        <v>34</v>
      </c>
      <c r="L24069" s="6" t="s">
        <v>4151</v>
      </c>
    </row>
    <row r="24070" spans="1:12">
      <c r="A24070" s="6" t="s">
        <v>4151</v>
      </c>
      <c r="B24070" s="6"/>
      <c r="C24070" s="6" t="s">
        <v>24106</v>
      </c>
      <c r="D24070" s="6"/>
      <c r="E24070" s="6" t="s">
        <v>9</v>
      </c>
      <c r="F24070" s="7">
        <v>38657</v>
      </c>
      <c r="G24070" s="8">
        <v>1</v>
      </c>
      <c r="H24070" s="8">
        <v>1</v>
      </c>
      <c r="I24070" s="8">
        <v>0</v>
      </c>
      <c r="J24070" s="8">
        <v>1</v>
      </c>
      <c r="K24070" s="9">
        <v>100</v>
      </c>
      <c r="L24070" s="6" t="s">
        <v>4151</v>
      </c>
    </row>
    <row r="24071" spans="1:12">
      <c r="A24071" s="6" t="s">
        <v>4151</v>
      </c>
      <c r="B24071" s="6"/>
      <c r="C24071" s="6" t="s">
        <v>24107</v>
      </c>
      <c r="D24071" s="6"/>
      <c r="E24071" s="6" t="s">
        <v>9</v>
      </c>
      <c r="F24071" s="7">
        <v>38657</v>
      </c>
      <c r="G24071" s="8">
        <v>1</v>
      </c>
      <c r="H24071" s="8">
        <v>1</v>
      </c>
      <c r="I24071" s="8">
        <v>0</v>
      </c>
      <c r="J24071" s="8">
        <v>1</v>
      </c>
      <c r="K24071" s="9">
        <v>69</v>
      </c>
      <c r="L24071" s="6" t="s">
        <v>4151</v>
      </c>
    </row>
    <row r="24072" spans="1:12">
      <c r="A24072" s="6" t="s">
        <v>4151</v>
      </c>
      <c r="B24072" s="6"/>
      <c r="C24072" s="6" t="s">
        <v>24108</v>
      </c>
      <c r="D24072" s="6"/>
      <c r="E24072" s="6" t="s">
        <v>9</v>
      </c>
      <c r="F24072" s="7">
        <v>38657</v>
      </c>
      <c r="G24072" s="8">
        <v>1</v>
      </c>
      <c r="H24072" s="8">
        <v>1</v>
      </c>
      <c r="I24072" s="8">
        <v>0</v>
      </c>
      <c r="J24072" s="8">
        <v>1</v>
      </c>
      <c r="K24072" s="9">
        <v>131</v>
      </c>
      <c r="L24072" s="6" t="s">
        <v>4151</v>
      </c>
    </row>
    <row r="24073" spans="1:12">
      <c r="A24073" s="6" t="s">
        <v>4151</v>
      </c>
      <c r="B24073" s="6"/>
      <c r="C24073" s="6" t="s">
        <v>24109</v>
      </c>
      <c r="D24073" s="6"/>
      <c r="E24073" s="6" t="s">
        <v>9</v>
      </c>
      <c r="F24073" s="7">
        <v>38657</v>
      </c>
      <c r="G24073" s="8">
        <v>1</v>
      </c>
      <c r="H24073" s="8">
        <v>1</v>
      </c>
      <c r="I24073" s="8">
        <v>0</v>
      </c>
      <c r="J24073" s="8">
        <v>1</v>
      </c>
      <c r="K24073" s="9">
        <v>3.37</v>
      </c>
      <c r="L24073" s="6" t="s">
        <v>4151</v>
      </c>
    </row>
    <row r="24074" spans="1:12">
      <c r="A24074" s="6" t="s">
        <v>4151</v>
      </c>
      <c r="B24074" s="6"/>
      <c r="C24074" s="6" t="s">
        <v>24110</v>
      </c>
      <c r="D24074" s="6"/>
      <c r="E24074" s="6" t="s">
        <v>9</v>
      </c>
      <c r="F24074" s="7">
        <v>38657</v>
      </c>
      <c r="G24074" s="8">
        <v>1</v>
      </c>
      <c r="H24074" s="8">
        <v>1</v>
      </c>
      <c r="I24074" s="8">
        <v>0</v>
      </c>
      <c r="J24074" s="8">
        <v>1</v>
      </c>
      <c r="K24074" s="9">
        <v>3.37</v>
      </c>
      <c r="L24074" s="6" t="s">
        <v>4151</v>
      </c>
    </row>
    <row r="24075" spans="1:12">
      <c r="A24075" s="6" t="s">
        <v>4151</v>
      </c>
      <c r="B24075" s="6"/>
      <c r="C24075" s="6" t="s">
        <v>24111</v>
      </c>
      <c r="D24075" s="6"/>
      <c r="E24075" s="6" t="s">
        <v>9</v>
      </c>
      <c r="F24075" s="7">
        <v>38657</v>
      </c>
      <c r="G24075" s="8">
        <v>1</v>
      </c>
      <c r="H24075" s="8">
        <v>1</v>
      </c>
      <c r="I24075" s="8">
        <v>0</v>
      </c>
      <c r="J24075" s="8">
        <v>1</v>
      </c>
      <c r="K24075" s="9">
        <v>347</v>
      </c>
      <c r="L24075" s="6" t="s">
        <v>4151</v>
      </c>
    </row>
    <row r="24076" spans="1:12">
      <c r="A24076" s="6" t="s">
        <v>4151</v>
      </c>
      <c r="B24076" s="6"/>
      <c r="C24076" s="6" t="s">
        <v>24112</v>
      </c>
      <c r="D24076" s="6"/>
      <c r="E24076" s="6" t="s">
        <v>9</v>
      </c>
      <c r="F24076" s="7">
        <v>38657</v>
      </c>
      <c r="G24076" s="8">
        <v>1</v>
      </c>
      <c r="H24076" s="8">
        <v>1</v>
      </c>
      <c r="I24076" s="8">
        <v>0</v>
      </c>
      <c r="J24076" s="8">
        <v>1</v>
      </c>
      <c r="K24076" s="9">
        <v>3.37</v>
      </c>
      <c r="L24076" s="6" t="s">
        <v>4151</v>
      </c>
    </row>
    <row r="24077" spans="1:12">
      <c r="A24077" s="6" t="s">
        <v>4151</v>
      </c>
      <c r="B24077" s="6"/>
      <c r="C24077" s="6" t="s">
        <v>24113</v>
      </c>
      <c r="D24077" s="6"/>
      <c r="E24077" s="6" t="s">
        <v>9</v>
      </c>
      <c r="F24077" s="7">
        <v>38657</v>
      </c>
      <c r="G24077" s="8">
        <v>1</v>
      </c>
      <c r="H24077" s="8">
        <v>1</v>
      </c>
      <c r="I24077" s="8">
        <v>0</v>
      </c>
      <c r="J24077" s="8">
        <v>1</v>
      </c>
      <c r="K24077" s="9">
        <v>1548</v>
      </c>
      <c r="L24077" s="6" t="s">
        <v>4151</v>
      </c>
    </row>
    <row r="24078" spans="1:12">
      <c r="A24078" s="6" t="s">
        <v>4151</v>
      </c>
      <c r="B24078" s="6"/>
      <c r="C24078" s="6" t="s">
        <v>24114</v>
      </c>
      <c r="D24078" s="6"/>
      <c r="E24078" s="6" t="s">
        <v>9</v>
      </c>
      <c r="F24078" s="7">
        <v>38657</v>
      </c>
      <c r="G24078" s="8">
        <v>1</v>
      </c>
      <c r="H24078" s="8">
        <v>1</v>
      </c>
      <c r="I24078" s="8">
        <v>0</v>
      </c>
      <c r="J24078" s="8">
        <v>1</v>
      </c>
      <c r="K24078" s="9">
        <v>3.7</v>
      </c>
      <c r="L24078" s="6" t="s">
        <v>4151</v>
      </c>
    </row>
    <row r="24079" spans="1:12">
      <c r="A24079" s="6" t="s">
        <v>4151</v>
      </c>
      <c r="B24079" s="6"/>
      <c r="C24079" s="6" t="s">
        <v>24115</v>
      </c>
      <c r="D24079" s="6"/>
      <c r="E24079" s="6" t="s">
        <v>9</v>
      </c>
      <c r="F24079" s="7">
        <v>38657</v>
      </c>
      <c r="G24079" s="8">
        <v>1</v>
      </c>
      <c r="H24079" s="8">
        <v>1</v>
      </c>
      <c r="I24079" s="8">
        <v>0</v>
      </c>
      <c r="J24079" s="8">
        <v>1</v>
      </c>
      <c r="K24079" s="9">
        <v>3.7</v>
      </c>
      <c r="L24079" s="6" t="s">
        <v>4151</v>
      </c>
    </row>
    <row r="24080" spans="1:12">
      <c r="A24080" s="6" t="s">
        <v>4151</v>
      </c>
      <c r="B24080" s="6"/>
      <c r="C24080" s="6" t="s">
        <v>24116</v>
      </c>
      <c r="D24080" s="6"/>
      <c r="E24080" s="6" t="s">
        <v>9</v>
      </c>
      <c r="F24080" s="7">
        <v>38657</v>
      </c>
      <c r="G24080" s="8">
        <v>1</v>
      </c>
      <c r="H24080" s="8">
        <v>1</v>
      </c>
      <c r="I24080" s="8">
        <v>0</v>
      </c>
      <c r="J24080" s="8">
        <v>1</v>
      </c>
      <c r="K24080" s="9">
        <v>3.44</v>
      </c>
      <c r="L24080" s="6" t="s">
        <v>4151</v>
      </c>
    </row>
    <row r="24081" spans="1:12">
      <c r="A24081" s="6" t="s">
        <v>4151</v>
      </c>
      <c r="B24081" s="6"/>
      <c r="C24081" s="6" t="s">
        <v>24117</v>
      </c>
      <c r="D24081" s="6"/>
      <c r="E24081" s="6" t="s">
        <v>9</v>
      </c>
      <c r="F24081" s="7">
        <v>38657</v>
      </c>
      <c r="G24081" s="8">
        <v>1</v>
      </c>
      <c r="H24081" s="8">
        <v>1</v>
      </c>
      <c r="I24081" s="8">
        <v>0</v>
      </c>
      <c r="J24081" s="8">
        <v>1</v>
      </c>
      <c r="K24081" s="9">
        <v>2.7</v>
      </c>
      <c r="L24081" s="6" t="s">
        <v>4151</v>
      </c>
    </row>
    <row r="24082" spans="1:12">
      <c r="A24082" s="6" t="s">
        <v>4151</v>
      </c>
      <c r="B24082" s="6"/>
      <c r="C24082" s="6" t="s">
        <v>24118</v>
      </c>
      <c r="D24082" s="6"/>
      <c r="E24082" s="6" t="s">
        <v>9</v>
      </c>
      <c r="F24082" s="7">
        <v>38657</v>
      </c>
      <c r="G24082" s="8">
        <v>1</v>
      </c>
      <c r="H24082" s="8">
        <v>1</v>
      </c>
      <c r="I24082" s="8">
        <v>0</v>
      </c>
      <c r="J24082" s="8">
        <v>1</v>
      </c>
      <c r="K24082" s="9">
        <v>7.84</v>
      </c>
      <c r="L24082" s="6" t="s">
        <v>4151</v>
      </c>
    </row>
    <row r="24083" spans="1:12">
      <c r="A24083" s="6" t="s">
        <v>4151</v>
      </c>
      <c r="B24083" s="6"/>
      <c r="C24083" s="6" t="s">
        <v>24119</v>
      </c>
      <c r="D24083" s="6"/>
      <c r="E24083" s="6" t="s">
        <v>9</v>
      </c>
      <c r="F24083" s="7">
        <v>38657</v>
      </c>
      <c r="G24083" s="8">
        <v>1</v>
      </c>
      <c r="H24083" s="8">
        <v>1</v>
      </c>
      <c r="I24083" s="8">
        <v>0</v>
      </c>
      <c r="J24083" s="8">
        <v>1</v>
      </c>
      <c r="K24083" s="9">
        <v>4.42</v>
      </c>
      <c r="L24083" s="6" t="s">
        <v>4151</v>
      </c>
    </row>
    <row r="24084" spans="1:12">
      <c r="A24084" s="6" t="s">
        <v>4151</v>
      </c>
      <c r="B24084" s="6"/>
      <c r="C24084" s="6" t="s">
        <v>24120</v>
      </c>
      <c r="D24084" s="6"/>
      <c r="E24084" s="6" t="s">
        <v>9</v>
      </c>
      <c r="F24084" s="7">
        <v>38657</v>
      </c>
      <c r="G24084" s="8">
        <v>1</v>
      </c>
      <c r="H24084" s="8">
        <v>1</v>
      </c>
      <c r="I24084" s="8">
        <v>0</v>
      </c>
      <c r="J24084" s="8">
        <v>1</v>
      </c>
      <c r="K24084" s="9">
        <v>3.45</v>
      </c>
      <c r="L24084" s="6" t="s">
        <v>4151</v>
      </c>
    </row>
    <row r="24085" spans="1:12">
      <c r="A24085" s="6" t="s">
        <v>4151</v>
      </c>
      <c r="B24085" s="6"/>
      <c r="C24085" s="6" t="s">
        <v>24121</v>
      </c>
      <c r="D24085" s="6"/>
      <c r="E24085" s="6" t="s">
        <v>9</v>
      </c>
      <c r="F24085" s="7">
        <v>38657</v>
      </c>
      <c r="G24085" s="8">
        <v>1</v>
      </c>
      <c r="H24085" s="8">
        <v>1</v>
      </c>
      <c r="I24085" s="8">
        <v>0</v>
      </c>
      <c r="J24085" s="8">
        <v>1</v>
      </c>
      <c r="K24085" s="9">
        <v>17</v>
      </c>
      <c r="L24085" s="6" t="s">
        <v>4151</v>
      </c>
    </row>
    <row r="24086" spans="1:12">
      <c r="A24086" s="6" t="s">
        <v>4151</v>
      </c>
      <c r="B24086" s="6"/>
      <c r="C24086" s="6" t="s">
        <v>24122</v>
      </c>
      <c r="D24086" s="6"/>
      <c r="E24086" s="6" t="s">
        <v>9</v>
      </c>
      <c r="F24086" s="7">
        <v>38657</v>
      </c>
      <c r="G24086" s="8">
        <v>1</v>
      </c>
      <c r="H24086" s="8">
        <v>1</v>
      </c>
      <c r="I24086" s="8">
        <v>0</v>
      </c>
      <c r="J24086" s="8">
        <v>1</v>
      </c>
      <c r="K24086" s="9">
        <v>16</v>
      </c>
      <c r="L24086" s="6" t="s">
        <v>4151</v>
      </c>
    </row>
    <row r="24087" spans="1:12">
      <c r="A24087" s="6" t="s">
        <v>4151</v>
      </c>
      <c r="B24087" s="6"/>
      <c r="C24087" s="6" t="s">
        <v>24123</v>
      </c>
      <c r="D24087" s="6"/>
      <c r="E24087" s="6" t="s">
        <v>9</v>
      </c>
      <c r="F24087" s="7">
        <v>38657</v>
      </c>
      <c r="G24087" s="8">
        <v>1</v>
      </c>
      <c r="H24087" s="8">
        <v>1</v>
      </c>
      <c r="I24087" s="8">
        <v>0</v>
      </c>
      <c r="J24087" s="8">
        <v>1</v>
      </c>
      <c r="K24087" s="9">
        <v>53</v>
      </c>
      <c r="L24087" s="6" t="s">
        <v>4151</v>
      </c>
    </row>
    <row r="24088" spans="1:12">
      <c r="A24088" s="6" t="s">
        <v>4151</v>
      </c>
      <c r="B24088" s="6"/>
      <c r="C24088" s="6" t="s">
        <v>24124</v>
      </c>
      <c r="D24088" s="6"/>
      <c r="E24088" s="6" t="s">
        <v>9</v>
      </c>
      <c r="F24088" s="7">
        <v>38657</v>
      </c>
      <c r="G24088" s="8">
        <v>1</v>
      </c>
      <c r="H24088" s="8">
        <v>1</v>
      </c>
      <c r="I24088" s="8">
        <v>0</v>
      </c>
      <c r="J24088" s="8">
        <v>1</v>
      </c>
      <c r="K24088" s="9">
        <v>21</v>
      </c>
      <c r="L24088" s="6" t="s">
        <v>4151</v>
      </c>
    </row>
    <row r="24089" spans="1:12">
      <c r="A24089" s="6" t="s">
        <v>4151</v>
      </c>
      <c r="B24089" s="6"/>
      <c r="C24089" s="6" t="s">
        <v>24125</v>
      </c>
      <c r="D24089" s="6"/>
      <c r="E24089" s="6" t="s">
        <v>9</v>
      </c>
      <c r="F24089" s="7">
        <v>38657</v>
      </c>
      <c r="G24089" s="8">
        <v>1</v>
      </c>
      <c r="H24089" s="8">
        <v>1</v>
      </c>
      <c r="I24089" s="8">
        <v>0</v>
      </c>
      <c r="J24089" s="8">
        <v>1</v>
      </c>
      <c r="K24089" s="9">
        <v>3.7</v>
      </c>
      <c r="L24089" s="6" t="s">
        <v>4151</v>
      </c>
    </row>
    <row r="24090" spans="1:12">
      <c r="A24090" s="6" t="s">
        <v>4151</v>
      </c>
      <c r="B24090" s="6"/>
      <c r="C24090" s="6" t="s">
        <v>24126</v>
      </c>
      <c r="D24090" s="6"/>
      <c r="E24090" s="6" t="s">
        <v>9</v>
      </c>
      <c r="F24090" s="7">
        <v>38657</v>
      </c>
      <c r="G24090" s="8">
        <v>1</v>
      </c>
      <c r="H24090" s="8">
        <v>1</v>
      </c>
      <c r="I24090" s="8">
        <v>0</v>
      </c>
      <c r="J24090" s="8">
        <v>1</v>
      </c>
      <c r="K24090" s="9">
        <v>3.01</v>
      </c>
      <c r="L24090" s="6" t="s">
        <v>4151</v>
      </c>
    </row>
    <row r="24091" spans="1:12">
      <c r="A24091" s="6" t="s">
        <v>4151</v>
      </c>
      <c r="B24091" s="6"/>
      <c r="C24091" s="6" t="s">
        <v>24127</v>
      </c>
      <c r="D24091" s="6"/>
      <c r="E24091" s="6" t="s">
        <v>9</v>
      </c>
      <c r="F24091" s="7">
        <v>38657</v>
      </c>
      <c r="G24091" s="8">
        <v>1</v>
      </c>
      <c r="H24091" s="8">
        <v>1</v>
      </c>
      <c r="I24091" s="8">
        <v>0</v>
      </c>
      <c r="J24091" s="8">
        <v>1</v>
      </c>
      <c r="K24091" s="9">
        <v>3.3</v>
      </c>
      <c r="L24091" s="6" t="s">
        <v>4151</v>
      </c>
    </row>
    <row r="24092" spans="1:12">
      <c r="A24092" s="6" t="s">
        <v>4151</v>
      </c>
      <c r="B24092" s="6"/>
      <c r="C24092" s="6" t="s">
        <v>24128</v>
      </c>
      <c r="D24092" s="6"/>
      <c r="E24092" s="6" t="s">
        <v>9</v>
      </c>
      <c r="F24092" s="7">
        <v>38657</v>
      </c>
      <c r="G24092" s="8">
        <v>1</v>
      </c>
      <c r="H24092" s="8">
        <v>1</v>
      </c>
      <c r="I24092" s="8">
        <v>0</v>
      </c>
      <c r="J24092" s="8">
        <v>1</v>
      </c>
      <c r="K24092" s="9">
        <v>28</v>
      </c>
      <c r="L24092" s="6" t="s">
        <v>4151</v>
      </c>
    </row>
    <row r="24093" spans="1:12">
      <c r="A24093" s="6" t="s">
        <v>4151</v>
      </c>
      <c r="B24093" s="6"/>
      <c r="C24093" s="6" t="s">
        <v>24129</v>
      </c>
      <c r="D24093" s="6"/>
      <c r="E24093" s="6" t="s">
        <v>9</v>
      </c>
      <c r="F24093" s="7">
        <v>38657</v>
      </c>
      <c r="G24093" s="8">
        <v>1</v>
      </c>
      <c r="H24093" s="8">
        <v>1</v>
      </c>
      <c r="I24093" s="8">
        <v>0</v>
      </c>
      <c r="J24093" s="8">
        <v>1</v>
      </c>
      <c r="K24093" s="9">
        <v>40</v>
      </c>
      <c r="L24093" s="6" t="s">
        <v>4151</v>
      </c>
    </row>
    <row r="24094" spans="1:12">
      <c r="A24094" s="6" t="s">
        <v>4151</v>
      </c>
      <c r="B24094" s="6"/>
      <c r="C24094" s="6" t="s">
        <v>24130</v>
      </c>
      <c r="D24094" s="6"/>
      <c r="E24094" s="6" t="s">
        <v>9</v>
      </c>
      <c r="F24094" s="7">
        <v>38657</v>
      </c>
      <c r="G24094" s="8">
        <v>1</v>
      </c>
      <c r="H24094" s="8">
        <v>1</v>
      </c>
      <c r="I24094" s="8">
        <v>0</v>
      </c>
      <c r="J24094" s="8">
        <v>1</v>
      </c>
      <c r="K24094" s="9">
        <v>13</v>
      </c>
      <c r="L24094" s="6" t="s">
        <v>4151</v>
      </c>
    </row>
    <row r="24095" spans="1:12">
      <c r="A24095" s="6" t="s">
        <v>4151</v>
      </c>
      <c r="B24095" s="6"/>
      <c r="C24095" s="6" t="s">
        <v>24131</v>
      </c>
      <c r="D24095" s="6"/>
      <c r="E24095" s="6" t="s">
        <v>9</v>
      </c>
      <c r="F24095" s="7">
        <v>38657</v>
      </c>
      <c r="G24095" s="8">
        <v>1</v>
      </c>
      <c r="H24095" s="8">
        <v>1</v>
      </c>
      <c r="I24095" s="8">
        <v>0</v>
      </c>
      <c r="J24095" s="8">
        <v>1</v>
      </c>
      <c r="K24095" s="9">
        <v>329</v>
      </c>
      <c r="L24095" s="6" t="s">
        <v>4151</v>
      </c>
    </row>
    <row r="24096" spans="1:12">
      <c r="A24096" s="6" t="s">
        <v>4151</v>
      </c>
      <c r="B24096" s="6"/>
      <c r="C24096" s="6" t="s">
        <v>24132</v>
      </c>
      <c r="D24096" s="6"/>
      <c r="E24096" s="6" t="s">
        <v>9</v>
      </c>
      <c r="F24096" s="7">
        <v>38657</v>
      </c>
      <c r="G24096" s="8">
        <v>1</v>
      </c>
      <c r="H24096" s="8">
        <v>1</v>
      </c>
      <c r="I24096" s="8">
        <v>0</v>
      </c>
      <c r="J24096" s="8">
        <v>1</v>
      </c>
      <c r="K24096" s="9">
        <v>617</v>
      </c>
      <c r="L24096" s="6" t="s">
        <v>4151</v>
      </c>
    </row>
    <row r="24097" spans="1:12">
      <c r="A24097" s="6" t="s">
        <v>4151</v>
      </c>
      <c r="B24097" s="6"/>
      <c r="C24097" s="6" t="s">
        <v>24133</v>
      </c>
      <c r="D24097" s="6"/>
      <c r="E24097" s="6" t="s">
        <v>9</v>
      </c>
      <c r="F24097" s="7">
        <v>38657</v>
      </c>
      <c r="G24097" s="8">
        <v>1</v>
      </c>
      <c r="H24097" s="8">
        <v>1</v>
      </c>
      <c r="I24097" s="8">
        <v>0</v>
      </c>
      <c r="J24097" s="8">
        <v>1</v>
      </c>
      <c r="K24097" s="9">
        <v>21</v>
      </c>
      <c r="L24097" s="6" t="s">
        <v>4151</v>
      </c>
    </row>
    <row r="24098" spans="1:12">
      <c r="A24098" s="6" t="s">
        <v>4151</v>
      </c>
      <c r="B24098" s="6"/>
      <c r="C24098" s="6" t="s">
        <v>24134</v>
      </c>
      <c r="D24098" s="6"/>
      <c r="E24098" s="6" t="s">
        <v>9</v>
      </c>
      <c r="F24098" s="7">
        <v>38657</v>
      </c>
      <c r="G24098" s="8">
        <v>1</v>
      </c>
      <c r="H24098" s="8">
        <v>1</v>
      </c>
      <c r="I24098" s="8">
        <v>0</v>
      </c>
      <c r="J24098" s="8">
        <v>1</v>
      </c>
      <c r="K24098" s="9">
        <v>46</v>
      </c>
      <c r="L24098" s="6" t="s">
        <v>4151</v>
      </c>
    </row>
    <row r="24099" spans="1:12">
      <c r="A24099" s="6" t="s">
        <v>4151</v>
      </c>
      <c r="B24099" s="6"/>
      <c r="C24099" s="6" t="s">
        <v>24135</v>
      </c>
      <c r="D24099" s="6"/>
      <c r="E24099" s="6" t="s">
        <v>9</v>
      </c>
      <c r="F24099" s="7">
        <v>38657</v>
      </c>
      <c r="G24099" s="8">
        <v>1</v>
      </c>
      <c r="H24099" s="8">
        <v>1</v>
      </c>
      <c r="I24099" s="8">
        <v>0</v>
      </c>
      <c r="J24099" s="8">
        <v>1</v>
      </c>
      <c r="K24099" s="9">
        <v>62</v>
      </c>
      <c r="L24099" s="6" t="s">
        <v>4151</v>
      </c>
    </row>
    <row r="24100" spans="1:12">
      <c r="A24100" s="6" t="s">
        <v>4151</v>
      </c>
      <c r="B24100" s="6"/>
      <c r="C24100" s="6" t="s">
        <v>24136</v>
      </c>
      <c r="D24100" s="6"/>
      <c r="E24100" s="6" t="s">
        <v>9</v>
      </c>
      <c r="F24100" s="7">
        <v>38657</v>
      </c>
      <c r="G24100" s="8">
        <v>1</v>
      </c>
      <c r="H24100" s="8">
        <v>1</v>
      </c>
      <c r="I24100" s="8">
        <v>0</v>
      </c>
      <c r="J24100" s="8">
        <v>1</v>
      </c>
      <c r="K24100" s="9">
        <v>82</v>
      </c>
      <c r="L24100" s="6" t="s">
        <v>4151</v>
      </c>
    </row>
    <row r="24101" spans="1:12">
      <c r="A24101" s="6" t="s">
        <v>4151</v>
      </c>
      <c r="B24101" s="6"/>
      <c r="C24101" s="6" t="s">
        <v>24137</v>
      </c>
      <c r="D24101" s="6"/>
      <c r="E24101" s="6" t="s">
        <v>9</v>
      </c>
      <c r="F24101" s="7">
        <v>38657</v>
      </c>
      <c r="G24101" s="8">
        <v>1</v>
      </c>
      <c r="H24101" s="8">
        <v>1</v>
      </c>
      <c r="I24101" s="8">
        <v>0</v>
      </c>
      <c r="J24101" s="8">
        <v>1</v>
      </c>
      <c r="K24101" s="9">
        <v>33</v>
      </c>
      <c r="L24101" s="6" t="s">
        <v>4151</v>
      </c>
    </row>
    <row r="24102" spans="1:12">
      <c r="A24102" s="6" t="s">
        <v>4151</v>
      </c>
      <c r="B24102" s="6"/>
      <c r="C24102" s="6" t="s">
        <v>24138</v>
      </c>
      <c r="D24102" s="6"/>
      <c r="E24102" s="6" t="s">
        <v>9</v>
      </c>
      <c r="F24102" s="7">
        <v>38657</v>
      </c>
      <c r="G24102" s="8">
        <v>1</v>
      </c>
      <c r="H24102" s="8">
        <v>1</v>
      </c>
      <c r="I24102" s="8">
        <v>0</v>
      </c>
      <c r="J24102" s="8">
        <v>1</v>
      </c>
      <c r="K24102" s="9">
        <v>33</v>
      </c>
      <c r="L24102" s="6" t="s">
        <v>4151</v>
      </c>
    </row>
    <row r="24103" spans="1:12">
      <c r="A24103" s="6" t="s">
        <v>4151</v>
      </c>
      <c r="B24103" s="6"/>
      <c r="C24103" s="6" t="s">
        <v>24139</v>
      </c>
      <c r="D24103" s="6"/>
      <c r="E24103" s="6" t="s">
        <v>9</v>
      </c>
      <c r="F24103" s="7">
        <v>38657</v>
      </c>
      <c r="G24103" s="8">
        <v>1</v>
      </c>
      <c r="H24103" s="8">
        <v>1</v>
      </c>
      <c r="I24103" s="8">
        <v>0</v>
      </c>
      <c r="J24103" s="8">
        <v>1</v>
      </c>
      <c r="K24103" s="9">
        <v>33</v>
      </c>
      <c r="L24103" s="6" t="s">
        <v>4151</v>
      </c>
    </row>
    <row r="24104" spans="1:12">
      <c r="A24104" s="6" t="s">
        <v>4151</v>
      </c>
      <c r="B24104" s="6"/>
      <c r="C24104" s="6" t="s">
        <v>24140</v>
      </c>
      <c r="D24104" s="6"/>
      <c r="E24104" s="6" t="s">
        <v>9</v>
      </c>
      <c r="F24104" s="7">
        <v>38657</v>
      </c>
      <c r="G24104" s="8">
        <v>1</v>
      </c>
      <c r="H24104" s="8">
        <v>1</v>
      </c>
      <c r="I24104" s="8">
        <v>0</v>
      </c>
      <c r="J24104" s="8">
        <v>1</v>
      </c>
      <c r="K24104" s="9">
        <v>33</v>
      </c>
      <c r="L24104" s="6" t="s">
        <v>4151</v>
      </c>
    </row>
    <row r="24105" spans="1:12">
      <c r="A24105" s="6" t="s">
        <v>4151</v>
      </c>
      <c r="B24105" s="6"/>
      <c r="C24105" s="6" t="s">
        <v>24141</v>
      </c>
      <c r="D24105" s="6"/>
      <c r="E24105" s="6" t="s">
        <v>9</v>
      </c>
      <c r="F24105" s="7">
        <v>38657</v>
      </c>
      <c r="G24105" s="8">
        <v>1</v>
      </c>
      <c r="H24105" s="8">
        <v>1</v>
      </c>
      <c r="I24105" s="8">
        <v>0</v>
      </c>
      <c r="J24105" s="8">
        <v>1</v>
      </c>
      <c r="K24105" s="9">
        <v>33</v>
      </c>
      <c r="L24105" s="6" t="s">
        <v>4151</v>
      </c>
    </row>
    <row r="24106" spans="1:12">
      <c r="A24106" s="6" t="s">
        <v>4151</v>
      </c>
      <c r="B24106" s="6"/>
      <c r="C24106" s="6" t="s">
        <v>24142</v>
      </c>
      <c r="D24106" s="6"/>
      <c r="E24106" s="6" t="s">
        <v>9</v>
      </c>
      <c r="F24106" s="7">
        <v>38657</v>
      </c>
      <c r="G24106" s="8">
        <v>1</v>
      </c>
      <c r="H24106" s="8">
        <v>1</v>
      </c>
      <c r="I24106" s="8">
        <v>0</v>
      </c>
      <c r="J24106" s="8">
        <v>1</v>
      </c>
      <c r="K24106" s="9">
        <v>33</v>
      </c>
      <c r="L24106" s="6" t="s">
        <v>4151</v>
      </c>
    </row>
    <row r="24107" spans="1:12">
      <c r="A24107" s="6" t="s">
        <v>4151</v>
      </c>
      <c r="B24107" s="6"/>
      <c r="C24107" s="6" t="s">
        <v>24143</v>
      </c>
      <c r="D24107" s="6"/>
      <c r="E24107" s="6" t="s">
        <v>9</v>
      </c>
      <c r="F24107" s="7">
        <v>38657</v>
      </c>
      <c r="G24107" s="8">
        <v>1</v>
      </c>
      <c r="H24107" s="8">
        <v>1</v>
      </c>
      <c r="I24107" s="8">
        <v>0</v>
      </c>
      <c r="J24107" s="8">
        <v>1</v>
      </c>
      <c r="K24107" s="9">
        <v>2.25</v>
      </c>
      <c r="L24107" s="6" t="s">
        <v>4151</v>
      </c>
    </row>
    <row r="24108" spans="1:12">
      <c r="A24108" s="6" t="s">
        <v>4151</v>
      </c>
      <c r="B24108" s="6"/>
      <c r="C24108" s="6" t="s">
        <v>24144</v>
      </c>
      <c r="D24108" s="6"/>
      <c r="E24108" s="6" t="s">
        <v>9</v>
      </c>
      <c r="F24108" s="7">
        <v>38657</v>
      </c>
      <c r="G24108" s="8">
        <v>1</v>
      </c>
      <c r="H24108" s="8">
        <v>1</v>
      </c>
      <c r="I24108" s="8">
        <v>0</v>
      </c>
      <c r="J24108" s="8">
        <v>1</v>
      </c>
      <c r="K24108" s="9">
        <v>6.36</v>
      </c>
      <c r="L24108" s="6" t="s">
        <v>4151</v>
      </c>
    </row>
    <row r="24109" spans="1:12">
      <c r="A24109" s="6" t="s">
        <v>4151</v>
      </c>
      <c r="B24109" s="6"/>
      <c r="C24109" s="6" t="s">
        <v>24145</v>
      </c>
      <c r="D24109" s="6"/>
      <c r="E24109" s="6" t="s">
        <v>9</v>
      </c>
      <c r="F24109" s="7">
        <v>38657</v>
      </c>
      <c r="G24109" s="8">
        <v>1</v>
      </c>
      <c r="H24109" s="8">
        <v>1</v>
      </c>
      <c r="I24109" s="8">
        <v>0</v>
      </c>
      <c r="J24109" s="8">
        <v>1</v>
      </c>
      <c r="K24109" s="9">
        <v>96</v>
      </c>
      <c r="L24109" s="6" t="s">
        <v>4151</v>
      </c>
    </row>
    <row r="24110" spans="1:12">
      <c r="A24110" s="6" t="s">
        <v>4151</v>
      </c>
      <c r="B24110" s="6"/>
      <c r="C24110" s="6" t="s">
        <v>24146</v>
      </c>
      <c r="D24110" s="6"/>
      <c r="E24110" s="6" t="s">
        <v>9</v>
      </c>
      <c r="F24110" s="7">
        <v>38657</v>
      </c>
      <c r="G24110" s="8">
        <v>1</v>
      </c>
      <c r="H24110" s="8">
        <v>1</v>
      </c>
      <c r="I24110" s="8">
        <v>0</v>
      </c>
      <c r="J24110" s="8">
        <v>1</v>
      </c>
      <c r="K24110" s="9">
        <v>33</v>
      </c>
      <c r="L24110" s="6" t="s">
        <v>4151</v>
      </c>
    </row>
    <row r="24111" spans="1:12">
      <c r="A24111" s="6" t="s">
        <v>4151</v>
      </c>
      <c r="B24111" s="6"/>
      <c r="C24111" s="6" t="s">
        <v>24147</v>
      </c>
      <c r="D24111" s="6"/>
      <c r="E24111" s="6" t="s">
        <v>9</v>
      </c>
      <c r="F24111" s="7">
        <v>38657</v>
      </c>
      <c r="G24111" s="8">
        <v>1</v>
      </c>
      <c r="H24111" s="8">
        <v>1</v>
      </c>
      <c r="I24111" s="8">
        <v>0</v>
      </c>
      <c r="J24111" s="8">
        <v>1</v>
      </c>
      <c r="K24111" s="9">
        <v>71</v>
      </c>
      <c r="L24111" s="6" t="s">
        <v>4151</v>
      </c>
    </row>
    <row r="24112" spans="1:12">
      <c r="A24112" s="6" t="s">
        <v>4151</v>
      </c>
      <c r="B24112" s="6"/>
      <c r="C24112" s="6" t="s">
        <v>24148</v>
      </c>
      <c r="D24112" s="6"/>
      <c r="E24112" s="6" t="s">
        <v>9</v>
      </c>
      <c r="F24112" s="7">
        <v>38657</v>
      </c>
      <c r="G24112" s="8">
        <v>1</v>
      </c>
      <c r="H24112" s="8">
        <v>1</v>
      </c>
      <c r="I24112" s="8">
        <v>0</v>
      </c>
      <c r="J24112" s="8">
        <v>1</v>
      </c>
      <c r="K24112" s="9">
        <v>22</v>
      </c>
      <c r="L24112" s="6" t="s">
        <v>4151</v>
      </c>
    </row>
    <row r="24113" spans="1:12">
      <c r="A24113" s="6" t="s">
        <v>4151</v>
      </c>
      <c r="B24113" s="6"/>
      <c r="C24113" s="6" t="s">
        <v>24149</v>
      </c>
      <c r="D24113" s="6"/>
      <c r="E24113" s="6" t="s">
        <v>9</v>
      </c>
      <c r="F24113" s="7">
        <v>38657</v>
      </c>
      <c r="G24113" s="8">
        <v>1</v>
      </c>
      <c r="H24113" s="8">
        <v>1</v>
      </c>
      <c r="I24113" s="8">
        <v>0</v>
      </c>
      <c r="J24113" s="8">
        <v>1</v>
      </c>
      <c r="K24113" s="9">
        <v>0.25</v>
      </c>
      <c r="L24113" s="6" t="s">
        <v>4151</v>
      </c>
    </row>
    <row r="24114" spans="1:12">
      <c r="A24114" s="6" t="s">
        <v>4151</v>
      </c>
      <c r="B24114" s="6"/>
      <c r="C24114" s="6" t="s">
        <v>24150</v>
      </c>
      <c r="D24114" s="6"/>
      <c r="E24114" s="6" t="s">
        <v>9</v>
      </c>
      <c r="F24114" s="7">
        <v>38657</v>
      </c>
      <c r="G24114" s="8">
        <v>1</v>
      </c>
      <c r="H24114" s="8">
        <v>1</v>
      </c>
      <c r="I24114" s="8">
        <v>0</v>
      </c>
      <c r="J24114" s="8">
        <v>1</v>
      </c>
      <c r="K24114" s="9">
        <v>7.1</v>
      </c>
      <c r="L24114" s="6" t="s">
        <v>4151</v>
      </c>
    </row>
    <row r="24115" spans="1:12">
      <c r="A24115" s="6" t="s">
        <v>4151</v>
      </c>
      <c r="B24115" s="6"/>
      <c r="C24115" s="6" t="s">
        <v>24151</v>
      </c>
      <c r="D24115" s="6"/>
      <c r="E24115" s="6" t="s">
        <v>9</v>
      </c>
      <c r="F24115" s="7">
        <v>38657</v>
      </c>
      <c r="G24115" s="8">
        <v>1</v>
      </c>
      <c r="H24115" s="8">
        <v>1</v>
      </c>
      <c r="I24115" s="8">
        <v>0</v>
      </c>
      <c r="J24115" s="8">
        <v>1</v>
      </c>
      <c r="K24115" s="9">
        <v>8.5</v>
      </c>
      <c r="L24115" s="6" t="s">
        <v>4151</v>
      </c>
    </row>
    <row r="24116" spans="1:12">
      <c r="A24116" s="6" t="s">
        <v>4151</v>
      </c>
      <c r="B24116" s="6"/>
      <c r="C24116" s="6" t="s">
        <v>24152</v>
      </c>
      <c r="D24116" s="6"/>
      <c r="E24116" s="6" t="s">
        <v>9</v>
      </c>
      <c r="F24116" s="7">
        <v>38657</v>
      </c>
      <c r="G24116" s="8">
        <v>1</v>
      </c>
      <c r="H24116" s="8">
        <v>1</v>
      </c>
      <c r="I24116" s="8">
        <v>0</v>
      </c>
      <c r="J24116" s="8">
        <v>1</v>
      </c>
      <c r="K24116" s="9">
        <v>8.4600000000000009</v>
      </c>
      <c r="L24116" s="6" t="s">
        <v>4151</v>
      </c>
    </row>
    <row r="24117" spans="1:12">
      <c r="A24117" s="6" t="s">
        <v>4151</v>
      </c>
      <c r="B24117" s="6"/>
      <c r="C24117" s="6" t="s">
        <v>24153</v>
      </c>
      <c r="D24117" s="6"/>
      <c r="E24117" s="6" t="s">
        <v>9</v>
      </c>
      <c r="F24117" s="7">
        <v>38657</v>
      </c>
      <c r="G24117" s="8">
        <v>1</v>
      </c>
      <c r="H24117" s="8">
        <v>1</v>
      </c>
      <c r="I24117" s="8">
        <v>0</v>
      </c>
      <c r="J24117" s="8">
        <v>1</v>
      </c>
      <c r="K24117" s="9">
        <v>4.1399999999999899</v>
      </c>
      <c r="L24117" s="6" t="s">
        <v>4151</v>
      </c>
    </row>
    <row r="24118" spans="1:12">
      <c r="A24118" s="6" t="s">
        <v>4151</v>
      </c>
      <c r="B24118" s="6"/>
      <c r="C24118" s="6" t="s">
        <v>24154</v>
      </c>
      <c r="D24118" s="6"/>
      <c r="E24118" s="6" t="s">
        <v>9</v>
      </c>
      <c r="F24118" s="7">
        <v>38657</v>
      </c>
      <c r="G24118" s="8">
        <v>1</v>
      </c>
      <c r="H24118" s="8">
        <v>1</v>
      </c>
      <c r="I24118" s="8">
        <v>0</v>
      </c>
      <c r="J24118" s="8">
        <v>1</v>
      </c>
      <c r="K24118" s="9">
        <v>6.75</v>
      </c>
      <c r="L24118" s="6" t="s">
        <v>4151</v>
      </c>
    </row>
    <row r="24119" spans="1:12">
      <c r="A24119" s="6" t="s">
        <v>4151</v>
      </c>
      <c r="B24119" s="6"/>
      <c r="C24119" s="6" t="s">
        <v>24155</v>
      </c>
      <c r="D24119" s="6"/>
      <c r="E24119" s="6" t="s">
        <v>9</v>
      </c>
      <c r="F24119" s="7">
        <v>38657</v>
      </c>
      <c r="G24119" s="8">
        <v>1</v>
      </c>
      <c r="H24119" s="8">
        <v>1</v>
      </c>
      <c r="I24119" s="8">
        <v>0</v>
      </c>
      <c r="J24119" s="8">
        <v>1</v>
      </c>
      <c r="K24119" s="9">
        <v>13</v>
      </c>
      <c r="L24119" s="6" t="s">
        <v>4151</v>
      </c>
    </row>
    <row r="24120" spans="1:12">
      <c r="A24120" s="6" t="s">
        <v>4151</v>
      </c>
      <c r="B24120" s="6"/>
      <c r="C24120" s="6" t="s">
        <v>24156</v>
      </c>
      <c r="D24120" s="6"/>
      <c r="E24120" s="6" t="s">
        <v>9</v>
      </c>
      <c r="F24120" s="7">
        <v>38657</v>
      </c>
      <c r="G24120" s="8">
        <v>1</v>
      </c>
      <c r="H24120" s="8">
        <v>1</v>
      </c>
      <c r="I24120" s="8">
        <v>0</v>
      </c>
      <c r="J24120" s="8">
        <v>1</v>
      </c>
      <c r="K24120" s="9">
        <v>59</v>
      </c>
      <c r="L24120" s="6" t="s">
        <v>4151</v>
      </c>
    </row>
    <row r="24121" spans="1:12">
      <c r="A24121" s="6" t="s">
        <v>4151</v>
      </c>
      <c r="B24121" s="6"/>
      <c r="C24121" s="6" t="s">
        <v>24157</v>
      </c>
      <c r="D24121" s="6"/>
      <c r="E24121" s="6" t="s">
        <v>9</v>
      </c>
      <c r="F24121" s="7">
        <v>38657</v>
      </c>
      <c r="G24121" s="8">
        <v>1</v>
      </c>
      <c r="H24121" s="8">
        <v>1</v>
      </c>
      <c r="I24121" s="8">
        <v>0</v>
      </c>
      <c r="J24121" s="8">
        <v>1</v>
      </c>
      <c r="K24121" s="9">
        <v>9.15</v>
      </c>
      <c r="L24121" s="6" t="s">
        <v>4151</v>
      </c>
    </row>
    <row r="24122" spans="1:12">
      <c r="A24122" s="6" t="s">
        <v>4151</v>
      </c>
      <c r="B24122" s="6"/>
      <c r="C24122" s="6" t="s">
        <v>24158</v>
      </c>
      <c r="D24122" s="6"/>
      <c r="E24122" s="6" t="s">
        <v>9</v>
      </c>
      <c r="F24122" s="7">
        <v>38657</v>
      </c>
      <c r="G24122" s="8">
        <v>1</v>
      </c>
      <c r="H24122" s="8">
        <v>1</v>
      </c>
      <c r="I24122" s="8">
        <v>0</v>
      </c>
      <c r="J24122" s="8">
        <v>1</v>
      </c>
      <c r="K24122" s="9">
        <v>21</v>
      </c>
      <c r="L24122" s="6" t="s">
        <v>4151</v>
      </c>
    </row>
    <row r="24123" spans="1:12">
      <c r="A24123" s="6" t="s">
        <v>4151</v>
      </c>
      <c r="B24123" s="6"/>
      <c r="C24123" s="6" t="s">
        <v>24159</v>
      </c>
      <c r="D24123" s="6"/>
      <c r="E24123" s="6" t="s">
        <v>9</v>
      </c>
      <c r="F24123" s="7">
        <v>38657</v>
      </c>
      <c r="G24123" s="8">
        <v>1</v>
      </c>
      <c r="H24123" s="8">
        <v>1</v>
      </c>
      <c r="I24123" s="8">
        <v>0</v>
      </c>
      <c r="J24123" s="8">
        <v>1</v>
      </c>
      <c r="K24123" s="9">
        <v>29</v>
      </c>
      <c r="L24123" s="6" t="s">
        <v>4151</v>
      </c>
    </row>
    <row r="24124" spans="1:12">
      <c r="A24124" s="6" t="s">
        <v>4151</v>
      </c>
      <c r="B24124" s="6"/>
      <c r="C24124" s="6" t="s">
        <v>24160</v>
      </c>
      <c r="D24124" s="6"/>
      <c r="E24124" s="6" t="s">
        <v>9</v>
      </c>
      <c r="F24124" s="7">
        <v>38657</v>
      </c>
      <c r="G24124" s="8">
        <v>1</v>
      </c>
      <c r="H24124" s="8">
        <v>1</v>
      </c>
      <c r="I24124" s="8">
        <v>0</v>
      </c>
      <c r="J24124" s="8">
        <v>1</v>
      </c>
      <c r="K24124" s="9">
        <v>47</v>
      </c>
      <c r="L24124" s="6" t="s">
        <v>4151</v>
      </c>
    </row>
    <row r="24125" spans="1:12">
      <c r="A24125" s="6" t="s">
        <v>4151</v>
      </c>
      <c r="B24125" s="6"/>
      <c r="C24125" s="6" t="s">
        <v>24161</v>
      </c>
      <c r="D24125" s="6"/>
      <c r="E24125" s="6" t="s">
        <v>9</v>
      </c>
      <c r="F24125" s="7">
        <v>38657</v>
      </c>
      <c r="G24125" s="8">
        <v>1</v>
      </c>
      <c r="H24125" s="8">
        <v>1</v>
      </c>
      <c r="I24125" s="8">
        <v>0</v>
      </c>
      <c r="J24125" s="8">
        <v>1</v>
      </c>
      <c r="K24125" s="9">
        <v>8.32</v>
      </c>
      <c r="L24125" s="6" t="s">
        <v>4151</v>
      </c>
    </row>
    <row r="24126" spans="1:12">
      <c r="A24126" s="6" t="s">
        <v>4151</v>
      </c>
      <c r="B24126" s="6"/>
      <c r="C24126" s="6" t="s">
        <v>24162</v>
      </c>
      <c r="D24126" s="6"/>
      <c r="E24126" s="6" t="s">
        <v>9</v>
      </c>
      <c r="F24126" s="7">
        <v>38657</v>
      </c>
      <c r="G24126" s="8">
        <v>1</v>
      </c>
      <c r="H24126" s="8">
        <v>1</v>
      </c>
      <c r="I24126" s="8">
        <v>0</v>
      </c>
      <c r="J24126" s="8">
        <v>1</v>
      </c>
      <c r="K24126" s="9">
        <v>8.24</v>
      </c>
      <c r="L24126" s="6" t="s">
        <v>4151</v>
      </c>
    </row>
    <row r="24127" spans="1:12">
      <c r="A24127" s="6" t="s">
        <v>4151</v>
      </c>
      <c r="B24127" s="6"/>
      <c r="C24127" s="6" t="s">
        <v>24163</v>
      </c>
      <c r="D24127" s="6"/>
      <c r="E24127" s="6" t="s">
        <v>9</v>
      </c>
      <c r="F24127" s="7">
        <v>38657</v>
      </c>
      <c r="G24127" s="8">
        <v>1</v>
      </c>
      <c r="H24127" s="8">
        <v>1</v>
      </c>
      <c r="I24127" s="8">
        <v>0</v>
      </c>
      <c r="J24127" s="8">
        <v>1</v>
      </c>
      <c r="K24127" s="9">
        <v>4.2</v>
      </c>
      <c r="L24127" s="6" t="s">
        <v>4151</v>
      </c>
    </row>
    <row r="24128" spans="1:12">
      <c r="A24128" s="6" t="s">
        <v>4151</v>
      </c>
      <c r="B24128" s="6"/>
      <c r="C24128" s="6" t="s">
        <v>24164</v>
      </c>
      <c r="D24128" s="6"/>
      <c r="E24128" s="6" t="s">
        <v>9</v>
      </c>
      <c r="F24128" s="7">
        <v>38657</v>
      </c>
      <c r="G24128" s="8">
        <v>1</v>
      </c>
      <c r="H24128" s="8">
        <v>1</v>
      </c>
      <c r="I24128" s="8">
        <v>0</v>
      </c>
      <c r="J24128" s="8">
        <v>1</v>
      </c>
      <c r="K24128" s="9">
        <v>6.23</v>
      </c>
      <c r="L24128" s="6" t="s">
        <v>4151</v>
      </c>
    </row>
    <row r="24129" spans="1:12">
      <c r="A24129" s="6" t="s">
        <v>4151</v>
      </c>
      <c r="B24129" s="6"/>
      <c r="C24129" s="6" t="s">
        <v>24165</v>
      </c>
      <c r="D24129" s="6"/>
      <c r="E24129" s="6" t="s">
        <v>9</v>
      </c>
      <c r="F24129" s="7">
        <v>38657</v>
      </c>
      <c r="G24129" s="8">
        <v>1</v>
      </c>
      <c r="H24129" s="8">
        <v>1</v>
      </c>
      <c r="I24129" s="8">
        <v>0</v>
      </c>
      <c r="J24129" s="8">
        <v>1</v>
      </c>
      <c r="K24129" s="9">
        <v>6.36</v>
      </c>
      <c r="L24129" s="6" t="s">
        <v>4151</v>
      </c>
    </row>
    <row r="24130" spans="1:12">
      <c r="A24130" s="6" t="s">
        <v>4151</v>
      </c>
      <c r="B24130" s="6"/>
      <c r="C24130" s="6" t="s">
        <v>24166</v>
      </c>
      <c r="D24130" s="6"/>
      <c r="E24130" s="6" t="s">
        <v>9</v>
      </c>
      <c r="F24130" s="7">
        <v>38657</v>
      </c>
      <c r="G24130" s="8">
        <v>1</v>
      </c>
      <c r="H24130" s="8">
        <v>1</v>
      </c>
      <c r="I24130" s="8">
        <v>0</v>
      </c>
      <c r="J24130" s="8">
        <v>1</v>
      </c>
      <c r="K24130" s="9">
        <v>8.89</v>
      </c>
      <c r="L24130" s="6" t="s">
        <v>4151</v>
      </c>
    </row>
    <row r="24131" spans="1:12">
      <c r="A24131" s="6" t="s">
        <v>4151</v>
      </c>
      <c r="B24131" s="6"/>
      <c r="C24131" s="6" t="s">
        <v>24167</v>
      </c>
      <c r="D24131" s="6"/>
      <c r="E24131" s="6" t="s">
        <v>9</v>
      </c>
      <c r="F24131" s="7">
        <v>38657</v>
      </c>
      <c r="G24131" s="8">
        <v>1</v>
      </c>
      <c r="H24131" s="8">
        <v>1</v>
      </c>
      <c r="I24131" s="8">
        <v>0</v>
      </c>
      <c r="J24131" s="8">
        <v>1</v>
      </c>
      <c r="K24131" s="9">
        <v>22</v>
      </c>
      <c r="L24131" s="6" t="s">
        <v>4151</v>
      </c>
    </row>
    <row r="24132" spans="1:12">
      <c r="A24132" s="6" t="s">
        <v>4151</v>
      </c>
      <c r="B24132" s="6"/>
      <c r="C24132" s="6" t="s">
        <v>24168</v>
      </c>
      <c r="D24132" s="6"/>
      <c r="E24132" s="6" t="s">
        <v>9</v>
      </c>
      <c r="F24132" s="7">
        <v>38657</v>
      </c>
      <c r="G24132" s="8">
        <v>1</v>
      </c>
      <c r="H24132" s="8">
        <v>1</v>
      </c>
      <c r="I24132" s="8">
        <v>0</v>
      </c>
      <c r="J24132" s="8">
        <v>1</v>
      </c>
      <c r="K24132" s="9">
        <v>19</v>
      </c>
      <c r="L24132" s="6" t="s">
        <v>4151</v>
      </c>
    </row>
    <row r="24133" spans="1:12">
      <c r="A24133" s="6" t="s">
        <v>4151</v>
      </c>
      <c r="B24133" s="6"/>
      <c r="C24133" s="6" t="s">
        <v>24169</v>
      </c>
      <c r="D24133" s="6"/>
      <c r="E24133" s="6" t="s">
        <v>9</v>
      </c>
      <c r="F24133" s="7">
        <v>38657</v>
      </c>
      <c r="G24133" s="8">
        <v>1</v>
      </c>
      <c r="H24133" s="8">
        <v>1</v>
      </c>
      <c r="I24133" s="8">
        <v>0</v>
      </c>
      <c r="J24133" s="8">
        <v>1</v>
      </c>
      <c r="K24133" s="9">
        <v>26</v>
      </c>
      <c r="L24133" s="6" t="s">
        <v>4151</v>
      </c>
    </row>
    <row r="24134" spans="1:12">
      <c r="A24134" s="6" t="s">
        <v>4151</v>
      </c>
      <c r="B24134" s="6"/>
      <c r="C24134" s="6" t="s">
        <v>24170</v>
      </c>
      <c r="D24134" s="6"/>
      <c r="E24134" s="6" t="s">
        <v>9</v>
      </c>
      <c r="F24134" s="7">
        <v>38657</v>
      </c>
      <c r="G24134" s="8">
        <v>1</v>
      </c>
      <c r="H24134" s="8">
        <v>1</v>
      </c>
      <c r="I24134" s="8">
        <v>0</v>
      </c>
      <c r="J24134" s="8">
        <v>1</v>
      </c>
      <c r="K24134" s="9">
        <v>31</v>
      </c>
      <c r="L24134" s="6" t="s">
        <v>4151</v>
      </c>
    </row>
    <row r="24135" spans="1:12">
      <c r="A24135" s="6" t="s">
        <v>4151</v>
      </c>
      <c r="B24135" s="6"/>
      <c r="C24135" s="6" t="s">
        <v>24171</v>
      </c>
      <c r="D24135" s="6"/>
      <c r="E24135" s="6" t="s">
        <v>9</v>
      </c>
      <c r="F24135" s="7">
        <v>38657</v>
      </c>
      <c r="G24135" s="8">
        <v>1</v>
      </c>
      <c r="H24135" s="8">
        <v>1</v>
      </c>
      <c r="I24135" s="8">
        <v>0</v>
      </c>
      <c r="J24135" s="8">
        <v>1</v>
      </c>
      <c r="K24135" s="9">
        <v>68</v>
      </c>
      <c r="L24135" s="6" t="s">
        <v>4151</v>
      </c>
    </row>
    <row r="24136" spans="1:12">
      <c r="A24136" s="6" t="s">
        <v>4151</v>
      </c>
      <c r="B24136" s="6"/>
      <c r="C24136" s="6" t="s">
        <v>24172</v>
      </c>
      <c r="D24136" s="6"/>
      <c r="E24136" s="6" t="s">
        <v>9</v>
      </c>
      <c r="F24136" s="7">
        <v>38657</v>
      </c>
      <c r="G24136" s="8">
        <v>1</v>
      </c>
      <c r="H24136" s="8">
        <v>1</v>
      </c>
      <c r="I24136" s="8">
        <v>0</v>
      </c>
      <c r="J24136" s="8">
        <v>1</v>
      </c>
      <c r="K24136" s="9">
        <v>36</v>
      </c>
      <c r="L24136" s="6" t="s">
        <v>4151</v>
      </c>
    </row>
    <row r="24137" spans="1:12">
      <c r="A24137" s="6" t="s">
        <v>4151</v>
      </c>
      <c r="B24137" s="6"/>
      <c r="C24137" s="6" t="s">
        <v>24173</v>
      </c>
      <c r="D24137" s="6"/>
      <c r="E24137" s="6" t="s">
        <v>9</v>
      </c>
      <c r="F24137" s="7">
        <v>38657</v>
      </c>
      <c r="G24137" s="8">
        <v>1</v>
      </c>
      <c r="H24137" s="8">
        <v>1</v>
      </c>
      <c r="I24137" s="8">
        <v>0</v>
      </c>
      <c r="J24137" s="8">
        <v>1</v>
      </c>
      <c r="K24137" s="9">
        <v>44</v>
      </c>
      <c r="L24137" s="6" t="s">
        <v>4151</v>
      </c>
    </row>
    <row r="24138" spans="1:12">
      <c r="A24138" s="6" t="s">
        <v>4151</v>
      </c>
      <c r="B24138" s="6"/>
      <c r="C24138" s="6" t="s">
        <v>24174</v>
      </c>
      <c r="D24138" s="6"/>
      <c r="E24138" s="6" t="s">
        <v>9</v>
      </c>
      <c r="F24138" s="7">
        <v>38657</v>
      </c>
      <c r="G24138" s="8">
        <v>1</v>
      </c>
      <c r="H24138" s="8">
        <v>1</v>
      </c>
      <c r="I24138" s="8">
        <v>0</v>
      </c>
      <c r="J24138" s="8">
        <v>1</v>
      </c>
      <c r="K24138" s="9">
        <v>29</v>
      </c>
      <c r="L24138" s="6" t="s">
        <v>4151</v>
      </c>
    </row>
    <row r="24139" spans="1:12">
      <c r="A24139" s="6" t="s">
        <v>4151</v>
      </c>
      <c r="B24139" s="6"/>
      <c r="C24139" s="6" t="s">
        <v>24175</v>
      </c>
      <c r="D24139" s="6"/>
      <c r="E24139" s="6" t="s">
        <v>9</v>
      </c>
      <c r="F24139" s="7">
        <v>38657</v>
      </c>
      <c r="G24139" s="8">
        <v>1</v>
      </c>
      <c r="H24139" s="8">
        <v>1</v>
      </c>
      <c r="I24139" s="8">
        <v>0</v>
      </c>
      <c r="J24139" s="8">
        <v>1</v>
      </c>
      <c r="K24139" s="9">
        <v>18</v>
      </c>
      <c r="L24139" s="6" t="s">
        <v>4151</v>
      </c>
    </row>
    <row r="24140" spans="1:12">
      <c r="A24140" s="6" t="s">
        <v>4151</v>
      </c>
      <c r="B24140" s="6"/>
      <c r="C24140" s="6" t="s">
        <v>24176</v>
      </c>
      <c r="D24140" s="6"/>
      <c r="E24140" s="6" t="s">
        <v>9</v>
      </c>
      <c r="F24140" s="7">
        <v>40480</v>
      </c>
      <c r="G24140" s="8">
        <v>1</v>
      </c>
      <c r="H24140" s="8">
        <v>1</v>
      </c>
      <c r="I24140" s="8">
        <v>0</v>
      </c>
      <c r="J24140" s="8">
        <v>1</v>
      </c>
      <c r="K24140" s="9">
        <v>0.33</v>
      </c>
      <c r="L24140" s="6" t="s">
        <v>4151</v>
      </c>
    </row>
    <row r="24141" spans="1:12">
      <c r="A24141" s="6" t="s">
        <v>4151</v>
      </c>
      <c r="B24141" s="6"/>
      <c r="C24141" s="6" t="s">
        <v>24177</v>
      </c>
      <c r="D24141" s="6"/>
      <c r="E24141" s="6" t="s">
        <v>9</v>
      </c>
      <c r="F24141" s="7">
        <v>38657</v>
      </c>
      <c r="G24141" s="8">
        <v>1</v>
      </c>
      <c r="H24141" s="8">
        <v>1</v>
      </c>
      <c r="I24141" s="8">
        <v>0</v>
      </c>
      <c r="J24141" s="8">
        <v>1</v>
      </c>
      <c r="K24141" s="9">
        <v>49</v>
      </c>
      <c r="L24141" s="6" t="s">
        <v>4151</v>
      </c>
    </row>
    <row r="24142" spans="1:12">
      <c r="A24142" s="6" t="s">
        <v>4151</v>
      </c>
      <c r="B24142" s="6"/>
      <c r="C24142" s="6" t="s">
        <v>24178</v>
      </c>
      <c r="D24142" s="6"/>
      <c r="E24142" s="6" t="s">
        <v>9</v>
      </c>
      <c r="F24142" s="7">
        <v>38657</v>
      </c>
      <c r="G24142" s="8">
        <v>1</v>
      </c>
      <c r="H24142" s="8">
        <v>1</v>
      </c>
      <c r="I24142" s="8">
        <v>0</v>
      </c>
      <c r="J24142" s="8">
        <v>1</v>
      </c>
      <c r="K24142" s="9">
        <v>218</v>
      </c>
      <c r="L24142" s="6" t="s">
        <v>4151</v>
      </c>
    </row>
    <row r="24143" spans="1:12">
      <c r="A24143" s="6" t="s">
        <v>4151</v>
      </c>
      <c r="B24143" s="6"/>
      <c r="C24143" s="6" t="s">
        <v>24179</v>
      </c>
      <c r="D24143" s="6"/>
      <c r="E24143" s="6" t="s">
        <v>9</v>
      </c>
      <c r="F24143" s="7">
        <v>38657</v>
      </c>
      <c r="G24143" s="8">
        <v>1</v>
      </c>
      <c r="H24143" s="8">
        <v>1</v>
      </c>
      <c r="I24143" s="8">
        <v>0</v>
      </c>
      <c r="J24143" s="8">
        <v>1</v>
      </c>
      <c r="K24143" s="9">
        <v>38.15</v>
      </c>
      <c r="L24143" s="6" t="s">
        <v>4151</v>
      </c>
    </row>
    <row r="24144" spans="1:12">
      <c r="A24144" s="6" t="s">
        <v>4151</v>
      </c>
      <c r="B24144" s="6"/>
      <c r="C24144" s="6" t="s">
        <v>24180</v>
      </c>
      <c r="D24144" s="6"/>
      <c r="E24144" s="6" t="s">
        <v>9</v>
      </c>
      <c r="F24144" s="7">
        <v>38657</v>
      </c>
      <c r="G24144" s="8">
        <v>1</v>
      </c>
      <c r="H24144" s="8">
        <v>1</v>
      </c>
      <c r="I24144" s="8">
        <v>0</v>
      </c>
      <c r="J24144" s="8">
        <v>1</v>
      </c>
      <c r="K24144" s="9">
        <v>2533</v>
      </c>
      <c r="L24144" s="6" t="s">
        <v>4151</v>
      </c>
    </row>
    <row r="24145" spans="1:12">
      <c r="A24145" s="6" t="s">
        <v>4151</v>
      </c>
      <c r="B24145" s="6"/>
      <c r="C24145" s="6" t="s">
        <v>24181</v>
      </c>
      <c r="D24145" s="6"/>
      <c r="E24145" s="6" t="s">
        <v>9</v>
      </c>
      <c r="F24145" s="7">
        <v>41365</v>
      </c>
      <c r="G24145" s="8">
        <v>1</v>
      </c>
      <c r="H24145" s="8">
        <v>1</v>
      </c>
      <c r="I24145" s="8">
        <v>0</v>
      </c>
      <c r="J24145" s="8">
        <v>1</v>
      </c>
      <c r="K24145" s="9">
        <v>13</v>
      </c>
      <c r="L24145" s="6" t="s">
        <v>4151</v>
      </c>
    </row>
    <row r="24146" spans="1:12">
      <c r="A24146" s="6" t="s">
        <v>4151</v>
      </c>
      <c r="B24146" s="6"/>
      <c r="C24146" s="6" t="s">
        <v>24182</v>
      </c>
      <c r="D24146" s="6"/>
      <c r="E24146" s="6" t="s">
        <v>9</v>
      </c>
      <c r="F24146" s="7">
        <v>38657</v>
      </c>
      <c r="G24146" s="8">
        <v>1</v>
      </c>
      <c r="H24146" s="8">
        <v>1</v>
      </c>
      <c r="I24146" s="8">
        <v>0</v>
      </c>
      <c r="J24146" s="8">
        <v>1</v>
      </c>
      <c r="K24146" s="9">
        <v>8.16</v>
      </c>
      <c r="L24146" s="6" t="s">
        <v>4151</v>
      </c>
    </row>
    <row r="24147" spans="1:12">
      <c r="A24147" s="6" t="s">
        <v>4151</v>
      </c>
      <c r="B24147" s="6"/>
      <c r="C24147" s="6" t="s">
        <v>24183</v>
      </c>
      <c r="D24147" s="6"/>
      <c r="E24147" s="6" t="s">
        <v>9</v>
      </c>
      <c r="F24147" s="7">
        <v>38657</v>
      </c>
      <c r="G24147" s="8">
        <v>1</v>
      </c>
      <c r="H24147" s="8">
        <v>1</v>
      </c>
      <c r="I24147" s="8">
        <v>0</v>
      </c>
      <c r="J24147" s="8">
        <v>1</v>
      </c>
      <c r="K24147" s="9">
        <v>6.7</v>
      </c>
      <c r="L24147" s="6" t="s">
        <v>4151</v>
      </c>
    </row>
    <row r="24148" spans="1:12">
      <c r="A24148" s="6" t="s">
        <v>4151</v>
      </c>
      <c r="B24148" s="6"/>
      <c r="C24148" s="6" t="s">
        <v>24184</v>
      </c>
      <c r="D24148" s="6"/>
      <c r="E24148" s="6" t="s">
        <v>9</v>
      </c>
      <c r="F24148" s="7">
        <v>38657</v>
      </c>
      <c r="G24148" s="8">
        <v>1</v>
      </c>
      <c r="H24148" s="8">
        <v>1</v>
      </c>
      <c r="I24148" s="8">
        <v>0</v>
      </c>
      <c r="J24148" s="8">
        <v>1</v>
      </c>
      <c r="K24148" s="9">
        <v>3.33</v>
      </c>
      <c r="L24148" s="6" t="s">
        <v>4151</v>
      </c>
    </row>
    <row r="24149" spans="1:12">
      <c r="A24149" s="6" t="s">
        <v>4151</v>
      </c>
      <c r="B24149" s="6"/>
      <c r="C24149" s="6" t="s">
        <v>24185</v>
      </c>
      <c r="D24149" s="6"/>
      <c r="E24149" s="6" t="s">
        <v>9</v>
      </c>
      <c r="F24149" s="7">
        <v>38657</v>
      </c>
      <c r="G24149" s="8">
        <v>1</v>
      </c>
      <c r="H24149" s="8">
        <v>1</v>
      </c>
      <c r="I24149" s="8">
        <v>0</v>
      </c>
      <c r="J24149" s="8">
        <v>1</v>
      </c>
      <c r="K24149" s="9">
        <v>3.13</v>
      </c>
      <c r="L24149" s="6" t="s">
        <v>4151</v>
      </c>
    </row>
    <row r="24150" spans="1:12">
      <c r="A24150" s="6" t="s">
        <v>4151</v>
      </c>
      <c r="B24150" s="6"/>
      <c r="C24150" s="6" t="s">
        <v>24186</v>
      </c>
      <c r="D24150" s="6"/>
      <c r="E24150" s="6" t="s">
        <v>9</v>
      </c>
      <c r="F24150" s="7">
        <v>38657</v>
      </c>
      <c r="G24150" s="8">
        <v>1</v>
      </c>
      <c r="H24150" s="8">
        <v>1</v>
      </c>
      <c r="I24150" s="8">
        <v>0</v>
      </c>
      <c r="J24150" s="8">
        <v>1</v>
      </c>
      <c r="K24150" s="9">
        <v>3.14</v>
      </c>
      <c r="L24150" s="6" t="s">
        <v>4151</v>
      </c>
    </row>
    <row r="24151" spans="1:12">
      <c r="A24151" s="6" t="s">
        <v>4151</v>
      </c>
      <c r="B24151" s="6"/>
      <c r="C24151" s="6" t="s">
        <v>24187</v>
      </c>
      <c r="D24151" s="6"/>
      <c r="E24151" s="6" t="s">
        <v>9</v>
      </c>
      <c r="F24151" s="7">
        <v>38657</v>
      </c>
      <c r="G24151" s="8">
        <v>1</v>
      </c>
      <c r="H24151" s="8">
        <v>1</v>
      </c>
      <c r="I24151" s="8">
        <v>0</v>
      </c>
      <c r="J24151" s="8">
        <v>1</v>
      </c>
      <c r="K24151" s="9">
        <v>2.84</v>
      </c>
      <c r="L24151" s="6" t="s">
        <v>4151</v>
      </c>
    </row>
    <row r="24152" spans="1:12">
      <c r="A24152" s="6" t="s">
        <v>4151</v>
      </c>
      <c r="B24152" s="6"/>
      <c r="C24152" s="6" t="s">
        <v>24188</v>
      </c>
      <c r="D24152" s="6"/>
      <c r="E24152" s="6" t="s">
        <v>9</v>
      </c>
      <c r="F24152" s="7">
        <v>38657</v>
      </c>
      <c r="G24152" s="8">
        <v>1</v>
      </c>
      <c r="H24152" s="8">
        <v>1</v>
      </c>
      <c r="I24152" s="8">
        <v>0</v>
      </c>
      <c r="J24152" s="8">
        <v>1</v>
      </c>
      <c r="K24152" s="9">
        <v>3.22</v>
      </c>
      <c r="L24152" s="6" t="s">
        <v>4151</v>
      </c>
    </row>
    <row r="24153" spans="1:12">
      <c r="A24153" s="6" t="s">
        <v>4151</v>
      </c>
      <c r="B24153" s="6"/>
      <c r="C24153" s="6" t="s">
        <v>24189</v>
      </c>
      <c r="D24153" s="6"/>
      <c r="E24153" s="6" t="s">
        <v>9</v>
      </c>
      <c r="F24153" s="7">
        <v>38657</v>
      </c>
      <c r="G24153" s="8">
        <v>1</v>
      </c>
      <c r="H24153" s="8">
        <v>1</v>
      </c>
      <c r="I24153" s="8">
        <v>0</v>
      </c>
      <c r="J24153" s="8">
        <v>1</v>
      </c>
      <c r="K24153" s="9">
        <v>18</v>
      </c>
      <c r="L24153" s="6" t="s">
        <v>4151</v>
      </c>
    </row>
    <row r="24154" spans="1:12">
      <c r="A24154" s="6" t="s">
        <v>4151</v>
      </c>
      <c r="B24154" s="6"/>
      <c r="C24154" s="6" t="s">
        <v>24190</v>
      </c>
      <c r="D24154" s="6"/>
      <c r="E24154" s="6" t="s">
        <v>9</v>
      </c>
      <c r="F24154" s="7">
        <v>38657</v>
      </c>
      <c r="G24154" s="8">
        <v>1</v>
      </c>
      <c r="H24154" s="8">
        <v>1</v>
      </c>
      <c r="I24154" s="8">
        <v>0</v>
      </c>
      <c r="J24154" s="8">
        <v>1</v>
      </c>
      <c r="K24154" s="9">
        <v>3.49</v>
      </c>
      <c r="L24154" s="6" t="s">
        <v>4151</v>
      </c>
    </row>
    <row r="24155" spans="1:12">
      <c r="A24155" s="6" t="s">
        <v>4151</v>
      </c>
      <c r="B24155" s="6"/>
      <c r="C24155" s="6" t="s">
        <v>24191</v>
      </c>
      <c r="D24155" s="6"/>
      <c r="E24155" s="6" t="s">
        <v>9</v>
      </c>
      <c r="F24155" s="7">
        <v>38657</v>
      </c>
      <c r="G24155" s="8">
        <v>1</v>
      </c>
      <c r="H24155" s="8">
        <v>1</v>
      </c>
      <c r="I24155" s="8">
        <v>0</v>
      </c>
      <c r="J24155" s="8">
        <v>1</v>
      </c>
      <c r="K24155" s="9">
        <v>4.4800000000000004</v>
      </c>
      <c r="L24155" s="6" t="s">
        <v>4151</v>
      </c>
    </row>
    <row r="24156" spans="1:12">
      <c r="A24156" s="6" t="s">
        <v>4151</v>
      </c>
      <c r="B24156" s="6"/>
      <c r="C24156" s="6" t="s">
        <v>24192</v>
      </c>
      <c r="D24156" s="6"/>
      <c r="E24156" s="6" t="s">
        <v>9</v>
      </c>
      <c r="F24156" s="7">
        <v>38657</v>
      </c>
      <c r="G24156" s="8">
        <v>1</v>
      </c>
      <c r="H24156" s="8">
        <v>1</v>
      </c>
      <c r="I24156" s="8">
        <v>0</v>
      </c>
      <c r="J24156" s="8">
        <v>1</v>
      </c>
      <c r="K24156" s="9">
        <v>33</v>
      </c>
      <c r="L24156" s="6" t="s">
        <v>4151</v>
      </c>
    </row>
    <row r="24157" spans="1:12">
      <c r="A24157" s="6" t="s">
        <v>4151</v>
      </c>
      <c r="B24157" s="6"/>
      <c r="C24157" s="6" t="s">
        <v>24193</v>
      </c>
      <c r="D24157" s="6"/>
      <c r="E24157" s="6" t="s">
        <v>9</v>
      </c>
      <c r="F24157" s="7">
        <v>38657</v>
      </c>
      <c r="G24157" s="8">
        <v>1</v>
      </c>
      <c r="H24157" s="8">
        <v>1</v>
      </c>
      <c r="I24157" s="8">
        <v>0</v>
      </c>
      <c r="J24157" s="8">
        <v>1</v>
      </c>
      <c r="K24157" s="9">
        <v>34</v>
      </c>
      <c r="L24157" s="6" t="s">
        <v>4151</v>
      </c>
    </row>
    <row r="24158" spans="1:12">
      <c r="A24158" s="6" t="s">
        <v>4151</v>
      </c>
      <c r="B24158" s="6"/>
      <c r="C24158" s="6" t="s">
        <v>24194</v>
      </c>
      <c r="D24158" s="6"/>
      <c r="E24158" s="6" t="s">
        <v>9</v>
      </c>
      <c r="F24158" s="7">
        <v>38657</v>
      </c>
      <c r="G24158" s="8">
        <v>1</v>
      </c>
      <c r="H24158" s="8">
        <v>1</v>
      </c>
      <c r="I24158" s="8">
        <v>0</v>
      </c>
      <c r="J24158" s="8">
        <v>1</v>
      </c>
      <c r="K24158" s="9">
        <v>22</v>
      </c>
      <c r="L24158" s="6" t="s">
        <v>4151</v>
      </c>
    </row>
    <row r="24159" spans="1:12">
      <c r="A24159" s="6" t="s">
        <v>4151</v>
      </c>
      <c r="B24159" s="6"/>
      <c r="C24159" s="6" t="s">
        <v>24195</v>
      </c>
      <c r="D24159" s="6"/>
      <c r="E24159" s="6" t="s">
        <v>9</v>
      </c>
      <c r="F24159" s="7">
        <v>38657</v>
      </c>
      <c r="G24159" s="8">
        <v>1</v>
      </c>
      <c r="H24159" s="8">
        <v>1</v>
      </c>
      <c r="I24159" s="8">
        <v>0</v>
      </c>
      <c r="J24159" s="8">
        <v>1</v>
      </c>
      <c r="K24159" s="9">
        <v>19</v>
      </c>
      <c r="L24159" s="6" t="s">
        <v>4151</v>
      </c>
    </row>
    <row r="24160" spans="1:12">
      <c r="A24160" s="6" t="s">
        <v>4151</v>
      </c>
      <c r="B24160" s="6"/>
      <c r="C24160" s="6" t="s">
        <v>24196</v>
      </c>
      <c r="D24160" s="6"/>
      <c r="E24160" s="6" t="s">
        <v>9</v>
      </c>
      <c r="F24160" s="7">
        <v>40145</v>
      </c>
      <c r="G24160" s="8">
        <v>1</v>
      </c>
      <c r="H24160" s="8">
        <v>1</v>
      </c>
      <c r="I24160" s="8">
        <v>0</v>
      </c>
      <c r="J24160" s="8">
        <v>1</v>
      </c>
      <c r="K24160" s="9">
        <v>11</v>
      </c>
      <c r="L24160" s="6" t="s">
        <v>4151</v>
      </c>
    </row>
    <row r="24161" spans="1:12">
      <c r="A24161" s="6" t="s">
        <v>4151</v>
      </c>
      <c r="B24161" s="6"/>
      <c r="C24161" s="6" t="s">
        <v>24197</v>
      </c>
      <c r="D24161" s="6"/>
      <c r="E24161" s="6" t="s">
        <v>9</v>
      </c>
      <c r="F24161" s="7">
        <v>40145</v>
      </c>
      <c r="G24161" s="8">
        <v>1</v>
      </c>
      <c r="H24161" s="8">
        <v>1</v>
      </c>
      <c r="I24161" s="8">
        <v>0</v>
      </c>
      <c r="J24161" s="8">
        <v>1</v>
      </c>
      <c r="K24161" s="9">
        <v>115</v>
      </c>
      <c r="L24161" s="6" t="s">
        <v>4151</v>
      </c>
    </row>
    <row r="24162" spans="1:12">
      <c r="A24162" s="6" t="s">
        <v>4151</v>
      </c>
      <c r="B24162" s="6"/>
      <c r="C24162" s="6" t="s">
        <v>24198</v>
      </c>
      <c r="D24162" s="6"/>
      <c r="E24162" s="6" t="s">
        <v>9</v>
      </c>
      <c r="F24162" s="7">
        <v>40145</v>
      </c>
      <c r="G24162" s="8">
        <v>1</v>
      </c>
      <c r="H24162" s="8">
        <v>1</v>
      </c>
      <c r="I24162" s="8">
        <v>0</v>
      </c>
      <c r="J24162" s="8">
        <v>1</v>
      </c>
      <c r="K24162" s="9">
        <v>2.86</v>
      </c>
      <c r="L24162" s="6" t="s">
        <v>4151</v>
      </c>
    </row>
    <row r="24163" spans="1:12">
      <c r="A24163" s="6" t="s">
        <v>4151</v>
      </c>
      <c r="B24163" s="6"/>
      <c r="C24163" s="6" t="s">
        <v>24199</v>
      </c>
      <c r="D24163" s="6"/>
      <c r="E24163" s="6" t="s">
        <v>9</v>
      </c>
      <c r="F24163" s="7">
        <v>40145</v>
      </c>
      <c r="G24163" s="8">
        <v>1</v>
      </c>
      <c r="H24163" s="8">
        <v>1</v>
      </c>
      <c r="I24163" s="8">
        <v>0</v>
      </c>
      <c r="J24163" s="8">
        <v>1</v>
      </c>
      <c r="K24163" s="9">
        <v>2.74</v>
      </c>
      <c r="L24163" s="6" t="s">
        <v>4151</v>
      </c>
    </row>
    <row r="24164" spans="1:12">
      <c r="A24164" s="6" t="s">
        <v>4151</v>
      </c>
      <c r="B24164" s="6"/>
      <c r="C24164" s="6" t="s">
        <v>24200</v>
      </c>
      <c r="D24164" s="6"/>
      <c r="E24164" s="6" t="s">
        <v>9</v>
      </c>
      <c r="F24164" s="7">
        <v>38657</v>
      </c>
      <c r="G24164" s="8">
        <v>1</v>
      </c>
      <c r="H24164" s="8">
        <v>1</v>
      </c>
      <c r="I24164" s="8">
        <v>0</v>
      </c>
      <c r="J24164" s="8">
        <v>1</v>
      </c>
      <c r="K24164" s="9">
        <v>32</v>
      </c>
      <c r="L24164" s="6" t="s">
        <v>4151</v>
      </c>
    </row>
    <row r="24165" spans="1:12">
      <c r="A24165" s="6" t="s">
        <v>4151</v>
      </c>
      <c r="B24165" s="6"/>
      <c r="C24165" s="6" t="s">
        <v>24201</v>
      </c>
      <c r="D24165" s="6"/>
      <c r="E24165" s="6" t="s">
        <v>9</v>
      </c>
      <c r="F24165" s="7">
        <v>40145</v>
      </c>
      <c r="G24165" s="8">
        <v>1</v>
      </c>
      <c r="H24165" s="8">
        <v>1</v>
      </c>
      <c r="I24165" s="8">
        <v>0</v>
      </c>
      <c r="J24165" s="8">
        <v>1</v>
      </c>
      <c r="K24165" s="9">
        <v>77</v>
      </c>
      <c r="L24165" s="6" t="s">
        <v>4151</v>
      </c>
    </row>
    <row r="24166" spans="1:12">
      <c r="A24166" s="6" t="s">
        <v>4151</v>
      </c>
      <c r="B24166" s="6"/>
      <c r="C24166" s="6" t="s">
        <v>24202</v>
      </c>
      <c r="D24166" s="6"/>
      <c r="E24166" s="6" t="s">
        <v>9</v>
      </c>
      <c r="F24166" s="7">
        <v>38657</v>
      </c>
      <c r="G24166" s="8">
        <v>1</v>
      </c>
      <c r="H24166" s="8">
        <v>1</v>
      </c>
      <c r="I24166" s="8">
        <v>0</v>
      </c>
      <c r="J24166" s="8">
        <v>1</v>
      </c>
      <c r="K24166" s="9">
        <v>26.95</v>
      </c>
      <c r="L24166" s="6" t="s">
        <v>4151</v>
      </c>
    </row>
    <row r="24167" spans="1:12">
      <c r="A24167" s="6" t="s">
        <v>4151</v>
      </c>
      <c r="B24167" s="6"/>
      <c r="C24167" s="6" t="s">
        <v>24203</v>
      </c>
      <c r="D24167" s="6"/>
      <c r="E24167" s="6" t="s">
        <v>9</v>
      </c>
      <c r="F24167" s="7">
        <v>38657</v>
      </c>
      <c r="G24167" s="8">
        <v>1</v>
      </c>
      <c r="H24167" s="8">
        <v>1</v>
      </c>
      <c r="I24167" s="8">
        <v>0</v>
      </c>
      <c r="J24167" s="8">
        <v>1</v>
      </c>
      <c r="K24167" s="9">
        <v>5.44</v>
      </c>
      <c r="L24167" s="6" t="s">
        <v>4151</v>
      </c>
    </row>
    <row r="24168" spans="1:12">
      <c r="A24168" s="6" t="s">
        <v>4151</v>
      </c>
      <c r="B24168" s="6"/>
      <c r="C24168" s="6" t="s">
        <v>24204</v>
      </c>
      <c r="D24168" s="6"/>
      <c r="E24168" s="6" t="s">
        <v>9</v>
      </c>
      <c r="F24168" s="7">
        <v>38657</v>
      </c>
      <c r="G24168" s="8">
        <v>1</v>
      </c>
      <c r="H24168" s="8">
        <v>1</v>
      </c>
      <c r="I24168" s="8">
        <v>0</v>
      </c>
      <c r="J24168" s="8">
        <v>1</v>
      </c>
      <c r="K24168" s="9">
        <v>11</v>
      </c>
      <c r="L24168" s="6" t="s">
        <v>4151</v>
      </c>
    </row>
    <row r="24169" spans="1:12">
      <c r="A24169" s="6" t="s">
        <v>4151</v>
      </c>
      <c r="B24169" s="6"/>
      <c r="C24169" s="6" t="s">
        <v>24205</v>
      </c>
      <c r="D24169" s="6"/>
      <c r="E24169" s="6" t="s">
        <v>9</v>
      </c>
      <c r="F24169" s="7">
        <v>38657</v>
      </c>
      <c r="G24169" s="8">
        <v>1</v>
      </c>
      <c r="H24169" s="8">
        <v>1</v>
      </c>
      <c r="I24169" s="8">
        <v>0</v>
      </c>
      <c r="J24169" s="8">
        <v>1</v>
      </c>
      <c r="K24169" s="9">
        <v>0.53</v>
      </c>
      <c r="L24169" s="6" t="s">
        <v>4151</v>
      </c>
    </row>
    <row r="24170" spans="1:12">
      <c r="A24170" s="6" t="s">
        <v>4151</v>
      </c>
      <c r="B24170" s="6"/>
      <c r="C24170" s="6" t="s">
        <v>24206</v>
      </c>
      <c r="D24170" s="6"/>
      <c r="E24170" s="6" t="s">
        <v>9</v>
      </c>
      <c r="F24170" s="7">
        <v>38657</v>
      </c>
      <c r="G24170" s="8">
        <v>1</v>
      </c>
      <c r="H24170" s="8">
        <v>1</v>
      </c>
      <c r="I24170" s="8">
        <v>0</v>
      </c>
      <c r="J24170" s="8">
        <v>1</v>
      </c>
      <c r="K24170" s="9">
        <v>8.9700000000000006</v>
      </c>
      <c r="L24170" s="6" t="s">
        <v>4151</v>
      </c>
    </row>
    <row r="24171" spans="1:12">
      <c r="A24171" s="6" t="s">
        <v>4151</v>
      </c>
      <c r="B24171" s="6"/>
      <c r="C24171" s="6" t="s">
        <v>24207</v>
      </c>
      <c r="D24171" s="6"/>
      <c r="E24171" s="6" t="s">
        <v>9</v>
      </c>
      <c r="F24171" s="7">
        <v>38657</v>
      </c>
      <c r="G24171" s="8">
        <v>1</v>
      </c>
      <c r="H24171" s="8">
        <v>1</v>
      </c>
      <c r="I24171" s="8">
        <v>0</v>
      </c>
      <c r="J24171" s="8">
        <v>1</v>
      </c>
      <c r="K24171" s="9">
        <v>0.62</v>
      </c>
      <c r="L24171" s="6" t="s">
        <v>4151</v>
      </c>
    </row>
    <row r="24172" spans="1:12">
      <c r="A24172" s="6" t="s">
        <v>4151</v>
      </c>
      <c r="B24172" s="6"/>
      <c r="C24172" s="6" t="s">
        <v>24208</v>
      </c>
      <c r="D24172" s="6"/>
      <c r="E24172" s="6" t="s">
        <v>9</v>
      </c>
      <c r="F24172" s="7">
        <v>38657</v>
      </c>
      <c r="G24172" s="8">
        <v>1</v>
      </c>
      <c r="H24172" s="8">
        <v>1</v>
      </c>
      <c r="I24172" s="8">
        <v>0</v>
      </c>
      <c r="J24172" s="8">
        <v>1</v>
      </c>
      <c r="K24172" s="9">
        <v>32</v>
      </c>
      <c r="L24172" s="6" t="s">
        <v>4151</v>
      </c>
    </row>
    <row r="24173" spans="1:12">
      <c r="A24173" s="6" t="s">
        <v>4151</v>
      </c>
      <c r="B24173" s="6"/>
      <c r="C24173" s="6" t="s">
        <v>24209</v>
      </c>
      <c r="D24173" s="6"/>
      <c r="E24173" s="6" t="s">
        <v>9</v>
      </c>
      <c r="F24173" s="7">
        <v>38657</v>
      </c>
      <c r="G24173" s="8">
        <v>1</v>
      </c>
      <c r="H24173" s="8">
        <v>1</v>
      </c>
      <c r="I24173" s="8">
        <v>0</v>
      </c>
      <c r="J24173" s="8">
        <v>1</v>
      </c>
      <c r="K24173" s="9">
        <v>19</v>
      </c>
      <c r="L24173" s="6" t="s">
        <v>4151</v>
      </c>
    </row>
    <row r="24174" spans="1:12">
      <c r="A24174" s="6" t="s">
        <v>4151</v>
      </c>
      <c r="B24174" s="6"/>
      <c r="C24174" s="6" t="s">
        <v>24210</v>
      </c>
      <c r="D24174" s="6"/>
      <c r="E24174" s="6" t="s">
        <v>9</v>
      </c>
      <c r="F24174" s="7">
        <v>38657</v>
      </c>
      <c r="G24174" s="8">
        <v>1</v>
      </c>
      <c r="H24174" s="8">
        <v>1</v>
      </c>
      <c r="I24174" s="8">
        <v>0</v>
      </c>
      <c r="J24174" s="8">
        <v>1</v>
      </c>
      <c r="K24174" s="9">
        <v>3.66</v>
      </c>
      <c r="L24174" s="6" t="s">
        <v>4151</v>
      </c>
    </row>
    <row r="24175" spans="1:12">
      <c r="A24175" s="6" t="s">
        <v>4151</v>
      </c>
      <c r="B24175" s="6"/>
      <c r="C24175" s="6" t="s">
        <v>24211</v>
      </c>
      <c r="D24175" s="6"/>
      <c r="E24175" s="6" t="s">
        <v>9</v>
      </c>
      <c r="F24175" s="7">
        <v>38657</v>
      </c>
      <c r="G24175" s="8">
        <v>1</v>
      </c>
      <c r="H24175" s="8">
        <v>1</v>
      </c>
      <c r="I24175" s="8">
        <v>0</v>
      </c>
      <c r="J24175" s="8">
        <v>1</v>
      </c>
      <c r="K24175" s="9">
        <v>1.45</v>
      </c>
      <c r="L24175" s="6" t="s">
        <v>4151</v>
      </c>
    </row>
    <row r="24176" spans="1:12">
      <c r="A24176" s="6" t="s">
        <v>4151</v>
      </c>
      <c r="B24176" s="6"/>
      <c r="C24176" s="6" t="s">
        <v>24212</v>
      </c>
      <c r="D24176" s="6"/>
      <c r="E24176" s="6" t="s">
        <v>9</v>
      </c>
      <c r="F24176" s="7">
        <v>38657</v>
      </c>
      <c r="G24176" s="8">
        <v>1</v>
      </c>
      <c r="H24176" s="8">
        <v>1</v>
      </c>
      <c r="I24176" s="8">
        <v>0</v>
      </c>
      <c r="J24176" s="8">
        <v>1</v>
      </c>
      <c r="K24176" s="9">
        <v>7.29</v>
      </c>
      <c r="L24176" s="6" t="s">
        <v>4151</v>
      </c>
    </row>
    <row r="24177" spans="1:12">
      <c r="A24177" s="6" t="s">
        <v>4151</v>
      </c>
      <c r="B24177" s="6"/>
      <c r="C24177" s="6" t="s">
        <v>24213</v>
      </c>
      <c r="D24177" s="6"/>
      <c r="E24177" s="6" t="s">
        <v>9</v>
      </c>
      <c r="F24177" s="7">
        <v>38657</v>
      </c>
      <c r="G24177" s="8">
        <v>1</v>
      </c>
      <c r="H24177" s="8">
        <v>1</v>
      </c>
      <c r="I24177" s="8">
        <v>0</v>
      </c>
      <c r="J24177" s="8">
        <v>1</v>
      </c>
      <c r="K24177" s="9">
        <v>27</v>
      </c>
      <c r="L24177" s="6" t="s">
        <v>4151</v>
      </c>
    </row>
    <row r="24178" spans="1:12">
      <c r="A24178" s="6" t="s">
        <v>4151</v>
      </c>
      <c r="B24178" s="6"/>
      <c r="C24178" s="6" t="s">
        <v>24214</v>
      </c>
      <c r="D24178" s="6"/>
      <c r="E24178" s="6" t="s">
        <v>9</v>
      </c>
      <c r="F24178" s="7">
        <v>38657</v>
      </c>
      <c r="G24178" s="8">
        <v>1</v>
      </c>
      <c r="H24178" s="8">
        <v>1</v>
      </c>
      <c r="I24178" s="8">
        <v>0</v>
      </c>
      <c r="J24178" s="8">
        <v>1</v>
      </c>
      <c r="K24178" s="9">
        <v>4.33</v>
      </c>
      <c r="L24178" s="6" t="s">
        <v>4151</v>
      </c>
    </row>
    <row r="24179" spans="1:12">
      <c r="A24179" s="6" t="s">
        <v>4151</v>
      </c>
      <c r="B24179" s="6"/>
      <c r="C24179" s="6" t="s">
        <v>24215</v>
      </c>
      <c r="D24179" s="6"/>
      <c r="E24179" s="6" t="s">
        <v>9</v>
      </c>
      <c r="F24179" s="7">
        <v>38657</v>
      </c>
      <c r="G24179" s="8">
        <v>1</v>
      </c>
      <c r="H24179" s="8">
        <v>1</v>
      </c>
      <c r="I24179" s="8">
        <v>0</v>
      </c>
      <c r="J24179" s="8">
        <v>1</v>
      </c>
      <c r="K24179" s="9">
        <v>2.92</v>
      </c>
      <c r="L24179" s="6" t="s">
        <v>4151</v>
      </c>
    </row>
    <row r="24180" spans="1:12">
      <c r="A24180" s="6" t="s">
        <v>4151</v>
      </c>
      <c r="B24180" s="6"/>
      <c r="C24180" s="6" t="s">
        <v>24216</v>
      </c>
      <c r="D24180" s="6"/>
      <c r="E24180" s="6" t="s">
        <v>9</v>
      </c>
      <c r="F24180" s="7">
        <v>38657</v>
      </c>
      <c r="G24180" s="8">
        <v>1</v>
      </c>
      <c r="H24180" s="8">
        <v>1</v>
      </c>
      <c r="I24180" s="8">
        <v>0</v>
      </c>
      <c r="J24180" s="8">
        <v>1</v>
      </c>
      <c r="K24180" s="9">
        <v>22</v>
      </c>
      <c r="L24180" s="6" t="s">
        <v>4151</v>
      </c>
    </row>
    <row r="24181" spans="1:12">
      <c r="A24181" s="6" t="s">
        <v>4151</v>
      </c>
      <c r="B24181" s="6"/>
      <c r="C24181" s="6" t="s">
        <v>24217</v>
      </c>
      <c r="D24181" s="6"/>
      <c r="E24181" s="6" t="s">
        <v>9</v>
      </c>
      <c r="F24181" s="7">
        <v>38657</v>
      </c>
      <c r="G24181" s="8">
        <v>1</v>
      </c>
      <c r="H24181" s="8">
        <v>1</v>
      </c>
      <c r="I24181" s="8">
        <v>0</v>
      </c>
      <c r="J24181" s="8">
        <v>1</v>
      </c>
      <c r="K24181" s="9">
        <v>7.4</v>
      </c>
      <c r="L24181" s="6" t="s">
        <v>4151</v>
      </c>
    </row>
    <row r="24182" spans="1:12">
      <c r="A24182" s="6" t="s">
        <v>4151</v>
      </c>
      <c r="B24182" s="6"/>
      <c r="C24182" s="6" t="s">
        <v>24218</v>
      </c>
      <c r="D24182" s="6"/>
      <c r="E24182" s="6" t="s">
        <v>9</v>
      </c>
      <c r="F24182" s="7">
        <v>38657</v>
      </c>
      <c r="G24182" s="8">
        <v>1</v>
      </c>
      <c r="H24182" s="8">
        <v>1</v>
      </c>
      <c r="I24182" s="8">
        <v>0</v>
      </c>
      <c r="J24182" s="8">
        <v>1</v>
      </c>
      <c r="K24182" s="9">
        <v>0.19</v>
      </c>
      <c r="L24182" s="6" t="s">
        <v>4151</v>
      </c>
    </row>
    <row r="24183" spans="1:12">
      <c r="A24183" s="6" t="s">
        <v>4151</v>
      </c>
      <c r="B24183" s="6"/>
      <c r="C24183" s="6" t="s">
        <v>24219</v>
      </c>
      <c r="D24183" s="6"/>
      <c r="E24183" s="6" t="s">
        <v>9</v>
      </c>
      <c r="F24183" s="7">
        <v>38657</v>
      </c>
      <c r="G24183" s="8">
        <v>1</v>
      </c>
      <c r="H24183" s="8">
        <v>1</v>
      </c>
      <c r="I24183" s="8">
        <v>0</v>
      </c>
      <c r="J24183" s="8">
        <v>1</v>
      </c>
      <c r="K24183" s="9">
        <v>86</v>
      </c>
      <c r="L24183" s="6" t="s">
        <v>4151</v>
      </c>
    </row>
    <row r="24184" spans="1:12">
      <c r="A24184" s="6" t="s">
        <v>4151</v>
      </c>
      <c r="B24184" s="6"/>
      <c r="C24184" s="6" t="s">
        <v>24220</v>
      </c>
      <c r="D24184" s="6"/>
      <c r="E24184" s="6" t="s">
        <v>9</v>
      </c>
      <c r="F24184" s="7">
        <v>38657</v>
      </c>
      <c r="G24184" s="8">
        <v>1</v>
      </c>
      <c r="H24184" s="8">
        <v>1</v>
      </c>
      <c r="I24184" s="8">
        <v>0</v>
      </c>
      <c r="J24184" s="8">
        <v>1</v>
      </c>
      <c r="K24184" s="9">
        <v>528</v>
      </c>
      <c r="L24184" s="6" t="s">
        <v>4151</v>
      </c>
    </row>
    <row r="24185" spans="1:12">
      <c r="A24185" s="6" t="s">
        <v>4151</v>
      </c>
      <c r="B24185" s="6"/>
      <c r="C24185" s="6" t="s">
        <v>24221</v>
      </c>
      <c r="D24185" s="6"/>
      <c r="E24185" s="6" t="s">
        <v>9</v>
      </c>
      <c r="F24185" s="7">
        <v>38657</v>
      </c>
      <c r="G24185" s="8">
        <v>1</v>
      </c>
      <c r="H24185" s="8">
        <v>1</v>
      </c>
      <c r="I24185" s="8">
        <v>0</v>
      </c>
      <c r="J24185" s="8">
        <v>1</v>
      </c>
      <c r="K24185" s="9">
        <v>877</v>
      </c>
      <c r="L24185" s="6" t="s">
        <v>4151</v>
      </c>
    </row>
    <row r="24186" spans="1:12">
      <c r="A24186" s="6" t="s">
        <v>4151</v>
      </c>
      <c r="B24186" s="6"/>
      <c r="C24186" s="6" t="s">
        <v>24222</v>
      </c>
      <c r="D24186" s="6"/>
      <c r="E24186" s="6" t="s">
        <v>9</v>
      </c>
      <c r="F24186" s="7">
        <v>38657</v>
      </c>
      <c r="G24186" s="8">
        <v>1</v>
      </c>
      <c r="H24186" s="8">
        <v>1</v>
      </c>
      <c r="I24186" s="8">
        <v>0</v>
      </c>
      <c r="J24186" s="8">
        <v>1</v>
      </c>
      <c r="K24186" s="9">
        <v>2.2000000000000002</v>
      </c>
      <c r="L24186" s="6" t="s">
        <v>4151</v>
      </c>
    </row>
    <row r="24187" spans="1:12">
      <c r="A24187" s="6" t="s">
        <v>4151</v>
      </c>
      <c r="B24187" s="6"/>
      <c r="C24187" s="6" t="s">
        <v>24223</v>
      </c>
      <c r="D24187" s="6"/>
      <c r="E24187" s="6" t="s">
        <v>9</v>
      </c>
      <c r="F24187" s="7">
        <v>38657</v>
      </c>
      <c r="G24187" s="8">
        <v>1</v>
      </c>
      <c r="H24187" s="8">
        <v>1</v>
      </c>
      <c r="I24187" s="8">
        <v>0</v>
      </c>
      <c r="J24187" s="8">
        <v>1</v>
      </c>
      <c r="K24187" s="9">
        <v>10</v>
      </c>
      <c r="L24187" s="6" t="s">
        <v>4151</v>
      </c>
    </row>
    <row r="24188" spans="1:12">
      <c r="A24188" s="6" t="s">
        <v>4151</v>
      </c>
      <c r="B24188" s="6"/>
      <c r="C24188" s="6" t="s">
        <v>24224</v>
      </c>
      <c r="D24188" s="6"/>
      <c r="E24188" s="6" t="s">
        <v>9</v>
      </c>
      <c r="F24188" s="7">
        <v>38657</v>
      </c>
      <c r="G24188" s="8">
        <v>1</v>
      </c>
      <c r="H24188" s="8">
        <v>1</v>
      </c>
      <c r="I24188" s="8">
        <v>0</v>
      </c>
      <c r="J24188" s="8">
        <v>1</v>
      </c>
      <c r="K24188" s="9">
        <v>24</v>
      </c>
      <c r="L24188" s="6" t="s">
        <v>4151</v>
      </c>
    </row>
    <row r="24189" spans="1:12">
      <c r="A24189" s="6" t="s">
        <v>4151</v>
      </c>
      <c r="B24189" s="6"/>
      <c r="C24189" s="6" t="s">
        <v>24225</v>
      </c>
      <c r="D24189" s="6"/>
      <c r="E24189" s="6" t="s">
        <v>9</v>
      </c>
      <c r="F24189" s="7">
        <v>38657</v>
      </c>
      <c r="G24189" s="8">
        <v>1</v>
      </c>
      <c r="H24189" s="8">
        <v>1</v>
      </c>
      <c r="I24189" s="8">
        <v>0</v>
      </c>
      <c r="J24189" s="8">
        <v>1</v>
      </c>
      <c r="K24189" s="9">
        <v>24</v>
      </c>
      <c r="L24189" s="6" t="s">
        <v>4151</v>
      </c>
    </row>
    <row r="24190" spans="1:12">
      <c r="A24190" s="6" t="s">
        <v>4151</v>
      </c>
      <c r="B24190" s="6"/>
      <c r="C24190" s="6" t="s">
        <v>24226</v>
      </c>
      <c r="D24190" s="6"/>
      <c r="E24190" s="6" t="s">
        <v>9</v>
      </c>
      <c r="F24190" s="7">
        <v>38657</v>
      </c>
      <c r="G24190" s="8">
        <v>1</v>
      </c>
      <c r="H24190" s="8">
        <v>1</v>
      </c>
      <c r="I24190" s="8">
        <v>0</v>
      </c>
      <c r="J24190" s="8">
        <v>1</v>
      </c>
      <c r="K24190" s="9">
        <v>7.42</v>
      </c>
      <c r="L24190" s="6" t="s">
        <v>4151</v>
      </c>
    </row>
    <row r="24191" spans="1:12">
      <c r="A24191" s="6" t="s">
        <v>4151</v>
      </c>
      <c r="B24191" s="6"/>
      <c r="C24191" s="6" t="s">
        <v>24227</v>
      </c>
      <c r="D24191" s="6"/>
      <c r="E24191" s="6" t="s">
        <v>9</v>
      </c>
      <c r="F24191" s="7">
        <v>38657</v>
      </c>
      <c r="G24191" s="8">
        <v>1</v>
      </c>
      <c r="H24191" s="8">
        <v>1</v>
      </c>
      <c r="I24191" s="8">
        <v>0</v>
      </c>
      <c r="J24191" s="8">
        <v>1</v>
      </c>
      <c r="K24191" s="9">
        <v>38.25</v>
      </c>
      <c r="L24191" s="6" t="s">
        <v>4151</v>
      </c>
    </row>
    <row r="24192" spans="1:12">
      <c r="A24192" s="6" t="s">
        <v>4151</v>
      </c>
      <c r="B24192" s="6"/>
      <c r="C24192" s="6" t="s">
        <v>24228</v>
      </c>
      <c r="D24192" s="6"/>
      <c r="E24192" s="6" t="s">
        <v>9</v>
      </c>
      <c r="F24192" s="7">
        <v>38657</v>
      </c>
      <c r="G24192" s="8">
        <v>1</v>
      </c>
      <c r="H24192" s="8">
        <v>1</v>
      </c>
      <c r="I24192" s="8">
        <v>0</v>
      </c>
      <c r="J24192" s="8">
        <v>1</v>
      </c>
      <c r="K24192" s="9">
        <v>16</v>
      </c>
      <c r="L24192" s="6" t="s">
        <v>4151</v>
      </c>
    </row>
    <row r="24193" spans="1:12">
      <c r="A24193" s="6" t="s">
        <v>4151</v>
      </c>
      <c r="B24193" s="6"/>
      <c r="C24193" s="6" t="s">
        <v>24229</v>
      </c>
      <c r="D24193" s="6"/>
      <c r="E24193" s="6" t="s">
        <v>9</v>
      </c>
      <c r="F24193" s="7">
        <v>38657</v>
      </c>
      <c r="G24193" s="8">
        <v>1</v>
      </c>
      <c r="H24193" s="8">
        <v>1</v>
      </c>
      <c r="I24193" s="8">
        <v>0</v>
      </c>
      <c r="J24193" s="8">
        <v>1</v>
      </c>
      <c r="K24193" s="9">
        <v>25</v>
      </c>
      <c r="L24193" s="6" t="s">
        <v>4151</v>
      </c>
    </row>
    <row r="24194" spans="1:12">
      <c r="A24194" s="6" t="s">
        <v>4151</v>
      </c>
      <c r="B24194" s="6"/>
      <c r="C24194" s="6" t="s">
        <v>24230</v>
      </c>
      <c r="D24194" s="6"/>
      <c r="E24194" s="6" t="s">
        <v>9</v>
      </c>
      <c r="F24194" s="7">
        <v>38657</v>
      </c>
      <c r="G24194" s="8">
        <v>1</v>
      </c>
      <c r="H24194" s="8">
        <v>1</v>
      </c>
      <c r="I24194" s="8">
        <v>0</v>
      </c>
      <c r="J24194" s="8">
        <v>1</v>
      </c>
      <c r="K24194" s="9">
        <v>42.64</v>
      </c>
      <c r="L24194" s="6" t="s">
        <v>4151</v>
      </c>
    </row>
    <row r="24195" spans="1:12">
      <c r="A24195" s="6" t="s">
        <v>4151</v>
      </c>
      <c r="B24195" s="6"/>
      <c r="C24195" s="6" t="s">
        <v>24231</v>
      </c>
      <c r="D24195" s="6"/>
      <c r="E24195" s="6" t="s">
        <v>9</v>
      </c>
      <c r="F24195" s="7">
        <v>38657</v>
      </c>
      <c r="G24195" s="8">
        <v>1</v>
      </c>
      <c r="H24195" s="8">
        <v>1</v>
      </c>
      <c r="I24195" s="8">
        <v>0</v>
      </c>
      <c r="J24195" s="8">
        <v>1</v>
      </c>
      <c r="K24195" s="9">
        <v>181.21</v>
      </c>
      <c r="L24195" s="6" t="s">
        <v>4151</v>
      </c>
    </row>
    <row r="24196" spans="1:12">
      <c r="A24196" s="6" t="s">
        <v>4151</v>
      </c>
      <c r="B24196" s="6"/>
      <c r="C24196" s="6" t="s">
        <v>24232</v>
      </c>
      <c r="D24196" s="6"/>
      <c r="E24196" s="6" t="s">
        <v>9</v>
      </c>
      <c r="F24196" s="7"/>
      <c r="G24196" s="8">
        <v>1</v>
      </c>
      <c r="H24196" s="8">
        <v>1</v>
      </c>
      <c r="I24196" s="8">
        <v>0</v>
      </c>
      <c r="J24196" s="8">
        <v>1</v>
      </c>
      <c r="K24196" s="9">
        <v>1299</v>
      </c>
      <c r="L24196" s="6" t="s">
        <v>4151</v>
      </c>
    </row>
    <row r="24197" spans="1:12">
      <c r="A24197" s="6" t="s">
        <v>4151</v>
      </c>
      <c r="B24197" s="6"/>
      <c r="C24197" s="6" t="s">
        <v>24233</v>
      </c>
      <c r="D24197" s="6"/>
      <c r="E24197" s="6" t="s">
        <v>9</v>
      </c>
      <c r="F24197" s="7"/>
      <c r="G24197" s="8">
        <v>1</v>
      </c>
      <c r="H24197" s="8">
        <v>1</v>
      </c>
      <c r="I24197" s="8">
        <v>0</v>
      </c>
      <c r="J24197" s="8">
        <v>1</v>
      </c>
      <c r="K24197" s="9">
        <v>2611</v>
      </c>
      <c r="L24197" s="6" t="s">
        <v>4151</v>
      </c>
    </row>
    <row r="24198" spans="1:12">
      <c r="A24198" s="6" t="s">
        <v>4151</v>
      </c>
      <c r="B24198" s="6"/>
      <c r="C24198" s="6" t="s">
        <v>24234</v>
      </c>
      <c r="D24198" s="6"/>
      <c r="E24198" s="6" t="s">
        <v>9</v>
      </c>
      <c r="F24198" s="7"/>
      <c r="G24198" s="8">
        <v>1</v>
      </c>
      <c r="H24198" s="8">
        <v>1</v>
      </c>
      <c r="I24198" s="8">
        <v>0</v>
      </c>
      <c r="J24198" s="8">
        <v>1</v>
      </c>
      <c r="K24198" s="9">
        <v>5285</v>
      </c>
      <c r="L24198" s="6" t="s">
        <v>4151</v>
      </c>
    </row>
    <row r="24199" spans="1:12">
      <c r="A24199" s="6" t="s">
        <v>4151</v>
      </c>
      <c r="B24199" s="6"/>
      <c r="C24199" s="6" t="s">
        <v>24235</v>
      </c>
      <c r="D24199" s="6"/>
      <c r="E24199" s="6" t="s">
        <v>9</v>
      </c>
      <c r="F24199" s="7"/>
      <c r="G24199" s="8">
        <v>1</v>
      </c>
      <c r="H24199" s="8">
        <v>1</v>
      </c>
      <c r="I24199" s="8">
        <v>0</v>
      </c>
      <c r="J24199" s="8">
        <v>1</v>
      </c>
      <c r="K24199" s="9">
        <v>138</v>
      </c>
      <c r="L24199" s="6" t="s">
        <v>4151</v>
      </c>
    </row>
    <row r="24200" spans="1:12">
      <c r="A24200" s="6" t="s">
        <v>4151</v>
      </c>
      <c r="B24200" s="6"/>
      <c r="C24200" s="6" t="s">
        <v>24236</v>
      </c>
      <c r="D24200" s="6"/>
      <c r="E24200" s="6" t="s">
        <v>9</v>
      </c>
      <c r="F24200" s="7"/>
      <c r="G24200" s="8">
        <v>1</v>
      </c>
      <c r="H24200" s="8">
        <v>1</v>
      </c>
      <c r="I24200" s="8">
        <v>0</v>
      </c>
      <c r="J24200" s="8">
        <v>1</v>
      </c>
      <c r="K24200" s="9">
        <v>396</v>
      </c>
      <c r="L24200" s="6" t="s">
        <v>4151</v>
      </c>
    </row>
    <row r="24201" spans="1:12">
      <c r="A24201" s="6" t="s">
        <v>4151</v>
      </c>
      <c r="B24201" s="6"/>
      <c r="C24201" s="6" t="s">
        <v>24237</v>
      </c>
      <c r="D24201" s="6"/>
      <c r="E24201" s="6" t="s">
        <v>9</v>
      </c>
      <c r="F24201" s="7"/>
      <c r="G24201" s="8">
        <v>1</v>
      </c>
      <c r="H24201" s="8">
        <v>1</v>
      </c>
      <c r="I24201" s="8">
        <v>0</v>
      </c>
      <c r="J24201" s="8">
        <v>1</v>
      </c>
      <c r="K24201" s="9">
        <v>327</v>
      </c>
      <c r="L24201" s="6" t="s">
        <v>4151</v>
      </c>
    </row>
    <row r="24202" spans="1:12">
      <c r="A24202" s="6" t="s">
        <v>4151</v>
      </c>
      <c r="B24202" s="6"/>
      <c r="C24202" s="6" t="s">
        <v>24238</v>
      </c>
      <c r="D24202" s="6"/>
      <c r="E24202" s="6" t="s">
        <v>9</v>
      </c>
      <c r="F24202" s="7"/>
      <c r="G24202" s="8">
        <v>1</v>
      </c>
      <c r="H24202" s="8">
        <v>1</v>
      </c>
      <c r="I24202" s="8">
        <v>0</v>
      </c>
      <c r="J24202" s="8">
        <v>1</v>
      </c>
      <c r="K24202" s="9">
        <v>224</v>
      </c>
      <c r="L24202" s="6" t="s">
        <v>4151</v>
      </c>
    </row>
    <row r="24203" spans="1:12">
      <c r="A24203" s="6" t="s">
        <v>4151</v>
      </c>
      <c r="B24203" s="6"/>
      <c r="C24203" s="6" t="s">
        <v>24239</v>
      </c>
      <c r="D24203" s="6"/>
      <c r="E24203" s="6" t="s">
        <v>9</v>
      </c>
      <c r="F24203" s="7"/>
      <c r="G24203" s="8">
        <v>1</v>
      </c>
      <c r="H24203" s="8">
        <v>1</v>
      </c>
      <c r="I24203" s="8">
        <v>0</v>
      </c>
      <c r="J24203" s="8">
        <v>1</v>
      </c>
      <c r="K24203" s="9">
        <v>314</v>
      </c>
      <c r="L24203" s="6" t="s">
        <v>4151</v>
      </c>
    </row>
    <row r="24204" spans="1:12">
      <c r="A24204" s="6" t="s">
        <v>4151</v>
      </c>
      <c r="B24204" s="6"/>
      <c r="C24204" s="6" t="s">
        <v>24240</v>
      </c>
      <c r="D24204" s="6"/>
      <c r="E24204" s="6" t="s">
        <v>9</v>
      </c>
      <c r="F24204" s="7">
        <v>38657</v>
      </c>
      <c r="G24204" s="8">
        <v>1</v>
      </c>
      <c r="H24204" s="8">
        <v>1</v>
      </c>
      <c r="I24204" s="8">
        <v>0</v>
      </c>
      <c r="J24204" s="8">
        <v>1</v>
      </c>
      <c r="K24204" s="9">
        <v>70</v>
      </c>
      <c r="L24204" s="6" t="s">
        <v>4151</v>
      </c>
    </row>
    <row r="24205" spans="1:12">
      <c r="A24205" s="6" t="s">
        <v>4151</v>
      </c>
      <c r="B24205" s="6"/>
      <c r="C24205" s="6" t="s">
        <v>24241</v>
      </c>
      <c r="D24205" s="6"/>
      <c r="E24205" s="6" t="s">
        <v>9</v>
      </c>
      <c r="F24205" s="7"/>
      <c r="G24205" s="8">
        <v>1</v>
      </c>
      <c r="H24205" s="8">
        <v>1</v>
      </c>
      <c r="I24205" s="8">
        <v>0</v>
      </c>
      <c r="J24205" s="8">
        <v>1</v>
      </c>
      <c r="K24205" s="9">
        <v>472</v>
      </c>
      <c r="L24205" s="6" t="s">
        <v>4151</v>
      </c>
    </row>
    <row r="24206" spans="1:12">
      <c r="A24206" s="6" t="s">
        <v>4151</v>
      </c>
      <c r="B24206" s="6"/>
      <c r="C24206" s="6" t="s">
        <v>24242</v>
      </c>
      <c r="D24206" s="6"/>
      <c r="E24206" s="6" t="s">
        <v>9</v>
      </c>
      <c r="F24206" s="7"/>
      <c r="G24206" s="8">
        <v>1</v>
      </c>
      <c r="H24206" s="8">
        <v>1</v>
      </c>
      <c r="I24206" s="8">
        <v>0</v>
      </c>
      <c r="J24206" s="8">
        <v>1</v>
      </c>
      <c r="K24206" s="9">
        <v>109</v>
      </c>
      <c r="L24206" s="6" t="s">
        <v>4151</v>
      </c>
    </row>
    <row r="24207" spans="1:12">
      <c r="A24207" s="6" t="s">
        <v>4151</v>
      </c>
      <c r="B24207" s="6"/>
      <c r="C24207" s="6" t="s">
        <v>24243</v>
      </c>
      <c r="D24207" s="6"/>
      <c r="E24207" s="6" t="s">
        <v>9</v>
      </c>
      <c r="F24207" s="7"/>
      <c r="G24207" s="8">
        <v>1</v>
      </c>
      <c r="H24207" s="8">
        <v>1</v>
      </c>
      <c r="I24207" s="8">
        <v>0</v>
      </c>
      <c r="J24207" s="8">
        <v>1</v>
      </c>
      <c r="K24207" s="9">
        <v>327</v>
      </c>
      <c r="L24207" s="6" t="s">
        <v>4151</v>
      </c>
    </row>
    <row r="24208" spans="1:12">
      <c r="A24208" s="6" t="s">
        <v>4151</v>
      </c>
      <c r="B24208" s="6"/>
      <c r="C24208" s="6" t="s">
        <v>24244</v>
      </c>
      <c r="D24208" s="6"/>
      <c r="E24208" s="6" t="s">
        <v>9</v>
      </c>
      <c r="F24208" s="7"/>
      <c r="G24208" s="8">
        <v>1</v>
      </c>
      <c r="H24208" s="8">
        <v>1</v>
      </c>
      <c r="I24208" s="8">
        <v>0</v>
      </c>
      <c r="J24208" s="8">
        <v>1</v>
      </c>
      <c r="K24208" s="9">
        <v>52</v>
      </c>
      <c r="L24208" s="6" t="s">
        <v>4151</v>
      </c>
    </row>
    <row r="24209" spans="1:12">
      <c r="A24209" s="6" t="s">
        <v>4151</v>
      </c>
      <c r="B24209" s="6"/>
      <c r="C24209" s="6" t="s">
        <v>24245</v>
      </c>
      <c r="D24209" s="6"/>
      <c r="E24209" s="6" t="s">
        <v>9</v>
      </c>
      <c r="F24209" s="7"/>
      <c r="G24209" s="8">
        <v>1</v>
      </c>
      <c r="H24209" s="8">
        <v>1</v>
      </c>
      <c r="I24209" s="8">
        <v>0</v>
      </c>
      <c r="J24209" s="8">
        <v>1</v>
      </c>
      <c r="K24209" s="9">
        <v>76</v>
      </c>
      <c r="L24209" s="6" t="s">
        <v>4151</v>
      </c>
    </row>
    <row r="24210" spans="1:12">
      <c r="A24210" s="6" t="s">
        <v>4151</v>
      </c>
      <c r="B24210" s="6"/>
      <c r="C24210" s="6" t="s">
        <v>24246</v>
      </c>
      <c r="D24210" s="6"/>
      <c r="E24210" s="6" t="s">
        <v>9</v>
      </c>
      <c r="F24210" s="7"/>
      <c r="G24210" s="8">
        <v>1</v>
      </c>
      <c r="H24210" s="8">
        <v>1</v>
      </c>
      <c r="I24210" s="8">
        <v>0</v>
      </c>
      <c r="J24210" s="8">
        <v>1</v>
      </c>
      <c r="K24210" s="9">
        <v>1421</v>
      </c>
      <c r="L24210" s="6" t="s">
        <v>4151</v>
      </c>
    </row>
    <row r="24211" spans="1:12">
      <c r="A24211" s="6" t="s">
        <v>4151</v>
      </c>
      <c r="B24211" s="6"/>
      <c r="C24211" s="6" t="s">
        <v>24247</v>
      </c>
      <c r="D24211" s="6"/>
      <c r="E24211" s="6" t="s">
        <v>9</v>
      </c>
      <c r="F24211" s="7"/>
      <c r="G24211" s="8">
        <v>1</v>
      </c>
      <c r="H24211" s="8">
        <v>1</v>
      </c>
      <c r="I24211" s="8">
        <v>0</v>
      </c>
      <c r="J24211" s="8">
        <v>1</v>
      </c>
      <c r="K24211" s="9">
        <v>13</v>
      </c>
      <c r="L24211" s="6" t="s">
        <v>4151</v>
      </c>
    </row>
    <row r="24212" spans="1:12">
      <c r="A24212" s="6" t="s">
        <v>4151</v>
      </c>
      <c r="B24212" s="6"/>
      <c r="C24212" s="6" t="s">
        <v>24248</v>
      </c>
      <c r="D24212" s="6"/>
      <c r="E24212" s="6" t="s">
        <v>9</v>
      </c>
      <c r="F24212" s="7"/>
      <c r="G24212" s="8">
        <v>1</v>
      </c>
      <c r="H24212" s="8">
        <v>1</v>
      </c>
      <c r="I24212" s="8">
        <v>0</v>
      </c>
      <c r="J24212" s="8">
        <v>1</v>
      </c>
      <c r="K24212" s="9">
        <v>19</v>
      </c>
      <c r="L24212" s="6" t="s">
        <v>4151</v>
      </c>
    </row>
    <row r="24213" spans="1:12">
      <c r="A24213" s="6" t="s">
        <v>4151</v>
      </c>
      <c r="B24213" s="6"/>
      <c r="C24213" s="6" t="s">
        <v>24249</v>
      </c>
      <c r="D24213" s="6"/>
      <c r="E24213" s="6" t="s">
        <v>9</v>
      </c>
      <c r="F24213" s="7"/>
      <c r="G24213" s="8">
        <v>1</v>
      </c>
      <c r="H24213" s="8">
        <v>1</v>
      </c>
      <c r="I24213" s="8">
        <v>0</v>
      </c>
      <c r="J24213" s="8">
        <v>1</v>
      </c>
      <c r="K24213" s="9">
        <v>214</v>
      </c>
      <c r="L24213" s="6" t="s">
        <v>4151</v>
      </c>
    </row>
    <row r="24214" spans="1:12">
      <c r="A24214" s="6" t="s">
        <v>4151</v>
      </c>
      <c r="B24214" s="6"/>
      <c r="C24214" s="6" t="s">
        <v>24250</v>
      </c>
      <c r="D24214" s="6"/>
      <c r="E24214" s="6" t="s">
        <v>9</v>
      </c>
      <c r="F24214" s="7">
        <v>42956</v>
      </c>
      <c r="G24214" s="8">
        <v>1</v>
      </c>
      <c r="H24214" s="8">
        <v>1</v>
      </c>
      <c r="I24214" s="8">
        <v>0</v>
      </c>
      <c r="J24214" s="8">
        <v>1</v>
      </c>
      <c r="K24214" s="9">
        <v>9.7100000000000009</v>
      </c>
      <c r="L24214" s="6" t="s">
        <v>4151</v>
      </c>
    </row>
    <row r="24215" spans="1:12">
      <c r="A24215" s="6" t="s">
        <v>4151</v>
      </c>
      <c r="B24215" s="6"/>
      <c r="C24215" s="6" t="s">
        <v>24251</v>
      </c>
      <c r="D24215" s="6"/>
      <c r="E24215" s="6" t="s">
        <v>9</v>
      </c>
      <c r="F24215" s="7">
        <v>38657</v>
      </c>
      <c r="G24215" s="8">
        <v>1</v>
      </c>
      <c r="H24215" s="8">
        <v>1</v>
      </c>
      <c r="I24215" s="8">
        <v>0</v>
      </c>
      <c r="J24215" s="8">
        <v>1</v>
      </c>
      <c r="K24215" s="9">
        <v>47</v>
      </c>
      <c r="L24215" s="6" t="s">
        <v>4151</v>
      </c>
    </row>
    <row r="24216" spans="1:12">
      <c r="A24216" s="6" t="s">
        <v>4151</v>
      </c>
      <c r="B24216" s="6"/>
      <c r="C24216" s="6" t="s">
        <v>24252</v>
      </c>
      <c r="D24216" s="6"/>
      <c r="E24216" s="6" t="s">
        <v>9</v>
      </c>
      <c r="F24216" s="7">
        <v>42956</v>
      </c>
      <c r="G24216" s="8">
        <v>1</v>
      </c>
      <c r="H24216" s="8">
        <v>1</v>
      </c>
      <c r="I24216" s="8">
        <v>0</v>
      </c>
      <c r="J24216" s="8">
        <v>1</v>
      </c>
      <c r="K24216" s="9">
        <v>19</v>
      </c>
      <c r="L24216" s="6" t="s">
        <v>4151</v>
      </c>
    </row>
    <row r="24217" spans="1:12">
      <c r="A24217" s="6" t="s">
        <v>4151</v>
      </c>
      <c r="B24217" s="6"/>
      <c r="C24217" s="6" t="s">
        <v>24253</v>
      </c>
      <c r="D24217" s="6"/>
      <c r="E24217" s="6" t="s">
        <v>9</v>
      </c>
      <c r="F24217" s="7">
        <v>42956</v>
      </c>
      <c r="G24217" s="8">
        <v>1</v>
      </c>
      <c r="H24217" s="8">
        <v>1</v>
      </c>
      <c r="I24217" s="8">
        <v>0</v>
      </c>
      <c r="J24217" s="8">
        <v>1</v>
      </c>
      <c r="K24217" s="9">
        <v>17</v>
      </c>
      <c r="L24217" s="6" t="s">
        <v>4151</v>
      </c>
    </row>
    <row r="24218" spans="1:12">
      <c r="A24218" s="6" t="s">
        <v>4151</v>
      </c>
      <c r="B24218" s="6"/>
      <c r="C24218" s="6" t="s">
        <v>24254</v>
      </c>
      <c r="D24218" s="6"/>
      <c r="E24218" s="6" t="s">
        <v>9</v>
      </c>
      <c r="F24218" s="7">
        <v>43005</v>
      </c>
      <c r="G24218" s="8">
        <v>1</v>
      </c>
      <c r="H24218" s="8">
        <v>1</v>
      </c>
      <c r="I24218" s="8">
        <v>0</v>
      </c>
      <c r="J24218" s="8">
        <v>1</v>
      </c>
      <c r="K24218" s="9">
        <v>53</v>
      </c>
      <c r="L24218" s="6" t="s">
        <v>4151</v>
      </c>
    </row>
    <row r="24219" spans="1:12">
      <c r="A24219" s="6" t="s">
        <v>4151</v>
      </c>
      <c r="B24219" s="6"/>
      <c r="C24219" s="6" t="s">
        <v>24255</v>
      </c>
      <c r="D24219" s="6"/>
      <c r="E24219" s="6" t="s">
        <v>9</v>
      </c>
      <c r="F24219" s="7">
        <v>43018</v>
      </c>
      <c r="G24219" s="8">
        <v>1</v>
      </c>
      <c r="H24219" s="8">
        <v>1</v>
      </c>
      <c r="I24219" s="8">
        <v>0</v>
      </c>
      <c r="J24219" s="8">
        <v>1</v>
      </c>
      <c r="K24219" s="9">
        <v>16</v>
      </c>
      <c r="L24219" s="6" t="s">
        <v>4151</v>
      </c>
    </row>
    <row r="24220" spans="1:12">
      <c r="A24220" s="6" t="s">
        <v>4151</v>
      </c>
      <c r="B24220" s="6"/>
      <c r="C24220" s="6" t="s">
        <v>24256</v>
      </c>
      <c r="D24220" s="6"/>
      <c r="E24220" s="6" t="s">
        <v>9</v>
      </c>
      <c r="F24220" s="7">
        <v>43073</v>
      </c>
      <c r="G24220" s="8">
        <v>1</v>
      </c>
      <c r="H24220" s="8">
        <v>1</v>
      </c>
      <c r="I24220" s="8">
        <v>0</v>
      </c>
      <c r="J24220" s="8">
        <v>1</v>
      </c>
      <c r="K24220" s="9">
        <v>7.94</v>
      </c>
      <c r="L24220" s="6" t="s">
        <v>4151</v>
      </c>
    </row>
    <row r="24221" spans="1:12">
      <c r="A24221" s="6" t="s">
        <v>4151</v>
      </c>
      <c r="B24221" s="6"/>
      <c r="C24221" s="6" t="s">
        <v>24257</v>
      </c>
      <c r="D24221" s="6"/>
      <c r="E24221" s="6" t="s">
        <v>9</v>
      </c>
      <c r="F24221" s="7">
        <v>43073</v>
      </c>
      <c r="G24221" s="8">
        <v>1</v>
      </c>
      <c r="H24221" s="8">
        <v>1</v>
      </c>
      <c r="I24221" s="8">
        <v>0</v>
      </c>
      <c r="J24221" s="8">
        <v>1</v>
      </c>
      <c r="K24221" s="9">
        <v>8.06</v>
      </c>
      <c r="L24221" s="6" t="s">
        <v>4151</v>
      </c>
    </row>
    <row r="24222" spans="1:12">
      <c r="A24222" s="6" t="s">
        <v>4151</v>
      </c>
      <c r="B24222" s="6"/>
      <c r="C24222" s="6" t="s">
        <v>24258</v>
      </c>
      <c r="D24222" s="6"/>
      <c r="E24222" s="6" t="s">
        <v>9</v>
      </c>
      <c r="F24222" s="7">
        <v>43073</v>
      </c>
      <c r="G24222" s="8">
        <v>1</v>
      </c>
      <c r="H24222" s="8">
        <v>1</v>
      </c>
      <c r="I24222" s="8">
        <v>0</v>
      </c>
      <c r="J24222" s="8">
        <v>1</v>
      </c>
      <c r="K24222" s="9">
        <v>2.50999999999999</v>
      </c>
      <c r="L24222" s="6" t="s">
        <v>4151</v>
      </c>
    </row>
    <row r="24223" spans="1:12">
      <c r="A24223" s="6" t="s">
        <v>4151</v>
      </c>
      <c r="B24223" s="6"/>
      <c r="C24223" s="6" t="s">
        <v>24259</v>
      </c>
      <c r="D24223" s="6"/>
      <c r="E24223" s="6" t="s">
        <v>9</v>
      </c>
      <c r="F24223" s="7">
        <v>43073</v>
      </c>
      <c r="G24223" s="8">
        <v>1</v>
      </c>
      <c r="H24223" s="8">
        <v>1</v>
      </c>
      <c r="I24223" s="8">
        <v>0</v>
      </c>
      <c r="J24223" s="8">
        <v>1</v>
      </c>
      <c r="K24223" s="9">
        <v>8.02</v>
      </c>
      <c r="L24223" s="6" t="s">
        <v>4151</v>
      </c>
    </row>
    <row r="24224" spans="1:12">
      <c r="A24224" s="6" t="s">
        <v>4151</v>
      </c>
      <c r="B24224" s="6"/>
      <c r="C24224" s="6" t="s">
        <v>24260</v>
      </c>
      <c r="D24224" s="6"/>
      <c r="E24224" s="6" t="s">
        <v>9</v>
      </c>
      <c r="F24224" s="7">
        <v>43073</v>
      </c>
      <c r="G24224" s="8">
        <v>1</v>
      </c>
      <c r="H24224" s="8">
        <v>1</v>
      </c>
      <c r="I24224" s="8">
        <v>0</v>
      </c>
      <c r="J24224" s="8">
        <v>1</v>
      </c>
      <c r="K24224" s="9">
        <v>20</v>
      </c>
      <c r="L24224" s="6" t="s">
        <v>4151</v>
      </c>
    </row>
    <row r="24225" spans="1:12">
      <c r="A24225" s="6" t="s">
        <v>4151</v>
      </c>
      <c r="B24225" s="6"/>
      <c r="C24225" s="6" t="s">
        <v>24261</v>
      </c>
      <c r="D24225" s="6"/>
      <c r="E24225" s="6" t="s">
        <v>9</v>
      </c>
      <c r="F24225" s="7">
        <v>43073</v>
      </c>
      <c r="G24225" s="8">
        <v>1</v>
      </c>
      <c r="H24225" s="8">
        <v>1</v>
      </c>
      <c r="I24225" s="8">
        <v>0</v>
      </c>
      <c r="J24225" s="8">
        <v>1</v>
      </c>
      <c r="K24225" s="9">
        <v>62</v>
      </c>
      <c r="L24225" s="6" t="s">
        <v>4151</v>
      </c>
    </row>
    <row r="24226" spans="1:12">
      <c r="A24226" s="6" t="s">
        <v>4151</v>
      </c>
      <c r="B24226" s="6"/>
      <c r="C24226" s="6" t="s">
        <v>24262</v>
      </c>
      <c r="D24226" s="6"/>
      <c r="E24226" s="6" t="s">
        <v>9</v>
      </c>
      <c r="F24226" s="7">
        <v>38657</v>
      </c>
      <c r="G24226" s="8">
        <v>1</v>
      </c>
      <c r="H24226" s="8">
        <v>1</v>
      </c>
      <c r="I24226" s="8">
        <v>0</v>
      </c>
      <c r="J24226" s="8">
        <v>1</v>
      </c>
      <c r="K24226" s="9">
        <v>31</v>
      </c>
      <c r="L24226" s="6" t="s">
        <v>4151</v>
      </c>
    </row>
    <row r="24227" spans="1:12">
      <c r="A24227" s="6" t="s">
        <v>4151</v>
      </c>
      <c r="B24227" s="6"/>
      <c r="C24227" s="6" t="s">
        <v>24263</v>
      </c>
      <c r="D24227" s="6"/>
      <c r="E24227" s="6" t="s">
        <v>9</v>
      </c>
      <c r="F24227" s="7">
        <v>43073</v>
      </c>
      <c r="G24227" s="8">
        <v>1</v>
      </c>
      <c r="H24227" s="8">
        <v>1</v>
      </c>
      <c r="I24227" s="8">
        <v>0</v>
      </c>
      <c r="J24227" s="8">
        <v>1</v>
      </c>
      <c r="K24227" s="9">
        <v>0.99</v>
      </c>
      <c r="L24227" s="6" t="s">
        <v>4151</v>
      </c>
    </row>
    <row r="24228" spans="1:12">
      <c r="A24228" s="6" t="s">
        <v>4151</v>
      </c>
      <c r="B24228" s="6"/>
      <c r="C24228" s="6" t="s">
        <v>24264</v>
      </c>
      <c r="D24228" s="6"/>
      <c r="E24228" s="6" t="s">
        <v>9</v>
      </c>
      <c r="F24228" s="7">
        <v>43073</v>
      </c>
      <c r="G24228" s="8">
        <v>1</v>
      </c>
      <c r="H24228" s="8">
        <v>1</v>
      </c>
      <c r="I24228" s="8">
        <v>0</v>
      </c>
      <c r="J24228" s="8">
        <v>1</v>
      </c>
      <c r="K24228" s="9">
        <v>10</v>
      </c>
      <c r="L24228" s="6" t="s">
        <v>4151</v>
      </c>
    </row>
    <row r="24229" spans="1:12">
      <c r="A24229" s="6" t="s">
        <v>4151</v>
      </c>
      <c r="B24229" s="6"/>
      <c r="C24229" s="6" t="s">
        <v>24265</v>
      </c>
      <c r="D24229" s="6"/>
      <c r="E24229" s="6" t="s">
        <v>9</v>
      </c>
      <c r="F24229" s="7">
        <v>43073</v>
      </c>
      <c r="G24229" s="8">
        <v>1</v>
      </c>
      <c r="H24229" s="8">
        <v>1</v>
      </c>
      <c r="I24229" s="8">
        <v>0</v>
      </c>
      <c r="J24229" s="8">
        <v>1</v>
      </c>
      <c r="K24229" s="9">
        <v>3.14</v>
      </c>
      <c r="L24229" s="6" t="s">
        <v>4151</v>
      </c>
    </row>
    <row r="24230" spans="1:12">
      <c r="A24230" s="6" t="s">
        <v>4151</v>
      </c>
      <c r="B24230" s="6"/>
      <c r="C24230" s="6" t="s">
        <v>24266</v>
      </c>
      <c r="D24230" s="6"/>
      <c r="E24230" s="6" t="s">
        <v>9</v>
      </c>
      <c r="F24230" s="7">
        <v>43073</v>
      </c>
      <c r="G24230" s="8">
        <v>1</v>
      </c>
      <c r="H24230" s="8">
        <v>1</v>
      </c>
      <c r="I24230" s="8">
        <v>0</v>
      </c>
      <c r="J24230" s="8">
        <v>1</v>
      </c>
      <c r="K24230" s="9">
        <v>15</v>
      </c>
      <c r="L24230" s="6" t="s">
        <v>4151</v>
      </c>
    </row>
    <row r="24231" spans="1:12">
      <c r="A24231" s="6" t="s">
        <v>4151</v>
      </c>
      <c r="B24231" s="6"/>
      <c r="C24231" s="6" t="s">
        <v>24267</v>
      </c>
      <c r="D24231" s="6"/>
      <c r="E24231" s="6" t="s">
        <v>9</v>
      </c>
      <c r="F24231" s="7">
        <v>43073</v>
      </c>
      <c r="G24231" s="8">
        <v>1</v>
      </c>
      <c r="H24231" s="8">
        <v>1</v>
      </c>
      <c r="I24231" s="8">
        <v>0</v>
      </c>
      <c r="J24231" s="8">
        <v>1</v>
      </c>
      <c r="K24231" s="9">
        <v>0.17</v>
      </c>
      <c r="L24231" s="6" t="s">
        <v>4151</v>
      </c>
    </row>
    <row r="24232" spans="1:12">
      <c r="A24232" s="6" t="s">
        <v>4151</v>
      </c>
      <c r="B24232" s="6"/>
      <c r="C24232" s="6" t="s">
        <v>24268</v>
      </c>
      <c r="D24232" s="6"/>
      <c r="E24232" s="6" t="s">
        <v>9</v>
      </c>
      <c r="F24232" s="7">
        <v>43073</v>
      </c>
      <c r="G24232" s="8">
        <v>1</v>
      </c>
      <c r="H24232" s="8">
        <v>1</v>
      </c>
      <c r="I24232" s="8">
        <v>0</v>
      </c>
      <c r="J24232" s="8">
        <v>1</v>
      </c>
      <c r="K24232" s="9">
        <v>18</v>
      </c>
      <c r="L24232" s="6" t="s">
        <v>4151</v>
      </c>
    </row>
    <row r="24233" spans="1:12">
      <c r="A24233" s="6" t="s">
        <v>4151</v>
      </c>
      <c r="B24233" s="6"/>
      <c r="C24233" s="6" t="s">
        <v>24269</v>
      </c>
      <c r="D24233" s="6"/>
      <c r="E24233" s="6" t="s">
        <v>9</v>
      </c>
      <c r="F24233" s="7">
        <v>43073</v>
      </c>
      <c r="G24233" s="8">
        <v>1</v>
      </c>
      <c r="H24233" s="8">
        <v>1</v>
      </c>
      <c r="I24233" s="8">
        <v>0</v>
      </c>
      <c r="J24233" s="8">
        <v>1</v>
      </c>
      <c r="K24233" s="9">
        <v>36</v>
      </c>
      <c r="L24233" s="6" t="s">
        <v>4151</v>
      </c>
    </row>
    <row r="24234" spans="1:12">
      <c r="A24234" s="6" t="s">
        <v>4151</v>
      </c>
      <c r="B24234" s="6"/>
      <c r="C24234" s="6" t="s">
        <v>24270</v>
      </c>
      <c r="D24234" s="6"/>
      <c r="E24234" s="6" t="s">
        <v>9</v>
      </c>
      <c r="F24234" s="7">
        <v>43073</v>
      </c>
      <c r="G24234" s="8">
        <v>1</v>
      </c>
      <c r="H24234" s="8">
        <v>1</v>
      </c>
      <c r="I24234" s="8">
        <v>0</v>
      </c>
      <c r="J24234" s="8">
        <v>1</v>
      </c>
      <c r="K24234" s="9">
        <v>7.0000000000000007E-2</v>
      </c>
      <c r="L24234" s="6" t="s">
        <v>4151</v>
      </c>
    </row>
    <row r="24235" spans="1:12">
      <c r="A24235" s="6" t="s">
        <v>4151</v>
      </c>
      <c r="B24235" s="6"/>
      <c r="C24235" s="6" t="s">
        <v>24271</v>
      </c>
      <c r="D24235" s="6"/>
      <c r="E24235" s="6" t="s">
        <v>9</v>
      </c>
      <c r="F24235" s="7">
        <v>43073</v>
      </c>
      <c r="G24235" s="8">
        <v>1</v>
      </c>
      <c r="H24235" s="8">
        <v>1</v>
      </c>
      <c r="I24235" s="8">
        <v>0</v>
      </c>
      <c r="J24235" s="8">
        <v>1</v>
      </c>
      <c r="K24235" s="9">
        <v>6.68</v>
      </c>
      <c r="L24235" s="6" t="s">
        <v>4151</v>
      </c>
    </row>
    <row r="24236" spans="1:12">
      <c r="A24236" s="6" t="s">
        <v>4151</v>
      </c>
      <c r="B24236" s="6"/>
      <c r="C24236" s="6" t="s">
        <v>24272</v>
      </c>
      <c r="D24236" s="6"/>
      <c r="E24236" s="6" t="s">
        <v>9</v>
      </c>
      <c r="F24236" s="7">
        <v>43073</v>
      </c>
      <c r="G24236" s="8">
        <v>1</v>
      </c>
      <c r="H24236" s="8">
        <v>1</v>
      </c>
      <c r="I24236" s="8">
        <v>0</v>
      </c>
      <c r="J24236" s="8">
        <v>1</v>
      </c>
      <c r="K24236" s="9">
        <v>18</v>
      </c>
      <c r="L24236" s="6" t="s">
        <v>4151</v>
      </c>
    </row>
    <row r="24237" spans="1:12">
      <c r="A24237" s="6" t="s">
        <v>4151</v>
      </c>
      <c r="B24237" s="6"/>
      <c r="C24237" s="6" t="s">
        <v>24273</v>
      </c>
      <c r="D24237" s="6"/>
      <c r="E24237" s="6" t="s">
        <v>9</v>
      </c>
      <c r="F24237" s="7">
        <v>38657</v>
      </c>
      <c r="G24237" s="8">
        <v>1</v>
      </c>
      <c r="H24237" s="8">
        <v>1</v>
      </c>
      <c r="I24237" s="8">
        <v>0</v>
      </c>
      <c r="J24237" s="8">
        <v>1</v>
      </c>
      <c r="K24237" s="9">
        <v>24</v>
      </c>
      <c r="L24237" s="6" t="s">
        <v>4151</v>
      </c>
    </row>
    <row r="24238" spans="1:12">
      <c r="A24238" s="6" t="s">
        <v>4151</v>
      </c>
      <c r="B24238" s="6"/>
      <c r="C24238" s="6" t="s">
        <v>24274</v>
      </c>
      <c r="D24238" s="6"/>
      <c r="E24238" s="6" t="s">
        <v>9</v>
      </c>
      <c r="F24238" s="7">
        <v>43073</v>
      </c>
      <c r="G24238" s="8">
        <v>1</v>
      </c>
      <c r="H24238" s="8">
        <v>1</v>
      </c>
      <c r="I24238" s="8">
        <v>0</v>
      </c>
      <c r="J24238" s="8">
        <v>1</v>
      </c>
      <c r="K24238" s="9">
        <v>45</v>
      </c>
      <c r="L24238" s="6" t="s">
        <v>4151</v>
      </c>
    </row>
    <row r="24239" spans="1:12">
      <c r="A24239" s="6" t="s">
        <v>4151</v>
      </c>
      <c r="B24239" s="6"/>
      <c r="C24239" s="6" t="s">
        <v>24275</v>
      </c>
      <c r="D24239" s="6"/>
      <c r="E24239" s="6" t="s">
        <v>9</v>
      </c>
      <c r="F24239" s="7">
        <v>43073</v>
      </c>
      <c r="G24239" s="8">
        <v>1</v>
      </c>
      <c r="H24239" s="8">
        <v>1</v>
      </c>
      <c r="I24239" s="8">
        <v>0</v>
      </c>
      <c r="J24239" s="8">
        <v>1</v>
      </c>
      <c r="K24239" s="9">
        <v>9.4700000000000006</v>
      </c>
      <c r="L24239" s="6" t="s">
        <v>4151</v>
      </c>
    </row>
    <row r="24240" spans="1:12">
      <c r="A24240" s="6" t="s">
        <v>4151</v>
      </c>
      <c r="B24240" s="6"/>
      <c r="C24240" s="6" t="s">
        <v>24276</v>
      </c>
      <c r="D24240" s="6"/>
      <c r="E24240" s="6" t="s">
        <v>9</v>
      </c>
      <c r="F24240" s="7">
        <v>43073</v>
      </c>
      <c r="G24240" s="8">
        <v>1</v>
      </c>
      <c r="H24240" s="8">
        <v>1</v>
      </c>
      <c r="I24240" s="8">
        <v>0</v>
      </c>
      <c r="J24240" s="8">
        <v>1</v>
      </c>
      <c r="K24240" s="9">
        <v>25</v>
      </c>
      <c r="L24240" s="6" t="s">
        <v>4151</v>
      </c>
    </row>
    <row r="24241" spans="1:12">
      <c r="A24241" s="6" t="s">
        <v>4151</v>
      </c>
      <c r="B24241" s="6"/>
      <c r="C24241" s="6" t="s">
        <v>24277</v>
      </c>
      <c r="D24241" s="6"/>
      <c r="E24241" s="6" t="s">
        <v>9</v>
      </c>
      <c r="F24241" s="7">
        <v>42889</v>
      </c>
      <c r="G24241" s="8">
        <v>1</v>
      </c>
      <c r="H24241" s="8">
        <v>1</v>
      </c>
      <c r="I24241" s="8">
        <v>0</v>
      </c>
      <c r="J24241" s="8">
        <v>1</v>
      </c>
      <c r="K24241" s="9">
        <v>10</v>
      </c>
      <c r="L24241" s="6" t="s">
        <v>4151</v>
      </c>
    </row>
    <row r="24242" spans="1:12">
      <c r="A24242" s="6" t="s">
        <v>4151</v>
      </c>
      <c r="B24242" s="6"/>
      <c r="C24242" s="6" t="s">
        <v>24278</v>
      </c>
      <c r="D24242" s="6"/>
      <c r="E24242" s="6" t="s">
        <v>9</v>
      </c>
      <c r="F24242" s="7">
        <v>42889</v>
      </c>
      <c r="G24242" s="8">
        <v>1</v>
      </c>
      <c r="H24242" s="8">
        <v>1</v>
      </c>
      <c r="I24242" s="8">
        <v>0</v>
      </c>
      <c r="J24242" s="8">
        <v>1</v>
      </c>
      <c r="K24242" s="9">
        <v>271</v>
      </c>
      <c r="L24242" s="6" t="s">
        <v>4151</v>
      </c>
    </row>
    <row r="24243" spans="1:12">
      <c r="A24243" s="6" t="s">
        <v>4151</v>
      </c>
      <c r="B24243" s="6"/>
      <c r="C24243" s="6" t="s">
        <v>24279</v>
      </c>
      <c r="D24243" s="6"/>
      <c r="E24243" s="6" t="s">
        <v>9</v>
      </c>
      <c r="F24243" s="7">
        <v>42889</v>
      </c>
      <c r="G24243" s="8">
        <v>1</v>
      </c>
      <c r="H24243" s="8">
        <v>1</v>
      </c>
      <c r="I24243" s="8">
        <v>0</v>
      </c>
      <c r="J24243" s="8">
        <v>1</v>
      </c>
      <c r="K24243" s="9">
        <v>1407</v>
      </c>
      <c r="L24243" s="6" t="s">
        <v>4151</v>
      </c>
    </row>
    <row r="24244" spans="1:12">
      <c r="A24244" s="6" t="s">
        <v>4151</v>
      </c>
      <c r="B24244" s="6"/>
      <c r="C24244" s="6" t="s">
        <v>24280</v>
      </c>
      <c r="D24244" s="6"/>
      <c r="E24244" s="6" t="s">
        <v>9</v>
      </c>
      <c r="F24244" s="7">
        <v>42889</v>
      </c>
      <c r="G24244" s="8">
        <v>1</v>
      </c>
      <c r="H24244" s="8">
        <v>1</v>
      </c>
      <c r="I24244" s="8">
        <v>0</v>
      </c>
      <c r="J24244" s="8">
        <v>1</v>
      </c>
      <c r="K24244" s="9">
        <v>533</v>
      </c>
      <c r="L24244" s="6" t="s">
        <v>4151</v>
      </c>
    </row>
    <row r="24245" spans="1:12">
      <c r="A24245" s="6" t="s">
        <v>4151</v>
      </c>
      <c r="B24245" s="6"/>
      <c r="C24245" s="6" t="s">
        <v>24281</v>
      </c>
      <c r="D24245" s="6"/>
      <c r="E24245" s="6" t="s">
        <v>9</v>
      </c>
      <c r="F24245" s="7">
        <v>42889</v>
      </c>
      <c r="G24245" s="8">
        <v>1</v>
      </c>
      <c r="H24245" s="8">
        <v>1</v>
      </c>
      <c r="I24245" s="8">
        <v>0</v>
      </c>
      <c r="J24245" s="8">
        <v>1</v>
      </c>
      <c r="K24245" s="9">
        <v>31</v>
      </c>
      <c r="L24245" s="6" t="s">
        <v>4151</v>
      </c>
    </row>
    <row r="24246" spans="1:12">
      <c r="A24246" s="6" t="s">
        <v>4151</v>
      </c>
      <c r="B24246" s="6"/>
      <c r="C24246" s="6" t="s">
        <v>24282</v>
      </c>
      <c r="D24246" s="6"/>
      <c r="E24246" s="6" t="s">
        <v>9</v>
      </c>
      <c r="F24246" s="7">
        <v>42889</v>
      </c>
      <c r="G24246" s="8">
        <v>1</v>
      </c>
      <c r="H24246" s="8">
        <v>1</v>
      </c>
      <c r="I24246" s="8">
        <v>0</v>
      </c>
      <c r="J24246" s="8">
        <v>1</v>
      </c>
      <c r="K24246" s="9">
        <v>172</v>
      </c>
      <c r="L24246" s="6" t="s">
        <v>4151</v>
      </c>
    </row>
    <row r="24247" spans="1:12">
      <c r="A24247" s="6" t="s">
        <v>4151</v>
      </c>
      <c r="B24247" s="6"/>
      <c r="C24247" s="6" t="s">
        <v>24283</v>
      </c>
      <c r="D24247" s="6"/>
      <c r="E24247" s="6" t="s">
        <v>9</v>
      </c>
      <c r="F24247" s="7">
        <v>42889</v>
      </c>
      <c r="G24247" s="8">
        <v>1</v>
      </c>
      <c r="H24247" s="8">
        <v>1</v>
      </c>
      <c r="I24247" s="8">
        <v>0</v>
      </c>
      <c r="J24247" s="8">
        <v>1</v>
      </c>
      <c r="K24247" s="9">
        <v>86</v>
      </c>
      <c r="L24247" s="6" t="s">
        <v>4151</v>
      </c>
    </row>
    <row r="24248" spans="1:12">
      <c r="A24248" s="6" t="s">
        <v>4151</v>
      </c>
      <c r="B24248" s="6"/>
      <c r="C24248" s="6" t="s">
        <v>24284</v>
      </c>
      <c r="D24248" s="6"/>
      <c r="E24248" s="6" t="s">
        <v>9</v>
      </c>
      <c r="F24248" s="7">
        <v>38657</v>
      </c>
      <c r="G24248" s="8">
        <v>1</v>
      </c>
      <c r="H24248" s="8">
        <v>1</v>
      </c>
      <c r="I24248" s="8">
        <v>0</v>
      </c>
      <c r="J24248" s="8">
        <v>1</v>
      </c>
      <c r="K24248" s="9">
        <v>32</v>
      </c>
      <c r="L24248" s="6" t="s">
        <v>4151</v>
      </c>
    </row>
    <row r="24249" spans="1:12">
      <c r="A24249" s="6" t="s">
        <v>4151</v>
      </c>
      <c r="B24249" s="6"/>
      <c r="C24249" s="6" t="s">
        <v>24285</v>
      </c>
      <c r="D24249" s="6"/>
      <c r="E24249" s="6" t="s">
        <v>9</v>
      </c>
      <c r="F24249" s="7">
        <v>42889</v>
      </c>
      <c r="G24249" s="8">
        <v>1</v>
      </c>
      <c r="H24249" s="8">
        <v>1</v>
      </c>
      <c r="I24249" s="8">
        <v>0</v>
      </c>
      <c r="J24249" s="8">
        <v>1</v>
      </c>
      <c r="K24249" s="9">
        <v>937</v>
      </c>
      <c r="L24249" s="6" t="s">
        <v>4151</v>
      </c>
    </row>
    <row r="24250" spans="1:12">
      <c r="A24250" s="6" t="s">
        <v>4151</v>
      </c>
      <c r="B24250" s="6"/>
      <c r="C24250" s="6" t="s">
        <v>24286</v>
      </c>
      <c r="D24250" s="6"/>
      <c r="E24250" s="6" t="s">
        <v>9</v>
      </c>
      <c r="F24250" s="7">
        <v>42889</v>
      </c>
      <c r="G24250" s="8">
        <v>1</v>
      </c>
      <c r="H24250" s="8">
        <v>1</v>
      </c>
      <c r="I24250" s="8">
        <v>0</v>
      </c>
      <c r="J24250" s="8">
        <v>1</v>
      </c>
      <c r="K24250" s="9">
        <v>538</v>
      </c>
      <c r="L24250" s="6" t="s">
        <v>4151</v>
      </c>
    </row>
    <row r="24251" spans="1:12">
      <c r="A24251" s="6" t="s">
        <v>4151</v>
      </c>
      <c r="B24251" s="6"/>
      <c r="C24251" s="6" t="s">
        <v>24287</v>
      </c>
      <c r="D24251" s="6"/>
      <c r="E24251" s="6" t="s">
        <v>9</v>
      </c>
      <c r="F24251" s="7">
        <v>42889</v>
      </c>
      <c r="G24251" s="8">
        <v>1</v>
      </c>
      <c r="H24251" s="8">
        <v>1</v>
      </c>
      <c r="I24251" s="8">
        <v>0</v>
      </c>
      <c r="J24251" s="8">
        <v>1</v>
      </c>
      <c r="K24251" s="9">
        <v>514</v>
      </c>
      <c r="L24251" s="6" t="s">
        <v>4151</v>
      </c>
    </row>
    <row r="24252" spans="1:12">
      <c r="A24252" s="6" t="s">
        <v>4151</v>
      </c>
      <c r="B24252" s="6"/>
      <c r="C24252" s="6" t="s">
        <v>24288</v>
      </c>
      <c r="D24252" s="6"/>
      <c r="E24252" s="6" t="s">
        <v>9</v>
      </c>
      <c r="F24252" s="7">
        <v>42889</v>
      </c>
      <c r="G24252" s="8">
        <v>1</v>
      </c>
      <c r="H24252" s="8">
        <v>1</v>
      </c>
      <c r="I24252" s="8">
        <v>0</v>
      </c>
      <c r="J24252" s="8">
        <v>1</v>
      </c>
      <c r="K24252" s="9">
        <v>299</v>
      </c>
      <c r="L24252" s="6" t="s">
        <v>4151</v>
      </c>
    </row>
    <row r="24253" spans="1:12">
      <c r="A24253" s="6" t="s">
        <v>4151</v>
      </c>
      <c r="B24253" s="6"/>
      <c r="C24253" s="6" t="s">
        <v>24289</v>
      </c>
      <c r="D24253" s="6"/>
      <c r="E24253" s="6" t="s">
        <v>9</v>
      </c>
      <c r="F24253" s="7">
        <v>42889</v>
      </c>
      <c r="G24253" s="8">
        <v>1</v>
      </c>
      <c r="H24253" s="8">
        <v>1</v>
      </c>
      <c r="I24253" s="8">
        <v>0</v>
      </c>
      <c r="J24253" s="8">
        <v>1</v>
      </c>
      <c r="K24253" s="9">
        <v>3.96</v>
      </c>
      <c r="L24253" s="6" t="s">
        <v>4151</v>
      </c>
    </row>
    <row r="24254" spans="1:12">
      <c r="A24254" s="6" t="s">
        <v>4151</v>
      </c>
      <c r="B24254" s="6"/>
      <c r="C24254" s="6" t="s">
        <v>24290</v>
      </c>
      <c r="D24254" s="6"/>
      <c r="E24254" s="6" t="s">
        <v>9</v>
      </c>
      <c r="F24254" s="7">
        <v>42889</v>
      </c>
      <c r="G24254" s="8">
        <v>1</v>
      </c>
      <c r="H24254" s="8">
        <v>1</v>
      </c>
      <c r="I24254" s="8">
        <v>0</v>
      </c>
      <c r="J24254" s="8">
        <v>1</v>
      </c>
      <c r="K24254" s="9">
        <v>231</v>
      </c>
      <c r="L24254" s="6" t="s">
        <v>4151</v>
      </c>
    </row>
    <row r="24255" spans="1:12">
      <c r="A24255" s="6" t="s">
        <v>4151</v>
      </c>
      <c r="B24255" s="6"/>
      <c r="C24255" s="6" t="s">
        <v>24291</v>
      </c>
      <c r="D24255" s="6"/>
      <c r="E24255" s="6" t="s">
        <v>9</v>
      </c>
      <c r="F24255" s="7">
        <v>42889</v>
      </c>
      <c r="G24255" s="8">
        <v>1</v>
      </c>
      <c r="H24255" s="8">
        <v>1</v>
      </c>
      <c r="I24255" s="8">
        <v>0</v>
      </c>
      <c r="J24255" s="8">
        <v>1</v>
      </c>
      <c r="K24255" s="9">
        <v>522</v>
      </c>
      <c r="L24255" s="6" t="s">
        <v>4151</v>
      </c>
    </row>
    <row r="24256" spans="1:12">
      <c r="A24256" s="6" t="s">
        <v>4151</v>
      </c>
      <c r="B24256" s="6"/>
      <c r="C24256" s="6" t="s">
        <v>24292</v>
      </c>
      <c r="D24256" s="6"/>
      <c r="E24256" s="6" t="s">
        <v>9</v>
      </c>
      <c r="F24256" s="7">
        <v>42889</v>
      </c>
      <c r="G24256" s="8">
        <v>1</v>
      </c>
      <c r="H24256" s="8">
        <v>1</v>
      </c>
      <c r="I24256" s="8">
        <v>0</v>
      </c>
      <c r="J24256" s="8">
        <v>1</v>
      </c>
      <c r="K24256" s="9">
        <v>162</v>
      </c>
      <c r="L24256" s="6" t="s">
        <v>4151</v>
      </c>
    </row>
    <row r="24257" spans="1:12">
      <c r="A24257" s="6" t="s">
        <v>4151</v>
      </c>
      <c r="B24257" s="6"/>
      <c r="C24257" s="6" t="s">
        <v>24293</v>
      </c>
      <c r="D24257" s="6"/>
      <c r="E24257" s="6" t="s">
        <v>9</v>
      </c>
      <c r="F24257" s="7">
        <v>42889</v>
      </c>
      <c r="G24257" s="8">
        <v>1</v>
      </c>
      <c r="H24257" s="8">
        <v>1</v>
      </c>
      <c r="I24257" s="8">
        <v>0</v>
      </c>
      <c r="J24257" s="8">
        <v>1</v>
      </c>
      <c r="K24257" s="9">
        <v>1172</v>
      </c>
      <c r="L24257" s="6" t="s">
        <v>4151</v>
      </c>
    </row>
    <row r="24258" spans="1:12">
      <c r="A24258" s="6" t="s">
        <v>4151</v>
      </c>
      <c r="B24258" s="6"/>
      <c r="C24258" s="6" t="s">
        <v>24294</v>
      </c>
      <c r="D24258" s="6"/>
      <c r="E24258" s="6" t="s">
        <v>9</v>
      </c>
      <c r="F24258" s="7">
        <v>42889</v>
      </c>
      <c r="G24258" s="8">
        <v>1</v>
      </c>
      <c r="H24258" s="8">
        <v>1</v>
      </c>
      <c r="I24258" s="8">
        <v>0</v>
      </c>
      <c r="J24258" s="8">
        <v>1</v>
      </c>
      <c r="K24258" s="9">
        <v>571</v>
      </c>
      <c r="L24258" s="6" t="s">
        <v>4151</v>
      </c>
    </row>
    <row r="24259" spans="1:12">
      <c r="A24259" s="6" t="s">
        <v>4151</v>
      </c>
      <c r="B24259" s="6"/>
      <c r="C24259" s="6" t="s">
        <v>24295</v>
      </c>
      <c r="D24259" s="6"/>
      <c r="E24259" s="6" t="s">
        <v>9</v>
      </c>
      <c r="F24259" s="7">
        <v>38657</v>
      </c>
      <c r="G24259" s="8">
        <v>1</v>
      </c>
      <c r="H24259" s="8">
        <v>1</v>
      </c>
      <c r="I24259" s="8">
        <v>0</v>
      </c>
      <c r="J24259" s="8">
        <v>1</v>
      </c>
      <c r="K24259" s="9">
        <v>60</v>
      </c>
      <c r="L24259" s="6" t="s">
        <v>4151</v>
      </c>
    </row>
    <row r="24260" spans="1:12">
      <c r="A24260" s="6" t="s">
        <v>4151</v>
      </c>
      <c r="B24260" s="6"/>
      <c r="C24260" s="6" t="s">
        <v>24296</v>
      </c>
      <c r="D24260" s="6"/>
      <c r="E24260" s="6" t="s">
        <v>9</v>
      </c>
      <c r="F24260" s="7">
        <v>42889</v>
      </c>
      <c r="G24260" s="8">
        <v>1</v>
      </c>
      <c r="H24260" s="8">
        <v>1</v>
      </c>
      <c r="I24260" s="8">
        <v>0</v>
      </c>
      <c r="J24260" s="8">
        <v>1</v>
      </c>
      <c r="K24260" s="9">
        <v>272</v>
      </c>
      <c r="L24260" s="6" t="s">
        <v>4151</v>
      </c>
    </row>
    <row r="24261" spans="1:12">
      <c r="A24261" s="6" t="s">
        <v>4151</v>
      </c>
      <c r="B24261" s="6"/>
      <c r="C24261" s="6" t="s">
        <v>24297</v>
      </c>
      <c r="D24261" s="6"/>
      <c r="E24261" s="6" t="s">
        <v>9</v>
      </c>
      <c r="F24261" s="7">
        <v>42889</v>
      </c>
      <c r="G24261" s="8">
        <v>1</v>
      </c>
      <c r="H24261" s="8">
        <v>1</v>
      </c>
      <c r="I24261" s="8">
        <v>0</v>
      </c>
      <c r="J24261" s="8">
        <v>1</v>
      </c>
      <c r="K24261" s="9">
        <v>656</v>
      </c>
      <c r="L24261" s="6" t="s">
        <v>4151</v>
      </c>
    </row>
    <row r="24262" spans="1:12">
      <c r="A24262" s="6" t="s">
        <v>4151</v>
      </c>
      <c r="B24262" s="6"/>
      <c r="C24262" s="6" t="s">
        <v>24298</v>
      </c>
      <c r="D24262" s="6"/>
      <c r="E24262" s="6" t="s">
        <v>9</v>
      </c>
      <c r="F24262" s="7">
        <v>42889</v>
      </c>
      <c r="G24262" s="8">
        <v>1</v>
      </c>
      <c r="H24262" s="8">
        <v>1</v>
      </c>
      <c r="I24262" s="8">
        <v>0</v>
      </c>
      <c r="J24262" s="8">
        <v>1</v>
      </c>
      <c r="K24262" s="9">
        <v>1188</v>
      </c>
      <c r="L24262" s="6" t="s">
        <v>4151</v>
      </c>
    </row>
    <row r="24263" spans="1:12">
      <c r="A24263" s="6" t="s">
        <v>4151</v>
      </c>
      <c r="B24263" s="6"/>
      <c r="C24263" s="6" t="s">
        <v>24299</v>
      </c>
      <c r="D24263" s="6"/>
      <c r="E24263" s="6" t="s">
        <v>9</v>
      </c>
      <c r="F24263" s="7">
        <v>42889</v>
      </c>
      <c r="G24263" s="8">
        <v>1</v>
      </c>
      <c r="H24263" s="8">
        <v>1</v>
      </c>
      <c r="I24263" s="8">
        <v>0</v>
      </c>
      <c r="J24263" s="8">
        <v>1</v>
      </c>
      <c r="K24263" s="9">
        <v>444</v>
      </c>
      <c r="L24263" s="6" t="s">
        <v>4151</v>
      </c>
    </row>
    <row r="24264" spans="1:12">
      <c r="A24264" s="6" t="s">
        <v>4151</v>
      </c>
      <c r="B24264" s="6"/>
      <c r="C24264" s="6" t="s">
        <v>24300</v>
      </c>
      <c r="D24264" s="6"/>
      <c r="E24264" s="6" t="s">
        <v>9</v>
      </c>
      <c r="F24264" s="7">
        <v>42889</v>
      </c>
      <c r="G24264" s="8">
        <v>1</v>
      </c>
      <c r="H24264" s="8">
        <v>1</v>
      </c>
      <c r="I24264" s="8">
        <v>0</v>
      </c>
      <c r="J24264" s="8">
        <v>1</v>
      </c>
      <c r="K24264" s="9">
        <v>83</v>
      </c>
      <c r="L24264" s="6" t="s">
        <v>4151</v>
      </c>
    </row>
    <row r="24265" spans="1:12">
      <c r="A24265" s="6" t="s">
        <v>4151</v>
      </c>
      <c r="B24265" s="6"/>
      <c r="C24265" s="6" t="s">
        <v>24301</v>
      </c>
      <c r="D24265" s="6"/>
      <c r="E24265" s="6" t="s">
        <v>9</v>
      </c>
      <c r="F24265" s="7">
        <v>42889</v>
      </c>
      <c r="G24265" s="8">
        <v>1</v>
      </c>
      <c r="H24265" s="8">
        <v>1</v>
      </c>
      <c r="I24265" s="8">
        <v>0</v>
      </c>
      <c r="J24265" s="8">
        <v>1</v>
      </c>
      <c r="K24265" s="9">
        <v>674</v>
      </c>
      <c r="L24265" s="6" t="s">
        <v>4151</v>
      </c>
    </row>
    <row r="24266" spans="1:12">
      <c r="A24266" s="6" t="s">
        <v>4151</v>
      </c>
      <c r="B24266" s="6"/>
      <c r="C24266" s="6" t="s">
        <v>24302</v>
      </c>
      <c r="D24266" s="6"/>
      <c r="E24266" s="6" t="s">
        <v>9</v>
      </c>
      <c r="F24266" s="7">
        <v>42889</v>
      </c>
      <c r="G24266" s="8">
        <v>1</v>
      </c>
      <c r="H24266" s="8">
        <v>1</v>
      </c>
      <c r="I24266" s="8">
        <v>0</v>
      </c>
      <c r="J24266" s="8">
        <v>1</v>
      </c>
      <c r="K24266" s="9">
        <v>21</v>
      </c>
      <c r="L24266" s="6" t="s">
        <v>4151</v>
      </c>
    </row>
    <row r="24267" spans="1:12">
      <c r="A24267" s="6" t="s">
        <v>4151</v>
      </c>
      <c r="B24267" s="6"/>
      <c r="C24267" s="6" t="s">
        <v>24303</v>
      </c>
      <c r="D24267" s="6"/>
      <c r="E24267" s="6" t="s">
        <v>9</v>
      </c>
      <c r="F24267" s="7">
        <v>42889</v>
      </c>
      <c r="G24267" s="8">
        <v>1</v>
      </c>
      <c r="H24267" s="8">
        <v>1</v>
      </c>
      <c r="I24267" s="8">
        <v>0</v>
      </c>
      <c r="J24267" s="8">
        <v>1</v>
      </c>
      <c r="K24267" s="9">
        <v>822</v>
      </c>
      <c r="L24267" s="6" t="s">
        <v>4151</v>
      </c>
    </row>
    <row r="24268" spans="1:12">
      <c r="A24268" s="6" t="s">
        <v>4151</v>
      </c>
      <c r="B24268" s="6"/>
      <c r="C24268" s="6" t="s">
        <v>24304</v>
      </c>
      <c r="D24268" s="6"/>
      <c r="E24268" s="6" t="s">
        <v>9</v>
      </c>
      <c r="F24268" s="7">
        <v>42889</v>
      </c>
      <c r="G24268" s="8">
        <v>1</v>
      </c>
      <c r="H24268" s="8">
        <v>1</v>
      </c>
      <c r="I24268" s="8">
        <v>0</v>
      </c>
      <c r="J24268" s="8">
        <v>1</v>
      </c>
      <c r="K24268" s="9">
        <v>594</v>
      </c>
      <c r="L24268" s="6" t="s">
        <v>4151</v>
      </c>
    </row>
    <row r="24269" spans="1:12">
      <c r="A24269" s="6" t="s">
        <v>4151</v>
      </c>
      <c r="B24269" s="6"/>
      <c r="C24269" s="6" t="s">
        <v>24305</v>
      </c>
      <c r="D24269" s="6"/>
      <c r="E24269" s="6" t="s">
        <v>9</v>
      </c>
      <c r="F24269" s="7">
        <v>42889</v>
      </c>
      <c r="G24269" s="8">
        <v>1</v>
      </c>
      <c r="H24269" s="8">
        <v>1</v>
      </c>
      <c r="I24269" s="8">
        <v>0</v>
      </c>
      <c r="J24269" s="8">
        <v>1</v>
      </c>
      <c r="K24269" s="9">
        <v>403</v>
      </c>
      <c r="L24269" s="6" t="s">
        <v>4151</v>
      </c>
    </row>
    <row r="24270" spans="1:12">
      <c r="A24270" s="6" t="s">
        <v>4151</v>
      </c>
      <c r="B24270" s="6"/>
      <c r="C24270" s="6" t="s">
        <v>24306</v>
      </c>
      <c r="D24270" s="6"/>
      <c r="E24270" s="6" t="s">
        <v>9</v>
      </c>
      <c r="F24270" s="7">
        <v>38657</v>
      </c>
      <c r="G24270" s="8">
        <v>1</v>
      </c>
      <c r="H24270" s="8">
        <v>1</v>
      </c>
      <c r="I24270" s="8">
        <v>0</v>
      </c>
      <c r="J24270" s="8">
        <v>1</v>
      </c>
      <c r="K24270" s="9">
        <v>19</v>
      </c>
      <c r="L24270" s="6" t="s">
        <v>4151</v>
      </c>
    </row>
    <row r="24271" spans="1:12">
      <c r="A24271" s="6" t="s">
        <v>4151</v>
      </c>
      <c r="B24271" s="6"/>
      <c r="C24271" s="6" t="s">
        <v>24307</v>
      </c>
      <c r="D24271" s="6"/>
      <c r="E24271" s="6" t="s">
        <v>9</v>
      </c>
      <c r="F24271" s="7">
        <v>42889</v>
      </c>
      <c r="G24271" s="8">
        <v>1</v>
      </c>
      <c r="H24271" s="8">
        <v>1</v>
      </c>
      <c r="I24271" s="8">
        <v>0</v>
      </c>
      <c r="J24271" s="8">
        <v>1</v>
      </c>
      <c r="K24271" s="9">
        <v>81</v>
      </c>
      <c r="L24271" s="6" t="s">
        <v>4151</v>
      </c>
    </row>
    <row r="24272" spans="1:12">
      <c r="A24272" s="6" t="s">
        <v>4151</v>
      </c>
      <c r="B24272" s="6"/>
      <c r="C24272" s="6" t="s">
        <v>24308</v>
      </c>
      <c r="D24272" s="6"/>
      <c r="E24272" s="6" t="s">
        <v>9</v>
      </c>
      <c r="F24272" s="7">
        <v>42889</v>
      </c>
      <c r="G24272" s="8">
        <v>1</v>
      </c>
      <c r="H24272" s="8">
        <v>1</v>
      </c>
      <c r="I24272" s="8">
        <v>0</v>
      </c>
      <c r="J24272" s="8">
        <v>1</v>
      </c>
      <c r="K24272" s="9">
        <v>924</v>
      </c>
      <c r="L24272" s="6" t="s">
        <v>4151</v>
      </c>
    </row>
    <row r="24273" spans="1:12">
      <c r="A24273" s="6" t="s">
        <v>4151</v>
      </c>
      <c r="B24273" s="6"/>
      <c r="C24273" s="6" t="s">
        <v>24309</v>
      </c>
      <c r="D24273" s="6"/>
      <c r="E24273" s="6" t="s">
        <v>9</v>
      </c>
      <c r="F24273" s="7">
        <v>42889</v>
      </c>
      <c r="G24273" s="8">
        <v>1</v>
      </c>
      <c r="H24273" s="8">
        <v>1</v>
      </c>
      <c r="I24273" s="8">
        <v>0</v>
      </c>
      <c r="J24273" s="8">
        <v>1</v>
      </c>
      <c r="K24273" s="9">
        <v>55</v>
      </c>
      <c r="L24273" s="6" t="s">
        <v>4151</v>
      </c>
    </row>
    <row r="24274" spans="1:12">
      <c r="A24274" s="6" t="s">
        <v>4151</v>
      </c>
      <c r="B24274" s="6"/>
      <c r="C24274" s="6" t="s">
        <v>24310</v>
      </c>
      <c r="D24274" s="6"/>
      <c r="E24274" s="6" t="s">
        <v>9</v>
      </c>
      <c r="F24274" s="7">
        <v>42889</v>
      </c>
      <c r="G24274" s="8">
        <v>1</v>
      </c>
      <c r="H24274" s="8">
        <v>1</v>
      </c>
      <c r="I24274" s="8">
        <v>0</v>
      </c>
      <c r="J24274" s="8">
        <v>1</v>
      </c>
      <c r="K24274" s="9">
        <v>361</v>
      </c>
      <c r="L24274" s="6" t="s">
        <v>4151</v>
      </c>
    </row>
    <row r="24275" spans="1:12">
      <c r="A24275" s="6" t="s">
        <v>4151</v>
      </c>
      <c r="B24275" s="6"/>
      <c r="C24275" s="6" t="s">
        <v>24311</v>
      </c>
      <c r="D24275" s="6"/>
      <c r="E24275" s="6" t="s">
        <v>9</v>
      </c>
      <c r="F24275" s="7">
        <v>42889</v>
      </c>
      <c r="G24275" s="8">
        <v>1</v>
      </c>
      <c r="H24275" s="8">
        <v>1</v>
      </c>
      <c r="I24275" s="8">
        <v>0</v>
      </c>
      <c r="J24275" s="8">
        <v>1</v>
      </c>
      <c r="K24275" s="9">
        <v>121</v>
      </c>
      <c r="L24275" s="6" t="s">
        <v>4151</v>
      </c>
    </row>
    <row r="24276" spans="1:12">
      <c r="A24276" s="6" t="s">
        <v>4151</v>
      </c>
      <c r="B24276" s="6"/>
      <c r="C24276" s="6" t="s">
        <v>24312</v>
      </c>
      <c r="D24276" s="6"/>
      <c r="E24276" s="6" t="s">
        <v>9</v>
      </c>
      <c r="F24276" s="7">
        <v>42889</v>
      </c>
      <c r="G24276" s="8">
        <v>1</v>
      </c>
      <c r="H24276" s="8">
        <v>1</v>
      </c>
      <c r="I24276" s="8">
        <v>0</v>
      </c>
      <c r="J24276" s="8">
        <v>1</v>
      </c>
      <c r="K24276" s="9">
        <v>259</v>
      </c>
      <c r="L24276" s="6" t="s">
        <v>4151</v>
      </c>
    </row>
    <row r="24277" spans="1:12">
      <c r="A24277" s="6" t="s">
        <v>4151</v>
      </c>
      <c r="B24277" s="6"/>
      <c r="C24277" s="6" t="s">
        <v>24313</v>
      </c>
      <c r="D24277" s="6"/>
      <c r="E24277" s="6" t="s">
        <v>9</v>
      </c>
      <c r="F24277" s="7">
        <v>42889</v>
      </c>
      <c r="G24277" s="8">
        <v>1</v>
      </c>
      <c r="H24277" s="8">
        <v>1</v>
      </c>
      <c r="I24277" s="8">
        <v>0</v>
      </c>
      <c r="J24277" s="8">
        <v>1</v>
      </c>
      <c r="K24277" s="9">
        <v>549</v>
      </c>
      <c r="L24277" s="6" t="s">
        <v>4151</v>
      </c>
    </row>
    <row r="24278" spans="1:12">
      <c r="A24278" s="6" t="s">
        <v>4151</v>
      </c>
      <c r="B24278" s="6"/>
      <c r="C24278" s="6" t="s">
        <v>24314</v>
      </c>
      <c r="D24278" s="6"/>
      <c r="E24278" s="6" t="s">
        <v>9</v>
      </c>
      <c r="F24278" s="7">
        <v>42889</v>
      </c>
      <c r="G24278" s="8">
        <v>1</v>
      </c>
      <c r="H24278" s="8">
        <v>1</v>
      </c>
      <c r="I24278" s="8">
        <v>0</v>
      </c>
      <c r="J24278" s="8">
        <v>1</v>
      </c>
      <c r="K24278" s="9">
        <v>102</v>
      </c>
      <c r="L24278" s="6" t="s">
        <v>4151</v>
      </c>
    </row>
    <row r="24279" spans="1:12">
      <c r="A24279" s="6" t="s">
        <v>4151</v>
      </c>
      <c r="B24279" s="6"/>
      <c r="C24279" s="6" t="s">
        <v>24315</v>
      </c>
      <c r="D24279" s="6"/>
      <c r="E24279" s="6" t="s">
        <v>9</v>
      </c>
      <c r="F24279" s="7">
        <v>42889</v>
      </c>
      <c r="G24279" s="8">
        <v>1</v>
      </c>
      <c r="H24279" s="8">
        <v>1</v>
      </c>
      <c r="I24279" s="8">
        <v>0</v>
      </c>
      <c r="J24279" s="8">
        <v>1</v>
      </c>
      <c r="K24279" s="9">
        <v>1168</v>
      </c>
      <c r="L24279" s="6" t="s">
        <v>4151</v>
      </c>
    </row>
    <row r="24280" spans="1:12">
      <c r="A24280" s="6" t="s">
        <v>4151</v>
      </c>
      <c r="B24280" s="6"/>
      <c r="C24280" s="6" t="s">
        <v>24316</v>
      </c>
      <c r="D24280" s="6"/>
      <c r="E24280" s="6" t="s">
        <v>9</v>
      </c>
      <c r="F24280" s="7">
        <v>42889</v>
      </c>
      <c r="G24280" s="8">
        <v>1</v>
      </c>
      <c r="H24280" s="8">
        <v>1</v>
      </c>
      <c r="I24280" s="8">
        <v>0</v>
      </c>
      <c r="J24280" s="8">
        <v>1</v>
      </c>
      <c r="K24280" s="9">
        <v>89</v>
      </c>
      <c r="L24280" s="6" t="s">
        <v>4151</v>
      </c>
    </row>
    <row r="24281" spans="1:12">
      <c r="A24281" s="6" t="s">
        <v>4151</v>
      </c>
      <c r="B24281" s="6"/>
      <c r="C24281" s="6" t="s">
        <v>24317</v>
      </c>
      <c r="D24281" s="6"/>
      <c r="E24281" s="6" t="s">
        <v>9</v>
      </c>
      <c r="F24281" s="7">
        <v>38657</v>
      </c>
      <c r="G24281" s="8">
        <v>1</v>
      </c>
      <c r="H24281" s="8">
        <v>1</v>
      </c>
      <c r="I24281" s="8">
        <v>0</v>
      </c>
      <c r="J24281" s="8">
        <v>1</v>
      </c>
      <c r="K24281" s="9">
        <v>19</v>
      </c>
      <c r="L24281" s="6" t="s">
        <v>4151</v>
      </c>
    </row>
    <row r="24282" spans="1:12">
      <c r="A24282" s="6" t="s">
        <v>4151</v>
      </c>
      <c r="B24282" s="6"/>
      <c r="C24282" s="6" t="s">
        <v>24318</v>
      </c>
      <c r="D24282" s="6"/>
      <c r="E24282" s="6" t="s">
        <v>9</v>
      </c>
      <c r="F24282" s="7">
        <v>42889</v>
      </c>
      <c r="G24282" s="8">
        <v>1</v>
      </c>
      <c r="H24282" s="8">
        <v>1</v>
      </c>
      <c r="I24282" s="8">
        <v>0</v>
      </c>
      <c r="J24282" s="8">
        <v>1</v>
      </c>
      <c r="K24282" s="9">
        <v>132</v>
      </c>
      <c r="L24282" s="6" t="s">
        <v>4151</v>
      </c>
    </row>
    <row r="24283" spans="1:12">
      <c r="A24283" s="6" t="s">
        <v>4151</v>
      </c>
      <c r="B24283" s="6"/>
      <c r="C24283" s="6" t="s">
        <v>24319</v>
      </c>
      <c r="D24283" s="6"/>
      <c r="E24283" s="6" t="s">
        <v>9</v>
      </c>
      <c r="F24283" s="7">
        <v>42889</v>
      </c>
      <c r="G24283" s="8">
        <v>1</v>
      </c>
      <c r="H24283" s="8">
        <v>1</v>
      </c>
      <c r="I24283" s="8">
        <v>0</v>
      </c>
      <c r="J24283" s="8">
        <v>1</v>
      </c>
      <c r="K24283" s="9">
        <v>219</v>
      </c>
      <c r="L24283" s="6" t="s">
        <v>4151</v>
      </c>
    </row>
    <row r="24284" spans="1:12">
      <c r="A24284" s="6" t="s">
        <v>4151</v>
      </c>
      <c r="B24284" s="6"/>
      <c r="C24284" s="6" t="s">
        <v>24320</v>
      </c>
      <c r="D24284" s="6"/>
      <c r="E24284" s="6" t="s">
        <v>9</v>
      </c>
      <c r="F24284" s="7">
        <v>42889</v>
      </c>
      <c r="G24284" s="8">
        <v>1</v>
      </c>
      <c r="H24284" s="8">
        <v>1</v>
      </c>
      <c r="I24284" s="8">
        <v>0</v>
      </c>
      <c r="J24284" s="8">
        <v>1</v>
      </c>
      <c r="K24284" s="9">
        <v>77</v>
      </c>
      <c r="L24284" s="6" t="s">
        <v>4151</v>
      </c>
    </row>
    <row r="24285" spans="1:12">
      <c r="A24285" s="6" t="s">
        <v>4151</v>
      </c>
      <c r="B24285" s="6"/>
      <c r="C24285" s="6" t="s">
        <v>24321</v>
      </c>
      <c r="D24285" s="6"/>
      <c r="E24285" s="6" t="s">
        <v>9</v>
      </c>
      <c r="F24285" s="7">
        <v>42889</v>
      </c>
      <c r="G24285" s="8">
        <v>1</v>
      </c>
      <c r="H24285" s="8">
        <v>1</v>
      </c>
      <c r="I24285" s="8">
        <v>0</v>
      </c>
      <c r="J24285" s="8">
        <v>1</v>
      </c>
      <c r="K24285" s="9">
        <v>384</v>
      </c>
      <c r="L24285" s="6" t="s">
        <v>4151</v>
      </c>
    </row>
    <row r="24286" spans="1:12">
      <c r="A24286" s="6" t="s">
        <v>4151</v>
      </c>
      <c r="B24286" s="6"/>
      <c r="C24286" s="6" t="s">
        <v>24322</v>
      </c>
      <c r="D24286" s="6"/>
      <c r="E24286" s="6" t="s">
        <v>9</v>
      </c>
      <c r="F24286" s="7">
        <v>42889</v>
      </c>
      <c r="G24286" s="8">
        <v>1</v>
      </c>
      <c r="H24286" s="8">
        <v>1</v>
      </c>
      <c r="I24286" s="8">
        <v>0</v>
      </c>
      <c r="J24286" s="8">
        <v>1</v>
      </c>
      <c r="K24286" s="9">
        <v>330</v>
      </c>
      <c r="L24286" s="6" t="s">
        <v>4151</v>
      </c>
    </row>
    <row r="24287" spans="1:12">
      <c r="A24287" s="6" t="s">
        <v>4151</v>
      </c>
      <c r="B24287" s="6"/>
      <c r="C24287" s="6" t="s">
        <v>24323</v>
      </c>
      <c r="D24287" s="6"/>
      <c r="E24287" s="6" t="s">
        <v>9</v>
      </c>
      <c r="F24287" s="7">
        <v>42889</v>
      </c>
      <c r="G24287" s="8">
        <v>1</v>
      </c>
      <c r="H24287" s="8">
        <v>1</v>
      </c>
      <c r="I24287" s="8">
        <v>0</v>
      </c>
      <c r="J24287" s="8">
        <v>1</v>
      </c>
      <c r="K24287" s="9">
        <v>295</v>
      </c>
      <c r="L24287" s="6" t="s">
        <v>4151</v>
      </c>
    </row>
    <row r="24288" spans="1:12">
      <c r="A24288" s="6" t="s">
        <v>4151</v>
      </c>
      <c r="B24288" s="6"/>
      <c r="C24288" s="6" t="s">
        <v>24324</v>
      </c>
      <c r="D24288" s="6"/>
      <c r="E24288" s="6" t="s">
        <v>9</v>
      </c>
      <c r="F24288" s="7">
        <v>42889</v>
      </c>
      <c r="G24288" s="8">
        <v>1</v>
      </c>
      <c r="H24288" s="8">
        <v>1</v>
      </c>
      <c r="I24288" s="8">
        <v>0</v>
      </c>
      <c r="J24288" s="8">
        <v>1</v>
      </c>
      <c r="K24288" s="9">
        <v>205</v>
      </c>
      <c r="L24288" s="6" t="s">
        <v>4151</v>
      </c>
    </row>
    <row r="24289" spans="1:12">
      <c r="A24289" s="6" t="s">
        <v>4151</v>
      </c>
      <c r="B24289" s="6"/>
      <c r="C24289" s="6" t="s">
        <v>24325</v>
      </c>
      <c r="D24289" s="6"/>
      <c r="E24289" s="6" t="s">
        <v>9</v>
      </c>
      <c r="F24289" s="7">
        <v>42889</v>
      </c>
      <c r="G24289" s="8">
        <v>1</v>
      </c>
      <c r="H24289" s="8">
        <v>1</v>
      </c>
      <c r="I24289" s="8">
        <v>0</v>
      </c>
      <c r="J24289" s="8">
        <v>1</v>
      </c>
      <c r="K24289" s="9">
        <v>205</v>
      </c>
      <c r="L24289" s="6" t="s">
        <v>4151</v>
      </c>
    </row>
    <row r="24290" spans="1:12">
      <c r="A24290" s="6" t="s">
        <v>4151</v>
      </c>
      <c r="B24290" s="6"/>
      <c r="C24290" s="6" t="s">
        <v>24326</v>
      </c>
      <c r="D24290" s="6"/>
      <c r="E24290" s="6" t="s">
        <v>9</v>
      </c>
      <c r="F24290" s="7">
        <v>42889</v>
      </c>
      <c r="G24290" s="8">
        <v>1</v>
      </c>
      <c r="H24290" s="8">
        <v>1</v>
      </c>
      <c r="I24290" s="8">
        <v>0</v>
      </c>
      <c r="J24290" s="8">
        <v>1</v>
      </c>
      <c r="K24290" s="9">
        <v>674</v>
      </c>
      <c r="L24290" s="6" t="s">
        <v>4151</v>
      </c>
    </row>
    <row r="24291" spans="1:12">
      <c r="A24291" s="6" t="s">
        <v>4151</v>
      </c>
      <c r="B24291" s="6"/>
      <c r="C24291" s="6" t="s">
        <v>24327</v>
      </c>
      <c r="D24291" s="6"/>
      <c r="E24291" s="6" t="s">
        <v>9</v>
      </c>
      <c r="F24291" s="7">
        <v>42889</v>
      </c>
      <c r="G24291" s="8">
        <v>1</v>
      </c>
      <c r="H24291" s="8">
        <v>1</v>
      </c>
      <c r="I24291" s="8">
        <v>0</v>
      </c>
      <c r="J24291" s="8">
        <v>1</v>
      </c>
      <c r="K24291" s="9">
        <v>48</v>
      </c>
      <c r="L24291" s="6" t="s">
        <v>4151</v>
      </c>
    </row>
    <row r="24292" spans="1:12">
      <c r="A24292" s="6" t="s">
        <v>4151</v>
      </c>
      <c r="B24292" s="6"/>
      <c r="C24292" s="6" t="s">
        <v>24328</v>
      </c>
      <c r="D24292" s="6"/>
      <c r="E24292" s="6" t="s">
        <v>9</v>
      </c>
      <c r="F24292" s="7">
        <v>38657</v>
      </c>
      <c r="G24292" s="8">
        <v>1</v>
      </c>
      <c r="H24292" s="8">
        <v>1</v>
      </c>
      <c r="I24292" s="8">
        <v>0</v>
      </c>
      <c r="J24292" s="8">
        <v>1</v>
      </c>
      <c r="K24292" s="9">
        <v>31</v>
      </c>
      <c r="L24292" s="6" t="s">
        <v>4151</v>
      </c>
    </row>
    <row r="24293" spans="1:12">
      <c r="A24293" s="6" t="s">
        <v>4151</v>
      </c>
      <c r="B24293" s="6"/>
      <c r="C24293" s="6" t="s">
        <v>24329</v>
      </c>
      <c r="D24293" s="6"/>
      <c r="E24293" s="6" t="s">
        <v>9</v>
      </c>
      <c r="F24293" s="7">
        <v>42889</v>
      </c>
      <c r="G24293" s="8">
        <v>1</v>
      </c>
      <c r="H24293" s="8">
        <v>1</v>
      </c>
      <c r="I24293" s="8">
        <v>0</v>
      </c>
      <c r="J24293" s="8">
        <v>1</v>
      </c>
      <c r="K24293" s="9">
        <v>18</v>
      </c>
      <c r="L24293" s="6" t="s">
        <v>4151</v>
      </c>
    </row>
    <row r="24294" spans="1:12">
      <c r="A24294" s="6" t="s">
        <v>4151</v>
      </c>
      <c r="B24294" s="6"/>
      <c r="C24294" s="6" t="s">
        <v>24330</v>
      </c>
      <c r="D24294" s="6"/>
      <c r="E24294" s="6" t="s">
        <v>9</v>
      </c>
      <c r="F24294" s="7">
        <v>42889</v>
      </c>
      <c r="G24294" s="8">
        <v>1</v>
      </c>
      <c r="H24294" s="8">
        <v>1</v>
      </c>
      <c r="I24294" s="8">
        <v>0</v>
      </c>
      <c r="J24294" s="8">
        <v>1</v>
      </c>
      <c r="K24294" s="9">
        <v>35</v>
      </c>
      <c r="L24294" s="6" t="s">
        <v>4151</v>
      </c>
    </row>
    <row r="24295" spans="1:12">
      <c r="A24295" s="6" t="s">
        <v>4151</v>
      </c>
      <c r="B24295" s="6"/>
      <c r="C24295" s="6" t="s">
        <v>24331</v>
      </c>
      <c r="D24295" s="6"/>
      <c r="E24295" s="6" t="s">
        <v>9</v>
      </c>
      <c r="F24295" s="7">
        <v>42889</v>
      </c>
      <c r="G24295" s="8">
        <v>1</v>
      </c>
      <c r="H24295" s="8">
        <v>1</v>
      </c>
      <c r="I24295" s="8">
        <v>0</v>
      </c>
      <c r="J24295" s="8">
        <v>1</v>
      </c>
      <c r="K24295" s="9">
        <v>93</v>
      </c>
      <c r="L24295" s="6" t="s">
        <v>4151</v>
      </c>
    </row>
    <row r="24296" spans="1:12">
      <c r="A24296" s="6" t="s">
        <v>4151</v>
      </c>
      <c r="B24296" s="6"/>
      <c r="C24296" s="6" t="s">
        <v>24332</v>
      </c>
      <c r="D24296" s="6"/>
      <c r="E24296" s="6" t="s">
        <v>9</v>
      </c>
      <c r="F24296" s="7">
        <v>42889</v>
      </c>
      <c r="G24296" s="8">
        <v>1</v>
      </c>
      <c r="H24296" s="8">
        <v>1</v>
      </c>
      <c r="I24296" s="8">
        <v>0</v>
      </c>
      <c r="J24296" s="8">
        <v>1</v>
      </c>
      <c r="K24296" s="9">
        <v>282</v>
      </c>
      <c r="L24296" s="6" t="s">
        <v>4151</v>
      </c>
    </row>
    <row r="24297" spans="1:12">
      <c r="A24297" s="6" t="s">
        <v>4151</v>
      </c>
      <c r="B24297" s="6"/>
      <c r="C24297" s="6" t="s">
        <v>24333</v>
      </c>
      <c r="D24297" s="6"/>
      <c r="E24297" s="6" t="s">
        <v>9</v>
      </c>
      <c r="F24297" s="7">
        <v>42889</v>
      </c>
      <c r="G24297" s="8">
        <v>1</v>
      </c>
      <c r="H24297" s="8">
        <v>1</v>
      </c>
      <c r="I24297" s="8">
        <v>0</v>
      </c>
      <c r="J24297" s="8">
        <v>1</v>
      </c>
      <c r="K24297" s="9">
        <v>858</v>
      </c>
      <c r="L24297" s="6" t="s">
        <v>4151</v>
      </c>
    </row>
    <row r="24298" spans="1:12">
      <c r="A24298" s="6" t="s">
        <v>4151</v>
      </c>
      <c r="B24298" s="6"/>
      <c r="C24298" s="6" t="s">
        <v>24334</v>
      </c>
      <c r="D24298" s="6"/>
      <c r="E24298" s="6" t="s">
        <v>9</v>
      </c>
      <c r="F24298" s="7">
        <v>42889</v>
      </c>
      <c r="G24298" s="8">
        <v>1</v>
      </c>
      <c r="H24298" s="8">
        <v>1</v>
      </c>
      <c r="I24298" s="8">
        <v>0</v>
      </c>
      <c r="J24298" s="8">
        <v>1</v>
      </c>
      <c r="K24298" s="9">
        <v>13</v>
      </c>
      <c r="L24298" s="6" t="s">
        <v>4151</v>
      </c>
    </row>
    <row r="24299" spans="1:12">
      <c r="A24299" s="6" t="s">
        <v>4151</v>
      </c>
      <c r="B24299" s="6"/>
      <c r="C24299" s="6" t="s">
        <v>24335</v>
      </c>
      <c r="D24299" s="6"/>
      <c r="E24299" s="6" t="s">
        <v>9</v>
      </c>
      <c r="F24299" s="7">
        <v>42889</v>
      </c>
      <c r="G24299" s="8">
        <v>1</v>
      </c>
      <c r="H24299" s="8">
        <v>1</v>
      </c>
      <c r="I24299" s="8">
        <v>0</v>
      </c>
      <c r="J24299" s="8">
        <v>1</v>
      </c>
      <c r="K24299" s="9">
        <v>134</v>
      </c>
      <c r="L24299" s="6" t="s">
        <v>4151</v>
      </c>
    </row>
    <row r="24300" spans="1:12">
      <c r="A24300" s="6" t="s">
        <v>4151</v>
      </c>
      <c r="B24300" s="6"/>
      <c r="C24300" s="6" t="s">
        <v>24336</v>
      </c>
      <c r="D24300" s="6"/>
      <c r="E24300" s="6" t="s">
        <v>9</v>
      </c>
      <c r="F24300" s="7">
        <v>42889</v>
      </c>
      <c r="G24300" s="8">
        <v>1</v>
      </c>
      <c r="H24300" s="8">
        <v>1</v>
      </c>
      <c r="I24300" s="8">
        <v>0</v>
      </c>
      <c r="J24300" s="8">
        <v>1</v>
      </c>
      <c r="K24300" s="9">
        <v>332</v>
      </c>
      <c r="L24300" s="6" t="s">
        <v>4151</v>
      </c>
    </row>
    <row r="24301" spans="1:12">
      <c r="A24301" s="6" t="s">
        <v>4151</v>
      </c>
      <c r="B24301" s="6"/>
      <c r="C24301" s="6" t="s">
        <v>24337</v>
      </c>
      <c r="D24301" s="6"/>
      <c r="E24301" s="6" t="s">
        <v>9</v>
      </c>
      <c r="F24301" s="7">
        <v>42889</v>
      </c>
      <c r="G24301" s="8">
        <v>1</v>
      </c>
      <c r="H24301" s="8">
        <v>1</v>
      </c>
      <c r="I24301" s="8">
        <v>0</v>
      </c>
      <c r="J24301" s="8">
        <v>1</v>
      </c>
      <c r="K24301" s="9">
        <v>440</v>
      </c>
      <c r="L24301" s="6" t="s">
        <v>4151</v>
      </c>
    </row>
    <row r="24302" spans="1:12">
      <c r="A24302" s="6" t="s">
        <v>4151</v>
      </c>
      <c r="B24302" s="6"/>
      <c r="C24302" s="6" t="s">
        <v>24338</v>
      </c>
      <c r="D24302" s="6"/>
      <c r="E24302" s="6" t="s">
        <v>9</v>
      </c>
      <c r="F24302" s="7">
        <v>42889</v>
      </c>
      <c r="G24302" s="8">
        <v>1</v>
      </c>
      <c r="H24302" s="8">
        <v>1</v>
      </c>
      <c r="I24302" s="8">
        <v>0</v>
      </c>
      <c r="J24302" s="8">
        <v>1</v>
      </c>
      <c r="K24302" s="9">
        <v>266</v>
      </c>
      <c r="L24302" s="6" t="s">
        <v>4151</v>
      </c>
    </row>
    <row r="24303" spans="1:12">
      <c r="A24303" s="6" t="s">
        <v>4151</v>
      </c>
      <c r="B24303" s="6"/>
      <c r="C24303" s="6" t="s">
        <v>24339</v>
      </c>
      <c r="D24303" s="6"/>
      <c r="E24303" s="6" t="s">
        <v>9</v>
      </c>
      <c r="F24303" s="7">
        <v>38657</v>
      </c>
      <c r="G24303" s="8">
        <v>1</v>
      </c>
      <c r="H24303" s="8">
        <v>1</v>
      </c>
      <c r="I24303" s="8">
        <v>0</v>
      </c>
      <c r="J24303" s="8">
        <v>1</v>
      </c>
      <c r="K24303" s="9">
        <v>33</v>
      </c>
      <c r="L24303" s="6" t="s">
        <v>4151</v>
      </c>
    </row>
    <row r="24304" spans="1:12">
      <c r="A24304" s="6" t="s">
        <v>4151</v>
      </c>
      <c r="B24304" s="6"/>
      <c r="C24304" s="6" t="s">
        <v>24340</v>
      </c>
      <c r="D24304" s="6"/>
      <c r="E24304" s="6" t="s">
        <v>9</v>
      </c>
      <c r="F24304" s="7">
        <v>38657</v>
      </c>
      <c r="G24304" s="8">
        <v>1</v>
      </c>
      <c r="H24304" s="8">
        <v>1</v>
      </c>
      <c r="I24304" s="8">
        <v>0</v>
      </c>
      <c r="J24304" s="8">
        <v>1</v>
      </c>
      <c r="K24304" s="9">
        <v>6.3</v>
      </c>
      <c r="L24304" s="6" t="s">
        <v>4151</v>
      </c>
    </row>
    <row r="24305" spans="1:12">
      <c r="A24305" s="6" t="s">
        <v>4151</v>
      </c>
      <c r="B24305" s="6"/>
      <c r="C24305" s="6" t="s">
        <v>24341</v>
      </c>
      <c r="D24305" s="6"/>
      <c r="E24305" s="6" t="s">
        <v>9</v>
      </c>
      <c r="F24305" s="7">
        <v>42889</v>
      </c>
      <c r="G24305" s="8">
        <v>1</v>
      </c>
      <c r="H24305" s="8">
        <v>1</v>
      </c>
      <c r="I24305" s="8">
        <v>0</v>
      </c>
      <c r="J24305" s="8">
        <v>1</v>
      </c>
      <c r="K24305" s="9">
        <v>35</v>
      </c>
      <c r="L24305" s="6" t="s">
        <v>4151</v>
      </c>
    </row>
    <row r="24306" spans="1:12">
      <c r="A24306" s="6" t="s">
        <v>4151</v>
      </c>
      <c r="B24306" s="6"/>
      <c r="C24306" s="6" t="s">
        <v>24342</v>
      </c>
      <c r="D24306" s="6"/>
      <c r="E24306" s="6" t="s">
        <v>9</v>
      </c>
      <c r="F24306" s="7">
        <v>42889</v>
      </c>
      <c r="G24306" s="8">
        <v>1</v>
      </c>
      <c r="H24306" s="8">
        <v>1</v>
      </c>
      <c r="I24306" s="8">
        <v>0</v>
      </c>
      <c r="J24306" s="8">
        <v>1</v>
      </c>
      <c r="K24306" s="9">
        <v>104</v>
      </c>
      <c r="L24306" s="6" t="s">
        <v>4151</v>
      </c>
    </row>
    <row r="24307" spans="1:12">
      <c r="A24307" s="6" t="s">
        <v>4151</v>
      </c>
      <c r="B24307" s="6"/>
      <c r="C24307" s="6" t="s">
        <v>24343</v>
      </c>
      <c r="D24307" s="6"/>
      <c r="E24307" s="6" t="s">
        <v>9</v>
      </c>
      <c r="F24307" s="7">
        <v>42889</v>
      </c>
      <c r="G24307" s="8">
        <v>1</v>
      </c>
      <c r="H24307" s="8">
        <v>1</v>
      </c>
      <c r="I24307" s="8">
        <v>0</v>
      </c>
      <c r="J24307" s="8">
        <v>1</v>
      </c>
      <c r="K24307" s="9">
        <v>223</v>
      </c>
      <c r="L24307" s="6" t="s">
        <v>4151</v>
      </c>
    </row>
    <row r="24308" spans="1:12">
      <c r="A24308" s="6" t="s">
        <v>4151</v>
      </c>
      <c r="B24308" s="6"/>
      <c r="C24308" s="6" t="s">
        <v>24344</v>
      </c>
      <c r="D24308" s="6"/>
      <c r="E24308" s="6" t="s">
        <v>9</v>
      </c>
      <c r="F24308" s="7">
        <v>42889</v>
      </c>
      <c r="G24308" s="8">
        <v>1</v>
      </c>
      <c r="H24308" s="8">
        <v>1</v>
      </c>
      <c r="I24308" s="8">
        <v>0</v>
      </c>
      <c r="J24308" s="8">
        <v>1</v>
      </c>
      <c r="K24308" s="9">
        <v>446</v>
      </c>
      <c r="L24308" s="6" t="s">
        <v>4151</v>
      </c>
    </row>
    <row r="24309" spans="1:12">
      <c r="A24309" s="6" t="s">
        <v>4151</v>
      </c>
      <c r="B24309" s="6"/>
      <c r="C24309" s="6" t="s">
        <v>24345</v>
      </c>
      <c r="D24309" s="6"/>
      <c r="E24309" s="6" t="s">
        <v>9</v>
      </c>
      <c r="F24309" s="7">
        <v>42889</v>
      </c>
      <c r="G24309" s="8">
        <v>1</v>
      </c>
      <c r="H24309" s="8">
        <v>1</v>
      </c>
      <c r="I24309" s="8">
        <v>0</v>
      </c>
      <c r="J24309" s="8">
        <v>1</v>
      </c>
      <c r="K24309" s="9">
        <v>13</v>
      </c>
      <c r="L24309" s="6" t="s">
        <v>4151</v>
      </c>
    </row>
    <row r="24310" spans="1:12">
      <c r="A24310" s="6" t="s">
        <v>4151</v>
      </c>
      <c r="B24310" s="6"/>
      <c r="C24310" s="6" t="s">
        <v>24346</v>
      </c>
      <c r="D24310" s="6"/>
      <c r="E24310" s="6" t="s">
        <v>9</v>
      </c>
      <c r="F24310" s="7">
        <v>42889</v>
      </c>
      <c r="G24310" s="8">
        <v>1</v>
      </c>
      <c r="H24310" s="8">
        <v>1</v>
      </c>
      <c r="I24310" s="8">
        <v>0</v>
      </c>
      <c r="J24310" s="8">
        <v>1</v>
      </c>
      <c r="K24310" s="9">
        <v>13</v>
      </c>
      <c r="L24310" s="6" t="s">
        <v>4151</v>
      </c>
    </row>
    <row r="24311" spans="1:12">
      <c r="A24311" s="6" t="s">
        <v>4151</v>
      </c>
      <c r="B24311" s="6"/>
      <c r="C24311" s="6" t="s">
        <v>24347</v>
      </c>
      <c r="D24311" s="6"/>
      <c r="E24311" s="6" t="s">
        <v>9</v>
      </c>
      <c r="F24311" s="7">
        <v>42889</v>
      </c>
      <c r="G24311" s="8">
        <v>1</v>
      </c>
      <c r="H24311" s="8">
        <v>1</v>
      </c>
      <c r="I24311" s="8">
        <v>0</v>
      </c>
      <c r="J24311" s="8">
        <v>1</v>
      </c>
      <c r="K24311" s="9">
        <v>34</v>
      </c>
      <c r="L24311" s="6" t="s">
        <v>4151</v>
      </c>
    </row>
    <row r="24312" spans="1:12">
      <c r="A24312" s="6" t="s">
        <v>4151</v>
      </c>
      <c r="B24312" s="6"/>
      <c r="C24312" s="6" t="s">
        <v>24348</v>
      </c>
      <c r="D24312" s="6"/>
      <c r="E24312" s="6" t="s">
        <v>9</v>
      </c>
      <c r="F24312" s="7">
        <v>42889</v>
      </c>
      <c r="G24312" s="8">
        <v>1</v>
      </c>
      <c r="H24312" s="8">
        <v>1</v>
      </c>
      <c r="I24312" s="8">
        <v>0</v>
      </c>
      <c r="J24312" s="8">
        <v>1</v>
      </c>
      <c r="K24312" s="9">
        <v>163</v>
      </c>
      <c r="L24312" s="6" t="s">
        <v>4151</v>
      </c>
    </row>
    <row r="24313" spans="1:12">
      <c r="A24313" s="6" t="s">
        <v>4151</v>
      </c>
      <c r="B24313" s="6"/>
      <c r="C24313" s="6" t="s">
        <v>24349</v>
      </c>
      <c r="D24313" s="6"/>
      <c r="E24313" s="6" t="s">
        <v>9</v>
      </c>
      <c r="F24313" s="7">
        <v>42889</v>
      </c>
      <c r="G24313" s="8">
        <v>1</v>
      </c>
      <c r="H24313" s="8">
        <v>1</v>
      </c>
      <c r="I24313" s="8">
        <v>0</v>
      </c>
      <c r="J24313" s="8">
        <v>1</v>
      </c>
      <c r="K24313" s="9">
        <v>695</v>
      </c>
      <c r="L24313" s="6" t="s">
        <v>4151</v>
      </c>
    </row>
    <row r="24314" spans="1:12">
      <c r="A24314" s="6" t="s">
        <v>4151</v>
      </c>
      <c r="B24314" s="6"/>
      <c r="C24314" s="6" t="s">
        <v>24350</v>
      </c>
      <c r="D24314" s="6"/>
      <c r="E24314" s="6" t="s">
        <v>9</v>
      </c>
      <c r="F24314" s="7">
        <v>42889</v>
      </c>
      <c r="G24314" s="8">
        <v>1</v>
      </c>
      <c r="H24314" s="8">
        <v>1</v>
      </c>
      <c r="I24314" s="8">
        <v>0</v>
      </c>
      <c r="J24314" s="8">
        <v>1</v>
      </c>
      <c r="K24314" s="9">
        <v>404</v>
      </c>
      <c r="L24314" s="6" t="s">
        <v>4151</v>
      </c>
    </row>
    <row r="24315" spans="1:12">
      <c r="A24315" s="6" t="s">
        <v>4151</v>
      </c>
      <c r="B24315" s="6"/>
      <c r="C24315" s="6" t="s">
        <v>24351</v>
      </c>
      <c r="D24315" s="6"/>
      <c r="E24315" s="6" t="s">
        <v>9</v>
      </c>
      <c r="F24315" s="7">
        <v>38657</v>
      </c>
      <c r="G24315" s="8">
        <v>1</v>
      </c>
      <c r="H24315" s="8">
        <v>1</v>
      </c>
      <c r="I24315" s="8">
        <v>0</v>
      </c>
      <c r="J24315" s="8">
        <v>1</v>
      </c>
      <c r="K24315" s="9">
        <v>88</v>
      </c>
      <c r="L24315" s="6" t="s">
        <v>4151</v>
      </c>
    </row>
    <row r="24316" spans="1:12">
      <c r="A24316" s="6" t="s">
        <v>4151</v>
      </c>
      <c r="B24316" s="6"/>
      <c r="C24316" s="6" t="s">
        <v>24352</v>
      </c>
      <c r="D24316" s="6"/>
      <c r="E24316" s="6" t="s">
        <v>9</v>
      </c>
      <c r="F24316" s="7">
        <v>42889</v>
      </c>
      <c r="G24316" s="8">
        <v>1</v>
      </c>
      <c r="H24316" s="8">
        <v>1</v>
      </c>
      <c r="I24316" s="8">
        <v>0</v>
      </c>
      <c r="J24316" s="8">
        <v>1</v>
      </c>
      <c r="K24316" s="9">
        <v>319</v>
      </c>
      <c r="L24316" s="6" t="s">
        <v>4151</v>
      </c>
    </row>
    <row r="24317" spans="1:12">
      <c r="A24317" s="6" t="s">
        <v>4151</v>
      </c>
      <c r="B24317" s="6"/>
      <c r="C24317" s="6" t="s">
        <v>24353</v>
      </c>
      <c r="D24317" s="6"/>
      <c r="E24317" s="6" t="s">
        <v>9</v>
      </c>
      <c r="F24317" s="7">
        <v>42889</v>
      </c>
      <c r="G24317" s="8">
        <v>1</v>
      </c>
      <c r="H24317" s="8">
        <v>1</v>
      </c>
      <c r="I24317" s="8">
        <v>0</v>
      </c>
      <c r="J24317" s="8">
        <v>1</v>
      </c>
      <c r="K24317" s="9">
        <v>891</v>
      </c>
      <c r="L24317" s="6" t="s">
        <v>4151</v>
      </c>
    </row>
    <row r="24318" spans="1:12">
      <c r="A24318" s="6" t="s">
        <v>4151</v>
      </c>
      <c r="B24318" s="6"/>
      <c r="C24318" s="6" t="s">
        <v>24354</v>
      </c>
      <c r="D24318" s="6"/>
      <c r="E24318" s="6" t="s">
        <v>9</v>
      </c>
      <c r="F24318" s="7">
        <v>42889</v>
      </c>
      <c r="G24318" s="8">
        <v>1</v>
      </c>
      <c r="H24318" s="8">
        <v>1</v>
      </c>
      <c r="I24318" s="8">
        <v>0</v>
      </c>
      <c r="J24318" s="8">
        <v>1</v>
      </c>
      <c r="K24318" s="9">
        <v>17</v>
      </c>
      <c r="L24318" s="6" t="s">
        <v>4151</v>
      </c>
    </row>
    <row r="24319" spans="1:12">
      <c r="A24319" s="6" t="s">
        <v>4151</v>
      </c>
      <c r="B24319" s="6"/>
      <c r="C24319" s="6" t="s">
        <v>24355</v>
      </c>
      <c r="D24319" s="6"/>
      <c r="E24319" s="6" t="s">
        <v>9</v>
      </c>
      <c r="F24319" s="7">
        <v>42889</v>
      </c>
      <c r="G24319" s="8">
        <v>1</v>
      </c>
      <c r="H24319" s="8">
        <v>1</v>
      </c>
      <c r="I24319" s="8">
        <v>0</v>
      </c>
      <c r="J24319" s="8">
        <v>1</v>
      </c>
      <c r="K24319" s="9">
        <v>40</v>
      </c>
      <c r="L24319" s="6" t="s">
        <v>4151</v>
      </c>
    </row>
    <row r="24320" spans="1:12">
      <c r="A24320" s="6" t="s">
        <v>4151</v>
      </c>
      <c r="B24320" s="6"/>
      <c r="C24320" s="6" t="s">
        <v>24356</v>
      </c>
      <c r="D24320" s="6"/>
      <c r="E24320" s="6" t="s">
        <v>9</v>
      </c>
      <c r="F24320" s="7">
        <v>42889</v>
      </c>
      <c r="G24320" s="8">
        <v>1</v>
      </c>
      <c r="H24320" s="8">
        <v>1</v>
      </c>
      <c r="I24320" s="8">
        <v>0</v>
      </c>
      <c r="J24320" s="8">
        <v>1</v>
      </c>
      <c r="K24320" s="9">
        <v>309</v>
      </c>
      <c r="L24320" s="6" t="s">
        <v>4151</v>
      </c>
    </row>
    <row r="24321" spans="1:12">
      <c r="A24321" s="6" t="s">
        <v>4151</v>
      </c>
      <c r="B24321" s="6"/>
      <c r="C24321" s="6" t="s">
        <v>24357</v>
      </c>
      <c r="D24321" s="6"/>
      <c r="E24321" s="6" t="s">
        <v>9</v>
      </c>
      <c r="F24321" s="7">
        <v>42889</v>
      </c>
      <c r="G24321" s="8">
        <v>1</v>
      </c>
      <c r="H24321" s="8">
        <v>1</v>
      </c>
      <c r="I24321" s="8">
        <v>0</v>
      </c>
      <c r="J24321" s="8">
        <v>1</v>
      </c>
      <c r="K24321" s="9">
        <v>25</v>
      </c>
      <c r="L24321" s="6" t="s">
        <v>4151</v>
      </c>
    </row>
    <row r="24322" spans="1:12">
      <c r="A24322" s="6" t="s">
        <v>4151</v>
      </c>
      <c r="B24322" s="6"/>
      <c r="C24322" s="6" t="s">
        <v>24358</v>
      </c>
      <c r="D24322" s="6"/>
      <c r="E24322" s="6" t="s">
        <v>9</v>
      </c>
      <c r="F24322" s="7">
        <v>42889</v>
      </c>
      <c r="G24322" s="8">
        <v>1</v>
      </c>
      <c r="H24322" s="8">
        <v>1</v>
      </c>
      <c r="I24322" s="8">
        <v>0</v>
      </c>
      <c r="J24322" s="8">
        <v>1</v>
      </c>
      <c r="K24322" s="9">
        <v>60</v>
      </c>
      <c r="L24322" s="6" t="s">
        <v>4151</v>
      </c>
    </row>
    <row r="24323" spans="1:12">
      <c r="A24323" s="6" t="s">
        <v>4151</v>
      </c>
      <c r="B24323" s="6"/>
      <c r="C24323" s="6" t="s">
        <v>24359</v>
      </c>
      <c r="D24323" s="6"/>
      <c r="E24323" s="6" t="s">
        <v>9</v>
      </c>
      <c r="F24323" s="7">
        <v>42889</v>
      </c>
      <c r="G24323" s="8">
        <v>1</v>
      </c>
      <c r="H24323" s="8">
        <v>1</v>
      </c>
      <c r="I24323" s="8">
        <v>0</v>
      </c>
      <c r="J24323" s="8">
        <v>1</v>
      </c>
      <c r="K24323" s="9">
        <v>915</v>
      </c>
      <c r="L24323" s="6" t="s">
        <v>4151</v>
      </c>
    </row>
    <row r="24324" spans="1:12">
      <c r="A24324" s="6" t="s">
        <v>4151</v>
      </c>
      <c r="B24324" s="6"/>
      <c r="C24324" s="6" t="s">
        <v>24360</v>
      </c>
      <c r="D24324" s="6"/>
      <c r="E24324" s="6" t="s">
        <v>9</v>
      </c>
      <c r="F24324" s="7">
        <v>42889</v>
      </c>
      <c r="G24324" s="8">
        <v>1</v>
      </c>
      <c r="H24324" s="8">
        <v>1</v>
      </c>
      <c r="I24324" s="8">
        <v>0</v>
      </c>
      <c r="J24324" s="8">
        <v>1</v>
      </c>
      <c r="K24324" s="9">
        <v>216</v>
      </c>
      <c r="L24324" s="6" t="s">
        <v>4151</v>
      </c>
    </row>
    <row r="24325" spans="1:12">
      <c r="A24325" s="6" t="s">
        <v>4151</v>
      </c>
      <c r="B24325" s="6"/>
      <c r="C24325" s="6" t="s">
        <v>24361</v>
      </c>
      <c r="D24325" s="6"/>
      <c r="E24325" s="6" t="s">
        <v>9</v>
      </c>
      <c r="F24325" s="7">
        <v>42889</v>
      </c>
      <c r="G24325" s="8">
        <v>1</v>
      </c>
      <c r="H24325" s="8">
        <v>1</v>
      </c>
      <c r="I24325" s="8">
        <v>0</v>
      </c>
      <c r="J24325" s="8">
        <v>1</v>
      </c>
      <c r="K24325" s="9">
        <v>217</v>
      </c>
      <c r="L24325" s="6" t="s">
        <v>4151</v>
      </c>
    </row>
    <row r="24326" spans="1:12">
      <c r="A24326" s="6" t="s">
        <v>4151</v>
      </c>
      <c r="B24326" s="6"/>
      <c r="C24326" s="6" t="s">
        <v>24362</v>
      </c>
      <c r="D24326" s="6"/>
      <c r="E24326" s="6" t="s">
        <v>9</v>
      </c>
      <c r="F24326" s="7">
        <v>38657</v>
      </c>
      <c r="G24326" s="8">
        <v>1</v>
      </c>
      <c r="H24326" s="8">
        <v>1</v>
      </c>
      <c r="I24326" s="8">
        <v>0</v>
      </c>
      <c r="J24326" s="8">
        <v>1</v>
      </c>
      <c r="K24326" s="9">
        <v>22</v>
      </c>
      <c r="L24326" s="6" t="s">
        <v>4151</v>
      </c>
    </row>
    <row r="24327" spans="1:12">
      <c r="A24327" s="6" t="s">
        <v>4151</v>
      </c>
      <c r="B24327" s="6"/>
      <c r="C24327" s="6" t="s">
        <v>24363</v>
      </c>
      <c r="D24327" s="6"/>
      <c r="E24327" s="6" t="s">
        <v>9</v>
      </c>
      <c r="F24327" s="7">
        <v>42889</v>
      </c>
      <c r="G24327" s="8">
        <v>1</v>
      </c>
      <c r="H24327" s="8">
        <v>1</v>
      </c>
      <c r="I24327" s="8">
        <v>0</v>
      </c>
      <c r="J24327" s="8">
        <v>1</v>
      </c>
      <c r="K24327" s="9">
        <v>68</v>
      </c>
      <c r="L24327" s="6" t="s">
        <v>4151</v>
      </c>
    </row>
    <row r="24328" spans="1:12">
      <c r="A24328" s="6" t="s">
        <v>4151</v>
      </c>
      <c r="B24328" s="6"/>
      <c r="C24328" s="6" t="s">
        <v>24364</v>
      </c>
      <c r="D24328" s="6"/>
      <c r="E24328" s="6" t="s">
        <v>9</v>
      </c>
      <c r="F24328" s="7">
        <v>42889</v>
      </c>
      <c r="G24328" s="8">
        <v>1</v>
      </c>
      <c r="H24328" s="8">
        <v>1</v>
      </c>
      <c r="I24328" s="8">
        <v>0</v>
      </c>
      <c r="J24328" s="8">
        <v>1</v>
      </c>
      <c r="K24328" s="9">
        <v>377</v>
      </c>
      <c r="L24328" s="6" t="s">
        <v>4151</v>
      </c>
    </row>
    <row r="24329" spans="1:12">
      <c r="A24329" s="6" t="s">
        <v>4151</v>
      </c>
      <c r="B24329" s="6"/>
      <c r="C24329" s="6" t="s">
        <v>24365</v>
      </c>
      <c r="D24329" s="6"/>
      <c r="E24329" s="6" t="s">
        <v>9</v>
      </c>
      <c r="F24329" s="7">
        <v>42889</v>
      </c>
      <c r="G24329" s="8">
        <v>1</v>
      </c>
      <c r="H24329" s="8">
        <v>1</v>
      </c>
      <c r="I24329" s="8">
        <v>0</v>
      </c>
      <c r="J24329" s="8">
        <v>1</v>
      </c>
      <c r="K24329" s="9">
        <v>421</v>
      </c>
      <c r="L24329" s="6" t="s">
        <v>4151</v>
      </c>
    </row>
    <row r="24330" spans="1:12">
      <c r="A24330" s="6" t="s">
        <v>4151</v>
      </c>
      <c r="B24330" s="6"/>
      <c r="C24330" s="6" t="s">
        <v>24366</v>
      </c>
      <c r="D24330" s="6"/>
      <c r="E24330" s="6" t="s">
        <v>9</v>
      </c>
      <c r="F24330" s="7">
        <v>42889</v>
      </c>
      <c r="G24330" s="8">
        <v>1</v>
      </c>
      <c r="H24330" s="8">
        <v>1</v>
      </c>
      <c r="I24330" s="8">
        <v>0</v>
      </c>
      <c r="J24330" s="8">
        <v>1</v>
      </c>
      <c r="K24330" s="9">
        <v>145</v>
      </c>
      <c r="L24330" s="6" t="s">
        <v>4151</v>
      </c>
    </row>
    <row r="24331" spans="1:12">
      <c r="A24331" s="6" t="s">
        <v>4151</v>
      </c>
      <c r="B24331" s="6"/>
      <c r="C24331" s="6" t="s">
        <v>24367</v>
      </c>
      <c r="D24331" s="6"/>
      <c r="E24331" s="6" t="s">
        <v>9</v>
      </c>
      <c r="F24331" s="7">
        <v>42889</v>
      </c>
      <c r="G24331" s="8">
        <v>1</v>
      </c>
      <c r="H24331" s="8">
        <v>1</v>
      </c>
      <c r="I24331" s="8">
        <v>0</v>
      </c>
      <c r="J24331" s="8">
        <v>1</v>
      </c>
      <c r="K24331" s="9">
        <v>1113</v>
      </c>
      <c r="L24331" s="6" t="s">
        <v>4151</v>
      </c>
    </row>
    <row r="24332" spans="1:12">
      <c r="A24332" s="6" t="s">
        <v>4151</v>
      </c>
      <c r="B24332" s="6"/>
      <c r="C24332" s="6" t="s">
        <v>24368</v>
      </c>
      <c r="D24332" s="6"/>
      <c r="E24332" s="6" t="s">
        <v>9</v>
      </c>
      <c r="F24332" s="7">
        <v>42889</v>
      </c>
      <c r="G24332" s="8">
        <v>1</v>
      </c>
      <c r="H24332" s="8">
        <v>1</v>
      </c>
      <c r="I24332" s="8">
        <v>0</v>
      </c>
      <c r="J24332" s="8">
        <v>1</v>
      </c>
      <c r="K24332" s="9">
        <v>9.73</v>
      </c>
      <c r="L24332" s="6" t="s">
        <v>4151</v>
      </c>
    </row>
    <row r="24333" spans="1:12">
      <c r="A24333" s="6" t="s">
        <v>4151</v>
      </c>
      <c r="B24333" s="6"/>
      <c r="C24333" s="6" t="s">
        <v>24369</v>
      </c>
      <c r="D24333" s="6"/>
      <c r="E24333" s="6" t="s">
        <v>9</v>
      </c>
      <c r="F24333" s="7">
        <v>42889</v>
      </c>
      <c r="G24333" s="8">
        <v>1</v>
      </c>
      <c r="H24333" s="8">
        <v>1</v>
      </c>
      <c r="I24333" s="8">
        <v>0</v>
      </c>
      <c r="J24333" s="8">
        <v>1</v>
      </c>
      <c r="K24333" s="9">
        <v>4.34</v>
      </c>
      <c r="L24333" s="6" t="s">
        <v>4151</v>
      </c>
    </row>
    <row r="24334" spans="1:12">
      <c r="A24334" s="6" t="s">
        <v>4151</v>
      </c>
      <c r="B24334" s="6"/>
      <c r="C24334" s="6" t="s">
        <v>24370</v>
      </c>
      <c r="D24334" s="6"/>
      <c r="E24334" s="6" t="s">
        <v>9</v>
      </c>
      <c r="F24334" s="7">
        <v>42889</v>
      </c>
      <c r="G24334" s="8">
        <v>1</v>
      </c>
      <c r="H24334" s="8">
        <v>1</v>
      </c>
      <c r="I24334" s="8">
        <v>0</v>
      </c>
      <c r="J24334" s="8">
        <v>1</v>
      </c>
      <c r="K24334" s="9">
        <v>286</v>
      </c>
      <c r="L24334" s="6" t="s">
        <v>4151</v>
      </c>
    </row>
    <row r="24335" spans="1:12">
      <c r="A24335" s="6" t="s">
        <v>4151</v>
      </c>
      <c r="B24335" s="6"/>
      <c r="C24335" s="6" t="s">
        <v>24371</v>
      </c>
      <c r="D24335" s="6"/>
      <c r="E24335" s="6" t="s">
        <v>9</v>
      </c>
      <c r="F24335" s="7">
        <v>42889</v>
      </c>
      <c r="G24335" s="8">
        <v>1</v>
      </c>
      <c r="H24335" s="8">
        <v>1</v>
      </c>
      <c r="I24335" s="8">
        <v>0</v>
      </c>
      <c r="J24335" s="8">
        <v>1</v>
      </c>
      <c r="K24335" s="9">
        <v>461</v>
      </c>
      <c r="L24335" s="6" t="s">
        <v>4151</v>
      </c>
    </row>
    <row r="24336" spans="1:12">
      <c r="A24336" s="6" t="s">
        <v>4151</v>
      </c>
      <c r="B24336" s="6"/>
      <c r="C24336" s="6" t="s">
        <v>24372</v>
      </c>
      <c r="D24336" s="6"/>
      <c r="E24336" s="6" t="s">
        <v>9</v>
      </c>
      <c r="F24336" s="7">
        <v>42889</v>
      </c>
      <c r="G24336" s="8">
        <v>1</v>
      </c>
      <c r="H24336" s="8">
        <v>1</v>
      </c>
      <c r="I24336" s="8">
        <v>0</v>
      </c>
      <c r="J24336" s="8">
        <v>1</v>
      </c>
      <c r="K24336" s="9">
        <v>468</v>
      </c>
      <c r="L24336" s="6" t="s">
        <v>4151</v>
      </c>
    </row>
    <row r="24337" spans="1:12">
      <c r="A24337" s="6" t="s">
        <v>4151</v>
      </c>
      <c r="B24337" s="6"/>
      <c r="C24337" s="6" t="s">
        <v>24373</v>
      </c>
      <c r="D24337" s="6"/>
      <c r="E24337" s="6" t="s">
        <v>9</v>
      </c>
      <c r="F24337" s="7">
        <v>38657</v>
      </c>
      <c r="G24337" s="8">
        <v>1</v>
      </c>
      <c r="H24337" s="8">
        <v>1</v>
      </c>
      <c r="I24337" s="8">
        <v>0</v>
      </c>
      <c r="J24337" s="8">
        <v>1</v>
      </c>
      <c r="K24337" s="9">
        <v>21</v>
      </c>
      <c r="L24337" s="6" t="s">
        <v>4151</v>
      </c>
    </row>
    <row r="24338" spans="1:12">
      <c r="A24338" s="6" t="s">
        <v>4151</v>
      </c>
      <c r="B24338" s="6"/>
      <c r="C24338" s="6" t="s">
        <v>24374</v>
      </c>
      <c r="D24338" s="6"/>
      <c r="E24338" s="6" t="s">
        <v>9</v>
      </c>
      <c r="F24338" s="7">
        <v>42889</v>
      </c>
      <c r="G24338" s="8">
        <v>1</v>
      </c>
      <c r="H24338" s="8">
        <v>1</v>
      </c>
      <c r="I24338" s="8">
        <v>0</v>
      </c>
      <c r="J24338" s="8">
        <v>1</v>
      </c>
      <c r="K24338" s="9">
        <v>235</v>
      </c>
      <c r="L24338" s="6" t="s">
        <v>4151</v>
      </c>
    </row>
    <row r="24339" spans="1:12">
      <c r="A24339" s="6" t="s">
        <v>4151</v>
      </c>
      <c r="B24339" s="6"/>
      <c r="C24339" s="6" t="s">
        <v>24375</v>
      </c>
      <c r="D24339" s="6"/>
      <c r="E24339" s="6" t="s">
        <v>9</v>
      </c>
      <c r="F24339" s="7">
        <v>42889</v>
      </c>
      <c r="G24339" s="8">
        <v>1</v>
      </c>
      <c r="H24339" s="8">
        <v>1</v>
      </c>
      <c r="I24339" s="8">
        <v>0</v>
      </c>
      <c r="J24339" s="8">
        <v>1</v>
      </c>
      <c r="K24339" s="9">
        <v>20</v>
      </c>
      <c r="L24339" s="6" t="s">
        <v>4151</v>
      </c>
    </row>
    <row r="24340" spans="1:12">
      <c r="A24340" s="6" t="s">
        <v>4151</v>
      </c>
      <c r="B24340" s="6"/>
      <c r="C24340" s="6" t="s">
        <v>24376</v>
      </c>
      <c r="D24340" s="6"/>
      <c r="E24340" s="6" t="s">
        <v>9</v>
      </c>
      <c r="F24340" s="7">
        <v>42889</v>
      </c>
      <c r="G24340" s="8">
        <v>1</v>
      </c>
      <c r="H24340" s="8">
        <v>1</v>
      </c>
      <c r="I24340" s="8">
        <v>0</v>
      </c>
      <c r="J24340" s="8">
        <v>1</v>
      </c>
      <c r="K24340" s="9">
        <v>439</v>
      </c>
      <c r="L24340" s="6" t="s">
        <v>4151</v>
      </c>
    </row>
    <row r="24341" spans="1:12">
      <c r="A24341" s="6" t="s">
        <v>4151</v>
      </c>
      <c r="B24341" s="6"/>
      <c r="C24341" s="6" t="s">
        <v>24377</v>
      </c>
      <c r="D24341" s="6"/>
      <c r="E24341" s="6" t="s">
        <v>9</v>
      </c>
      <c r="F24341" s="7">
        <v>42889</v>
      </c>
      <c r="G24341" s="8">
        <v>1</v>
      </c>
      <c r="H24341" s="8">
        <v>1</v>
      </c>
      <c r="I24341" s="8">
        <v>0</v>
      </c>
      <c r="J24341" s="8">
        <v>1</v>
      </c>
      <c r="K24341" s="9">
        <v>369</v>
      </c>
      <c r="L24341" s="6" t="s">
        <v>4151</v>
      </c>
    </row>
    <row r="24342" spans="1:12">
      <c r="A24342" s="6" t="s">
        <v>4151</v>
      </c>
      <c r="B24342" s="6"/>
      <c r="C24342" s="6" t="s">
        <v>24378</v>
      </c>
      <c r="D24342" s="6"/>
      <c r="E24342" s="6" t="s">
        <v>9</v>
      </c>
      <c r="F24342" s="7">
        <v>42889</v>
      </c>
      <c r="G24342" s="8">
        <v>1</v>
      </c>
      <c r="H24342" s="8">
        <v>1</v>
      </c>
      <c r="I24342" s="8">
        <v>0</v>
      </c>
      <c r="J24342" s="8">
        <v>1</v>
      </c>
      <c r="K24342" s="9">
        <v>60</v>
      </c>
      <c r="L24342" s="6" t="s">
        <v>4151</v>
      </c>
    </row>
    <row r="24343" spans="1:12">
      <c r="A24343" s="6" t="s">
        <v>4151</v>
      </c>
      <c r="B24343" s="6"/>
      <c r="C24343" s="6" t="s">
        <v>24379</v>
      </c>
      <c r="D24343" s="6"/>
      <c r="E24343" s="6" t="s">
        <v>9</v>
      </c>
      <c r="F24343" s="7">
        <v>42889</v>
      </c>
      <c r="G24343" s="8">
        <v>1</v>
      </c>
      <c r="H24343" s="8">
        <v>1</v>
      </c>
      <c r="I24343" s="8">
        <v>0</v>
      </c>
      <c r="J24343" s="8">
        <v>1</v>
      </c>
      <c r="K24343" s="9">
        <v>1.54</v>
      </c>
      <c r="L24343" s="6" t="s">
        <v>4151</v>
      </c>
    </row>
    <row r="24344" spans="1:12">
      <c r="A24344" s="6" t="s">
        <v>4151</v>
      </c>
      <c r="B24344" s="6"/>
      <c r="C24344" s="6" t="s">
        <v>24380</v>
      </c>
      <c r="D24344" s="6"/>
      <c r="E24344" s="6" t="s">
        <v>9</v>
      </c>
      <c r="F24344" s="7">
        <v>42889</v>
      </c>
      <c r="G24344" s="8">
        <v>1</v>
      </c>
      <c r="H24344" s="8">
        <v>1</v>
      </c>
      <c r="I24344" s="8">
        <v>0</v>
      </c>
      <c r="J24344" s="8">
        <v>1</v>
      </c>
      <c r="K24344" s="9">
        <v>116</v>
      </c>
      <c r="L24344" s="6" t="s">
        <v>4151</v>
      </c>
    </row>
    <row r="24345" spans="1:12">
      <c r="A24345" s="6" t="s">
        <v>4151</v>
      </c>
      <c r="B24345" s="6"/>
      <c r="C24345" s="6" t="s">
        <v>24381</v>
      </c>
      <c r="D24345" s="6"/>
      <c r="E24345" s="6" t="s">
        <v>9</v>
      </c>
      <c r="F24345" s="7">
        <v>42889</v>
      </c>
      <c r="G24345" s="8">
        <v>1</v>
      </c>
      <c r="H24345" s="8">
        <v>1</v>
      </c>
      <c r="I24345" s="8">
        <v>0</v>
      </c>
      <c r="J24345" s="8">
        <v>1</v>
      </c>
      <c r="K24345" s="9">
        <v>713</v>
      </c>
      <c r="L24345" s="6" t="s">
        <v>4151</v>
      </c>
    </row>
    <row r="24346" spans="1:12">
      <c r="A24346" s="6" t="s">
        <v>4151</v>
      </c>
      <c r="B24346" s="6"/>
      <c r="C24346" s="6" t="s">
        <v>24382</v>
      </c>
      <c r="D24346" s="6"/>
      <c r="E24346" s="6" t="s">
        <v>9</v>
      </c>
      <c r="F24346" s="7">
        <v>42889</v>
      </c>
      <c r="G24346" s="8">
        <v>1</v>
      </c>
      <c r="H24346" s="8">
        <v>1</v>
      </c>
      <c r="I24346" s="8">
        <v>0</v>
      </c>
      <c r="J24346" s="8">
        <v>1</v>
      </c>
      <c r="K24346" s="9">
        <v>100</v>
      </c>
      <c r="L24346" s="6" t="s">
        <v>4151</v>
      </c>
    </row>
    <row r="24347" spans="1:12">
      <c r="A24347" s="6" t="s">
        <v>4151</v>
      </c>
      <c r="B24347" s="6"/>
      <c r="C24347" s="6" t="s">
        <v>24383</v>
      </c>
      <c r="D24347" s="6"/>
      <c r="E24347" s="6" t="s">
        <v>9</v>
      </c>
      <c r="F24347" s="7">
        <v>42889</v>
      </c>
      <c r="G24347" s="8">
        <v>1</v>
      </c>
      <c r="H24347" s="8">
        <v>1</v>
      </c>
      <c r="I24347" s="8">
        <v>0</v>
      </c>
      <c r="J24347" s="8">
        <v>1</v>
      </c>
      <c r="K24347" s="9">
        <v>48</v>
      </c>
      <c r="L24347" s="6" t="s">
        <v>4151</v>
      </c>
    </row>
    <row r="24348" spans="1:12">
      <c r="A24348" s="6" t="s">
        <v>4151</v>
      </c>
      <c r="B24348" s="6"/>
      <c r="C24348" s="6" t="s">
        <v>24384</v>
      </c>
      <c r="D24348" s="6"/>
      <c r="E24348" s="6" t="s">
        <v>9</v>
      </c>
      <c r="F24348" s="7">
        <v>38657</v>
      </c>
      <c r="G24348" s="8">
        <v>1</v>
      </c>
      <c r="H24348" s="8">
        <v>1</v>
      </c>
      <c r="I24348" s="8">
        <v>0</v>
      </c>
      <c r="J24348" s="8">
        <v>1</v>
      </c>
      <c r="K24348" s="9">
        <v>16</v>
      </c>
      <c r="L24348" s="6" t="s">
        <v>4151</v>
      </c>
    </row>
    <row r="24349" spans="1:12">
      <c r="A24349" s="6" t="s">
        <v>4151</v>
      </c>
      <c r="B24349" s="6"/>
      <c r="C24349" s="6" t="s">
        <v>24385</v>
      </c>
      <c r="D24349" s="6"/>
      <c r="E24349" s="6" t="s">
        <v>9</v>
      </c>
      <c r="F24349" s="7">
        <v>42889</v>
      </c>
      <c r="G24349" s="8">
        <v>1</v>
      </c>
      <c r="H24349" s="8">
        <v>1</v>
      </c>
      <c r="I24349" s="8">
        <v>0</v>
      </c>
      <c r="J24349" s="8">
        <v>1</v>
      </c>
      <c r="K24349" s="9">
        <v>299</v>
      </c>
      <c r="L24349" s="6" t="s">
        <v>4151</v>
      </c>
    </row>
    <row r="24350" spans="1:12">
      <c r="A24350" s="6" t="s">
        <v>4151</v>
      </c>
      <c r="B24350" s="6"/>
      <c r="C24350" s="6" t="s">
        <v>24386</v>
      </c>
      <c r="D24350" s="6"/>
      <c r="E24350" s="6" t="s">
        <v>9</v>
      </c>
      <c r="F24350" s="7">
        <v>42889</v>
      </c>
      <c r="G24350" s="8">
        <v>1</v>
      </c>
      <c r="H24350" s="8">
        <v>1</v>
      </c>
      <c r="I24350" s="8">
        <v>0</v>
      </c>
      <c r="J24350" s="8">
        <v>1</v>
      </c>
      <c r="K24350" s="9">
        <v>401</v>
      </c>
      <c r="L24350" s="6" t="s">
        <v>4151</v>
      </c>
    </row>
    <row r="24351" spans="1:12">
      <c r="A24351" s="6" t="s">
        <v>4151</v>
      </c>
      <c r="B24351" s="6"/>
      <c r="C24351" s="6" t="s">
        <v>24387</v>
      </c>
      <c r="D24351" s="6"/>
      <c r="E24351" s="6" t="s">
        <v>9</v>
      </c>
      <c r="F24351" s="7">
        <v>42889</v>
      </c>
      <c r="G24351" s="8">
        <v>1</v>
      </c>
      <c r="H24351" s="8">
        <v>1</v>
      </c>
      <c r="I24351" s="8">
        <v>0</v>
      </c>
      <c r="J24351" s="8">
        <v>1</v>
      </c>
      <c r="K24351" s="9">
        <v>180</v>
      </c>
      <c r="L24351" s="6" t="s">
        <v>4151</v>
      </c>
    </row>
    <row r="24352" spans="1:12">
      <c r="A24352" s="6" t="s">
        <v>4151</v>
      </c>
      <c r="B24352" s="6"/>
      <c r="C24352" s="6" t="s">
        <v>24388</v>
      </c>
      <c r="D24352" s="6"/>
      <c r="E24352" s="6" t="s">
        <v>9</v>
      </c>
      <c r="F24352" s="7">
        <v>42889</v>
      </c>
      <c r="G24352" s="8">
        <v>1</v>
      </c>
      <c r="H24352" s="8">
        <v>1</v>
      </c>
      <c r="I24352" s="8">
        <v>0</v>
      </c>
      <c r="J24352" s="8">
        <v>1</v>
      </c>
      <c r="K24352" s="9">
        <v>16</v>
      </c>
      <c r="L24352" s="6" t="s">
        <v>4151</v>
      </c>
    </row>
    <row r="24353" spans="1:12">
      <c r="A24353" s="6" t="s">
        <v>4151</v>
      </c>
      <c r="B24353" s="6"/>
      <c r="C24353" s="6" t="s">
        <v>24389</v>
      </c>
      <c r="D24353" s="6"/>
      <c r="E24353" s="6" t="s">
        <v>9</v>
      </c>
      <c r="F24353" s="7">
        <v>42889</v>
      </c>
      <c r="G24353" s="8">
        <v>1</v>
      </c>
      <c r="H24353" s="8">
        <v>1</v>
      </c>
      <c r="I24353" s="8">
        <v>0</v>
      </c>
      <c r="J24353" s="8">
        <v>1</v>
      </c>
      <c r="K24353" s="9">
        <v>316</v>
      </c>
      <c r="L24353" s="6" t="s">
        <v>4151</v>
      </c>
    </row>
    <row r="24354" spans="1:12">
      <c r="A24354" s="6" t="s">
        <v>4151</v>
      </c>
      <c r="B24354" s="6"/>
      <c r="C24354" s="6" t="s">
        <v>24390</v>
      </c>
      <c r="D24354" s="6"/>
      <c r="E24354" s="6" t="s">
        <v>9</v>
      </c>
      <c r="F24354" s="7">
        <v>42889</v>
      </c>
      <c r="G24354" s="8">
        <v>1</v>
      </c>
      <c r="H24354" s="8">
        <v>1</v>
      </c>
      <c r="I24354" s="8">
        <v>0</v>
      </c>
      <c r="J24354" s="8">
        <v>1</v>
      </c>
      <c r="K24354" s="9">
        <v>148</v>
      </c>
      <c r="L24354" s="6" t="s">
        <v>4151</v>
      </c>
    </row>
    <row r="24355" spans="1:12">
      <c r="A24355" s="6" t="s">
        <v>4151</v>
      </c>
      <c r="B24355" s="6"/>
      <c r="C24355" s="6" t="s">
        <v>24391</v>
      </c>
      <c r="D24355" s="6"/>
      <c r="E24355" s="6" t="s">
        <v>9</v>
      </c>
      <c r="F24355" s="7">
        <v>42889</v>
      </c>
      <c r="G24355" s="8">
        <v>1</v>
      </c>
      <c r="H24355" s="8">
        <v>1</v>
      </c>
      <c r="I24355" s="8">
        <v>0</v>
      </c>
      <c r="J24355" s="8">
        <v>1</v>
      </c>
      <c r="K24355" s="9">
        <v>229</v>
      </c>
      <c r="L24355" s="6" t="s">
        <v>4151</v>
      </c>
    </row>
    <row r="24356" spans="1:12">
      <c r="A24356" s="6" t="s">
        <v>4151</v>
      </c>
      <c r="B24356" s="6"/>
      <c r="C24356" s="6" t="s">
        <v>24392</v>
      </c>
      <c r="D24356" s="6"/>
      <c r="E24356" s="6" t="s">
        <v>9</v>
      </c>
      <c r="F24356" s="7">
        <v>42889</v>
      </c>
      <c r="G24356" s="8">
        <v>1</v>
      </c>
      <c r="H24356" s="8">
        <v>1</v>
      </c>
      <c r="I24356" s="8">
        <v>0</v>
      </c>
      <c r="J24356" s="8">
        <v>1</v>
      </c>
      <c r="K24356" s="9">
        <v>105</v>
      </c>
      <c r="L24356" s="6" t="s">
        <v>4151</v>
      </c>
    </row>
    <row r="24357" spans="1:12">
      <c r="A24357" s="6" t="s">
        <v>4151</v>
      </c>
      <c r="B24357" s="6"/>
      <c r="C24357" s="6" t="s">
        <v>24393</v>
      </c>
      <c r="D24357" s="6"/>
      <c r="E24357" s="6" t="s">
        <v>9</v>
      </c>
      <c r="F24357" s="7">
        <v>42889</v>
      </c>
      <c r="G24357" s="8">
        <v>1</v>
      </c>
      <c r="H24357" s="8">
        <v>1</v>
      </c>
      <c r="I24357" s="8">
        <v>0</v>
      </c>
      <c r="J24357" s="8">
        <v>1</v>
      </c>
      <c r="K24357" s="9">
        <v>40</v>
      </c>
      <c r="L24357" s="6" t="s">
        <v>4151</v>
      </c>
    </row>
    <row r="24358" spans="1:12">
      <c r="A24358" s="6" t="s">
        <v>4151</v>
      </c>
      <c r="B24358" s="6"/>
      <c r="C24358" s="6" t="s">
        <v>24394</v>
      </c>
      <c r="D24358" s="6"/>
      <c r="E24358" s="6" t="s">
        <v>9</v>
      </c>
      <c r="F24358" s="7">
        <v>42889</v>
      </c>
      <c r="G24358" s="8">
        <v>1</v>
      </c>
      <c r="H24358" s="8">
        <v>1</v>
      </c>
      <c r="I24358" s="8">
        <v>0</v>
      </c>
      <c r="J24358" s="8">
        <v>1</v>
      </c>
      <c r="K24358" s="9">
        <v>79</v>
      </c>
      <c r="L24358" s="6" t="s">
        <v>4151</v>
      </c>
    </row>
    <row r="24359" spans="1:12">
      <c r="A24359" s="6" t="s">
        <v>4151</v>
      </c>
      <c r="B24359" s="6"/>
      <c r="C24359" s="6" t="s">
        <v>24395</v>
      </c>
      <c r="D24359" s="6"/>
      <c r="E24359" s="6" t="s">
        <v>9</v>
      </c>
      <c r="F24359" s="7">
        <v>38657</v>
      </c>
      <c r="G24359" s="8">
        <v>1</v>
      </c>
      <c r="H24359" s="8">
        <v>1</v>
      </c>
      <c r="I24359" s="8">
        <v>0</v>
      </c>
      <c r="J24359" s="8">
        <v>1</v>
      </c>
      <c r="K24359" s="9">
        <v>31</v>
      </c>
      <c r="L24359" s="6" t="s">
        <v>4151</v>
      </c>
    </row>
    <row r="24360" spans="1:12">
      <c r="A24360" s="6" t="s">
        <v>4151</v>
      </c>
      <c r="B24360" s="6"/>
      <c r="C24360" s="6" t="s">
        <v>24396</v>
      </c>
      <c r="D24360" s="6"/>
      <c r="E24360" s="6" t="s">
        <v>9</v>
      </c>
      <c r="F24360" s="7">
        <v>42889</v>
      </c>
      <c r="G24360" s="8">
        <v>1</v>
      </c>
      <c r="H24360" s="8">
        <v>1</v>
      </c>
      <c r="I24360" s="8">
        <v>0</v>
      </c>
      <c r="J24360" s="8">
        <v>1</v>
      </c>
      <c r="K24360" s="9">
        <v>3.15</v>
      </c>
      <c r="L24360" s="6" t="s">
        <v>4151</v>
      </c>
    </row>
    <row r="24361" spans="1:12">
      <c r="A24361" s="6" t="s">
        <v>4151</v>
      </c>
      <c r="B24361" s="6"/>
      <c r="C24361" s="6" t="s">
        <v>24397</v>
      </c>
      <c r="D24361" s="6"/>
      <c r="E24361" s="6" t="s">
        <v>9</v>
      </c>
      <c r="F24361" s="7">
        <v>42889</v>
      </c>
      <c r="G24361" s="8">
        <v>1</v>
      </c>
      <c r="H24361" s="8">
        <v>1</v>
      </c>
      <c r="I24361" s="8">
        <v>0</v>
      </c>
      <c r="J24361" s="8">
        <v>1</v>
      </c>
      <c r="K24361" s="9">
        <v>201</v>
      </c>
      <c r="L24361" s="6" t="s">
        <v>4151</v>
      </c>
    </row>
    <row r="24362" spans="1:12">
      <c r="A24362" s="6" t="s">
        <v>4151</v>
      </c>
      <c r="B24362" s="6"/>
      <c r="C24362" s="6" t="s">
        <v>24398</v>
      </c>
      <c r="D24362" s="6"/>
      <c r="E24362" s="6" t="s">
        <v>9</v>
      </c>
      <c r="F24362" s="7">
        <v>42889</v>
      </c>
      <c r="G24362" s="8">
        <v>1</v>
      </c>
      <c r="H24362" s="8">
        <v>1</v>
      </c>
      <c r="I24362" s="8">
        <v>0</v>
      </c>
      <c r="J24362" s="8">
        <v>1</v>
      </c>
      <c r="K24362" s="9">
        <v>330</v>
      </c>
      <c r="L24362" s="6" t="s">
        <v>4151</v>
      </c>
    </row>
    <row r="24363" spans="1:12">
      <c r="A24363" s="6" t="s">
        <v>4151</v>
      </c>
      <c r="B24363" s="6"/>
      <c r="C24363" s="6" t="s">
        <v>24399</v>
      </c>
      <c r="D24363" s="6"/>
      <c r="E24363" s="6" t="s">
        <v>9</v>
      </c>
      <c r="F24363" s="7">
        <v>42889</v>
      </c>
      <c r="G24363" s="8">
        <v>1</v>
      </c>
      <c r="H24363" s="8">
        <v>1</v>
      </c>
      <c r="I24363" s="8">
        <v>0</v>
      </c>
      <c r="J24363" s="8">
        <v>1</v>
      </c>
      <c r="K24363" s="9">
        <v>263</v>
      </c>
      <c r="L24363" s="6" t="s">
        <v>4151</v>
      </c>
    </row>
    <row r="24364" spans="1:12">
      <c r="A24364" s="6" t="s">
        <v>4151</v>
      </c>
      <c r="B24364" s="6"/>
      <c r="C24364" s="6" t="s">
        <v>24400</v>
      </c>
      <c r="D24364" s="6"/>
      <c r="E24364" s="6" t="s">
        <v>9</v>
      </c>
      <c r="F24364" s="7">
        <v>42889</v>
      </c>
      <c r="G24364" s="8">
        <v>1</v>
      </c>
      <c r="H24364" s="8">
        <v>1</v>
      </c>
      <c r="I24364" s="8">
        <v>0</v>
      </c>
      <c r="J24364" s="8">
        <v>1</v>
      </c>
      <c r="K24364" s="9">
        <v>47</v>
      </c>
      <c r="L24364" s="6" t="s">
        <v>4151</v>
      </c>
    </row>
    <row r="24365" spans="1:12">
      <c r="A24365" s="6" t="s">
        <v>4151</v>
      </c>
      <c r="B24365" s="6"/>
      <c r="C24365" s="6" t="s">
        <v>24401</v>
      </c>
      <c r="D24365" s="6"/>
      <c r="E24365" s="6" t="s">
        <v>9</v>
      </c>
      <c r="F24365" s="7">
        <v>42889</v>
      </c>
      <c r="G24365" s="8">
        <v>1</v>
      </c>
      <c r="H24365" s="8">
        <v>1</v>
      </c>
      <c r="I24365" s="8">
        <v>0</v>
      </c>
      <c r="J24365" s="8">
        <v>1</v>
      </c>
      <c r="K24365" s="9">
        <v>169</v>
      </c>
      <c r="L24365" s="6" t="s">
        <v>4151</v>
      </c>
    </row>
    <row r="24366" spans="1:12">
      <c r="A24366" s="6" t="s">
        <v>4151</v>
      </c>
      <c r="B24366" s="6"/>
      <c r="C24366" s="6" t="s">
        <v>24402</v>
      </c>
      <c r="D24366" s="6"/>
      <c r="E24366" s="6" t="s">
        <v>9</v>
      </c>
      <c r="F24366" s="7">
        <v>42889</v>
      </c>
      <c r="G24366" s="8">
        <v>1</v>
      </c>
      <c r="H24366" s="8">
        <v>1</v>
      </c>
      <c r="I24366" s="8">
        <v>0</v>
      </c>
      <c r="J24366" s="8">
        <v>1</v>
      </c>
      <c r="K24366" s="9">
        <v>255</v>
      </c>
      <c r="L24366" s="6" t="s">
        <v>4151</v>
      </c>
    </row>
    <row r="24367" spans="1:12">
      <c r="A24367" s="6" t="s">
        <v>4151</v>
      </c>
      <c r="B24367" s="6"/>
      <c r="C24367" s="6" t="s">
        <v>24403</v>
      </c>
      <c r="D24367" s="6"/>
      <c r="E24367" s="6" t="s">
        <v>9</v>
      </c>
      <c r="F24367" s="7">
        <v>42889</v>
      </c>
      <c r="G24367" s="8">
        <v>1</v>
      </c>
      <c r="H24367" s="8">
        <v>1</v>
      </c>
      <c r="I24367" s="8">
        <v>0</v>
      </c>
      <c r="J24367" s="8">
        <v>1</v>
      </c>
      <c r="K24367" s="9">
        <v>54</v>
      </c>
      <c r="L24367" s="6" t="s">
        <v>4151</v>
      </c>
    </row>
    <row r="24368" spans="1:12">
      <c r="A24368" s="6" t="s">
        <v>4151</v>
      </c>
      <c r="B24368" s="6"/>
      <c r="C24368" s="6" t="s">
        <v>24404</v>
      </c>
      <c r="D24368" s="6"/>
      <c r="E24368" s="6" t="s">
        <v>9</v>
      </c>
      <c r="F24368" s="7">
        <v>42889</v>
      </c>
      <c r="G24368" s="8">
        <v>1</v>
      </c>
      <c r="H24368" s="8">
        <v>1</v>
      </c>
      <c r="I24368" s="8">
        <v>0</v>
      </c>
      <c r="J24368" s="8">
        <v>1</v>
      </c>
      <c r="K24368" s="9">
        <v>414</v>
      </c>
      <c r="L24368" s="6" t="s">
        <v>4151</v>
      </c>
    </row>
    <row r="24369" spans="1:12">
      <c r="A24369" s="6" t="s">
        <v>4151</v>
      </c>
      <c r="B24369" s="6"/>
      <c r="C24369" s="6" t="s">
        <v>24405</v>
      </c>
      <c r="D24369" s="6"/>
      <c r="E24369" s="6" t="s">
        <v>9</v>
      </c>
      <c r="F24369" s="7">
        <v>42889</v>
      </c>
      <c r="G24369" s="8">
        <v>1</v>
      </c>
      <c r="H24369" s="8">
        <v>1</v>
      </c>
      <c r="I24369" s="8">
        <v>0</v>
      </c>
      <c r="J24369" s="8">
        <v>1</v>
      </c>
      <c r="K24369" s="9">
        <v>210</v>
      </c>
      <c r="L24369" s="6" t="s">
        <v>4151</v>
      </c>
    </row>
    <row r="24370" spans="1:12">
      <c r="A24370" s="6" t="s">
        <v>4151</v>
      </c>
      <c r="B24370" s="6"/>
      <c r="C24370" s="6" t="s">
        <v>24406</v>
      </c>
      <c r="D24370" s="6"/>
      <c r="E24370" s="6" t="s">
        <v>9</v>
      </c>
      <c r="F24370" s="7">
        <v>38657</v>
      </c>
      <c r="G24370" s="8">
        <v>1</v>
      </c>
      <c r="H24370" s="8">
        <v>1</v>
      </c>
      <c r="I24370" s="8">
        <v>0</v>
      </c>
      <c r="J24370" s="8">
        <v>1</v>
      </c>
      <c r="K24370" s="9">
        <v>6.15</v>
      </c>
      <c r="L24370" s="6" t="s">
        <v>4151</v>
      </c>
    </row>
    <row r="24371" spans="1:12">
      <c r="A24371" s="6" t="s">
        <v>4151</v>
      </c>
      <c r="B24371" s="6"/>
      <c r="C24371" s="6" t="s">
        <v>24407</v>
      </c>
      <c r="D24371" s="6"/>
      <c r="E24371" s="6" t="s">
        <v>9</v>
      </c>
      <c r="F24371" s="7">
        <v>42889</v>
      </c>
      <c r="G24371" s="8">
        <v>1</v>
      </c>
      <c r="H24371" s="8">
        <v>1</v>
      </c>
      <c r="I24371" s="8">
        <v>0</v>
      </c>
      <c r="J24371" s="8">
        <v>1</v>
      </c>
      <c r="K24371" s="9">
        <v>222</v>
      </c>
      <c r="L24371" s="6" t="s">
        <v>4151</v>
      </c>
    </row>
    <row r="24372" spans="1:12">
      <c r="A24372" s="6" t="s">
        <v>4151</v>
      </c>
      <c r="B24372" s="6"/>
      <c r="C24372" s="6" t="s">
        <v>24408</v>
      </c>
      <c r="D24372" s="6"/>
      <c r="E24372" s="6" t="s">
        <v>9</v>
      </c>
      <c r="F24372" s="7">
        <v>42889</v>
      </c>
      <c r="G24372" s="8">
        <v>1</v>
      </c>
      <c r="H24372" s="8">
        <v>1</v>
      </c>
      <c r="I24372" s="8">
        <v>0</v>
      </c>
      <c r="J24372" s="8">
        <v>1</v>
      </c>
      <c r="K24372" s="9">
        <v>21</v>
      </c>
      <c r="L24372" s="6" t="s">
        <v>4151</v>
      </c>
    </row>
    <row r="24373" spans="1:12">
      <c r="A24373" s="6" t="s">
        <v>4151</v>
      </c>
      <c r="B24373" s="6"/>
      <c r="C24373" s="6" t="s">
        <v>24409</v>
      </c>
      <c r="D24373" s="6"/>
      <c r="E24373" s="6" t="s">
        <v>9</v>
      </c>
      <c r="F24373" s="7">
        <v>42889</v>
      </c>
      <c r="G24373" s="8">
        <v>1</v>
      </c>
      <c r="H24373" s="8">
        <v>1</v>
      </c>
      <c r="I24373" s="8">
        <v>0</v>
      </c>
      <c r="J24373" s="8">
        <v>1</v>
      </c>
      <c r="K24373" s="9">
        <v>6.14</v>
      </c>
      <c r="L24373" s="6" t="s">
        <v>4151</v>
      </c>
    </row>
    <row r="24374" spans="1:12">
      <c r="A24374" s="6" t="s">
        <v>4151</v>
      </c>
      <c r="B24374" s="6"/>
      <c r="C24374" s="6" t="s">
        <v>24410</v>
      </c>
      <c r="D24374" s="6"/>
      <c r="E24374" s="6" t="s">
        <v>9</v>
      </c>
      <c r="F24374" s="7">
        <v>42889</v>
      </c>
      <c r="G24374" s="8">
        <v>1</v>
      </c>
      <c r="H24374" s="8">
        <v>1</v>
      </c>
      <c r="I24374" s="8">
        <v>0</v>
      </c>
      <c r="J24374" s="8">
        <v>1</v>
      </c>
      <c r="K24374" s="9">
        <v>130</v>
      </c>
      <c r="L24374" s="6" t="s">
        <v>4151</v>
      </c>
    </row>
    <row r="24375" spans="1:12">
      <c r="A24375" s="6" t="s">
        <v>4151</v>
      </c>
      <c r="B24375" s="6"/>
      <c r="C24375" s="6" t="s">
        <v>24411</v>
      </c>
      <c r="D24375" s="6"/>
      <c r="E24375" s="6" t="s">
        <v>9</v>
      </c>
      <c r="F24375" s="7">
        <v>42889</v>
      </c>
      <c r="G24375" s="8">
        <v>1</v>
      </c>
      <c r="H24375" s="8">
        <v>1</v>
      </c>
      <c r="I24375" s="8">
        <v>0</v>
      </c>
      <c r="J24375" s="8">
        <v>1</v>
      </c>
      <c r="K24375" s="9">
        <v>110</v>
      </c>
      <c r="L24375" s="6" t="s">
        <v>4151</v>
      </c>
    </row>
    <row r="24376" spans="1:12">
      <c r="A24376" s="6" t="s">
        <v>4151</v>
      </c>
      <c r="B24376" s="6"/>
      <c r="C24376" s="6" t="s">
        <v>24412</v>
      </c>
      <c r="D24376" s="6"/>
      <c r="E24376" s="6" t="s">
        <v>9</v>
      </c>
      <c r="F24376" s="7">
        <v>42889</v>
      </c>
      <c r="G24376" s="8">
        <v>1</v>
      </c>
      <c r="H24376" s="8">
        <v>1</v>
      </c>
      <c r="I24376" s="8">
        <v>0</v>
      </c>
      <c r="J24376" s="8">
        <v>1</v>
      </c>
      <c r="K24376" s="9">
        <v>58</v>
      </c>
      <c r="L24376" s="6" t="s">
        <v>4151</v>
      </c>
    </row>
    <row r="24377" spans="1:12">
      <c r="A24377" s="6" t="s">
        <v>4151</v>
      </c>
      <c r="B24377" s="6"/>
      <c r="C24377" s="6" t="s">
        <v>24413</v>
      </c>
      <c r="D24377" s="6"/>
      <c r="E24377" s="6" t="s">
        <v>9</v>
      </c>
      <c r="F24377" s="7">
        <v>42889</v>
      </c>
      <c r="G24377" s="8">
        <v>1</v>
      </c>
      <c r="H24377" s="8">
        <v>1</v>
      </c>
      <c r="I24377" s="8">
        <v>0</v>
      </c>
      <c r="J24377" s="8">
        <v>1</v>
      </c>
      <c r="K24377" s="9">
        <v>348</v>
      </c>
      <c r="L24377" s="6" t="s">
        <v>4151</v>
      </c>
    </row>
    <row r="24378" spans="1:12">
      <c r="A24378" s="6" t="s">
        <v>4151</v>
      </c>
      <c r="B24378" s="6"/>
      <c r="C24378" s="6" t="s">
        <v>24414</v>
      </c>
      <c r="D24378" s="6"/>
      <c r="E24378" s="6" t="s">
        <v>9</v>
      </c>
      <c r="F24378" s="7">
        <v>42889</v>
      </c>
      <c r="G24378" s="8">
        <v>1</v>
      </c>
      <c r="H24378" s="8">
        <v>1</v>
      </c>
      <c r="I24378" s="8">
        <v>0</v>
      </c>
      <c r="J24378" s="8">
        <v>1</v>
      </c>
      <c r="K24378" s="9">
        <v>249</v>
      </c>
      <c r="L24378" s="6" t="s">
        <v>4151</v>
      </c>
    </row>
    <row r="24379" spans="1:12">
      <c r="A24379" s="6" t="s">
        <v>4151</v>
      </c>
      <c r="B24379" s="6"/>
      <c r="C24379" s="6" t="s">
        <v>24415</v>
      </c>
      <c r="D24379" s="6"/>
      <c r="E24379" s="6" t="s">
        <v>9</v>
      </c>
      <c r="F24379" s="7">
        <v>42889</v>
      </c>
      <c r="G24379" s="8">
        <v>1</v>
      </c>
      <c r="H24379" s="8">
        <v>1</v>
      </c>
      <c r="I24379" s="8">
        <v>0</v>
      </c>
      <c r="J24379" s="8">
        <v>1</v>
      </c>
      <c r="K24379" s="9">
        <v>866</v>
      </c>
      <c r="L24379" s="6" t="s">
        <v>4151</v>
      </c>
    </row>
    <row r="24380" spans="1:12">
      <c r="A24380" s="6" t="s">
        <v>4151</v>
      </c>
      <c r="B24380" s="6"/>
      <c r="C24380" s="6" t="s">
        <v>24416</v>
      </c>
      <c r="D24380" s="6"/>
      <c r="E24380" s="6" t="s">
        <v>9</v>
      </c>
      <c r="F24380" s="7">
        <v>42889</v>
      </c>
      <c r="G24380" s="8">
        <v>1</v>
      </c>
      <c r="H24380" s="8">
        <v>1</v>
      </c>
      <c r="I24380" s="8">
        <v>0</v>
      </c>
      <c r="J24380" s="8">
        <v>1</v>
      </c>
      <c r="K24380" s="9">
        <v>289</v>
      </c>
      <c r="L24380" s="6" t="s">
        <v>4151</v>
      </c>
    </row>
    <row r="24381" spans="1:12">
      <c r="A24381" s="6" t="s">
        <v>4151</v>
      </c>
      <c r="B24381" s="6"/>
      <c r="C24381" s="6" t="s">
        <v>24417</v>
      </c>
      <c r="D24381" s="6"/>
      <c r="E24381" s="6" t="s">
        <v>9</v>
      </c>
      <c r="F24381" s="7">
        <v>38657</v>
      </c>
      <c r="G24381" s="8">
        <v>1</v>
      </c>
      <c r="H24381" s="8">
        <v>1</v>
      </c>
      <c r="I24381" s="8">
        <v>0</v>
      </c>
      <c r="J24381" s="8">
        <v>1</v>
      </c>
      <c r="K24381" s="9">
        <v>42</v>
      </c>
      <c r="L24381" s="6" t="s">
        <v>4151</v>
      </c>
    </row>
    <row r="24382" spans="1:12">
      <c r="A24382" s="6" t="s">
        <v>4151</v>
      </c>
      <c r="B24382" s="6"/>
      <c r="C24382" s="6" t="s">
        <v>24418</v>
      </c>
      <c r="D24382" s="6"/>
      <c r="E24382" s="6" t="s">
        <v>9</v>
      </c>
      <c r="F24382" s="7">
        <v>42889</v>
      </c>
      <c r="G24382" s="8">
        <v>1</v>
      </c>
      <c r="H24382" s="8">
        <v>1</v>
      </c>
      <c r="I24382" s="8">
        <v>0</v>
      </c>
      <c r="J24382" s="8">
        <v>1</v>
      </c>
      <c r="K24382" s="9">
        <v>475</v>
      </c>
      <c r="L24382" s="6" t="s">
        <v>4151</v>
      </c>
    </row>
    <row r="24383" spans="1:12">
      <c r="A24383" s="6" t="s">
        <v>4151</v>
      </c>
      <c r="B24383" s="6"/>
      <c r="C24383" s="6" t="s">
        <v>24419</v>
      </c>
      <c r="D24383" s="6"/>
      <c r="E24383" s="6" t="s">
        <v>9</v>
      </c>
      <c r="F24383" s="7">
        <v>42889</v>
      </c>
      <c r="G24383" s="8">
        <v>1</v>
      </c>
      <c r="H24383" s="8">
        <v>1</v>
      </c>
      <c r="I24383" s="8">
        <v>0</v>
      </c>
      <c r="J24383" s="8">
        <v>1</v>
      </c>
      <c r="K24383" s="9">
        <v>12</v>
      </c>
      <c r="L24383" s="6" t="s">
        <v>4151</v>
      </c>
    </row>
    <row r="24384" spans="1:12">
      <c r="A24384" s="6" t="s">
        <v>4151</v>
      </c>
      <c r="B24384" s="6"/>
      <c r="C24384" s="6" t="s">
        <v>24420</v>
      </c>
      <c r="D24384" s="6"/>
      <c r="E24384" s="6" t="s">
        <v>9</v>
      </c>
      <c r="F24384" s="7">
        <v>42889</v>
      </c>
      <c r="G24384" s="8">
        <v>1</v>
      </c>
      <c r="H24384" s="8">
        <v>1</v>
      </c>
      <c r="I24384" s="8">
        <v>0</v>
      </c>
      <c r="J24384" s="8">
        <v>1</v>
      </c>
      <c r="K24384" s="9">
        <v>11</v>
      </c>
      <c r="L24384" s="6" t="s">
        <v>4151</v>
      </c>
    </row>
    <row r="24385" spans="1:12">
      <c r="A24385" s="6" t="s">
        <v>4151</v>
      </c>
      <c r="B24385" s="6"/>
      <c r="C24385" s="6" t="s">
        <v>24421</v>
      </c>
      <c r="D24385" s="6"/>
      <c r="E24385" s="6" t="s">
        <v>9</v>
      </c>
      <c r="F24385" s="7">
        <v>42889</v>
      </c>
      <c r="G24385" s="8">
        <v>1</v>
      </c>
      <c r="H24385" s="8">
        <v>1</v>
      </c>
      <c r="I24385" s="8">
        <v>0</v>
      </c>
      <c r="J24385" s="8">
        <v>1</v>
      </c>
      <c r="K24385" s="9">
        <v>132</v>
      </c>
      <c r="L24385" s="6" t="s">
        <v>4151</v>
      </c>
    </row>
    <row r="24386" spans="1:12">
      <c r="A24386" s="6" t="s">
        <v>4151</v>
      </c>
      <c r="B24386" s="6"/>
      <c r="C24386" s="6" t="s">
        <v>24422</v>
      </c>
      <c r="D24386" s="6"/>
      <c r="E24386" s="6" t="s">
        <v>9</v>
      </c>
      <c r="F24386" s="7">
        <v>42889</v>
      </c>
      <c r="G24386" s="8">
        <v>1</v>
      </c>
      <c r="H24386" s="8">
        <v>1</v>
      </c>
      <c r="I24386" s="8">
        <v>0</v>
      </c>
      <c r="J24386" s="8">
        <v>1</v>
      </c>
      <c r="K24386" s="9">
        <v>160</v>
      </c>
      <c r="L24386" s="6" t="s">
        <v>4151</v>
      </c>
    </row>
    <row r="24387" spans="1:12">
      <c r="A24387" s="6" t="s">
        <v>4151</v>
      </c>
      <c r="B24387" s="6"/>
      <c r="C24387" s="6" t="s">
        <v>24423</v>
      </c>
      <c r="D24387" s="6"/>
      <c r="E24387" s="6" t="s">
        <v>9</v>
      </c>
      <c r="F24387" s="7">
        <v>42889</v>
      </c>
      <c r="G24387" s="8">
        <v>1</v>
      </c>
      <c r="H24387" s="8">
        <v>1</v>
      </c>
      <c r="I24387" s="8">
        <v>0</v>
      </c>
      <c r="J24387" s="8">
        <v>1</v>
      </c>
      <c r="K24387" s="9">
        <v>58</v>
      </c>
      <c r="L24387" s="6" t="s">
        <v>4151</v>
      </c>
    </row>
    <row r="24388" spans="1:12">
      <c r="A24388" s="6" t="s">
        <v>4151</v>
      </c>
      <c r="B24388" s="6"/>
      <c r="C24388" s="6" t="s">
        <v>24424</v>
      </c>
      <c r="D24388" s="6"/>
      <c r="E24388" s="6" t="s">
        <v>9</v>
      </c>
      <c r="F24388" s="7">
        <v>42889</v>
      </c>
      <c r="G24388" s="8">
        <v>1</v>
      </c>
      <c r="H24388" s="8">
        <v>1</v>
      </c>
      <c r="I24388" s="8">
        <v>0</v>
      </c>
      <c r="J24388" s="8">
        <v>1</v>
      </c>
      <c r="K24388" s="9">
        <v>144</v>
      </c>
      <c r="L24388" s="6" t="s">
        <v>4151</v>
      </c>
    </row>
    <row r="24389" spans="1:12">
      <c r="A24389" s="6" t="s">
        <v>4151</v>
      </c>
      <c r="B24389" s="6"/>
      <c r="C24389" s="6" t="s">
        <v>24425</v>
      </c>
      <c r="D24389" s="6"/>
      <c r="E24389" s="6" t="s">
        <v>9</v>
      </c>
      <c r="F24389" s="7">
        <v>42889</v>
      </c>
      <c r="G24389" s="8">
        <v>1</v>
      </c>
      <c r="H24389" s="8">
        <v>1</v>
      </c>
      <c r="I24389" s="8">
        <v>0</v>
      </c>
      <c r="J24389" s="8">
        <v>1</v>
      </c>
      <c r="K24389" s="9">
        <v>48</v>
      </c>
      <c r="L24389" s="6" t="s">
        <v>4151</v>
      </c>
    </row>
    <row r="24390" spans="1:12">
      <c r="A24390" s="6" t="s">
        <v>4151</v>
      </c>
      <c r="B24390" s="6"/>
      <c r="C24390" s="6" t="s">
        <v>24426</v>
      </c>
      <c r="D24390" s="6"/>
      <c r="E24390" s="6" t="s">
        <v>9</v>
      </c>
      <c r="F24390" s="7">
        <v>42889</v>
      </c>
      <c r="G24390" s="8">
        <v>1</v>
      </c>
      <c r="H24390" s="8">
        <v>1</v>
      </c>
      <c r="I24390" s="8">
        <v>0</v>
      </c>
      <c r="J24390" s="8">
        <v>1</v>
      </c>
      <c r="K24390" s="9">
        <v>193</v>
      </c>
      <c r="L24390" s="6" t="s">
        <v>4151</v>
      </c>
    </row>
    <row r="24391" spans="1:12">
      <c r="A24391" s="6" t="s">
        <v>4151</v>
      </c>
      <c r="B24391" s="6"/>
      <c r="C24391" s="6" t="s">
        <v>24427</v>
      </c>
      <c r="D24391" s="6"/>
      <c r="E24391" s="6" t="s">
        <v>9</v>
      </c>
      <c r="F24391" s="7">
        <v>42889</v>
      </c>
      <c r="G24391" s="8">
        <v>1</v>
      </c>
      <c r="H24391" s="8">
        <v>1</v>
      </c>
      <c r="I24391" s="8">
        <v>0</v>
      </c>
      <c r="J24391" s="8">
        <v>1</v>
      </c>
      <c r="K24391" s="9">
        <v>63</v>
      </c>
      <c r="L24391" s="6" t="s">
        <v>4151</v>
      </c>
    </row>
    <row r="24392" spans="1:12">
      <c r="A24392" s="6" t="s">
        <v>4151</v>
      </c>
      <c r="B24392" s="6"/>
      <c r="C24392" s="6" t="s">
        <v>24428</v>
      </c>
      <c r="D24392" s="6"/>
      <c r="E24392" s="6" t="s">
        <v>9</v>
      </c>
      <c r="F24392" s="7">
        <v>38657</v>
      </c>
      <c r="G24392" s="8">
        <v>1</v>
      </c>
      <c r="H24392" s="8">
        <v>1</v>
      </c>
      <c r="I24392" s="8">
        <v>0</v>
      </c>
      <c r="J24392" s="8">
        <v>1</v>
      </c>
      <c r="K24392" s="9">
        <v>19</v>
      </c>
      <c r="L24392" s="6" t="s">
        <v>4151</v>
      </c>
    </row>
    <row r="24393" spans="1:12">
      <c r="A24393" s="6" t="s">
        <v>4151</v>
      </c>
      <c r="B24393" s="6"/>
      <c r="C24393" s="6" t="s">
        <v>24429</v>
      </c>
      <c r="D24393" s="6"/>
      <c r="E24393" s="6" t="s">
        <v>9</v>
      </c>
      <c r="F24393" s="7">
        <v>42889</v>
      </c>
      <c r="G24393" s="8">
        <v>1</v>
      </c>
      <c r="H24393" s="8">
        <v>1</v>
      </c>
      <c r="I24393" s="8">
        <v>0</v>
      </c>
      <c r="J24393" s="8">
        <v>1</v>
      </c>
      <c r="K24393" s="9">
        <v>24</v>
      </c>
      <c r="L24393" s="6" t="s">
        <v>4151</v>
      </c>
    </row>
    <row r="24394" spans="1:12">
      <c r="A24394" s="6" t="s">
        <v>4151</v>
      </c>
      <c r="B24394" s="6"/>
      <c r="C24394" s="6" t="s">
        <v>24430</v>
      </c>
      <c r="D24394" s="6"/>
      <c r="E24394" s="6" t="s">
        <v>9</v>
      </c>
      <c r="F24394" s="7">
        <v>42889</v>
      </c>
      <c r="G24394" s="8">
        <v>1</v>
      </c>
      <c r="H24394" s="8">
        <v>1</v>
      </c>
      <c r="I24394" s="8">
        <v>0</v>
      </c>
      <c r="J24394" s="8">
        <v>1</v>
      </c>
      <c r="K24394" s="9">
        <v>60</v>
      </c>
      <c r="L24394" s="6" t="s">
        <v>4151</v>
      </c>
    </row>
    <row r="24395" spans="1:12">
      <c r="A24395" s="6" t="s">
        <v>4151</v>
      </c>
      <c r="B24395" s="6"/>
      <c r="C24395" s="6" t="s">
        <v>24431</v>
      </c>
      <c r="D24395" s="6"/>
      <c r="E24395" s="6" t="s">
        <v>9</v>
      </c>
      <c r="F24395" s="7">
        <v>42889</v>
      </c>
      <c r="G24395" s="8">
        <v>1</v>
      </c>
      <c r="H24395" s="8">
        <v>1</v>
      </c>
      <c r="I24395" s="8">
        <v>0</v>
      </c>
      <c r="J24395" s="8">
        <v>1</v>
      </c>
      <c r="K24395" s="9">
        <v>19</v>
      </c>
      <c r="L24395" s="6" t="s">
        <v>4151</v>
      </c>
    </row>
    <row r="24396" spans="1:12">
      <c r="A24396" s="6" t="s">
        <v>4151</v>
      </c>
      <c r="B24396" s="6"/>
      <c r="C24396" s="6" t="s">
        <v>24432</v>
      </c>
      <c r="D24396" s="6"/>
      <c r="E24396" s="6" t="s">
        <v>9</v>
      </c>
      <c r="F24396" s="7">
        <v>42889</v>
      </c>
      <c r="G24396" s="8">
        <v>1</v>
      </c>
      <c r="H24396" s="8">
        <v>1</v>
      </c>
      <c r="I24396" s="8">
        <v>0</v>
      </c>
      <c r="J24396" s="8">
        <v>1</v>
      </c>
      <c r="K24396" s="9">
        <v>74</v>
      </c>
      <c r="L24396" s="6" t="s">
        <v>4151</v>
      </c>
    </row>
    <row r="24397" spans="1:12">
      <c r="A24397" s="6" t="s">
        <v>4151</v>
      </c>
      <c r="B24397" s="6"/>
      <c r="C24397" s="6" t="s">
        <v>24433</v>
      </c>
      <c r="D24397" s="6"/>
      <c r="E24397" s="6" t="s">
        <v>9</v>
      </c>
      <c r="F24397" s="7">
        <v>42889</v>
      </c>
      <c r="G24397" s="8">
        <v>1</v>
      </c>
      <c r="H24397" s="8">
        <v>1</v>
      </c>
      <c r="I24397" s="8">
        <v>0</v>
      </c>
      <c r="J24397" s="8">
        <v>1</v>
      </c>
      <c r="K24397" s="9">
        <v>28</v>
      </c>
      <c r="L24397" s="6" t="s">
        <v>4151</v>
      </c>
    </row>
    <row r="24398" spans="1:12">
      <c r="A24398" s="6" t="s">
        <v>4151</v>
      </c>
      <c r="B24398" s="6"/>
      <c r="C24398" s="6" t="s">
        <v>24434</v>
      </c>
      <c r="D24398" s="6"/>
      <c r="E24398" s="6" t="s">
        <v>9</v>
      </c>
      <c r="F24398" s="7">
        <v>42889</v>
      </c>
      <c r="G24398" s="8">
        <v>1</v>
      </c>
      <c r="H24398" s="8">
        <v>1</v>
      </c>
      <c r="I24398" s="8">
        <v>0</v>
      </c>
      <c r="J24398" s="8">
        <v>1</v>
      </c>
      <c r="K24398" s="9">
        <v>145</v>
      </c>
      <c r="L24398" s="6" t="s">
        <v>4151</v>
      </c>
    </row>
    <row r="24399" spans="1:12">
      <c r="A24399" s="6" t="s">
        <v>4151</v>
      </c>
      <c r="B24399" s="6"/>
      <c r="C24399" s="6" t="s">
        <v>24435</v>
      </c>
      <c r="D24399" s="6"/>
      <c r="E24399" s="6" t="s">
        <v>9</v>
      </c>
      <c r="F24399" s="7">
        <v>42889</v>
      </c>
      <c r="G24399" s="8">
        <v>1</v>
      </c>
      <c r="H24399" s="8">
        <v>1</v>
      </c>
      <c r="I24399" s="8">
        <v>0</v>
      </c>
      <c r="J24399" s="8">
        <v>1</v>
      </c>
      <c r="K24399" s="9">
        <v>121</v>
      </c>
      <c r="L24399" s="6" t="s">
        <v>4151</v>
      </c>
    </row>
    <row r="24400" spans="1:12">
      <c r="A24400" s="6" t="s">
        <v>4151</v>
      </c>
      <c r="B24400" s="6"/>
      <c r="C24400" s="6" t="s">
        <v>24436</v>
      </c>
      <c r="D24400" s="6"/>
      <c r="E24400" s="6" t="s">
        <v>9</v>
      </c>
      <c r="F24400" s="7">
        <v>42889</v>
      </c>
      <c r="G24400" s="8">
        <v>1</v>
      </c>
      <c r="H24400" s="8">
        <v>1</v>
      </c>
      <c r="I24400" s="8">
        <v>0</v>
      </c>
      <c r="J24400" s="8">
        <v>1</v>
      </c>
      <c r="K24400" s="9">
        <v>296</v>
      </c>
      <c r="L24400" s="6" t="s">
        <v>4151</v>
      </c>
    </row>
    <row r="24401" spans="1:12">
      <c r="A24401" s="6" t="s">
        <v>4151</v>
      </c>
      <c r="B24401" s="6"/>
      <c r="C24401" s="6" t="s">
        <v>24437</v>
      </c>
      <c r="D24401" s="6"/>
      <c r="E24401" s="6" t="s">
        <v>9</v>
      </c>
      <c r="F24401" s="7">
        <v>42889</v>
      </c>
      <c r="G24401" s="8">
        <v>1</v>
      </c>
      <c r="H24401" s="8">
        <v>1</v>
      </c>
      <c r="I24401" s="8">
        <v>0</v>
      </c>
      <c r="J24401" s="8">
        <v>1</v>
      </c>
      <c r="K24401" s="9">
        <v>121</v>
      </c>
      <c r="L24401" s="6" t="s">
        <v>4151</v>
      </c>
    </row>
    <row r="24402" spans="1:12">
      <c r="A24402" s="6" t="s">
        <v>4151</v>
      </c>
      <c r="B24402" s="6"/>
      <c r="C24402" s="6" t="s">
        <v>24438</v>
      </c>
      <c r="D24402" s="6"/>
      <c r="E24402" s="6" t="s">
        <v>9</v>
      </c>
      <c r="F24402" s="7">
        <v>42889</v>
      </c>
      <c r="G24402" s="8">
        <v>1</v>
      </c>
      <c r="H24402" s="8">
        <v>1</v>
      </c>
      <c r="I24402" s="8">
        <v>0</v>
      </c>
      <c r="J24402" s="8">
        <v>1</v>
      </c>
      <c r="K24402" s="9">
        <v>187</v>
      </c>
      <c r="L24402" s="6" t="s">
        <v>4151</v>
      </c>
    </row>
    <row r="24403" spans="1:12">
      <c r="A24403" s="6" t="s">
        <v>4151</v>
      </c>
      <c r="B24403" s="6"/>
      <c r="C24403" s="6" t="s">
        <v>24439</v>
      </c>
      <c r="D24403" s="6"/>
      <c r="E24403" s="6" t="s">
        <v>9</v>
      </c>
      <c r="F24403" s="7">
        <v>38657</v>
      </c>
      <c r="G24403" s="8">
        <v>1</v>
      </c>
      <c r="H24403" s="8">
        <v>1</v>
      </c>
      <c r="I24403" s="8">
        <v>0</v>
      </c>
      <c r="J24403" s="8">
        <v>1</v>
      </c>
      <c r="K24403" s="9">
        <v>61</v>
      </c>
      <c r="L24403" s="6" t="s">
        <v>4151</v>
      </c>
    </row>
    <row r="24404" spans="1:12">
      <c r="A24404" s="6" t="s">
        <v>4151</v>
      </c>
      <c r="B24404" s="6"/>
      <c r="C24404" s="6" t="s">
        <v>24440</v>
      </c>
      <c r="D24404" s="6"/>
      <c r="E24404" s="6" t="s">
        <v>9</v>
      </c>
      <c r="F24404" s="7">
        <v>42889</v>
      </c>
      <c r="G24404" s="8">
        <v>1</v>
      </c>
      <c r="H24404" s="8">
        <v>1</v>
      </c>
      <c r="I24404" s="8">
        <v>0</v>
      </c>
      <c r="J24404" s="8">
        <v>1</v>
      </c>
      <c r="K24404" s="9">
        <v>92</v>
      </c>
      <c r="L24404" s="6" t="s">
        <v>4151</v>
      </c>
    </row>
    <row r="24405" spans="1:12">
      <c r="A24405" s="6" t="s">
        <v>4151</v>
      </c>
      <c r="B24405" s="6"/>
      <c r="C24405" s="6" t="s">
        <v>24441</v>
      </c>
      <c r="D24405" s="6"/>
      <c r="E24405" s="6" t="s">
        <v>9</v>
      </c>
      <c r="F24405" s="7">
        <v>42889</v>
      </c>
      <c r="G24405" s="8">
        <v>1</v>
      </c>
      <c r="H24405" s="8">
        <v>1</v>
      </c>
      <c r="I24405" s="8">
        <v>0</v>
      </c>
      <c r="J24405" s="8">
        <v>1</v>
      </c>
      <c r="K24405" s="9">
        <v>335</v>
      </c>
      <c r="L24405" s="6" t="s">
        <v>4151</v>
      </c>
    </row>
    <row r="24406" spans="1:12">
      <c r="A24406" s="6" t="s">
        <v>4151</v>
      </c>
      <c r="B24406" s="6"/>
      <c r="C24406" s="6" t="s">
        <v>24442</v>
      </c>
      <c r="D24406" s="6"/>
      <c r="E24406" s="6" t="s">
        <v>9</v>
      </c>
      <c r="F24406" s="7">
        <v>42889</v>
      </c>
      <c r="G24406" s="8">
        <v>1</v>
      </c>
      <c r="H24406" s="8">
        <v>1</v>
      </c>
      <c r="I24406" s="8">
        <v>0</v>
      </c>
      <c r="J24406" s="8">
        <v>1</v>
      </c>
      <c r="K24406" s="9">
        <v>85</v>
      </c>
      <c r="L24406" s="6" t="s">
        <v>4151</v>
      </c>
    </row>
    <row r="24407" spans="1:12">
      <c r="A24407" s="6" t="s">
        <v>4151</v>
      </c>
      <c r="B24407" s="6"/>
      <c r="C24407" s="6" t="s">
        <v>24443</v>
      </c>
      <c r="D24407" s="6"/>
      <c r="E24407" s="6" t="s">
        <v>9</v>
      </c>
      <c r="F24407" s="7">
        <v>42889</v>
      </c>
      <c r="G24407" s="8">
        <v>1</v>
      </c>
      <c r="H24407" s="8">
        <v>1</v>
      </c>
      <c r="I24407" s="8">
        <v>0</v>
      </c>
      <c r="J24407" s="8">
        <v>1</v>
      </c>
      <c r="K24407" s="9">
        <v>98</v>
      </c>
      <c r="L24407" s="6" t="s">
        <v>4151</v>
      </c>
    </row>
    <row r="24408" spans="1:12">
      <c r="A24408" s="6" t="s">
        <v>4151</v>
      </c>
      <c r="B24408" s="6"/>
      <c r="C24408" s="6" t="s">
        <v>24444</v>
      </c>
      <c r="D24408" s="6"/>
      <c r="E24408" s="6" t="s">
        <v>9</v>
      </c>
      <c r="F24408" s="7">
        <v>42889</v>
      </c>
      <c r="G24408" s="8">
        <v>1</v>
      </c>
      <c r="H24408" s="8">
        <v>1</v>
      </c>
      <c r="I24408" s="8">
        <v>0</v>
      </c>
      <c r="J24408" s="8">
        <v>1</v>
      </c>
      <c r="K24408" s="9">
        <v>519</v>
      </c>
      <c r="L24408" s="6" t="s">
        <v>4151</v>
      </c>
    </row>
    <row r="24409" spans="1:12">
      <c r="A24409" s="6" t="s">
        <v>4151</v>
      </c>
      <c r="B24409" s="6"/>
      <c r="C24409" s="6" t="s">
        <v>24445</v>
      </c>
      <c r="D24409" s="6"/>
      <c r="E24409" s="6" t="s">
        <v>9</v>
      </c>
      <c r="F24409" s="7">
        <v>42889</v>
      </c>
      <c r="G24409" s="8">
        <v>1</v>
      </c>
      <c r="H24409" s="8">
        <v>1</v>
      </c>
      <c r="I24409" s="8">
        <v>0</v>
      </c>
      <c r="J24409" s="8">
        <v>1</v>
      </c>
      <c r="K24409" s="9">
        <v>50</v>
      </c>
      <c r="L24409" s="6" t="s">
        <v>4151</v>
      </c>
    </row>
    <row r="24410" spans="1:12">
      <c r="A24410" s="6" t="s">
        <v>4151</v>
      </c>
      <c r="B24410" s="6"/>
      <c r="C24410" s="6" t="s">
        <v>24446</v>
      </c>
      <c r="D24410" s="6"/>
      <c r="E24410" s="6" t="s">
        <v>9</v>
      </c>
      <c r="F24410" s="7">
        <v>42889</v>
      </c>
      <c r="G24410" s="8">
        <v>1</v>
      </c>
      <c r="H24410" s="8">
        <v>1</v>
      </c>
      <c r="I24410" s="8">
        <v>0</v>
      </c>
      <c r="J24410" s="8">
        <v>1</v>
      </c>
      <c r="K24410" s="9">
        <v>58</v>
      </c>
      <c r="L24410" s="6" t="s">
        <v>4151</v>
      </c>
    </row>
    <row r="24411" spans="1:12">
      <c r="A24411" s="6" t="s">
        <v>4151</v>
      </c>
      <c r="B24411" s="6"/>
      <c r="C24411" s="6" t="s">
        <v>24447</v>
      </c>
      <c r="D24411" s="6"/>
      <c r="E24411" s="6" t="s">
        <v>9</v>
      </c>
      <c r="F24411" s="7">
        <v>42889</v>
      </c>
      <c r="G24411" s="8">
        <v>1</v>
      </c>
      <c r="H24411" s="8">
        <v>1</v>
      </c>
      <c r="I24411" s="8">
        <v>0</v>
      </c>
      <c r="J24411" s="8">
        <v>1</v>
      </c>
      <c r="K24411" s="9">
        <v>44</v>
      </c>
      <c r="L24411" s="6" t="s">
        <v>4151</v>
      </c>
    </row>
    <row r="24412" spans="1:12">
      <c r="A24412" s="6" t="s">
        <v>4151</v>
      </c>
      <c r="B24412" s="6"/>
      <c r="C24412" s="6" t="s">
        <v>24448</v>
      </c>
      <c r="D24412" s="6"/>
      <c r="E24412" s="6" t="s">
        <v>9</v>
      </c>
      <c r="F24412" s="7">
        <v>42889</v>
      </c>
      <c r="G24412" s="8">
        <v>1</v>
      </c>
      <c r="H24412" s="8">
        <v>1</v>
      </c>
      <c r="I24412" s="8">
        <v>0</v>
      </c>
      <c r="J24412" s="8">
        <v>1</v>
      </c>
      <c r="K24412" s="9">
        <v>809</v>
      </c>
      <c r="L24412" s="6" t="s">
        <v>4151</v>
      </c>
    </row>
    <row r="24413" spans="1:12">
      <c r="A24413" s="6" t="s">
        <v>4151</v>
      </c>
      <c r="B24413" s="6"/>
      <c r="C24413" s="6" t="s">
        <v>24449</v>
      </c>
      <c r="D24413" s="6"/>
      <c r="E24413" s="6" t="s">
        <v>9</v>
      </c>
      <c r="F24413" s="7">
        <v>42889</v>
      </c>
      <c r="G24413" s="8">
        <v>1</v>
      </c>
      <c r="H24413" s="8">
        <v>1</v>
      </c>
      <c r="I24413" s="8">
        <v>0</v>
      </c>
      <c r="J24413" s="8">
        <v>1</v>
      </c>
      <c r="K24413" s="9">
        <v>132</v>
      </c>
      <c r="L24413" s="6" t="s">
        <v>4151</v>
      </c>
    </row>
    <row r="24414" spans="1:12">
      <c r="A24414" s="6" t="s">
        <v>4151</v>
      </c>
      <c r="B24414" s="6"/>
      <c r="C24414" s="6" t="s">
        <v>24450</v>
      </c>
      <c r="D24414" s="6"/>
      <c r="E24414" s="6" t="s">
        <v>9</v>
      </c>
      <c r="F24414" s="7">
        <v>38657</v>
      </c>
      <c r="G24414" s="8">
        <v>1</v>
      </c>
      <c r="H24414" s="8">
        <v>1</v>
      </c>
      <c r="I24414" s="8">
        <v>0</v>
      </c>
      <c r="J24414" s="8">
        <v>1</v>
      </c>
      <c r="K24414" s="9">
        <v>16</v>
      </c>
      <c r="L24414" s="6" t="s">
        <v>4151</v>
      </c>
    </row>
    <row r="24415" spans="1:12">
      <c r="A24415" s="6" t="s">
        <v>4151</v>
      </c>
      <c r="B24415" s="6"/>
      <c r="C24415" s="6" t="s">
        <v>24451</v>
      </c>
      <c r="D24415" s="6"/>
      <c r="E24415" s="6" t="s">
        <v>9</v>
      </c>
      <c r="F24415" s="7">
        <v>38657</v>
      </c>
      <c r="G24415" s="8">
        <v>1</v>
      </c>
      <c r="H24415" s="8">
        <v>1</v>
      </c>
      <c r="I24415" s="8">
        <v>0</v>
      </c>
      <c r="J24415" s="8">
        <v>1</v>
      </c>
      <c r="K24415" s="9">
        <v>85</v>
      </c>
      <c r="L24415" s="6" t="s">
        <v>4151</v>
      </c>
    </row>
    <row r="24416" spans="1:12">
      <c r="A24416" s="6" t="s">
        <v>4151</v>
      </c>
      <c r="B24416" s="6"/>
      <c r="C24416" s="6" t="s">
        <v>24452</v>
      </c>
      <c r="D24416" s="6"/>
      <c r="E24416" s="6" t="s">
        <v>9</v>
      </c>
      <c r="F24416" s="7">
        <v>42889</v>
      </c>
      <c r="G24416" s="8">
        <v>1</v>
      </c>
      <c r="H24416" s="8">
        <v>1</v>
      </c>
      <c r="I24416" s="8">
        <v>0</v>
      </c>
      <c r="J24416" s="8">
        <v>1</v>
      </c>
      <c r="K24416" s="9">
        <v>0.25</v>
      </c>
      <c r="L24416" s="6" t="s">
        <v>4151</v>
      </c>
    </row>
    <row r="24417" spans="1:12">
      <c r="A24417" s="6" t="s">
        <v>4151</v>
      </c>
      <c r="B24417" s="6"/>
      <c r="C24417" s="6" t="s">
        <v>24453</v>
      </c>
      <c r="D24417" s="6"/>
      <c r="E24417" s="6" t="s">
        <v>9</v>
      </c>
      <c r="F24417" s="7">
        <v>42889</v>
      </c>
      <c r="G24417" s="8">
        <v>1</v>
      </c>
      <c r="H24417" s="8">
        <v>1</v>
      </c>
      <c r="I24417" s="8">
        <v>0</v>
      </c>
      <c r="J24417" s="8">
        <v>1</v>
      </c>
      <c r="K24417" s="9">
        <v>221</v>
      </c>
      <c r="L24417" s="6" t="s">
        <v>4151</v>
      </c>
    </row>
    <row r="24418" spans="1:12">
      <c r="A24418" s="6" t="s">
        <v>4151</v>
      </c>
      <c r="B24418" s="6"/>
      <c r="C24418" s="6" t="s">
        <v>24454</v>
      </c>
      <c r="D24418" s="6"/>
      <c r="E24418" s="6" t="s">
        <v>9</v>
      </c>
      <c r="F24418" s="7">
        <v>42889</v>
      </c>
      <c r="G24418" s="8">
        <v>1</v>
      </c>
      <c r="H24418" s="8">
        <v>1</v>
      </c>
      <c r="I24418" s="8">
        <v>0</v>
      </c>
      <c r="J24418" s="8">
        <v>1</v>
      </c>
      <c r="K24418" s="9">
        <v>186</v>
      </c>
      <c r="L24418" s="6" t="s">
        <v>4151</v>
      </c>
    </row>
    <row r="24419" spans="1:12">
      <c r="A24419" s="6" t="s">
        <v>4151</v>
      </c>
      <c r="B24419" s="6"/>
      <c r="C24419" s="6" t="s">
        <v>24455</v>
      </c>
      <c r="D24419" s="6"/>
      <c r="E24419" s="6" t="s">
        <v>9</v>
      </c>
      <c r="F24419" s="7">
        <v>42889</v>
      </c>
      <c r="G24419" s="8">
        <v>1</v>
      </c>
      <c r="H24419" s="8">
        <v>1</v>
      </c>
      <c r="I24419" s="8">
        <v>0</v>
      </c>
      <c r="J24419" s="8">
        <v>1</v>
      </c>
      <c r="K24419" s="9">
        <v>275</v>
      </c>
      <c r="L24419" s="6" t="s">
        <v>4151</v>
      </c>
    </row>
    <row r="24420" spans="1:12">
      <c r="A24420" s="6" t="s">
        <v>4151</v>
      </c>
      <c r="B24420" s="6"/>
      <c r="C24420" s="6" t="s">
        <v>24456</v>
      </c>
      <c r="D24420" s="6"/>
      <c r="E24420" s="6" t="s">
        <v>9</v>
      </c>
      <c r="F24420" s="7">
        <v>42889</v>
      </c>
      <c r="G24420" s="8">
        <v>1</v>
      </c>
      <c r="H24420" s="8">
        <v>1</v>
      </c>
      <c r="I24420" s="8">
        <v>0</v>
      </c>
      <c r="J24420" s="8">
        <v>1</v>
      </c>
      <c r="K24420" s="9">
        <v>264</v>
      </c>
      <c r="L24420" s="6" t="s">
        <v>4151</v>
      </c>
    </row>
    <row r="24421" spans="1:12">
      <c r="A24421" s="6" t="s">
        <v>4151</v>
      </c>
      <c r="B24421" s="6"/>
      <c r="C24421" s="6" t="s">
        <v>24457</v>
      </c>
      <c r="D24421" s="6"/>
      <c r="E24421" s="6" t="s">
        <v>9</v>
      </c>
      <c r="F24421" s="7">
        <v>42889</v>
      </c>
      <c r="G24421" s="8">
        <v>1</v>
      </c>
      <c r="H24421" s="8">
        <v>1</v>
      </c>
      <c r="I24421" s="8">
        <v>0</v>
      </c>
      <c r="J24421" s="8">
        <v>1</v>
      </c>
      <c r="K24421" s="9">
        <v>151</v>
      </c>
      <c r="L24421" s="6" t="s">
        <v>4151</v>
      </c>
    </row>
    <row r="24422" spans="1:12">
      <c r="A24422" s="6" t="s">
        <v>4151</v>
      </c>
      <c r="B24422" s="6"/>
      <c r="C24422" s="6" t="s">
        <v>24458</v>
      </c>
      <c r="D24422" s="6"/>
      <c r="E24422" s="6" t="s">
        <v>9</v>
      </c>
      <c r="F24422" s="7">
        <v>42889</v>
      </c>
      <c r="G24422" s="8">
        <v>1</v>
      </c>
      <c r="H24422" s="8">
        <v>1</v>
      </c>
      <c r="I24422" s="8">
        <v>0</v>
      </c>
      <c r="J24422" s="8">
        <v>1</v>
      </c>
      <c r="K24422" s="9">
        <v>4.16</v>
      </c>
      <c r="L24422" s="6" t="s">
        <v>4151</v>
      </c>
    </row>
    <row r="24423" spans="1:12">
      <c r="A24423" s="6" t="s">
        <v>4151</v>
      </c>
      <c r="B24423" s="6"/>
      <c r="C24423" s="6" t="s">
        <v>24459</v>
      </c>
      <c r="D24423" s="6"/>
      <c r="E24423" s="6" t="s">
        <v>9</v>
      </c>
      <c r="F24423" s="7">
        <v>42889</v>
      </c>
      <c r="G24423" s="8">
        <v>1</v>
      </c>
      <c r="H24423" s="8">
        <v>1</v>
      </c>
      <c r="I24423" s="8">
        <v>0</v>
      </c>
      <c r="J24423" s="8">
        <v>1</v>
      </c>
      <c r="K24423" s="9">
        <v>138</v>
      </c>
      <c r="L24423" s="6" t="s">
        <v>4151</v>
      </c>
    </row>
    <row r="24424" spans="1:12">
      <c r="A24424" s="6" t="s">
        <v>4151</v>
      </c>
      <c r="B24424" s="6"/>
      <c r="C24424" s="6" t="s">
        <v>24460</v>
      </c>
      <c r="D24424" s="6"/>
      <c r="E24424" s="6" t="s">
        <v>9</v>
      </c>
      <c r="F24424" s="7">
        <v>42889</v>
      </c>
      <c r="G24424" s="8">
        <v>1</v>
      </c>
      <c r="H24424" s="8">
        <v>1</v>
      </c>
      <c r="I24424" s="8">
        <v>0</v>
      </c>
      <c r="J24424" s="8">
        <v>1</v>
      </c>
      <c r="K24424" s="9">
        <v>591</v>
      </c>
      <c r="L24424" s="6" t="s">
        <v>4151</v>
      </c>
    </row>
    <row r="24425" spans="1:12">
      <c r="A24425" s="6" t="s">
        <v>4151</v>
      </c>
      <c r="B24425" s="6"/>
      <c r="C24425" s="6" t="s">
        <v>24461</v>
      </c>
      <c r="D24425" s="6"/>
      <c r="E24425" s="6" t="s">
        <v>9</v>
      </c>
      <c r="F24425" s="7">
        <v>42889</v>
      </c>
      <c r="G24425" s="8">
        <v>1</v>
      </c>
      <c r="H24425" s="8">
        <v>1</v>
      </c>
      <c r="I24425" s="8">
        <v>0</v>
      </c>
      <c r="J24425" s="8">
        <v>1</v>
      </c>
      <c r="K24425" s="9">
        <v>542</v>
      </c>
      <c r="L24425" s="6" t="s">
        <v>4151</v>
      </c>
    </row>
    <row r="24426" spans="1:12">
      <c r="A24426" s="6" t="s">
        <v>4151</v>
      </c>
      <c r="B24426" s="6"/>
      <c r="C24426" s="6" t="s">
        <v>24462</v>
      </c>
      <c r="D24426" s="6"/>
      <c r="E24426" s="6" t="s">
        <v>9</v>
      </c>
      <c r="F24426" s="7">
        <v>38657</v>
      </c>
      <c r="G24426" s="8">
        <v>1</v>
      </c>
      <c r="H24426" s="8">
        <v>1</v>
      </c>
      <c r="I24426" s="8">
        <v>0</v>
      </c>
      <c r="J24426" s="8">
        <v>1</v>
      </c>
      <c r="K24426" s="9">
        <v>372</v>
      </c>
      <c r="L24426" s="6" t="s">
        <v>4151</v>
      </c>
    </row>
    <row r="24427" spans="1:12">
      <c r="A24427" s="6" t="s">
        <v>4151</v>
      </c>
      <c r="B24427" s="6"/>
      <c r="C24427" s="6" t="s">
        <v>24463</v>
      </c>
      <c r="D24427" s="6"/>
      <c r="E24427" s="6" t="s">
        <v>9</v>
      </c>
      <c r="F24427" s="7">
        <v>42889</v>
      </c>
      <c r="G24427" s="8">
        <v>1</v>
      </c>
      <c r="H24427" s="8">
        <v>1</v>
      </c>
      <c r="I24427" s="8">
        <v>0</v>
      </c>
      <c r="J24427" s="8">
        <v>1</v>
      </c>
      <c r="K24427" s="9">
        <v>201</v>
      </c>
      <c r="L24427" s="6" t="s">
        <v>4151</v>
      </c>
    </row>
    <row r="24428" spans="1:12">
      <c r="A24428" s="6" t="s">
        <v>4151</v>
      </c>
      <c r="B24428" s="6"/>
      <c r="C24428" s="6" t="s">
        <v>24464</v>
      </c>
      <c r="D24428" s="6"/>
      <c r="E24428" s="6" t="s">
        <v>9</v>
      </c>
      <c r="F24428" s="7">
        <v>42889</v>
      </c>
      <c r="G24428" s="8">
        <v>1</v>
      </c>
      <c r="H24428" s="8">
        <v>1</v>
      </c>
      <c r="I24428" s="8">
        <v>0</v>
      </c>
      <c r="J24428" s="8">
        <v>1</v>
      </c>
      <c r="K24428" s="9">
        <v>65</v>
      </c>
      <c r="L24428" s="6" t="s">
        <v>4151</v>
      </c>
    </row>
    <row r="24429" spans="1:12">
      <c r="A24429" s="6" t="s">
        <v>4151</v>
      </c>
      <c r="B24429" s="6"/>
      <c r="C24429" s="6" t="s">
        <v>24465</v>
      </c>
      <c r="D24429" s="6"/>
      <c r="E24429" s="6" t="s">
        <v>9</v>
      </c>
      <c r="F24429" s="7">
        <v>42889</v>
      </c>
      <c r="G24429" s="8">
        <v>1</v>
      </c>
      <c r="H24429" s="8">
        <v>1</v>
      </c>
      <c r="I24429" s="8">
        <v>0</v>
      </c>
      <c r="J24429" s="8">
        <v>1</v>
      </c>
      <c r="K24429" s="9">
        <v>81</v>
      </c>
      <c r="L24429" s="6" t="s">
        <v>4151</v>
      </c>
    </row>
    <row r="24430" spans="1:12">
      <c r="A24430" s="6" t="s">
        <v>4151</v>
      </c>
      <c r="B24430" s="6"/>
      <c r="C24430" s="6" t="s">
        <v>24466</v>
      </c>
      <c r="D24430" s="6"/>
      <c r="E24430" s="6" t="s">
        <v>9</v>
      </c>
      <c r="F24430" s="7">
        <v>42889</v>
      </c>
      <c r="G24430" s="8">
        <v>1</v>
      </c>
      <c r="H24430" s="8">
        <v>1</v>
      </c>
      <c r="I24430" s="8">
        <v>0</v>
      </c>
      <c r="J24430" s="8">
        <v>1</v>
      </c>
      <c r="K24430" s="9">
        <v>131</v>
      </c>
      <c r="L24430" s="6" t="s">
        <v>4151</v>
      </c>
    </row>
    <row r="24431" spans="1:12">
      <c r="A24431" s="6" t="s">
        <v>4151</v>
      </c>
      <c r="B24431" s="6"/>
      <c r="C24431" s="6" t="s">
        <v>24467</v>
      </c>
      <c r="D24431" s="6"/>
      <c r="E24431" s="6" t="s">
        <v>9</v>
      </c>
      <c r="F24431" s="7">
        <v>42889</v>
      </c>
      <c r="G24431" s="8">
        <v>1</v>
      </c>
      <c r="H24431" s="8">
        <v>1</v>
      </c>
      <c r="I24431" s="8">
        <v>0</v>
      </c>
      <c r="J24431" s="8">
        <v>1</v>
      </c>
      <c r="K24431" s="9">
        <v>360</v>
      </c>
      <c r="L24431" s="6" t="s">
        <v>4151</v>
      </c>
    </row>
    <row r="24432" spans="1:12">
      <c r="A24432" s="6" t="s">
        <v>4151</v>
      </c>
      <c r="B24432" s="6"/>
      <c r="C24432" s="6" t="s">
        <v>24468</v>
      </c>
      <c r="D24432" s="6"/>
      <c r="E24432" s="6" t="s">
        <v>9</v>
      </c>
      <c r="F24432" s="7">
        <v>42889</v>
      </c>
      <c r="G24432" s="8">
        <v>1</v>
      </c>
      <c r="H24432" s="8">
        <v>1</v>
      </c>
      <c r="I24432" s="8">
        <v>0</v>
      </c>
      <c r="J24432" s="8">
        <v>1</v>
      </c>
      <c r="K24432" s="9">
        <v>466</v>
      </c>
      <c r="L24432" s="6" t="s">
        <v>4151</v>
      </c>
    </row>
    <row r="24433" spans="1:12">
      <c r="A24433" s="6" t="s">
        <v>4151</v>
      </c>
      <c r="B24433" s="6"/>
      <c r="C24433" s="6" t="s">
        <v>24469</v>
      </c>
      <c r="D24433" s="6"/>
      <c r="E24433" s="6" t="s">
        <v>9</v>
      </c>
      <c r="F24433" s="7">
        <v>42889</v>
      </c>
      <c r="G24433" s="8">
        <v>1</v>
      </c>
      <c r="H24433" s="8">
        <v>1</v>
      </c>
      <c r="I24433" s="8">
        <v>0</v>
      </c>
      <c r="J24433" s="8">
        <v>1</v>
      </c>
      <c r="K24433" s="9">
        <v>212</v>
      </c>
      <c r="L24433" s="6" t="s">
        <v>4151</v>
      </c>
    </row>
    <row r="24434" spans="1:12">
      <c r="A24434" s="6" t="s">
        <v>4151</v>
      </c>
      <c r="B24434" s="6"/>
      <c r="C24434" s="6" t="s">
        <v>24470</v>
      </c>
      <c r="D24434" s="6"/>
      <c r="E24434" s="6" t="s">
        <v>9</v>
      </c>
      <c r="F24434" s="7">
        <v>42889</v>
      </c>
      <c r="G24434" s="8">
        <v>1</v>
      </c>
      <c r="H24434" s="8">
        <v>1</v>
      </c>
      <c r="I24434" s="8">
        <v>0</v>
      </c>
      <c r="J24434" s="8">
        <v>1</v>
      </c>
      <c r="K24434" s="9">
        <v>269</v>
      </c>
      <c r="L24434" s="6" t="s">
        <v>4151</v>
      </c>
    </row>
    <row r="24435" spans="1:12">
      <c r="A24435" s="6" t="s">
        <v>4151</v>
      </c>
      <c r="B24435" s="6"/>
      <c r="C24435" s="6" t="s">
        <v>24471</v>
      </c>
      <c r="D24435" s="6"/>
      <c r="E24435" s="6" t="s">
        <v>9</v>
      </c>
      <c r="F24435" s="7">
        <v>42889</v>
      </c>
      <c r="G24435" s="8">
        <v>1</v>
      </c>
      <c r="H24435" s="8">
        <v>1</v>
      </c>
      <c r="I24435" s="8">
        <v>0</v>
      </c>
      <c r="J24435" s="8">
        <v>1</v>
      </c>
      <c r="K24435" s="9">
        <v>308</v>
      </c>
      <c r="L24435" s="6" t="s">
        <v>4151</v>
      </c>
    </row>
    <row r="24436" spans="1:12">
      <c r="A24436" s="6" t="s">
        <v>4151</v>
      </c>
      <c r="B24436" s="6"/>
      <c r="C24436" s="6" t="s">
        <v>24472</v>
      </c>
      <c r="D24436" s="6"/>
      <c r="E24436" s="6" t="s">
        <v>9</v>
      </c>
      <c r="F24436" s="7">
        <v>42889</v>
      </c>
      <c r="G24436" s="8">
        <v>1</v>
      </c>
      <c r="H24436" s="8">
        <v>1</v>
      </c>
      <c r="I24436" s="8">
        <v>0</v>
      </c>
      <c r="J24436" s="8">
        <v>1</v>
      </c>
      <c r="K24436" s="9">
        <v>203</v>
      </c>
      <c r="L24436" s="6" t="s">
        <v>4151</v>
      </c>
    </row>
    <row r="24437" spans="1:12">
      <c r="A24437" s="6" t="s">
        <v>4151</v>
      </c>
      <c r="B24437" s="6"/>
      <c r="C24437" s="6" t="s">
        <v>24473</v>
      </c>
      <c r="D24437" s="6"/>
      <c r="E24437" s="6" t="s">
        <v>9</v>
      </c>
      <c r="F24437" s="7">
        <v>38657</v>
      </c>
      <c r="G24437" s="8">
        <v>1</v>
      </c>
      <c r="H24437" s="8">
        <v>1</v>
      </c>
      <c r="I24437" s="8">
        <v>0</v>
      </c>
      <c r="J24437" s="8">
        <v>1</v>
      </c>
      <c r="K24437" s="9">
        <v>65</v>
      </c>
      <c r="L24437" s="6" t="s">
        <v>4151</v>
      </c>
    </row>
    <row r="24438" spans="1:12">
      <c r="A24438" s="6" t="s">
        <v>4151</v>
      </c>
      <c r="B24438" s="6"/>
      <c r="C24438" s="6" t="s">
        <v>24474</v>
      </c>
      <c r="D24438" s="6"/>
      <c r="E24438" s="6" t="s">
        <v>9</v>
      </c>
      <c r="F24438" s="7">
        <v>42889</v>
      </c>
      <c r="G24438" s="8">
        <v>1</v>
      </c>
      <c r="H24438" s="8">
        <v>1</v>
      </c>
      <c r="I24438" s="8">
        <v>0</v>
      </c>
      <c r="J24438" s="8">
        <v>1</v>
      </c>
      <c r="K24438" s="9">
        <v>185</v>
      </c>
      <c r="L24438" s="6" t="s">
        <v>4151</v>
      </c>
    </row>
    <row r="24439" spans="1:12">
      <c r="A24439" s="6" t="s">
        <v>4151</v>
      </c>
      <c r="B24439" s="6"/>
      <c r="C24439" s="6" t="s">
        <v>24475</v>
      </c>
      <c r="D24439" s="6"/>
      <c r="E24439" s="6" t="s">
        <v>9</v>
      </c>
      <c r="F24439" s="7">
        <v>42889</v>
      </c>
      <c r="G24439" s="8">
        <v>1</v>
      </c>
      <c r="H24439" s="8">
        <v>1</v>
      </c>
      <c r="I24439" s="8">
        <v>0</v>
      </c>
      <c r="J24439" s="8">
        <v>1</v>
      </c>
      <c r="K24439" s="9">
        <v>46</v>
      </c>
      <c r="L24439" s="6" t="s">
        <v>4151</v>
      </c>
    </row>
    <row r="24440" spans="1:12">
      <c r="A24440" s="6" t="s">
        <v>4151</v>
      </c>
      <c r="B24440" s="6"/>
      <c r="C24440" s="6" t="s">
        <v>24476</v>
      </c>
      <c r="D24440" s="6"/>
      <c r="E24440" s="6" t="s">
        <v>9</v>
      </c>
      <c r="F24440" s="7">
        <v>42889</v>
      </c>
      <c r="G24440" s="8">
        <v>1</v>
      </c>
      <c r="H24440" s="8">
        <v>1</v>
      </c>
      <c r="I24440" s="8">
        <v>0</v>
      </c>
      <c r="J24440" s="8">
        <v>1</v>
      </c>
      <c r="K24440" s="9">
        <v>14</v>
      </c>
      <c r="L24440" s="6" t="s">
        <v>4151</v>
      </c>
    </row>
    <row r="24441" spans="1:12">
      <c r="A24441" s="6" t="s">
        <v>4151</v>
      </c>
      <c r="B24441" s="6"/>
      <c r="C24441" s="6" t="s">
        <v>24477</v>
      </c>
      <c r="D24441" s="6"/>
      <c r="E24441" s="6" t="s">
        <v>9</v>
      </c>
      <c r="F24441" s="7">
        <v>42889</v>
      </c>
      <c r="G24441" s="8">
        <v>1</v>
      </c>
      <c r="H24441" s="8">
        <v>1</v>
      </c>
      <c r="I24441" s="8">
        <v>0</v>
      </c>
      <c r="J24441" s="8">
        <v>1</v>
      </c>
      <c r="K24441" s="9">
        <v>5.73</v>
      </c>
      <c r="L24441" s="6" t="s">
        <v>4151</v>
      </c>
    </row>
    <row r="24442" spans="1:12">
      <c r="A24442" s="6" t="s">
        <v>4151</v>
      </c>
      <c r="B24442" s="6"/>
      <c r="C24442" s="6" t="s">
        <v>24478</v>
      </c>
      <c r="D24442" s="6"/>
      <c r="E24442" s="6" t="s">
        <v>9</v>
      </c>
      <c r="F24442" s="7">
        <v>42889</v>
      </c>
      <c r="G24442" s="8">
        <v>1</v>
      </c>
      <c r="H24442" s="8">
        <v>1</v>
      </c>
      <c r="I24442" s="8">
        <v>0</v>
      </c>
      <c r="J24442" s="8">
        <v>1</v>
      </c>
      <c r="K24442" s="9">
        <v>6.93</v>
      </c>
      <c r="L24442" s="6" t="s">
        <v>4151</v>
      </c>
    </row>
    <row r="24443" spans="1:12">
      <c r="A24443" s="6" t="s">
        <v>4151</v>
      </c>
      <c r="B24443" s="6"/>
      <c r="C24443" s="6" t="s">
        <v>24479</v>
      </c>
      <c r="D24443" s="6"/>
      <c r="E24443" s="6" t="s">
        <v>9</v>
      </c>
      <c r="F24443" s="7">
        <v>42889</v>
      </c>
      <c r="G24443" s="8">
        <v>1</v>
      </c>
      <c r="H24443" s="8">
        <v>1</v>
      </c>
      <c r="I24443" s="8">
        <v>0</v>
      </c>
      <c r="J24443" s="8">
        <v>1</v>
      </c>
      <c r="K24443" s="9">
        <v>647</v>
      </c>
      <c r="L24443" s="6" t="s">
        <v>4151</v>
      </c>
    </row>
    <row r="24444" spans="1:12">
      <c r="A24444" s="6" t="s">
        <v>4151</v>
      </c>
      <c r="B24444" s="6"/>
      <c r="C24444" s="6" t="s">
        <v>24480</v>
      </c>
      <c r="D24444" s="6"/>
      <c r="E24444" s="6" t="s">
        <v>9</v>
      </c>
      <c r="F24444" s="7">
        <v>42889</v>
      </c>
      <c r="G24444" s="8">
        <v>1</v>
      </c>
      <c r="H24444" s="8">
        <v>1</v>
      </c>
      <c r="I24444" s="8">
        <v>0</v>
      </c>
      <c r="J24444" s="8">
        <v>1</v>
      </c>
      <c r="K24444" s="9">
        <v>314</v>
      </c>
      <c r="L24444" s="6" t="s">
        <v>4151</v>
      </c>
    </row>
    <row r="24445" spans="1:12">
      <c r="A24445" s="6" t="s">
        <v>4151</v>
      </c>
      <c r="B24445" s="6"/>
      <c r="C24445" s="6" t="s">
        <v>24481</v>
      </c>
      <c r="D24445" s="6"/>
      <c r="E24445" s="6" t="s">
        <v>9</v>
      </c>
      <c r="F24445" s="7">
        <v>42889</v>
      </c>
      <c r="G24445" s="8">
        <v>1</v>
      </c>
      <c r="H24445" s="8">
        <v>1</v>
      </c>
      <c r="I24445" s="8">
        <v>0</v>
      </c>
      <c r="J24445" s="8">
        <v>1</v>
      </c>
      <c r="K24445" s="9">
        <v>11</v>
      </c>
      <c r="L24445" s="6" t="s">
        <v>4151</v>
      </c>
    </row>
    <row r="24446" spans="1:12">
      <c r="A24446" s="6" t="s">
        <v>4151</v>
      </c>
      <c r="B24446" s="6"/>
      <c r="C24446" s="6" t="s">
        <v>24482</v>
      </c>
      <c r="D24446" s="6"/>
      <c r="E24446" s="6" t="s">
        <v>9</v>
      </c>
      <c r="F24446" s="7">
        <v>42889</v>
      </c>
      <c r="G24446" s="8">
        <v>1</v>
      </c>
      <c r="H24446" s="8">
        <v>1</v>
      </c>
      <c r="I24446" s="8">
        <v>0</v>
      </c>
      <c r="J24446" s="8">
        <v>1</v>
      </c>
      <c r="K24446" s="9">
        <v>22</v>
      </c>
      <c r="L24446" s="6" t="s">
        <v>4151</v>
      </c>
    </row>
    <row r="24447" spans="1:12">
      <c r="A24447" s="6" t="s">
        <v>4151</v>
      </c>
      <c r="B24447" s="6"/>
      <c r="C24447" s="6" t="s">
        <v>24483</v>
      </c>
      <c r="D24447" s="6"/>
      <c r="E24447" s="6" t="s">
        <v>9</v>
      </c>
      <c r="F24447" s="7">
        <v>42889</v>
      </c>
      <c r="G24447" s="8">
        <v>1</v>
      </c>
      <c r="H24447" s="8">
        <v>1</v>
      </c>
      <c r="I24447" s="8">
        <v>0</v>
      </c>
      <c r="J24447" s="8">
        <v>1</v>
      </c>
      <c r="K24447" s="9">
        <v>75</v>
      </c>
      <c r="L24447" s="6" t="s">
        <v>4151</v>
      </c>
    </row>
    <row r="24448" spans="1:12">
      <c r="A24448" s="6" t="s">
        <v>4151</v>
      </c>
      <c r="B24448" s="6"/>
      <c r="C24448" s="6" t="s">
        <v>24484</v>
      </c>
      <c r="D24448" s="6"/>
      <c r="E24448" s="6" t="s">
        <v>9</v>
      </c>
      <c r="F24448" s="7">
        <v>38657</v>
      </c>
      <c r="G24448" s="8">
        <v>1</v>
      </c>
      <c r="H24448" s="8">
        <v>1</v>
      </c>
      <c r="I24448" s="8">
        <v>0</v>
      </c>
      <c r="J24448" s="8">
        <v>1</v>
      </c>
      <c r="K24448" s="9">
        <v>31</v>
      </c>
      <c r="L24448" s="6" t="s">
        <v>4151</v>
      </c>
    </row>
    <row r="24449" spans="1:12">
      <c r="A24449" s="6" t="s">
        <v>4151</v>
      </c>
      <c r="B24449" s="6"/>
      <c r="C24449" s="6" t="s">
        <v>24485</v>
      </c>
      <c r="D24449" s="6"/>
      <c r="E24449" s="6" t="s">
        <v>9</v>
      </c>
      <c r="F24449" s="7">
        <v>42889</v>
      </c>
      <c r="G24449" s="8">
        <v>1</v>
      </c>
      <c r="H24449" s="8">
        <v>1</v>
      </c>
      <c r="I24449" s="8">
        <v>0</v>
      </c>
      <c r="J24449" s="8">
        <v>1</v>
      </c>
      <c r="K24449" s="9">
        <v>125</v>
      </c>
      <c r="L24449" s="6" t="s">
        <v>4151</v>
      </c>
    </row>
    <row r="24450" spans="1:12">
      <c r="A24450" s="6" t="s">
        <v>4151</v>
      </c>
      <c r="B24450" s="6"/>
      <c r="C24450" s="6" t="s">
        <v>24486</v>
      </c>
      <c r="D24450" s="6"/>
      <c r="E24450" s="6" t="s">
        <v>9</v>
      </c>
      <c r="F24450" s="7">
        <v>42889</v>
      </c>
      <c r="G24450" s="8">
        <v>1</v>
      </c>
      <c r="H24450" s="8">
        <v>1</v>
      </c>
      <c r="I24450" s="8">
        <v>0</v>
      </c>
      <c r="J24450" s="8">
        <v>1</v>
      </c>
      <c r="K24450" s="9">
        <v>34</v>
      </c>
      <c r="L24450" s="6" t="s">
        <v>4151</v>
      </c>
    </row>
    <row r="24451" spans="1:12">
      <c r="A24451" s="6" t="s">
        <v>4151</v>
      </c>
      <c r="B24451" s="6"/>
      <c r="C24451" s="6" t="s">
        <v>24487</v>
      </c>
      <c r="D24451" s="6"/>
      <c r="E24451" s="6" t="s">
        <v>9</v>
      </c>
      <c r="F24451" s="7">
        <v>42889</v>
      </c>
      <c r="G24451" s="8">
        <v>1</v>
      </c>
      <c r="H24451" s="8">
        <v>1</v>
      </c>
      <c r="I24451" s="8">
        <v>0</v>
      </c>
      <c r="J24451" s="8">
        <v>1</v>
      </c>
      <c r="K24451" s="9">
        <v>23</v>
      </c>
      <c r="L24451" s="6" t="s">
        <v>4151</v>
      </c>
    </row>
    <row r="24452" spans="1:12">
      <c r="A24452" s="6" t="s">
        <v>4151</v>
      </c>
      <c r="B24452" s="6"/>
      <c r="C24452" s="6" t="s">
        <v>24488</v>
      </c>
      <c r="D24452" s="6"/>
      <c r="E24452" s="6" t="s">
        <v>9</v>
      </c>
      <c r="F24452" s="7">
        <v>42889</v>
      </c>
      <c r="G24452" s="8">
        <v>1</v>
      </c>
      <c r="H24452" s="8">
        <v>1</v>
      </c>
      <c r="I24452" s="8">
        <v>0</v>
      </c>
      <c r="J24452" s="8">
        <v>1</v>
      </c>
      <c r="K24452" s="9">
        <v>26</v>
      </c>
      <c r="L24452" s="6" t="s">
        <v>4151</v>
      </c>
    </row>
    <row r="24453" spans="1:12">
      <c r="A24453" s="6" t="s">
        <v>4151</v>
      </c>
      <c r="B24453" s="6"/>
      <c r="C24453" s="6" t="s">
        <v>24489</v>
      </c>
      <c r="D24453" s="6"/>
      <c r="E24453" s="6" t="s">
        <v>9</v>
      </c>
      <c r="F24453" s="7">
        <v>42889</v>
      </c>
      <c r="G24453" s="8">
        <v>1</v>
      </c>
      <c r="H24453" s="8">
        <v>1</v>
      </c>
      <c r="I24453" s="8">
        <v>0</v>
      </c>
      <c r="J24453" s="8">
        <v>1</v>
      </c>
      <c r="K24453" s="9">
        <v>716</v>
      </c>
      <c r="L24453" s="6" t="s">
        <v>4151</v>
      </c>
    </row>
    <row r="24454" spans="1:12">
      <c r="A24454" s="6" t="s">
        <v>4151</v>
      </c>
      <c r="B24454" s="6"/>
      <c r="C24454" s="6" t="s">
        <v>24490</v>
      </c>
      <c r="D24454" s="6"/>
      <c r="E24454" s="6" t="s">
        <v>9</v>
      </c>
      <c r="F24454" s="7">
        <v>42889</v>
      </c>
      <c r="G24454" s="8">
        <v>1</v>
      </c>
      <c r="H24454" s="8">
        <v>1</v>
      </c>
      <c r="I24454" s="8">
        <v>0</v>
      </c>
      <c r="J24454" s="8">
        <v>1</v>
      </c>
      <c r="K24454" s="9">
        <v>651</v>
      </c>
      <c r="L24454" s="6" t="s">
        <v>4151</v>
      </c>
    </row>
    <row r="24455" spans="1:12">
      <c r="A24455" s="6" t="s">
        <v>4151</v>
      </c>
      <c r="B24455" s="6"/>
      <c r="C24455" s="6" t="s">
        <v>24491</v>
      </c>
      <c r="D24455" s="6"/>
      <c r="E24455" s="6" t="s">
        <v>9</v>
      </c>
      <c r="F24455" s="7">
        <v>42889</v>
      </c>
      <c r="G24455" s="8">
        <v>1</v>
      </c>
      <c r="H24455" s="8">
        <v>1</v>
      </c>
      <c r="I24455" s="8">
        <v>0</v>
      </c>
      <c r="J24455" s="8">
        <v>1</v>
      </c>
      <c r="K24455" s="9">
        <v>58</v>
      </c>
      <c r="L24455" s="6" t="s">
        <v>4151</v>
      </c>
    </row>
    <row r="24456" spans="1:12">
      <c r="A24456" s="6" t="s">
        <v>4151</v>
      </c>
      <c r="B24456" s="6"/>
      <c r="C24456" s="6" t="s">
        <v>24492</v>
      </c>
      <c r="D24456" s="6"/>
      <c r="E24456" s="6" t="s">
        <v>9</v>
      </c>
      <c r="F24456" s="7">
        <v>42889</v>
      </c>
      <c r="G24456" s="8">
        <v>1</v>
      </c>
      <c r="H24456" s="8">
        <v>1</v>
      </c>
      <c r="I24456" s="8">
        <v>0</v>
      </c>
      <c r="J24456" s="8">
        <v>1</v>
      </c>
      <c r="K24456" s="9">
        <v>91</v>
      </c>
      <c r="L24456" s="6" t="s">
        <v>4151</v>
      </c>
    </row>
    <row r="24457" spans="1:12">
      <c r="A24457" s="6" t="s">
        <v>4151</v>
      </c>
      <c r="B24457" s="6"/>
      <c r="C24457" s="6" t="s">
        <v>24493</v>
      </c>
      <c r="D24457" s="6"/>
      <c r="E24457" s="6" t="s">
        <v>9</v>
      </c>
      <c r="F24457" s="7">
        <v>42889</v>
      </c>
      <c r="G24457" s="8">
        <v>1</v>
      </c>
      <c r="H24457" s="8">
        <v>1</v>
      </c>
      <c r="I24457" s="8">
        <v>0</v>
      </c>
      <c r="J24457" s="8">
        <v>1</v>
      </c>
      <c r="K24457" s="9">
        <v>109</v>
      </c>
      <c r="L24457" s="6" t="s">
        <v>4151</v>
      </c>
    </row>
    <row r="24458" spans="1:12">
      <c r="A24458" s="6" t="s">
        <v>4151</v>
      </c>
      <c r="B24458" s="6"/>
      <c r="C24458" s="6" t="s">
        <v>24494</v>
      </c>
      <c r="D24458" s="6"/>
      <c r="E24458" s="6" t="s">
        <v>9</v>
      </c>
      <c r="F24458" s="7">
        <v>42889</v>
      </c>
      <c r="G24458" s="8">
        <v>1</v>
      </c>
      <c r="H24458" s="8">
        <v>1</v>
      </c>
      <c r="I24458" s="8">
        <v>0</v>
      </c>
      <c r="J24458" s="8">
        <v>1</v>
      </c>
      <c r="K24458" s="9">
        <v>39</v>
      </c>
      <c r="L24458" s="6" t="s">
        <v>4151</v>
      </c>
    </row>
    <row r="24459" spans="1:12">
      <c r="A24459" s="6" t="s">
        <v>4151</v>
      </c>
      <c r="B24459" s="6"/>
      <c r="C24459" s="6" t="s">
        <v>24495</v>
      </c>
      <c r="D24459" s="6"/>
      <c r="E24459" s="6" t="s">
        <v>9</v>
      </c>
      <c r="F24459" s="7">
        <v>38657</v>
      </c>
      <c r="G24459" s="8">
        <v>1</v>
      </c>
      <c r="H24459" s="8">
        <v>1</v>
      </c>
      <c r="I24459" s="8">
        <v>0</v>
      </c>
      <c r="J24459" s="8">
        <v>1</v>
      </c>
      <c r="K24459" s="9">
        <v>10</v>
      </c>
      <c r="L24459" s="6" t="s">
        <v>4151</v>
      </c>
    </row>
    <row r="24460" spans="1:12">
      <c r="A24460" s="6" t="s">
        <v>4151</v>
      </c>
      <c r="B24460" s="6"/>
      <c r="C24460" s="6" t="s">
        <v>24496</v>
      </c>
      <c r="D24460" s="6"/>
      <c r="E24460" s="6" t="s">
        <v>9</v>
      </c>
      <c r="F24460" s="7">
        <v>42889</v>
      </c>
      <c r="G24460" s="8">
        <v>1</v>
      </c>
      <c r="H24460" s="8">
        <v>1</v>
      </c>
      <c r="I24460" s="8">
        <v>0</v>
      </c>
      <c r="J24460" s="8">
        <v>1</v>
      </c>
      <c r="K24460" s="9">
        <v>324</v>
      </c>
      <c r="L24460" s="6" t="s">
        <v>4151</v>
      </c>
    </row>
    <row r="24461" spans="1:12">
      <c r="A24461" s="6" t="s">
        <v>4151</v>
      </c>
      <c r="B24461" s="6"/>
      <c r="C24461" s="6" t="s">
        <v>24497</v>
      </c>
      <c r="D24461" s="6"/>
      <c r="E24461" s="6" t="s">
        <v>9</v>
      </c>
      <c r="F24461" s="7">
        <v>42889</v>
      </c>
      <c r="G24461" s="8">
        <v>1</v>
      </c>
      <c r="H24461" s="8">
        <v>1</v>
      </c>
      <c r="I24461" s="8">
        <v>0</v>
      </c>
      <c r="J24461" s="8">
        <v>1</v>
      </c>
      <c r="K24461" s="9">
        <v>256</v>
      </c>
      <c r="L24461" s="6" t="s">
        <v>4151</v>
      </c>
    </row>
    <row r="24462" spans="1:12">
      <c r="A24462" s="6" t="s">
        <v>4151</v>
      </c>
      <c r="B24462" s="6"/>
      <c r="C24462" s="6" t="s">
        <v>24498</v>
      </c>
      <c r="D24462" s="6"/>
      <c r="E24462" s="6" t="s">
        <v>9</v>
      </c>
      <c r="F24462" s="7">
        <v>42889</v>
      </c>
      <c r="G24462" s="8">
        <v>1</v>
      </c>
      <c r="H24462" s="8">
        <v>1</v>
      </c>
      <c r="I24462" s="8">
        <v>0</v>
      </c>
      <c r="J24462" s="8">
        <v>1</v>
      </c>
      <c r="K24462" s="9">
        <v>232</v>
      </c>
      <c r="L24462" s="6" t="s">
        <v>4151</v>
      </c>
    </row>
    <row r="24463" spans="1:12">
      <c r="A24463" s="6" t="s">
        <v>4151</v>
      </c>
      <c r="B24463" s="6"/>
      <c r="C24463" s="6" t="s">
        <v>24499</v>
      </c>
      <c r="D24463" s="6"/>
      <c r="E24463" s="6" t="s">
        <v>9</v>
      </c>
      <c r="F24463" s="7">
        <v>42889</v>
      </c>
      <c r="G24463" s="8">
        <v>1</v>
      </c>
      <c r="H24463" s="8">
        <v>1</v>
      </c>
      <c r="I24463" s="8">
        <v>0</v>
      </c>
      <c r="J24463" s="8">
        <v>1</v>
      </c>
      <c r="K24463" s="9">
        <v>14</v>
      </c>
      <c r="L24463" s="6" t="s">
        <v>4151</v>
      </c>
    </row>
    <row r="24464" spans="1:12">
      <c r="A24464" s="6" t="s">
        <v>4151</v>
      </c>
      <c r="B24464" s="6"/>
      <c r="C24464" s="6" t="s">
        <v>24500</v>
      </c>
      <c r="D24464" s="6"/>
      <c r="E24464" s="6" t="s">
        <v>9</v>
      </c>
      <c r="F24464" s="7">
        <v>42889</v>
      </c>
      <c r="G24464" s="8">
        <v>1</v>
      </c>
      <c r="H24464" s="8">
        <v>1</v>
      </c>
      <c r="I24464" s="8">
        <v>0</v>
      </c>
      <c r="J24464" s="8">
        <v>1</v>
      </c>
      <c r="K24464" s="9">
        <v>79</v>
      </c>
      <c r="L24464" s="6" t="s">
        <v>4151</v>
      </c>
    </row>
    <row r="24465" spans="1:12">
      <c r="A24465" s="6" t="s">
        <v>4151</v>
      </c>
      <c r="B24465" s="6"/>
      <c r="C24465" s="6" t="s">
        <v>24501</v>
      </c>
      <c r="D24465" s="6"/>
      <c r="E24465" s="6" t="s">
        <v>9</v>
      </c>
      <c r="F24465" s="7">
        <v>42889</v>
      </c>
      <c r="G24465" s="8">
        <v>1</v>
      </c>
      <c r="H24465" s="8">
        <v>1</v>
      </c>
      <c r="I24465" s="8">
        <v>0</v>
      </c>
      <c r="J24465" s="8">
        <v>1</v>
      </c>
      <c r="K24465" s="9">
        <v>183</v>
      </c>
      <c r="L24465" s="6" t="s">
        <v>4151</v>
      </c>
    </row>
    <row r="24466" spans="1:12">
      <c r="A24466" s="6" t="s">
        <v>4151</v>
      </c>
      <c r="B24466" s="6"/>
      <c r="C24466" s="6" t="s">
        <v>24502</v>
      </c>
      <c r="D24466" s="6"/>
      <c r="E24466" s="6" t="s">
        <v>9</v>
      </c>
      <c r="F24466" s="7">
        <v>42889</v>
      </c>
      <c r="G24466" s="8">
        <v>1</v>
      </c>
      <c r="H24466" s="8">
        <v>1</v>
      </c>
      <c r="I24466" s="8">
        <v>0</v>
      </c>
      <c r="J24466" s="8">
        <v>1</v>
      </c>
      <c r="K24466" s="9">
        <v>323</v>
      </c>
      <c r="L24466" s="6" t="s">
        <v>4151</v>
      </c>
    </row>
    <row r="24467" spans="1:12">
      <c r="A24467" s="6" t="s">
        <v>4151</v>
      </c>
      <c r="B24467" s="6"/>
      <c r="C24467" s="6" t="s">
        <v>24503</v>
      </c>
      <c r="D24467" s="6"/>
      <c r="E24467" s="6" t="s">
        <v>9</v>
      </c>
      <c r="F24467" s="7">
        <v>42889</v>
      </c>
      <c r="G24467" s="8">
        <v>1</v>
      </c>
      <c r="H24467" s="8">
        <v>1</v>
      </c>
      <c r="I24467" s="8">
        <v>0</v>
      </c>
      <c r="J24467" s="8">
        <v>1</v>
      </c>
      <c r="K24467" s="9">
        <v>104</v>
      </c>
      <c r="L24467" s="6" t="s">
        <v>4151</v>
      </c>
    </row>
    <row r="24468" spans="1:12">
      <c r="A24468" s="6" t="s">
        <v>4151</v>
      </c>
      <c r="B24468" s="6"/>
      <c r="C24468" s="6" t="s">
        <v>24504</v>
      </c>
      <c r="D24468" s="6"/>
      <c r="E24468" s="6" t="s">
        <v>9</v>
      </c>
      <c r="F24468" s="7">
        <v>42889</v>
      </c>
      <c r="G24468" s="8">
        <v>1</v>
      </c>
      <c r="H24468" s="8">
        <v>1</v>
      </c>
      <c r="I24468" s="8">
        <v>0</v>
      </c>
      <c r="J24468" s="8">
        <v>1</v>
      </c>
      <c r="K24468" s="9">
        <v>0.84</v>
      </c>
      <c r="L24468" s="6" t="s">
        <v>4151</v>
      </c>
    </row>
    <row r="24469" spans="1:12">
      <c r="A24469" s="6" t="s">
        <v>4151</v>
      </c>
      <c r="B24469" s="6"/>
      <c r="C24469" s="6" t="s">
        <v>24505</v>
      </c>
      <c r="D24469" s="6"/>
      <c r="E24469" s="6" t="s">
        <v>9</v>
      </c>
      <c r="F24469" s="7">
        <v>42889</v>
      </c>
      <c r="G24469" s="8">
        <v>1</v>
      </c>
      <c r="H24469" s="8">
        <v>1</v>
      </c>
      <c r="I24469" s="8">
        <v>0</v>
      </c>
      <c r="J24469" s="8">
        <v>1</v>
      </c>
      <c r="K24469" s="9">
        <v>187</v>
      </c>
      <c r="L24469" s="6" t="s">
        <v>4151</v>
      </c>
    </row>
    <row r="24470" spans="1:12">
      <c r="A24470" s="6" t="s">
        <v>4151</v>
      </c>
      <c r="B24470" s="6"/>
      <c r="C24470" s="6" t="s">
        <v>24506</v>
      </c>
      <c r="D24470" s="6"/>
      <c r="E24470" s="6" t="s">
        <v>9</v>
      </c>
      <c r="F24470" s="7">
        <v>38657</v>
      </c>
      <c r="G24470" s="8">
        <v>1</v>
      </c>
      <c r="H24470" s="8">
        <v>1</v>
      </c>
      <c r="I24470" s="8">
        <v>0</v>
      </c>
      <c r="J24470" s="8">
        <v>1</v>
      </c>
      <c r="K24470" s="9">
        <v>36</v>
      </c>
      <c r="L24470" s="6" t="s">
        <v>4151</v>
      </c>
    </row>
    <row r="24471" spans="1:12">
      <c r="A24471" s="6" t="s">
        <v>4151</v>
      </c>
      <c r="B24471" s="6"/>
      <c r="C24471" s="6" t="s">
        <v>24507</v>
      </c>
      <c r="D24471" s="6"/>
      <c r="E24471" s="6" t="s">
        <v>9</v>
      </c>
      <c r="F24471" s="7">
        <v>42889</v>
      </c>
      <c r="G24471" s="8">
        <v>1</v>
      </c>
      <c r="H24471" s="8">
        <v>1</v>
      </c>
      <c r="I24471" s="8">
        <v>0</v>
      </c>
      <c r="J24471" s="8">
        <v>1</v>
      </c>
      <c r="K24471" s="9">
        <v>229</v>
      </c>
      <c r="L24471" s="6" t="s">
        <v>4151</v>
      </c>
    </row>
    <row r="24472" spans="1:12">
      <c r="A24472" s="6" t="s">
        <v>4151</v>
      </c>
      <c r="B24472" s="6"/>
      <c r="C24472" s="6" t="s">
        <v>24508</v>
      </c>
      <c r="D24472" s="6"/>
      <c r="E24472" s="6" t="s">
        <v>9</v>
      </c>
      <c r="F24472" s="7">
        <v>42889</v>
      </c>
      <c r="G24472" s="8">
        <v>1</v>
      </c>
      <c r="H24472" s="8">
        <v>1</v>
      </c>
      <c r="I24472" s="8">
        <v>0</v>
      </c>
      <c r="J24472" s="8">
        <v>1</v>
      </c>
      <c r="K24472" s="9">
        <v>212</v>
      </c>
      <c r="L24472" s="6" t="s">
        <v>4151</v>
      </c>
    </row>
    <row r="24473" spans="1:12">
      <c r="A24473" s="6" t="s">
        <v>4151</v>
      </c>
      <c r="B24473" s="6"/>
      <c r="C24473" s="6" t="s">
        <v>24509</v>
      </c>
      <c r="D24473" s="6"/>
      <c r="E24473" s="6" t="s">
        <v>9</v>
      </c>
      <c r="F24473" s="7">
        <v>42889</v>
      </c>
      <c r="G24473" s="8">
        <v>1</v>
      </c>
      <c r="H24473" s="8">
        <v>1</v>
      </c>
      <c r="I24473" s="8">
        <v>0</v>
      </c>
      <c r="J24473" s="8">
        <v>1</v>
      </c>
      <c r="K24473" s="9">
        <v>197</v>
      </c>
      <c r="L24473" s="6" t="s">
        <v>4151</v>
      </c>
    </row>
    <row r="24474" spans="1:12">
      <c r="A24474" s="6" t="s">
        <v>4151</v>
      </c>
      <c r="B24474" s="6"/>
      <c r="C24474" s="6" t="s">
        <v>24510</v>
      </c>
      <c r="D24474" s="6"/>
      <c r="E24474" s="6" t="s">
        <v>9</v>
      </c>
      <c r="F24474" s="7">
        <v>42889</v>
      </c>
      <c r="G24474" s="8">
        <v>1</v>
      </c>
      <c r="H24474" s="8">
        <v>1</v>
      </c>
      <c r="I24474" s="8">
        <v>0</v>
      </c>
      <c r="J24474" s="8">
        <v>1</v>
      </c>
      <c r="K24474" s="9">
        <v>170</v>
      </c>
      <c r="L24474" s="6" t="s">
        <v>4151</v>
      </c>
    </row>
    <row r="24475" spans="1:12">
      <c r="A24475" s="6" t="s">
        <v>4151</v>
      </c>
      <c r="B24475" s="6"/>
      <c r="C24475" s="6" t="s">
        <v>24511</v>
      </c>
      <c r="D24475" s="6"/>
      <c r="E24475" s="6" t="s">
        <v>9</v>
      </c>
      <c r="F24475" s="7">
        <v>42889</v>
      </c>
      <c r="G24475" s="8">
        <v>1</v>
      </c>
      <c r="H24475" s="8">
        <v>1</v>
      </c>
      <c r="I24475" s="8">
        <v>0</v>
      </c>
      <c r="J24475" s="8">
        <v>1</v>
      </c>
      <c r="K24475" s="9">
        <v>8.91</v>
      </c>
      <c r="L24475" s="6" t="s">
        <v>4151</v>
      </c>
    </row>
    <row r="24476" spans="1:12">
      <c r="A24476" s="6" t="s">
        <v>4151</v>
      </c>
      <c r="B24476" s="6"/>
      <c r="C24476" s="6" t="s">
        <v>24512</v>
      </c>
      <c r="D24476" s="6"/>
      <c r="E24476" s="6" t="s">
        <v>9</v>
      </c>
      <c r="F24476" s="7">
        <v>42889</v>
      </c>
      <c r="G24476" s="8">
        <v>1</v>
      </c>
      <c r="H24476" s="8">
        <v>1</v>
      </c>
      <c r="I24476" s="8">
        <v>0</v>
      </c>
      <c r="J24476" s="8">
        <v>1</v>
      </c>
      <c r="K24476" s="9">
        <v>577</v>
      </c>
      <c r="L24476" s="6" t="s">
        <v>4151</v>
      </c>
    </row>
    <row r="24477" spans="1:12">
      <c r="A24477" s="6" t="s">
        <v>4151</v>
      </c>
      <c r="B24477" s="6"/>
      <c r="C24477" s="6" t="s">
        <v>24513</v>
      </c>
      <c r="D24477" s="6"/>
      <c r="E24477" s="6" t="s">
        <v>9</v>
      </c>
      <c r="F24477" s="7">
        <v>42889</v>
      </c>
      <c r="G24477" s="8">
        <v>1</v>
      </c>
      <c r="H24477" s="8">
        <v>1</v>
      </c>
      <c r="I24477" s="8">
        <v>0</v>
      </c>
      <c r="J24477" s="8">
        <v>1</v>
      </c>
      <c r="K24477" s="9">
        <v>707</v>
      </c>
      <c r="L24477" s="6" t="s">
        <v>4151</v>
      </c>
    </row>
    <row r="24478" spans="1:12">
      <c r="A24478" s="6" t="s">
        <v>4151</v>
      </c>
      <c r="B24478" s="6"/>
      <c r="C24478" s="6" t="s">
        <v>24514</v>
      </c>
      <c r="D24478" s="6"/>
      <c r="E24478" s="6" t="s">
        <v>9</v>
      </c>
      <c r="F24478" s="7">
        <v>42889</v>
      </c>
      <c r="G24478" s="8">
        <v>1</v>
      </c>
      <c r="H24478" s="8">
        <v>1</v>
      </c>
      <c r="I24478" s="8">
        <v>0</v>
      </c>
      <c r="J24478" s="8">
        <v>1</v>
      </c>
      <c r="K24478" s="9">
        <v>687</v>
      </c>
      <c r="L24478" s="6" t="s">
        <v>4151</v>
      </c>
    </row>
    <row r="24479" spans="1:12">
      <c r="A24479" s="6" t="s">
        <v>4151</v>
      </c>
      <c r="B24479" s="6"/>
      <c r="C24479" s="6" t="s">
        <v>24515</v>
      </c>
      <c r="D24479" s="6"/>
      <c r="E24479" s="6" t="s">
        <v>9</v>
      </c>
      <c r="F24479" s="7">
        <v>42889</v>
      </c>
      <c r="G24479" s="8">
        <v>1</v>
      </c>
      <c r="H24479" s="8">
        <v>1</v>
      </c>
      <c r="I24479" s="8">
        <v>0</v>
      </c>
      <c r="J24479" s="8">
        <v>1</v>
      </c>
      <c r="K24479" s="9">
        <v>45</v>
      </c>
      <c r="L24479" s="6" t="s">
        <v>4151</v>
      </c>
    </row>
    <row r="24480" spans="1:12">
      <c r="A24480" s="6" t="s">
        <v>4151</v>
      </c>
      <c r="B24480" s="6"/>
      <c r="C24480" s="6" t="s">
        <v>24516</v>
      </c>
      <c r="D24480" s="6"/>
      <c r="E24480" s="6" t="s">
        <v>9</v>
      </c>
      <c r="F24480" s="7">
        <v>42889</v>
      </c>
      <c r="G24480" s="8">
        <v>1</v>
      </c>
      <c r="H24480" s="8">
        <v>1</v>
      </c>
      <c r="I24480" s="8">
        <v>0</v>
      </c>
      <c r="J24480" s="8">
        <v>1</v>
      </c>
      <c r="K24480" s="9">
        <v>212</v>
      </c>
      <c r="L24480" s="6" t="s">
        <v>4151</v>
      </c>
    </row>
    <row r="24481" spans="1:12">
      <c r="A24481" s="6" t="s">
        <v>4151</v>
      </c>
      <c r="B24481" s="6"/>
      <c r="C24481" s="6" t="s">
        <v>24517</v>
      </c>
      <c r="D24481" s="6"/>
      <c r="E24481" s="6" t="s">
        <v>9</v>
      </c>
      <c r="F24481" s="7">
        <v>38657</v>
      </c>
      <c r="G24481" s="8">
        <v>1</v>
      </c>
      <c r="H24481" s="8">
        <v>1</v>
      </c>
      <c r="I24481" s="8">
        <v>0</v>
      </c>
      <c r="J24481" s="8">
        <v>1</v>
      </c>
      <c r="K24481" s="9">
        <v>12</v>
      </c>
      <c r="L24481" s="6" t="s">
        <v>4151</v>
      </c>
    </row>
    <row r="24482" spans="1:12">
      <c r="A24482" s="6" t="s">
        <v>4151</v>
      </c>
      <c r="B24482" s="6"/>
      <c r="C24482" s="6" t="s">
        <v>24518</v>
      </c>
      <c r="D24482" s="6"/>
      <c r="E24482" s="6" t="s">
        <v>9</v>
      </c>
      <c r="F24482" s="7">
        <v>42889</v>
      </c>
      <c r="G24482" s="8">
        <v>1</v>
      </c>
      <c r="H24482" s="8">
        <v>1</v>
      </c>
      <c r="I24482" s="8">
        <v>0</v>
      </c>
      <c r="J24482" s="8">
        <v>1</v>
      </c>
      <c r="K24482" s="9">
        <v>262</v>
      </c>
      <c r="L24482" s="6" t="s">
        <v>4151</v>
      </c>
    </row>
    <row r="24483" spans="1:12">
      <c r="A24483" s="6" t="s">
        <v>4151</v>
      </c>
      <c r="B24483" s="6"/>
      <c r="C24483" s="6" t="s">
        <v>24519</v>
      </c>
      <c r="D24483" s="6"/>
      <c r="E24483" s="6" t="s">
        <v>9</v>
      </c>
      <c r="F24483" s="7">
        <v>42889</v>
      </c>
      <c r="G24483" s="8">
        <v>1</v>
      </c>
      <c r="H24483" s="8">
        <v>1</v>
      </c>
      <c r="I24483" s="8">
        <v>0</v>
      </c>
      <c r="J24483" s="8">
        <v>1</v>
      </c>
      <c r="K24483" s="9">
        <v>391</v>
      </c>
      <c r="L24483" s="6" t="s">
        <v>4151</v>
      </c>
    </row>
    <row r="24484" spans="1:12">
      <c r="A24484" s="6" t="s">
        <v>4151</v>
      </c>
      <c r="B24484" s="6"/>
      <c r="C24484" s="6" t="s">
        <v>24520</v>
      </c>
      <c r="D24484" s="6"/>
      <c r="E24484" s="6" t="s">
        <v>9</v>
      </c>
      <c r="F24484" s="7">
        <v>42889</v>
      </c>
      <c r="G24484" s="8">
        <v>1</v>
      </c>
      <c r="H24484" s="8">
        <v>1</v>
      </c>
      <c r="I24484" s="8">
        <v>0</v>
      </c>
      <c r="J24484" s="8">
        <v>1</v>
      </c>
      <c r="K24484" s="9">
        <v>10</v>
      </c>
      <c r="L24484" s="6" t="s">
        <v>4151</v>
      </c>
    </row>
    <row r="24485" spans="1:12">
      <c r="A24485" s="6" t="s">
        <v>4151</v>
      </c>
      <c r="B24485" s="6"/>
      <c r="C24485" s="6" t="s">
        <v>24521</v>
      </c>
      <c r="D24485" s="6"/>
      <c r="E24485" s="6" t="s">
        <v>9</v>
      </c>
      <c r="F24485" s="7">
        <v>42889</v>
      </c>
      <c r="G24485" s="8">
        <v>1</v>
      </c>
      <c r="H24485" s="8">
        <v>1</v>
      </c>
      <c r="I24485" s="8">
        <v>0</v>
      </c>
      <c r="J24485" s="8">
        <v>1</v>
      </c>
      <c r="K24485" s="9">
        <v>143</v>
      </c>
      <c r="L24485" s="6" t="s">
        <v>4151</v>
      </c>
    </row>
    <row r="24486" spans="1:12">
      <c r="A24486" s="6" t="s">
        <v>4151</v>
      </c>
      <c r="B24486" s="6"/>
      <c r="C24486" s="6" t="s">
        <v>24522</v>
      </c>
      <c r="D24486" s="6"/>
      <c r="E24486" s="6" t="s">
        <v>9</v>
      </c>
      <c r="F24486" s="7">
        <v>42889</v>
      </c>
      <c r="G24486" s="8">
        <v>1</v>
      </c>
      <c r="H24486" s="8">
        <v>1</v>
      </c>
      <c r="I24486" s="8">
        <v>0</v>
      </c>
      <c r="J24486" s="8">
        <v>1</v>
      </c>
      <c r="K24486" s="9">
        <v>278</v>
      </c>
      <c r="L24486" s="6" t="s">
        <v>4151</v>
      </c>
    </row>
    <row r="24487" spans="1:12">
      <c r="A24487" s="6" t="s">
        <v>4151</v>
      </c>
      <c r="B24487" s="6"/>
      <c r="C24487" s="6" t="s">
        <v>24523</v>
      </c>
      <c r="D24487" s="6"/>
      <c r="E24487" s="6" t="s">
        <v>9</v>
      </c>
      <c r="F24487" s="7">
        <v>42889</v>
      </c>
      <c r="G24487" s="8">
        <v>1</v>
      </c>
      <c r="H24487" s="8">
        <v>1</v>
      </c>
      <c r="I24487" s="8">
        <v>0</v>
      </c>
      <c r="J24487" s="8">
        <v>1</v>
      </c>
      <c r="K24487" s="9">
        <v>208</v>
      </c>
      <c r="L24487" s="6" t="s">
        <v>4151</v>
      </c>
    </row>
    <row r="24488" spans="1:12">
      <c r="A24488" s="6" t="s">
        <v>4151</v>
      </c>
      <c r="B24488" s="6"/>
      <c r="C24488" s="6" t="s">
        <v>24524</v>
      </c>
      <c r="D24488" s="6"/>
      <c r="E24488" s="6" t="s">
        <v>9</v>
      </c>
      <c r="F24488" s="7">
        <v>42889</v>
      </c>
      <c r="G24488" s="8">
        <v>1</v>
      </c>
      <c r="H24488" s="8">
        <v>1</v>
      </c>
      <c r="I24488" s="8">
        <v>0</v>
      </c>
      <c r="J24488" s="8">
        <v>1</v>
      </c>
      <c r="K24488" s="9">
        <v>161</v>
      </c>
      <c r="L24488" s="6" t="s">
        <v>4151</v>
      </c>
    </row>
    <row r="24489" spans="1:12">
      <c r="A24489" s="6" t="s">
        <v>4151</v>
      </c>
      <c r="B24489" s="6"/>
      <c r="C24489" s="6" t="s">
        <v>24525</v>
      </c>
      <c r="D24489" s="6"/>
      <c r="E24489" s="6" t="s">
        <v>9</v>
      </c>
      <c r="F24489" s="7">
        <v>42889</v>
      </c>
      <c r="G24489" s="8">
        <v>1</v>
      </c>
      <c r="H24489" s="8">
        <v>1</v>
      </c>
      <c r="I24489" s="8">
        <v>0</v>
      </c>
      <c r="J24489" s="8">
        <v>1</v>
      </c>
      <c r="K24489" s="9">
        <v>210</v>
      </c>
      <c r="L24489" s="6" t="s">
        <v>4151</v>
      </c>
    </row>
    <row r="24490" spans="1:12">
      <c r="A24490" s="6" t="s">
        <v>4151</v>
      </c>
      <c r="B24490" s="6"/>
      <c r="C24490" s="6" t="s">
        <v>24526</v>
      </c>
      <c r="D24490" s="6"/>
      <c r="E24490" s="6" t="s">
        <v>9</v>
      </c>
      <c r="F24490" s="7">
        <v>43129</v>
      </c>
      <c r="G24490" s="8">
        <v>1</v>
      </c>
      <c r="H24490" s="8">
        <v>1</v>
      </c>
      <c r="I24490" s="8">
        <v>0</v>
      </c>
      <c r="J24490" s="8">
        <v>1</v>
      </c>
      <c r="K24490" s="9">
        <v>42</v>
      </c>
      <c r="L24490" s="6" t="s">
        <v>4151</v>
      </c>
    </row>
    <row r="24491" spans="1:12">
      <c r="A24491" s="6" t="s">
        <v>4151</v>
      </c>
      <c r="B24491" s="6"/>
      <c r="C24491" s="6" t="s">
        <v>24527</v>
      </c>
      <c r="D24491" s="6"/>
      <c r="E24491" s="6" t="s">
        <v>9</v>
      </c>
      <c r="F24491" s="7">
        <v>38657</v>
      </c>
      <c r="G24491" s="8">
        <v>1</v>
      </c>
      <c r="H24491" s="8">
        <v>1</v>
      </c>
      <c r="I24491" s="8">
        <v>0</v>
      </c>
      <c r="J24491" s="8">
        <v>1</v>
      </c>
      <c r="K24491" s="9">
        <v>0.13</v>
      </c>
      <c r="L24491" s="6" t="s">
        <v>4151</v>
      </c>
    </row>
    <row r="24492" spans="1:12">
      <c r="A24492" s="6" t="s">
        <v>4151</v>
      </c>
      <c r="B24492" s="6"/>
      <c r="C24492" s="6" t="s">
        <v>24528</v>
      </c>
      <c r="D24492" s="6"/>
      <c r="E24492" s="6" t="s">
        <v>9</v>
      </c>
      <c r="F24492" s="7">
        <v>38657</v>
      </c>
      <c r="G24492" s="8">
        <v>1</v>
      </c>
      <c r="H24492" s="8">
        <v>1</v>
      </c>
      <c r="I24492" s="8">
        <v>0</v>
      </c>
      <c r="J24492" s="8">
        <v>1</v>
      </c>
      <c r="K24492" s="9">
        <v>46</v>
      </c>
      <c r="L24492" s="6" t="s">
        <v>4151</v>
      </c>
    </row>
    <row r="24493" spans="1:12">
      <c r="A24493" s="6" t="s">
        <v>4151</v>
      </c>
      <c r="B24493" s="6"/>
      <c r="C24493" s="6" t="s">
        <v>24529</v>
      </c>
      <c r="D24493" s="6"/>
      <c r="E24493" s="6" t="s">
        <v>9</v>
      </c>
      <c r="F24493" s="7">
        <v>38657</v>
      </c>
      <c r="G24493" s="8">
        <v>1</v>
      </c>
      <c r="H24493" s="8">
        <v>1</v>
      </c>
      <c r="I24493" s="8">
        <v>0</v>
      </c>
      <c r="J24493" s="8">
        <v>1</v>
      </c>
      <c r="K24493" s="9">
        <v>3.04</v>
      </c>
      <c r="L24493" s="6" t="s">
        <v>4151</v>
      </c>
    </row>
    <row r="24494" spans="1:12">
      <c r="A24494" s="6" t="s">
        <v>4151</v>
      </c>
      <c r="B24494" s="6"/>
      <c r="C24494" s="6" t="s">
        <v>24530</v>
      </c>
      <c r="D24494" s="6"/>
      <c r="E24494" s="6" t="s">
        <v>9</v>
      </c>
      <c r="F24494" s="7">
        <v>43459</v>
      </c>
      <c r="G24494" s="8">
        <v>1</v>
      </c>
      <c r="H24494" s="8">
        <v>1</v>
      </c>
      <c r="I24494" s="8">
        <v>0</v>
      </c>
      <c r="J24494" s="8">
        <v>1</v>
      </c>
      <c r="K24494" s="9">
        <v>21</v>
      </c>
      <c r="L24494" s="6" t="s">
        <v>4151</v>
      </c>
    </row>
    <row r="24495" spans="1:12">
      <c r="A24495" s="6" t="s">
        <v>4151</v>
      </c>
      <c r="B24495" s="6"/>
      <c r="C24495" s="6" t="s">
        <v>24531</v>
      </c>
      <c r="D24495" s="6"/>
      <c r="E24495" s="6" t="s">
        <v>9</v>
      </c>
      <c r="F24495" s="7">
        <v>43459</v>
      </c>
      <c r="G24495" s="8">
        <v>1</v>
      </c>
      <c r="H24495" s="8">
        <v>1</v>
      </c>
      <c r="I24495" s="8">
        <v>0</v>
      </c>
      <c r="J24495" s="8">
        <v>1</v>
      </c>
      <c r="K24495" s="9">
        <v>21</v>
      </c>
      <c r="L24495" s="6" t="s">
        <v>4151</v>
      </c>
    </row>
    <row r="24496" spans="1:12">
      <c r="A24496" s="6" t="s">
        <v>4151</v>
      </c>
      <c r="B24496" s="6"/>
      <c r="C24496" s="6" t="s">
        <v>24532</v>
      </c>
      <c r="D24496" s="6"/>
      <c r="E24496" s="6" t="s">
        <v>9</v>
      </c>
      <c r="F24496" s="7">
        <v>38657</v>
      </c>
      <c r="G24496" s="8">
        <v>1</v>
      </c>
      <c r="H24496" s="8">
        <v>1</v>
      </c>
      <c r="I24496" s="8">
        <v>0</v>
      </c>
      <c r="J24496" s="8">
        <v>1</v>
      </c>
      <c r="K24496" s="9">
        <v>2.35</v>
      </c>
      <c r="L24496" s="6" t="s">
        <v>4151</v>
      </c>
    </row>
    <row r="24497" spans="1:12">
      <c r="A24497" s="6" t="s">
        <v>4151</v>
      </c>
      <c r="B24497" s="6"/>
      <c r="C24497" s="6" t="s">
        <v>24533</v>
      </c>
      <c r="D24497" s="6"/>
      <c r="E24497" s="6" t="s">
        <v>9</v>
      </c>
      <c r="F24497" s="7">
        <v>38657</v>
      </c>
      <c r="G24497" s="8">
        <v>1</v>
      </c>
      <c r="H24497" s="8">
        <v>1</v>
      </c>
      <c r="I24497" s="8">
        <v>0</v>
      </c>
      <c r="J24497" s="8">
        <v>1</v>
      </c>
      <c r="K24497" s="9">
        <v>7.09</v>
      </c>
      <c r="L24497" s="6" t="s">
        <v>4151</v>
      </c>
    </row>
    <row r="24498" spans="1:12">
      <c r="A24498" s="6" t="s">
        <v>4151</v>
      </c>
      <c r="B24498" s="6"/>
      <c r="C24498" s="6" t="s">
        <v>24534</v>
      </c>
      <c r="D24498" s="6"/>
      <c r="E24498" s="6" t="s">
        <v>9</v>
      </c>
      <c r="F24498" s="7">
        <v>38657</v>
      </c>
      <c r="G24498" s="8">
        <v>1</v>
      </c>
      <c r="H24498" s="8">
        <v>1</v>
      </c>
      <c r="I24498" s="8">
        <v>0</v>
      </c>
      <c r="J24498" s="8">
        <v>1</v>
      </c>
      <c r="K24498" s="9">
        <v>67</v>
      </c>
      <c r="L24498" s="6" t="s">
        <v>4151</v>
      </c>
    </row>
    <row r="24499" spans="1:12">
      <c r="A24499" s="6" t="s">
        <v>4151</v>
      </c>
      <c r="B24499" s="6"/>
      <c r="C24499" s="6" t="s">
        <v>24535</v>
      </c>
      <c r="D24499" s="6"/>
      <c r="E24499" s="6" t="s">
        <v>9</v>
      </c>
      <c r="F24499" s="7">
        <v>38657</v>
      </c>
      <c r="G24499" s="8">
        <v>1</v>
      </c>
      <c r="H24499" s="8">
        <v>1</v>
      </c>
      <c r="I24499" s="8">
        <v>0</v>
      </c>
      <c r="J24499" s="8">
        <v>1</v>
      </c>
      <c r="K24499" s="9">
        <v>8.84</v>
      </c>
      <c r="L24499" s="6" t="s">
        <v>4151</v>
      </c>
    </row>
    <row r="24500" spans="1:12">
      <c r="A24500" s="6" t="s">
        <v>4151</v>
      </c>
      <c r="B24500" s="6"/>
      <c r="C24500" s="6" t="s">
        <v>24536</v>
      </c>
      <c r="D24500" s="6"/>
      <c r="E24500" s="6" t="s">
        <v>9</v>
      </c>
      <c r="F24500" s="7">
        <v>38657</v>
      </c>
      <c r="G24500" s="8">
        <v>1</v>
      </c>
      <c r="H24500" s="8">
        <v>1</v>
      </c>
      <c r="I24500" s="8">
        <v>0</v>
      </c>
      <c r="J24500" s="8">
        <v>1</v>
      </c>
      <c r="K24500" s="9">
        <v>51</v>
      </c>
      <c r="L24500" s="6" t="s">
        <v>4151</v>
      </c>
    </row>
    <row r="24501" spans="1:12">
      <c r="A24501" s="6" t="s">
        <v>4151</v>
      </c>
      <c r="B24501" s="6"/>
      <c r="C24501" s="6" t="s">
        <v>24537</v>
      </c>
      <c r="D24501" s="6"/>
      <c r="E24501" s="6" t="s">
        <v>9</v>
      </c>
      <c r="F24501" s="7">
        <v>38657</v>
      </c>
      <c r="G24501" s="8">
        <v>1</v>
      </c>
      <c r="H24501" s="8">
        <v>1</v>
      </c>
      <c r="I24501" s="8">
        <v>0</v>
      </c>
      <c r="J24501" s="8">
        <v>1</v>
      </c>
      <c r="K24501" s="9">
        <v>49</v>
      </c>
      <c r="L24501" s="6" t="s">
        <v>4151</v>
      </c>
    </row>
    <row r="24502" spans="1:12">
      <c r="A24502" s="6" t="s">
        <v>4151</v>
      </c>
      <c r="B24502" s="6"/>
      <c r="C24502" s="6" t="s">
        <v>24538</v>
      </c>
      <c r="D24502" s="6"/>
      <c r="E24502" s="6" t="s">
        <v>9</v>
      </c>
      <c r="F24502" s="7">
        <v>38657</v>
      </c>
      <c r="G24502" s="8">
        <v>1</v>
      </c>
      <c r="H24502" s="8">
        <v>1</v>
      </c>
      <c r="I24502" s="8">
        <v>0</v>
      </c>
      <c r="J24502" s="8">
        <v>1</v>
      </c>
      <c r="K24502" s="9">
        <v>0.63</v>
      </c>
      <c r="L24502" s="6" t="s">
        <v>4151</v>
      </c>
    </row>
    <row r="24503" spans="1:12">
      <c r="A24503" s="6" t="s">
        <v>4151</v>
      </c>
      <c r="B24503" s="6"/>
      <c r="C24503" s="6" t="s">
        <v>24539</v>
      </c>
      <c r="D24503" s="6"/>
      <c r="E24503" s="6" t="s">
        <v>9</v>
      </c>
      <c r="F24503" s="7">
        <v>38657</v>
      </c>
      <c r="G24503" s="8">
        <v>1</v>
      </c>
      <c r="H24503" s="8">
        <v>1</v>
      </c>
      <c r="I24503" s="8">
        <v>0</v>
      </c>
      <c r="J24503" s="8">
        <v>1</v>
      </c>
      <c r="K24503" s="9">
        <v>1.25</v>
      </c>
      <c r="L24503" s="6" t="s">
        <v>4151</v>
      </c>
    </row>
    <row r="24504" spans="1:12">
      <c r="A24504" s="6" t="s">
        <v>4151</v>
      </c>
      <c r="B24504" s="6"/>
      <c r="C24504" s="6" t="s">
        <v>24540</v>
      </c>
      <c r="D24504" s="6"/>
      <c r="E24504" s="6" t="s">
        <v>9</v>
      </c>
      <c r="F24504" s="7">
        <v>38657</v>
      </c>
      <c r="G24504" s="8">
        <v>1</v>
      </c>
      <c r="H24504" s="8">
        <v>1</v>
      </c>
      <c r="I24504" s="8">
        <v>0</v>
      </c>
      <c r="J24504" s="8">
        <v>1</v>
      </c>
      <c r="K24504" s="9">
        <v>401</v>
      </c>
      <c r="L24504" s="6" t="s">
        <v>4151</v>
      </c>
    </row>
    <row r="24505" spans="1:12">
      <c r="A24505" s="6" t="s">
        <v>4151</v>
      </c>
      <c r="B24505" s="6"/>
      <c r="C24505" s="6" t="s">
        <v>24541</v>
      </c>
      <c r="D24505" s="6"/>
      <c r="E24505" s="6" t="s">
        <v>9</v>
      </c>
      <c r="F24505" s="7">
        <v>43459</v>
      </c>
      <c r="G24505" s="8">
        <v>1</v>
      </c>
      <c r="H24505" s="8">
        <v>1</v>
      </c>
      <c r="I24505" s="8">
        <v>0</v>
      </c>
      <c r="J24505" s="8">
        <v>1</v>
      </c>
      <c r="K24505" s="9">
        <v>12</v>
      </c>
      <c r="L24505" s="6" t="s">
        <v>4151</v>
      </c>
    </row>
    <row r="24506" spans="1:12">
      <c r="A24506" s="6" t="s">
        <v>4151</v>
      </c>
      <c r="B24506" s="6"/>
      <c r="C24506" s="6" t="s">
        <v>24542</v>
      </c>
      <c r="D24506" s="6"/>
      <c r="E24506" s="6" t="s">
        <v>9</v>
      </c>
      <c r="F24506" s="7">
        <v>38657</v>
      </c>
      <c r="G24506" s="8">
        <v>1</v>
      </c>
      <c r="H24506" s="8">
        <v>1</v>
      </c>
      <c r="I24506" s="8">
        <v>0</v>
      </c>
      <c r="J24506" s="8">
        <v>1</v>
      </c>
      <c r="K24506" s="9">
        <v>47.23</v>
      </c>
      <c r="L24506" s="6" t="s">
        <v>4151</v>
      </c>
    </row>
    <row r="24507" spans="1:12">
      <c r="A24507" s="6" t="s">
        <v>4151</v>
      </c>
      <c r="B24507" s="6"/>
      <c r="C24507" s="6" t="s">
        <v>24543</v>
      </c>
      <c r="D24507" s="6"/>
      <c r="E24507" s="6" t="s">
        <v>9</v>
      </c>
      <c r="F24507" s="7">
        <v>40150</v>
      </c>
      <c r="G24507" s="8">
        <v>1</v>
      </c>
      <c r="H24507" s="8">
        <v>1</v>
      </c>
      <c r="I24507" s="8">
        <v>0</v>
      </c>
      <c r="J24507" s="8">
        <v>1</v>
      </c>
      <c r="K24507" s="9">
        <v>2.21</v>
      </c>
      <c r="L24507" s="6" t="s">
        <v>4151</v>
      </c>
    </row>
    <row r="24508" spans="1:12">
      <c r="A24508" s="6" t="s">
        <v>4151</v>
      </c>
      <c r="B24508" s="6"/>
      <c r="C24508" s="6" t="s">
        <v>24544</v>
      </c>
      <c r="D24508" s="6"/>
      <c r="E24508" s="6" t="s">
        <v>9</v>
      </c>
      <c r="F24508" s="7">
        <v>40582</v>
      </c>
      <c r="G24508" s="8">
        <v>1</v>
      </c>
      <c r="H24508" s="8">
        <v>1</v>
      </c>
      <c r="I24508" s="8">
        <v>0</v>
      </c>
      <c r="J24508" s="8">
        <v>1</v>
      </c>
      <c r="K24508" s="9">
        <v>21</v>
      </c>
      <c r="L24508" s="6" t="s">
        <v>4151</v>
      </c>
    </row>
    <row r="24509" spans="1:12">
      <c r="A24509" s="6" t="s">
        <v>4151</v>
      </c>
      <c r="B24509" s="6"/>
      <c r="C24509" s="6" t="s">
        <v>24545</v>
      </c>
      <c r="D24509" s="6"/>
      <c r="E24509" s="6" t="s">
        <v>9</v>
      </c>
      <c r="F24509" s="7">
        <v>38657</v>
      </c>
      <c r="G24509" s="8">
        <v>1</v>
      </c>
      <c r="H24509" s="8">
        <v>1</v>
      </c>
      <c r="I24509" s="8">
        <v>0</v>
      </c>
      <c r="J24509" s="8">
        <v>1</v>
      </c>
      <c r="K24509" s="9">
        <v>21</v>
      </c>
      <c r="L24509" s="6" t="s">
        <v>4151</v>
      </c>
    </row>
    <row r="24510" spans="1:12">
      <c r="A24510" s="6" t="s">
        <v>4151</v>
      </c>
      <c r="B24510" s="6"/>
      <c r="C24510" s="6" t="s">
        <v>24546</v>
      </c>
      <c r="D24510" s="6"/>
      <c r="E24510" s="6" t="s">
        <v>9</v>
      </c>
      <c r="F24510" s="7">
        <v>40756</v>
      </c>
      <c r="G24510" s="8">
        <v>1</v>
      </c>
      <c r="H24510" s="8">
        <v>1</v>
      </c>
      <c r="I24510" s="8">
        <v>0</v>
      </c>
      <c r="J24510" s="8">
        <v>1</v>
      </c>
      <c r="K24510" s="9">
        <v>4.5</v>
      </c>
      <c r="L24510" s="6" t="s">
        <v>4151</v>
      </c>
    </row>
    <row r="24511" spans="1:12">
      <c r="A24511" s="6" t="s">
        <v>4151</v>
      </c>
      <c r="B24511" s="6"/>
      <c r="C24511" s="6" t="s">
        <v>24547</v>
      </c>
      <c r="D24511" s="6"/>
      <c r="E24511" s="6" t="s">
        <v>9</v>
      </c>
      <c r="F24511" s="7">
        <v>38657</v>
      </c>
      <c r="G24511" s="8">
        <v>1</v>
      </c>
      <c r="H24511" s="8">
        <v>1</v>
      </c>
      <c r="I24511" s="8">
        <v>0</v>
      </c>
      <c r="J24511" s="8">
        <v>1</v>
      </c>
      <c r="K24511" s="9">
        <v>102</v>
      </c>
      <c r="L24511" s="6" t="s">
        <v>4151</v>
      </c>
    </row>
    <row r="24512" spans="1:12">
      <c r="A24512" s="6" t="s">
        <v>4151</v>
      </c>
      <c r="B24512" s="6"/>
      <c r="C24512" s="6" t="s">
        <v>24548</v>
      </c>
      <c r="D24512" s="6"/>
      <c r="E24512" s="6" t="s">
        <v>9</v>
      </c>
      <c r="F24512" s="7">
        <v>38657</v>
      </c>
      <c r="G24512" s="8">
        <v>1</v>
      </c>
      <c r="H24512" s="8">
        <v>1</v>
      </c>
      <c r="I24512" s="8">
        <v>0</v>
      </c>
      <c r="J24512" s="8">
        <v>1</v>
      </c>
      <c r="K24512" s="9">
        <v>107</v>
      </c>
      <c r="L24512" s="6" t="s">
        <v>4151</v>
      </c>
    </row>
    <row r="24513" spans="1:12">
      <c r="A24513" s="6" t="s">
        <v>4151</v>
      </c>
      <c r="B24513" s="6"/>
      <c r="C24513" s="6" t="s">
        <v>24549</v>
      </c>
      <c r="D24513" s="6"/>
      <c r="E24513" s="6" t="s">
        <v>9</v>
      </c>
      <c r="F24513" s="7">
        <v>39616</v>
      </c>
      <c r="G24513" s="8">
        <v>1</v>
      </c>
      <c r="H24513" s="8">
        <v>1</v>
      </c>
      <c r="I24513" s="8">
        <v>0</v>
      </c>
      <c r="J24513" s="8">
        <v>1</v>
      </c>
      <c r="K24513" s="9">
        <v>77</v>
      </c>
      <c r="L24513" s="6" t="s">
        <v>4151</v>
      </c>
    </row>
    <row r="24514" spans="1:12">
      <c r="A24514" s="6" t="s">
        <v>4151</v>
      </c>
      <c r="B24514" s="6"/>
      <c r="C24514" s="6" t="s">
        <v>24550</v>
      </c>
      <c r="D24514" s="6"/>
      <c r="E24514" s="6" t="s">
        <v>9</v>
      </c>
      <c r="F24514" s="7">
        <v>39616</v>
      </c>
      <c r="G24514" s="8">
        <v>1</v>
      </c>
      <c r="H24514" s="8">
        <v>1</v>
      </c>
      <c r="I24514" s="8">
        <v>0</v>
      </c>
      <c r="J24514" s="8">
        <v>1</v>
      </c>
      <c r="K24514" s="9">
        <v>142</v>
      </c>
      <c r="L24514" s="6" t="s">
        <v>4151</v>
      </c>
    </row>
    <row r="24515" spans="1:12">
      <c r="A24515" s="6" t="s">
        <v>4151</v>
      </c>
      <c r="B24515" s="6"/>
      <c r="C24515" s="6" t="s">
        <v>24551</v>
      </c>
      <c r="D24515" s="6"/>
      <c r="E24515" s="6" t="s">
        <v>9</v>
      </c>
      <c r="F24515" s="7">
        <v>38657</v>
      </c>
      <c r="G24515" s="8">
        <v>1</v>
      </c>
      <c r="H24515" s="8">
        <v>1</v>
      </c>
      <c r="I24515" s="8">
        <v>0</v>
      </c>
      <c r="J24515" s="8">
        <v>1</v>
      </c>
      <c r="K24515" s="9">
        <v>16</v>
      </c>
      <c r="L24515" s="6" t="s">
        <v>4151</v>
      </c>
    </row>
    <row r="24516" spans="1:12">
      <c r="A24516" s="6" t="s">
        <v>4151</v>
      </c>
      <c r="B24516" s="6"/>
      <c r="C24516" s="6" t="s">
        <v>24552</v>
      </c>
      <c r="D24516" s="6"/>
      <c r="E24516" s="6" t="s">
        <v>9</v>
      </c>
      <c r="F24516" s="7">
        <v>38657</v>
      </c>
      <c r="G24516" s="8">
        <v>1</v>
      </c>
      <c r="H24516" s="8">
        <v>1</v>
      </c>
      <c r="I24516" s="8">
        <v>0</v>
      </c>
      <c r="J24516" s="8">
        <v>1</v>
      </c>
      <c r="K24516" s="9">
        <v>49</v>
      </c>
      <c r="L24516" s="6" t="s">
        <v>4151</v>
      </c>
    </row>
    <row r="24517" spans="1:12">
      <c r="A24517" s="6" t="s">
        <v>4151</v>
      </c>
      <c r="B24517" s="6"/>
      <c r="C24517" s="6" t="s">
        <v>24553</v>
      </c>
      <c r="D24517" s="6"/>
      <c r="E24517" s="6" t="s">
        <v>9</v>
      </c>
      <c r="F24517" s="7">
        <v>39616</v>
      </c>
      <c r="G24517" s="8">
        <v>1</v>
      </c>
      <c r="H24517" s="8">
        <v>1</v>
      </c>
      <c r="I24517" s="8">
        <v>0</v>
      </c>
      <c r="J24517" s="8">
        <v>1</v>
      </c>
      <c r="K24517" s="9">
        <v>77</v>
      </c>
      <c r="L24517" s="6" t="s">
        <v>4151</v>
      </c>
    </row>
    <row r="24518" spans="1:12">
      <c r="A24518" s="6" t="s">
        <v>4151</v>
      </c>
      <c r="B24518" s="6"/>
      <c r="C24518" s="6" t="s">
        <v>24554</v>
      </c>
      <c r="D24518" s="6"/>
      <c r="E24518" s="6" t="s">
        <v>9</v>
      </c>
      <c r="F24518" s="7">
        <v>39616</v>
      </c>
      <c r="G24518" s="8">
        <v>1</v>
      </c>
      <c r="H24518" s="8">
        <v>1</v>
      </c>
      <c r="I24518" s="8">
        <v>0</v>
      </c>
      <c r="J24518" s="8">
        <v>1</v>
      </c>
      <c r="K24518" s="9">
        <v>30</v>
      </c>
      <c r="L24518" s="6" t="s">
        <v>4151</v>
      </c>
    </row>
    <row r="24519" spans="1:12">
      <c r="A24519" s="6" t="s">
        <v>4151</v>
      </c>
      <c r="B24519" s="6"/>
      <c r="C24519" s="6" t="s">
        <v>24555</v>
      </c>
      <c r="D24519" s="6"/>
      <c r="E24519" s="6" t="s">
        <v>9</v>
      </c>
      <c r="F24519" s="7">
        <v>39616</v>
      </c>
      <c r="G24519" s="8">
        <v>1</v>
      </c>
      <c r="H24519" s="8">
        <v>1</v>
      </c>
      <c r="I24519" s="8">
        <v>0</v>
      </c>
      <c r="J24519" s="8">
        <v>1</v>
      </c>
      <c r="K24519" s="9">
        <v>53</v>
      </c>
      <c r="L24519" s="6" t="s">
        <v>4151</v>
      </c>
    </row>
    <row r="24520" spans="1:12">
      <c r="A24520" s="6" t="s">
        <v>4151</v>
      </c>
      <c r="B24520" s="6"/>
      <c r="C24520" s="6" t="s">
        <v>24556</v>
      </c>
      <c r="D24520" s="6"/>
      <c r="E24520" s="6" t="s">
        <v>9</v>
      </c>
      <c r="F24520" s="7">
        <v>39616</v>
      </c>
      <c r="G24520" s="8">
        <v>1</v>
      </c>
      <c r="H24520" s="8">
        <v>1</v>
      </c>
      <c r="I24520" s="8">
        <v>0</v>
      </c>
      <c r="J24520" s="8">
        <v>1</v>
      </c>
      <c r="K24520" s="9">
        <v>62</v>
      </c>
      <c r="L24520" s="6" t="s">
        <v>4151</v>
      </c>
    </row>
    <row r="24521" spans="1:12">
      <c r="A24521" s="6" t="s">
        <v>4151</v>
      </c>
      <c r="B24521" s="6"/>
      <c r="C24521" s="6" t="s">
        <v>24557</v>
      </c>
      <c r="D24521" s="6"/>
      <c r="E24521" s="6" t="s">
        <v>9</v>
      </c>
      <c r="F24521" s="7">
        <v>39616</v>
      </c>
      <c r="G24521" s="8">
        <v>1</v>
      </c>
      <c r="H24521" s="8">
        <v>1</v>
      </c>
      <c r="I24521" s="8">
        <v>0</v>
      </c>
      <c r="J24521" s="8">
        <v>1</v>
      </c>
      <c r="K24521" s="9">
        <v>25</v>
      </c>
      <c r="L24521" s="6" t="s">
        <v>4151</v>
      </c>
    </row>
    <row r="24522" spans="1:12">
      <c r="A24522" s="6" t="s">
        <v>4151</v>
      </c>
      <c r="B24522" s="6"/>
      <c r="C24522" s="6" t="s">
        <v>24558</v>
      </c>
      <c r="D24522" s="6"/>
      <c r="E24522" s="6" t="s">
        <v>9</v>
      </c>
      <c r="F24522" s="7">
        <v>39616</v>
      </c>
      <c r="G24522" s="8">
        <v>1</v>
      </c>
      <c r="H24522" s="8">
        <v>1</v>
      </c>
      <c r="I24522" s="8">
        <v>0</v>
      </c>
      <c r="J24522" s="8">
        <v>1</v>
      </c>
      <c r="K24522" s="9">
        <v>36</v>
      </c>
      <c r="L24522" s="6" t="s">
        <v>4151</v>
      </c>
    </row>
    <row r="24523" spans="1:12">
      <c r="A24523" s="6" t="s">
        <v>4151</v>
      </c>
      <c r="B24523" s="6"/>
      <c r="C24523" s="6" t="s">
        <v>24559</v>
      </c>
      <c r="D24523" s="6"/>
      <c r="E24523" s="6" t="s">
        <v>9</v>
      </c>
      <c r="F24523" s="7">
        <v>39616</v>
      </c>
      <c r="G24523" s="8">
        <v>1</v>
      </c>
      <c r="H24523" s="8">
        <v>1</v>
      </c>
      <c r="I24523" s="8">
        <v>0</v>
      </c>
      <c r="J24523" s="8">
        <v>1</v>
      </c>
      <c r="K24523" s="9">
        <v>77</v>
      </c>
      <c r="L24523" s="6" t="s">
        <v>4151</v>
      </c>
    </row>
    <row r="24524" spans="1:12">
      <c r="A24524" s="6" t="s">
        <v>4151</v>
      </c>
      <c r="B24524" s="6"/>
      <c r="C24524" s="6" t="s">
        <v>24560</v>
      </c>
      <c r="D24524" s="6"/>
      <c r="E24524" s="6" t="s">
        <v>9</v>
      </c>
      <c r="F24524" s="7">
        <v>39616</v>
      </c>
      <c r="G24524" s="8">
        <v>1</v>
      </c>
      <c r="H24524" s="8">
        <v>1</v>
      </c>
      <c r="I24524" s="8">
        <v>0</v>
      </c>
      <c r="J24524" s="8">
        <v>1</v>
      </c>
      <c r="K24524" s="9">
        <v>75</v>
      </c>
      <c r="L24524" s="6" t="s">
        <v>4151</v>
      </c>
    </row>
    <row r="24525" spans="1:12">
      <c r="A24525" s="6" t="s">
        <v>4151</v>
      </c>
      <c r="B24525" s="6"/>
      <c r="C24525" s="6" t="s">
        <v>24561</v>
      </c>
      <c r="D24525" s="6"/>
      <c r="E24525" s="6" t="s">
        <v>9</v>
      </c>
      <c r="F24525" s="7">
        <v>39616</v>
      </c>
      <c r="G24525" s="8">
        <v>1</v>
      </c>
      <c r="H24525" s="8">
        <v>1</v>
      </c>
      <c r="I24525" s="8">
        <v>0</v>
      </c>
      <c r="J24525" s="8">
        <v>1</v>
      </c>
      <c r="K24525" s="9">
        <v>37</v>
      </c>
      <c r="L24525" s="6" t="s">
        <v>4151</v>
      </c>
    </row>
    <row r="24526" spans="1:12">
      <c r="A24526" s="6" t="s">
        <v>4151</v>
      </c>
      <c r="B24526" s="6"/>
      <c r="C24526" s="6" t="s">
        <v>24562</v>
      </c>
      <c r="D24526" s="6"/>
      <c r="E24526" s="6" t="s">
        <v>9</v>
      </c>
      <c r="F24526" s="7">
        <v>39616</v>
      </c>
      <c r="G24526" s="8">
        <v>1</v>
      </c>
      <c r="H24526" s="8">
        <v>1</v>
      </c>
      <c r="I24526" s="8">
        <v>0</v>
      </c>
      <c r="J24526" s="8">
        <v>1</v>
      </c>
      <c r="K24526" s="9">
        <v>95</v>
      </c>
      <c r="L24526" s="6" t="s">
        <v>4151</v>
      </c>
    </row>
    <row r="24527" spans="1:12">
      <c r="A24527" s="6" t="s">
        <v>4151</v>
      </c>
      <c r="B24527" s="6"/>
      <c r="C24527" s="6" t="s">
        <v>24563</v>
      </c>
      <c r="D24527" s="6"/>
      <c r="E24527" s="6" t="s">
        <v>9</v>
      </c>
      <c r="F24527" s="7">
        <v>38657</v>
      </c>
      <c r="G24527" s="8">
        <v>1</v>
      </c>
      <c r="H24527" s="8">
        <v>1</v>
      </c>
      <c r="I24527" s="8">
        <v>0</v>
      </c>
      <c r="J24527" s="8">
        <v>1</v>
      </c>
      <c r="K24527" s="9">
        <v>11</v>
      </c>
      <c r="L24527" s="6" t="s">
        <v>4151</v>
      </c>
    </row>
    <row r="24528" spans="1:12">
      <c r="A24528" s="6" t="s">
        <v>4151</v>
      </c>
      <c r="B24528" s="6"/>
      <c r="C24528" s="6" t="s">
        <v>24564</v>
      </c>
      <c r="D24528" s="6"/>
      <c r="E24528" s="6" t="s">
        <v>9</v>
      </c>
      <c r="F24528" s="7">
        <v>39616</v>
      </c>
      <c r="G24528" s="8">
        <v>1</v>
      </c>
      <c r="H24528" s="8">
        <v>1</v>
      </c>
      <c r="I24528" s="8">
        <v>0</v>
      </c>
      <c r="J24528" s="8">
        <v>1</v>
      </c>
      <c r="K24528" s="9">
        <v>28</v>
      </c>
      <c r="L24528" s="6" t="s">
        <v>4151</v>
      </c>
    </row>
    <row r="24529" spans="1:12">
      <c r="A24529" s="6" t="s">
        <v>4151</v>
      </c>
      <c r="B24529" s="6"/>
      <c r="C24529" s="6" t="s">
        <v>24565</v>
      </c>
      <c r="D24529" s="6"/>
      <c r="E24529" s="6" t="s">
        <v>9</v>
      </c>
      <c r="F24529" s="7">
        <v>39616</v>
      </c>
      <c r="G24529" s="8">
        <v>1</v>
      </c>
      <c r="H24529" s="8">
        <v>1</v>
      </c>
      <c r="I24529" s="8">
        <v>0</v>
      </c>
      <c r="J24529" s="8">
        <v>1</v>
      </c>
      <c r="K24529" s="9">
        <v>22</v>
      </c>
      <c r="L24529" s="6" t="s">
        <v>4151</v>
      </c>
    </row>
    <row r="24530" spans="1:12">
      <c r="A24530" s="6" t="s">
        <v>4151</v>
      </c>
      <c r="B24530" s="6"/>
      <c r="C24530" s="6" t="s">
        <v>24566</v>
      </c>
      <c r="D24530" s="6"/>
      <c r="E24530" s="6" t="s">
        <v>9</v>
      </c>
      <c r="F24530" s="7">
        <v>39616</v>
      </c>
      <c r="G24530" s="8">
        <v>1</v>
      </c>
      <c r="H24530" s="8">
        <v>1</v>
      </c>
      <c r="I24530" s="8">
        <v>0</v>
      </c>
      <c r="J24530" s="8">
        <v>1</v>
      </c>
      <c r="K24530" s="9">
        <v>86</v>
      </c>
      <c r="L24530" s="6" t="s">
        <v>4151</v>
      </c>
    </row>
    <row r="24531" spans="1:12">
      <c r="A24531" s="6" t="s">
        <v>4151</v>
      </c>
      <c r="B24531" s="6"/>
      <c r="C24531" s="6" t="s">
        <v>24567</v>
      </c>
      <c r="D24531" s="6"/>
      <c r="E24531" s="6" t="s">
        <v>9</v>
      </c>
      <c r="F24531" s="7">
        <v>39616</v>
      </c>
      <c r="G24531" s="8">
        <v>1</v>
      </c>
      <c r="H24531" s="8">
        <v>1</v>
      </c>
      <c r="I24531" s="8">
        <v>0</v>
      </c>
      <c r="J24531" s="8">
        <v>1</v>
      </c>
      <c r="K24531" s="9">
        <v>55</v>
      </c>
      <c r="L24531" s="6" t="s">
        <v>4151</v>
      </c>
    </row>
    <row r="24532" spans="1:12">
      <c r="A24532" s="6" t="s">
        <v>4151</v>
      </c>
      <c r="B24532" s="6"/>
      <c r="C24532" s="6" t="s">
        <v>24568</v>
      </c>
      <c r="D24532" s="6"/>
      <c r="E24532" s="6" t="s">
        <v>9</v>
      </c>
      <c r="F24532" s="7">
        <v>39616</v>
      </c>
      <c r="G24532" s="8">
        <v>1</v>
      </c>
      <c r="H24532" s="8">
        <v>1</v>
      </c>
      <c r="I24532" s="8">
        <v>0</v>
      </c>
      <c r="J24532" s="8">
        <v>1</v>
      </c>
      <c r="K24532" s="9">
        <v>51</v>
      </c>
      <c r="L24532" s="6" t="s">
        <v>4151</v>
      </c>
    </row>
    <row r="24533" spans="1:12">
      <c r="A24533" s="6" t="s">
        <v>4151</v>
      </c>
      <c r="B24533" s="6"/>
      <c r="C24533" s="6" t="s">
        <v>24569</v>
      </c>
      <c r="D24533" s="6"/>
      <c r="E24533" s="6" t="s">
        <v>9</v>
      </c>
      <c r="F24533" s="7">
        <v>39616</v>
      </c>
      <c r="G24533" s="8">
        <v>1</v>
      </c>
      <c r="H24533" s="8">
        <v>1</v>
      </c>
      <c r="I24533" s="8">
        <v>0</v>
      </c>
      <c r="J24533" s="8">
        <v>1</v>
      </c>
      <c r="K24533" s="9">
        <v>49</v>
      </c>
      <c r="L24533" s="6" t="s">
        <v>4151</v>
      </c>
    </row>
    <row r="24534" spans="1:12">
      <c r="A24534" s="6" t="s">
        <v>4151</v>
      </c>
      <c r="B24534" s="6"/>
      <c r="C24534" s="6" t="s">
        <v>24570</v>
      </c>
      <c r="D24534" s="6"/>
      <c r="E24534" s="6" t="s">
        <v>9</v>
      </c>
      <c r="F24534" s="7">
        <v>39616</v>
      </c>
      <c r="G24534" s="8">
        <v>1</v>
      </c>
      <c r="H24534" s="8">
        <v>1</v>
      </c>
      <c r="I24534" s="8">
        <v>0</v>
      </c>
      <c r="J24534" s="8">
        <v>1</v>
      </c>
      <c r="K24534" s="9">
        <v>72</v>
      </c>
      <c r="L24534" s="6" t="s">
        <v>4151</v>
      </c>
    </row>
    <row r="24535" spans="1:12">
      <c r="A24535" s="6" t="s">
        <v>4151</v>
      </c>
      <c r="B24535" s="6"/>
      <c r="C24535" s="6" t="s">
        <v>24571</v>
      </c>
      <c r="D24535" s="6"/>
      <c r="E24535" s="6" t="s">
        <v>9</v>
      </c>
      <c r="F24535" s="7">
        <v>39616</v>
      </c>
      <c r="G24535" s="8">
        <v>1</v>
      </c>
      <c r="H24535" s="8">
        <v>1</v>
      </c>
      <c r="I24535" s="8">
        <v>0</v>
      </c>
      <c r="J24535" s="8">
        <v>1</v>
      </c>
      <c r="K24535" s="9">
        <v>123</v>
      </c>
      <c r="L24535" s="6" t="s">
        <v>4151</v>
      </c>
    </row>
    <row r="24536" spans="1:12">
      <c r="A24536" s="6" t="s">
        <v>4151</v>
      </c>
      <c r="B24536" s="6"/>
      <c r="C24536" s="6" t="s">
        <v>24572</v>
      </c>
      <c r="D24536" s="6"/>
      <c r="E24536" s="6" t="s">
        <v>9</v>
      </c>
      <c r="F24536" s="7">
        <v>39616</v>
      </c>
      <c r="G24536" s="8">
        <v>1</v>
      </c>
      <c r="H24536" s="8">
        <v>1</v>
      </c>
      <c r="I24536" s="8">
        <v>0</v>
      </c>
      <c r="J24536" s="8">
        <v>1</v>
      </c>
      <c r="K24536" s="9">
        <v>46</v>
      </c>
      <c r="L24536" s="6" t="s">
        <v>4151</v>
      </c>
    </row>
    <row r="24537" spans="1:12">
      <c r="A24537" s="6" t="s">
        <v>4151</v>
      </c>
      <c r="B24537" s="6"/>
      <c r="C24537" s="6" t="s">
        <v>24573</v>
      </c>
      <c r="D24537" s="6"/>
      <c r="E24537" s="6" t="s">
        <v>9</v>
      </c>
      <c r="F24537" s="7">
        <v>39616</v>
      </c>
      <c r="G24537" s="8">
        <v>1</v>
      </c>
      <c r="H24537" s="8">
        <v>1</v>
      </c>
      <c r="I24537" s="8">
        <v>0</v>
      </c>
      <c r="J24537" s="8">
        <v>1</v>
      </c>
      <c r="K24537" s="9">
        <v>14</v>
      </c>
      <c r="L24537" s="6" t="s">
        <v>4151</v>
      </c>
    </row>
    <row r="24538" spans="1:12">
      <c r="A24538" s="6" t="s">
        <v>4151</v>
      </c>
      <c r="B24538" s="6"/>
      <c r="C24538" s="6" t="s">
        <v>24574</v>
      </c>
      <c r="D24538" s="6"/>
      <c r="E24538" s="6" t="s">
        <v>9</v>
      </c>
      <c r="F24538" s="7">
        <v>38657</v>
      </c>
      <c r="G24538" s="8">
        <v>1</v>
      </c>
      <c r="H24538" s="8">
        <v>1</v>
      </c>
      <c r="I24538" s="8">
        <v>0</v>
      </c>
      <c r="J24538" s="8">
        <v>1</v>
      </c>
      <c r="K24538" s="9">
        <v>312</v>
      </c>
      <c r="L24538" s="6" t="s">
        <v>4151</v>
      </c>
    </row>
    <row r="24539" spans="1:12">
      <c r="A24539" s="6" t="s">
        <v>4151</v>
      </c>
      <c r="B24539" s="6"/>
      <c r="C24539" s="6" t="s">
        <v>24575</v>
      </c>
      <c r="D24539" s="6"/>
      <c r="E24539" s="6" t="s">
        <v>9</v>
      </c>
      <c r="F24539" s="7">
        <v>39616</v>
      </c>
      <c r="G24539" s="8">
        <v>1</v>
      </c>
      <c r="H24539" s="8">
        <v>1</v>
      </c>
      <c r="I24539" s="8">
        <v>0</v>
      </c>
      <c r="J24539" s="8">
        <v>1</v>
      </c>
      <c r="K24539" s="9">
        <v>16</v>
      </c>
      <c r="L24539" s="6" t="s">
        <v>4151</v>
      </c>
    </row>
    <row r="24540" spans="1:12">
      <c r="A24540" s="6" t="s">
        <v>4151</v>
      </c>
      <c r="B24540" s="6"/>
      <c r="C24540" s="6" t="s">
        <v>24576</v>
      </c>
      <c r="D24540" s="6"/>
      <c r="E24540" s="6" t="s">
        <v>9</v>
      </c>
      <c r="F24540" s="7">
        <v>39616</v>
      </c>
      <c r="G24540" s="8">
        <v>1</v>
      </c>
      <c r="H24540" s="8">
        <v>1</v>
      </c>
      <c r="I24540" s="8">
        <v>0</v>
      </c>
      <c r="J24540" s="8">
        <v>1</v>
      </c>
      <c r="K24540" s="9">
        <v>62</v>
      </c>
      <c r="L24540" s="6" t="s">
        <v>4151</v>
      </c>
    </row>
    <row r="24541" spans="1:12">
      <c r="A24541" s="6" t="s">
        <v>4151</v>
      </c>
      <c r="B24541" s="6"/>
      <c r="C24541" s="6" t="s">
        <v>24577</v>
      </c>
      <c r="D24541" s="6"/>
      <c r="E24541" s="6" t="s">
        <v>9</v>
      </c>
      <c r="F24541" s="7">
        <v>39616</v>
      </c>
      <c r="G24541" s="8">
        <v>1</v>
      </c>
      <c r="H24541" s="8">
        <v>1</v>
      </c>
      <c r="I24541" s="8">
        <v>0</v>
      </c>
      <c r="J24541" s="8">
        <v>1</v>
      </c>
      <c r="K24541" s="9">
        <v>62</v>
      </c>
      <c r="L24541" s="6" t="s">
        <v>4151</v>
      </c>
    </row>
    <row r="24542" spans="1:12">
      <c r="A24542" s="6" t="s">
        <v>4151</v>
      </c>
      <c r="B24542" s="6"/>
      <c r="C24542" s="6" t="s">
        <v>24578</v>
      </c>
      <c r="D24542" s="6"/>
      <c r="E24542" s="6" t="s">
        <v>9</v>
      </c>
      <c r="F24542" s="7">
        <v>39616</v>
      </c>
      <c r="G24542" s="8">
        <v>1</v>
      </c>
      <c r="H24542" s="8">
        <v>1</v>
      </c>
      <c r="I24542" s="8">
        <v>0</v>
      </c>
      <c r="J24542" s="8">
        <v>1</v>
      </c>
      <c r="K24542" s="9">
        <v>32</v>
      </c>
      <c r="L24542" s="6" t="s">
        <v>4151</v>
      </c>
    </row>
    <row r="24543" spans="1:12">
      <c r="A24543" s="6" t="s">
        <v>4151</v>
      </c>
      <c r="B24543" s="6"/>
      <c r="C24543" s="6" t="s">
        <v>24579</v>
      </c>
      <c r="D24543" s="6"/>
      <c r="E24543" s="6" t="s">
        <v>9</v>
      </c>
      <c r="F24543" s="7">
        <v>39616</v>
      </c>
      <c r="G24543" s="8">
        <v>1</v>
      </c>
      <c r="H24543" s="8">
        <v>1</v>
      </c>
      <c r="I24543" s="8">
        <v>0</v>
      </c>
      <c r="J24543" s="8">
        <v>1</v>
      </c>
      <c r="K24543" s="9">
        <v>17</v>
      </c>
      <c r="L24543" s="6" t="s">
        <v>4151</v>
      </c>
    </row>
    <row r="24544" spans="1:12">
      <c r="A24544" s="6" t="s">
        <v>4151</v>
      </c>
      <c r="B24544" s="6"/>
      <c r="C24544" s="6" t="s">
        <v>24580</v>
      </c>
      <c r="D24544" s="6"/>
      <c r="E24544" s="6" t="s">
        <v>9</v>
      </c>
      <c r="F24544" s="7">
        <v>39616</v>
      </c>
      <c r="G24544" s="8">
        <v>1</v>
      </c>
      <c r="H24544" s="8">
        <v>1</v>
      </c>
      <c r="I24544" s="8">
        <v>0</v>
      </c>
      <c r="J24544" s="8">
        <v>1</v>
      </c>
      <c r="K24544" s="9">
        <v>169</v>
      </c>
      <c r="L24544" s="6" t="s">
        <v>4151</v>
      </c>
    </row>
    <row r="24545" spans="1:12">
      <c r="A24545" s="6" t="s">
        <v>4151</v>
      </c>
      <c r="B24545" s="6"/>
      <c r="C24545" s="6" t="s">
        <v>24581</v>
      </c>
      <c r="D24545" s="6"/>
      <c r="E24545" s="6" t="s">
        <v>9</v>
      </c>
      <c r="F24545" s="7">
        <v>39616</v>
      </c>
      <c r="G24545" s="8">
        <v>1</v>
      </c>
      <c r="H24545" s="8">
        <v>1</v>
      </c>
      <c r="I24545" s="8">
        <v>0</v>
      </c>
      <c r="J24545" s="8">
        <v>1</v>
      </c>
      <c r="K24545" s="9">
        <v>174</v>
      </c>
      <c r="L24545" s="6" t="s">
        <v>4151</v>
      </c>
    </row>
    <row r="24546" spans="1:12">
      <c r="A24546" s="6" t="s">
        <v>4151</v>
      </c>
      <c r="B24546" s="6"/>
      <c r="C24546" s="6" t="s">
        <v>24582</v>
      </c>
      <c r="D24546" s="6"/>
      <c r="E24546" s="6" t="s">
        <v>9</v>
      </c>
      <c r="F24546" s="7">
        <v>39616</v>
      </c>
      <c r="G24546" s="8">
        <v>1</v>
      </c>
      <c r="H24546" s="8">
        <v>1</v>
      </c>
      <c r="I24546" s="8">
        <v>0</v>
      </c>
      <c r="J24546" s="8">
        <v>1</v>
      </c>
      <c r="K24546" s="9">
        <v>3.34</v>
      </c>
      <c r="L24546" s="6" t="s">
        <v>4151</v>
      </c>
    </row>
    <row r="24547" spans="1:12">
      <c r="A24547" s="6" t="s">
        <v>4151</v>
      </c>
      <c r="B24547" s="6"/>
      <c r="C24547" s="6" t="s">
        <v>24583</v>
      </c>
      <c r="D24547" s="6"/>
      <c r="E24547" s="6" t="s">
        <v>9</v>
      </c>
      <c r="F24547" s="7">
        <v>39616</v>
      </c>
      <c r="G24547" s="8">
        <v>1</v>
      </c>
      <c r="H24547" s="8">
        <v>1</v>
      </c>
      <c r="I24547" s="8">
        <v>0</v>
      </c>
      <c r="J24547" s="8">
        <v>1</v>
      </c>
      <c r="K24547" s="9">
        <v>48</v>
      </c>
      <c r="L24547" s="6" t="s">
        <v>4151</v>
      </c>
    </row>
    <row r="24548" spans="1:12">
      <c r="A24548" s="6" t="s">
        <v>4151</v>
      </c>
      <c r="B24548" s="6"/>
      <c r="C24548" s="6" t="s">
        <v>24584</v>
      </c>
      <c r="D24548" s="6"/>
      <c r="E24548" s="6" t="s">
        <v>9</v>
      </c>
      <c r="F24548" s="7">
        <v>39616</v>
      </c>
      <c r="G24548" s="8">
        <v>1</v>
      </c>
      <c r="H24548" s="8">
        <v>1</v>
      </c>
      <c r="I24548" s="8">
        <v>0</v>
      </c>
      <c r="J24548" s="8">
        <v>1</v>
      </c>
      <c r="K24548" s="9">
        <v>82</v>
      </c>
      <c r="L24548" s="6" t="s">
        <v>4151</v>
      </c>
    </row>
    <row r="24549" spans="1:12">
      <c r="A24549" s="6" t="s">
        <v>4151</v>
      </c>
      <c r="B24549" s="6"/>
      <c r="C24549" s="6" t="s">
        <v>24585</v>
      </c>
      <c r="D24549" s="6"/>
      <c r="E24549" s="6" t="s">
        <v>9</v>
      </c>
      <c r="F24549" s="7">
        <v>38657</v>
      </c>
      <c r="G24549" s="8">
        <v>1</v>
      </c>
      <c r="H24549" s="8">
        <v>1</v>
      </c>
      <c r="I24549" s="8">
        <v>0</v>
      </c>
      <c r="J24549" s="8">
        <v>1</v>
      </c>
      <c r="K24549" s="9">
        <v>31</v>
      </c>
      <c r="L24549" s="6" t="s">
        <v>4151</v>
      </c>
    </row>
    <row r="24550" spans="1:12">
      <c r="A24550" s="6" t="s">
        <v>4151</v>
      </c>
      <c r="B24550" s="6"/>
      <c r="C24550" s="6" t="s">
        <v>24586</v>
      </c>
      <c r="D24550" s="6"/>
      <c r="E24550" s="6" t="s">
        <v>9</v>
      </c>
      <c r="F24550" s="7">
        <v>39616</v>
      </c>
      <c r="G24550" s="8">
        <v>1</v>
      </c>
      <c r="H24550" s="8">
        <v>1</v>
      </c>
      <c r="I24550" s="8">
        <v>0</v>
      </c>
      <c r="J24550" s="8">
        <v>1</v>
      </c>
      <c r="K24550" s="9">
        <v>325</v>
      </c>
      <c r="L24550" s="6" t="s">
        <v>4151</v>
      </c>
    </row>
    <row r="24551" spans="1:12">
      <c r="A24551" s="6" t="s">
        <v>4151</v>
      </c>
      <c r="B24551" s="6"/>
      <c r="C24551" s="6" t="s">
        <v>24587</v>
      </c>
      <c r="D24551" s="6"/>
      <c r="E24551" s="6" t="s">
        <v>9</v>
      </c>
      <c r="F24551" s="7">
        <v>39616</v>
      </c>
      <c r="G24551" s="8">
        <v>1</v>
      </c>
      <c r="H24551" s="8">
        <v>1</v>
      </c>
      <c r="I24551" s="8">
        <v>0</v>
      </c>
      <c r="J24551" s="8">
        <v>1</v>
      </c>
      <c r="K24551" s="9">
        <v>30</v>
      </c>
      <c r="L24551" s="6" t="s">
        <v>4151</v>
      </c>
    </row>
    <row r="24552" spans="1:12">
      <c r="A24552" s="6" t="s">
        <v>4151</v>
      </c>
      <c r="B24552" s="6"/>
      <c r="C24552" s="6" t="s">
        <v>24588</v>
      </c>
      <c r="D24552" s="6"/>
      <c r="E24552" s="6" t="s">
        <v>9</v>
      </c>
      <c r="F24552" s="7">
        <v>39616</v>
      </c>
      <c r="G24552" s="8">
        <v>1</v>
      </c>
      <c r="H24552" s="8">
        <v>1</v>
      </c>
      <c r="I24552" s="8">
        <v>0</v>
      </c>
      <c r="J24552" s="8">
        <v>1</v>
      </c>
      <c r="K24552" s="9">
        <v>31</v>
      </c>
      <c r="L24552" s="6" t="s">
        <v>4151</v>
      </c>
    </row>
    <row r="24553" spans="1:12">
      <c r="A24553" s="6" t="s">
        <v>4151</v>
      </c>
      <c r="B24553" s="6"/>
      <c r="C24553" s="6" t="s">
        <v>24589</v>
      </c>
      <c r="D24553" s="6"/>
      <c r="E24553" s="6" t="s">
        <v>9</v>
      </c>
      <c r="F24553" s="7">
        <v>39616</v>
      </c>
      <c r="G24553" s="8">
        <v>1</v>
      </c>
      <c r="H24553" s="8">
        <v>1</v>
      </c>
      <c r="I24553" s="8">
        <v>0</v>
      </c>
      <c r="J24553" s="8">
        <v>1</v>
      </c>
      <c r="K24553" s="9">
        <v>268</v>
      </c>
      <c r="L24553" s="6" t="s">
        <v>4151</v>
      </c>
    </row>
    <row r="24554" spans="1:12">
      <c r="A24554" s="6" t="s">
        <v>4151</v>
      </c>
      <c r="B24554" s="6"/>
      <c r="C24554" s="6" t="s">
        <v>24590</v>
      </c>
      <c r="D24554" s="6"/>
      <c r="E24554" s="6" t="s">
        <v>9</v>
      </c>
      <c r="F24554" s="7">
        <v>39616</v>
      </c>
      <c r="G24554" s="8">
        <v>1</v>
      </c>
      <c r="H24554" s="8">
        <v>1</v>
      </c>
      <c r="I24554" s="8">
        <v>0</v>
      </c>
      <c r="J24554" s="8">
        <v>1</v>
      </c>
      <c r="K24554" s="9">
        <v>19</v>
      </c>
      <c r="L24554" s="6" t="s">
        <v>4151</v>
      </c>
    </row>
    <row r="24555" spans="1:12">
      <c r="A24555" s="6" t="s">
        <v>4151</v>
      </c>
      <c r="B24555" s="6"/>
      <c r="C24555" s="6" t="s">
        <v>24591</v>
      </c>
      <c r="D24555" s="6"/>
      <c r="E24555" s="6" t="s">
        <v>9</v>
      </c>
      <c r="F24555" s="7">
        <v>39616</v>
      </c>
      <c r="G24555" s="8">
        <v>1</v>
      </c>
      <c r="H24555" s="8">
        <v>1</v>
      </c>
      <c r="I24555" s="8">
        <v>0</v>
      </c>
      <c r="J24555" s="8">
        <v>1</v>
      </c>
      <c r="K24555" s="9">
        <v>18</v>
      </c>
      <c r="L24555" s="6" t="s">
        <v>4151</v>
      </c>
    </row>
    <row r="24556" spans="1:12">
      <c r="A24556" s="6" t="s">
        <v>4151</v>
      </c>
      <c r="B24556" s="6"/>
      <c r="C24556" s="6" t="s">
        <v>24592</v>
      </c>
      <c r="D24556" s="6"/>
      <c r="E24556" s="6" t="s">
        <v>9</v>
      </c>
      <c r="F24556" s="7">
        <v>39616</v>
      </c>
      <c r="G24556" s="8">
        <v>1</v>
      </c>
      <c r="H24556" s="8">
        <v>1</v>
      </c>
      <c r="I24556" s="8">
        <v>0</v>
      </c>
      <c r="J24556" s="8">
        <v>1</v>
      </c>
      <c r="K24556" s="9">
        <v>20</v>
      </c>
      <c r="L24556" s="6" t="s">
        <v>4151</v>
      </c>
    </row>
    <row r="24557" spans="1:12">
      <c r="A24557" s="6" t="s">
        <v>4151</v>
      </c>
      <c r="B24557" s="6"/>
      <c r="C24557" s="6" t="s">
        <v>24593</v>
      </c>
      <c r="D24557" s="6"/>
      <c r="E24557" s="6" t="s">
        <v>9</v>
      </c>
      <c r="F24557" s="7">
        <v>39616</v>
      </c>
      <c r="G24557" s="8">
        <v>1</v>
      </c>
      <c r="H24557" s="8">
        <v>1</v>
      </c>
      <c r="I24557" s="8">
        <v>0</v>
      </c>
      <c r="J24557" s="8">
        <v>1</v>
      </c>
      <c r="K24557" s="9">
        <v>11</v>
      </c>
      <c r="L24557" s="6" t="s">
        <v>4151</v>
      </c>
    </row>
    <row r="24558" spans="1:12">
      <c r="A24558" s="6" t="s">
        <v>4151</v>
      </c>
      <c r="B24558" s="6"/>
      <c r="C24558" s="6" t="s">
        <v>24594</v>
      </c>
      <c r="D24558" s="6"/>
      <c r="E24558" s="6" t="s">
        <v>9</v>
      </c>
      <c r="F24558" s="7">
        <v>39616</v>
      </c>
      <c r="G24558" s="8">
        <v>1</v>
      </c>
      <c r="H24558" s="8">
        <v>1</v>
      </c>
      <c r="I24558" s="8">
        <v>0</v>
      </c>
      <c r="J24558" s="8">
        <v>1</v>
      </c>
      <c r="K24558" s="9">
        <v>10</v>
      </c>
      <c r="L24558" s="6" t="s">
        <v>4151</v>
      </c>
    </row>
    <row r="24559" spans="1:12">
      <c r="A24559" s="6" t="s">
        <v>4151</v>
      </c>
      <c r="B24559" s="6"/>
      <c r="C24559" s="6" t="s">
        <v>24595</v>
      </c>
      <c r="D24559" s="6"/>
      <c r="E24559" s="6" t="s">
        <v>9</v>
      </c>
      <c r="F24559" s="7">
        <v>39616</v>
      </c>
      <c r="G24559" s="8">
        <v>1</v>
      </c>
      <c r="H24559" s="8">
        <v>1</v>
      </c>
      <c r="I24559" s="8">
        <v>0</v>
      </c>
      <c r="J24559" s="8">
        <v>1</v>
      </c>
      <c r="K24559" s="9">
        <v>23</v>
      </c>
      <c r="L24559" s="6" t="s">
        <v>4151</v>
      </c>
    </row>
    <row r="24560" spans="1:12">
      <c r="A24560" s="6" t="s">
        <v>4151</v>
      </c>
      <c r="B24560" s="6"/>
      <c r="C24560" s="6" t="s">
        <v>24596</v>
      </c>
      <c r="D24560" s="6"/>
      <c r="E24560" s="6" t="s">
        <v>9</v>
      </c>
      <c r="F24560" s="7">
        <v>38657</v>
      </c>
      <c r="G24560" s="8">
        <v>1</v>
      </c>
      <c r="H24560" s="8">
        <v>1</v>
      </c>
      <c r="I24560" s="8">
        <v>0</v>
      </c>
      <c r="J24560" s="8">
        <v>1</v>
      </c>
      <c r="K24560" s="9">
        <v>1.56</v>
      </c>
      <c r="L24560" s="6" t="s">
        <v>4151</v>
      </c>
    </row>
    <row r="24561" spans="1:12">
      <c r="A24561" s="6" t="s">
        <v>4151</v>
      </c>
      <c r="B24561" s="6"/>
      <c r="C24561" s="6" t="s">
        <v>24597</v>
      </c>
      <c r="D24561" s="6"/>
      <c r="E24561" s="6" t="s">
        <v>9</v>
      </c>
      <c r="F24561" s="7">
        <v>39616</v>
      </c>
      <c r="G24561" s="8">
        <v>1</v>
      </c>
      <c r="H24561" s="8">
        <v>1</v>
      </c>
      <c r="I24561" s="8">
        <v>0</v>
      </c>
      <c r="J24561" s="8">
        <v>1</v>
      </c>
      <c r="K24561" s="9">
        <v>19</v>
      </c>
      <c r="L24561" s="6" t="s">
        <v>4151</v>
      </c>
    </row>
    <row r="24562" spans="1:12">
      <c r="A24562" s="6" t="s">
        <v>4151</v>
      </c>
      <c r="B24562" s="6"/>
      <c r="C24562" s="6" t="s">
        <v>24598</v>
      </c>
      <c r="D24562" s="6"/>
      <c r="E24562" s="6" t="s">
        <v>9</v>
      </c>
      <c r="F24562" s="7">
        <v>39616</v>
      </c>
      <c r="G24562" s="8">
        <v>1</v>
      </c>
      <c r="H24562" s="8">
        <v>1</v>
      </c>
      <c r="I24562" s="8">
        <v>0</v>
      </c>
      <c r="J24562" s="8">
        <v>1</v>
      </c>
      <c r="K24562" s="9">
        <v>289</v>
      </c>
      <c r="L24562" s="6" t="s">
        <v>4151</v>
      </c>
    </row>
    <row r="24563" spans="1:12">
      <c r="A24563" s="6" t="s">
        <v>4151</v>
      </c>
      <c r="B24563" s="6"/>
      <c r="C24563" s="6" t="s">
        <v>24599</v>
      </c>
      <c r="D24563" s="6"/>
      <c r="E24563" s="6" t="s">
        <v>9</v>
      </c>
      <c r="F24563" s="7">
        <v>39616</v>
      </c>
      <c r="G24563" s="8">
        <v>1</v>
      </c>
      <c r="H24563" s="8">
        <v>1</v>
      </c>
      <c r="I24563" s="8">
        <v>0</v>
      </c>
      <c r="J24563" s="8">
        <v>1</v>
      </c>
      <c r="K24563" s="9">
        <v>164</v>
      </c>
      <c r="L24563" s="6" t="s">
        <v>4151</v>
      </c>
    </row>
    <row r="24564" spans="1:12">
      <c r="A24564" s="6" t="s">
        <v>4151</v>
      </c>
      <c r="B24564" s="6"/>
      <c r="C24564" s="6" t="s">
        <v>24600</v>
      </c>
      <c r="D24564" s="6"/>
      <c r="E24564" s="6" t="s">
        <v>9</v>
      </c>
      <c r="F24564" s="7">
        <v>39616</v>
      </c>
      <c r="G24564" s="8">
        <v>1</v>
      </c>
      <c r="H24564" s="8">
        <v>1</v>
      </c>
      <c r="I24564" s="8">
        <v>0</v>
      </c>
      <c r="J24564" s="8">
        <v>1</v>
      </c>
      <c r="K24564" s="9">
        <v>17</v>
      </c>
      <c r="L24564" s="6" t="s">
        <v>4151</v>
      </c>
    </row>
    <row r="24565" spans="1:12">
      <c r="A24565" s="6" t="s">
        <v>4151</v>
      </c>
      <c r="B24565" s="6"/>
      <c r="C24565" s="6" t="s">
        <v>24601</v>
      </c>
      <c r="D24565" s="6"/>
      <c r="E24565" s="6" t="s">
        <v>9</v>
      </c>
      <c r="F24565" s="7">
        <v>39616</v>
      </c>
      <c r="G24565" s="8">
        <v>1</v>
      </c>
      <c r="H24565" s="8">
        <v>1</v>
      </c>
      <c r="I24565" s="8">
        <v>0</v>
      </c>
      <c r="J24565" s="8">
        <v>1</v>
      </c>
      <c r="K24565" s="9">
        <v>263</v>
      </c>
      <c r="L24565" s="6" t="s">
        <v>4151</v>
      </c>
    </row>
    <row r="24566" spans="1:12">
      <c r="A24566" s="6" t="s">
        <v>4151</v>
      </c>
      <c r="B24566" s="6"/>
      <c r="C24566" s="6" t="s">
        <v>24602</v>
      </c>
      <c r="D24566" s="6"/>
      <c r="E24566" s="6" t="s">
        <v>9</v>
      </c>
      <c r="F24566" s="7">
        <v>39616</v>
      </c>
      <c r="G24566" s="8">
        <v>1</v>
      </c>
      <c r="H24566" s="8">
        <v>1</v>
      </c>
      <c r="I24566" s="8">
        <v>0</v>
      </c>
      <c r="J24566" s="8">
        <v>1</v>
      </c>
      <c r="K24566" s="9">
        <v>81</v>
      </c>
      <c r="L24566" s="6" t="s">
        <v>4151</v>
      </c>
    </row>
    <row r="24567" spans="1:12">
      <c r="A24567" s="6" t="s">
        <v>4151</v>
      </c>
      <c r="B24567" s="6"/>
      <c r="C24567" s="6" t="s">
        <v>24603</v>
      </c>
      <c r="D24567" s="6"/>
      <c r="E24567" s="6" t="s">
        <v>9</v>
      </c>
      <c r="F24567" s="7">
        <v>39616</v>
      </c>
      <c r="G24567" s="8">
        <v>1</v>
      </c>
      <c r="H24567" s="8">
        <v>1</v>
      </c>
      <c r="I24567" s="8">
        <v>0</v>
      </c>
      <c r="J24567" s="8">
        <v>1</v>
      </c>
      <c r="K24567" s="9">
        <v>60</v>
      </c>
      <c r="L24567" s="6" t="s">
        <v>4151</v>
      </c>
    </row>
    <row r="24568" spans="1:12">
      <c r="A24568" s="6" t="s">
        <v>4151</v>
      </c>
      <c r="B24568" s="6"/>
      <c r="C24568" s="6" t="s">
        <v>24604</v>
      </c>
      <c r="D24568" s="6"/>
      <c r="E24568" s="6" t="s">
        <v>9</v>
      </c>
      <c r="F24568" s="7">
        <v>39616</v>
      </c>
      <c r="G24568" s="8">
        <v>1</v>
      </c>
      <c r="H24568" s="8">
        <v>1</v>
      </c>
      <c r="I24568" s="8">
        <v>0</v>
      </c>
      <c r="J24568" s="8">
        <v>1</v>
      </c>
      <c r="K24568" s="9">
        <v>182</v>
      </c>
      <c r="L24568" s="6" t="s">
        <v>4151</v>
      </c>
    </row>
    <row r="24569" spans="1:12">
      <c r="A24569" s="6" t="s">
        <v>4151</v>
      </c>
      <c r="B24569" s="6"/>
      <c r="C24569" s="6" t="s">
        <v>24605</v>
      </c>
      <c r="D24569" s="6"/>
      <c r="E24569" s="6" t="s">
        <v>9</v>
      </c>
      <c r="F24569" s="7">
        <v>39616</v>
      </c>
      <c r="G24569" s="8">
        <v>1</v>
      </c>
      <c r="H24569" s="8">
        <v>1</v>
      </c>
      <c r="I24569" s="8">
        <v>0</v>
      </c>
      <c r="J24569" s="8">
        <v>1</v>
      </c>
      <c r="K24569" s="9">
        <v>50</v>
      </c>
      <c r="L24569" s="6" t="s">
        <v>4151</v>
      </c>
    </row>
    <row r="24570" spans="1:12">
      <c r="A24570" s="6" t="s">
        <v>4151</v>
      </c>
      <c r="B24570" s="6"/>
      <c r="C24570" s="6" t="s">
        <v>24606</v>
      </c>
      <c r="D24570" s="6"/>
      <c r="E24570" s="6" t="s">
        <v>9</v>
      </c>
      <c r="F24570" s="7">
        <v>39616</v>
      </c>
      <c r="G24570" s="8">
        <v>1</v>
      </c>
      <c r="H24570" s="8">
        <v>1</v>
      </c>
      <c r="I24570" s="8">
        <v>0</v>
      </c>
      <c r="J24570" s="8">
        <v>1</v>
      </c>
      <c r="K24570" s="9">
        <v>32</v>
      </c>
      <c r="L24570" s="6" t="s">
        <v>4151</v>
      </c>
    </row>
    <row r="24571" spans="1:12">
      <c r="A24571" s="6" t="s">
        <v>4151</v>
      </c>
      <c r="B24571" s="6"/>
      <c r="C24571" s="6" t="s">
        <v>24607</v>
      </c>
      <c r="D24571" s="6"/>
      <c r="E24571" s="6" t="s">
        <v>9</v>
      </c>
      <c r="F24571" s="7">
        <v>38657</v>
      </c>
      <c r="G24571" s="8">
        <v>1</v>
      </c>
      <c r="H24571" s="8">
        <v>1</v>
      </c>
      <c r="I24571" s="8">
        <v>0</v>
      </c>
      <c r="J24571" s="8">
        <v>1</v>
      </c>
      <c r="K24571" s="9">
        <v>73</v>
      </c>
      <c r="L24571" s="6" t="s">
        <v>4151</v>
      </c>
    </row>
    <row r="24572" spans="1:12">
      <c r="A24572" s="6" t="s">
        <v>4151</v>
      </c>
      <c r="B24572" s="6"/>
      <c r="C24572" s="6" t="s">
        <v>24608</v>
      </c>
      <c r="D24572" s="6"/>
      <c r="E24572" s="6" t="s">
        <v>9</v>
      </c>
      <c r="F24572" s="7">
        <v>39616</v>
      </c>
      <c r="G24572" s="8">
        <v>1</v>
      </c>
      <c r="H24572" s="8">
        <v>1</v>
      </c>
      <c r="I24572" s="8">
        <v>0</v>
      </c>
      <c r="J24572" s="8">
        <v>1</v>
      </c>
      <c r="K24572" s="9">
        <v>60</v>
      </c>
      <c r="L24572" s="6" t="s">
        <v>4151</v>
      </c>
    </row>
    <row r="24573" spans="1:12">
      <c r="A24573" s="6" t="s">
        <v>4151</v>
      </c>
      <c r="B24573" s="6"/>
      <c r="C24573" s="6" t="s">
        <v>24609</v>
      </c>
      <c r="D24573" s="6"/>
      <c r="E24573" s="6" t="s">
        <v>9</v>
      </c>
      <c r="F24573" s="7">
        <v>39616</v>
      </c>
      <c r="G24573" s="8">
        <v>1</v>
      </c>
      <c r="H24573" s="8">
        <v>1</v>
      </c>
      <c r="I24573" s="8">
        <v>0</v>
      </c>
      <c r="J24573" s="8">
        <v>1</v>
      </c>
      <c r="K24573" s="9">
        <v>118</v>
      </c>
      <c r="L24573" s="6" t="s">
        <v>4151</v>
      </c>
    </row>
    <row r="24574" spans="1:12">
      <c r="A24574" s="6" t="s">
        <v>4151</v>
      </c>
      <c r="B24574" s="6"/>
      <c r="C24574" s="6" t="s">
        <v>24610</v>
      </c>
      <c r="D24574" s="6"/>
      <c r="E24574" s="6" t="s">
        <v>9</v>
      </c>
      <c r="F24574" s="7">
        <v>39616</v>
      </c>
      <c r="G24574" s="8">
        <v>1</v>
      </c>
      <c r="H24574" s="8">
        <v>1</v>
      </c>
      <c r="I24574" s="8">
        <v>0</v>
      </c>
      <c r="J24574" s="8">
        <v>1</v>
      </c>
      <c r="K24574" s="9">
        <v>142</v>
      </c>
      <c r="L24574" s="6" t="s">
        <v>4151</v>
      </c>
    </row>
    <row r="24575" spans="1:12">
      <c r="A24575" s="6" t="s">
        <v>4151</v>
      </c>
      <c r="B24575" s="6"/>
      <c r="C24575" s="6" t="s">
        <v>24611</v>
      </c>
      <c r="D24575" s="6"/>
      <c r="E24575" s="6" t="s">
        <v>9</v>
      </c>
      <c r="F24575" s="7">
        <v>39616</v>
      </c>
      <c r="G24575" s="8">
        <v>1</v>
      </c>
      <c r="H24575" s="8">
        <v>1</v>
      </c>
      <c r="I24575" s="8">
        <v>0</v>
      </c>
      <c r="J24575" s="8">
        <v>1</v>
      </c>
      <c r="K24575" s="9">
        <v>86</v>
      </c>
      <c r="L24575" s="6" t="s">
        <v>4151</v>
      </c>
    </row>
    <row r="24576" spans="1:12">
      <c r="A24576" s="6" t="s">
        <v>4151</v>
      </c>
      <c r="B24576" s="6"/>
      <c r="C24576" s="6" t="s">
        <v>24612</v>
      </c>
      <c r="D24576" s="6"/>
      <c r="E24576" s="6" t="s">
        <v>9</v>
      </c>
      <c r="F24576" s="7">
        <v>39616</v>
      </c>
      <c r="G24576" s="8">
        <v>1</v>
      </c>
      <c r="H24576" s="8">
        <v>1</v>
      </c>
      <c r="I24576" s="8">
        <v>0</v>
      </c>
      <c r="J24576" s="8">
        <v>1</v>
      </c>
      <c r="K24576" s="9">
        <v>96</v>
      </c>
      <c r="L24576" s="6" t="s">
        <v>4151</v>
      </c>
    </row>
    <row r="24577" spans="1:12">
      <c r="A24577" s="6" t="s">
        <v>4151</v>
      </c>
      <c r="B24577" s="6"/>
      <c r="C24577" s="6" t="s">
        <v>24613</v>
      </c>
      <c r="D24577" s="6"/>
      <c r="E24577" s="6" t="s">
        <v>9</v>
      </c>
      <c r="F24577" s="7">
        <v>39616</v>
      </c>
      <c r="G24577" s="8">
        <v>1</v>
      </c>
      <c r="H24577" s="8">
        <v>1</v>
      </c>
      <c r="I24577" s="8">
        <v>0</v>
      </c>
      <c r="J24577" s="8">
        <v>1</v>
      </c>
      <c r="K24577" s="9">
        <v>202</v>
      </c>
      <c r="L24577" s="6" t="s">
        <v>4151</v>
      </c>
    </row>
    <row r="24578" spans="1:12">
      <c r="A24578" s="6" t="s">
        <v>4151</v>
      </c>
      <c r="B24578" s="6"/>
      <c r="C24578" s="6" t="s">
        <v>24614</v>
      </c>
      <c r="D24578" s="6"/>
      <c r="E24578" s="6" t="s">
        <v>9</v>
      </c>
      <c r="F24578" s="7">
        <v>39616</v>
      </c>
      <c r="G24578" s="8">
        <v>1</v>
      </c>
      <c r="H24578" s="8">
        <v>1</v>
      </c>
      <c r="I24578" s="8">
        <v>0</v>
      </c>
      <c r="J24578" s="8">
        <v>1</v>
      </c>
      <c r="K24578" s="9">
        <v>115</v>
      </c>
      <c r="L24578" s="6" t="s">
        <v>4151</v>
      </c>
    </row>
    <row r="24579" spans="1:12">
      <c r="A24579" s="6" t="s">
        <v>4151</v>
      </c>
      <c r="B24579" s="6"/>
      <c r="C24579" s="6" t="s">
        <v>24615</v>
      </c>
      <c r="D24579" s="6"/>
      <c r="E24579" s="6" t="s">
        <v>9</v>
      </c>
      <c r="F24579" s="7">
        <v>39616</v>
      </c>
      <c r="G24579" s="8">
        <v>1</v>
      </c>
      <c r="H24579" s="8">
        <v>1</v>
      </c>
      <c r="I24579" s="8">
        <v>0</v>
      </c>
      <c r="J24579" s="8">
        <v>1</v>
      </c>
      <c r="K24579" s="9">
        <v>70</v>
      </c>
      <c r="L24579" s="6" t="s">
        <v>4151</v>
      </c>
    </row>
    <row r="24580" spans="1:12">
      <c r="A24580" s="6" t="s">
        <v>4151</v>
      </c>
      <c r="B24580" s="6"/>
      <c r="C24580" s="6" t="s">
        <v>24616</v>
      </c>
      <c r="D24580" s="6"/>
      <c r="E24580" s="6" t="s">
        <v>9</v>
      </c>
      <c r="F24580" s="7">
        <v>39616</v>
      </c>
      <c r="G24580" s="8">
        <v>1</v>
      </c>
      <c r="H24580" s="8">
        <v>1</v>
      </c>
      <c r="I24580" s="8">
        <v>0</v>
      </c>
      <c r="J24580" s="8">
        <v>1</v>
      </c>
      <c r="K24580" s="9">
        <v>39</v>
      </c>
      <c r="L24580" s="6" t="s">
        <v>4151</v>
      </c>
    </row>
    <row r="24581" spans="1:12">
      <c r="A24581" s="6" t="s">
        <v>4151</v>
      </c>
      <c r="B24581" s="6"/>
      <c r="C24581" s="6" t="s">
        <v>24617</v>
      </c>
      <c r="D24581" s="6"/>
      <c r="E24581" s="6" t="s">
        <v>9</v>
      </c>
      <c r="F24581" s="7">
        <v>39616</v>
      </c>
      <c r="G24581" s="8">
        <v>1</v>
      </c>
      <c r="H24581" s="8">
        <v>1</v>
      </c>
      <c r="I24581" s="8">
        <v>0</v>
      </c>
      <c r="J24581" s="8">
        <v>1</v>
      </c>
      <c r="K24581" s="9">
        <v>36</v>
      </c>
      <c r="L24581" s="6" t="s">
        <v>4151</v>
      </c>
    </row>
    <row r="24582" spans="1:12">
      <c r="A24582" s="6" t="s">
        <v>4151</v>
      </c>
      <c r="B24582" s="6"/>
      <c r="C24582" s="6" t="s">
        <v>24618</v>
      </c>
      <c r="D24582" s="6"/>
      <c r="E24582" s="6" t="s">
        <v>9</v>
      </c>
      <c r="F24582" s="7">
        <v>38657</v>
      </c>
      <c r="G24582" s="8">
        <v>1</v>
      </c>
      <c r="H24582" s="8">
        <v>1</v>
      </c>
      <c r="I24582" s="8">
        <v>0</v>
      </c>
      <c r="J24582" s="8">
        <v>1</v>
      </c>
      <c r="K24582" s="9">
        <v>58</v>
      </c>
      <c r="L24582" s="6" t="s">
        <v>4151</v>
      </c>
    </row>
    <row r="24583" spans="1:12">
      <c r="A24583" s="6" t="s">
        <v>4151</v>
      </c>
      <c r="B24583" s="6"/>
      <c r="C24583" s="6" t="s">
        <v>24619</v>
      </c>
      <c r="D24583" s="6"/>
      <c r="E24583" s="6" t="s">
        <v>9</v>
      </c>
      <c r="F24583" s="7">
        <v>39616</v>
      </c>
      <c r="G24583" s="8">
        <v>1</v>
      </c>
      <c r="H24583" s="8">
        <v>1</v>
      </c>
      <c r="I24583" s="8">
        <v>0</v>
      </c>
      <c r="J24583" s="8">
        <v>1</v>
      </c>
      <c r="K24583" s="9">
        <v>7.97</v>
      </c>
      <c r="L24583" s="6" t="s">
        <v>4151</v>
      </c>
    </row>
    <row r="24584" spans="1:12">
      <c r="A24584" s="6" t="s">
        <v>4151</v>
      </c>
      <c r="B24584" s="6"/>
      <c r="C24584" s="6" t="s">
        <v>24620</v>
      </c>
      <c r="D24584" s="6"/>
      <c r="E24584" s="6" t="s">
        <v>9</v>
      </c>
      <c r="F24584" s="7">
        <v>39616</v>
      </c>
      <c r="G24584" s="8">
        <v>1</v>
      </c>
      <c r="H24584" s="8">
        <v>1</v>
      </c>
      <c r="I24584" s="8">
        <v>0</v>
      </c>
      <c r="J24584" s="8">
        <v>1</v>
      </c>
      <c r="K24584" s="9">
        <v>67</v>
      </c>
      <c r="L24584" s="6" t="s">
        <v>4151</v>
      </c>
    </row>
    <row r="24585" spans="1:12">
      <c r="A24585" s="6" t="s">
        <v>4151</v>
      </c>
      <c r="B24585" s="6"/>
      <c r="C24585" s="6" t="s">
        <v>24621</v>
      </c>
      <c r="D24585" s="6"/>
      <c r="E24585" s="6" t="s">
        <v>9</v>
      </c>
      <c r="F24585" s="7">
        <v>39616</v>
      </c>
      <c r="G24585" s="8">
        <v>1</v>
      </c>
      <c r="H24585" s="8">
        <v>1</v>
      </c>
      <c r="I24585" s="8">
        <v>0</v>
      </c>
      <c r="J24585" s="8">
        <v>1</v>
      </c>
      <c r="K24585" s="9">
        <v>26</v>
      </c>
      <c r="L24585" s="6" t="s">
        <v>4151</v>
      </c>
    </row>
    <row r="24586" spans="1:12">
      <c r="A24586" s="6" t="s">
        <v>4151</v>
      </c>
      <c r="B24586" s="6"/>
      <c r="C24586" s="6" t="s">
        <v>24622</v>
      </c>
      <c r="D24586" s="6"/>
      <c r="E24586" s="6" t="s">
        <v>9</v>
      </c>
      <c r="F24586" s="7">
        <v>39616</v>
      </c>
      <c r="G24586" s="8">
        <v>1</v>
      </c>
      <c r="H24586" s="8">
        <v>1</v>
      </c>
      <c r="I24586" s="8">
        <v>0</v>
      </c>
      <c r="J24586" s="8">
        <v>1</v>
      </c>
      <c r="K24586" s="9">
        <v>79</v>
      </c>
      <c r="L24586" s="6" t="s">
        <v>4151</v>
      </c>
    </row>
    <row r="24587" spans="1:12">
      <c r="A24587" s="6" t="s">
        <v>4151</v>
      </c>
      <c r="B24587" s="6"/>
      <c r="C24587" s="6" t="s">
        <v>24623</v>
      </c>
      <c r="D24587" s="6"/>
      <c r="E24587" s="6" t="s">
        <v>9</v>
      </c>
      <c r="F24587" s="7">
        <v>39616</v>
      </c>
      <c r="G24587" s="8">
        <v>1</v>
      </c>
      <c r="H24587" s="8">
        <v>1</v>
      </c>
      <c r="I24587" s="8">
        <v>0</v>
      </c>
      <c r="J24587" s="8">
        <v>1</v>
      </c>
      <c r="K24587" s="9">
        <v>58</v>
      </c>
      <c r="L24587" s="6" t="s">
        <v>4151</v>
      </c>
    </row>
    <row r="24588" spans="1:12">
      <c r="A24588" s="6" t="s">
        <v>4151</v>
      </c>
      <c r="B24588" s="6"/>
      <c r="C24588" s="6" t="s">
        <v>24624</v>
      </c>
      <c r="D24588" s="6"/>
      <c r="E24588" s="6" t="s">
        <v>9</v>
      </c>
      <c r="F24588" s="7">
        <v>39616</v>
      </c>
      <c r="G24588" s="8">
        <v>1</v>
      </c>
      <c r="H24588" s="8">
        <v>1</v>
      </c>
      <c r="I24588" s="8">
        <v>0</v>
      </c>
      <c r="J24588" s="8">
        <v>1</v>
      </c>
      <c r="K24588" s="9">
        <v>23</v>
      </c>
      <c r="L24588" s="6" t="s">
        <v>4151</v>
      </c>
    </row>
    <row r="24589" spans="1:12">
      <c r="A24589" s="6" t="s">
        <v>4151</v>
      </c>
      <c r="B24589" s="6"/>
      <c r="C24589" s="6" t="s">
        <v>24625</v>
      </c>
      <c r="D24589" s="6"/>
      <c r="E24589" s="6" t="s">
        <v>9</v>
      </c>
      <c r="F24589" s="7">
        <v>39616</v>
      </c>
      <c r="G24589" s="8">
        <v>1</v>
      </c>
      <c r="H24589" s="8">
        <v>1</v>
      </c>
      <c r="I24589" s="8">
        <v>0</v>
      </c>
      <c r="J24589" s="8">
        <v>1</v>
      </c>
      <c r="K24589" s="9">
        <v>34</v>
      </c>
      <c r="L24589" s="6" t="s">
        <v>4151</v>
      </c>
    </row>
    <row r="24590" spans="1:12">
      <c r="A24590" s="6" t="s">
        <v>4151</v>
      </c>
      <c r="B24590" s="6"/>
      <c r="C24590" s="6" t="s">
        <v>24626</v>
      </c>
      <c r="D24590" s="6"/>
      <c r="E24590" s="6" t="s">
        <v>9</v>
      </c>
      <c r="F24590" s="7">
        <v>39616</v>
      </c>
      <c r="G24590" s="8">
        <v>1</v>
      </c>
      <c r="H24590" s="8">
        <v>1</v>
      </c>
      <c r="I24590" s="8">
        <v>0</v>
      </c>
      <c r="J24590" s="8">
        <v>1</v>
      </c>
      <c r="K24590" s="9">
        <v>37</v>
      </c>
      <c r="L24590" s="6" t="s">
        <v>4151</v>
      </c>
    </row>
    <row r="24591" spans="1:12">
      <c r="A24591" s="6" t="s">
        <v>4151</v>
      </c>
      <c r="B24591" s="6"/>
      <c r="C24591" s="6" t="s">
        <v>24627</v>
      </c>
      <c r="D24591" s="6"/>
      <c r="E24591" s="6" t="s">
        <v>9</v>
      </c>
      <c r="F24591" s="7">
        <v>39616</v>
      </c>
      <c r="G24591" s="8">
        <v>1</v>
      </c>
      <c r="H24591" s="8">
        <v>1</v>
      </c>
      <c r="I24591" s="8">
        <v>0</v>
      </c>
      <c r="J24591" s="8">
        <v>1</v>
      </c>
      <c r="K24591" s="9">
        <v>45</v>
      </c>
      <c r="L24591" s="6" t="s">
        <v>4151</v>
      </c>
    </row>
    <row r="24592" spans="1:12">
      <c r="A24592" s="6" t="s">
        <v>4151</v>
      </c>
      <c r="B24592" s="6"/>
      <c r="C24592" s="6" t="s">
        <v>24628</v>
      </c>
      <c r="D24592" s="6"/>
      <c r="E24592" s="6" t="s">
        <v>9</v>
      </c>
      <c r="F24592" s="7">
        <v>39616</v>
      </c>
      <c r="G24592" s="8">
        <v>1</v>
      </c>
      <c r="H24592" s="8">
        <v>1</v>
      </c>
      <c r="I24592" s="8">
        <v>0</v>
      </c>
      <c r="J24592" s="8">
        <v>1</v>
      </c>
      <c r="K24592" s="9">
        <v>43</v>
      </c>
      <c r="L24592" s="6" t="s">
        <v>4151</v>
      </c>
    </row>
    <row r="24593" spans="1:12">
      <c r="A24593" s="6" t="s">
        <v>4151</v>
      </c>
      <c r="B24593" s="6"/>
      <c r="C24593" s="6" t="s">
        <v>24629</v>
      </c>
      <c r="D24593" s="6"/>
      <c r="E24593" s="6" t="s">
        <v>9</v>
      </c>
      <c r="F24593" s="7">
        <v>38657</v>
      </c>
      <c r="G24593" s="8">
        <v>1</v>
      </c>
      <c r="H24593" s="8">
        <v>1</v>
      </c>
      <c r="I24593" s="8">
        <v>0</v>
      </c>
      <c r="J24593" s="8">
        <v>1</v>
      </c>
      <c r="K24593" s="9">
        <v>96</v>
      </c>
      <c r="L24593" s="6" t="s">
        <v>4151</v>
      </c>
    </row>
    <row r="24594" spans="1:12">
      <c r="A24594" s="6" t="s">
        <v>4151</v>
      </c>
      <c r="B24594" s="6"/>
      <c r="C24594" s="6" t="s">
        <v>24630</v>
      </c>
      <c r="D24594" s="6"/>
      <c r="E24594" s="6" t="s">
        <v>9</v>
      </c>
      <c r="F24594" s="7">
        <v>39616</v>
      </c>
      <c r="G24594" s="8">
        <v>1</v>
      </c>
      <c r="H24594" s="8">
        <v>1</v>
      </c>
      <c r="I24594" s="8">
        <v>0</v>
      </c>
      <c r="J24594" s="8">
        <v>1</v>
      </c>
      <c r="K24594" s="9">
        <v>93</v>
      </c>
      <c r="L24594" s="6" t="s">
        <v>4151</v>
      </c>
    </row>
    <row r="24595" spans="1:12">
      <c r="A24595" s="6" t="s">
        <v>4151</v>
      </c>
      <c r="B24595" s="6"/>
      <c r="C24595" s="6" t="s">
        <v>24631</v>
      </c>
      <c r="D24595" s="6"/>
      <c r="E24595" s="6" t="s">
        <v>9</v>
      </c>
      <c r="F24595" s="7">
        <v>39616</v>
      </c>
      <c r="G24595" s="8">
        <v>1</v>
      </c>
      <c r="H24595" s="8">
        <v>1</v>
      </c>
      <c r="I24595" s="8">
        <v>0</v>
      </c>
      <c r="J24595" s="8">
        <v>1</v>
      </c>
      <c r="K24595" s="9">
        <v>106</v>
      </c>
      <c r="L24595" s="6" t="s">
        <v>4151</v>
      </c>
    </row>
    <row r="24596" spans="1:12">
      <c r="A24596" s="6" t="s">
        <v>4151</v>
      </c>
      <c r="B24596" s="6"/>
      <c r="C24596" s="6" t="s">
        <v>24632</v>
      </c>
      <c r="D24596" s="6"/>
      <c r="E24596" s="6" t="s">
        <v>9</v>
      </c>
      <c r="F24596" s="7">
        <v>39616</v>
      </c>
      <c r="G24596" s="8">
        <v>1</v>
      </c>
      <c r="H24596" s="8">
        <v>1</v>
      </c>
      <c r="I24596" s="8">
        <v>0</v>
      </c>
      <c r="J24596" s="8">
        <v>1</v>
      </c>
      <c r="K24596" s="9">
        <v>49</v>
      </c>
      <c r="L24596" s="6" t="s">
        <v>4151</v>
      </c>
    </row>
    <row r="24597" spans="1:12">
      <c r="A24597" s="6" t="s">
        <v>4151</v>
      </c>
      <c r="B24597" s="6"/>
      <c r="C24597" s="6" t="s">
        <v>24633</v>
      </c>
      <c r="D24597" s="6"/>
      <c r="E24597" s="6" t="s">
        <v>9</v>
      </c>
      <c r="F24597" s="7">
        <v>39616</v>
      </c>
      <c r="G24597" s="8">
        <v>1</v>
      </c>
      <c r="H24597" s="8">
        <v>1</v>
      </c>
      <c r="I24597" s="8">
        <v>0</v>
      </c>
      <c r="J24597" s="8">
        <v>1</v>
      </c>
      <c r="K24597" s="9">
        <v>63</v>
      </c>
      <c r="L24597" s="6" t="s">
        <v>4151</v>
      </c>
    </row>
    <row r="24598" spans="1:12">
      <c r="A24598" s="6" t="s">
        <v>4151</v>
      </c>
      <c r="B24598" s="6"/>
      <c r="C24598" s="6" t="s">
        <v>24634</v>
      </c>
      <c r="D24598" s="6"/>
      <c r="E24598" s="6" t="s">
        <v>9</v>
      </c>
      <c r="F24598" s="7">
        <v>39616</v>
      </c>
      <c r="G24598" s="8">
        <v>1</v>
      </c>
      <c r="H24598" s="8">
        <v>1</v>
      </c>
      <c r="I24598" s="8">
        <v>0</v>
      </c>
      <c r="J24598" s="8">
        <v>1</v>
      </c>
      <c r="K24598" s="9">
        <v>59</v>
      </c>
      <c r="L24598" s="6" t="s">
        <v>4151</v>
      </c>
    </row>
    <row r="24599" spans="1:12">
      <c r="A24599" s="6" t="s">
        <v>4151</v>
      </c>
      <c r="B24599" s="6"/>
      <c r="C24599" s="6" t="s">
        <v>24635</v>
      </c>
      <c r="D24599" s="6"/>
      <c r="E24599" s="6" t="s">
        <v>9</v>
      </c>
      <c r="F24599" s="7">
        <v>39616</v>
      </c>
      <c r="G24599" s="8">
        <v>1</v>
      </c>
      <c r="H24599" s="8">
        <v>1</v>
      </c>
      <c r="I24599" s="8">
        <v>0</v>
      </c>
      <c r="J24599" s="8">
        <v>1</v>
      </c>
      <c r="K24599" s="9">
        <v>84</v>
      </c>
      <c r="L24599" s="6" t="s">
        <v>4151</v>
      </c>
    </row>
    <row r="24600" spans="1:12">
      <c r="A24600" s="6" t="s">
        <v>4151</v>
      </c>
      <c r="B24600" s="6"/>
      <c r="C24600" s="6" t="s">
        <v>24636</v>
      </c>
      <c r="D24600" s="6"/>
      <c r="E24600" s="6" t="s">
        <v>9</v>
      </c>
      <c r="F24600" s="7">
        <v>39616</v>
      </c>
      <c r="G24600" s="8">
        <v>1</v>
      </c>
      <c r="H24600" s="8">
        <v>1</v>
      </c>
      <c r="I24600" s="8">
        <v>0</v>
      </c>
      <c r="J24600" s="8">
        <v>1</v>
      </c>
      <c r="K24600" s="9">
        <v>71</v>
      </c>
      <c r="L24600" s="6" t="s">
        <v>4151</v>
      </c>
    </row>
    <row r="24601" spans="1:12">
      <c r="A24601" s="6" t="s">
        <v>4151</v>
      </c>
      <c r="B24601" s="6"/>
      <c r="C24601" s="6" t="s">
        <v>24637</v>
      </c>
      <c r="D24601" s="6"/>
      <c r="E24601" s="6" t="s">
        <v>9</v>
      </c>
      <c r="F24601" s="7">
        <v>39616</v>
      </c>
      <c r="G24601" s="8">
        <v>1</v>
      </c>
      <c r="H24601" s="8">
        <v>1</v>
      </c>
      <c r="I24601" s="8">
        <v>0</v>
      </c>
      <c r="J24601" s="8">
        <v>1</v>
      </c>
      <c r="K24601" s="9">
        <v>64</v>
      </c>
      <c r="L24601" s="6" t="s">
        <v>4151</v>
      </c>
    </row>
    <row r="24602" spans="1:12">
      <c r="A24602" s="6" t="s">
        <v>4151</v>
      </c>
      <c r="B24602" s="6"/>
      <c r="C24602" s="6" t="s">
        <v>24638</v>
      </c>
      <c r="D24602" s="6"/>
      <c r="E24602" s="6" t="s">
        <v>9</v>
      </c>
      <c r="F24602" s="7">
        <v>39616</v>
      </c>
      <c r="G24602" s="8">
        <v>1</v>
      </c>
      <c r="H24602" s="8">
        <v>1</v>
      </c>
      <c r="I24602" s="8">
        <v>0</v>
      </c>
      <c r="J24602" s="8">
        <v>1</v>
      </c>
      <c r="K24602" s="9">
        <v>42</v>
      </c>
      <c r="L24602" s="6" t="s">
        <v>4151</v>
      </c>
    </row>
    <row r="24603" spans="1:12">
      <c r="A24603" s="6" t="s">
        <v>4151</v>
      </c>
      <c r="B24603" s="6"/>
      <c r="C24603" s="6" t="s">
        <v>24639</v>
      </c>
      <c r="D24603" s="6"/>
      <c r="E24603" s="6" t="s">
        <v>9</v>
      </c>
      <c r="F24603" s="7">
        <v>39616</v>
      </c>
      <c r="G24603" s="8">
        <v>1</v>
      </c>
      <c r="H24603" s="8">
        <v>1</v>
      </c>
      <c r="I24603" s="8">
        <v>0</v>
      </c>
      <c r="J24603" s="8">
        <v>1</v>
      </c>
      <c r="K24603" s="9">
        <v>15</v>
      </c>
      <c r="L24603" s="6" t="s">
        <v>4151</v>
      </c>
    </row>
    <row r="24604" spans="1:12">
      <c r="A24604" s="6" t="s">
        <v>4151</v>
      </c>
      <c r="B24604" s="6"/>
      <c r="C24604" s="6" t="s">
        <v>24640</v>
      </c>
      <c r="D24604" s="6"/>
      <c r="E24604" s="6" t="s">
        <v>9</v>
      </c>
      <c r="F24604" s="7">
        <v>38657</v>
      </c>
      <c r="G24604" s="8">
        <v>1</v>
      </c>
      <c r="H24604" s="8">
        <v>1</v>
      </c>
      <c r="I24604" s="8">
        <v>0</v>
      </c>
      <c r="J24604" s="8">
        <v>1</v>
      </c>
      <c r="K24604" s="9">
        <v>710</v>
      </c>
      <c r="L24604" s="6" t="s">
        <v>4151</v>
      </c>
    </row>
    <row r="24605" spans="1:12">
      <c r="A24605" s="6" t="s">
        <v>4151</v>
      </c>
      <c r="B24605" s="6"/>
      <c r="C24605" s="6" t="s">
        <v>24641</v>
      </c>
      <c r="D24605" s="6"/>
      <c r="E24605" s="6" t="s">
        <v>9</v>
      </c>
      <c r="F24605" s="7">
        <v>39616</v>
      </c>
      <c r="G24605" s="8">
        <v>1</v>
      </c>
      <c r="H24605" s="8">
        <v>1</v>
      </c>
      <c r="I24605" s="8">
        <v>0</v>
      </c>
      <c r="J24605" s="8">
        <v>1</v>
      </c>
      <c r="K24605" s="9">
        <v>10</v>
      </c>
      <c r="L24605" s="6" t="s">
        <v>4151</v>
      </c>
    </row>
    <row r="24606" spans="1:12">
      <c r="A24606" s="6" t="s">
        <v>4151</v>
      </c>
      <c r="B24606" s="6"/>
      <c r="C24606" s="6" t="s">
        <v>24642</v>
      </c>
      <c r="D24606" s="6"/>
      <c r="E24606" s="6" t="s">
        <v>9</v>
      </c>
      <c r="F24606" s="7">
        <v>39616</v>
      </c>
      <c r="G24606" s="8">
        <v>1</v>
      </c>
      <c r="H24606" s="8">
        <v>1</v>
      </c>
      <c r="I24606" s="8">
        <v>0</v>
      </c>
      <c r="J24606" s="8">
        <v>1</v>
      </c>
      <c r="K24606" s="9">
        <v>68</v>
      </c>
      <c r="L24606" s="6" t="s">
        <v>4151</v>
      </c>
    </row>
    <row r="24607" spans="1:12">
      <c r="A24607" s="6" t="s">
        <v>4151</v>
      </c>
      <c r="B24607" s="6"/>
      <c r="C24607" s="6" t="s">
        <v>24643</v>
      </c>
      <c r="D24607" s="6"/>
      <c r="E24607" s="6" t="s">
        <v>9</v>
      </c>
      <c r="F24607" s="7">
        <v>39616</v>
      </c>
      <c r="G24607" s="8">
        <v>1</v>
      </c>
      <c r="H24607" s="8">
        <v>1</v>
      </c>
      <c r="I24607" s="8">
        <v>0</v>
      </c>
      <c r="J24607" s="8">
        <v>1</v>
      </c>
      <c r="K24607" s="9">
        <v>35</v>
      </c>
      <c r="L24607" s="6" t="s">
        <v>4151</v>
      </c>
    </row>
    <row r="24608" spans="1:12">
      <c r="A24608" s="6" t="s">
        <v>4151</v>
      </c>
      <c r="B24608" s="6"/>
      <c r="C24608" s="6" t="s">
        <v>24644</v>
      </c>
      <c r="D24608" s="6"/>
      <c r="E24608" s="6" t="s">
        <v>9</v>
      </c>
      <c r="F24608" s="7">
        <v>39616</v>
      </c>
      <c r="G24608" s="8">
        <v>1</v>
      </c>
      <c r="H24608" s="8">
        <v>1</v>
      </c>
      <c r="I24608" s="8">
        <v>0</v>
      </c>
      <c r="J24608" s="8">
        <v>1</v>
      </c>
      <c r="K24608" s="9">
        <v>58</v>
      </c>
      <c r="L24608" s="6" t="s">
        <v>4151</v>
      </c>
    </row>
    <row r="24609" spans="1:12">
      <c r="A24609" s="6" t="s">
        <v>4151</v>
      </c>
      <c r="B24609" s="6"/>
      <c r="C24609" s="6" t="s">
        <v>24645</v>
      </c>
      <c r="D24609" s="6"/>
      <c r="E24609" s="6" t="s">
        <v>9</v>
      </c>
      <c r="F24609" s="7">
        <v>39616</v>
      </c>
      <c r="G24609" s="8">
        <v>1</v>
      </c>
      <c r="H24609" s="8">
        <v>1</v>
      </c>
      <c r="I24609" s="8">
        <v>0</v>
      </c>
      <c r="J24609" s="8">
        <v>1</v>
      </c>
      <c r="K24609" s="9">
        <v>58</v>
      </c>
      <c r="L24609" s="6" t="s">
        <v>4151</v>
      </c>
    </row>
    <row r="24610" spans="1:12">
      <c r="A24610" s="6" t="s">
        <v>4151</v>
      </c>
      <c r="B24610" s="6"/>
      <c r="C24610" s="6" t="s">
        <v>24646</v>
      </c>
      <c r="D24610" s="6"/>
      <c r="E24610" s="6" t="s">
        <v>9</v>
      </c>
      <c r="F24610" s="7">
        <v>39616</v>
      </c>
      <c r="G24610" s="8">
        <v>1</v>
      </c>
      <c r="H24610" s="8">
        <v>1</v>
      </c>
      <c r="I24610" s="8">
        <v>0</v>
      </c>
      <c r="J24610" s="8">
        <v>1</v>
      </c>
      <c r="K24610" s="9">
        <v>54</v>
      </c>
      <c r="L24610" s="6" t="s">
        <v>4151</v>
      </c>
    </row>
    <row r="24611" spans="1:12">
      <c r="A24611" s="6" t="s">
        <v>4151</v>
      </c>
      <c r="B24611" s="6"/>
      <c r="C24611" s="6" t="s">
        <v>24647</v>
      </c>
      <c r="D24611" s="6"/>
      <c r="E24611" s="6" t="s">
        <v>9</v>
      </c>
      <c r="F24611" s="7">
        <v>39616</v>
      </c>
      <c r="G24611" s="8">
        <v>1</v>
      </c>
      <c r="H24611" s="8">
        <v>1</v>
      </c>
      <c r="I24611" s="8">
        <v>0</v>
      </c>
      <c r="J24611" s="8">
        <v>1</v>
      </c>
      <c r="K24611" s="9">
        <v>30</v>
      </c>
      <c r="L24611" s="6" t="s">
        <v>4151</v>
      </c>
    </row>
    <row r="24612" spans="1:12">
      <c r="A24612" s="6" t="s">
        <v>4151</v>
      </c>
      <c r="B24612" s="6"/>
      <c r="C24612" s="6" t="s">
        <v>24648</v>
      </c>
      <c r="D24612" s="6"/>
      <c r="E24612" s="6" t="s">
        <v>9</v>
      </c>
      <c r="F24612" s="7">
        <v>39616</v>
      </c>
      <c r="G24612" s="8">
        <v>1</v>
      </c>
      <c r="H24612" s="8">
        <v>1</v>
      </c>
      <c r="I24612" s="8">
        <v>0</v>
      </c>
      <c r="J24612" s="8">
        <v>1</v>
      </c>
      <c r="K24612" s="9">
        <v>42</v>
      </c>
      <c r="L24612" s="6" t="s">
        <v>4151</v>
      </c>
    </row>
    <row r="24613" spans="1:12">
      <c r="A24613" s="6" t="s">
        <v>4151</v>
      </c>
      <c r="B24613" s="6"/>
      <c r="C24613" s="6" t="s">
        <v>24649</v>
      </c>
      <c r="D24613" s="6"/>
      <c r="E24613" s="6" t="s">
        <v>9</v>
      </c>
      <c r="F24613" s="7">
        <v>39616</v>
      </c>
      <c r="G24613" s="8">
        <v>1</v>
      </c>
      <c r="H24613" s="8">
        <v>1</v>
      </c>
      <c r="I24613" s="8">
        <v>0</v>
      </c>
      <c r="J24613" s="8">
        <v>1</v>
      </c>
      <c r="K24613" s="9">
        <v>29</v>
      </c>
      <c r="L24613" s="6" t="s">
        <v>4151</v>
      </c>
    </row>
    <row r="24614" spans="1:12">
      <c r="A24614" s="6" t="s">
        <v>4151</v>
      </c>
      <c r="B24614" s="6"/>
      <c r="C24614" s="6" t="s">
        <v>24650</v>
      </c>
      <c r="D24614" s="6"/>
      <c r="E24614" s="6" t="s">
        <v>9</v>
      </c>
      <c r="F24614" s="7">
        <v>39616</v>
      </c>
      <c r="G24614" s="8">
        <v>1</v>
      </c>
      <c r="H24614" s="8">
        <v>1</v>
      </c>
      <c r="I24614" s="8">
        <v>0</v>
      </c>
      <c r="J24614" s="8">
        <v>1</v>
      </c>
      <c r="K24614" s="9">
        <v>7.82</v>
      </c>
      <c r="L24614" s="6" t="s">
        <v>4151</v>
      </c>
    </row>
    <row r="24615" spans="1:12">
      <c r="A24615" s="6" t="s">
        <v>4151</v>
      </c>
      <c r="B24615" s="6"/>
      <c r="C24615" s="6" t="s">
        <v>24651</v>
      </c>
      <c r="D24615" s="6"/>
      <c r="E24615" s="6" t="s">
        <v>9</v>
      </c>
      <c r="F24615" s="7">
        <v>38657</v>
      </c>
      <c r="G24615" s="8">
        <v>1</v>
      </c>
      <c r="H24615" s="8">
        <v>1</v>
      </c>
      <c r="I24615" s="8">
        <v>0</v>
      </c>
      <c r="J24615" s="8">
        <v>1</v>
      </c>
      <c r="K24615" s="9">
        <v>737</v>
      </c>
      <c r="L24615" s="6" t="s">
        <v>4151</v>
      </c>
    </row>
    <row r="24616" spans="1:12">
      <c r="A24616" s="6" t="s">
        <v>4151</v>
      </c>
      <c r="B24616" s="6"/>
      <c r="C24616" s="6" t="s">
        <v>24652</v>
      </c>
      <c r="D24616" s="6"/>
      <c r="E24616" s="6" t="s">
        <v>9</v>
      </c>
      <c r="F24616" s="7">
        <v>39616</v>
      </c>
      <c r="G24616" s="8">
        <v>1</v>
      </c>
      <c r="H24616" s="8">
        <v>1</v>
      </c>
      <c r="I24616" s="8">
        <v>0</v>
      </c>
      <c r="J24616" s="8">
        <v>1</v>
      </c>
      <c r="K24616" s="9">
        <v>140</v>
      </c>
      <c r="L24616" s="6" t="s">
        <v>4151</v>
      </c>
    </row>
    <row r="24617" spans="1:12">
      <c r="A24617" s="6" t="s">
        <v>4151</v>
      </c>
      <c r="B24617" s="6"/>
      <c r="C24617" s="6" t="s">
        <v>24653</v>
      </c>
      <c r="D24617" s="6"/>
      <c r="E24617" s="6" t="s">
        <v>9</v>
      </c>
      <c r="F24617" s="7">
        <v>39616</v>
      </c>
      <c r="G24617" s="8">
        <v>1</v>
      </c>
      <c r="H24617" s="8">
        <v>1</v>
      </c>
      <c r="I24617" s="8">
        <v>0</v>
      </c>
      <c r="J24617" s="8">
        <v>1</v>
      </c>
      <c r="K24617" s="9">
        <v>76</v>
      </c>
      <c r="L24617" s="6" t="s">
        <v>4151</v>
      </c>
    </row>
    <row r="24618" spans="1:12">
      <c r="A24618" s="6" t="s">
        <v>4151</v>
      </c>
      <c r="B24618" s="6"/>
      <c r="C24618" s="6" t="s">
        <v>24654</v>
      </c>
      <c r="D24618" s="6"/>
      <c r="E24618" s="6" t="s">
        <v>9</v>
      </c>
      <c r="F24618" s="7">
        <v>39616</v>
      </c>
      <c r="G24618" s="8">
        <v>1</v>
      </c>
      <c r="H24618" s="8">
        <v>1</v>
      </c>
      <c r="I24618" s="8">
        <v>0</v>
      </c>
      <c r="J24618" s="8">
        <v>1</v>
      </c>
      <c r="K24618" s="9">
        <v>169</v>
      </c>
      <c r="L24618" s="6" t="s">
        <v>4151</v>
      </c>
    </row>
    <row r="24619" spans="1:12">
      <c r="A24619" s="6" t="s">
        <v>4151</v>
      </c>
      <c r="B24619" s="6"/>
      <c r="C24619" s="6" t="s">
        <v>24655</v>
      </c>
      <c r="D24619" s="6"/>
      <c r="E24619" s="6" t="s">
        <v>9</v>
      </c>
      <c r="F24619" s="7">
        <v>39616</v>
      </c>
      <c r="G24619" s="8">
        <v>1</v>
      </c>
      <c r="H24619" s="8">
        <v>1</v>
      </c>
      <c r="I24619" s="8">
        <v>0</v>
      </c>
      <c r="J24619" s="8">
        <v>1</v>
      </c>
      <c r="K24619" s="9">
        <v>21</v>
      </c>
      <c r="L24619" s="6" t="s">
        <v>4151</v>
      </c>
    </row>
    <row r="24620" spans="1:12">
      <c r="A24620" s="6" t="s">
        <v>4151</v>
      </c>
      <c r="B24620" s="6"/>
      <c r="C24620" s="6" t="s">
        <v>24656</v>
      </c>
      <c r="D24620" s="6"/>
      <c r="E24620" s="6" t="s">
        <v>9</v>
      </c>
      <c r="F24620" s="7">
        <v>39616</v>
      </c>
      <c r="G24620" s="8">
        <v>1</v>
      </c>
      <c r="H24620" s="8">
        <v>1</v>
      </c>
      <c r="I24620" s="8">
        <v>0</v>
      </c>
      <c r="J24620" s="8">
        <v>1</v>
      </c>
      <c r="K24620" s="9">
        <v>40</v>
      </c>
      <c r="L24620" s="6" t="s">
        <v>4151</v>
      </c>
    </row>
    <row r="24621" spans="1:12">
      <c r="A24621" s="6" t="s">
        <v>4151</v>
      </c>
      <c r="B24621" s="6"/>
      <c r="C24621" s="6" t="s">
        <v>24657</v>
      </c>
      <c r="D24621" s="6"/>
      <c r="E24621" s="6" t="s">
        <v>9</v>
      </c>
      <c r="F24621" s="7">
        <v>39616</v>
      </c>
      <c r="G24621" s="8">
        <v>1</v>
      </c>
      <c r="H24621" s="8">
        <v>1</v>
      </c>
      <c r="I24621" s="8">
        <v>0</v>
      </c>
      <c r="J24621" s="8">
        <v>1</v>
      </c>
      <c r="K24621" s="9">
        <v>42</v>
      </c>
      <c r="L24621" s="6" t="s">
        <v>4151</v>
      </c>
    </row>
    <row r="24622" spans="1:12">
      <c r="A24622" s="6" t="s">
        <v>4151</v>
      </c>
      <c r="B24622" s="6"/>
      <c r="C24622" s="6" t="s">
        <v>24658</v>
      </c>
      <c r="D24622" s="6"/>
      <c r="E24622" s="6" t="s">
        <v>9</v>
      </c>
      <c r="F24622" s="7">
        <v>39616</v>
      </c>
      <c r="G24622" s="8">
        <v>1</v>
      </c>
      <c r="H24622" s="8">
        <v>1</v>
      </c>
      <c r="I24622" s="8">
        <v>0</v>
      </c>
      <c r="J24622" s="8">
        <v>1</v>
      </c>
      <c r="K24622" s="9">
        <v>97</v>
      </c>
      <c r="L24622" s="6" t="s">
        <v>4151</v>
      </c>
    </row>
    <row r="24623" spans="1:12">
      <c r="A24623" s="6" t="s">
        <v>4151</v>
      </c>
      <c r="B24623" s="6"/>
      <c r="C24623" s="6" t="s">
        <v>24659</v>
      </c>
      <c r="D24623" s="6"/>
      <c r="E24623" s="6" t="s">
        <v>9</v>
      </c>
      <c r="F24623" s="7">
        <v>39616</v>
      </c>
      <c r="G24623" s="8">
        <v>1</v>
      </c>
      <c r="H24623" s="8">
        <v>1</v>
      </c>
      <c r="I24623" s="8">
        <v>0</v>
      </c>
      <c r="J24623" s="8">
        <v>1</v>
      </c>
      <c r="K24623" s="9">
        <v>29</v>
      </c>
      <c r="L24623" s="6" t="s">
        <v>4151</v>
      </c>
    </row>
    <row r="24624" spans="1:12">
      <c r="A24624" s="6" t="s">
        <v>4151</v>
      </c>
      <c r="B24624" s="6"/>
      <c r="C24624" s="6" t="s">
        <v>24660</v>
      </c>
      <c r="D24624" s="6"/>
      <c r="E24624" s="6" t="s">
        <v>9</v>
      </c>
      <c r="F24624" s="7">
        <v>39616</v>
      </c>
      <c r="G24624" s="8">
        <v>1</v>
      </c>
      <c r="H24624" s="8">
        <v>1</v>
      </c>
      <c r="I24624" s="8">
        <v>0</v>
      </c>
      <c r="J24624" s="8">
        <v>1</v>
      </c>
      <c r="K24624" s="9">
        <v>49</v>
      </c>
      <c r="L24624" s="6" t="s">
        <v>4151</v>
      </c>
    </row>
    <row r="24625" spans="1:12">
      <c r="A24625" s="6" t="s">
        <v>4151</v>
      </c>
      <c r="B24625" s="6"/>
      <c r="C24625" s="6" t="s">
        <v>24661</v>
      </c>
      <c r="D24625" s="6"/>
      <c r="E24625" s="6" t="s">
        <v>9</v>
      </c>
      <c r="F24625" s="7">
        <v>39616</v>
      </c>
      <c r="G24625" s="8">
        <v>1</v>
      </c>
      <c r="H24625" s="8">
        <v>1</v>
      </c>
      <c r="I24625" s="8">
        <v>0</v>
      </c>
      <c r="J24625" s="8">
        <v>1</v>
      </c>
      <c r="K24625" s="9">
        <v>35</v>
      </c>
      <c r="L24625" s="6" t="s">
        <v>4151</v>
      </c>
    </row>
    <row r="24626" spans="1:12">
      <c r="A24626" s="6" t="s">
        <v>4151</v>
      </c>
      <c r="B24626" s="6"/>
      <c r="C24626" s="6" t="s">
        <v>24662</v>
      </c>
      <c r="D24626" s="6"/>
      <c r="E24626" s="6" t="s">
        <v>9</v>
      </c>
      <c r="F24626" s="7">
        <v>38657</v>
      </c>
      <c r="G24626" s="8">
        <v>1</v>
      </c>
      <c r="H24626" s="8">
        <v>1</v>
      </c>
      <c r="I24626" s="8">
        <v>0</v>
      </c>
      <c r="J24626" s="8">
        <v>1</v>
      </c>
      <c r="K24626" s="9">
        <v>13</v>
      </c>
      <c r="L24626" s="6" t="s">
        <v>4151</v>
      </c>
    </row>
    <row r="24627" spans="1:12">
      <c r="A24627" s="6" t="s">
        <v>4151</v>
      </c>
      <c r="B24627" s="6"/>
      <c r="C24627" s="6" t="s">
        <v>24663</v>
      </c>
      <c r="D24627" s="6"/>
      <c r="E24627" s="6" t="s">
        <v>9</v>
      </c>
      <c r="F24627" s="7">
        <v>38657</v>
      </c>
      <c r="G24627" s="8">
        <v>1</v>
      </c>
      <c r="H24627" s="8">
        <v>1</v>
      </c>
      <c r="I24627" s="8">
        <v>0</v>
      </c>
      <c r="J24627" s="8">
        <v>1</v>
      </c>
      <c r="K24627" s="9">
        <v>131</v>
      </c>
      <c r="L24627" s="6" t="s">
        <v>4151</v>
      </c>
    </row>
    <row r="24628" spans="1:12">
      <c r="A24628" s="6" t="s">
        <v>4151</v>
      </c>
      <c r="B24628" s="6"/>
      <c r="C24628" s="6" t="s">
        <v>24664</v>
      </c>
      <c r="D24628" s="6"/>
      <c r="E24628" s="6" t="s">
        <v>9</v>
      </c>
      <c r="F24628" s="7">
        <v>39616</v>
      </c>
      <c r="G24628" s="8">
        <v>1</v>
      </c>
      <c r="H24628" s="8">
        <v>1</v>
      </c>
      <c r="I24628" s="8">
        <v>0</v>
      </c>
      <c r="J24628" s="8">
        <v>1</v>
      </c>
      <c r="K24628" s="9">
        <v>48</v>
      </c>
      <c r="L24628" s="6" t="s">
        <v>4151</v>
      </c>
    </row>
    <row r="24629" spans="1:12">
      <c r="A24629" s="6" t="s">
        <v>4151</v>
      </c>
      <c r="B24629" s="6"/>
      <c r="C24629" s="6" t="s">
        <v>24665</v>
      </c>
      <c r="D24629" s="6"/>
      <c r="E24629" s="6" t="s">
        <v>9</v>
      </c>
      <c r="F24629" s="7">
        <v>39616</v>
      </c>
      <c r="G24629" s="8">
        <v>1</v>
      </c>
      <c r="H24629" s="8">
        <v>1</v>
      </c>
      <c r="I24629" s="8">
        <v>0</v>
      </c>
      <c r="J24629" s="8">
        <v>1</v>
      </c>
      <c r="K24629" s="9">
        <v>36</v>
      </c>
      <c r="L24629" s="6" t="s">
        <v>4151</v>
      </c>
    </row>
    <row r="24630" spans="1:12">
      <c r="A24630" s="6" t="s">
        <v>4151</v>
      </c>
      <c r="B24630" s="6"/>
      <c r="C24630" s="6" t="s">
        <v>24666</v>
      </c>
      <c r="D24630" s="6"/>
      <c r="E24630" s="6" t="s">
        <v>9</v>
      </c>
      <c r="F24630" s="7">
        <v>39616</v>
      </c>
      <c r="G24630" s="8">
        <v>1</v>
      </c>
      <c r="H24630" s="8">
        <v>1</v>
      </c>
      <c r="I24630" s="8">
        <v>0</v>
      </c>
      <c r="J24630" s="8">
        <v>1</v>
      </c>
      <c r="K24630" s="9">
        <v>76</v>
      </c>
      <c r="L24630" s="6" t="s">
        <v>4151</v>
      </c>
    </row>
    <row r="24631" spans="1:12">
      <c r="A24631" s="6" t="s">
        <v>4151</v>
      </c>
      <c r="B24631" s="6"/>
      <c r="C24631" s="6" t="s">
        <v>24667</v>
      </c>
      <c r="D24631" s="6"/>
      <c r="E24631" s="6" t="s">
        <v>9</v>
      </c>
      <c r="F24631" s="7">
        <v>38657</v>
      </c>
      <c r="G24631" s="8">
        <v>1</v>
      </c>
      <c r="H24631" s="8">
        <v>1</v>
      </c>
      <c r="I24631" s="8">
        <v>0</v>
      </c>
      <c r="J24631" s="8">
        <v>1</v>
      </c>
      <c r="K24631" s="9">
        <v>7.17</v>
      </c>
      <c r="L24631" s="6" t="s">
        <v>4151</v>
      </c>
    </row>
    <row r="24632" spans="1:12">
      <c r="A24632" s="6" t="s">
        <v>4151</v>
      </c>
      <c r="B24632" s="6"/>
      <c r="C24632" s="6" t="s">
        <v>24668</v>
      </c>
      <c r="D24632" s="6"/>
      <c r="E24632" s="6" t="s">
        <v>9</v>
      </c>
      <c r="F24632" s="7">
        <v>43523</v>
      </c>
      <c r="G24632" s="8">
        <v>1</v>
      </c>
      <c r="H24632" s="8">
        <v>1</v>
      </c>
      <c r="I24632" s="8">
        <v>0</v>
      </c>
      <c r="J24632" s="8">
        <v>1</v>
      </c>
      <c r="K24632" s="9">
        <v>23</v>
      </c>
      <c r="L24632" s="6" t="s">
        <v>4151</v>
      </c>
    </row>
    <row r="24633" spans="1:12">
      <c r="A24633" s="6" t="s">
        <v>4151</v>
      </c>
      <c r="B24633" s="6"/>
      <c r="C24633" s="6" t="s">
        <v>24669</v>
      </c>
      <c r="D24633" s="6"/>
      <c r="E24633" s="6" t="s">
        <v>9</v>
      </c>
      <c r="F24633" s="7">
        <v>43529</v>
      </c>
      <c r="G24633" s="8">
        <v>1</v>
      </c>
      <c r="H24633" s="8">
        <v>1</v>
      </c>
      <c r="I24633" s="8">
        <v>0</v>
      </c>
      <c r="J24633" s="8">
        <v>1</v>
      </c>
      <c r="K24633" s="9">
        <v>38</v>
      </c>
      <c r="L24633" s="6" t="s">
        <v>4151</v>
      </c>
    </row>
    <row r="24634" spans="1:12">
      <c r="A24634" s="6" t="s">
        <v>4151</v>
      </c>
      <c r="B24634" s="6"/>
      <c r="C24634" s="6" t="s">
        <v>24670</v>
      </c>
      <c r="D24634" s="6"/>
      <c r="E24634" s="6" t="s">
        <v>9</v>
      </c>
      <c r="F24634" s="7">
        <v>43529</v>
      </c>
      <c r="G24634" s="8">
        <v>1</v>
      </c>
      <c r="H24634" s="8">
        <v>1</v>
      </c>
      <c r="I24634" s="8">
        <v>0</v>
      </c>
      <c r="J24634" s="8">
        <v>1</v>
      </c>
      <c r="K24634" s="9">
        <v>26</v>
      </c>
      <c r="L24634" s="6" t="s">
        <v>4151</v>
      </c>
    </row>
    <row r="24635" spans="1:12">
      <c r="A24635" s="6" t="s">
        <v>4151</v>
      </c>
      <c r="B24635" s="6"/>
      <c r="C24635" s="6" t="s">
        <v>24671</v>
      </c>
      <c r="D24635" s="6"/>
      <c r="E24635" s="6" t="s">
        <v>9</v>
      </c>
      <c r="F24635" s="7">
        <v>43623</v>
      </c>
      <c r="G24635" s="8">
        <v>1</v>
      </c>
      <c r="H24635" s="8">
        <v>1</v>
      </c>
      <c r="I24635" s="8">
        <v>0</v>
      </c>
      <c r="J24635" s="8">
        <v>1</v>
      </c>
      <c r="K24635" s="9">
        <v>21</v>
      </c>
      <c r="L24635" s="6" t="s">
        <v>4151</v>
      </c>
    </row>
    <row r="24636" spans="1:12">
      <c r="A24636" s="6" t="s">
        <v>4151</v>
      </c>
      <c r="B24636" s="6"/>
      <c r="C24636" s="6" t="s">
        <v>24672</v>
      </c>
      <c r="D24636" s="6"/>
      <c r="E24636" s="6" t="s">
        <v>9</v>
      </c>
      <c r="F24636" s="7">
        <v>38657</v>
      </c>
      <c r="G24636" s="8">
        <v>1</v>
      </c>
      <c r="H24636" s="8">
        <v>1</v>
      </c>
      <c r="I24636" s="8">
        <v>0</v>
      </c>
      <c r="J24636" s="8">
        <v>1</v>
      </c>
      <c r="K24636" s="9">
        <v>167</v>
      </c>
      <c r="L24636" s="6" t="s">
        <v>4151</v>
      </c>
    </row>
    <row r="24637" spans="1:12">
      <c r="A24637" s="6" t="s">
        <v>4151</v>
      </c>
      <c r="B24637" s="6"/>
      <c r="C24637" s="6" t="s">
        <v>24673</v>
      </c>
      <c r="D24637" s="6"/>
      <c r="E24637" s="6" t="s">
        <v>9</v>
      </c>
      <c r="F24637" s="7">
        <v>43377</v>
      </c>
      <c r="G24637" s="8">
        <v>1</v>
      </c>
      <c r="H24637" s="8">
        <v>1</v>
      </c>
      <c r="I24637" s="8">
        <v>0</v>
      </c>
      <c r="J24637" s="8">
        <v>1</v>
      </c>
      <c r="K24637" s="9">
        <v>38</v>
      </c>
      <c r="L24637" s="6" t="s">
        <v>4151</v>
      </c>
    </row>
    <row r="24638" spans="1:12">
      <c r="A24638" s="6" t="s">
        <v>4151</v>
      </c>
      <c r="B24638" s="6"/>
      <c r="C24638" s="6" t="s">
        <v>24674</v>
      </c>
      <c r="D24638" s="6"/>
      <c r="E24638" s="6" t="s">
        <v>9</v>
      </c>
      <c r="F24638" s="7">
        <v>43577</v>
      </c>
      <c r="G24638" s="8">
        <v>1</v>
      </c>
      <c r="H24638" s="8">
        <v>1</v>
      </c>
      <c r="I24638" s="8">
        <v>0</v>
      </c>
      <c r="J24638" s="8">
        <v>1</v>
      </c>
      <c r="K24638" s="9">
        <v>8.83</v>
      </c>
      <c r="L24638" s="6" t="s">
        <v>4151</v>
      </c>
    </row>
    <row r="24639" spans="1:12">
      <c r="A24639" s="6" t="s">
        <v>4151</v>
      </c>
      <c r="B24639" s="6"/>
      <c r="C24639" s="6" t="s">
        <v>24675</v>
      </c>
      <c r="D24639" s="6"/>
      <c r="E24639" s="6" t="s">
        <v>9</v>
      </c>
      <c r="F24639" s="7">
        <v>43577</v>
      </c>
      <c r="G24639" s="8">
        <v>1</v>
      </c>
      <c r="H24639" s="8">
        <v>1</v>
      </c>
      <c r="I24639" s="8">
        <v>0</v>
      </c>
      <c r="J24639" s="8">
        <v>1</v>
      </c>
      <c r="K24639" s="9">
        <v>35</v>
      </c>
      <c r="L24639" s="6" t="s">
        <v>4151</v>
      </c>
    </row>
    <row r="24640" spans="1:12">
      <c r="A24640" s="6" t="s">
        <v>4151</v>
      </c>
      <c r="B24640" s="6"/>
      <c r="C24640" s="6" t="s">
        <v>24676</v>
      </c>
      <c r="D24640" s="6"/>
      <c r="E24640" s="6" t="s">
        <v>9</v>
      </c>
      <c r="F24640" s="7">
        <v>38657</v>
      </c>
      <c r="G24640" s="8">
        <v>1</v>
      </c>
      <c r="H24640" s="8">
        <v>1</v>
      </c>
      <c r="I24640" s="8">
        <v>0</v>
      </c>
      <c r="J24640" s="8">
        <v>1</v>
      </c>
      <c r="K24640" s="9">
        <v>131</v>
      </c>
      <c r="L24640" s="6" t="s">
        <v>4151</v>
      </c>
    </row>
    <row r="24641" spans="1:12">
      <c r="A24641" s="6" t="s">
        <v>4151</v>
      </c>
      <c r="B24641" s="6"/>
      <c r="C24641" s="6" t="s">
        <v>24677</v>
      </c>
      <c r="D24641" s="6"/>
      <c r="E24641" s="6" t="s">
        <v>9</v>
      </c>
      <c r="F24641" s="7">
        <v>43808</v>
      </c>
      <c r="G24641" s="8">
        <v>1</v>
      </c>
      <c r="H24641" s="8">
        <v>1</v>
      </c>
      <c r="I24641" s="8">
        <v>0</v>
      </c>
      <c r="J24641" s="8">
        <v>1</v>
      </c>
      <c r="K24641" s="9">
        <v>17</v>
      </c>
      <c r="L24641" s="6" t="s">
        <v>4151</v>
      </c>
    </row>
    <row r="24642" spans="1:12">
      <c r="A24642" s="6" t="s">
        <v>4151</v>
      </c>
      <c r="B24642" s="6"/>
      <c r="C24642" s="6" t="s">
        <v>24678</v>
      </c>
      <c r="D24642" s="6"/>
      <c r="E24642" s="6" t="s">
        <v>9</v>
      </c>
      <c r="F24642" s="7">
        <v>43789</v>
      </c>
      <c r="G24642" s="8">
        <v>1</v>
      </c>
      <c r="H24642" s="8">
        <v>1</v>
      </c>
      <c r="I24642" s="8">
        <v>0</v>
      </c>
      <c r="J24642" s="8">
        <v>1</v>
      </c>
      <c r="K24642" s="9">
        <v>4.01</v>
      </c>
      <c r="L24642" s="6" t="s">
        <v>4151</v>
      </c>
    </row>
    <row r="24643" spans="1:12">
      <c r="A24643" s="6" t="s">
        <v>4151</v>
      </c>
      <c r="B24643" s="6"/>
      <c r="C24643" s="6" t="s">
        <v>24679</v>
      </c>
      <c r="D24643" s="6"/>
      <c r="E24643" s="6" t="s">
        <v>9</v>
      </c>
      <c r="F24643" s="7">
        <v>43857</v>
      </c>
      <c r="G24643" s="8">
        <v>1</v>
      </c>
      <c r="H24643" s="8">
        <v>1</v>
      </c>
      <c r="I24643" s="8">
        <v>0</v>
      </c>
      <c r="J24643" s="8">
        <v>1</v>
      </c>
      <c r="K24643" s="9">
        <v>8.1999999999999904</v>
      </c>
      <c r="L24643" s="6" t="s">
        <v>4151</v>
      </c>
    </row>
    <row r="24644" spans="1:12">
      <c r="A24644" s="6" t="s">
        <v>4151</v>
      </c>
      <c r="B24644" s="6"/>
      <c r="C24644" s="6" t="s">
        <v>24680</v>
      </c>
      <c r="D24644" s="6"/>
      <c r="E24644" s="6" t="s">
        <v>9</v>
      </c>
      <c r="F24644" s="7">
        <v>43990</v>
      </c>
      <c r="G24644" s="8">
        <v>1</v>
      </c>
      <c r="H24644" s="8">
        <v>1</v>
      </c>
      <c r="I24644" s="8">
        <v>0</v>
      </c>
      <c r="J24644" s="8">
        <v>1</v>
      </c>
      <c r="K24644" s="9">
        <v>1.74</v>
      </c>
      <c r="L24644" s="6" t="s">
        <v>4151</v>
      </c>
    </row>
    <row r="24645" spans="1:12">
      <c r="A24645" s="6" t="s">
        <v>4151</v>
      </c>
      <c r="B24645" s="6"/>
      <c r="C24645" s="6" t="s">
        <v>24681</v>
      </c>
      <c r="D24645" s="6"/>
      <c r="E24645" s="6" t="s">
        <v>9</v>
      </c>
      <c r="F24645" s="7">
        <v>43990</v>
      </c>
      <c r="G24645" s="8">
        <v>1</v>
      </c>
      <c r="H24645" s="8">
        <v>1</v>
      </c>
      <c r="I24645" s="8">
        <v>0</v>
      </c>
      <c r="J24645" s="8">
        <v>1</v>
      </c>
      <c r="K24645" s="9">
        <v>70</v>
      </c>
      <c r="L24645" s="6" t="s">
        <v>4151</v>
      </c>
    </row>
    <row r="24646" spans="1:12">
      <c r="A24646" s="6" t="s">
        <v>4151</v>
      </c>
      <c r="B24646" s="6"/>
      <c r="C24646" s="6" t="s">
        <v>24682</v>
      </c>
      <c r="D24646" s="6"/>
      <c r="E24646" s="6" t="s">
        <v>9</v>
      </c>
      <c r="F24646" s="7">
        <v>43448</v>
      </c>
      <c r="G24646" s="8">
        <v>1</v>
      </c>
      <c r="H24646" s="8">
        <v>1</v>
      </c>
      <c r="I24646" s="8">
        <v>0</v>
      </c>
      <c r="J24646" s="8">
        <v>1</v>
      </c>
      <c r="K24646" s="9">
        <v>5.62</v>
      </c>
      <c r="L24646" s="6" t="s">
        <v>4151</v>
      </c>
    </row>
    <row r="24647" spans="1:12">
      <c r="A24647" s="6" t="s">
        <v>4151</v>
      </c>
      <c r="B24647" s="6"/>
      <c r="C24647" s="6" t="s">
        <v>24683</v>
      </c>
      <c r="D24647" s="6"/>
      <c r="E24647" s="6" t="s">
        <v>9</v>
      </c>
      <c r="F24647" s="7">
        <v>43448</v>
      </c>
      <c r="G24647" s="8">
        <v>1</v>
      </c>
      <c r="H24647" s="8">
        <v>1</v>
      </c>
      <c r="I24647" s="8">
        <v>0</v>
      </c>
      <c r="J24647" s="8">
        <v>1</v>
      </c>
      <c r="K24647" s="9">
        <v>3.78</v>
      </c>
      <c r="L24647" s="6" t="s">
        <v>4151</v>
      </c>
    </row>
    <row r="24648" spans="1:12">
      <c r="A24648" s="6" t="s">
        <v>4151</v>
      </c>
      <c r="B24648" s="6"/>
      <c r="C24648" s="6" t="s">
        <v>24684</v>
      </c>
      <c r="D24648" s="6"/>
      <c r="E24648" s="6" t="s">
        <v>9</v>
      </c>
      <c r="F24648" s="7">
        <v>38657</v>
      </c>
      <c r="G24648" s="8">
        <v>1</v>
      </c>
      <c r="H24648" s="8">
        <v>1</v>
      </c>
      <c r="I24648" s="8">
        <v>0</v>
      </c>
      <c r="J24648" s="8">
        <v>1</v>
      </c>
      <c r="K24648" s="9">
        <v>40</v>
      </c>
      <c r="L24648" s="6" t="s">
        <v>4151</v>
      </c>
    </row>
    <row r="24649" spans="1:12">
      <c r="A24649" s="6" t="s">
        <v>4151</v>
      </c>
      <c r="B24649" s="6"/>
      <c r="C24649" s="6" t="s">
        <v>24685</v>
      </c>
      <c r="D24649" s="6"/>
      <c r="E24649" s="6" t="s">
        <v>9</v>
      </c>
      <c r="F24649" s="7">
        <v>38657</v>
      </c>
      <c r="G24649" s="8">
        <v>1</v>
      </c>
      <c r="H24649" s="8">
        <v>1</v>
      </c>
      <c r="I24649" s="8">
        <v>0</v>
      </c>
      <c r="J24649" s="8">
        <v>1</v>
      </c>
      <c r="K24649" s="9">
        <v>34</v>
      </c>
      <c r="L24649" s="6" t="s">
        <v>4151</v>
      </c>
    </row>
    <row r="24650" spans="1:12">
      <c r="A24650" s="6" t="s">
        <v>4151</v>
      </c>
      <c r="B24650" s="6"/>
      <c r="C24650" s="6" t="s">
        <v>24686</v>
      </c>
      <c r="D24650" s="6"/>
      <c r="E24650" s="6" t="s">
        <v>9</v>
      </c>
      <c r="F24650" s="7">
        <v>38657</v>
      </c>
      <c r="G24650" s="8">
        <v>1</v>
      </c>
      <c r="H24650" s="8">
        <v>1</v>
      </c>
      <c r="I24650" s="8">
        <v>0</v>
      </c>
      <c r="J24650" s="8">
        <v>1</v>
      </c>
      <c r="K24650" s="9">
        <v>23</v>
      </c>
      <c r="L24650" s="6" t="s">
        <v>4151</v>
      </c>
    </row>
    <row r="24651" spans="1:12">
      <c r="A24651" s="6" t="s">
        <v>4151</v>
      </c>
      <c r="B24651" s="6"/>
      <c r="C24651" s="6" t="s">
        <v>24687</v>
      </c>
      <c r="D24651" s="6"/>
      <c r="E24651" s="6" t="s">
        <v>9</v>
      </c>
      <c r="F24651" s="7">
        <v>38657</v>
      </c>
      <c r="G24651" s="8">
        <v>1</v>
      </c>
      <c r="H24651" s="8">
        <v>1</v>
      </c>
      <c r="I24651" s="8">
        <v>0</v>
      </c>
      <c r="J24651" s="8">
        <v>1</v>
      </c>
      <c r="K24651" s="9">
        <v>122</v>
      </c>
      <c r="L24651" s="6" t="s">
        <v>4151</v>
      </c>
    </row>
    <row r="24652" spans="1:12">
      <c r="A24652" s="6" t="s">
        <v>4151</v>
      </c>
      <c r="B24652" s="6"/>
      <c r="C24652" s="6" t="s">
        <v>24688</v>
      </c>
      <c r="D24652" s="6"/>
      <c r="E24652" s="6" t="s">
        <v>9</v>
      </c>
      <c r="F24652" s="7">
        <v>38657</v>
      </c>
      <c r="G24652" s="8">
        <v>1</v>
      </c>
      <c r="H24652" s="8">
        <v>1</v>
      </c>
      <c r="I24652" s="8">
        <v>0</v>
      </c>
      <c r="J24652" s="8">
        <v>1</v>
      </c>
      <c r="K24652" s="9">
        <v>70</v>
      </c>
      <c r="L24652" s="6" t="s">
        <v>4151</v>
      </c>
    </row>
    <row r="24653" spans="1:12">
      <c r="A24653" s="6" t="s">
        <v>4151</v>
      </c>
      <c r="B24653" s="6"/>
      <c r="C24653" s="6" t="s">
        <v>24689</v>
      </c>
      <c r="D24653" s="6"/>
      <c r="E24653" s="6" t="s">
        <v>9</v>
      </c>
      <c r="F24653" s="7">
        <v>38657</v>
      </c>
      <c r="G24653" s="8">
        <v>1</v>
      </c>
      <c r="H24653" s="8">
        <v>1</v>
      </c>
      <c r="I24653" s="8">
        <v>0</v>
      </c>
      <c r="J24653" s="8">
        <v>1</v>
      </c>
      <c r="K24653" s="9">
        <v>24</v>
      </c>
      <c r="L24653" s="6" t="s">
        <v>4151</v>
      </c>
    </row>
    <row r="24654" spans="1:12">
      <c r="A24654" s="6" t="s">
        <v>4151</v>
      </c>
      <c r="B24654" s="6"/>
      <c r="C24654" s="6" t="s">
        <v>24690</v>
      </c>
      <c r="D24654" s="6"/>
      <c r="E24654" s="6" t="s">
        <v>9</v>
      </c>
      <c r="F24654" s="7">
        <v>38657</v>
      </c>
      <c r="G24654" s="8">
        <v>1</v>
      </c>
      <c r="H24654" s="8">
        <v>1</v>
      </c>
      <c r="I24654" s="8">
        <v>0</v>
      </c>
      <c r="J24654" s="8">
        <v>1</v>
      </c>
      <c r="K24654" s="9">
        <v>355</v>
      </c>
      <c r="L24654" s="6" t="s">
        <v>4151</v>
      </c>
    </row>
    <row r="24655" spans="1:12">
      <c r="A24655" s="6" t="s">
        <v>4151</v>
      </c>
      <c r="B24655" s="6"/>
      <c r="C24655" s="6" t="s">
        <v>24691</v>
      </c>
      <c r="D24655" s="6"/>
      <c r="E24655" s="6" t="s">
        <v>9</v>
      </c>
      <c r="F24655" s="7">
        <v>38657</v>
      </c>
      <c r="G24655" s="8">
        <v>1</v>
      </c>
      <c r="H24655" s="8">
        <v>1</v>
      </c>
      <c r="I24655" s="8">
        <v>0</v>
      </c>
      <c r="J24655" s="8">
        <v>1</v>
      </c>
      <c r="K24655" s="9">
        <v>190</v>
      </c>
      <c r="L24655" s="6" t="s">
        <v>4151</v>
      </c>
    </row>
    <row r="24656" spans="1:12">
      <c r="A24656" s="6" t="s">
        <v>4151</v>
      </c>
      <c r="B24656" s="6"/>
      <c r="C24656" s="6" t="s">
        <v>24692</v>
      </c>
      <c r="D24656" s="6"/>
      <c r="E24656" s="6" t="s">
        <v>9</v>
      </c>
      <c r="F24656" s="7">
        <v>38657</v>
      </c>
      <c r="G24656" s="8">
        <v>1</v>
      </c>
      <c r="H24656" s="8">
        <v>1</v>
      </c>
      <c r="I24656" s="8">
        <v>0</v>
      </c>
      <c r="J24656" s="8">
        <v>1</v>
      </c>
      <c r="K24656" s="9">
        <v>7.23</v>
      </c>
      <c r="L24656" s="6" t="s">
        <v>4151</v>
      </c>
    </row>
    <row r="24657" spans="1:12">
      <c r="A24657" s="6" t="s">
        <v>4151</v>
      </c>
      <c r="B24657" s="6"/>
      <c r="C24657" s="6" t="s">
        <v>24693</v>
      </c>
      <c r="D24657" s="6"/>
      <c r="E24657" s="6" t="s">
        <v>9</v>
      </c>
      <c r="F24657" s="7">
        <v>38657</v>
      </c>
      <c r="G24657" s="8">
        <v>1</v>
      </c>
      <c r="H24657" s="8">
        <v>1</v>
      </c>
      <c r="I24657" s="8">
        <v>0</v>
      </c>
      <c r="J24657" s="8">
        <v>1</v>
      </c>
      <c r="K24657" s="9">
        <v>73</v>
      </c>
      <c r="L24657" s="6" t="s">
        <v>4151</v>
      </c>
    </row>
    <row r="24658" spans="1:12">
      <c r="A24658" s="6" t="s">
        <v>4151</v>
      </c>
      <c r="B24658" s="6"/>
      <c r="C24658" s="6" t="s">
        <v>24694</v>
      </c>
      <c r="D24658" s="6"/>
      <c r="E24658" s="6" t="s">
        <v>9</v>
      </c>
      <c r="F24658" s="7">
        <v>38657</v>
      </c>
      <c r="G24658" s="8">
        <v>1</v>
      </c>
      <c r="H24658" s="8">
        <v>1</v>
      </c>
      <c r="I24658" s="8">
        <v>0</v>
      </c>
      <c r="J24658" s="8">
        <v>1</v>
      </c>
      <c r="K24658" s="9">
        <v>60</v>
      </c>
      <c r="L24658" s="6" t="s">
        <v>4151</v>
      </c>
    </row>
    <row r="24659" spans="1:12">
      <c r="A24659" s="6" t="s">
        <v>4151</v>
      </c>
      <c r="B24659" s="6"/>
      <c r="C24659" s="6" t="s">
        <v>24695</v>
      </c>
      <c r="D24659" s="6"/>
      <c r="E24659" s="6" t="s">
        <v>9</v>
      </c>
      <c r="F24659" s="7">
        <v>38657</v>
      </c>
      <c r="G24659" s="8">
        <v>1</v>
      </c>
      <c r="H24659" s="8">
        <v>1</v>
      </c>
      <c r="I24659" s="8">
        <v>0</v>
      </c>
      <c r="J24659" s="8">
        <v>1</v>
      </c>
      <c r="K24659" s="9">
        <v>67</v>
      </c>
      <c r="L24659" s="6" t="s">
        <v>4151</v>
      </c>
    </row>
    <row r="24660" spans="1:12">
      <c r="A24660" s="6" t="s">
        <v>4151</v>
      </c>
      <c r="B24660" s="6"/>
      <c r="C24660" s="6" t="s">
        <v>24696</v>
      </c>
      <c r="D24660" s="6"/>
      <c r="E24660" s="6" t="s">
        <v>9</v>
      </c>
      <c r="F24660" s="7">
        <v>38657</v>
      </c>
      <c r="G24660" s="8">
        <v>1</v>
      </c>
      <c r="H24660" s="8">
        <v>1</v>
      </c>
      <c r="I24660" s="8">
        <v>0</v>
      </c>
      <c r="J24660" s="8">
        <v>1</v>
      </c>
      <c r="K24660" s="9">
        <v>23</v>
      </c>
      <c r="L24660" s="6" t="s">
        <v>4151</v>
      </c>
    </row>
    <row r="24661" spans="1:12">
      <c r="A24661" s="6" t="s">
        <v>4151</v>
      </c>
      <c r="B24661" s="6"/>
      <c r="C24661" s="6" t="s">
        <v>24697</v>
      </c>
      <c r="D24661" s="6"/>
      <c r="E24661" s="6" t="s">
        <v>9</v>
      </c>
      <c r="F24661" s="7">
        <v>38657</v>
      </c>
      <c r="G24661" s="8">
        <v>1</v>
      </c>
      <c r="H24661" s="8">
        <v>1</v>
      </c>
      <c r="I24661" s="8">
        <v>0</v>
      </c>
      <c r="J24661" s="8">
        <v>1</v>
      </c>
      <c r="K24661" s="9">
        <v>271</v>
      </c>
      <c r="L24661" s="6" t="s">
        <v>4151</v>
      </c>
    </row>
    <row r="24662" spans="1:12">
      <c r="A24662" s="6" t="s">
        <v>4151</v>
      </c>
      <c r="B24662" s="6"/>
      <c r="C24662" s="6" t="s">
        <v>24698</v>
      </c>
      <c r="D24662" s="6"/>
      <c r="E24662" s="6" t="s">
        <v>9</v>
      </c>
      <c r="F24662" s="7">
        <v>38657</v>
      </c>
      <c r="G24662" s="8">
        <v>1</v>
      </c>
      <c r="H24662" s="8">
        <v>1</v>
      </c>
      <c r="I24662" s="8">
        <v>0</v>
      </c>
      <c r="J24662" s="8">
        <v>1</v>
      </c>
      <c r="K24662" s="9">
        <v>76</v>
      </c>
      <c r="L24662" s="6" t="s">
        <v>4151</v>
      </c>
    </row>
    <row r="24663" spans="1:12">
      <c r="A24663" s="6" t="s">
        <v>4151</v>
      </c>
      <c r="B24663" s="6"/>
      <c r="C24663" s="6" t="s">
        <v>24699</v>
      </c>
      <c r="D24663" s="6"/>
      <c r="E24663" s="6" t="s">
        <v>9</v>
      </c>
      <c r="F24663" s="7">
        <v>38657</v>
      </c>
      <c r="G24663" s="8">
        <v>1</v>
      </c>
      <c r="H24663" s="8">
        <v>1</v>
      </c>
      <c r="I24663" s="8">
        <v>0</v>
      </c>
      <c r="J24663" s="8">
        <v>1</v>
      </c>
      <c r="K24663" s="9">
        <v>341</v>
      </c>
      <c r="L24663" s="6" t="s">
        <v>4151</v>
      </c>
    </row>
    <row r="24664" spans="1:12">
      <c r="A24664" s="6" t="s">
        <v>4151</v>
      </c>
      <c r="B24664" s="6"/>
      <c r="C24664" s="6" t="s">
        <v>24700</v>
      </c>
      <c r="D24664" s="6"/>
      <c r="E24664" s="6" t="s">
        <v>9</v>
      </c>
      <c r="F24664" s="7">
        <v>38657</v>
      </c>
      <c r="G24664" s="8">
        <v>1</v>
      </c>
      <c r="H24664" s="8">
        <v>1</v>
      </c>
      <c r="I24664" s="8">
        <v>0</v>
      </c>
      <c r="J24664" s="8">
        <v>1</v>
      </c>
      <c r="K24664" s="9">
        <v>66</v>
      </c>
      <c r="L24664" s="6" t="s">
        <v>4151</v>
      </c>
    </row>
    <row r="24665" spans="1:12">
      <c r="A24665" s="6" t="s">
        <v>4151</v>
      </c>
      <c r="B24665" s="6"/>
      <c r="C24665" s="6" t="s">
        <v>24701</v>
      </c>
      <c r="D24665" s="6"/>
      <c r="E24665" s="6" t="s">
        <v>9</v>
      </c>
      <c r="F24665" s="7">
        <v>38657</v>
      </c>
      <c r="G24665" s="8">
        <v>1</v>
      </c>
      <c r="H24665" s="8">
        <v>1</v>
      </c>
      <c r="I24665" s="8">
        <v>0</v>
      </c>
      <c r="J24665" s="8">
        <v>1</v>
      </c>
      <c r="K24665" s="9">
        <v>15</v>
      </c>
      <c r="L24665" s="6" t="s">
        <v>4151</v>
      </c>
    </row>
    <row r="24666" spans="1:12">
      <c r="A24666" s="6" t="s">
        <v>4151</v>
      </c>
      <c r="B24666" s="6"/>
      <c r="C24666" s="6" t="s">
        <v>24702</v>
      </c>
      <c r="D24666" s="6"/>
      <c r="E24666" s="6" t="s">
        <v>9</v>
      </c>
      <c r="F24666" s="7">
        <v>38657</v>
      </c>
      <c r="G24666" s="8">
        <v>1</v>
      </c>
      <c r="H24666" s="8">
        <v>1</v>
      </c>
      <c r="I24666" s="8">
        <v>0</v>
      </c>
      <c r="J24666" s="8">
        <v>1</v>
      </c>
      <c r="K24666" s="9">
        <v>16</v>
      </c>
      <c r="L24666" s="6" t="s">
        <v>4151</v>
      </c>
    </row>
    <row r="24667" spans="1:12">
      <c r="A24667" s="6" t="s">
        <v>4151</v>
      </c>
      <c r="B24667" s="6"/>
      <c r="C24667" s="6" t="s">
        <v>24703</v>
      </c>
      <c r="D24667" s="6"/>
      <c r="E24667" s="6" t="s">
        <v>9</v>
      </c>
      <c r="F24667" s="7">
        <v>38657</v>
      </c>
      <c r="G24667" s="8">
        <v>1</v>
      </c>
      <c r="H24667" s="8">
        <v>1</v>
      </c>
      <c r="I24667" s="8">
        <v>0</v>
      </c>
      <c r="J24667" s="8">
        <v>1</v>
      </c>
      <c r="K24667" s="9">
        <v>21</v>
      </c>
      <c r="L24667" s="6" t="s">
        <v>4151</v>
      </c>
    </row>
    <row r="24668" spans="1:12">
      <c r="A24668" s="6" t="s">
        <v>4151</v>
      </c>
      <c r="B24668" s="6"/>
      <c r="C24668" s="6" t="s">
        <v>24704</v>
      </c>
      <c r="D24668" s="6"/>
      <c r="E24668" s="6" t="s">
        <v>9</v>
      </c>
      <c r="F24668" s="7">
        <v>38657</v>
      </c>
      <c r="G24668" s="8">
        <v>1</v>
      </c>
      <c r="H24668" s="8">
        <v>1</v>
      </c>
      <c r="I24668" s="8">
        <v>0</v>
      </c>
      <c r="J24668" s="8">
        <v>1</v>
      </c>
      <c r="K24668" s="9">
        <v>83</v>
      </c>
      <c r="L24668" s="6" t="s">
        <v>4151</v>
      </c>
    </row>
    <row r="24669" spans="1:12">
      <c r="A24669" s="6" t="s">
        <v>4151</v>
      </c>
      <c r="B24669" s="6"/>
      <c r="C24669" s="6" t="s">
        <v>24705</v>
      </c>
      <c r="D24669" s="6"/>
      <c r="E24669" s="6" t="s">
        <v>9</v>
      </c>
      <c r="F24669" s="7">
        <v>38657</v>
      </c>
      <c r="G24669" s="8">
        <v>1</v>
      </c>
      <c r="H24669" s="8">
        <v>1</v>
      </c>
      <c r="I24669" s="8">
        <v>0</v>
      </c>
      <c r="J24669" s="8">
        <v>1</v>
      </c>
      <c r="K24669" s="9">
        <v>59</v>
      </c>
      <c r="L24669" s="6" t="s">
        <v>4151</v>
      </c>
    </row>
    <row r="24670" spans="1:12">
      <c r="A24670" s="6" t="s">
        <v>4151</v>
      </c>
      <c r="B24670" s="6"/>
      <c r="C24670" s="6" t="s">
        <v>24706</v>
      </c>
      <c r="D24670" s="6"/>
      <c r="E24670" s="6" t="s">
        <v>9</v>
      </c>
      <c r="F24670" s="7">
        <v>38657</v>
      </c>
      <c r="G24670" s="8">
        <v>1</v>
      </c>
      <c r="H24670" s="8">
        <v>1</v>
      </c>
      <c r="I24670" s="8">
        <v>0</v>
      </c>
      <c r="J24670" s="8">
        <v>1</v>
      </c>
      <c r="K24670" s="9">
        <v>38</v>
      </c>
      <c r="L24670" s="6" t="s">
        <v>4151</v>
      </c>
    </row>
    <row r="24671" spans="1:12">
      <c r="A24671" s="6" t="s">
        <v>4151</v>
      </c>
      <c r="B24671" s="6"/>
      <c r="C24671" s="6" t="s">
        <v>24707</v>
      </c>
      <c r="D24671" s="6"/>
      <c r="E24671" s="6" t="s">
        <v>9</v>
      </c>
      <c r="F24671" s="7">
        <v>38657</v>
      </c>
      <c r="G24671" s="8">
        <v>1</v>
      </c>
      <c r="H24671" s="8">
        <v>1</v>
      </c>
      <c r="I24671" s="8">
        <v>0</v>
      </c>
      <c r="J24671" s="8">
        <v>1</v>
      </c>
      <c r="K24671" s="9">
        <v>37</v>
      </c>
      <c r="L24671" s="6" t="s">
        <v>4151</v>
      </c>
    </row>
    <row r="24672" spans="1:12">
      <c r="A24672" s="6" t="s">
        <v>4151</v>
      </c>
      <c r="B24672" s="6"/>
      <c r="C24672" s="6" t="s">
        <v>24708</v>
      </c>
      <c r="D24672" s="6"/>
      <c r="E24672" s="6" t="s">
        <v>9</v>
      </c>
      <c r="F24672" s="7">
        <v>38657</v>
      </c>
      <c r="G24672" s="8">
        <v>1</v>
      </c>
      <c r="H24672" s="8">
        <v>1</v>
      </c>
      <c r="I24672" s="8">
        <v>0</v>
      </c>
      <c r="J24672" s="8">
        <v>1</v>
      </c>
      <c r="K24672" s="9">
        <v>36</v>
      </c>
      <c r="L24672" s="6" t="s">
        <v>4151</v>
      </c>
    </row>
    <row r="24673" spans="1:12">
      <c r="A24673" s="6" t="s">
        <v>4151</v>
      </c>
      <c r="B24673" s="6"/>
      <c r="C24673" s="6" t="s">
        <v>24709</v>
      </c>
      <c r="D24673" s="6"/>
      <c r="E24673" s="6" t="s">
        <v>9</v>
      </c>
      <c r="F24673" s="7">
        <v>38657</v>
      </c>
      <c r="G24673" s="8">
        <v>1</v>
      </c>
      <c r="H24673" s="8">
        <v>1</v>
      </c>
      <c r="I24673" s="8">
        <v>0</v>
      </c>
      <c r="J24673" s="8">
        <v>1</v>
      </c>
      <c r="K24673" s="9">
        <v>16</v>
      </c>
      <c r="L24673" s="6" t="s">
        <v>4151</v>
      </c>
    </row>
    <row r="24674" spans="1:12">
      <c r="A24674" s="6" t="s">
        <v>4151</v>
      </c>
      <c r="B24674" s="6"/>
      <c r="C24674" s="6" t="s">
        <v>24710</v>
      </c>
      <c r="D24674" s="6"/>
      <c r="E24674" s="6" t="s">
        <v>9</v>
      </c>
      <c r="F24674" s="7">
        <v>38657</v>
      </c>
      <c r="G24674" s="8">
        <v>1</v>
      </c>
      <c r="H24674" s="8">
        <v>1</v>
      </c>
      <c r="I24674" s="8">
        <v>0</v>
      </c>
      <c r="J24674" s="8">
        <v>1</v>
      </c>
      <c r="K24674" s="9">
        <v>16</v>
      </c>
      <c r="L24674" s="6" t="s">
        <v>4151</v>
      </c>
    </row>
    <row r="24675" spans="1:12">
      <c r="A24675" s="6" t="s">
        <v>4151</v>
      </c>
      <c r="B24675" s="6"/>
      <c r="C24675" s="6" t="s">
        <v>24711</v>
      </c>
      <c r="D24675" s="6"/>
      <c r="E24675" s="6" t="s">
        <v>9</v>
      </c>
      <c r="F24675" s="7">
        <v>38657</v>
      </c>
      <c r="G24675" s="8">
        <v>1</v>
      </c>
      <c r="H24675" s="8">
        <v>1</v>
      </c>
      <c r="I24675" s="8">
        <v>0</v>
      </c>
      <c r="J24675" s="8">
        <v>1</v>
      </c>
      <c r="K24675" s="9">
        <v>16</v>
      </c>
      <c r="L24675" s="6" t="s">
        <v>4151</v>
      </c>
    </row>
    <row r="24676" spans="1:12">
      <c r="A24676" s="6" t="s">
        <v>4151</v>
      </c>
      <c r="B24676" s="6"/>
      <c r="C24676" s="6" t="s">
        <v>24712</v>
      </c>
      <c r="D24676" s="6"/>
      <c r="E24676" s="6" t="s">
        <v>9</v>
      </c>
      <c r="F24676" s="7">
        <v>38657</v>
      </c>
      <c r="G24676" s="8">
        <v>1</v>
      </c>
      <c r="H24676" s="8">
        <v>1</v>
      </c>
      <c r="I24676" s="8">
        <v>0</v>
      </c>
      <c r="J24676" s="8">
        <v>1</v>
      </c>
      <c r="K24676" s="9">
        <v>13</v>
      </c>
      <c r="L24676" s="6" t="s">
        <v>4151</v>
      </c>
    </row>
    <row r="24677" spans="1:12">
      <c r="A24677" s="6" t="s">
        <v>4151</v>
      </c>
      <c r="B24677" s="6"/>
      <c r="C24677" s="6" t="s">
        <v>24713</v>
      </c>
      <c r="D24677" s="6"/>
      <c r="E24677" s="6" t="s">
        <v>9</v>
      </c>
      <c r="F24677" s="7">
        <v>38657</v>
      </c>
      <c r="G24677" s="8">
        <v>1</v>
      </c>
      <c r="H24677" s="8">
        <v>1</v>
      </c>
      <c r="I24677" s="8">
        <v>0</v>
      </c>
      <c r="J24677" s="8">
        <v>1</v>
      </c>
      <c r="K24677" s="9">
        <v>13</v>
      </c>
      <c r="L24677" s="6" t="s">
        <v>4151</v>
      </c>
    </row>
    <row r="24678" spans="1:12">
      <c r="A24678" s="6" t="s">
        <v>4151</v>
      </c>
      <c r="B24678" s="6"/>
      <c r="C24678" s="6" t="s">
        <v>24714</v>
      </c>
      <c r="D24678" s="6"/>
      <c r="E24678" s="6" t="s">
        <v>9</v>
      </c>
      <c r="F24678" s="7">
        <v>38657</v>
      </c>
      <c r="G24678" s="8">
        <v>1</v>
      </c>
      <c r="H24678" s="8">
        <v>1</v>
      </c>
      <c r="I24678" s="8">
        <v>0</v>
      </c>
      <c r="J24678" s="8">
        <v>1</v>
      </c>
      <c r="K24678" s="9">
        <v>0.44</v>
      </c>
      <c r="L24678" s="6" t="s">
        <v>4151</v>
      </c>
    </row>
    <row r="24679" spans="1:12">
      <c r="A24679" s="6" t="s">
        <v>4151</v>
      </c>
      <c r="B24679" s="6"/>
      <c r="C24679" s="6" t="s">
        <v>24715</v>
      </c>
      <c r="D24679" s="6"/>
      <c r="E24679" s="6" t="s">
        <v>9</v>
      </c>
      <c r="F24679" s="7">
        <v>38657</v>
      </c>
      <c r="G24679" s="8">
        <v>1</v>
      </c>
      <c r="H24679" s="8">
        <v>1</v>
      </c>
      <c r="I24679" s="8">
        <v>0</v>
      </c>
      <c r="J24679" s="8">
        <v>1</v>
      </c>
      <c r="K24679" s="9">
        <v>16</v>
      </c>
      <c r="L24679" s="6" t="s">
        <v>4151</v>
      </c>
    </row>
    <row r="24680" spans="1:12">
      <c r="A24680" s="6" t="s">
        <v>4151</v>
      </c>
      <c r="B24680" s="6"/>
      <c r="C24680" s="6" t="s">
        <v>24716</v>
      </c>
      <c r="D24680" s="6"/>
      <c r="E24680" s="6" t="s">
        <v>9</v>
      </c>
      <c r="F24680" s="7">
        <v>38657</v>
      </c>
      <c r="G24680" s="8">
        <v>1</v>
      </c>
      <c r="H24680" s="8">
        <v>1</v>
      </c>
      <c r="I24680" s="8">
        <v>0</v>
      </c>
      <c r="J24680" s="8">
        <v>1</v>
      </c>
      <c r="K24680" s="9">
        <v>16</v>
      </c>
      <c r="L24680" s="6" t="s">
        <v>4151</v>
      </c>
    </row>
    <row r="24681" spans="1:12">
      <c r="A24681" s="6" t="s">
        <v>4151</v>
      </c>
      <c r="B24681" s="6"/>
      <c r="C24681" s="6" t="s">
        <v>24717</v>
      </c>
      <c r="D24681" s="6"/>
      <c r="E24681" s="6" t="s">
        <v>9</v>
      </c>
      <c r="F24681" s="7">
        <v>38657</v>
      </c>
      <c r="G24681" s="8">
        <v>1</v>
      </c>
      <c r="H24681" s="8">
        <v>1</v>
      </c>
      <c r="I24681" s="8">
        <v>0</v>
      </c>
      <c r="J24681" s="8">
        <v>1</v>
      </c>
      <c r="K24681" s="9">
        <v>16</v>
      </c>
      <c r="L24681" s="6" t="s">
        <v>4151</v>
      </c>
    </row>
    <row r="24682" spans="1:12">
      <c r="A24682" s="6" t="s">
        <v>4151</v>
      </c>
      <c r="B24682" s="6"/>
      <c r="C24682" s="6" t="s">
        <v>24718</v>
      </c>
      <c r="D24682" s="6"/>
      <c r="E24682" s="6" t="s">
        <v>9</v>
      </c>
      <c r="F24682" s="7">
        <v>38657</v>
      </c>
      <c r="G24682" s="8">
        <v>1</v>
      </c>
      <c r="H24682" s="8">
        <v>1</v>
      </c>
      <c r="I24682" s="8">
        <v>0</v>
      </c>
      <c r="J24682" s="8">
        <v>1</v>
      </c>
      <c r="K24682" s="9">
        <v>16</v>
      </c>
      <c r="L24682" s="6" t="s">
        <v>4151</v>
      </c>
    </row>
    <row r="24683" spans="1:12">
      <c r="A24683" s="6" t="s">
        <v>4151</v>
      </c>
      <c r="B24683" s="6"/>
      <c r="C24683" s="6" t="s">
        <v>24719</v>
      </c>
      <c r="D24683" s="6"/>
      <c r="E24683" s="6" t="s">
        <v>9</v>
      </c>
      <c r="F24683" s="7">
        <v>38657</v>
      </c>
      <c r="G24683" s="8">
        <v>1</v>
      </c>
      <c r="H24683" s="8">
        <v>1</v>
      </c>
      <c r="I24683" s="8">
        <v>0</v>
      </c>
      <c r="J24683" s="8">
        <v>1</v>
      </c>
      <c r="K24683" s="9">
        <v>16</v>
      </c>
      <c r="L24683" s="6" t="s">
        <v>4151</v>
      </c>
    </row>
    <row r="24684" spans="1:12">
      <c r="A24684" s="6" t="s">
        <v>4151</v>
      </c>
      <c r="B24684" s="6"/>
      <c r="C24684" s="6" t="s">
        <v>24720</v>
      </c>
      <c r="D24684" s="6"/>
      <c r="E24684" s="6" t="s">
        <v>9</v>
      </c>
      <c r="F24684" s="7">
        <v>38657</v>
      </c>
      <c r="G24684" s="8">
        <v>1</v>
      </c>
      <c r="H24684" s="8">
        <v>1</v>
      </c>
      <c r="I24684" s="8">
        <v>0</v>
      </c>
      <c r="J24684" s="8">
        <v>1</v>
      </c>
      <c r="K24684" s="9">
        <v>13</v>
      </c>
      <c r="L24684" s="6" t="s">
        <v>4151</v>
      </c>
    </row>
    <row r="24685" spans="1:12">
      <c r="A24685" s="6" t="s">
        <v>4151</v>
      </c>
      <c r="B24685" s="6"/>
      <c r="C24685" s="6" t="s">
        <v>24721</v>
      </c>
      <c r="D24685" s="6"/>
      <c r="E24685" s="6" t="s">
        <v>9</v>
      </c>
      <c r="F24685" s="7">
        <v>38657</v>
      </c>
      <c r="G24685" s="8">
        <v>1</v>
      </c>
      <c r="H24685" s="8">
        <v>1</v>
      </c>
      <c r="I24685" s="8">
        <v>0</v>
      </c>
      <c r="J24685" s="8">
        <v>1</v>
      </c>
      <c r="K24685" s="9">
        <v>16</v>
      </c>
      <c r="L24685" s="6" t="s">
        <v>4151</v>
      </c>
    </row>
    <row r="24686" spans="1:12">
      <c r="A24686" s="6" t="s">
        <v>4151</v>
      </c>
      <c r="B24686" s="6"/>
      <c r="C24686" s="6" t="s">
        <v>24722</v>
      </c>
      <c r="D24686" s="6"/>
      <c r="E24686" s="6" t="s">
        <v>9</v>
      </c>
      <c r="F24686" s="7">
        <v>38657</v>
      </c>
      <c r="G24686" s="8">
        <v>1</v>
      </c>
      <c r="H24686" s="8">
        <v>1</v>
      </c>
      <c r="I24686" s="8">
        <v>0</v>
      </c>
      <c r="J24686" s="8">
        <v>1</v>
      </c>
      <c r="K24686" s="9">
        <v>16</v>
      </c>
      <c r="L24686" s="6" t="s">
        <v>4151</v>
      </c>
    </row>
    <row r="24687" spans="1:12">
      <c r="A24687" s="6" t="s">
        <v>4151</v>
      </c>
      <c r="B24687" s="6"/>
      <c r="C24687" s="6" t="s">
        <v>24723</v>
      </c>
      <c r="D24687" s="6"/>
      <c r="E24687" s="6" t="s">
        <v>9</v>
      </c>
      <c r="F24687" s="7">
        <v>38657</v>
      </c>
      <c r="G24687" s="8">
        <v>1</v>
      </c>
      <c r="H24687" s="8">
        <v>1</v>
      </c>
      <c r="I24687" s="8">
        <v>0</v>
      </c>
      <c r="J24687" s="8">
        <v>1</v>
      </c>
      <c r="K24687" s="9">
        <v>16</v>
      </c>
      <c r="L24687" s="6" t="s">
        <v>4151</v>
      </c>
    </row>
    <row r="24688" spans="1:12">
      <c r="A24688" s="6" t="s">
        <v>4151</v>
      </c>
      <c r="B24688" s="6"/>
      <c r="C24688" s="6" t="s">
        <v>24724</v>
      </c>
      <c r="D24688" s="6"/>
      <c r="E24688" s="6" t="s">
        <v>9</v>
      </c>
      <c r="F24688" s="7">
        <v>38657</v>
      </c>
      <c r="G24688" s="8">
        <v>1</v>
      </c>
      <c r="H24688" s="8">
        <v>1</v>
      </c>
      <c r="I24688" s="8">
        <v>0</v>
      </c>
      <c r="J24688" s="8">
        <v>1</v>
      </c>
      <c r="K24688" s="9">
        <v>16</v>
      </c>
      <c r="L24688" s="6" t="s">
        <v>4151</v>
      </c>
    </row>
    <row r="24689" spans="1:12">
      <c r="A24689" s="6" t="s">
        <v>4151</v>
      </c>
      <c r="B24689" s="6"/>
      <c r="C24689" s="6" t="s">
        <v>24725</v>
      </c>
      <c r="D24689" s="6"/>
      <c r="E24689" s="6" t="s">
        <v>9</v>
      </c>
      <c r="F24689" s="7">
        <v>38657</v>
      </c>
      <c r="G24689" s="8">
        <v>1</v>
      </c>
      <c r="H24689" s="8">
        <v>1</v>
      </c>
      <c r="I24689" s="8">
        <v>0</v>
      </c>
      <c r="J24689" s="8">
        <v>1</v>
      </c>
      <c r="K24689" s="9">
        <v>13</v>
      </c>
      <c r="L24689" s="6" t="s">
        <v>4151</v>
      </c>
    </row>
    <row r="24690" spans="1:12">
      <c r="A24690" s="6" t="s">
        <v>4151</v>
      </c>
      <c r="B24690" s="6"/>
      <c r="C24690" s="6" t="s">
        <v>24726</v>
      </c>
      <c r="D24690" s="6"/>
      <c r="E24690" s="6" t="s">
        <v>9</v>
      </c>
      <c r="F24690" s="7">
        <v>38657</v>
      </c>
      <c r="G24690" s="8">
        <v>1</v>
      </c>
      <c r="H24690" s="8">
        <v>1</v>
      </c>
      <c r="I24690" s="8">
        <v>0</v>
      </c>
      <c r="J24690" s="8">
        <v>1</v>
      </c>
      <c r="K24690" s="9">
        <v>0.14000000000000001</v>
      </c>
      <c r="L24690" s="6" t="s">
        <v>4151</v>
      </c>
    </row>
    <row r="24691" spans="1:12">
      <c r="A24691" s="6" t="s">
        <v>4151</v>
      </c>
      <c r="B24691" s="6"/>
      <c r="C24691" s="6" t="s">
        <v>24727</v>
      </c>
      <c r="D24691" s="6"/>
      <c r="E24691" s="6" t="s">
        <v>9</v>
      </c>
      <c r="F24691" s="7">
        <v>38657</v>
      </c>
      <c r="G24691" s="8">
        <v>1</v>
      </c>
      <c r="H24691" s="8">
        <v>1</v>
      </c>
      <c r="I24691" s="8">
        <v>0</v>
      </c>
      <c r="J24691" s="8">
        <v>1</v>
      </c>
      <c r="K24691" s="9">
        <v>105</v>
      </c>
      <c r="L24691" s="6" t="s">
        <v>4151</v>
      </c>
    </row>
    <row r="24692" spans="1:12">
      <c r="A24692" s="6" t="s">
        <v>4151</v>
      </c>
      <c r="B24692" s="6"/>
      <c r="C24692" s="6" t="s">
        <v>24728</v>
      </c>
      <c r="D24692" s="6"/>
      <c r="E24692" s="6" t="s">
        <v>9</v>
      </c>
      <c r="F24692" s="7">
        <v>38657</v>
      </c>
      <c r="G24692" s="8">
        <v>1</v>
      </c>
      <c r="H24692" s="8">
        <v>1</v>
      </c>
      <c r="I24692" s="8">
        <v>0</v>
      </c>
      <c r="J24692" s="8">
        <v>1</v>
      </c>
      <c r="K24692" s="9">
        <v>11</v>
      </c>
      <c r="L24692" s="6" t="s">
        <v>4151</v>
      </c>
    </row>
    <row r="24693" spans="1:12">
      <c r="A24693" s="6" t="s">
        <v>4151</v>
      </c>
      <c r="B24693" s="6"/>
      <c r="C24693" s="6" t="s">
        <v>24729</v>
      </c>
      <c r="D24693" s="6"/>
      <c r="E24693" s="6" t="s">
        <v>9</v>
      </c>
      <c r="F24693" s="7">
        <v>38657</v>
      </c>
      <c r="G24693" s="8">
        <v>1</v>
      </c>
      <c r="H24693" s="8">
        <v>1</v>
      </c>
      <c r="I24693" s="8">
        <v>0</v>
      </c>
      <c r="J24693" s="8">
        <v>1</v>
      </c>
      <c r="K24693" s="9">
        <v>6.52</v>
      </c>
      <c r="L24693" s="6" t="s">
        <v>4151</v>
      </c>
    </row>
    <row r="24694" spans="1:12">
      <c r="A24694" s="6" t="s">
        <v>4151</v>
      </c>
      <c r="B24694" s="6"/>
      <c r="C24694" s="6" t="s">
        <v>24730</v>
      </c>
      <c r="D24694" s="6"/>
      <c r="E24694" s="6" t="s">
        <v>9</v>
      </c>
      <c r="F24694" s="7">
        <v>38657</v>
      </c>
      <c r="G24694" s="8">
        <v>1</v>
      </c>
      <c r="H24694" s="8">
        <v>1</v>
      </c>
      <c r="I24694" s="8">
        <v>0</v>
      </c>
      <c r="J24694" s="8">
        <v>1</v>
      </c>
      <c r="K24694" s="9">
        <v>35</v>
      </c>
      <c r="L24694" s="6" t="s">
        <v>4151</v>
      </c>
    </row>
    <row r="24695" spans="1:12">
      <c r="A24695" s="6" t="s">
        <v>4151</v>
      </c>
      <c r="B24695" s="6"/>
      <c r="C24695" s="6" t="s">
        <v>24731</v>
      </c>
      <c r="D24695" s="6"/>
      <c r="E24695" s="6" t="s">
        <v>9</v>
      </c>
      <c r="F24695" s="7">
        <v>38657</v>
      </c>
      <c r="G24695" s="8">
        <v>1</v>
      </c>
      <c r="H24695" s="8">
        <v>1</v>
      </c>
      <c r="I24695" s="8">
        <v>0</v>
      </c>
      <c r="J24695" s="8">
        <v>1</v>
      </c>
      <c r="K24695" s="9">
        <v>26</v>
      </c>
      <c r="L24695" s="6" t="s">
        <v>4151</v>
      </c>
    </row>
    <row r="24696" spans="1:12">
      <c r="A24696" s="6" t="s">
        <v>4151</v>
      </c>
      <c r="B24696" s="6"/>
      <c r="C24696" s="6" t="s">
        <v>24732</v>
      </c>
      <c r="D24696" s="6"/>
      <c r="E24696" s="6" t="s">
        <v>9</v>
      </c>
      <c r="F24696" s="7">
        <v>38657</v>
      </c>
      <c r="G24696" s="8">
        <v>1</v>
      </c>
      <c r="H24696" s="8">
        <v>1</v>
      </c>
      <c r="I24696" s="8">
        <v>0</v>
      </c>
      <c r="J24696" s="8">
        <v>1</v>
      </c>
      <c r="K24696" s="9">
        <v>24</v>
      </c>
      <c r="L24696" s="6" t="s">
        <v>4151</v>
      </c>
    </row>
    <row r="24697" spans="1:12">
      <c r="A24697" s="6" t="s">
        <v>4151</v>
      </c>
      <c r="B24697" s="6"/>
      <c r="C24697" s="6" t="s">
        <v>24733</v>
      </c>
      <c r="D24697" s="6"/>
      <c r="E24697" s="6" t="s">
        <v>9</v>
      </c>
      <c r="F24697" s="7">
        <v>38657</v>
      </c>
      <c r="G24697" s="8">
        <v>1</v>
      </c>
      <c r="H24697" s="8">
        <v>1</v>
      </c>
      <c r="I24697" s="8">
        <v>0</v>
      </c>
      <c r="J24697" s="8">
        <v>1</v>
      </c>
      <c r="K24697" s="9">
        <v>24</v>
      </c>
      <c r="L24697" s="6" t="s">
        <v>4151</v>
      </c>
    </row>
    <row r="24698" spans="1:12">
      <c r="A24698" s="6" t="s">
        <v>4151</v>
      </c>
      <c r="B24698" s="6"/>
      <c r="C24698" s="6" t="s">
        <v>24734</v>
      </c>
      <c r="D24698" s="6"/>
      <c r="E24698" s="6" t="s">
        <v>9</v>
      </c>
      <c r="F24698" s="7">
        <v>38657</v>
      </c>
      <c r="G24698" s="8">
        <v>1</v>
      </c>
      <c r="H24698" s="8">
        <v>1</v>
      </c>
      <c r="I24698" s="8">
        <v>0</v>
      </c>
      <c r="J24698" s="8">
        <v>1</v>
      </c>
      <c r="K24698" s="9">
        <v>24</v>
      </c>
      <c r="L24698" s="6" t="s">
        <v>4151</v>
      </c>
    </row>
    <row r="24699" spans="1:12">
      <c r="A24699" s="6" t="s">
        <v>4151</v>
      </c>
      <c r="B24699" s="6"/>
      <c r="C24699" s="6" t="s">
        <v>24735</v>
      </c>
      <c r="D24699" s="6"/>
      <c r="E24699" s="6" t="s">
        <v>9</v>
      </c>
      <c r="F24699" s="7">
        <v>38657</v>
      </c>
      <c r="G24699" s="8">
        <v>1</v>
      </c>
      <c r="H24699" s="8">
        <v>1</v>
      </c>
      <c r="I24699" s="8">
        <v>0</v>
      </c>
      <c r="J24699" s="8">
        <v>1</v>
      </c>
      <c r="K24699" s="9">
        <v>24</v>
      </c>
      <c r="L24699" s="6" t="s">
        <v>4151</v>
      </c>
    </row>
    <row r="24700" spans="1:12">
      <c r="A24700" s="6" t="s">
        <v>4151</v>
      </c>
      <c r="B24700" s="6"/>
      <c r="C24700" s="6" t="s">
        <v>24736</v>
      </c>
      <c r="D24700" s="6"/>
      <c r="E24700" s="6" t="s">
        <v>9</v>
      </c>
      <c r="F24700" s="7">
        <v>38657</v>
      </c>
      <c r="G24700" s="8">
        <v>1</v>
      </c>
      <c r="H24700" s="8">
        <v>1</v>
      </c>
      <c r="I24700" s="8">
        <v>0</v>
      </c>
      <c r="J24700" s="8">
        <v>1</v>
      </c>
      <c r="K24700" s="9">
        <v>24</v>
      </c>
      <c r="L24700" s="6" t="s">
        <v>4151</v>
      </c>
    </row>
    <row r="24701" spans="1:12">
      <c r="A24701" s="6" t="s">
        <v>4151</v>
      </c>
      <c r="B24701" s="6"/>
      <c r="C24701" s="6" t="s">
        <v>24737</v>
      </c>
      <c r="D24701" s="6"/>
      <c r="E24701" s="6" t="s">
        <v>9</v>
      </c>
      <c r="F24701" s="7">
        <v>38657</v>
      </c>
      <c r="G24701" s="8">
        <v>1</v>
      </c>
      <c r="H24701" s="8">
        <v>1</v>
      </c>
      <c r="I24701" s="8">
        <v>0</v>
      </c>
      <c r="J24701" s="8">
        <v>1</v>
      </c>
      <c r="K24701" s="9">
        <v>31.07</v>
      </c>
      <c r="L24701" s="6" t="s">
        <v>4151</v>
      </c>
    </row>
    <row r="24702" spans="1:12">
      <c r="A24702" s="6" t="s">
        <v>4151</v>
      </c>
      <c r="B24702" s="6"/>
      <c r="C24702" s="6" t="s">
        <v>24738</v>
      </c>
      <c r="D24702" s="6"/>
      <c r="E24702" s="6" t="s">
        <v>9</v>
      </c>
      <c r="F24702" s="7">
        <v>38657</v>
      </c>
      <c r="G24702" s="8">
        <v>1</v>
      </c>
      <c r="H24702" s="8">
        <v>1</v>
      </c>
      <c r="I24702" s="8">
        <v>0</v>
      </c>
      <c r="J24702" s="8">
        <v>1</v>
      </c>
      <c r="K24702" s="9">
        <v>24</v>
      </c>
      <c r="L24702" s="6" t="s">
        <v>4151</v>
      </c>
    </row>
    <row r="24703" spans="1:12">
      <c r="A24703" s="6" t="s">
        <v>4151</v>
      </c>
      <c r="B24703" s="6"/>
      <c r="C24703" s="6" t="s">
        <v>24739</v>
      </c>
      <c r="D24703" s="6"/>
      <c r="E24703" s="6" t="s">
        <v>9</v>
      </c>
      <c r="F24703" s="7">
        <v>38657</v>
      </c>
      <c r="G24703" s="8">
        <v>1</v>
      </c>
      <c r="H24703" s="8">
        <v>1</v>
      </c>
      <c r="I24703" s="8">
        <v>0</v>
      </c>
      <c r="J24703" s="8">
        <v>1</v>
      </c>
      <c r="K24703" s="9">
        <v>15</v>
      </c>
      <c r="L24703" s="6" t="s">
        <v>4151</v>
      </c>
    </row>
    <row r="24704" spans="1:12">
      <c r="A24704" s="6" t="s">
        <v>4151</v>
      </c>
      <c r="B24704" s="6"/>
      <c r="C24704" s="6" t="s">
        <v>24740</v>
      </c>
      <c r="D24704" s="6"/>
      <c r="E24704" s="6" t="s">
        <v>9</v>
      </c>
      <c r="F24704" s="7">
        <v>38657</v>
      </c>
      <c r="G24704" s="8">
        <v>1</v>
      </c>
      <c r="H24704" s="8">
        <v>1</v>
      </c>
      <c r="I24704" s="8">
        <v>0</v>
      </c>
      <c r="J24704" s="8">
        <v>1</v>
      </c>
      <c r="K24704" s="9">
        <v>29</v>
      </c>
      <c r="L24704" s="6" t="s">
        <v>4151</v>
      </c>
    </row>
    <row r="24705" spans="1:12">
      <c r="A24705" s="6" t="s">
        <v>4151</v>
      </c>
      <c r="B24705" s="6"/>
      <c r="C24705" s="6" t="s">
        <v>24741</v>
      </c>
      <c r="D24705" s="6"/>
      <c r="E24705" s="6" t="s">
        <v>9</v>
      </c>
      <c r="F24705" s="7">
        <v>38657</v>
      </c>
      <c r="G24705" s="8">
        <v>1</v>
      </c>
      <c r="H24705" s="8">
        <v>1</v>
      </c>
      <c r="I24705" s="8">
        <v>0</v>
      </c>
      <c r="J24705" s="8">
        <v>1</v>
      </c>
      <c r="K24705" s="9">
        <v>106</v>
      </c>
      <c r="L24705" s="6" t="s">
        <v>4151</v>
      </c>
    </row>
    <row r="24706" spans="1:12">
      <c r="A24706" s="6" t="s">
        <v>4151</v>
      </c>
      <c r="B24706" s="6"/>
      <c r="C24706" s="6" t="s">
        <v>24742</v>
      </c>
      <c r="D24706" s="6"/>
      <c r="E24706" s="6" t="s">
        <v>9</v>
      </c>
      <c r="F24706" s="7">
        <v>38657</v>
      </c>
      <c r="G24706" s="8">
        <v>1</v>
      </c>
      <c r="H24706" s="8">
        <v>1</v>
      </c>
      <c r="I24706" s="8">
        <v>0</v>
      </c>
      <c r="J24706" s="8">
        <v>1</v>
      </c>
      <c r="K24706" s="9">
        <v>30</v>
      </c>
      <c r="L24706" s="6" t="s">
        <v>4151</v>
      </c>
    </row>
    <row r="24707" spans="1:12">
      <c r="A24707" s="6" t="s">
        <v>4151</v>
      </c>
      <c r="B24707" s="6"/>
      <c r="C24707" s="6" t="s">
        <v>24743</v>
      </c>
      <c r="D24707" s="6"/>
      <c r="E24707" s="6" t="s">
        <v>9</v>
      </c>
      <c r="F24707" s="7">
        <v>38657</v>
      </c>
      <c r="G24707" s="8">
        <v>1</v>
      </c>
      <c r="H24707" s="8">
        <v>1</v>
      </c>
      <c r="I24707" s="8">
        <v>0</v>
      </c>
      <c r="J24707" s="8">
        <v>1</v>
      </c>
      <c r="K24707" s="9">
        <v>24</v>
      </c>
      <c r="L24707" s="6" t="s">
        <v>4151</v>
      </c>
    </row>
    <row r="24708" spans="1:12">
      <c r="A24708" s="6" t="s">
        <v>4151</v>
      </c>
      <c r="B24708" s="6"/>
      <c r="C24708" s="6" t="s">
        <v>24744</v>
      </c>
      <c r="D24708" s="6"/>
      <c r="E24708" s="6" t="s">
        <v>9</v>
      </c>
      <c r="F24708" s="7">
        <v>38657</v>
      </c>
      <c r="G24708" s="8">
        <v>1</v>
      </c>
      <c r="H24708" s="8">
        <v>1</v>
      </c>
      <c r="I24708" s="8">
        <v>0</v>
      </c>
      <c r="J24708" s="8">
        <v>1</v>
      </c>
      <c r="K24708" s="9">
        <v>24</v>
      </c>
      <c r="L24708" s="6" t="s">
        <v>4151</v>
      </c>
    </row>
    <row r="24709" spans="1:12">
      <c r="A24709" s="6" t="s">
        <v>4151</v>
      </c>
      <c r="B24709" s="6"/>
      <c r="C24709" s="6" t="s">
        <v>24745</v>
      </c>
      <c r="D24709" s="6"/>
      <c r="E24709" s="6" t="s">
        <v>9</v>
      </c>
      <c r="F24709" s="7">
        <v>38657</v>
      </c>
      <c r="G24709" s="8">
        <v>1</v>
      </c>
      <c r="H24709" s="8">
        <v>1</v>
      </c>
      <c r="I24709" s="8">
        <v>0</v>
      </c>
      <c r="J24709" s="8">
        <v>1</v>
      </c>
      <c r="K24709" s="9">
        <v>24</v>
      </c>
      <c r="L24709" s="6" t="s">
        <v>4151</v>
      </c>
    </row>
    <row r="24710" spans="1:12">
      <c r="A24710" s="6" t="s">
        <v>4151</v>
      </c>
      <c r="B24710" s="6"/>
      <c r="C24710" s="6" t="s">
        <v>24746</v>
      </c>
      <c r="D24710" s="6"/>
      <c r="E24710" s="6" t="s">
        <v>9</v>
      </c>
      <c r="F24710" s="7">
        <v>38657</v>
      </c>
      <c r="G24710" s="8">
        <v>1</v>
      </c>
      <c r="H24710" s="8">
        <v>1</v>
      </c>
      <c r="I24710" s="8">
        <v>0</v>
      </c>
      <c r="J24710" s="8">
        <v>1</v>
      </c>
      <c r="K24710" s="9">
        <v>24</v>
      </c>
      <c r="L24710" s="6" t="s">
        <v>4151</v>
      </c>
    </row>
    <row r="24711" spans="1:12">
      <c r="A24711" s="6" t="s">
        <v>4151</v>
      </c>
      <c r="B24711" s="6"/>
      <c r="C24711" s="6" t="s">
        <v>24747</v>
      </c>
      <c r="D24711" s="6"/>
      <c r="E24711" s="6" t="s">
        <v>9</v>
      </c>
      <c r="F24711" s="7">
        <v>38657</v>
      </c>
      <c r="G24711" s="8">
        <v>1</v>
      </c>
      <c r="H24711" s="8">
        <v>1</v>
      </c>
      <c r="I24711" s="8">
        <v>0</v>
      </c>
      <c r="J24711" s="8">
        <v>1</v>
      </c>
      <c r="K24711" s="9">
        <v>24</v>
      </c>
      <c r="L24711" s="6" t="s">
        <v>4151</v>
      </c>
    </row>
    <row r="24712" spans="1:12">
      <c r="A24712" s="6" t="s">
        <v>4151</v>
      </c>
      <c r="B24712" s="6"/>
      <c r="C24712" s="6" t="s">
        <v>24748</v>
      </c>
      <c r="D24712" s="6"/>
      <c r="E24712" s="6" t="s">
        <v>9</v>
      </c>
      <c r="F24712" s="7">
        <v>38657</v>
      </c>
      <c r="G24712" s="8">
        <v>1</v>
      </c>
      <c r="H24712" s="8">
        <v>1</v>
      </c>
      <c r="I24712" s="8">
        <v>0</v>
      </c>
      <c r="J24712" s="8">
        <v>1</v>
      </c>
      <c r="K24712" s="9">
        <v>36</v>
      </c>
      <c r="L24712" s="6" t="s">
        <v>4151</v>
      </c>
    </row>
    <row r="24713" spans="1:12">
      <c r="A24713" s="6" t="s">
        <v>4151</v>
      </c>
      <c r="B24713" s="6"/>
      <c r="C24713" s="6" t="s">
        <v>24749</v>
      </c>
      <c r="D24713" s="6"/>
      <c r="E24713" s="6" t="s">
        <v>9</v>
      </c>
      <c r="F24713" s="7">
        <v>38657</v>
      </c>
      <c r="G24713" s="8">
        <v>1</v>
      </c>
      <c r="H24713" s="8">
        <v>1</v>
      </c>
      <c r="I24713" s="8">
        <v>0</v>
      </c>
      <c r="J24713" s="8">
        <v>1</v>
      </c>
      <c r="K24713" s="9">
        <v>24</v>
      </c>
      <c r="L24713" s="6" t="s">
        <v>4151</v>
      </c>
    </row>
    <row r="24714" spans="1:12">
      <c r="A24714" s="6" t="s">
        <v>4151</v>
      </c>
      <c r="B24714" s="6"/>
      <c r="C24714" s="6" t="s">
        <v>24750</v>
      </c>
      <c r="D24714" s="6"/>
      <c r="E24714" s="6" t="s">
        <v>9</v>
      </c>
      <c r="F24714" s="7">
        <v>38657</v>
      </c>
      <c r="G24714" s="8">
        <v>1</v>
      </c>
      <c r="H24714" s="8">
        <v>1</v>
      </c>
      <c r="I24714" s="8">
        <v>0</v>
      </c>
      <c r="J24714" s="8">
        <v>1</v>
      </c>
      <c r="K24714" s="9">
        <v>28</v>
      </c>
      <c r="L24714" s="6" t="s">
        <v>4151</v>
      </c>
    </row>
    <row r="24715" spans="1:12">
      <c r="A24715" s="6" t="s">
        <v>4151</v>
      </c>
      <c r="B24715" s="6"/>
      <c r="C24715" s="6" t="s">
        <v>24751</v>
      </c>
      <c r="D24715" s="6"/>
      <c r="E24715" s="6" t="s">
        <v>9</v>
      </c>
      <c r="F24715" s="7">
        <v>38657</v>
      </c>
      <c r="G24715" s="8">
        <v>1</v>
      </c>
      <c r="H24715" s="8">
        <v>1</v>
      </c>
      <c r="I24715" s="8">
        <v>0</v>
      </c>
      <c r="J24715" s="8">
        <v>1</v>
      </c>
      <c r="K24715" s="9">
        <v>35</v>
      </c>
      <c r="L24715" s="6" t="s">
        <v>4151</v>
      </c>
    </row>
    <row r="24716" spans="1:12">
      <c r="A24716" s="6" t="s">
        <v>4151</v>
      </c>
      <c r="B24716" s="6"/>
      <c r="C24716" s="6" t="s">
        <v>24752</v>
      </c>
      <c r="D24716" s="6"/>
      <c r="E24716" s="6" t="s">
        <v>9</v>
      </c>
      <c r="F24716" s="7">
        <v>38657</v>
      </c>
      <c r="G24716" s="8">
        <v>1</v>
      </c>
      <c r="H24716" s="8">
        <v>1</v>
      </c>
      <c r="I24716" s="8">
        <v>0</v>
      </c>
      <c r="J24716" s="8">
        <v>1</v>
      </c>
      <c r="K24716" s="9">
        <v>24</v>
      </c>
      <c r="L24716" s="6" t="s">
        <v>4151</v>
      </c>
    </row>
    <row r="24717" spans="1:12">
      <c r="A24717" s="6" t="s">
        <v>4151</v>
      </c>
      <c r="B24717" s="6"/>
      <c r="C24717" s="6" t="s">
        <v>24753</v>
      </c>
      <c r="D24717" s="6"/>
      <c r="E24717" s="6" t="s">
        <v>9</v>
      </c>
      <c r="F24717" s="7">
        <v>38657</v>
      </c>
      <c r="G24717" s="8">
        <v>1</v>
      </c>
      <c r="H24717" s="8">
        <v>1</v>
      </c>
      <c r="I24717" s="8">
        <v>0</v>
      </c>
      <c r="J24717" s="8">
        <v>1</v>
      </c>
      <c r="K24717" s="9">
        <v>24</v>
      </c>
      <c r="L24717" s="6" t="s">
        <v>4151</v>
      </c>
    </row>
    <row r="24718" spans="1:12">
      <c r="A24718" s="6" t="s">
        <v>4151</v>
      </c>
      <c r="B24718" s="6"/>
      <c r="C24718" s="6" t="s">
        <v>24754</v>
      </c>
      <c r="D24718" s="6"/>
      <c r="E24718" s="6" t="s">
        <v>9</v>
      </c>
      <c r="F24718" s="7">
        <v>38657</v>
      </c>
      <c r="G24718" s="8">
        <v>1</v>
      </c>
      <c r="H24718" s="8">
        <v>1</v>
      </c>
      <c r="I24718" s="8">
        <v>0</v>
      </c>
      <c r="J24718" s="8">
        <v>1</v>
      </c>
      <c r="K24718" s="9">
        <v>37</v>
      </c>
      <c r="L24718" s="6" t="s">
        <v>4151</v>
      </c>
    </row>
    <row r="24719" spans="1:12">
      <c r="A24719" s="6" t="s">
        <v>4151</v>
      </c>
      <c r="B24719" s="6"/>
      <c r="C24719" s="6" t="s">
        <v>24755</v>
      </c>
      <c r="D24719" s="6"/>
      <c r="E24719" s="6" t="s">
        <v>9</v>
      </c>
      <c r="F24719" s="7">
        <v>38657</v>
      </c>
      <c r="G24719" s="8">
        <v>1</v>
      </c>
      <c r="H24719" s="8">
        <v>1</v>
      </c>
      <c r="I24719" s="8">
        <v>0</v>
      </c>
      <c r="J24719" s="8">
        <v>1</v>
      </c>
      <c r="K24719" s="9">
        <v>37</v>
      </c>
      <c r="L24719" s="6" t="s">
        <v>4151</v>
      </c>
    </row>
    <row r="24720" spans="1:12">
      <c r="A24720" s="6" t="s">
        <v>4151</v>
      </c>
      <c r="B24720" s="6"/>
      <c r="C24720" s="6" t="s">
        <v>24756</v>
      </c>
      <c r="D24720" s="6"/>
      <c r="E24720" s="6" t="s">
        <v>9</v>
      </c>
      <c r="F24720" s="7">
        <v>38657</v>
      </c>
      <c r="G24720" s="8">
        <v>1</v>
      </c>
      <c r="H24720" s="8">
        <v>1</v>
      </c>
      <c r="I24720" s="8">
        <v>0</v>
      </c>
      <c r="J24720" s="8">
        <v>1</v>
      </c>
      <c r="K24720" s="9">
        <v>28</v>
      </c>
      <c r="L24720" s="6" t="s">
        <v>4151</v>
      </c>
    </row>
    <row r="24721" spans="1:12">
      <c r="A24721" s="6" t="s">
        <v>4151</v>
      </c>
      <c r="B24721" s="6"/>
      <c r="C24721" s="6" t="s">
        <v>24757</v>
      </c>
      <c r="D24721" s="6"/>
      <c r="E24721" s="6" t="s">
        <v>9</v>
      </c>
      <c r="F24721" s="7">
        <v>38657</v>
      </c>
      <c r="G24721" s="8">
        <v>1</v>
      </c>
      <c r="H24721" s="8">
        <v>1</v>
      </c>
      <c r="I24721" s="8">
        <v>0</v>
      </c>
      <c r="J24721" s="8">
        <v>1</v>
      </c>
      <c r="K24721" s="9">
        <v>37</v>
      </c>
      <c r="L24721" s="6" t="s">
        <v>4151</v>
      </c>
    </row>
    <row r="24722" spans="1:12">
      <c r="A24722" s="6" t="s">
        <v>4151</v>
      </c>
      <c r="B24722" s="6"/>
      <c r="C24722" s="6" t="s">
        <v>24758</v>
      </c>
      <c r="D24722" s="6"/>
      <c r="E24722" s="6" t="s">
        <v>9</v>
      </c>
      <c r="F24722" s="7">
        <v>38657</v>
      </c>
      <c r="G24722" s="8">
        <v>1</v>
      </c>
      <c r="H24722" s="8">
        <v>1</v>
      </c>
      <c r="I24722" s="8">
        <v>0</v>
      </c>
      <c r="J24722" s="8">
        <v>1</v>
      </c>
      <c r="K24722" s="9">
        <v>37</v>
      </c>
      <c r="L24722" s="6" t="s">
        <v>4151</v>
      </c>
    </row>
    <row r="24723" spans="1:12">
      <c r="A24723" s="6" t="s">
        <v>4151</v>
      </c>
      <c r="B24723" s="6"/>
      <c r="C24723" s="6" t="s">
        <v>24759</v>
      </c>
      <c r="D24723" s="6"/>
      <c r="E24723" s="6" t="s">
        <v>9</v>
      </c>
      <c r="F24723" s="7">
        <v>38657</v>
      </c>
      <c r="G24723" s="8">
        <v>1</v>
      </c>
      <c r="H24723" s="8">
        <v>1</v>
      </c>
      <c r="I24723" s="8">
        <v>0</v>
      </c>
      <c r="J24723" s="8">
        <v>1</v>
      </c>
      <c r="K24723" s="9">
        <v>16</v>
      </c>
      <c r="L24723" s="6" t="s">
        <v>4151</v>
      </c>
    </row>
    <row r="24724" spans="1:12">
      <c r="A24724" s="6" t="s">
        <v>4151</v>
      </c>
      <c r="B24724" s="6"/>
      <c r="C24724" s="6" t="s">
        <v>24760</v>
      </c>
      <c r="D24724" s="6"/>
      <c r="E24724" s="6" t="s">
        <v>9</v>
      </c>
      <c r="F24724" s="7">
        <v>38657</v>
      </c>
      <c r="G24724" s="8">
        <v>1</v>
      </c>
      <c r="H24724" s="8">
        <v>1</v>
      </c>
      <c r="I24724" s="8">
        <v>0</v>
      </c>
      <c r="J24724" s="8">
        <v>1</v>
      </c>
      <c r="K24724" s="9">
        <v>46</v>
      </c>
      <c r="L24724" s="6" t="s">
        <v>4151</v>
      </c>
    </row>
    <row r="24725" spans="1:12">
      <c r="A24725" s="6" t="s">
        <v>4151</v>
      </c>
      <c r="B24725" s="6"/>
      <c r="C24725" s="6" t="s">
        <v>24761</v>
      </c>
      <c r="D24725" s="6"/>
      <c r="E24725" s="6" t="s">
        <v>9</v>
      </c>
      <c r="F24725" s="7">
        <v>38657</v>
      </c>
      <c r="G24725" s="8">
        <v>1</v>
      </c>
      <c r="H24725" s="8">
        <v>1</v>
      </c>
      <c r="I24725" s="8">
        <v>0</v>
      </c>
      <c r="J24725" s="8">
        <v>1</v>
      </c>
      <c r="K24725" s="9">
        <v>23</v>
      </c>
      <c r="L24725" s="6" t="s">
        <v>4151</v>
      </c>
    </row>
    <row r="24726" spans="1:12">
      <c r="A24726" s="6" t="s">
        <v>4151</v>
      </c>
      <c r="B24726" s="6"/>
      <c r="C24726" s="6" t="s">
        <v>24762</v>
      </c>
      <c r="D24726" s="6"/>
      <c r="E24726" s="6" t="s">
        <v>9</v>
      </c>
      <c r="F24726" s="7">
        <v>38657</v>
      </c>
      <c r="G24726" s="8">
        <v>1</v>
      </c>
      <c r="H24726" s="8">
        <v>1</v>
      </c>
      <c r="I24726" s="8">
        <v>0</v>
      </c>
      <c r="J24726" s="8">
        <v>1</v>
      </c>
      <c r="K24726" s="9">
        <v>24</v>
      </c>
      <c r="L24726" s="6" t="s">
        <v>4151</v>
      </c>
    </row>
    <row r="24727" spans="1:12">
      <c r="A24727" s="6" t="s">
        <v>4151</v>
      </c>
      <c r="B24727" s="6"/>
      <c r="C24727" s="6" t="s">
        <v>24763</v>
      </c>
      <c r="D24727" s="6"/>
      <c r="E24727" s="6" t="s">
        <v>9</v>
      </c>
      <c r="F24727" s="7">
        <v>38657</v>
      </c>
      <c r="G24727" s="8">
        <v>1</v>
      </c>
      <c r="H24727" s="8">
        <v>1</v>
      </c>
      <c r="I24727" s="8">
        <v>0</v>
      </c>
      <c r="J24727" s="8">
        <v>1</v>
      </c>
      <c r="K24727" s="9">
        <v>25</v>
      </c>
      <c r="L24727" s="6" t="s">
        <v>4151</v>
      </c>
    </row>
    <row r="24728" spans="1:12">
      <c r="A24728" s="6" t="s">
        <v>4151</v>
      </c>
      <c r="B24728" s="6"/>
      <c r="C24728" s="6" t="s">
        <v>24764</v>
      </c>
      <c r="D24728" s="6"/>
      <c r="E24728" s="6" t="s">
        <v>9</v>
      </c>
      <c r="F24728" s="7">
        <v>38657</v>
      </c>
      <c r="G24728" s="8">
        <v>1</v>
      </c>
      <c r="H24728" s="8">
        <v>1</v>
      </c>
      <c r="I24728" s="8">
        <v>0</v>
      </c>
      <c r="J24728" s="8">
        <v>1</v>
      </c>
      <c r="K24728" s="9">
        <v>36</v>
      </c>
      <c r="L24728" s="6" t="s">
        <v>4151</v>
      </c>
    </row>
    <row r="24729" spans="1:12">
      <c r="A24729" s="6" t="s">
        <v>4151</v>
      </c>
      <c r="B24729" s="6"/>
      <c r="C24729" s="6" t="s">
        <v>24765</v>
      </c>
      <c r="D24729" s="6"/>
      <c r="E24729" s="6" t="s">
        <v>9</v>
      </c>
      <c r="F24729" s="7">
        <v>38657</v>
      </c>
      <c r="G24729" s="8">
        <v>1</v>
      </c>
      <c r="H24729" s="8">
        <v>1</v>
      </c>
      <c r="I24729" s="8">
        <v>0</v>
      </c>
      <c r="J24729" s="8">
        <v>1</v>
      </c>
      <c r="K24729" s="9">
        <v>63</v>
      </c>
      <c r="L24729" s="6" t="s">
        <v>4151</v>
      </c>
    </row>
    <row r="24730" spans="1:12">
      <c r="A24730" s="6" t="s">
        <v>4151</v>
      </c>
      <c r="B24730" s="6"/>
      <c r="C24730" s="6" t="s">
        <v>24766</v>
      </c>
      <c r="D24730" s="6"/>
      <c r="E24730" s="6" t="s">
        <v>9</v>
      </c>
      <c r="F24730" s="7">
        <v>38657</v>
      </c>
      <c r="G24730" s="8">
        <v>1</v>
      </c>
      <c r="H24730" s="8">
        <v>1</v>
      </c>
      <c r="I24730" s="8">
        <v>0</v>
      </c>
      <c r="J24730" s="8">
        <v>1</v>
      </c>
      <c r="K24730" s="9">
        <v>58</v>
      </c>
      <c r="L24730" s="6" t="s">
        <v>4151</v>
      </c>
    </row>
    <row r="24731" spans="1:12">
      <c r="A24731" s="6" t="s">
        <v>4151</v>
      </c>
      <c r="B24731" s="6"/>
      <c r="C24731" s="6" t="s">
        <v>24767</v>
      </c>
      <c r="D24731" s="6"/>
      <c r="E24731" s="6" t="s">
        <v>9</v>
      </c>
      <c r="F24731" s="7">
        <v>38657</v>
      </c>
      <c r="G24731" s="8">
        <v>1</v>
      </c>
      <c r="H24731" s="8">
        <v>1</v>
      </c>
      <c r="I24731" s="8">
        <v>0</v>
      </c>
      <c r="J24731" s="8">
        <v>1</v>
      </c>
      <c r="K24731" s="9">
        <v>24</v>
      </c>
      <c r="L24731" s="6" t="s">
        <v>4151</v>
      </c>
    </row>
    <row r="24732" spans="1:12">
      <c r="A24732" s="6" t="s">
        <v>4151</v>
      </c>
      <c r="B24732" s="6"/>
      <c r="C24732" s="6" t="s">
        <v>24768</v>
      </c>
      <c r="D24732" s="6"/>
      <c r="E24732" s="6" t="s">
        <v>9</v>
      </c>
      <c r="F24732" s="7">
        <v>38657</v>
      </c>
      <c r="G24732" s="8">
        <v>1</v>
      </c>
      <c r="H24732" s="8">
        <v>1</v>
      </c>
      <c r="I24732" s="8">
        <v>0</v>
      </c>
      <c r="J24732" s="8">
        <v>1</v>
      </c>
      <c r="K24732" s="9">
        <v>24</v>
      </c>
      <c r="L24732" s="6" t="s">
        <v>4151</v>
      </c>
    </row>
    <row r="24733" spans="1:12">
      <c r="A24733" s="6" t="s">
        <v>4151</v>
      </c>
      <c r="B24733" s="6"/>
      <c r="C24733" s="6" t="s">
        <v>24769</v>
      </c>
      <c r="D24733" s="6"/>
      <c r="E24733" s="6" t="s">
        <v>9</v>
      </c>
      <c r="F24733" s="7">
        <v>38657</v>
      </c>
      <c r="G24733" s="8">
        <v>1</v>
      </c>
      <c r="H24733" s="8">
        <v>1</v>
      </c>
      <c r="I24733" s="8">
        <v>0</v>
      </c>
      <c r="J24733" s="8">
        <v>1</v>
      </c>
      <c r="K24733" s="9">
        <v>12</v>
      </c>
      <c r="L24733" s="6" t="s">
        <v>4151</v>
      </c>
    </row>
    <row r="24734" spans="1:12">
      <c r="A24734" s="6" t="s">
        <v>4151</v>
      </c>
      <c r="B24734" s="6"/>
      <c r="C24734" s="6" t="s">
        <v>24770</v>
      </c>
      <c r="D24734" s="6"/>
      <c r="E24734" s="6" t="s">
        <v>9</v>
      </c>
      <c r="F24734" s="7">
        <v>38657</v>
      </c>
      <c r="G24734" s="8">
        <v>1</v>
      </c>
      <c r="H24734" s="8">
        <v>1</v>
      </c>
      <c r="I24734" s="8">
        <v>0</v>
      </c>
      <c r="J24734" s="8">
        <v>1</v>
      </c>
      <c r="K24734" s="9">
        <v>8.27</v>
      </c>
      <c r="L24734" s="6" t="s">
        <v>4151</v>
      </c>
    </row>
    <row r="24735" spans="1:12">
      <c r="A24735" s="6" t="s">
        <v>4151</v>
      </c>
      <c r="B24735" s="6"/>
      <c r="C24735" s="6" t="s">
        <v>24771</v>
      </c>
      <c r="D24735" s="6"/>
      <c r="E24735" s="6" t="s">
        <v>9</v>
      </c>
      <c r="F24735" s="7">
        <v>38657</v>
      </c>
      <c r="G24735" s="8">
        <v>1</v>
      </c>
      <c r="H24735" s="8">
        <v>1</v>
      </c>
      <c r="I24735" s="8">
        <v>0</v>
      </c>
      <c r="J24735" s="8">
        <v>1</v>
      </c>
      <c r="K24735" s="9">
        <v>24</v>
      </c>
      <c r="L24735" s="6" t="s">
        <v>4151</v>
      </c>
    </row>
    <row r="24736" spans="1:12">
      <c r="A24736" s="6" t="s">
        <v>4151</v>
      </c>
      <c r="B24736" s="6"/>
      <c r="C24736" s="6" t="s">
        <v>24772</v>
      </c>
      <c r="D24736" s="6"/>
      <c r="E24736" s="6" t="s">
        <v>9</v>
      </c>
      <c r="F24736" s="7">
        <v>38657</v>
      </c>
      <c r="G24736" s="8">
        <v>1</v>
      </c>
      <c r="H24736" s="8">
        <v>1</v>
      </c>
      <c r="I24736" s="8">
        <v>0</v>
      </c>
      <c r="J24736" s="8">
        <v>1</v>
      </c>
      <c r="K24736" s="9">
        <v>11</v>
      </c>
      <c r="L24736" s="6" t="s">
        <v>4151</v>
      </c>
    </row>
    <row r="24737" spans="1:12">
      <c r="A24737" s="6" t="s">
        <v>4151</v>
      </c>
      <c r="B24737" s="6"/>
      <c r="C24737" s="6" t="s">
        <v>24773</v>
      </c>
      <c r="D24737" s="6"/>
      <c r="E24737" s="6" t="s">
        <v>9</v>
      </c>
      <c r="F24737" s="7">
        <v>38657</v>
      </c>
      <c r="G24737" s="8">
        <v>1</v>
      </c>
      <c r="H24737" s="8">
        <v>1</v>
      </c>
      <c r="I24737" s="8">
        <v>0</v>
      </c>
      <c r="J24737" s="8">
        <v>1</v>
      </c>
      <c r="K24737" s="9">
        <v>10</v>
      </c>
      <c r="L24737" s="6" t="s">
        <v>4151</v>
      </c>
    </row>
    <row r="24738" spans="1:12">
      <c r="A24738" s="6" t="s">
        <v>4151</v>
      </c>
      <c r="B24738" s="6"/>
      <c r="C24738" s="6" t="s">
        <v>24774</v>
      </c>
      <c r="D24738" s="6"/>
      <c r="E24738" s="6" t="s">
        <v>9</v>
      </c>
      <c r="F24738" s="7">
        <v>38657</v>
      </c>
      <c r="G24738" s="8">
        <v>1</v>
      </c>
      <c r="H24738" s="8">
        <v>1</v>
      </c>
      <c r="I24738" s="8">
        <v>0</v>
      </c>
      <c r="J24738" s="8">
        <v>1</v>
      </c>
      <c r="K24738" s="9">
        <v>1.48</v>
      </c>
      <c r="L24738" s="6" t="s">
        <v>4151</v>
      </c>
    </row>
    <row r="24739" spans="1:12">
      <c r="A24739" s="6" t="s">
        <v>4151</v>
      </c>
      <c r="B24739" s="6"/>
      <c r="C24739" s="6" t="s">
        <v>24775</v>
      </c>
      <c r="D24739" s="6"/>
      <c r="E24739" s="6" t="s">
        <v>9</v>
      </c>
      <c r="F24739" s="7">
        <v>38657</v>
      </c>
      <c r="G24739" s="8">
        <v>1</v>
      </c>
      <c r="H24739" s="8">
        <v>1</v>
      </c>
      <c r="I24739" s="8">
        <v>0</v>
      </c>
      <c r="J24739" s="8">
        <v>1</v>
      </c>
      <c r="K24739" s="9">
        <v>12</v>
      </c>
      <c r="L24739" s="6" t="s">
        <v>4151</v>
      </c>
    </row>
    <row r="24740" spans="1:12">
      <c r="A24740" s="6" t="s">
        <v>4151</v>
      </c>
      <c r="B24740" s="6"/>
      <c r="C24740" s="6" t="s">
        <v>24776</v>
      </c>
      <c r="D24740" s="6"/>
      <c r="E24740" s="6" t="s">
        <v>9</v>
      </c>
      <c r="F24740" s="7">
        <v>38657</v>
      </c>
      <c r="G24740" s="8">
        <v>1</v>
      </c>
      <c r="H24740" s="8">
        <v>1</v>
      </c>
      <c r="I24740" s="8">
        <v>0</v>
      </c>
      <c r="J24740" s="8">
        <v>1</v>
      </c>
      <c r="K24740" s="9">
        <v>24</v>
      </c>
      <c r="L24740" s="6" t="s">
        <v>4151</v>
      </c>
    </row>
    <row r="24741" spans="1:12">
      <c r="A24741" s="6" t="s">
        <v>4151</v>
      </c>
      <c r="B24741" s="6"/>
      <c r="C24741" s="6" t="s">
        <v>24777</v>
      </c>
      <c r="D24741" s="6"/>
      <c r="E24741" s="6" t="s">
        <v>9</v>
      </c>
      <c r="F24741" s="7">
        <v>38657</v>
      </c>
      <c r="G24741" s="8">
        <v>1</v>
      </c>
      <c r="H24741" s="8">
        <v>1</v>
      </c>
      <c r="I24741" s="8">
        <v>0</v>
      </c>
      <c r="J24741" s="8">
        <v>1</v>
      </c>
      <c r="K24741" s="9">
        <v>24</v>
      </c>
      <c r="L24741" s="6" t="s">
        <v>4151</v>
      </c>
    </row>
    <row r="24742" spans="1:12">
      <c r="A24742" s="6" t="s">
        <v>4151</v>
      </c>
      <c r="B24742" s="6"/>
      <c r="C24742" s="6" t="s">
        <v>24778</v>
      </c>
      <c r="D24742" s="6"/>
      <c r="E24742" s="6" t="s">
        <v>9</v>
      </c>
      <c r="F24742" s="7">
        <v>38657</v>
      </c>
      <c r="G24742" s="8">
        <v>1</v>
      </c>
      <c r="H24742" s="8">
        <v>1</v>
      </c>
      <c r="I24742" s="8">
        <v>0</v>
      </c>
      <c r="J24742" s="8">
        <v>1</v>
      </c>
      <c r="K24742" s="9">
        <v>20</v>
      </c>
      <c r="L24742" s="6" t="s">
        <v>4151</v>
      </c>
    </row>
    <row r="24743" spans="1:12">
      <c r="A24743" s="6" t="s">
        <v>4151</v>
      </c>
      <c r="B24743" s="6"/>
      <c r="C24743" s="6" t="s">
        <v>24779</v>
      </c>
      <c r="D24743" s="6"/>
      <c r="E24743" s="6" t="s">
        <v>9</v>
      </c>
      <c r="F24743" s="7">
        <v>38657</v>
      </c>
      <c r="G24743" s="8">
        <v>1</v>
      </c>
      <c r="H24743" s="8">
        <v>1</v>
      </c>
      <c r="I24743" s="8">
        <v>0</v>
      </c>
      <c r="J24743" s="8">
        <v>1</v>
      </c>
      <c r="K24743" s="9">
        <v>28</v>
      </c>
      <c r="L24743" s="6" t="s">
        <v>4151</v>
      </c>
    </row>
    <row r="24744" spans="1:12">
      <c r="A24744" s="6" t="s">
        <v>4151</v>
      </c>
      <c r="B24744" s="6"/>
      <c r="C24744" s="6" t="s">
        <v>24780</v>
      </c>
      <c r="D24744" s="6"/>
      <c r="E24744" s="6" t="s">
        <v>9</v>
      </c>
      <c r="F24744" s="7">
        <v>38657</v>
      </c>
      <c r="G24744" s="8">
        <v>1</v>
      </c>
      <c r="H24744" s="8">
        <v>1</v>
      </c>
      <c r="I24744" s="8">
        <v>0</v>
      </c>
      <c r="J24744" s="8">
        <v>1</v>
      </c>
      <c r="K24744" s="9">
        <v>28</v>
      </c>
      <c r="L24744" s="6" t="s">
        <v>4151</v>
      </c>
    </row>
    <row r="24745" spans="1:12">
      <c r="A24745" s="6" t="s">
        <v>4151</v>
      </c>
      <c r="B24745" s="6"/>
      <c r="C24745" s="6" t="s">
        <v>24781</v>
      </c>
      <c r="D24745" s="6"/>
      <c r="E24745" s="6" t="s">
        <v>9</v>
      </c>
      <c r="F24745" s="7">
        <v>38657</v>
      </c>
      <c r="G24745" s="8">
        <v>1</v>
      </c>
      <c r="H24745" s="8">
        <v>1</v>
      </c>
      <c r="I24745" s="8">
        <v>0</v>
      </c>
      <c r="J24745" s="8">
        <v>1</v>
      </c>
      <c r="K24745" s="9">
        <v>1.84</v>
      </c>
      <c r="L24745" s="6" t="s">
        <v>4151</v>
      </c>
    </row>
    <row r="24746" spans="1:12">
      <c r="A24746" s="6" t="s">
        <v>4151</v>
      </c>
      <c r="B24746" s="6"/>
      <c r="C24746" s="6" t="s">
        <v>24782</v>
      </c>
      <c r="D24746" s="6"/>
      <c r="E24746" s="6" t="s">
        <v>9</v>
      </c>
      <c r="F24746" s="7">
        <v>38657</v>
      </c>
      <c r="G24746" s="8">
        <v>1</v>
      </c>
      <c r="H24746" s="8">
        <v>1</v>
      </c>
      <c r="I24746" s="8">
        <v>0</v>
      </c>
      <c r="J24746" s="8">
        <v>1</v>
      </c>
      <c r="K24746" s="9">
        <v>24</v>
      </c>
      <c r="L24746" s="6" t="s">
        <v>4151</v>
      </c>
    </row>
    <row r="24747" spans="1:12">
      <c r="A24747" s="6" t="s">
        <v>4151</v>
      </c>
      <c r="B24747" s="6"/>
      <c r="C24747" s="6" t="s">
        <v>24783</v>
      </c>
      <c r="D24747" s="6"/>
      <c r="E24747" s="6" t="s">
        <v>9</v>
      </c>
      <c r="F24747" s="7">
        <v>38657</v>
      </c>
      <c r="G24747" s="8">
        <v>1</v>
      </c>
      <c r="H24747" s="8">
        <v>1</v>
      </c>
      <c r="I24747" s="8">
        <v>0</v>
      </c>
      <c r="J24747" s="8">
        <v>1</v>
      </c>
      <c r="K24747" s="9">
        <v>24</v>
      </c>
      <c r="L24747" s="6" t="s">
        <v>4151</v>
      </c>
    </row>
    <row r="24748" spans="1:12">
      <c r="A24748" s="6" t="s">
        <v>4151</v>
      </c>
      <c r="B24748" s="6"/>
      <c r="C24748" s="6" t="s">
        <v>24784</v>
      </c>
      <c r="D24748" s="6"/>
      <c r="E24748" s="6" t="s">
        <v>9</v>
      </c>
      <c r="F24748" s="7">
        <v>38657</v>
      </c>
      <c r="G24748" s="8">
        <v>1</v>
      </c>
      <c r="H24748" s="8">
        <v>1</v>
      </c>
      <c r="I24748" s="8">
        <v>0</v>
      </c>
      <c r="J24748" s="8">
        <v>1</v>
      </c>
      <c r="K24748" s="9">
        <v>24</v>
      </c>
      <c r="L24748" s="6" t="s">
        <v>4151</v>
      </c>
    </row>
    <row r="24749" spans="1:12">
      <c r="A24749" s="6" t="s">
        <v>4151</v>
      </c>
      <c r="B24749" s="6"/>
      <c r="C24749" s="6" t="s">
        <v>24785</v>
      </c>
      <c r="D24749" s="6"/>
      <c r="E24749" s="6" t="s">
        <v>9</v>
      </c>
      <c r="F24749" s="7">
        <v>38657</v>
      </c>
      <c r="G24749" s="8">
        <v>1</v>
      </c>
      <c r="H24749" s="8">
        <v>1</v>
      </c>
      <c r="I24749" s="8">
        <v>0</v>
      </c>
      <c r="J24749" s="8">
        <v>1</v>
      </c>
      <c r="K24749" s="9">
        <v>24</v>
      </c>
      <c r="L24749" s="6" t="s">
        <v>4151</v>
      </c>
    </row>
    <row r="24750" spans="1:12">
      <c r="A24750" s="6" t="s">
        <v>4151</v>
      </c>
      <c r="B24750" s="6"/>
      <c r="C24750" s="6" t="s">
        <v>24786</v>
      </c>
      <c r="D24750" s="6"/>
      <c r="E24750" s="6" t="s">
        <v>9</v>
      </c>
      <c r="F24750" s="7">
        <v>38657</v>
      </c>
      <c r="G24750" s="8">
        <v>1</v>
      </c>
      <c r="H24750" s="8">
        <v>1</v>
      </c>
      <c r="I24750" s="8">
        <v>0</v>
      </c>
      <c r="J24750" s="8">
        <v>1</v>
      </c>
      <c r="K24750" s="9">
        <v>31</v>
      </c>
      <c r="L24750" s="6" t="s">
        <v>4151</v>
      </c>
    </row>
    <row r="24751" spans="1:12">
      <c r="A24751" s="6" t="s">
        <v>4151</v>
      </c>
      <c r="B24751" s="6"/>
      <c r="C24751" s="6" t="s">
        <v>24787</v>
      </c>
      <c r="D24751" s="6"/>
      <c r="E24751" s="6" t="s">
        <v>9</v>
      </c>
      <c r="F24751" s="7">
        <v>38657</v>
      </c>
      <c r="G24751" s="8">
        <v>1</v>
      </c>
      <c r="H24751" s="8">
        <v>1</v>
      </c>
      <c r="I24751" s="8">
        <v>0</v>
      </c>
      <c r="J24751" s="8">
        <v>1</v>
      </c>
      <c r="K24751" s="9">
        <v>78</v>
      </c>
      <c r="L24751" s="6" t="s">
        <v>4151</v>
      </c>
    </row>
    <row r="24752" spans="1:12">
      <c r="A24752" s="6" t="s">
        <v>4151</v>
      </c>
      <c r="B24752" s="6"/>
      <c r="C24752" s="6" t="s">
        <v>24788</v>
      </c>
      <c r="D24752" s="6"/>
      <c r="E24752" s="6" t="s">
        <v>9</v>
      </c>
      <c r="F24752" s="7">
        <v>38657</v>
      </c>
      <c r="G24752" s="8">
        <v>1</v>
      </c>
      <c r="H24752" s="8">
        <v>1</v>
      </c>
      <c r="I24752" s="8">
        <v>0</v>
      </c>
      <c r="J24752" s="8">
        <v>1</v>
      </c>
      <c r="K24752" s="9">
        <v>65</v>
      </c>
      <c r="L24752" s="6" t="s">
        <v>4151</v>
      </c>
    </row>
    <row r="24753" spans="1:12">
      <c r="A24753" s="6" t="s">
        <v>4151</v>
      </c>
      <c r="B24753" s="6"/>
      <c r="C24753" s="6" t="s">
        <v>24789</v>
      </c>
      <c r="D24753" s="6"/>
      <c r="E24753" s="6" t="s">
        <v>9</v>
      </c>
      <c r="F24753" s="7">
        <v>38657</v>
      </c>
      <c r="G24753" s="8">
        <v>1</v>
      </c>
      <c r="H24753" s="8">
        <v>1</v>
      </c>
      <c r="I24753" s="8">
        <v>0</v>
      </c>
      <c r="J24753" s="8">
        <v>1</v>
      </c>
      <c r="K24753" s="9">
        <v>9.4700000000000006</v>
      </c>
      <c r="L24753" s="6" t="s">
        <v>4151</v>
      </c>
    </row>
    <row r="24754" spans="1:12">
      <c r="A24754" s="6" t="s">
        <v>4151</v>
      </c>
      <c r="B24754" s="6"/>
      <c r="C24754" s="6" t="s">
        <v>24790</v>
      </c>
      <c r="D24754" s="6"/>
      <c r="E24754" s="6" t="s">
        <v>9</v>
      </c>
      <c r="F24754" s="7">
        <v>38657</v>
      </c>
      <c r="G24754" s="8">
        <v>1</v>
      </c>
      <c r="H24754" s="8">
        <v>1</v>
      </c>
      <c r="I24754" s="8">
        <v>0</v>
      </c>
      <c r="J24754" s="8">
        <v>1</v>
      </c>
      <c r="K24754" s="9">
        <v>23</v>
      </c>
      <c r="L24754" s="6" t="s">
        <v>4151</v>
      </c>
    </row>
    <row r="24755" spans="1:12">
      <c r="A24755" s="6" t="s">
        <v>4151</v>
      </c>
      <c r="B24755" s="6"/>
      <c r="C24755" s="6" t="s">
        <v>24791</v>
      </c>
      <c r="D24755" s="6"/>
      <c r="E24755" s="6" t="s">
        <v>9</v>
      </c>
      <c r="F24755" s="7">
        <v>38657</v>
      </c>
      <c r="G24755" s="8">
        <v>1</v>
      </c>
      <c r="H24755" s="8">
        <v>1</v>
      </c>
      <c r="I24755" s="8">
        <v>0</v>
      </c>
      <c r="J24755" s="8">
        <v>1</v>
      </c>
      <c r="K24755" s="9">
        <v>31</v>
      </c>
      <c r="L24755" s="6" t="s">
        <v>4151</v>
      </c>
    </row>
    <row r="24756" spans="1:12">
      <c r="A24756" s="6" t="s">
        <v>4151</v>
      </c>
      <c r="B24756" s="6"/>
      <c r="C24756" s="6" t="s">
        <v>24792</v>
      </c>
      <c r="D24756" s="6"/>
      <c r="E24756" s="6" t="s">
        <v>9</v>
      </c>
      <c r="F24756" s="7">
        <v>38657</v>
      </c>
      <c r="G24756" s="8">
        <v>1</v>
      </c>
      <c r="H24756" s="8">
        <v>1</v>
      </c>
      <c r="I24756" s="8">
        <v>0</v>
      </c>
      <c r="J24756" s="8">
        <v>1</v>
      </c>
      <c r="K24756" s="9">
        <v>8.27</v>
      </c>
      <c r="L24756" s="6" t="s">
        <v>4151</v>
      </c>
    </row>
    <row r="24757" spans="1:12">
      <c r="A24757" s="6" t="s">
        <v>4151</v>
      </c>
      <c r="B24757" s="6"/>
      <c r="C24757" s="6" t="s">
        <v>24793</v>
      </c>
      <c r="D24757" s="6"/>
      <c r="E24757" s="6" t="s">
        <v>9</v>
      </c>
      <c r="F24757" s="7">
        <v>38657</v>
      </c>
      <c r="G24757" s="8">
        <v>1</v>
      </c>
      <c r="H24757" s="8">
        <v>1</v>
      </c>
      <c r="I24757" s="8">
        <v>0</v>
      </c>
      <c r="J24757" s="8">
        <v>1</v>
      </c>
      <c r="K24757" s="9">
        <v>17</v>
      </c>
      <c r="L24757" s="6" t="s">
        <v>4151</v>
      </c>
    </row>
    <row r="24758" spans="1:12">
      <c r="A24758" s="6" t="s">
        <v>4151</v>
      </c>
      <c r="B24758" s="6"/>
      <c r="C24758" s="6" t="s">
        <v>24794</v>
      </c>
      <c r="D24758" s="6"/>
      <c r="E24758" s="6" t="s">
        <v>9</v>
      </c>
      <c r="F24758" s="7">
        <v>38657</v>
      </c>
      <c r="G24758" s="8">
        <v>1</v>
      </c>
      <c r="H24758" s="8">
        <v>1</v>
      </c>
      <c r="I24758" s="8">
        <v>0</v>
      </c>
      <c r="J24758" s="8">
        <v>1</v>
      </c>
      <c r="K24758" s="9">
        <v>16</v>
      </c>
      <c r="L24758" s="6" t="s">
        <v>4151</v>
      </c>
    </row>
    <row r="24759" spans="1:12">
      <c r="A24759" s="6" t="s">
        <v>4151</v>
      </c>
      <c r="B24759" s="6"/>
      <c r="C24759" s="6" t="s">
        <v>24795</v>
      </c>
      <c r="D24759" s="6"/>
      <c r="E24759" s="6" t="s">
        <v>9</v>
      </c>
      <c r="F24759" s="7">
        <v>38657</v>
      </c>
      <c r="G24759" s="8">
        <v>1</v>
      </c>
      <c r="H24759" s="8">
        <v>1</v>
      </c>
      <c r="I24759" s="8">
        <v>0</v>
      </c>
      <c r="J24759" s="8">
        <v>1</v>
      </c>
      <c r="K24759" s="9">
        <v>17</v>
      </c>
      <c r="L24759" s="6" t="s">
        <v>4151</v>
      </c>
    </row>
    <row r="24760" spans="1:12">
      <c r="A24760" s="6" t="s">
        <v>4151</v>
      </c>
      <c r="B24760" s="6"/>
      <c r="C24760" s="6" t="s">
        <v>24796</v>
      </c>
      <c r="D24760" s="6"/>
      <c r="E24760" s="6" t="s">
        <v>9</v>
      </c>
      <c r="F24760" s="7">
        <v>38657</v>
      </c>
      <c r="G24760" s="8">
        <v>1</v>
      </c>
      <c r="H24760" s="8">
        <v>1</v>
      </c>
      <c r="I24760" s="8">
        <v>0</v>
      </c>
      <c r="J24760" s="8">
        <v>1</v>
      </c>
      <c r="K24760" s="9">
        <v>18</v>
      </c>
      <c r="L24760" s="6" t="s">
        <v>4151</v>
      </c>
    </row>
    <row r="24761" spans="1:12">
      <c r="A24761" s="6" t="s">
        <v>4151</v>
      </c>
      <c r="B24761" s="6"/>
      <c r="C24761" s="6" t="s">
        <v>24797</v>
      </c>
      <c r="D24761" s="6"/>
      <c r="E24761" s="6" t="s">
        <v>9</v>
      </c>
      <c r="F24761" s="7">
        <v>38657</v>
      </c>
      <c r="G24761" s="8">
        <v>1</v>
      </c>
      <c r="H24761" s="8">
        <v>1</v>
      </c>
      <c r="I24761" s="8">
        <v>0</v>
      </c>
      <c r="J24761" s="8">
        <v>1</v>
      </c>
      <c r="K24761" s="9">
        <v>29</v>
      </c>
      <c r="L24761" s="6" t="s">
        <v>4151</v>
      </c>
    </row>
    <row r="24762" spans="1:12">
      <c r="A24762" s="6" t="s">
        <v>4151</v>
      </c>
      <c r="B24762" s="6"/>
      <c r="C24762" s="6" t="s">
        <v>24798</v>
      </c>
      <c r="D24762" s="6"/>
      <c r="E24762" s="6" t="s">
        <v>9</v>
      </c>
      <c r="F24762" s="7">
        <v>38657</v>
      </c>
      <c r="G24762" s="8">
        <v>1</v>
      </c>
      <c r="H24762" s="8">
        <v>1</v>
      </c>
      <c r="I24762" s="8">
        <v>0</v>
      </c>
      <c r="J24762" s="8">
        <v>1</v>
      </c>
      <c r="K24762" s="9">
        <v>37</v>
      </c>
      <c r="L24762" s="6" t="s">
        <v>4151</v>
      </c>
    </row>
    <row r="24763" spans="1:12">
      <c r="A24763" s="6" t="s">
        <v>4151</v>
      </c>
      <c r="B24763" s="6"/>
      <c r="C24763" s="6" t="s">
        <v>24799</v>
      </c>
      <c r="D24763" s="6"/>
      <c r="E24763" s="6" t="s">
        <v>9</v>
      </c>
      <c r="F24763" s="7">
        <v>39757</v>
      </c>
      <c r="G24763" s="8">
        <v>1</v>
      </c>
      <c r="H24763" s="8">
        <v>1</v>
      </c>
      <c r="I24763" s="8">
        <v>0</v>
      </c>
      <c r="J24763" s="8">
        <v>1</v>
      </c>
      <c r="K24763" s="9">
        <v>385.71</v>
      </c>
      <c r="L24763" s="6" t="s">
        <v>4151</v>
      </c>
    </row>
    <row r="24764" spans="1:12">
      <c r="A24764" s="6" t="s">
        <v>4151</v>
      </c>
      <c r="B24764" s="6"/>
      <c r="C24764" s="6" t="s">
        <v>24800</v>
      </c>
      <c r="D24764" s="6"/>
      <c r="E24764" s="6" t="s">
        <v>9</v>
      </c>
      <c r="F24764" s="7">
        <v>38657</v>
      </c>
      <c r="G24764" s="8">
        <v>1</v>
      </c>
      <c r="H24764" s="8">
        <v>1</v>
      </c>
      <c r="I24764" s="8">
        <v>0</v>
      </c>
      <c r="J24764" s="8">
        <v>1</v>
      </c>
      <c r="K24764" s="9">
        <v>18</v>
      </c>
      <c r="L24764" s="6" t="s">
        <v>4151</v>
      </c>
    </row>
    <row r="24765" spans="1:12">
      <c r="A24765" s="6" t="s">
        <v>4151</v>
      </c>
      <c r="B24765" s="6"/>
      <c r="C24765" s="6" t="s">
        <v>24801</v>
      </c>
      <c r="D24765" s="6"/>
      <c r="E24765" s="6" t="s">
        <v>9</v>
      </c>
      <c r="F24765" s="7">
        <v>38657</v>
      </c>
      <c r="G24765" s="8">
        <v>1</v>
      </c>
      <c r="H24765" s="8">
        <v>1</v>
      </c>
      <c r="I24765" s="8">
        <v>0</v>
      </c>
      <c r="J24765" s="8">
        <v>1</v>
      </c>
      <c r="K24765" s="9">
        <v>62.01</v>
      </c>
      <c r="L24765" s="6" t="s">
        <v>4151</v>
      </c>
    </row>
    <row r="24766" spans="1:12">
      <c r="A24766" s="6" t="s">
        <v>4151</v>
      </c>
      <c r="B24766" s="6"/>
      <c r="C24766" s="6" t="s">
        <v>24802</v>
      </c>
      <c r="D24766" s="6"/>
      <c r="E24766" s="6" t="s">
        <v>9</v>
      </c>
      <c r="F24766" s="7">
        <v>38657</v>
      </c>
      <c r="G24766" s="8">
        <v>1</v>
      </c>
      <c r="H24766" s="8">
        <v>1</v>
      </c>
      <c r="I24766" s="8">
        <v>0</v>
      </c>
      <c r="J24766" s="8">
        <v>1</v>
      </c>
      <c r="K24766" s="9">
        <v>16.559999999999899</v>
      </c>
      <c r="L24766" s="6" t="s">
        <v>4151</v>
      </c>
    </row>
    <row r="24767" spans="1:12">
      <c r="A24767" s="6" t="s">
        <v>4151</v>
      </c>
      <c r="B24767" s="6"/>
      <c r="C24767" s="6" t="s">
        <v>24803</v>
      </c>
      <c r="D24767" s="6"/>
      <c r="E24767" s="6" t="s">
        <v>9</v>
      </c>
      <c r="F24767" s="7">
        <v>38657</v>
      </c>
      <c r="G24767" s="8">
        <v>1</v>
      </c>
      <c r="H24767" s="8">
        <v>1</v>
      </c>
      <c r="I24767" s="8">
        <v>0</v>
      </c>
      <c r="J24767" s="8">
        <v>1</v>
      </c>
      <c r="K24767" s="9">
        <v>8.27</v>
      </c>
      <c r="L24767" s="6" t="s">
        <v>4151</v>
      </c>
    </row>
    <row r="24768" spans="1:12">
      <c r="A24768" s="6" t="s">
        <v>4151</v>
      </c>
      <c r="B24768" s="6"/>
      <c r="C24768" s="6" t="s">
        <v>24804</v>
      </c>
      <c r="D24768" s="6"/>
      <c r="E24768" s="6" t="s">
        <v>9</v>
      </c>
      <c r="F24768" s="7">
        <v>38657</v>
      </c>
      <c r="G24768" s="8">
        <v>1</v>
      </c>
      <c r="H24768" s="8">
        <v>1</v>
      </c>
      <c r="I24768" s="8">
        <v>0</v>
      </c>
      <c r="J24768" s="8">
        <v>1</v>
      </c>
      <c r="K24768" s="9">
        <v>235</v>
      </c>
      <c r="L24768" s="6" t="s">
        <v>4151</v>
      </c>
    </row>
    <row r="24769" spans="1:12">
      <c r="A24769" s="6" t="s">
        <v>4151</v>
      </c>
      <c r="B24769" s="6"/>
      <c r="C24769" s="6" t="s">
        <v>24805</v>
      </c>
      <c r="D24769" s="6"/>
      <c r="E24769" s="6" t="s">
        <v>9</v>
      </c>
      <c r="F24769" s="7">
        <v>38657</v>
      </c>
      <c r="G24769" s="8">
        <v>1</v>
      </c>
      <c r="H24769" s="8">
        <v>1</v>
      </c>
      <c r="I24769" s="8">
        <v>0</v>
      </c>
      <c r="J24769" s="8">
        <v>1</v>
      </c>
      <c r="K24769" s="9">
        <v>21</v>
      </c>
      <c r="L24769" s="6" t="s">
        <v>4151</v>
      </c>
    </row>
    <row r="24770" spans="1:12">
      <c r="A24770" s="6" t="s">
        <v>4151</v>
      </c>
      <c r="B24770" s="6"/>
      <c r="C24770" s="6" t="s">
        <v>24806</v>
      </c>
      <c r="D24770" s="6"/>
      <c r="E24770" s="6" t="s">
        <v>9</v>
      </c>
      <c r="F24770" s="7">
        <v>38657</v>
      </c>
      <c r="G24770" s="8">
        <v>1</v>
      </c>
      <c r="H24770" s="8">
        <v>1</v>
      </c>
      <c r="I24770" s="8">
        <v>0</v>
      </c>
      <c r="J24770" s="8">
        <v>1</v>
      </c>
      <c r="K24770" s="9">
        <v>21</v>
      </c>
      <c r="L24770" s="6" t="s">
        <v>4151</v>
      </c>
    </row>
    <row r="24771" spans="1:12">
      <c r="A24771" s="6" t="s">
        <v>4151</v>
      </c>
      <c r="B24771" s="6"/>
      <c r="C24771" s="6" t="s">
        <v>24807</v>
      </c>
      <c r="D24771" s="6"/>
      <c r="E24771" s="6" t="s">
        <v>9</v>
      </c>
      <c r="F24771" s="7">
        <v>38657</v>
      </c>
      <c r="G24771" s="8">
        <v>1</v>
      </c>
      <c r="H24771" s="8">
        <v>1</v>
      </c>
      <c r="I24771" s="8">
        <v>0</v>
      </c>
      <c r="J24771" s="8">
        <v>1</v>
      </c>
      <c r="K24771" s="9">
        <v>25.5</v>
      </c>
      <c r="L24771" s="6" t="s">
        <v>4151</v>
      </c>
    </row>
    <row r="24772" spans="1:12">
      <c r="A24772" s="6" t="s">
        <v>4151</v>
      </c>
      <c r="B24772" s="6"/>
      <c r="C24772" s="6" t="s">
        <v>24808</v>
      </c>
      <c r="D24772" s="6"/>
      <c r="E24772" s="6" t="s">
        <v>9</v>
      </c>
      <c r="F24772" s="7">
        <v>38657</v>
      </c>
      <c r="G24772" s="8">
        <v>1</v>
      </c>
      <c r="H24772" s="8">
        <v>1</v>
      </c>
      <c r="I24772" s="8">
        <v>0</v>
      </c>
      <c r="J24772" s="8">
        <v>1</v>
      </c>
      <c r="K24772" s="9">
        <v>310</v>
      </c>
      <c r="L24772" s="6" t="s">
        <v>4151</v>
      </c>
    </row>
    <row r="24773" spans="1:12">
      <c r="A24773" s="6" t="s">
        <v>4151</v>
      </c>
      <c r="B24773" s="6"/>
      <c r="C24773" s="6" t="s">
        <v>24809</v>
      </c>
      <c r="D24773" s="6"/>
      <c r="E24773" s="6" t="s">
        <v>9</v>
      </c>
      <c r="F24773" s="7">
        <v>38657</v>
      </c>
      <c r="G24773" s="8">
        <v>1</v>
      </c>
      <c r="H24773" s="8">
        <v>1</v>
      </c>
      <c r="I24773" s="8">
        <v>0</v>
      </c>
      <c r="J24773" s="8">
        <v>1</v>
      </c>
      <c r="K24773" s="9">
        <v>48</v>
      </c>
      <c r="L24773" s="6" t="s">
        <v>4151</v>
      </c>
    </row>
    <row r="24774" spans="1:12">
      <c r="A24774" s="6" t="s">
        <v>4151</v>
      </c>
      <c r="B24774" s="6"/>
      <c r="C24774" s="6" t="s">
        <v>24810</v>
      </c>
      <c r="D24774" s="6"/>
      <c r="E24774" s="6" t="s">
        <v>9</v>
      </c>
      <c r="F24774" s="7">
        <v>38657</v>
      </c>
      <c r="G24774" s="8">
        <v>1</v>
      </c>
      <c r="H24774" s="8">
        <v>1</v>
      </c>
      <c r="I24774" s="8">
        <v>0</v>
      </c>
      <c r="J24774" s="8">
        <v>1</v>
      </c>
      <c r="K24774" s="9">
        <v>78</v>
      </c>
      <c r="L24774" s="6" t="s">
        <v>4151</v>
      </c>
    </row>
    <row r="24775" spans="1:12">
      <c r="A24775" s="6" t="s">
        <v>4151</v>
      </c>
      <c r="B24775" s="6"/>
      <c r="C24775" s="6" t="s">
        <v>24811</v>
      </c>
      <c r="D24775" s="6"/>
      <c r="E24775" s="6" t="s">
        <v>9</v>
      </c>
      <c r="F24775" s="7">
        <v>38657</v>
      </c>
      <c r="G24775" s="8">
        <v>1</v>
      </c>
      <c r="H24775" s="8">
        <v>1</v>
      </c>
      <c r="I24775" s="8">
        <v>0</v>
      </c>
      <c r="J24775" s="8">
        <v>1</v>
      </c>
      <c r="K24775" s="9">
        <v>89</v>
      </c>
      <c r="L24775" s="6" t="s">
        <v>4151</v>
      </c>
    </row>
    <row r="24776" spans="1:12">
      <c r="A24776" s="6" t="s">
        <v>4151</v>
      </c>
      <c r="B24776" s="6"/>
      <c r="C24776" s="6" t="s">
        <v>24812</v>
      </c>
      <c r="D24776" s="6"/>
      <c r="E24776" s="6" t="s">
        <v>9</v>
      </c>
      <c r="F24776" s="7">
        <v>39531</v>
      </c>
      <c r="G24776" s="8">
        <v>1</v>
      </c>
      <c r="H24776" s="8">
        <v>1</v>
      </c>
      <c r="I24776" s="8">
        <v>0</v>
      </c>
      <c r="J24776" s="8">
        <v>1</v>
      </c>
      <c r="K24776" s="9">
        <v>90</v>
      </c>
      <c r="L24776" s="6" t="s">
        <v>4151</v>
      </c>
    </row>
    <row r="24777" spans="1:12">
      <c r="A24777" s="6" t="s">
        <v>4151</v>
      </c>
      <c r="B24777" s="6"/>
      <c r="C24777" s="6" t="s">
        <v>24813</v>
      </c>
      <c r="D24777" s="6"/>
      <c r="E24777" s="6" t="s">
        <v>9</v>
      </c>
      <c r="F24777" s="7">
        <v>38657</v>
      </c>
      <c r="G24777" s="8">
        <v>1</v>
      </c>
      <c r="H24777" s="8">
        <v>1</v>
      </c>
      <c r="I24777" s="8">
        <v>0</v>
      </c>
      <c r="J24777" s="8">
        <v>1</v>
      </c>
      <c r="K24777" s="9">
        <v>37</v>
      </c>
      <c r="L24777" s="6" t="s">
        <v>4151</v>
      </c>
    </row>
    <row r="24778" spans="1:12">
      <c r="A24778" s="6" t="s">
        <v>4151</v>
      </c>
      <c r="B24778" s="6"/>
      <c r="C24778" s="6" t="s">
        <v>24814</v>
      </c>
      <c r="D24778" s="6"/>
      <c r="E24778" s="6" t="s">
        <v>9</v>
      </c>
      <c r="F24778" s="7">
        <v>38657</v>
      </c>
      <c r="G24778" s="8">
        <v>1</v>
      </c>
      <c r="H24778" s="8">
        <v>1</v>
      </c>
      <c r="I24778" s="8">
        <v>0</v>
      </c>
      <c r="J24778" s="8">
        <v>1</v>
      </c>
      <c r="K24778" s="9">
        <v>8.27</v>
      </c>
      <c r="L24778" s="6" t="s">
        <v>4151</v>
      </c>
    </row>
    <row r="24779" spans="1:12">
      <c r="A24779" s="6" t="s">
        <v>4151</v>
      </c>
      <c r="B24779" s="6"/>
      <c r="C24779" s="6" t="s">
        <v>24815</v>
      </c>
      <c r="D24779" s="6"/>
      <c r="E24779" s="6" t="s">
        <v>9</v>
      </c>
      <c r="F24779" s="7">
        <v>38657</v>
      </c>
      <c r="G24779" s="8">
        <v>1</v>
      </c>
      <c r="H24779" s="8">
        <v>1</v>
      </c>
      <c r="I24779" s="8">
        <v>0</v>
      </c>
      <c r="J24779" s="8">
        <v>1</v>
      </c>
      <c r="K24779" s="9">
        <v>37</v>
      </c>
      <c r="L24779" s="6" t="s">
        <v>4151</v>
      </c>
    </row>
    <row r="24780" spans="1:12">
      <c r="A24780" s="6" t="s">
        <v>4151</v>
      </c>
      <c r="B24780" s="6"/>
      <c r="C24780" s="6" t="s">
        <v>24816</v>
      </c>
      <c r="D24780" s="6"/>
      <c r="E24780" s="6" t="s">
        <v>9</v>
      </c>
      <c r="F24780" s="7">
        <v>38657</v>
      </c>
      <c r="G24780" s="8">
        <v>1</v>
      </c>
      <c r="H24780" s="8">
        <v>1</v>
      </c>
      <c r="I24780" s="8">
        <v>0</v>
      </c>
      <c r="J24780" s="8">
        <v>1</v>
      </c>
      <c r="K24780" s="9">
        <v>22</v>
      </c>
      <c r="L24780" s="6" t="s">
        <v>4151</v>
      </c>
    </row>
    <row r="24781" spans="1:12">
      <c r="A24781" s="6" t="s">
        <v>4151</v>
      </c>
      <c r="B24781" s="6"/>
      <c r="C24781" s="6" t="s">
        <v>24817</v>
      </c>
      <c r="D24781" s="6"/>
      <c r="E24781" s="6" t="s">
        <v>9</v>
      </c>
      <c r="F24781" s="7">
        <v>38657</v>
      </c>
      <c r="G24781" s="8">
        <v>1</v>
      </c>
      <c r="H24781" s="8">
        <v>1</v>
      </c>
      <c r="I24781" s="8">
        <v>0</v>
      </c>
      <c r="J24781" s="8">
        <v>1</v>
      </c>
      <c r="K24781" s="9">
        <v>66</v>
      </c>
      <c r="L24781" s="6" t="s">
        <v>4151</v>
      </c>
    </row>
    <row r="24782" spans="1:12">
      <c r="A24782" s="6" t="s">
        <v>4151</v>
      </c>
      <c r="B24782" s="6"/>
      <c r="C24782" s="6" t="s">
        <v>24818</v>
      </c>
      <c r="D24782" s="6"/>
      <c r="E24782" s="6" t="s">
        <v>9</v>
      </c>
      <c r="F24782" s="7">
        <v>38657</v>
      </c>
      <c r="G24782" s="8">
        <v>1</v>
      </c>
      <c r="H24782" s="8">
        <v>1</v>
      </c>
      <c r="I24782" s="8">
        <v>0</v>
      </c>
      <c r="J24782" s="8">
        <v>1</v>
      </c>
      <c r="K24782" s="9">
        <v>223</v>
      </c>
      <c r="L24782" s="6" t="s">
        <v>4151</v>
      </c>
    </row>
    <row r="24783" spans="1:12">
      <c r="A24783" s="6" t="s">
        <v>4151</v>
      </c>
      <c r="B24783" s="6"/>
      <c r="C24783" s="6" t="s">
        <v>24819</v>
      </c>
      <c r="D24783" s="6"/>
      <c r="E24783" s="6" t="s">
        <v>9</v>
      </c>
      <c r="F24783" s="7"/>
      <c r="G24783" s="8">
        <v>1</v>
      </c>
      <c r="H24783" s="8">
        <v>1</v>
      </c>
      <c r="I24783" s="8">
        <v>0</v>
      </c>
      <c r="J24783" s="8">
        <v>1</v>
      </c>
      <c r="K24783" s="9">
        <v>440</v>
      </c>
      <c r="L24783" s="6" t="s">
        <v>4151</v>
      </c>
    </row>
    <row r="24784" spans="1:12">
      <c r="A24784" s="6" t="s">
        <v>4151</v>
      </c>
      <c r="B24784" s="6"/>
      <c r="C24784" s="6" t="s">
        <v>24820</v>
      </c>
      <c r="D24784" s="6"/>
      <c r="E24784" s="6" t="s">
        <v>9</v>
      </c>
      <c r="F24784" s="7">
        <v>38657</v>
      </c>
      <c r="G24784" s="8">
        <v>1</v>
      </c>
      <c r="H24784" s="8">
        <v>1</v>
      </c>
      <c r="I24784" s="8">
        <v>0</v>
      </c>
      <c r="J24784" s="8">
        <v>1</v>
      </c>
      <c r="K24784" s="9">
        <v>93</v>
      </c>
      <c r="L24784" s="6" t="s">
        <v>4151</v>
      </c>
    </row>
    <row r="24785" spans="1:12">
      <c r="A24785" s="6" t="s">
        <v>4151</v>
      </c>
      <c r="B24785" s="6"/>
      <c r="C24785" s="6" t="s">
        <v>24821</v>
      </c>
      <c r="D24785" s="6"/>
      <c r="E24785" s="6" t="s">
        <v>9</v>
      </c>
      <c r="F24785" s="7">
        <v>38657</v>
      </c>
      <c r="G24785" s="8">
        <v>1</v>
      </c>
      <c r="H24785" s="8">
        <v>1</v>
      </c>
      <c r="I24785" s="8">
        <v>0</v>
      </c>
      <c r="J24785" s="8">
        <v>1</v>
      </c>
      <c r="K24785" s="9">
        <v>283</v>
      </c>
      <c r="L24785" s="6" t="s">
        <v>4151</v>
      </c>
    </row>
    <row r="24786" spans="1:12">
      <c r="A24786" s="6" t="s">
        <v>4151</v>
      </c>
      <c r="B24786" s="6"/>
      <c r="C24786" s="6" t="s">
        <v>24822</v>
      </c>
      <c r="D24786" s="6"/>
      <c r="E24786" s="6" t="s">
        <v>9</v>
      </c>
      <c r="F24786" s="7">
        <v>38657</v>
      </c>
      <c r="G24786" s="8">
        <v>1</v>
      </c>
      <c r="H24786" s="8">
        <v>1</v>
      </c>
      <c r="I24786" s="8">
        <v>0</v>
      </c>
      <c r="J24786" s="8">
        <v>1</v>
      </c>
      <c r="K24786" s="9">
        <v>526</v>
      </c>
      <c r="L24786" s="6" t="s">
        <v>4151</v>
      </c>
    </row>
    <row r="24787" spans="1:12">
      <c r="A24787" s="6" t="s">
        <v>4151</v>
      </c>
      <c r="B24787" s="6"/>
      <c r="C24787" s="6" t="s">
        <v>24823</v>
      </c>
      <c r="D24787" s="6"/>
      <c r="E24787" s="6" t="s">
        <v>9</v>
      </c>
      <c r="F24787" s="7">
        <v>38657</v>
      </c>
      <c r="G24787" s="8">
        <v>1</v>
      </c>
      <c r="H24787" s="8">
        <v>1</v>
      </c>
      <c r="I24787" s="8">
        <v>0</v>
      </c>
      <c r="J24787" s="8">
        <v>1</v>
      </c>
      <c r="K24787" s="9">
        <v>23</v>
      </c>
      <c r="L24787" s="6" t="s">
        <v>4151</v>
      </c>
    </row>
    <row r="24788" spans="1:12">
      <c r="A24788" s="6" t="s">
        <v>4151</v>
      </c>
      <c r="B24788" s="6"/>
      <c r="C24788" s="6" t="s">
        <v>24824</v>
      </c>
      <c r="D24788" s="6"/>
      <c r="E24788" s="6" t="s">
        <v>9</v>
      </c>
      <c r="F24788" s="7">
        <v>38657</v>
      </c>
      <c r="G24788" s="8">
        <v>1</v>
      </c>
      <c r="H24788" s="8">
        <v>1</v>
      </c>
      <c r="I24788" s="8">
        <v>0</v>
      </c>
      <c r="J24788" s="8">
        <v>1</v>
      </c>
      <c r="K24788" s="9">
        <v>324</v>
      </c>
      <c r="L24788" s="6" t="s">
        <v>4151</v>
      </c>
    </row>
    <row r="24789" spans="1:12">
      <c r="A24789" s="6" t="s">
        <v>4151</v>
      </c>
      <c r="B24789" s="6"/>
      <c r="C24789" s="6" t="s">
        <v>24825</v>
      </c>
      <c r="D24789" s="6"/>
      <c r="E24789" s="6" t="s">
        <v>9</v>
      </c>
      <c r="F24789" s="7">
        <v>38657</v>
      </c>
      <c r="G24789" s="8">
        <v>1</v>
      </c>
      <c r="H24789" s="8">
        <v>1</v>
      </c>
      <c r="I24789" s="8">
        <v>0</v>
      </c>
      <c r="J24789" s="8">
        <v>1</v>
      </c>
      <c r="K24789" s="9">
        <v>0.17</v>
      </c>
      <c r="L24789" s="6" t="s">
        <v>4151</v>
      </c>
    </row>
    <row r="24790" spans="1:12">
      <c r="A24790" s="6" t="s">
        <v>4151</v>
      </c>
      <c r="B24790" s="6"/>
      <c r="C24790" s="6" t="s">
        <v>24826</v>
      </c>
      <c r="D24790" s="6"/>
      <c r="E24790" s="6" t="s">
        <v>9</v>
      </c>
      <c r="F24790" s="7">
        <v>38657</v>
      </c>
      <c r="G24790" s="8">
        <v>1</v>
      </c>
      <c r="H24790" s="8">
        <v>1</v>
      </c>
      <c r="I24790" s="8">
        <v>0</v>
      </c>
      <c r="J24790" s="8">
        <v>1</v>
      </c>
      <c r="K24790" s="9">
        <v>171</v>
      </c>
      <c r="L24790" s="6" t="s">
        <v>4151</v>
      </c>
    </row>
    <row r="24791" spans="1:12">
      <c r="A24791" s="6" t="s">
        <v>4151</v>
      </c>
      <c r="B24791" s="6"/>
      <c r="C24791" s="6" t="s">
        <v>24827</v>
      </c>
      <c r="D24791" s="6"/>
      <c r="E24791" s="6" t="s">
        <v>9</v>
      </c>
      <c r="F24791" s="7">
        <v>38657</v>
      </c>
      <c r="G24791" s="8">
        <v>1</v>
      </c>
      <c r="H24791" s="8">
        <v>1</v>
      </c>
      <c r="I24791" s="8">
        <v>0</v>
      </c>
      <c r="J24791" s="8">
        <v>1</v>
      </c>
      <c r="K24791" s="9">
        <v>412</v>
      </c>
      <c r="L24791" s="6" t="s">
        <v>4151</v>
      </c>
    </row>
    <row r="24792" spans="1:12">
      <c r="A24792" s="6" t="s">
        <v>4151</v>
      </c>
      <c r="B24792" s="6"/>
      <c r="C24792" s="6" t="s">
        <v>24828</v>
      </c>
      <c r="D24792" s="6"/>
      <c r="E24792" s="6" t="s">
        <v>9</v>
      </c>
      <c r="F24792" s="7">
        <v>38657</v>
      </c>
      <c r="G24792" s="8">
        <v>1</v>
      </c>
      <c r="H24792" s="8">
        <v>1</v>
      </c>
      <c r="I24792" s="8">
        <v>0</v>
      </c>
      <c r="J24792" s="8">
        <v>1</v>
      </c>
      <c r="K24792" s="9">
        <v>296</v>
      </c>
      <c r="L24792" s="6" t="s">
        <v>4151</v>
      </c>
    </row>
    <row r="24793" spans="1:12">
      <c r="A24793" s="6" t="s">
        <v>4151</v>
      </c>
      <c r="B24793" s="6"/>
      <c r="C24793" s="6" t="s">
        <v>24829</v>
      </c>
      <c r="D24793" s="6"/>
      <c r="E24793" s="6" t="s">
        <v>9</v>
      </c>
      <c r="F24793" s="7">
        <v>38657</v>
      </c>
      <c r="G24793" s="8">
        <v>1</v>
      </c>
      <c r="H24793" s="8">
        <v>1</v>
      </c>
      <c r="I24793" s="8">
        <v>0</v>
      </c>
      <c r="J24793" s="8">
        <v>1</v>
      </c>
      <c r="K24793" s="9">
        <v>238</v>
      </c>
      <c r="L24793" s="6" t="s">
        <v>4151</v>
      </c>
    </row>
    <row r="24794" spans="1:12">
      <c r="A24794" s="6" t="s">
        <v>4151</v>
      </c>
      <c r="B24794" s="6"/>
      <c r="C24794" s="6" t="s">
        <v>24830</v>
      </c>
      <c r="D24794" s="6"/>
      <c r="E24794" s="6" t="s">
        <v>9</v>
      </c>
      <c r="F24794" s="7">
        <v>38657</v>
      </c>
      <c r="G24794" s="8">
        <v>1</v>
      </c>
      <c r="H24794" s="8">
        <v>1</v>
      </c>
      <c r="I24794" s="8">
        <v>0</v>
      </c>
      <c r="J24794" s="8">
        <v>1</v>
      </c>
      <c r="K24794" s="9">
        <v>73</v>
      </c>
      <c r="L24794" s="6" t="s">
        <v>4151</v>
      </c>
    </row>
    <row r="24795" spans="1:12">
      <c r="A24795" s="6" t="s">
        <v>4151</v>
      </c>
      <c r="B24795" s="6"/>
      <c r="C24795" s="6" t="s">
        <v>24831</v>
      </c>
      <c r="D24795" s="6"/>
      <c r="E24795" s="6" t="s">
        <v>9</v>
      </c>
      <c r="F24795" s="7">
        <v>38657</v>
      </c>
      <c r="G24795" s="8">
        <v>1</v>
      </c>
      <c r="H24795" s="8">
        <v>1</v>
      </c>
      <c r="I24795" s="8">
        <v>0</v>
      </c>
      <c r="J24795" s="8">
        <v>1</v>
      </c>
      <c r="K24795" s="9">
        <v>8.66</v>
      </c>
      <c r="L24795" s="6" t="s">
        <v>4151</v>
      </c>
    </row>
    <row r="24796" spans="1:12">
      <c r="A24796" s="6" t="s">
        <v>4151</v>
      </c>
      <c r="B24796" s="6"/>
      <c r="C24796" s="6" t="s">
        <v>24832</v>
      </c>
      <c r="D24796" s="6"/>
      <c r="E24796" s="6" t="s">
        <v>9</v>
      </c>
      <c r="F24796" s="7">
        <v>38657</v>
      </c>
      <c r="G24796" s="8">
        <v>1</v>
      </c>
      <c r="H24796" s="8">
        <v>1</v>
      </c>
      <c r="I24796" s="8">
        <v>0</v>
      </c>
      <c r="J24796" s="8">
        <v>1</v>
      </c>
      <c r="K24796" s="9">
        <v>79</v>
      </c>
      <c r="L24796" s="6" t="s">
        <v>4151</v>
      </c>
    </row>
    <row r="24797" spans="1:12">
      <c r="A24797" s="6" t="s">
        <v>4151</v>
      </c>
      <c r="B24797" s="6"/>
      <c r="C24797" s="6" t="s">
        <v>24833</v>
      </c>
      <c r="D24797" s="6"/>
      <c r="E24797" s="6" t="s">
        <v>9</v>
      </c>
      <c r="F24797" s="7">
        <v>38657</v>
      </c>
      <c r="G24797" s="8">
        <v>1</v>
      </c>
      <c r="H24797" s="8">
        <v>1</v>
      </c>
      <c r="I24797" s="8">
        <v>0</v>
      </c>
      <c r="J24797" s="8">
        <v>1</v>
      </c>
      <c r="K24797" s="9">
        <v>99</v>
      </c>
      <c r="L24797" s="6" t="s">
        <v>4151</v>
      </c>
    </row>
    <row r="24798" spans="1:12">
      <c r="A24798" s="6" t="s">
        <v>4151</v>
      </c>
      <c r="B24798" s="6"/>
      <c r="C24798" s="6" t="s">
        <v>24834</v>
      </c>
      <c r="D24798" s="6"/>
      <c r="E24798" s="6" t="s">
        <v>9</v>
      </c>
      <c r="F24798" s="7">
        <v>38657</v>
      </c>
      <c r="G24798" s="8">
        <v>1</v>
      </c>
      <c r="H24798" s="8">
        <v>1</v>
      </c>
      <c r="I24798" s="8">
        <v>0</v>
      </c>
      <c r="J24798" s="8">
        <v>1</v>
      </c>
      <c r="K24798" s="9">
        <v>74</v>
      </c>
      <c r="L24798" s="6" t="s">
        <v>4151</v>
      </c>
    </row>
    <row r="24799" spans="1:12">
      <c r="A24799" s="6" t="s">
        <v>4151</v>
      </c>
      <c r="B24799" s="6"/>
      <c r="C24799" s="6" t="s">
        <v>24835</v>
      </c>
      <c r="D24799" s="6"/>
      <c r="E24799" s="6" t="s">
        <v>9</v>
      </c>
      <c r="F24799" s="7">
        <v>38657</v>
      </c>
      <c r="G24799" s="8">
        <v>1</v>
      </c>
      <c r="H24799" s="8">
        <v>1</v>
      </c>
      <c r="I24799" s="8">
        <v>0</v>
      </c>
      <c r="J24799" s="8">
        <v>1</v>
      </c>
      <c r="K24799" s="9">
        <v>9</v>
      </c>
      <c r="L24799" s="6" t="s">
        <v>4151</v>
      </c>
    </row>
    <row r="24800" spans="1:12">
      <c r="A24800" s="6" t="s">
        <v>4151</v>
      </c>
      <c r="B24800" s="6"/>
      <c r="C24800" s="6" t="s">
        <v>24836</v>
      </c>
      <c r="D24800" s="6"/>
      <c r="E24800" s="6" t="s">
        <v>9</v>
      </c>
      <c r="F24800" s="7">
        <v>38657</v>
      </c>
      <c r="G24800" s="8">
        <v>1</v>
      </c>
      <c r="H24800" s="8">
        <v>1</v>
      </c>
      <c r="I24800" s="8">
        <v>0</v>
      </c>
      <c r="J24800" s="8">
        <v>1</v>
      </c>
      <c r="K24800" s="9">
        <v>165</v>
      </c>
      <c r="L24800" s="6" t="s">
        <v>4151</v>
      </c>
    </row>
    <row r="24801" spans="1:12">
      <c r="A24801" s="6" t="s">
        <v>4151</v>
      </c>
      <c r="B24801" s="6"/>
      <c r="C24801" s="6" t="s">
        <v>24837</v>
      </c>
      <c r="D24801" s="6"/>
      <c r="E24801" s="6" t="s">
        <v>9</v>
      </c>
      <c r="F24801" s="7">
        <v>38657</v>
      </c>
      <c r="G24801" s="8">
        <v>1</v>
      </c>
      <c r="H24801" s="8">
        <v>1</v>
      </c>
      <c r="I24801" s="8">
        <v>0</v>
      </c>
      <c r="J24801" s="8">
        <v>1</v>
      </c>
      <c r="K24801" s="9">
        <v>3.48</v>
      </c>
      <c r="L24801" s="6" t="s">
        <v>4151</v>
      </c>
    </row>
    <row r="24802" spans="1:12">
      <c r="A24802" s="6" t="s">
        <v>4151</v>
      </c>
      <c r="B24802" s="6"/>
      <c r="C24802" s="6" t="s">
        <v>24838</v>
      </c>
      <c r="D24802" s="6"/>
      <c r="E24802" s="6" t="s">
        <v>9</v>
      </c>
      <c r="F24802" s="7">
        <v>38657</v>
      </c>
      <c r="G24802" s="8">
        <v>1</v>
      </c>
      <c r="H24802" s="8">
        <v>1</v>
      </c>
      <c r="I24802" s="8">
        <v>0</v>
      </c>
      <c r="J24802" s="8">
        <v>1</v>
      </c>
      <c r="K24802" s="9">
        <v>98</v>
      </c>
      <c r="L24802" s="6" t="s">
        <v>4151</v>
      </c>
    </row>
    <row r="24803" spans="1:12">
      <c r="A24803" s="6" t="s">
        <v>4151</v>
      </c>
      <c r="B24803" s="6"/>
      <c r="C24803" s="6" t="s">
        <v>24839</v>
      </c>
      <c r="D24803" s="6"/>
      <c r="E24803" s="6" t="s">
        <v>9</v>
      </c>
      <c r="F24803" s="7">
        <v>38657</v>
      </c>
      <c r="G24803" s="8">
        <v>1</v>
      </c>
      <c r="H24803" s="8">
        <v>1</v>
      </c>
      <c r="I24803" s="8">
        <v>0</v>
      </c>
      <c r="J24803" s="8">
        <v>1</v>
      </c>
      <c r="K24803" s="9">
        <v>7.37</v>
      </c>
      <c r="L24803" s="6" t="s">
        <v>4151</v>
      </c>
    </row>
    <row r="24804" spans="1:12">
      <c r="A24804" s="6" t="s">
        <v>4151</v>
      </c>
      <c r="B24804" s="6"/>
      <c r="C24804" s="6" t="s">
        <v>24840</v>
      </c>
      <c r="D24804" s="6"/>
      <c r="E24804" s="6" t="s">
        <v>9</v>
      </c>
      <c r="F24804" s="7">
        <v>38657</v>
      </c>
      <c r="G24804" s="8">
        <v>1</v>
      </c>
      <c r="H24804" s="8">
        <v>1</v>
      </c>
      <c r="I24804" s="8">
        <v>0</v>
      </c>
      <c r="J24804" s="8">
        <v>1</v>
      </c>
      <c r="K24804" s="9">
        <v>3.32</v>
      </c>
      <c r="L24804" s="6" t="s">
        <v>4151</v>
      </c>
    </row>
    <row r="24805" spans="1:12">
      <c r="A24805" s="6" t="s">
        <v>4151</v>
      </c>
      <c r="B24805" s="6"/>
      <c r="C24805" s="6" t="s">
        <v>24841</v>
      </c>
      <c r="D24805" s="6"/>
      <c r="E24805" s="6" t="s">
        <v>9</v>
      </c>
      <c r="F24805" s="7">
        <v>38657</v>
      </c>
      <c r="G24805" s="8">
        <v>1</v>
      </c>
      <c r="H24805" s="8">
        <v>1</v>
      </c>
      <c r="I24805" s="8">
        <v>0</v>
      </c>
      <c r="J24805" s="8">
        <v>1</v>
      </c>
      <c r="K24805" s="9">
        <v>1.24</v>
      </c>
      <c r="L24805" s="6" t="s">
        <v>4151</v>
      </c>
    </row>
    <row r="24806" spans="1:12">
      <c r="A24806" s="6" t="s">
        <v>4151</v>
      </c>
      <c r="B24806" s="6"/>
      <c r="C24806" s="6" t="s">
        <v>24842</v>
      </c>
      <c r="D24806" s="6"/>
      <c r="E24806" s="6" t="s">
        <v>9</v>
      </c>
      <c r="F24806" s="7">
        <v>38657</v>
      </c>
      <c r="G24806" s="8">
        <v>1</v>
      </c>
      <c r="H24806" s="8">
        <v>1</v>
      </c>
      <c r="I24806" s="8">
        <v>0</v>
      </c>
      <c r="J24806" s="8">
        <v>1</v>
      </c>
      <c r="K24806" s="9">
        <v>0.68</v>
      </c>
      <c r="L24806" s="6" t="s">
        <v>4151</v>
      </c>
    </row>
    <row r="24807" spans="1:12">
      <c r="A24807" s="6" t="s">
        <v>4151</v>
      </c>
      <c r="B24807" s="6"/>
      <c r="C24807" s="6" t="s">
        <v>24843</v>
      </c>
      <c r="D24807" s="6"/>
      <c r="E24807" s="6" t="s">
        <v>9</v>
      </c>
      <c r="F24807" s="7">
        <v>38657</v>
      </c>
      <c r="G24807" s="8">
        <v>1</v>
      </c>
      <c r="H24807" s="8">
        <v>1</v>
      </c>
      <c r="I24807" s="8">
        <v>0</v>
      </c>
      <c r="J24807" s="8">
        <v>1</v>
      </c>
      <c r="K24807" s="9">
        <v>19.38</v>
      </c>
      <c r="L24807" s="6" t="s">
        <v>4151</v>
      </c>
    </row>
    <row r="24808" spans="1:12">
      <c r="A24808" s="6" t="s">
        <v>4151</v>
      </c>
      <c r="B24808" s="6"/>
      <c r="C24808" s="6" t="s">
        <v>24844</v>
      </c>
      <c r="D24808" s="6"/>
      <c r="E24808" s="6" t="s">
        <v>9</v>
      </c>
      <c r="F24808" s="7">
        <v>38657</v>
      </c>
      <c r="G24808" s="8">
        <v>1</v>
      </c>
      <c r="H24808" s="8">
        <v>1</v>
      </c>
      <c r="I24808" s="8">
        <v>0</v>
      </c>
      <c r="J24808" s="8">
        <v>1</v>
      </c>
      <c r="K24808" s="9">
        <v>43</v>
      </c>
      <c r="L24808" s="6" t="s">
        <v>4151</v>
      </c>
    </row>
    <row r="24809" spans="1:12">
      <c r="A24809" s="6" t="s">
        <v>4151</v>
      </c>
      <c r="B24809" s="6"/>
      <c r="C24809" s="6" t="s">
        <v>24845</v>
      </c>
      <c r="D24809" s="6"/>
      <c r="E24809" s="6" t="s">
        <v>9</v>
      </c>
      <c r="F24809" s="7">
        <v>38657</v>
      </c>
      <c r="G24809" s="8">
        <v>1</v>
      </c>
      <c r="H24809" s="8">
        <v>1</v>
      </c>
      <c r="I24809" s="8">
        <v>0</v>
      </c>
      <c r="J24809" s="8">
        <v>1</v>
      </c>
      <c r="K24809" s="9">
        <v>43</v>
      </c>
      <c r="L24809" s="6" t="s">
        <v>4151</v>
      </c>
    </row>
    <row r="24810" spans="1:12">
      <c r="A24810" s="6" t="s">
        <v>4151</v>
      </c>
      <c r="B24810" s="6"/>
      <c r="C24810" s="6" t="s">
        <v>24846</v>
      </c>
      <c r="D24810" s="6"/>
      <c r="E24810" s="6" t="s">
        <v>9</v>
      </c>
      <c r="F24810" s="7">
        <v>38657</v>
      </c>
      <c r="G24810" s="8">
        <v>1</v>
      </c>
      <c r="H24810" s="8">
        <v>1</v>
      </c>
      <c r="I24810" s="8">
        <v>0</v>
      </c>
      <c r="J24810" s="8">
        <v>1</v>
      </c>
      <c r="K24810" s="9">
        <v>36</v>
      </c>
      <c r="L24810" s="6" t="s">
        <v>4151</v>
      </c>
    </row>
    <row r="24811" spans="1:12">
      <c r="A24811" s="6" t="s">
        <v>4151</v>
      </c>
      <c r="B24811" s="6"/>
      <c r="C24811" s="6" t="s">
        <v>24847</v>
      </c>
      <c r="D24811" s="6"/>
      <c r="E24811" s="6" t="s">
        <v>9</v>
      </c>
      <c r="F24811" s="7">
        <v>38657</v>
      </c>
      <c r="G24811" s="8">
        <v>1</v>
      </c>
      <c r="H24811" s="8">
        <v>1</v>
      </c>
      <c r="I24811" s="8">
        <v>0</v>
      </c>
      <c r="J24811" s="8">
        <v>1</v>
      </c>
      <c r="K24811" s="9">
        <v>20</v>
      </c>
      <c r="L24811" s="6" t="s">
        <v>4151</v>
      </c>
    </row>
    <row r="24812" spans="1:12">
      <c r="A24812" s="6" t="s">
        <v>4151</v>
      </c>
      <c r="B24812" s="6"/>
      <c r="C24812" s="6" t="s">
        <v>24848</v>
      </c>
      <c r="D24812" s="6"/>
      <c r="E24812" s="6" t="s">
        <v>9</v>
      </c>
      <c r="F24812" s="7">
        <v>38657</v>
      </c>
      <c r="G24812" s="8">
        <v>1</v>
      </c>
      <c r="H24812" s="8">
        <v>1</v>
      </c>
      <c r="I24812" s="8">
        <v>0</v>
      </c>
      <c r="J24812" s="8">
        <v>1</v>
      </c>
      <c r="K24812" s="9">
        <v>3.29</v>
      </c>
      <c r="L24812" s="6" t="s">
        <v>4151</v>
      </c>
    </row>
    <row r="24813" spans="1:12">
      <c r="A24813" s="6" t="s">
        <v>4151</v>
      </c>
      <c r="B24813" s="6"/>
      <c r="C24813" s="6" t="s">
        <v>24849</v>
      </c>
      <c r="D24813" s="6"/>
      <c r="E24813" s="6" t="s">
        <v>9</v>
      </c>
      <c r="F24813" s="7">
        <v>38657</v>
      </c>
      <c r="G24813" s="8">
        <v>1</v>
      </c>
      <c r="H24813" s="8">
        <v>1</v>
      </c>
      <c r="I24813" s="8">
        <v>0</v>
      </c>
      <c r="J24813" s="8">
        <v>1</v>
      </c>
      <c r="K24813" s="9">
        <v>47</v>
      </c>
      <c r="L24813" s="6" t="s">
        <v>4151</v>
      </c>
    </row>
    <row r="24814" spans="1:12">
      <c r="A24814" s="6" t="s">
        <v>4151</v>
      </c>
      <c r="B24814" s="6"/>
      <c r="C24814" s="6" t="s">
        <v>24850</v>
      </c>
      <c r="D24814" s="6"/>
      <c r="E24814" s="6" t="s">
        <v>9</v>
      </c>
      <c r="F24814" s="7">
        <v>38657</v>
      </c>
      <c r="G24814" s="8">
        <v>1</v>
      </c>
      <c r="H24814" s="8">
        <v>1</v>
      </c>
      <c r="I24814" s="8">
        <v>0</v>
      </c>
      <c r="J24814" s="8">
        <v>1</v>
      </c>
      <c r="K24814" s="9">
        <v>7.22</v>
      </c>
      <c r="L24814" s="6" t="s">
        <v>4151</v>
      </c>
    </row>
    <row r="24815" spans="1:12">
      <c r="A24815" s="6" t="s">
        <v>4151</v>
      </c>
      <c r="B24815" s="6"/>
      <c r="C24815" s="6" t="s">
        <v>24851</v>
      </c>
      <c r="D24815" s="6"/>
      <c r="E24815" s="6" t="s">
        <v>9</v>
      </c>
      <c r="F24815" s="7">
        <v>38657</v>
      </c>
      <c r="G24815" s="8">
        <v>1</v>
      </c>
      <c r="H24815" s="8">
        <v>1</v>
      </c>
      <c r="I24815" s="8">
        <v>0</v>
      </c>
      <c r="J24815" s="8">
        <v>1</v>
      </c>
      <c r="K24815" s="9">
        <v>31</v>
      </c>
      <c r="L24815" s="6" t="s">
        <v>4151</v>
      </c>
    </row>
    <row r="24816" spans="1:12">
      <c r="A24816" s="6" t="s">
        <v>4151</v>
      </c>
      <c r="B24816" s="6"/>
      <c r="C24816" s="6" t="s">
        <v>24852</v>
      </c>
      <c r="D24816" s="6"/>
      <c r="E24816" s="6" t="s">
        <v>9</v>
      </c>
      <c r="F24816" s="7">
        <v>38657</v>
      </c>
      <c r="G24816" s="8">
        <v>1</v>
      </c>
      <c r="H24816" s="8">
        <v>1</v>
      </c>
      <c r="I24816" s="8">
        <v>0</v>
      </c>
      <c r="J24816" s="8">
        <v>1</v>
      </c>
      <c r="K24816" s="9">
        <v>1.79</v>
      </c>
      <c r="L24816" s="6" t="s">
        <v>4151</v>
      </c>
    </row>
    <row r="24817" spans="1:12">
      <c r="A24817" s="6" t="s">
        <v>4151</v>
      </c>
      <c r="B24817" s="6"/>
      <c r="C24817" s="6" t="s">
        <v>24853</v>
      </c>
      <c r="D24817" s="6"/>
      <c r="E24817" s="6" t="s">
        <v>9</v>
      </c>
      <c r="F24817" s="7">
        <v>38657</v>
      </c>
      <c r="G24817" s="8">
        <v>1</v>
      </c>
      <c r="H24817" s="8">
        <v>1</v>
      </c>
      <c r="I24817" s="8">
        <v>0</v>
      </c>
      <c r="J24817" s="8">
        <v>1</v>
      </c>
      <c r="K24817" s="9">
        <v>29</v>
      </c>
      <c r="L24817" s="6" t="s">
        <v>4151</v>
      </c>
    </row>
    <row r="24818" spans="1:12">
      <c r="A24818" s="6" t="s">
        <v>4151</v>
      </c>
      <c r="B24818" s="6"/>
      <c r="C24818" s="6" t="s">
        <v>24854</v>
      </c>
      <c r="D24818" s="6"/>
      <c r="E24818" s="6" t="s">
        <v>9</v>
      </c>
      <c r="F24818" s="7">
        <v>38657</v>
      </c>
      <c r="G24818" s="8">
        <v>1</v>
      </c>
      <c r="H24818" s="8">
        <v>1</v>
      </c>
      <c r="I24818" s="8">
        <v>0</v>
      </c>
      <c r="J24818" s="8">
        <v>1</v>
      </c>
      <c r="K24818" s="9">
        <v>9.74</v>
      </c>
      <c r="L24818" s="6" t="s">
        <v>4151</v>
      </c>
    </row>
    <row r="24819" spans="1:12">
      <c r="A24819" s="6" t="s">
        <v>4151</v>
      </c>
      <c r="B24819" s="6"/>
      <c r="C24819" s="6" t="s">
        <v>24855</v>
      </c>
      <c r="D24819" s="6"/>
      <c r="E24819" s="6" t="s">
        <v>9</v>
      </c>
      <c r="F24819" s="7">
        <v>38657</v>
      </c>
      <c r="G24819" s="8">
        <v>1</v>
      </c>
      <c r="H24819" s="8">
        <v>1</v>
      </c>
      <c r="I24819" s="8">
        <v>0</v>
      </c>
      <c r="J24819" s="8">
        <v>1</v>
      </c>
      <c r="K24819" s="9">
        <v>33.020000000000003</v>
      </c>
      <c r="L24819" s="6" t="s">
        <v>4151</v>
      </c>
    </row>
    <row r="24820" spans="1:12">
      <c r="A24820" s="6" t="s">
        <v>4151</v>
      </c>
      <c r="B24820" s="6"/>
      <c r="C24820" s="6" t="s">
        <v>24856</v>
      </c>
      <c r="D24820" s="6"/>
      <c r="E24820" s="6" t="s">
        <v>9</v>
      </c>
      <c r="F24820" s="7">
        <v>38657</v>
      </c>
      <c r="G24820" s="8">
        <v>1</v>
      </c>
      <c r="H24820" s="8">
        <v>1</v>
      </c>
      <c r="I24820" s="8">
        <v>0</v>
      </c>
      <c r="J24820" s="8">
        <v>1</v>
      </c>
      <c r="K24820" s="9">
        <v>32</v>
      </c>
      <c r="L24820" s="6" t="s">
        <v>4151</v>
      </c>
    </row>
    <row r="24821" spans="1:12">
      <c r="A24821" s="6" t="s">
        <v>4151</v>
      </c>
      <c r="B24821" s="6"/>
      <c r="C24821" s="6" t="s">
        <v>24857</v>
      </c>
      <c r="D24821" s="6"/>
      <c r="E24821" s="6" t="s">
        <v>9</v>
      </c>
      <c r="F24821" s="7">
        <v>38657</v>
      </c>
      <c r="G24821" s="8">
        <v>1</v>
      </c>
      <c r="H24821" s="8">
        <v>1</v>
      </c>
      <c r="I24821" s="8">
        <v>0</v>
      </c>
      <c r="J24821" s="8">
        <v>1</v>
      </c>
      <c r="K24821" s="9">
        <v>2.65</v>
      </c>
      <c r="L24821" s="6" t="s">
        <v>4151</v>
      </c>
    </row>
    <row r="24822" spans="1:12">
      <c r="A24822" s="6" t="s">
        <v>4151</v>
      </c>
      <c r="B24822" s="6"/>
      <c r="C24822" s="6" t="s">
        <v>24858</v>
      </c>
      <c r="D24822" s="6"/>
      <c r="E24822" s="6" t="s">
        <v>9</v>
      </c>
      <c r="F24822" s="7">
        <v>38657</v>
      </c>
      <c r="G24822" s="8">
        <v>1</v>
      </c>
      <c r="H24822" s="8">
        <v>1</v>
      </c>
      <c r="I24822" s="8">
        <v>0</v>
      </c>
      <c r="J24822" s="8">
        <v>1</v>
      </c>
      <c r="K24822" s="9">
        <v>63.87</v>
      </c>
      <c r="L24822" s="6" t="s">
        <v>4151</v>
      </c>
    </row>
    <row r="24823" spans="1:12">
      <c r="A24823" s="6" t="s">
        <v>4151</v>
      </c>
      <c r="B24823" s="6"/>
      <c r="C24823" s="6" t="s">
        <v>24859</v>
      </c>
      <c r="D24823" s="6"/>
      <c r="E24823" s="6" t="s">
        <v>9</v>
      </c>
      <c r="F24823" s="7">
        <v>38657</v>
      </c>
      <c r="G24823" s="8">
        <v>1</v>
      </c>
      <c r="H24823" s="8">
        <v>1</v>
      </c>
      <c r="I24823" s="8">
        <v>0</v>
      </c>
      <c r="J24823" s="8">
        <v>1</v>
      </c>
      <c r="K24823" s="9">
        <v>25</v>
      </c>
      <c r="L24823" s="6" t="s">
        <v>4151</v>
      </c>
    </row>
    <row r="24824" spans="1:12">
      <c r="A24824" s="6" t="s">
        <v>4151</v>
      </c>
      <c r="B24824" s="6"/>
      <c r="C24824" s="6" t="s">
        <v>24860</v>
      </c>
      <c r="D24824" s="6"/>
      <c r="E24824" s="6" t="s">
        <v>9</v>
      </c>
      <c r="F24824" s="7">
        <v>38657</v>
      </c>
      <c r="G24824" s="8">
        <v>1</v>
      </c>
      <c r="H24824" s="8">
        <v>1</v>
      </c>
      <c r="I24824" s="8">
        <v>0</v>
      </c>
      <c r="J24824" s="8">
        <v>1</v>
      </c>
      <c r="K24824" s="9">
        <v>10.8</v>
      </c>
      <c r="L24824" s="6" t="s">
        <v>4151</v>
      </c>
    </row>
    <row r="24825" spans="1:12">
      <c r="A24825" s="6" t="s">
        <v>4151</v>
      </c>
      <c r="B24825" s="6"/>
      <c r="C24825" s="6" t="s">
        <v>24861</v>
      </c>
      <c r="D24825" s="6"/>
      <c r="E24825" s="6" t="s">
        <v>9</v>
      </c>
      <c r="F24825" s="7">
        <v>38657</v>
      </c>
      <c r="G24825" s="8">
        <v>1</v>
      </c>
      <c r="H24825" s="8">
        <v>1</v>
      </c>
      <c r="I24825" s="8">
        <v>0</v>
      </c>
      <c r="J24825" s="8">
        <v>1</v>
      </c>
      <c r="K24825" s="9">
        <v>0.71</v>
      </c>
      <c r="L24825" s="6" t="s">
        <v>4151</v>
      </c>
    </row>
    <row r="24826" spans="1:12">
      <c r="A24826" s="6" t="s">
        <v>4151</v>
      </c>
      <c r="B24826" s="6"/>
      <c r="C24826" s="6" t="s">
        <v>24862</v>
      </c>
      <c r="D24826" s="6"/>
      <c r="E24826" s="6" t="s">
        <v>9</v>
      </c>
      <c r="F24826" s="7">
        <v>38657</v>
      </c>
      <c r="G24826" s="8">
        <v>1</v>
      </c>
      <c r="H24826" s="8">
        <v>1</v>
      </c>
      <c r="I24826" s="8">
        <v>0</v>
      </c>
      <c r="J24826" s="8">
        <v>1</v>
      </c>
      <c r="K24826" s="9">
        <v>1.25</v>
      </c>
      <c r="L24826" s="6" t="s">
        <v>4151</v>
      </c>
    </row>
    <row r="24827" spans="1:12">
      <c r="A24827" s="6" t="s">
        <v>4151</v>
      </c>
      <c r="B24827" s="6"/>
      <c r="C24827" s="6" t="s">
        <v>24863</v>
      </c>
      <c r="D24827" s="6"/>
      <c r="E24827" s="6" t="s">
        <v>9</v>
      </c>
      <c r="F24827" s="7">
        <v>38657</v>
      </c>
      <c r="G24827" s="8">
        <v>1</v>
      </c>
      <c r="H24827" s="8">
        <v>1</v>
      </c>
      <c r="I24827" s="8">
        <v>0</v>
      </c>
      <c r="J24827" s="8">
        <v>1</v>
      </c>
      <c r="K24827" s="9">
        <v>14</v>
      </c>
      <c r="L24827" s="6" t="s">
        <v>4151</v>
      </c>
    </row>
    <row r="24828" spans="1:12">
      <c r="A24828" s="6" t="s">
        <v>4151</v>
      </c>
      <c r="B24828" s="6"/>
      <c r="C24828" s="6" t="s">
        <v>24864</v>
      </c>
      <c r="D24828" s="6"/>
      <c r="E24828" s="6" t="s">
        <v>9</v>
      </c>
      <c r="F24828" s="7">
        <v>38657</v>
      </c>
      <c r="G24828" s="8">
        <v>1</v>
      </c>
      <c r="H24828" s="8">
        <v>1</v>
      </c>
      <c r="I24828" s="8">
        <v>0</v>
      </c>
      <c r="J24828" s="8">
        <v>1</v>
      </c>
      <c r="K24828" s="9">
        <v>8.59</v>
      </c>
      <c r="L24828" s="6" t="s">
        <v>4151</v>
      </c>
    </row>
    <row r="24829" spans="1:12">
      <c r="A24829" s="6" t="s">
        <v>4151</v>
      </c>
      <c r="B24829" s="6"/>
      <c r="C24829" s="6" t="s">
        <v>24865</v>
      </c>
      <c r="D24829" s="6"/>
      <c r="E24829" s="6" t="s">
        <v>9</v>
      </c>
      <c r="F24829" s="7">
        <v>38657</v>
      </c>
      <c r="G24829" s="8">
        <v>1</v>
      </c>
      <c r="H24829" s="8">
        <v>1</v>
      </c>
      <c r="I24829" s="8">
        <v>0</v>
      </c>
      <c r="J24829" s="8">
        <v>1</v>
      </c>
      <c r="K24829" s="9">
        <v>13</v>
      </c>
      <c r="L24829" s="6" t="s">
        <v>4151</v>
      </c>
    </row>
    <row r="24830" spans="1:12">
      <c r="A24830" s="6" t="s">
        <v>4151</v>
      </c>
      <c r="B24830" s="6"/>
      <c r="C24830" s="6" t="s">
        <v>24866</v>
      </c>
      <c r="D24830" s="6"/>
      <c r="E24830" s="6" t="s">
        <v>9</v>
      </c>
      <c r="F24830" s="7">
        <v>38657</v>
      </c>
      <c r="G24830" s="8">
        <v>1</v>
      </c>
      <c r="H24830" s="8">
        <v>1</v>
      </c>
      <c r="I24830" s="8">
        <v>0</v>
      </c>
      <c r="J24830" s="8">
        <v>1</v>
      </c>
      <c r="K24830" s="9">
        <v>6.93</v>
      </c>
      <c r="L24830" s="6" t="s">
        <v>4151</v>
      </c>
    </row>
    <row r="24831" spans="1:12">
      <c r="A24831" s="6" t="s">
        <v>4151</v>
      </c>
      <c r="B24831" s="6"/>
      <c r="C24831" s="6" t="s">
        <v>24867</v>
      </c>
      <c r="D24831" s="6"/>
      <c r="E24831" s="6" t="s">
        <v>9</v>
      </c>
      <c r="F24831" s="7">
        <v>38657</v>
      </c>
      <c r="G24831" s="8">
        <v>1</v>
      </c>
      <c r="H24831" s="8">
        <v>1</v>
      </c>
      <c r="I24831" s="8">
        <v>0</v>
      </c>
      <c r="J24831" s="8">
        <v>1</v>
      </c>
      <c r="K24831" s="9">
        <v>40</v>
      </c>
      <c r="L24831" s="6" t="s">
        <v>4151</v>
      </c>
    </row>
    <row r="24832" spans="1:12">
      <c r="A24832" s="6" t="s">
        <v>4151</v>
      </c>
      <c r="B24832" s="6"/>
      <c r="C24832" s="6" t="s">
        <v>24868</v>
      </c>
      <c r="D24832" s="6"/>
      <c r="E24832" s="6" t="s">
        <v>9</v>
      </c>
      <c r="F24832" s="7">
        <v>38657</v>
      </c>
      <c r="G24832" s="8">
        <v>1</v>
      </c>
      <c r="H24832" s="8">
        <v>1</v>
      </c>
      <c r="I24832" s="8">
        <v>0</v>
      </c>
      <c r="J24832" s="8">
        <v>1</v>
      </c>
      <c r="K24832" s="9">
        <v>31</v>
      </c>
      <c r="L24832" s="6" t="s">
        <v>4151</v>
      </c>
    </row>
    <row r="24833" spans="1:12">
      <c r="A24833" s="6" t="s">
        <v>4151</v>
      </c>
      <c r="B24833" s="6"/>
      <c r="C24833" s="6" t="s">
        <v>24869</v>
      </c>
      <c r="D24833" s="6"/>
      <c r="E24833" s="6" t="s">
        <v>9</v>
      </c>
      <c r="F24833" s="7">
        <v>38657</v>
      </c>
      <c r="G24833" s="8">
        <v>1</v>
      </c>
      <c r="H24833" s="8">
        <v>1</v>
      </c>
      <c r="I24833" s="8">
        <v>0</v>
      </c>
      <c r="J24833" s="8">
        <v>1</v>
      </c>
      <c r="K24833" s="9">
        <v>185</v>
      </c>
      <c r="L24833" s="6" t="s">
        <v>4151</v>
      </c>
    </row>
    <row r="24834" spans="1:12">
      <c r="A24834" s="6" t="s">
        <v>4151</v>
      </c>
      <c r="B24834" s="6"/>
      <c r="C24834" s="6" t="s">
        <v>24870</v>
      </c>
      <c r="D24834" s="6"/>
      <c r="E24834" s="6" t="s">
        <v>9</v>
      </c>
      <c r="F24834" s="7">
        <v>38657</v>
      </c>
      <c r="G24834" s="8">
        <v>1</v>
      </c>
      <c r="H24834" s="8">
        <v>1</v>
      </c>
      <c r="I24834" s="8">
        <v>0</v>
      </c>
      <c r="J24834" s="8">
        <v>1</v>
      </c>
      <c r="K24834" s="9">
        <v>8.27</v>
      </c>
      <c r="L24834" s="6" t="s">
        <v>4151</v>
      </c>
    </row>
    <row r="24835" spans="1:12">
      <c r="A24835" s="6" t="s">
        <v>4151</v>
      </c>
      <c r="B24835" s="6"/>
      <c r="C24835" s="6" t="s">
        <v>24871</v>
      </c>
      <c r="D24835" s="6"/>
      <c r="E24835" s="6" t="s">
        <v>9</v>
      </c>
      <c r="F24835" s="7">
        <v>38657</v>
      </c>
      <c r="G24835" s="8">
        <v>1</v>
      </c>
      <c r="H24835" s="8">
        <v>1</v>
      </c>
      <c r="I24835" s="8">
        <v>0</v>
      </c>
      <c r="J24835" s="8">
        <v>1</v>
      </c>
      <c r="K24835" s="9">
        <v>189</v>
      </c>
      <c r="L24835" s="6" t="s">
        <v>4151</v>
      </c>
    </row>
    <row r="24836" spans="1:12">
      <c r="A24836" s="6" t="s">
        <v>4151</v>
      </c>
      <c r="B24836" s="6"/>
      <c r="C24836" s="6" t="s">
        <v>24872</v>
      </c>
      <c r="D24836" s="6"/>
      <c r="E24836" s="6" t="s">
        <v>9</v>
      </c>
      <c r="F24836" s="7">
        <v>38657</v>
      </c>
      <c r="G24836" s="8">
        <v>1</v>
      </c>
      <c r="H24836" s="8">
        <v>1</v>
      </c>
      <c r="I24836" s="8">
        <v>0</v>
      </c>
      <c r="J24836" s="8">
        <v>1</v>
      </c>
      <c r="K24836" s="9">
        <v>202</v>
      </c>
      <c r="L24836" s="6" t="s">
        <v>4151</v>
      </c>
    </row>
    <row r="24837" spans="1:12">
      <c r="A24837" s="6" t="s">
        <v>4151</v>
      </c>
      <c r="B24837" s="6"/>
      <c r="C24837" s="6" t="s">
        <v>24873</v>
      </c>
      <c r="D24837" s="6"/>
      <c r="E24837" s="6" t="s">
        <v>9</v>
      </c>
      <c r="F24837" s="7">
        <v>38657</v>
      </c>
      <c r="G24837" s="8">
        <v>1</v>
      </c>
      <c r="H24837" s="8">
        <v>1</v>
      </c>
      <c r="I24837" s="8">
        <v>0</v>
      </c>
      <c r="J24837" s="8">
        <v>1</v>
      </c>
      <c r="K24837" s="9">
        <v>197</v>
      </c>
      <c r="L24837" s="6" t="s">
        <v>4151</v>
      </c>
    </row>
    <row r="24838" spans="1:12">
      <c r="A24838" s="6" t="s">
        <v>4151</v>
      </c>
      <c r="B24838" s="6"/>
      <c r="C24838" s="6" t="s">
        <v>24874</v>
      </c>
      <c r="D24838" s="6"/>
      <c r="E24838" s="6" t="s">
        <v>9</v>
      </c>
      <c r="F24838" s="7">
        <v>38657</v>
      </c>
      <c r="G24838" s="8">
        <v>1</v>
      </c>
      <c r="H24838" s="8">
        <v>1</v>
      </c>
      <c r="I24838" s="8">
        <v>0</v>
      </c>
      <c r="J24838" s="8">
        <v>1</v>
      </c>
      <c r="K24838" s="9">
        <v>675</v>
      </c>
      <c r="L24838" s="6" t="s">
        <v>4151</v>
      </c>
    </row>
    <row r="24839" spans="1:12">
      <c r="A24839" s="6" t="s">
        <v>4151</v>
      </c>
      <c r="B24839" s="6"/>
      <c r="C24839" s="6" t="s">
        <v>24875</v>
      </c>
      <c r="D24839" s="6"/>
      <c r="E24839" s="6" t="s">
        <v>9</v>
      </c>
      <c r="F24839" s="7">
        <v>38657</v>
      </c>
      <c r="G24839" s="8">
        <v>1</v>
      </c>
      <c r="H24839" s="8">
        <v>1</v>
      </c>
      <c r="I24839" s="8">
        <v>0</v>
      </c>
      <c r="J24839" s="8">
        <v>1</v>
      </c>
      <c r="K24839" s="9">
        <v>158</v>
      </c>
      <c r="L24839" s="6" t="s">
        <v>4151</v>
      </c>
    </row>
    <row r="24840" spans="1:12">
      <c r="A24840" s="6" t="s">
        <v>4151</v>
      </c>
      <c r="B24840" s="6"/>
      <c r="C24840" s="6" t="s">
        <v>24876</v>
      </c>
      <c r="D24840" s="6"/>
      <c r="E24840" s="6" t="s">
        <v>9</v>
      </c>
      <c r="F24840" s="7">
        <v>38657</v>
      </c>
      <c r="G24840" s="8">
        <v>1</v>
      </c>
      <c r="H24840" s="8">
        <v>1</v>
      </c>
      <c r="I24840" s="8">
        <v>0</v>
      </c>
      <c r="J24840" s="8">
        <v>1</v>
      </c>
      <c r="K24840" s="9">
        <v>104</v>
      </c>
      <c r="L24840" s="6" t="s">
        <v>4151</v>
      </c>
    </row>
    <row r="24841" spans="1:12">
      <c r="A24841" s="6" t="s">
        <v>4151</v>
      </c>
      <c r="B24841" s="6"/>
      <c r="C24841" s="6" t="s">
        <v>24877</v>
      </c>
      <c r="D24841" s="6"/>
      <c r="E24841" s="6" t="s">
        <v>9</v>
      </c>
      <c r="F24841" s="7">
        <v>38657</v>
      </c>
      <c r="G24841" s="8">
        <v>1</v>
      </c>
      <c r="H24841" s="8">
        <v>1</v>
      </c>
      <c r="I24841" s="8">
        <v>0</v>
      </c>
      <c r="J24841" s="8">
        <v>1</v>
      </c>
      <c r="K24841" s="9">
        <v>169</v>
      </c>
      <c r="L24841" s="6" t="s">
        <v>4151</v>
      </c>
    </row>
    <row r="24842" spans="1:12">
      <c r="A24842" s="6" t="s">
        <v>4151</v>
      </c>
      <c r="B24842" s="6"/>
      <c r="C24842" s="6" t="s">
        <v>24878</v>
      </c>
      <c r="D24842" s="6"/>
      <c r="E24842" s="6" t="s">
        <v>9</v>
      </c>
      <c r="F24842" s="7">
        <v>38657</v>
      </c>
      <c r="G24842" s="8">
        <v>1</v>
      </c>
      <c r="H24842" s="8">
        <v>1</v>
      </c>
      <c r="I24842" s="8">
        <v>0</v>
      </c>
      <c r="J24842" s="8">
        <v>1</v>
      </c>
      <c r="K24842" s="9">
        <v>116</v>
      </c>
      <c r="L24842" s="6" t="s">
        <v>4151</v>
      </c>
    </row>
    <row r="24843" spans="1:12">
      <c r="A24843" s="6" t="s">
        <v>4151</v>
      </c>
      <c r="B24843" s="6"/>
      <c r="C24843" s="6" t="s">
        <v>24879</v>
      </c>
      <c r="D24843" s="6"/>
      <c r="E24843" s="6" t="s">
        <v>9</v>
      </c>
      <c r="F24843" s="7">
        <v>38657</v>
      </c>
      <c r="G24843" s="8">
        <v>1</v>
      </c>
      <c r="H24843" s="8">
        <v>1</v>
      </c>
      <c r="I24843" s="8">
        <v>0</v>
      </c>
      <c r="J24843" s="8">
        <v>1</v>
      </c>
      <c r="K24843" s="9">
        <v>138</v>
      </c>
      <c r="L24843" s="6" t="s">
        <v>4151</v>
      </c>
    </row>
    <row r="24844" spans="1:12">
      <c r="A24844" s="6" t="s">
        <v>4151</v>
      </c>
      <c r="B24844" s="6"/>
      <c r="C24844" s="6" t="s">
        <v>24880</v>
      </c>
      <c r="D24844" s="6"/>
      <c r="E24844" s="6" t="s">
        <v>9</v>
      </c>
      <c r="F24844" s="7">
        <v>38657</v>
      </c>
      <c r="G24844" s="8">
        <v>1</v>
      </c>
      <c r="H24844" s="8">
        <v>1</v>
      </c>
      <c r="I24844" s="8">
        <v>0</v>
      </c>
      <c r="J24844" s="8">
        <v>1</v>
      </c>
      <c r="K24844" s="9">
        <v>35</v>
      </c>
      <c r="L24844" s="6" t="s">
        <v>4151</v>
      </c>
    </row>
    <row r="24845" spans="1:12">
      <c r="A24845" s="6" t="s">
        <v>4151</v>
      </c>
      <c r="B24845" s="6"/>
      <c r="C24845" s="6" t="s">
        <v>24881</v>
      </c>
      <c r="D24845" s="6"/>
      <c r="E24845" s="6" t="s">
        <v>9</v>
      </c>
      <c r="F24845" s="7">
        <v>38657</v>
      </c>
      <c r="G24845" s="8">
        <v>1</v>
      </c>
      <c r="H24845" s="8">
        <v>1</v>
      </c>
      <c r="I24845" s="8">
        <v>0</v>
      </c>
      <c r="J24845" s="8">
        <v>1</v>
      </c>
      <c r="K24845" s="9">
        <v>8.27</v>
      </c>
      <c r="L24845" s="6" t="s">
        <v>4151</v>
      </c>
    </row>
    <row r="24846" spans="1:12">
      <c r="A24846" s="6" t="s">
        <v>4151</v>
      </c>
      <c r="B24846" s="6"/>
      <c r="C24846" s="6" t="s">
        <v>24882</v>
      </c>
      <c r="D24846" s="6"/>
      <c r="E24846" s="6" t="s">
        <v>9</v>
      </c>
      <c r="F24846" s="7">
        <v>38657</v>
      </c>
      <c r="G24846" s="8">
        <v>1</v>
      </c>
      <c r="H24846" s="8">
        <v>1</v>
      </c>
      <c r="I24846" s="8">
        <v>0</v>
      </c>
      <c r="J24846" s="8">
        <v>1</v>
      </c>
      <c r="K24846" s="9">
        <v>203</v>
      </c>
      <c r="L24846" s="6" t="s">
        <v>4151</v>
      </c>
    </row>
    <row r="24847" spans="1:12">
      <c r="A24847" s="6" t="s">
        <v>4151</v>
      </c>
      <c r="B24847" s="6"/>
      <c r="C24847" s="6" t="s">
        <v>24883</v>
      </c>
      <c r="D24847" s="6"/>
      <c r="E24847" s="6" t="s">
        <v>9</v>
      </c>
      <c r="F24847" s="7">
        <v>39842</v>
      </c>
      <c r="G24847" s="8">
        <v>1</v>
      </c>
      <c r="H24847" s="8">
        <v>1</v>
      </c>
      <c r="I24847" s="8">
        <v>0</v>
      </c>
      <c r="J24847" s="8">
        <v>1</v>
      </c>
      <c r="K24847" s="9">
        <v>444</v>
      </c>
      <c r="L24847" s="6" t="s">
        <v>4151</v>
      </c>
    </row>
    <row r="24848" spans="1:12">
      <c r="A24848" s="6" t="s">
        <v>4151</v>
      </c>
      <c r="B24848" s="6"/>
      <c r="C24848" s="6" t="s">
        <v>24884</v>
      </c>
      <c r="D24848" s="6"/>
      <c r="E24848" s="6" t="s">
        <v>9</v>
      </c>
      <c r="F24848" s="7">
        <v>39842</v>
      </c>
      <c r="G24848" s="8">
        <v>1</v>
      </c>
      <c r="H24848" s="8">
        <v>1</v>
      </c>
      <c r="I24848" s="8">
        <v>0</v>
      </c>
      <c r="J24848" s="8">
        <v>1</v>
      </c>
      <c r="K24848" s="9">
        <v>73</v>
      </c>
      <c r="L24848" s="6" t="s">
        <v>4151</v>
      </c>
    </row>
    <row r="24849" spans="1:12">
      <c r="A24849" s="6" t="s">
        <v>4151</v>
      </c>
      <c r="B24849" s="6"/>
      <c r="C24849" s="6" t="s">
        <v>24885</v>
      </c>
      <c r="D24849" s="6"/>
      <c r="E24849" s="6" t="s">
        <v>9</v>
      </c>
      <c r="F24849" s="7">
        <v>39842</v>
      </c>
      <c r="G24849" s="8">
        <v>1</v>
      </c>
      <c r="H24849" s="8">
        <v>1</v>
      </c>
      <c r="I24849" s="8">
        <v>0</v>
      </c>
      <c r="J24849" s="8">
        <v>1</v>
      </c>
      <c r="K24849" s="9">
        <v>211</v>
      </c>
      <c r="L24849" s="6" t="s">
        <v>4151</v>
      </c>
    </row>
    <row r="24850" spans="1:12">
      <c r="A24850" s="6" t="s">
        <v>4151</v>
      </c>
      <c r="B24850" s="6"/>
      <c r="C24850" s="6" t="s">
        <v>24886</v>
      </c>
      <c r="D24850" s="6"/>
      <c r="E24850" s="6" t="s">
        <v>9</v>
      </c>
      <c r="F24850" s="7">
        <v>38657</v>
      </c>
      <c r="G24850" s="8">
        <v>1</v>
      </c>
      <c r="H24850" s="8">
        <v>1</v>
      </c>
      <c r="I24850" s="8">
        <v>0</v>
      </c>
      <c r="J24850" s="8">
        <v>1</v>
      </c>
      <c r="K24850" s="9">
        <v>30</v>
      </c>
      <c r="L24850" s="6" t="s">
        <v>4151</v>
      </c>
    </row>
    <row r="24851" spans="1:12">
      <c r="A24851" s="6" t="s">
        <v>4151</v>
      </c>
      <c r="B24851" s="6"/>
      <c r="C24851" s="6" t="s">
        <v>24887</v>
      </c>
      <c r="D24851" s="6"/>
      <c r="E24851" s="6" t="s">
        <v>9</v>
      </c>
      <c r="F24851" s="7">
        <v>38657</v>
      </c>
      <c r="G24851" s="8">
        <v>1</v>
      </c>
      <c r="H24851" s="8">
        <v>1</v>
      </c>
      <c r="I24851" s="8">
        <v>0</v>
      </c>
      <c r="J24851" s="8">
        <v>1</v>
      </c>
      <c r="K24851" s="9">
        <v>25</v>
      </c>
      <c r="L24851" s="6" t="s">
        <v>4151</v>
      </c>
    </row>
    <row r="24852" spans="1:12">
      <c r="A24852" s="6" t="s">
        <v>4151</v>
      </c>
      <c r="B24852" s="6"/>
      <c r="C24852" s="6" t="s">
        <v>24888</v>
      </c>
      <c r="D24852" s="6"/>
      <c r="E24852" s="6" t="s">
        <v>9</v>
      </c>
      <c r="F24852" s="7">
        <v>38657</v>
      </c>
      <c r="G24852" s="8">
        <v>1</v>
      </c>
      <c r="H24852" s="8">
        <v>1</v>
      </c>
      <c r="I24852" s="8">
        <v>0</v>
      </c>
      <c r="J24852" s="8">
        <v>1</v>
      </c>
      <c r="K24852" s="9">
        <v>26</v>
      </c>
      <c r="L24852" s="6" t="s">
        <v>4151</v>
      </c>
    </row>
    <row r="24853" spans="1:12">
      <c r="A24853" s="6" t="s">
        <v>4151</v>
      </c>
      <c r="B24853" s="6"/>
      <c r="C24853" s="6" t="s">
        <v>24889</v>
      </c>
      <c r="D24853" s="6"/>
      <c r="E24853" s="6" t="s">
        <v>9</v>
      </c>
      <c r="F24853" s="7">
        <v>38657</v>
      </c>
      <c r="G24853" s="8">
        <v>1</v>
      </c>
      <c r="H24853" s="8">
        <v>1</v>
      </c>
      <c r="I24853" s="8">
        <v>0</v>
      </c>
      <c r="J24853" s="8">
        <v>1</v>
      </c>
      <c r="K24853" s="9">
        <v>45</v>
      </c>
      <c r="L24853" s="6" t="s">
        <v>4151</v>
      </c>
    </row>
    <row r="24854" spans="1:12">
      <c r="A24854" s="6" t="s">
        <v>4151</v>
      </c>
      <c r="B24854" s="6"/>
      <c r="C24854" s="6" t="s">
        <v>24890</v>
      </c>
      <c r="D24854" s="6"/>
      <c r="E24854" s="6" t="s">
        <v>9</v>
      </c>
      <c r="F24854" s="7">
        <v>38657</v>
      </c>
      <c r="G24854" s="8">
        <v>1</v>
      </c>
      <c r="H24854" s="8">
        <v>1</v>
      </c>
      <c r="I24854" s="8">
        <v>0</v>
      </c>
      <c r="J24854" s="8">
        <v>1</v>
      </c>
      <c r="K24854" s="9">
        <v>54</v>
      </c>
      <c r="L24854" s="6" t="s">
        <v>4151</v>
      </c>
    </row>
    <row r="24855" spans="1:12">
      <c r="A24855" s="6" t="s">
        <v>4151</v>
      </c>
      <c r="B24855" s="6"/>
      <c r="C24855" s="6" t="s">
        <v>24891</v>
      </c>
      <c r="D24855" s="6"/>
      <c r="E24855" s="6" t="s">
        <v>9</v>
      </c>
      <c r="F24855" s="7">
        <v>38657</v>
      </c>
      <c r="G24855" s="8">
        <v>1</v>
      </c>
      <c r="H24855" s="8">
        <v>1</v>
      </c>
      <c r="I24855" s="8">
        <v>0</v>
      </c>
      <c r="J24855" s="8">
        <v>1</v>
      </c>
      <c r="K24855" s="9">
        <v>54</v>
      </c>
      <c r="L24855" s="6" t="s">
        <v>4151</v>
      </c>
    </row>
    <row r="24856" spans="1:12">
      <c r="A24856" s="6" t="s">
        <v>4151</v>
      </c>
      <c r="B24856" s="6"/>
      <c r="C24856" s="6" t="s">
        <v>24892</v>
      </c>
      <c r="D24856" s="6"/>
      <c r="E24856" s="6" t="s">
        <v>9</v>
      </c>
      <c r="F24856" s="7">
        <v>38657</v>
      </c>
      <c r="G24856" s="8">
        <v>1</v>
      </c>
      <c r="H24856" s="8">
        <v>1</v>
      </c>
      <c r="I24856" s="8">
        <v>0</v>
      </c>
      <c r="J24856" s="8">
        <v>1</v>
      </c>
      <c r="K24856" s="9">
        <v>4.12</v>
      </c>
      <c r="L24856" s="6" t="s">
        <v>4151</v>
      </c>
    </row>
    <row r="24857" spans="1:12">
      <c r="A24857" s="6" t="s">
        <v>4151</v>
      </c>
      <c r="B24857" s="6"/>
      <c r="C24857" s="6" t="s">
        <v>24893</v>
      </c>
      <c r="D24857" s="6"/>
      <c r="E24857" s="6" t="s">
        <v>9</v>
      </c>
      <c r="F24857" s="7">
        <v>38657</v>
      </c>
      <c r="G24857" s="8">
        <v>1</v>
      </c>
      <c r="H24857" s="8">
        <v>1</v>
      </c>
      <c r="I24857" s="8">
        <v>0</v>
      </c>
      <c r="J24857" s="8">
        <v>1</v>
      </c>
      <c r="K24857" s="9">
        <v>84</v>
      </c>
      <c r="L24857" s="6" t="s">
        <v>4151</v>
      </c>
    </row>
    <row r="24858" spans="1:12">
      <c r="A24858" s="6" t="s">
        <v>4151</v>
      </c>
      <c r="B24858" s="6"/>
      <c r="C24858" s="6" t="s">
        <v>24894</v>
      </c>
      <c r="D24858" s="6"/>
      <c r="E24858" s="6" t="s">
        <v>9</v>
      </c>
      <c r="F24858" s="7">
        <v>38657</v>
      </c>
      <c r="G24858" s="8">
        <v>1</v>
      </c>
      <c r="H24858" s="8">
        <v>1</v>
      </c>
      <c r="I24858" s="8">
        <v>0</v>
      </c>
      <c r="J24858" s="8">
        <v>1</v>
      </c>
      <c r="K24858" s="9">
        <v>50</v>
      </c>
      <c r="L24858" s="6" t="s">
        <v>4151</v>
      </c>
    </row>
    <row r="24859" spans="1:12">
      <c r="A24859" s="6" t="s">
        <v>4151</v>
      </c>
      <c r="B24859" s="6"/>
      <c r="C24859" s="6" t="s">
        <v>24895</v>
      </c>
      <c r="D24859" s="6"/>
      <c r="E24859" s="6" t="s">
        <v>9</v>
      </c>
      <c r="F24859" s="7">
        <v>38657</v>
      </c>
      <c r="G24859" s="8">
        <v>1</v>
      </c>
      <c r="H24859" s="8">
        <v>1</v>
      </c>
      <c r="I24859" s="8">
        <v>0</v>
      </c>
      <c r="J24859" s="8">
        <v>1</v>
      </c>
      <c r="K24859" s="9">
        <v>11</v>
      </c>
      <c r="L24859" s="6" t="s">
        <v>4151</v>
      </c>
    </row>
    <row r="24860" spans="1:12">
      <c r="A24860" s="6" t="s">
        <v>4151</v>
      </c>
      <c r="B24860" s="6"/>
      <c r="C24860" s="6" t="s">
        <v>24896</v>
      </c>
      <c r="D24860" s="6"/>
      <c r="E24860" s="6" t="s">
        <v>9</v>
      </c>
      <c r="F24860" s="7">
        <v>38657</v>
      </c>
      <c r="G24860" s="8">
        <v>1</v>
      </c>
      <c r="H24860" s="8">
        <v>1</v>
      </c>
      <c r="I24860" s="8">
        <v>0</v>
      </c>
      <c r="J24860" s="8">
        <v>1</v>
      </c>
      <c r="K24860" s="9">
        <v>30</v>
      </c>
      <c r="L24860" s="6" t="s">
        <v>4151</v>
      </c>
    </row>
    <row r="24861" spans="1:12">
      <c r="A24861" s="6" t="s">
        <v>4151</v>
      </c>
      <c r="B24861" s="6"/>
      <c r="C24861" s="6" t="s">
        <v>24897</v>
      </c>
      <c r="D24861" s="6"/>
      <c r="E24861" s="6" t="s">
        <v>9</v>
      </c>
      <c r="F24861" s="7">
        <v>38657</v>
      </c>
      <c r="G24861" s="8">
        <v>1</v>
      </c>
      <c r="H24861" s="8">
        <v>1</v>
      </c>
      <c r="I24861" s="8">
        <v>0</v>
      </c>
      <c r="J24861" s="8">
        <v>1</v>
      </c>
      <c r="K24861" s="9">
        <v>31</v>
      </c>
      <c r="L24861" s="6" t="s">
        <v>4151</v>
      </c>
    </row>
    <row r="24862" spans="1:12">
      <c r="A24862" s="6" t="s">
        <v>4151</v>
      </c>
      <c r="B24862" s="6"/>
      <c r="C24862" s="6" t="s">
        <v>24898</v>
      </c>
      <c r="D24862" s="6"/>
      <c r="E24862" s="6" t="s">
        <v>9</v>
      </c>
      <c r="F24862" s="7">
        <v>38657</v>
      </c>
      <c r="G24862" s="8">
        <v>1</v>
      </c>
      <c r="H24862" s="8">
        <v>1</v>
      </c>
      <c r="I24862" s="8">
        <v>0</v>
      </c>
      <c r="J24862" s="8">
        <v>1</v>
      </c>
      <c r="K24862" s="9">
        <v>40</v>
      </c>
      <c r="L24862" s="6" t="s">
        <v>4151</v>
      </c>
    </row>
    <row r="24863" spans="1:12">
      <c r="A24863" s="6" t="s">
        <v>4151</v>
      </c>
      <c r="B24863" s="6"/>
      <c r="C24863" s="6" t="s">
        <v>24899</v>
      </c>
      <c r="D24863" s="6"/>
      <c r="E24863" s="6" t="s">
        <v>9</v>
      </c>
      <c r="F24863" s="7">
        <v>38657</v>
      </c>
      <c r="G24863" s="8">
        <v>1</v>
      </c>
      <c r="H24863" s="8">
        <v>1</v>
      </c>
      <c r="I24863" s="8">
        <v>0</v>
      </c>
      <c r="J24863" s="8">
        <v>1</v>
      </c>
      <c r="K24863" s="9">
        <v>41</v>
      </c>
      <c r="L24863" s="6" t="s">
        <v>4151</v>
      </c>
    </row>
    <row r="24864" spans="1:12">
      <c r="A24864" s="6" t="s">
        <v>4151</v>
      </c>
      <c r="B24864" s="6"/>
      <c r="C24864" s="6" t="s">
        <v>24900</v>
      </c>
      <c r="D24864" s="6"/>
      <c r="E24864" s="6" t="s">
        <v>9</v>
      </c>
      <c r="F24864" s="7">
        <v>38657</v>
      </c>
      <c r="G24864" s="8">
        <v>1</v>
      </c>
      <c r="H24864" s="8">
        <v>1</v>
      </c>
      <c r="I24864" s="8">
        <v>0</v>
      </c>
      <c r="J24864" s="8">
        <v>1</v>
      </c>
      <c r="K24864" s="9">
        <v>42</v>
      </c>
      <c r="L24864" s="6" t="s">
        <v>4151</v>
      </c>
    </row>
    <row r="24865" spans="1:12">
      <c r="A24865" s="6" t="s">
        <v>4151</v>
      </c>
      <c r="B24865" s="6"/>
      <c r="C24865" s="6" t="s">
        <v>24901</v>
      </c>
      <c r="D24865" s="6"/>
      <c r="E24865" s="6" t="s">
        <v>9</v>
      </c>
      <c r="F24865" s="7">
        <v>38657</v>
      </c>
      <c r="G24865" s="8">
        <v>1</v>
      </c>
      <c r="H24865" s="8">
        <v>1</v>
      </c>
      <c r="I24865" s="8">
        <v>0</v>
      </c>
      <c r="J24865" s="8">
        <v>1</v>
      </c>
      <c r="K24865" s="9">
        <v>43</v>
      </c>
      <c r="L24865" s="6" t="s">
        <v>4151</v>
      </c>
    </row>
    <row r="24866" spans="1:12">
      <c r="A24866" s="6" t="s">
        <v>4151</v>
      </c>
      <c r="B24866" s="6"/>
      <c r="C24866" s="6" t="s">
        <v>24902</v>
      </c>
      <c r="D24866" s="6"/>
      <c r="E24866" s="6" t="s">
        <v>9</v>
      </c>
      <c r="F24866" s="7">
        <v>38657</v>
      </c>
      <c r="G24866" s="8">
        <v>1</v>
      </c>
      <c r="H24866" s="8">
        <v>1</v>
      </c>
      <c r="I24866" s="8">
        <v>0</v>
      </c>
      <c r="J24866" s="8">
        <v>1</v>
      </c>
      <c r="K24866" s="9">
        <v>47</v>
      </c>
      <c r="L24866" s="6" t="s">
        <v>4151</v>
      </c>
    </row>
    <row r="24867" spans="1:12">
      <c r="A24867" s="6" t="s">
        <v>4151</v>
      </c>
      <c r="B24867" s="6"/>
      <c r="C24867" s="6" t="s">
        <v>24903</v>
      </c>
      <c r="D24867" s="6"/>
      <c r="E24867" s="6" t="s">
        <v>9</v>
      </c>
      <c r="F24867" s="7">
        <v>38657</v>
      </c>
      <c r="G24867" s="8">
        <v>1</v>
      </c>
      <c r="H24867" s="8">
        <v>1</v>
      </c>
      <c r="I24867" s="8">
        <v>0</v>
      </c>
      <c r="J24867" s="8">
        <v>1</v>
      </c>
      <c r="K24867" s="9">
        <v>2.27999999999999</v>
      </c>
      <c r="L24867" s="6" t="s">
        <v>4151</v>
      </c>
    </row>
    <row r="24868" spans="1:12">
      <c r="A24868" s="6" t="s">
        <v>4151</v>
      </c>
      <c r="B24868" s="6"/>
      <c r="C24868" s="6" t="s">
        <v>24904</v>
      </c>
      <c r="D24868" s="6"/>
      <c r="E24868" s="6" t="s">
        <v>9</v>
      </c>
      <c r="F24868" s="7">
        <v>38657</v>
      </c>
      <c r="G24868" s="8">
        <v>1</v>
      </c>
      <c r="H24868" s="8">
        <v>1</v>
      </c>
      <c r="I24868" s="8">
        <v>0</v>
      </c>
      <c r="J24868" s="8">
        <v>1</v>
      </c>
      <c r="K24868" s="9">
        <v>44</v>
      </c>
      <c r="L24868" s="6" t="s">
        <v>4151</v>
      </c>
    </row>
    <row r="24869" spans="1:12">
      <c r="A24869" s="6" t="s">
        <v>4151</v>
      </c>
      <c r="B24869" s="6"/>
      <c r="C24869" s="6" t="s">
        <v>24905</v>
      </c>
      <c r="D24869" s="6"/>
      <c r="E24869" s="6" t="s">
        <v>9</v>
      </c>
      <c r="F24869" s="7">
        <v>38657</v>
      </c>
      <c r="G24869" s="8">
        <v>1</v>
      </c>
      <c r="H24869" s="8">
        <v>1</v>
      </c>
      <c r="I24869" s="8">
        <v>0</v>
      </c>
      <c r="J24869" s="8">
        <v>1</v>
      </c>
      <c r="K24869" s="9">
        <v>33</v>
      </c>
      <c r="L24869" s="6" t="s">
        <v>4151</v>
      </c>
    </row>
    <row r="24870" spans="1:12">
      <c r="A24870" s="6" t="s">
        <v>4151</v>
      </c>
      <c r="B24870" s="6"/>
      <c r="C24870" s="6" t="s">
        <v>24906</v>
      </c>
      <c r="D24870" s="6"/>
      <c r="E24870" s="6" t="s">
        <v>9</v>
      </c>
      <c r="F24870" s="7">
        <v>38657</v>
      </c>
      <c r="G24870" s="8">
        <v>1</v>
      </c>
      <c r="H24870" s="8">
        <v>1</v>
      </c>
      <c r="I24870" s="8">
        <v>0</v>
      </c>
      <c r="J24870" s="8">
        <v>1</v>
      </c>
      <c r="K24870" s="9">
        <v>45</v>
      </c>
      <c r="L24870" s="6" t="s">
        <v>4151</v>
      </c>
    </row>
    <row r="24871" spans="1:12">
      <c r="A24871" s="6" t="s">
        <v>4151</v>
      </c>
      <c r="B24871" s="6"/>
      <c r="C24871" s="6" t="s">
        <v>24907</v>
      </c>
      <c r="D24871" s="6"/>
      <c r="E24871" s="6" t="s">
        <v>9</v>
      </c>
      <c r="F24871" s="7">
        <v>38657</v>
      </c>
      <c r="G24871" s="8">
        <v>1</v>
      </c>
      <c r="H24871" s="8">
        <v>1</v>
      </c>
      <c r="I24871" s="8">
        <v>0</v>
      </c>
      <c r="J24871" s="8">
        <v>1</v>
      </c>
      <c r="K24871" s="9">
        <v>21</v>
      </c>
      <c r="L24871" s="6" t="s">
        <v>4151</v>
      </c>
    </row>
    <row r="24872" spans="1:12">
      <c r="A24872" s="6" t="s">
        <v>4151</v>
      </c>
      <c r="B24872" s="6"/>
      <c r="C24872" s="6" t="s">
        <v>24908</v>
      </c>
      <c r="D24872" s="6"/>
      <c r="E24872" s="6" t="s">
        <v>9</v>
      </c>
      <c r="F24872" s="7">
        <v>38657</v>
      </c>
      <c r="G24872" s="8">
        <v>1</v>
      </c>
      <c r="H24872" s="8">
        <v>1</v>
      </c>
      <c r="I24872" s="8">
        <v>0</v>
      </c>
      <c r="J24872" s="8">
        <v>1</v>
      </c>
      <c r="K24872" s="9">
        <v>41</v>
      </c>
      <c r="L24872" s="6" t="s">
        <v>4151</v>
      </c>
    </row>
    <row r="24873" spans="1:12">
      <c r="A24873" s="6" t="s">
        <v>4151</v>
      </c>
      <c r="B24873" s="6"/>
      <c r="C24873" s="6" t="s">
        <v>24909</v>
      </c>
      <c r="D24873" s="6"/>
      <c r="E24873" s="6" t="s">
        <v>9</v>
      </c>
      <c r="F24873" s="7">
        <v>38657</v>
      </c>
      <c r="G24873" s="8">
        <v>1</v>
      </c>
      <c r="H24873" s="8">
        <v>1</v>
      </c>
      <c r="I24873" s="8">
        <v>0</v>
      </c>
      <c r="J24873" s="8">
        <v>1</v>
      </c>
      <c r="K24873" s="9">
        <v>21</v>
      </c>
      <c r="L24873" s="6" t="s">
        <v>4151</v>
      </c>
    </row>
    <row r="24874" spans="1:12">
      <c r="A24874" s="6" t="s">
        <v>4151</v>
      </c>
      <c r="B24874" s="6"/>
      <c r="C24874" s="6" t="s">
        <v>24910</v>
      </c>
      <c r="D24874" s="6"/>
      <c r="E24874" s="6" t="s">
        <v>9</v>
      </c>
      <c r="F24874" s="7">
        <v>38657</v>
      </c>
      <c r="G24874" s="8">
        <v>1</v>
      </c>
      <c r="H24874" s="8">
        <v>1</v>
      </c>
      <c r="I24874" s="8">
        <v>0</v>
      </c>
      <c r="J24874" s="8">
        <v>1</v>
      </c>
      <c r="K24874" s="9">
        <v>29</v>
      </c>
      <c r="L24874" s="6" t="s">
        <v>4151</v>
      </c>
    </row>
    <row r="24875" spans="1:12">
      <c r="A24875" s="6" t="s">
        <v>4151</v>
      </c>
      <c r="B24875" s="6"/>
      <c r="C24875" s="6" t="s">
        <v>24911</v>
      </c>
      <c r="D24875" s="6"/>
      <c r="E24875" s="6" t="s">
        <v>9</v>
      </c>
      <c r="F24875" s="7">
        <v>38657</v>
      </c>
      <c r="G24875" s="8">
        <v>1</v>
      </c>
      <c r="H24875" s="8">
        <v>1</v>
      </c>
      <c r="I24875" s="8">
        <v>0</v>
      </c>
      <c r="J24875" s="8">
        <v>1</v>
      </c>
      <c r="K24875" s="9">
        <v>30</v>
      </c>
      <c r="L24875" s="6" t="s">
        <v>4151</v>
      </c>
    </row>
    <row r="24876" spans="1:12">
      <c r="A24876" s="6" t="s">
        <v>4151</v>
      </c>
      <c r="B24876" s="6"/>
      <c r="C24876" s="6" t="s">
        <v>24912</v>
      </c>
      <c r="D24876" s="6"/>
      <c r="E24876" s="6" t="s">
        <v>9</v>
      </c>
      <c r="F24876" s="7">
        <v>38657</v>
      </c>
      <c r="G24876" s="8">
        <v>1</v>
      </c>
      <c r="H24876" s="8">
        <v>1</v>
      </c>
      <c r="I24876" s="8">
        <v>0</v>
      </c>
      <c r="J24876" s="8">
        <v>1</v>
      </c>
      <c r="K24876" s="9">
        <v>70</v>
      </c>
      <c r="L24876" s="6" t="s">
        <v>4151</v>
      </c>
    </row>
    <row r="24877" spans="1:12">
      <c r="A24877" s="6" t="s">
        <v>4151</v>
      </c>
      <c r="B24877" s="6"/>
      <c r="C24877" s="6" t="s">
        <v>24913</v>
      </c>
      <c r="D24877" s="6"/>
      <c r="E24877" s="6" t="s">
        <v>9</v>
      </c>
      <c r="F24877" s="7">
        <v>38657</v>
      </c>
      <c r="G24877" s="8">
        <v>1</v>
      </c>
      <c r="H24877" s="8">
        <v>1</v>
      </c>
      <c r="I24877" s="8">
        <v>0</v>
      </c>
      <c r="J24877" s="8">
        <v>1</v>
      </c>
      <c r="K24877" s="9">
        <v>50</v>
      </c>
      <c r="L24877" s="6" t="s">
        <v>4151</v>
      </c>
    </row>
    <row r="24878" spans="1:12">
      <c r="A24878" s="6" t="s">
        <v>4151</v>
      </c>
      <c r="B24878" s="6"/>
      <c r="C24878" s="6" t="s">
        <v>24914</v>
      </c>
      <c r="D24878" s="6"/>
      <c r="E24878" s="6" t="s">
        <v>9</v>
      </c>
      <c r="F24878" s="7">
        <v>38657</v>
      </c>
      <c r="G24878" s="8">
        <v>1</v>
      </c>
      <c r="H24878" s="8">
        <v>1</v>
      </c>
      <c r="I24878" s="8">
        <v>0</v>
      </c>
      <c r="J24878" s="8">
        <v>1</v>
      </c>
      <c r="K24878" s="9">
        <v>8.27</v>
      </c>
      <c r="L24878" s="6" t="s">
        <v>4151</v>
      </c>
    </row>
    <row r="24879" spans="1:12">
      <c r="A24879" s="6" t="s">
        <v>4151</v>
      </c>
      <c r="B24879" s="6"/>
      <c r="C24879" s="6" t="s">
        <v>24915</v>
      </c>
      <c r="D24879" s="6"/>
      <c r="E24879" s="6" t="s">
        <v>9</v>
      </c>
      <c r="F24879" s="7">
        <v>38657</v>
      </c>
      <c r="G24879" s="8">
        <v>1</v>
      </c>
      <c r="H24879" s="8">
        <v>1</v>
      </c>
      <c r="I24879" s="8">
        <v>0</v>
      </c>
      <c r="J24879" s="8">
        <v>1</v>
      </c>
      <c r="K24879" s="9">
        <v>87</v>
      </c>
      <c r="L24879" s="6" t="s">
        <v>4151</v>
      </c>
    </row>
    <row r="24880" spans="1:12">
      <c r="A24880" s="6" t="s">
        <v>4151</v>
      </c>
      <c r="B24880" s="6"/>
      <c r="C24880" s="6" t="s">
        <v>24916</v>
      </c>
      <c r="D24880" s="6"/>
      <c r="E24880" s="6" t="s">
        <v>9</v>
      </c>
      <c r="F24880" s="7">
        <v>38657</v>
      </c>
      <c r="G24880" s="8">
        <v>1</v>
      </c>
      <c r="H24880" s="8">
        <v>1</v>
      </c>
      <c r="I24880" s="8">
        <v>0</v>
      </c>
      <c r="J24880" s="8">
        <v>1</v>
      </c>
      <c r="K24880" s="9">
        <v>64</v>
      </c>
      <c r="L24880" s="6" t="s">
        <v>4151</v>
      </c>
    </row>
    <row r="24881" spans="1:12">
      <c r="A24881" s="6" t="s">
        <v>4151</v>
      </c>
      <c r="B24881" s="6"/>
      <c r="C24881" s="6" t="s">
        <v>24917</v>
      </c>
      <c r="D24881" s="6"/>
      <c r="E24881" s="6" t="s">
        <v>9</v>
      </c>
      <c r="F24881" s="7">
        <v>38657</v>
      </c>
      <c r="G24881" s="8">
        <v>1</v>
      </c>
      <c r="H24881" s="8">
        <v>1</v>
      </c>
      <c r="I24881" s="8">
        <v>0</v>
      </c>
      <c r="J24881" s="8">
        <v>1</v>
      </c>
      <c r="K24881" s="9">
        <v>59</v>
      </c>
      <c r="L24881" s="6" t="s">
        <v>4151</v>
      </c>
    </row>
    <row r="24882" spans="1:12">
      <c r="A24882" s="6" t="s">
        <v>4151</v>
      </c>
      <c r="B24882" s="6"/>
      <c r="C24882" s="6" t="s">
        <v>24918</v>
      </c>
      <c r="D24882" s="6"/>
      <c r="E24882" s="6" t="s">
        <v>9</v>
      </c>
      <c r="F24882" s="7">
        <v>38657</v>
      </c>
      <c r="G24882" s="8">
        <v>1</v>
      </c>
      <c r="H24882" s="8">
        <v>1</v>
      </c>
      <c r="I24882" s="8">
        <v>0</v>
      </c>
      <c r="J24882" s="8">
        <v>1</v>
      </c>
      <c r="K24882" s="9">
        <v>39</v>
      </c>
      <c r="L24882" s="6" t="s">
        <v>4151</v>
      </c>
    </row>
    <row r="24883" spans="1:12">
      <c r="A24883" s="6" t="s">
        <v>4151</v>
      </c>
      <c r="B24883" s="6"/>
      <c r="C24883" s="6" t="s">
        <v>24919</v>
      </c>
      <c r="D24883" s="6"/>
      <c r="E24883" s="6" t="s">
        <v>9</v>
      </c>
      <c r="F24883" s="7">
        <v>38657</v>
      </c>
      <c r="G24883" s="8">
        <v>1</v>
      </c>
      <c r="H24883" s="8">
        <v>1</v>
      </c>
      <c r="I24883" s="8">
        <v>0</v>
      </c>
      <c r="J24883" s="8">
        <v>1</v>
      </c>
      <c r="K24883" s="9">
        <v>35</v>
      </c>
      <c r="L24883" s="6" t="s">
        <v>4151</v>
      </c>
    </row>
    <row r="24884" spans="1:12">
      <c r="A24884" s="6" t="s">
        <v>4151</v>
      </c>
      <c r="B24884" s="6"/>
      <c r="C24884" s="6" t="s">
        <v>24920</v>
      </c>
      <c r="D24884" s="6"/>
      <c r="E24884" s="6" t="s">
        <v>9</v>
      </c>
      <c r="F24884" s="7">
        <v>38657</v>
      </c>
      <c r="G24884" s="8">
        <v>1</v>
      </c>
      <c r="H24884" s="8">
        <v>1</v>
      </c>
      <c r="I24884" s="8">
        <v>0</v>
      </c>
      <c r="J24884" s="8">
        <v>1</v>
      </c>
      <c r="K24884" s="9">
        <v>24</v>
      </c>
      <c r="L24884" s="6" t="s">
        <v>4151</v>
      </c>
    </row>
    <row r="24885" spans="1:12">
      <c r="A24885" s="6" t="s">
        <v>4151</v>
      </c>
      <c r="B24885" s="6"/>
      <c r="C24885" s="6" t="s">
        <v>24921</v>
      </c>
      <c r="D24885" s="6"/>
      <c r="E24885" s="6" t="s">
        <v>9</v>
      </c>
      <c r="F24885" s="7">
        <v>38657</v>
      </c>
      <c r="G24885" s="8">
        <v>1</v>
      </c>
      <c r="H24885" s="8">
        <v>1</v>
      </c>
      <c r="I24885" s="8">
        <v>0</v>
      </c>
      <c r="J24885" s="8">
        <v>1</v>
      </c>
      <c r="K24885" s="9">
        <v>40</v>
      </c>
      <c r="L24885" s="6" t="s">
        <v>4151</v>
      </c>
    </row>
    <row r="24886" spans="1:12">
      <c r="A24886" s="6" t="s">
        <v>4151</v>
      </c>
      <c r="B24886" s="6"/>
      <c r="C24886" s="6" t="s">
        <v>24922</v>
      </c>
      <c r="D24886" s="6"/>
      <c r="E24886" s="6" t="s">
        <v>9</v>
      </c>
      <c r="F24886" s="7">
        <v>38657</v>
      </c>
      <c r="G24886" s="8">
        <v>1</v>
      </c>
      <c r="H24886" s="8">
        <v>1</v>
      </c>
      <c r="I24886" s="8">
        <v>0</v>
      </c>
      <c r="J24886" s="8">
        <v>1</v>
      </c>
      <c r="K24886" s="9">
        <v>38</v>
      </c>
      <c r="L24886" s="6" t="s">
        <v>4151</v>
      </c>
    </row>
    <row r="24887" spans="1:12">
      <c r="A24887" s="6" t="s">
        <v>4151</v>
      </c>
      <c r="B24887" s="6"/>
      <c r="C24887" s="6" t="s">
        <v>24923</v>
      </c>
      <c r="D24887" s="6"/>
      <c r="E24887" s="6" t="s">
        <v>9</v>
      </c>
      <c r="F24887" s="7">
        <v>38657</v>
      </c>
      <c r="G24887" s="8">
        <v>1</v>
      </c>
      <c r="H24887" s="8">
        <v>1</v>
      </c>
      <c r="I24887" s="8">
        <v>0</v>
      </c>
      <c r="J24887" s="8">
        <v>1</v>
      </c>
      <c r="K24887" s="9">
        <v>6.67</v>
      </c>
      <c r="L24887" s="6" t="s">
        <v>4151</v>
      </c>
    </row>
    <row r="24888" spans="1:12">
      <c r="A24888" s="6" t="s">
        <v>4151</v>
      </c>
      <c r="B24888" s="6"/>
      <c r="C24888" s="6" t="s">
        <v>24924</v>
      </c>
      <c r="D24888" s="6"/>
      <c r="E24888" s="6" t="s">
        <v>9</v>
      </c>
      <c r="F24888" s="7">
        <v>38657</v>
      </c>
      <c r="G24888" s="8">
        <v>1</v>
      </c>
      <c r="H24888" s="8">
        <v>1</v>
      </c>
      <c r="I24888" s="8">
        <v>0</v>
      </c>
      <c r="J24888" s="8">
        <v>1</v>
      </c>
      <c r="K24888" s="9">
        <v>6.11</v>
      </c>
      <c r="L24888" s="6" t="s">
        <v>4151</v>
      </c>
    </row>
    <row r="24889" spans="1:12">
      <c r="A24889" s="6" t="s">
        <v>4151</v>
      </c>
      <c r="B24889" s="6"/>
      <c r="C24889" s="6" t="s">
        <v>24925</v>
      </c>
      <c r="D24889" s="6"/>
      <c r="E24889" s="6" t="s">
        <v>9</v>
      </c>
      <c r="F24889" s="7">
        <v>38657</v>
      </c>
      <c r="G24889" s="8">
        <v>1</v>
      </c>
      <c r="H24889" s="8">
        <v>1</v>
      </c>
      <c r="I24889" s="8">
        <v>0</v>
      </c>
      <c r="J24889" s="8">
        <v>1</v>
      </c>
      <c r="K24889" s="9">
        <v>0.52</v>
      </c>
      <c r="L24889" s="6" t="s">
        <v>4151</v>
      </c>
    </row>
    <row r="24890" spans="1:12">
      <c r="A24890" s="6" t="s">
        <v>4151</v>
      </c>
      <c r="B24890" s="6"/>
      <c r="C24890" s="6" t="s">
        <v>24926</v>
      </c>
      <c r="D24890" s="6"/>
      <c r="E24890" s="6" t="s">
        <v>9</v>
      </c>
      <c r="F24890" s="7">
        <v>38657</v>
      </c>
      <c r="G24890" s="8">
        <v>1</v>
      </c>
      <c r="H24890" s="8">
        <v>1</v>
      </c>
      <c r="I24890" s="8">
        <v>0</v>
      </c>
      <c r="J24890" s="8">
        <v>1</v>
      </c>
      <c r="K24890" s="9">
        <v>6.3</v>
      </c>
      <c r="L24890" s="6" t="s">
        <v>4151</v>
      </c>
    </row>
    <row r="24891" spans="1:12">
      <c r="A24891" s="6" t="s">
        <v>4151</v>
      </c>
      <c r="B24891" s="6"/>
      <c r="C24891" s="6" t="s">
        <v>24927</v>
      </c>
      <c r="D24891" s="6"/>
      <c r="E24891" s="6" t="s">
        <v>9</v>
      </c>
      <c r="F24891" s="7">
        <v>38657</v>
      </c>
      <c r="G24891" s="8">
        <v>1</v>
      </c>
      <c r="H24891" s="8">
        <v>1</v>
      </c>
      <c r="I24891" s="8">
        <v>0</v>
      </c>
      <c r="J24891" s="8">
        <v>1</v>
      </c>
      <c r="K24891" s="9">
        <v>27</v>
      </c>
      <c r="L24891" s="6" t="s">
        <v>4151</v>
      </c>
    </row>
    <row r="24892" spans="1:12">
      <c r="A24892" s="6" t="s">
        <v>4151</v>
      </c>
      <c r="B24892" s="6"/>
      <c r="C24892" s="6" t="s">
        <v>24928</v>
      </c>
      <c r="D24892" s="6"/>
      <c r="E24892" s="6" t="s">
        <v>9</v>
      </c>
      <c r="F24892" s="7">
        <v>38657</v>
      </c>
      <c r="G24892" s="8">
        <v>1</v>
      </c>
      <c r="H24892" s="8">
        <v>1</v>
      </c>
      <c r="I24892" s="8">
        <v>0</v>
      </c>
      <c r="J24892" s="8">
        <v>1</v>
      </c>
      <c r="K24892" s="9">
        <v>29</v>
      </c>
      <c r="L24892" s="6" t="s">
        <v>4151</v>
      </c>
    </row>
    <row r="24893" spans="1:12">
      <c r="A24893" s="6" t="s">
        <v>4151</v>
      </c>
      <c r="B24893" s="6"/>
      <c r="C24893" s="6" t="s">
        <v>24929</v>
      </c>
      <c r="D24893" s="6"/>
      <c r="E24893" s="6" t="s">
        <v>9</v>
      </c>
      <c r="F24893" s="7">
        <v>38657</v>
      </c>
      <c r="G24893" s="8">
        <v>1</v>
      </c>
      <c r="H24893" s="8">
        <v>1</v>
      </c>
      <c r="I24893" s="8">
        <v>0</v>
      </c>
      <c r="J24893" s="8">
        <v>1</v>
      </c>
      <c r="K24893" s="9">
        <v>30</v>
      </c>
      <c r="L24893" s="6" t="s">
        <v>4151</v>
      </c>
    </row>
    <row r="24894" spans="1:12">
      <c r="A24894" s="6" t="s">
        <v>4151</v>
      </c>
      <c r="B24894" s="6"/>
      <c r="C24894" s="6" t="s">
        <v>24930</v>
      </c>
      <c r="D24894" s="6"/>
      <c r="E24894" s="6" t="s">
        <v>9</v>
      </c>
      <c r="F24894" s="7">
        <v>38657</v>
      </c>
      <c r="G24894" s="8">
        <v>1</v>
      </c>
      <c r="H24894" s="8">
        <v>1</v>
      </c>
      <c r="I24894" s="8">
        <v>0</v>
      </c>
      <c r="J24894" s="8">
        <v>1</v>
      </c>
      <c r="K24894" s="9">
        <v>7.63</v>
      </c>
      <c r="L24894" s="6" t="s">
        <v>4151</v>
      </c>
    </row>
    <row r="24895" spans="1:12">
      <c r="A24895" s="6" t="s">
        <v>4151</v>
      </c>
      <c r="B24895" s="6"/>
      <c r="C24895" s="6" t="s">
        <v>24931</v>
      </c>
      <c r="D24895" s="6"/>
      <c r="E24895" s="6" t="s">
        <v>9</v>
      </c>
      <c r="F24895" s="7">
        <v>38657</v>
      </c>
      <c r="G24895" s="8">
        <v>1</v>
      </c>
      <c r="H24895" s="8">
        <v>1</v>
      </c>
      <c r="I24895" s="8">
        <v>0</v>
      </c>
      <c r="J24895" s="8">
        <v>1</v>
      </c>
      <c r="K24895" s="9">
        <v>37</v>
      </c>
      <c r="L24895" s="6" t="s">
        <v>4151</v>
      </c>
    </row>
    <row r="24896" spans="1:12">
      <c r="A24896" s="6" t="s">
        <v>4151</v>
      </c>
      <c r="B24896" s="6"/>
      <c r="C24896" s="6" t="s">
        <v>24932</v>
      </c>
      <c r="D24896" s="6"/>
      <c r="E24896" s="6" t="s">
        <v>9</v>
      </c>
      <c r="F24896" s="7">
        <v>38657</v>
      </c>
      <c r="G24896" s="8">
        <v>1</v>
      </c>
      <c r="H24896" s="8">
        <v>1</v>
      </c>
      <c r="I24896" s="8">
        <v>0</v>
      </c>
      <c r="J24896" s="8">
        <v>1</v>
      </c>
      <c r="K24896" s="9">
        <v>37</v>
      </c>
      <c r="L24896" s="6" t="s">
        <v>4151</v>
      </c>
    </row>
    <row r="24897" spans="1:12">
      <c r="A24897" s="6" t="s">
        <v>4151</v>
      </c>
      <c r="B24897" s="6"/>
      <c r="C24897" s="6" t="s">
        <v>24933</v>
      </c>
      <c r="D24897" s="6"/>
      <c r="E24897" s="6" t="s">
        <v>9</v>
      </c>
      <c r="F24897" s="7">
        <v>38657</v>
      </c>
      <c r="G24897" s="8">
        <v>1</v>
      </c>
      <c r="H24897" s="8">
        <v>1</v>
      </c>
      <c r="I24897" s="8">
        <v>0</v>
      </c>
      <c r="J24897" s="8">
        <v>1</v>
      </c>
      <c r="K24897" s="9">
        <v>37</v>
      </c>
      <c r="L24897" s="6" t="s">
        <v>4151</v>
      </c>
    </row>
    <row r="24898" spans="1:12">
      <c r="A24898" s="6" t="s">
        <v>4151</v>
      </c>
      <c r="B24898" s="6"/>
      <c r="C24898" s="6" t="s">
        <v>24934</v>
      </c>
      <c r="D24898" s="6"/>
      <c r="E24898" s="6" t="s">
        <v>9</v>
      </c>
      <c r="F24898" s="7">
        <v>38657</v>
      </c>
      <c r="G24898" s="8">
        <v>1</v>
      </c>
      <c r="H24898" s="8">
        <v>1</v>
      </c>
      <c r="I24898" s="8">
        <v>0</v>
      </c>
      <c r="J24898" s="8">
        <v>1</v>
      </c>
      <c r="K24898" s="9">
        <v>36</v>
      </c>
      <c r="L24898" s="6" t="s">
        <v>4151</v>
      </c>
    </row>
    <row r="24899" spans="1:12">
      <c r="A24899" s="6" t="s">
        <v>4151</v>
      </c>
      <c r="B24899" s="6"/>
      <c r="C24899" s="6" t="s">
        <v>24935</v>
      </c>
      <c r="D24899" s="6"/>
      <c r="E24899" s="6" t="s">
        <v>9</v>
      </c>
      <c r="F24899" s="7">
        <v>38657</v>
      </c>
      <c r="G24899" s="8">
        <v>1</v>
      </c>
      <c r="H24899" s="8">
        <v>1</v>
      </c>
      <c r="I24899" s="8">
        <v>0</v>
      </c>
      <c r="J24899" s="8">
        <v>1</v>
      </c>
      <c r="K24899" s="9">
        <v>27</v>
      </c>
      <c r="L24899" s="6" t="s">
        <v>4151</v>
      </c>
    </row>
    <row r="24900" spans="1:12">
      <c r="A24900" s="6" t="s">
        <v>4151</v>
      </c>
      <c r="B24900" s="6"/>
      <c r="C24900" s="6" t="s">
        <v>24936</v>
      </c>
      <c r="D24900" s="6"/>
      <c r="E24900" s="6" t="s">
        <v>9</v>
      </c>
      <c r="F24900" s="7">
        <v>38657</v>
      </c>
      <c r="G24900" s="8">
        <v>1</v>
      </c>
      <c r="H24900" s="8">
        <v>1</v>
      </c>
      <c r="I24900" s="8">
        <v>0</v>
      </c>
      <c r="J24900" s="8">
        <v>1</v>
      </c>
      <c r="K24900" s="9">
        <v>3.3</v>
      </c>
      <c r="L24900" s="6" t="s">
        <v>4151</v>
      </c>
    </row>
    <row r="24901" spans="1:12">
      <c r="A24901" s="6" t="s">
        <v>4151</v>
      </c>
      <c r="B24901" s="6"/>
      <c r="C24901" s="6" t="s">
        <v>24937</v>
      </c>
      <c r="D24901" s="6"/>
      <c r="E24901" s="6" t="s">
        <v>9</v>
      </c>
      <c r="F24901" s="7">
        <v>38657</v>
      </c>
      <c r="G24901" s="8">
        <v>1</v>
      </c>
      <c r="H24901" s="8">
        <v>1</v>
      </c>
      <c r="I24901" s="8">
        <v>0</v>
      </c>
      <c r="J24901" s="8">
        <v>1</v>
      </c>
      <c r="K24901" s="9">
        <v>9.24</v>
      </c>
      <c r="L24901" s="6" t="s">
        <v>4151</v>
      </c>
    </row>
    <row r="24902" spans="1:12">
      <c r="A24902" s="6" t="s">
        <v>4151</v>
      </c>
      <c r="B24902" s="6"/>
      <c r="C24902" s="6" t="s">
        <v>24938</v>
      </c>
      <c r="D24902" s="6"/>
      <c r="E24902" s="6" t="s">
        <v>9</v>
      </c>
      <c r="F24902" s="7">
        <v>38657</v>
      </c>
      <c r="G24902" s="8">
        <v>1</v>
      </c>
      <c r="H24902" s="8">
        <v>1</v>
      </c>
      <c r="I24902" s="8">
        <v>0</v>
      </c>
      <c r="J24902" s="8">
        <v>1</v>
      </c>
      <c r="K24902" s="9">
        <v>36</v>
      </c>
      <c r="L24902" s="6" t="s">
        <v>4151</v>
      </c>
    </row>
    <row r="24903" spans="1:12">
      <c r="A24903" s="6" t="s">
        <v>4151</v>
      </c>
      <c r="B24903" s="6"/>
      <c r="C24903" s="6" t="s">
        <v>24939</v>
      </c>
      <c r="D24903" s="6"/>
      <c r="E24903" s="6" t="s">
        <v>9</v>
      </c>
      <c r="F24903" s="7">
        <v>38657</v>
      </c>
      <c r="G24903" s="8">
        <v>1</v>
      </c>
      <c r="H24903" s="8">
        <v>1</v>
      </c>
      <c r="I24903" s="8">
        <v>0</v>
      </c>
      <c r="J24903" s="8">
        <v>1</v>
      </c>
      <c r="K24903" s="9">
        <v>16</v>
      </c>
      <c r="L24903" s="6" t="s">
        <v>4151</v>
      </c>
    </row>
    <row r="24904" spans="1:12">
      <c r="A24904" s="6" t="s">
        <v>4151</v>
      </c>
      <c r="B24904" s="6"/>
      <c r="C24904" s="6" t="s">
        <v>24940</v>
      </c>
      <c r="D24904" s="6"/>
      <c r="E24904" s="6" t="s">
        <v>9</v>
      </c>
      <c r="F24904" s="7">
        <v>38657</v>
      </c>
      <c r="G24904" s="8">
        <v>1</v>
      </c>
      <c r="H24904" s="8">
        <v>1</v>
      </c>
      <c r="I24904" s="8">
        <v>0</v>
      </c>
      <c r="J24904" s="8">
        <v>1</v>
      </c>
      <c r="K24904" s="9">
        <v>20</v>
      </c>
      <c r="L24904" s="6" t="s">
        <v>4151</v>
      </c>
    </row>
    <row r="24905" spans="1:12">
      <c r="A24905" s="6" t="s">
        <v>4151</v>
      </c>
      <c r="B24905" s="6"/>
      <c r="C24905" s="6" t="s">
        <v>24941</v>
      </c>
      <c r="D24905" s="6"/>
      <c r="E24905" s="6" t="s">
        <v>9</v>
      </c>
      <c r="F24905" s="7">
        <v>38657</v>
      </c>
      <c r="G24905" s="8">
        <v>1</v>
      </c>
      <c r="H24905" s="8">
        <v>1</v>
      </c>
      <c r="I24905" s="8">
        <v>0</v>
      </c>
      <c r="J24905" s="8">
        <v>1</v>
      </c>
      <c r="K24905" s="9">
        <v>16</v>
      </c>
      <c r="L24905" s="6" t="s">
        <v>4151</v>
      </c>
    </row>
    <row r="24906" spans="1:12">
      <c r="A24906" s="6" t="s">
        <v>4151</v>
      </c>
      <c r="B24906" s="6"/>
      <c r="C24906" s="6" t="s">
        <v>24942</v>
      </c>
      <c r="D24906" s="6"/>
      <c r="E24906" s="6" t="s">
        <v>9</v>
      </c>
      <c r="F24906" s="7">
        <v>38657</v>
      </c>
      <c r="G24906" s="8">
        <v>1</v>
      </c>
      <c r="H24906" s="8">
        <v>1</v>
      </c>
      <c r="I24906" s="8">
        <v>0</v>
      </c>
      <c r="J24906" s="8">
        <v>1</v>
      </c>
      <c r="K24906" s="9">
        <v>20</v>
      </c>
      <c r="L24906" s="6" t="s">
        <v>4151</v>
      </c>
    </row>
    <row r="24907" spans="1:12">
      <c r="A24907" s="6" t="s">
        <v>4151</v>
      </c>
      <c r="B24907" s="6"/>
      <c r="C24907" s="6" t="s">
        <v>24943</v>
      </c>
      <c r="D24907" s="6"/>
      <c r="E24907" s="6" t="s">
        <v>9</v>
      </c>
      <c r="F24907" s="7">
        <v>38657</v>
      </c>
      <c r="G24907" s="8">
        <v>1</v>
      </c>
      <c r="H24907" s="8">
        <v>1</v>
      </c>
      <c r="I24907" s="8">
        <v>0</v>
      </c>
      <c r="J24907" s="8">
        <v>1</v>
      </c>
      <c r="K24907" s="9">
        <v>17</v>
      </c>
      <c r="L24907" s="6" t="s">
        <v>4151</v>
      </c>
    </row>
    <row r="24908" spans="1:12">
      <c r="A24908" s="6" t="s">
        <v>4151</v>
      </c>
      <c r="B24908" s="6"/>
      <c r="C24908" s="6" t="s">
        <v>24944</v>
      </c>
      <c r="D24908" s="6"/>
      <c r="E24908" s="6" t="s">
        <v>9</v>
      </c>
      <c r="F24908" s="7">
        <v>38657</v>
      </c>
      <c r="G24908" s="8">
        <v>1</v>
      </c>
      <c r="H24908" s="8">
        <v>1</v>
      </c>
      <c r="I24908" s="8">
        <v>0</v>
      </c>
      <c r="J24908" s="8">
        <v>1</v>
      </c>
      <c r="K24908" s="9">
        <v>22</v>
      </c>
      <c r="L24908" s="6" t="s">
        <v>4151</v>
      </c>
    </row>
    <row r="24909" spans="1:12">
      <c r="A24909" s="6" t="s">
        <v>4151</v>
      </c>
      <c r="B24909" s="6"/>
      <c r="C24909" s="6" t="s">
        <v>24945</v>
      </c>
      <c r="D24909" s="6"/>
      <c r="E24909" s="6" t="s">
        <v>9</v>
      </c>
      <c r="F24909" s="7">
        <v>38657</v>
      </c>
      <c r="G24909" s="8">
        <v>1</v>
      </c>
      <c r="H24909" s="8">
        <v>1</v>
      </c>
      <c r="I24909" s="8">
        <v>0</v>
      </c>
      <c r="J24909" s="8">
        <v>1</v>
      </c>
      <c r="K24909" s="9">
        <v>27</v>
      </c>
      <c r="L24909" s="6" t="s">
        <v>4151</v>
      </c>
    </row>
    <row r="24910" spans="1:12">
      <c r="A24910" s="6" t="s">
        <v>4151</v>
      </c>
      <c r="B24910" s="6"/>
      <c r="C24910" s="6" t="s">
        <v>24946</v>
      </c>
      <c r="D24910" s="6"/>
      <c r="E24910" s="6" t="s">
        <v>9</v>
      </c>
      <c r="F24910" s="7">
        <v>38657</v>
      </c>
      <c r="G24910" s="8">
        <v>1</v>
      </c>
      <c r="H24910" s="8">
        <v>1</v>
      </c>
      <c r="I24910" s="8">
        <v>0</v>
      </c>
      <c r="J24910" s="8">
        <v>1</v>
      </c>
      <c r="K24910" s="9">
        <v>105</v>
      </c>
      <c r="L24910" s="6" t="s">
        <v>4151</v>
      </c>
    </row>
    <row r="24911" spans="1:12">
      <c r="A24911" s="6" t="s">
        <v>4151</v>
      </c>
      <c r="B24911" s="6"/>
      <c r="C24911" s="6" t="s">
        <v>24947</v>
      </c>
      <c r="D24911" s="6"/>
      <c r="E24911" s="6" t="s">
        <v>9</v>
      </c>
      <c r="F24911" s="7">
        <v>38657</v>
      </c>
      <c r="G24911" s="8">
        <v>1</v>
      </c>
      <c r="H24911" s="8">
        <v>1</v>
      </c>
      <c r="I24911" s="8">
        <v>0</v>
      </c>
      <c r="J24911" s="8">
        <v>1</v>
      </c>
      <c r="K24911" s="9">
        <v>6.61</v>
      </c>
      <c r="L24911" s="6" t="s">
        <v>4151</v>
      </c>
    </row>
    <row r="24912" spans="1:12">
      <c r="A24912" s="6" t="s">
        <v>4151</v>
      </c>
      <c r="B24912" s="6"/>
      <c r="C24912" s="6" t="s">
        <v>24948</v>
      </c>
      <c r="D24912" s="6"/>
      <c r="E24912" s="6" t="s">
        <v>9</v>
      </c>
      <c r="F24912" s="7">
        <v>38657</v>
      </c>
      <c r="G24912" s="8">
        <v>1</v>
      </c>
      <c r="H24912" s="8">
        <v>1</v>
      </c>
      <c r="I24912" s="8">
        <v>0</v>
      </c>
      <c r="J24912" s="8">
        <v>1</v>
      </c>
      <c r="K24912" s="9">
        <v>3.3</v>
      </c>
      <c r="L24912" s="6" t="s">
        <v>4151</v>
      </c>
    </row>
    <row r="24913" spans="1:12">
      <c r="A24913" s="6" t="s">
        <v>4151</v>
      </c>
      <c r="B24913" s="6"/>
      <c r="C24913" s="6" t="s">
        <v>24949</v>
      </c>
      <c r="D24913" s="6"/>
      <c r="E24913" s="6" t="s">
        <v>9</v>
      </c>
      <c r="F24913" s="7">
        <v>38657</v>
      </c>
      <c r="G24913" s="8">
        <v>1</v>
      </c>
      <c r="H24913" s="8">
        <v>1</v>
      </c>
      <c r="I24913" s="8">
        <v>0</v>
      </c>
      <c r="J24913" s="8">
        <v>1</v>
      </c>
      <c r="K24913" s="9">
        <v>47</v>
      </c>
      <c r="L24913" s="6" t="s">
        <v>4151</v>
      </c>
    </row>
    <row r="24914" spans="1:12">
      <c r="A24914" s="6" t="s">
        <v>4151</v>
      </c>
      <c r="B24914" s="6"/>
      <c r="C24914" s="6" t="s">
        <v>24950</v>
      </c>
      <c r="D24914" s="6"/>
      <c r="E24914" s="6" t="s">
        <v>9</v>
      </c>
      <c r="F24914" s="7">
        <v>38657</v>
      </c>
      <c r="G24914" s="8">
        <v>1</v>
      </c>
      <c r="H24914" s="8">
        <v>1</v>
      </c>
      <c r="I24914" s="8">
        <v>0</v>
      </c>
      <c r="J24914" s="8">
        <v>1</v>
      </c>
      <c r="K24914" s="9">
        <v>39</v>
      </c>
      <c r="L24914" s="6" t="s">
        <v>4151</v>
      </c>
    </row>
    <row r="24915" spans="1:12">
      <c r="A24915" s="6" t="s">
        <v>4151</v>
      </c>
      <c r="B24915" s="6"/>
      <c r="C24915" s="6" t="s">
        <v>24951</v>
      </c>
      <c r="D24915" s="6"/>
      <c r="E24915" s="6" t="s">
        <v>9</v>
      </c>
      <c r="F24915" s="7">
        <v>38657</v>
      </c>
      <c r="G24915" s="8">
        <v>1</v>
      </c>
      <c r="H24915" s="8">
        <v>1</v>
      </c>
      <c r="I24915" s="8">
        <v>0</v>
      </c>
      <c r="J24915" s="8">
        <v>1</v>
      </c>
      <c r="K24915" s="9">
        <v>114</v>
      </c>
      <c r="L24915" s="6" t="s">
        <v>4151</v>
      </c>
    </row>
    <row r="24916" spans="1:12">
      <c r="A24916" s="6" t="s">
        <v>4151</v>
      </c>
      <c r="B24916" s="6"/>
      <c r="C24916" s="6" t="s">
        <v>24952</v>
      </c>
      <c r="D24916" s="6"/>
      <c r="E24916" s="6" t="s">
        <v>9</v>
      </c>
      <c r="F24916" s="7">
        <v>38657</v>
      </c>
      <c r="G24916" s="8">
        <v>1</v>
      </c>
      <c r="H24916" s="8">
        <v>1</v>
      </c>
      <c r="I24916" s="8">
        <v>0</v>
      </c>
      <c r="J24916" s="8">
        <v>1</v>
      </c>
      <c r="K24916" s="9">
        <v>36</v>
      </c>
      <c r="L24916" s="6" t="s">
        <v>4151</v>
      </c>
    </row>
    <row r="24917" spans="1:12">
      <c r="A24917" s="6" t="s">
        <v>4151</v>
      </c>
      <c r="B24917" s="6"/>
      <c r="C24917" s="6" t="s">
        <v>24953</v>
      </c>
      <c r="D24917" s="6"/>
      <c r="E24917" s="6" t="s">
        <v>9</v>
      </c>
      <c r="F24917" s="7">
        <v>38657</v>
      </c>
      <c r="G24917" s="8">
        <v>1</v>
      </c>
      <c r="H24917" s="8">
        <v>1</v>
      </c>
      <c r="I24917" s="8">
        <v>0</v>
      </c>
      <c r="J24917" s="8">
        <v>1</v>
      </c>
      <c r="K24917" s="9">
        <v>37</v>
      </c>
      <c r="L24917" s="6" t="s">
        <v>4151</v>
      </c>
    </row>
    <row r="24918" spans="1:12">
      <c r="A24918" s="6" t="s">
        <v>4151</v>
      </c>
      <c r="B24918" s="6"/>
      <c r="C24918" s="6" t="s">
        <v>24954</v>
      </c>
      <c r="D24918" s="6"/>
      <c r="E24918" s="6" t="s">
        <v>9</v>
      </c>
      <c r="F24918" s="7">
        <v>38657</v>
      </c>
      <c r="G24918" s="8">
        <v>1</v>
      </c>
      <c r="H24918" s="8">
        <v>1</v>
      </c>
      <c r="I24918" s="8">
        <v>0</v>
      </c>
      <c r="J24918" s="8">
        <v>1</v>
      </c>
      <c r="K24918" s="9">
        <v>39</v>
      </c>
      <c r="L24918" s="6" t="s">
        <v>4151</v>
      </c>
    </row>
    <row r="24919" spans="1:12">
      <c r="A24919" s="6" t="s">
        <v>4151</v>
      </c>
      <c r="B24919" s="6"/>
      <c r="C24919" s="6" t="s">
        <v>24955</v>
      </c>
      <c r="D24919" s="6"/>
      <c r="E24919" s="6" t="s">
        <v>9</v>
      </c>
      <c r="F24919" s="7">
        <v>38657</v>
      </c>
      <c r="G24919" s="8">
        <v>1</v>
      </c>
      <c r="H24919" s="8">
        <v>1</v>
      </c>
      <c r="I24919" s="8">
        <v>0</v>
      </c>
      <c r="J24919" s="8">
        <v>1</v>
      </c>
      <c r="K24919" s="9">
        <v>58</v>
      </c>
      <c r="L24919" s="6" t="s">
        <v>4151</v>
      </c>
    </row>
    <row r="24920" spans="1:12">
      <c r="A24920" s="6" t="s">
        <v>4151</v>
      </c>
      <c r="B24920" s="6"/>
      <c r="C24920" s="6" t="s">
        <v>24956</v>
      </c>
      <c r="D24920" s="6"/>
      <c r="E24920" s="6" t="s">
        <v>9</v>
      </c>
      <c r="F24920" s="7">
        <v>38657</v>
      </c>
      <c r="G24920" s="8">
        <v>1</v>
      </c>
      <c r="H24920" s="8">
        <v>1</v>
      </c>
      <c r="I24920" s="8">
        <v>0</v>
      </c>
      <c r="J24920" s="8">
        <v>1</v>
      </c>
      <c r="K24920" s="9">
        <v>59</v>
      </c>
      <c r="L24920" s="6" t="s">
        <v>4151</v>
      </c>
    </row>
    <row r="24921" spans="1:12">
      <c r="A24921" s="6" t="s">
        <v>4151</v>
      </c>
      <c r="B24921" s="6"/>
      <c r="C24921" s="6" t="s">
        <v>24957</v>
      </c>
      <c r="D24921" s="6"/>
      <c r="E24921" s="6" t="s">
        <v>9</v>
      </c>
      <c r="F24921" s="7">
        <v>38657</v>
      </c>
      <c r="G24921" s="8">
        <v>1</v>
      </c>
      <c r="H24921" s="8">
        <v>1</v>
      </c>
      <c r="I24921" s="8">
        <v>0</v>
      </c>
      <c r="J24921" s="8">
        <v>1</v>
      </c>
      <c r="K24921" s="9">
        <v>41</v>
      </c>
      <c r="L24921" s="6" t="s">
        <v>4151</v>
      </c>
    </row>
    <row r="24922" spans="1:12">
      <c r="A24922" s="6" t="s">
        <v>4151</v>
      </c>
      <c r="B24922" s="6"/>
      <c r="C24922" s="6" t="s">
        <v>24958</v>
      </c>
      <c r="D24922" s="6"/>
      <c r="E24922" s="6" t="s">
        <v>9</v>
      </c>
      <c r="F24922" s="7">
        <v>38657</v>
      </c>
      <c r="G24922" s="8">
        <v>1</v>
      </c>
      <c r="H24922" s="8">
        <v>1</v>
      </c>
      <c r="I24922" s="8">
        <v>0</v>
      </c>
      <c r="J24922" s="8">
        <v>1</v>
      </c>
      <c r="K24922" s="9">
        <v>41</v>
      </c>
      <c r="L24922" s="6" t="s">
        <v>4151</v>
      </c>
    </row>
    <row r="24923" spans="1:12">
      <c r="A24923" s="6" t="s">
        <v>4151</v>
      </c>
      <c r="B24923" s="6"/>
      <c r="C24923" s="6" t="s">
        <v>24959</v>
      </c>
      <c r="D24923" s="6"/>
      <c r="E24923" s="6" t="s">
        <v>9</v>
      </c>
      <c r="F24923" s="7">
        <v>38657</v>
      </c>
      <c r="G24923" s="8">
        <v>1</v>
      </c>
      <c r="H24923" s="8">
        <v>1</v>
      </c>
      <c r="I24923" s="8">
        <v>0</v>
      </c>
      <c r="J24923" s="8">
        <v>1</v>
      </c>
      <c r="K24923" s="9">
        <v>3.3</v>
      </c>
      <c r="L24923" s="6" t="s">
        <v>4151</v>
      </c>
    </row>
    <row r="24924" spans="1:12">
      <c r="A24924" s="6" t="s">
        <v>4151</v>
      </c>
      <c r="B24924" s="6"/>
      <c r="C24924" s="6" t="s">
        <v>24960</v>
      </c>
      <c r="D24924" s="6"/>
      <c r="E24924" s="6" t="s">
        <v>9</v>
      </c>
      <c r="F24924" s="7">
        <v>38657</v>
      </c>
      <c r="G24924" s="8">
        <v>1</v>
      </c>
      <c r="H24924" s="8">
        <v>1</v>
      </c>
      <c r="I24924" s="8">
        <v>0</v>
      </c>
      <c r="J24924" s="8">
        <v>1</v>
      </c>
      <c r="K24924" s="9">
        <v>39</v>
      </c>
      <c r="L24924" s="6" t="s">
        <v>4151</v>
      </c>
    </row>
    <row r="24925" spans="1:12">
      <c r="A24925" s="6" t="s">
        <v>4151</v>
      </c>
      <c r="B24925" s="6"/>
      <c r="C24925" s="6" t="s">
        <v>24961</v>
      </c>
      <c r="D24925" s="6"/>
      <c r="E24925" s="6" t="s">
        <v>9</v>
      </c>
      <c r="F24925" s="7">
        <v>38657</v>
      </c>
      <c r="G24925" s="8">
        <v>1</v>
      </c>
      <c r="H24925" s="8">
        <v>1</v>
      </c>
      <c r="I24925" s="8">
        <v>0</v>
      </c>
      <c r="J24925" s="8">
        <v>1</v>
      </c>
      <c r="K24925" s="9">
        <v>37</v>
      </c>
      <c r="L24925" s="6" t="s">
        <v>4151</v>
      </c>
    </row>
    <row r="24926" spans="1:12">
      <c r="A24926" s="6" t="s">
        <v>4151</v>
      </c>
      <c r="B24926" s="6"/>
      <c r="C24926" s="6" t="s">
        <v>24962</v>
      </c>
      <c r="D24926" s="6"/>
      <c r="E24926" s="6" t="s">
        <v>9</v>
      </c>
      <c r="F24926" s="7">
        <v>38657</v>
      </c>
      <c r="G24926" s="8">
        <v>1</v>
      </c>
      <c r="H24926" s="8">
        <v>1</v>
      </c>
      <c r="I24926" s="8">
        <v>0</v>
      </c>
      <c r="J24926" s="8">
        <v>1</v>
      </c>
      <c r="K24926" s="9">
        <v>21</v>
      </c>
      <c r="L24926" s="6" t="s">
        <v>4151</v>
      </c>
    </row>
    <row r="24927" spans="1:12">
      <c r="A24927" s="6" t="s">
        <v>4151</v>
      </c>
      <c r="B24927" s="6"/>
      <c r="C24927" s="6" t="s">
        <v>24963</v>
      </c>
      <c r="D24927" s="6"/>
      <c r="E24927" s="6" t="s">
        <v>9</v>
      </c>
      <c r="F24927" s="7">
        <v>38657</v>
      </c>
      <c r="G24927" s="8">
        <v>1</v>
      </c>
      <c r="H24927" s="8">
        <v>1</v>
      </c>
      <c r="I24927" s="8">
        <v>0</v>
      </c>
      <c r="J24927" s="8">
        <v>1</v>
      </c>
      <c r="K24927" s="9">
        <v>14</v>
      </c>
      <c r="L24927" s="6" t="s">
        <v>4151</v>
      </c>
    </row>
    <row r="24928" spans="1:12">
      <c r="A24928" s="6" t="s">
        <v>4151</v>
      </c>
      <c r="B24928" s="6"/>
      <c r="C24928" s="6" t="s">
        <v>24964</v>
      </c>
      <c r="D24928" s="6"/>
      <c r="E24928" s="6" t="s">
        <v>9</v>
      </c>
      <c r="F24928" s="7">
        <v>38657</v>
      </c>
      <c r="G24928" s="8">
        <v>1</v>
      </c>
      <c r="H24928" s="8">
        <v>1</v>
      </c>
      <c r="I24928" s="8">
        <v>0</v>
      </c>
      <c r="J24928" s="8">
        <v>1</v>
      </c>
      <c r="K24928" s="9">
        <v>2.17</v>
      </c>
      <c r="L24928" s="6" t="s">
        <v>4151</v>
      </c>
    </row>
    <row r="24929" spans="1:12">
      <c r="A24929" s="6" t="s">
        <v>4151</v>
      </c>
      <c r="B24929" s="6"/>
      <c r="C24929" s="6" t="s">
        <v>24965</v>
      </c>
      <c r="D24929" s="6"/>
      <c r="E24929" s="6" t="s">
        <v>9</v>
      </c>
      <c r="F24929" s="7">
        <v>38657</v>
      </c>
      <c r="G24929" s="8">
        <v>1</v>
      </c>
      <c r="H24929" s="8">
        <v>1</v>
      </c>
      <c r="I24929" s="8">
        <v>0</v>
      </c>
      <c r="J24929" s="8">
        <v>1</v>
      </c>
      <c r="K24929" s="9">
        <v>12</v>
      </c>
      <c r="L24929" s="6" t="s">
        <v>4151</v>
      </c>
    </row>
    <row r="24930" spans="1:12">
      <c r="A24930" s="6" t="s">
        <v>4151</v>
      </c>
      <c r="B24930" s="6"/>
      <c r="C24930" s="6" t="s">
        <v>24966</v>
      </c>
      <c r="D24930" s="6"/>
      <c r="E24930" s="6" t="s">
        <v>9</v>
      </c>
      <c r="F24930" s="7">
        <v>38657</v>
      </c>
      <c r="G24930" s="8">
        <v>1</v>
      </c>
      <c r="H24930" s="8">
        <v>1</v>
      </c>
      <c r="I24930" s="8">
        <v>0</v>
      </c>
      <c r="J24930" s="8">
        <v>1</v>
      </c>
      <c r="K24930" s="9">
        <v>5.92</v>
      </c>
      <c r="L24930" s="6" t="s">
        <v>4151</v>
      </c>
    </row>
    <row r="24931" spans="1:12">
      <c r="A24931" s="6" t="s">
        <v>4151</v>
      </c>
      <c r="B24931" s="6"/>
      <c r="C24931" s="6" t="s">
        <v>24967</v>
      </c>
      <c r="D24931" s="6"/>
      <c r="E24931" s="6" t="s">
        <v>9</v>
      </c>
      <c r="F24931" s="7">
        <v>38657</v>
      </c>
      <c r="G24931" s="8">
        <v>1</v>
      </c>
      <c r="H24931" s="8">
        <v>1</v>
      </c>
      <c r="I24931" s="8">
        <v>0</v>
      </c>
      <c r="J24931" s="8">
        <v>1</v>
      </c>
      <c r="K24931" s="9">
        <v>2.2000000000000002</v>
      </c>
      <c r="L24931" s="6" t="s">
        <v>4151</v>
      </c>
    </row>
    <row r="24932" spans="1:12">
      <c r="A24932" s="6" t="s">
        <v>4151</v>
      </c>
      <c r="B24932" s="6"/>
      <c r="C24932" s="6" t="s">
        <v>24968</v>
      </c>
      <c r="D24932" s="6"/>
      <c r="E24932" s="6" t="s">
        <v>9</v>
      </c>
      <c r="F24932" s="7">
        <v>38657</v>
      </c>
      <c r="G24932" s="8">
        <v>1</v>
      </c>
      <c r="H24932" s="8">
        <v>1</v>
      </c>
      <c r="I24932" s="8">
        <v>0</v>
      </c>
      <c r="J24932" s="8">
        <v>1</v>
      </c>
      <c r="K24932" s="9">
        <v>13</v>
      </c>
      <c r="L24932" s="6" t="s">
        <v>4151</v>
      </c>
    </row>
    <row r="24933" spans="1:12">
      <c r="A24933" s="6" t="s">
        <v>4151</v>
      </c>
      <c r="B24933" s="6"/>
      <c r="C24933" s="6" t="s">
        <v>24969</v>
      </c>
      <c r="D24933" s="6"/>
      <c r="E24933" s="6" t="s">
        <v>9</v>
      </c>
      <c r="F24933" s="7">
        <v>38657</v>
      </c>
      <c r="G24933" s="8">
        <v>1</v>
      </c>
      <c r="H24933" s="8">
        <v>1</v>
      </c>
      <c r="I24933" s="8">
        <v>0</v>
      </c>
      <c r="J24933" s="8">
        <v>1</v>
      </c>
      <c r="K24933" s="9">
        <v>8.39</v>
      </c>
      <c r="L24933" s="6" t="s">
        <v>4151</v>
      </c>
    </row>
    <row r="24934" spans="1:12">
      <c r="A24934" s="6" t="s">
        <v>4151</v>
      </c>
      <c r="B24934" s="6"/>
      <c r="C24934" s="6" t="s">
        <v>24970</v>
      </c>
      <c r="D24934" s="6"/>
      <c r="E24934" s="6" t="s">
        <v>9</v>
      </c>
      <c r="F24934" s="7">
        <v>38657</v>
      </c>
      <c r="G24934" s="8">
        <v>1</v>
      </c>
      <c r="H24934" s="8">
        <v>1</v>
      </c>
      <c r="I24934" s="8">
        <v>0</v>
      </c>
      <c r="J24934" s="8">
        <v>1</v>
      </c>
      <c r="K24934" s="9">
        <v>3.3</v>
      </c>
      <c r="L24934" s="6" t="s">
        <v>4151</v>
      </c>
    </row>
    <row r="24935" spans="1:12">
      <c r="A24935" s="6" t="s">
        <v>4151</v>
      </c>
      <c r="B24935" s="6"/>
      <c r="C24935" s="6" t="s">
        <v>24971</v>
      </c>
      <c r="D24935" s="6"/>
      <c r="E24935" s="6" t="s">
        <v>9</v>
      </c>
      <c r="F24935" s="7">
        <v>38657</v>
      </c>
      <c r="G24935" s="8">
        <v>1</v>
      </c>
      <c r="H24935" s="8">
        <v>1</v>
      </c>
      <c r="I24935" s="8">
        <v>0</v>
      </c>
      <c r="J24935" s="8">
        <v>1</v>
      </c>
      <c r="K24935" s="9">
        <v>5.83</v>
      </c>
      <c r="L24935" s="6" t="s">
        <v>4151</v>
      </c>
    </row>
    <row r="24936" spans="1:12">
      <c r="A24936" s="6" t="s">
        <v>4151</v>
      </c>
      <c r="B24936" s="6"/>
      <c r="C24936" s="6" t="s">
        <v>24972</v>
      </c>
      <c r="D24936" s="6"/>
      <c r="E24936" s="6" t="s">
        <v>9</v>
      </c>
      <c r="F24936" s="7">
        <v>38657</v>
      </c>
      <c r="G24936" s="8">
        <v>1</v>
      </c>
      <c r="H24936" s="8">
        <v>1</v>
      </c>
      <c r="I24936" s="8">
        <v>0</v>
      </c>
      <c r="J24936" s="8">
        <v>1</v>
      </c>
      <c r="K24936" s="9">
        <v>25</v>
      </c>
      <c r="L24936" s="6" t="s">
        <v>4151</v>
      </c>
    </row>
    <row r="24937" spans="1:12">
      <c r="A24937" s="6" t="s">
        <v>4151</v>
      </c>
      <c r="B24937" s="6"/>
      <c r="C24937" s="6" t="s">
        <v>24973</v>
      </c>
      <c r="D24937" s="6"/>
      <c r="E24937" s="6" t="s">
        <v>9</v>
      </c>
      <c r="F24937" s="7">
        <v>38657</v>
      </c>
      <c r="G24937" s="8">
        <v>1</v>
      </c>
      <c r="H24937" s="8">
        <v>1</v>
      </c>
      <c r="I24937" s="8">
        <v>0</v>
      </c>
      <c r="J24937" s="8">
        <v>1</v>
      </c>
      <c r="K24937" s="9">
        <v>9.74</v>
      </c>
      <c r="L24937" s="6" t="s">
        <v>4151</v>
      </c>
    </row>
    <row r="24938" spans="1:12">
      <c r="A24938" s="6" t="s">
        <v>4151</v>
      </c>
      <c r="B24938" s="6"/>
      <c r="C24938" s="6" t="s">
        <v>24974</v>
      </c>
      <c r="D24938" s="6"/>
      <c r="E24938" s="6" t="s">
        <v>9</v>
      </c>
      <c r="F24938" s="7">
        <v>38657</v>
      </c>
      <c r="G24938" s="8">
        <v>1</v>
      </c>
      <c r="H24938" s="8">
        <v>1</v>
      </c>
      <c r="I24938" s="8">
        <v>0</v>
      </c>
      <c r="J24938" s="8">
        <v>1</v>
      </c>
      <c r="K24938" s="9">
        <v>39</v>
      </c>
      <c r="L24938" s="6" t="s">
        <v>4151</v>
      </c>
    </row>
    <row r="24939" spans="1:12">
      <c r="A24939" s="6" t="s">
        <v>4151</v>
      </c>
      <c r="B24939" s="6"/>
      <c r="C24939" s="6" t="s">
        <v>24975</v>
      </c>
      <c r="D24939" s="6"/>
      <c r="E24939" s="6" t="s">
        <v>9</v>
      </c>
      <c r="F24939" s="7">
        <v>38657</v>
      </c>
      <c r="G24939" s="8">
        <v>1</v>
      </c>
      <c r="H24939" s="8">
        <v>1</v>
      </c>
      <c r="I24939" s="8">
        <v>0</v>
      </c>
      <c r="J24939" s="8">
        <v>1</v>
      </c>
      <c r="K24939" s="9">
        <v>10</v>
      </c>
      <c r="L24939" s="6" t="s">
        <v>4151</v>
      </c>
    </row>
    <row r="24940" spans="1:12">
      <c r="A24940" s="6" t="s">
        <v>4151</v>
      </c>
      <c r="B24940" s="6"/>
      <c r="C24940" s="6" t="s">
        <v>24976</v>
      </c>
      <c r="D24940" s="6"/>
      <c r="E24940" s="6" t="s">
        <v>9</v>
      </c>
      <c r="F24940" s="7">
        <v>38657</v>
      </c>
      <c r="G24940" s="8">
        <v>1</v>
      </c>
      <c r="H24940" s="8">
        <v>1</v>
      </c>
      <c r="I24940" s="8">
        <v>0</v>
      </c>
      <c r="J24940" s="8">
        <v>1</v>
      </c>
      <c r="K24940" s="9">
        <v>0.98</v>
      </c>
      <c r="L24940" s="6" t="s">
        <v>4151</v>
      </c>
    </row>
    <row r="24941" spans="1:12">
      <c r="A24941" s="6" t="s">
        <v>4151</v>
      </c>
      <c r="B24941" s="6"/>
      <c r="C24941" s="6" t="s">
        <v>24977</v>
      </c>
      <c r="D24941" s="6"/>
      <c r="E24941" s="6" t="s">
        <v>9</v>
      </c>
      <c r="F24941" s="7">
        <v>38657</v>
      </c>
      <c r="G24941" s="8">
        <v>1</v>
      </c>
      <c r="H24941" s="8">
        <v>1</v>
      </c>
      <c r="I24941" s="8">
        <v>0</v>
      </c>
      <c r="J24941" s="8">
        <v>1</v>
      </c>
      <c r="K24941" s="9">
        <v>29</v>
      </c>
      <c r="L24941" s="6" t="s">
        <v>4151</v>
      </c>
    </row>
    <row r="24942" spans="1:12">
      <c r="A24942" s="6" t="s">
        <v>4151</v>
      </c>
      <c r="B24942" s="6"/>
      <c r="C24942" s="6" t="s">
        <v>24978</v>
      </c>
      <c r="D24942" s="6"/>
      <c r="E24942" s="6" t="s">
        <v>9</v>
      </c>
      <c r="F24942" s="7">
        <v>38657</v>
      </c>
      <c r="G24942" s="8">
        <v>1</v>
      </c>
      <c r="H24942" s="8">
        <v>1</v>
      </c>
      <c r="I24942" s="8">
        <v>0</v>
      </c>
      <c r="J24942" s="8">
        <v>1</v>
      </c>
      <c r="K24942" s="9">
        <v>66</v>
      </c>
      <c r="L24942" s="6" t="s">
        <v>4151</v>
      </c>
    </row>
    <row r="24943" spans="1:12">
      <c r="A24943" s="6" t="s">
        <v>4151</v>
      </c>
      <c r="B24943" s="6"/>
      <c r="C24943" s="6" t="s">
        <v>24979</v>
      </c>
      <c r="D24943" s="6"/>
      <c r="E24943" s="6" t="s">
        <v>9</v>
      </c>
      <c r="F24943" s="7">
        <v>38657</v>
      </c>
      <c r="G24943" s="8">
        <v>1</v>
      </c>
      <c r="H24943" s="8">
        <v>1</v>
      </c>
      <c r="I24943" s="8">
        <v>0</v>
      </c>
      <c r="J24943" s="8">
        <v>1</v>
      </c>
      <c r="K24943" s="9">
        <v>11</v>
      </c>
      <c r="L24943" s="6" t="s">
        <v>4151</v>
      </c>
    </row>
    <row r="24944" spans="1:12">
      <c r="A24944" s="6" t="s">
        <v>4151</v>
      </c>
      <c r="B24944" s="6"/>
      <c r="C24944" s="6" t="s">
        <v>24980</v>
      </c>
      <c r="D24944" s="6"/>
      <c r="E24944" s="6" t="s">
        <v>9</v>
      </c>
      <c r="F24944" s="7">
        <v>38657</v>
      </c>
      <c r="G24944" s="8">
        <v>1</v>
      </c>
      <c r="H24944" s="8">
        <v>1</v>
      </c>
      <c r="I24944" s="8">
        <v>0</v>
      </c>
      <c r="J24944" s="8">
        <v>1</v>
      </c>
      <c r="K24944" s="9">
        <v>8.3000000000000007</v>
      </c>
      <c r="L24944" s="6" t="s">
        <v>4151</v>
      </c>
    </row>
    <row r="24945" spans="1:12">
      <c r="A24945" s="6" t="s">
        <v>4151</v>
      </c>
      <c r="B24945" s="6"/>
      <c r="C24945" s="6" t="s">
        <v>24981</v>
      </c>
      <c r="D24945" s="6"/>
      <c r="E24945" s="6" t="s">
        <v>9</v>
      </c>
      <c r="F24945" s="7">
        <v>38657</v>
      </c>
      <c r="G24945" s="8">
        <v>1</v>
      </c>
      <c r="H24945" s="8">
        <v>1</v>
      </c>
      <c r="I24945" s="8">
        <v>0</v>
      </c>
      <c r="J24945" s="8">
        <v>1</v>
      </c>
      <c r="K24945" s="9">
        <v>6.61</v>
      </c>
      <c r="L24945" s="6" t="s">
        <v>4151</v>
      </c>
    </row>
    <row r="24946" spans="1:12">
      <c r="A24946" s="6" t="s">
        <v>4151</v>
      </c>
      <c r="B24946" s="6"/>
      <c r="C24946" s="6" t="s">
        <v>24982</v>
      </c>
      <c r="D24946" s="6"/>
      <c r="E24946" s="6" t="s">
        <v>9</v>
      </c>
      <c r="F24946" s="7">
        <v>38657</v>
      </c>
      <c r="G24946" s="8">
        <v>1</v>
      </c>
      <c r="H24946" s="8">
        <v>1</v>
      </c>
      <c r="I24946" s="8">
        <v>0</v>
      </c>
      <c r="J24946" s="8">
        <v>1</v>
      </c>
      <c r="K24946" s="9">
        <v>39</v>
      </c>
      <c r="L24946" s="6" t="s">
        <v>4151</v>
      </c>
    </row>
    <row r="24947" spans="1:12">
      <c r="A24947" s="6" t="s">
        <v>4151</v>
      </c>
      <c r="B24947" s="6"/>
      <c r="C24947" s="6" t="s">
        <v>24983</v>
      </c>
      <c r="D24947" s="6"/>
      <c r="E24947" s="6" t="s">
        <v>9</v>
      </c>
      <c r="F24947" s="7">
        <v>38657</v>
      </c>
      <c r="G24947" s="8">
        <v>1</v>
      </c>
      <c r="H24947" s="8">
        <v>1</v>
      </c>
      <c r="I24947" s="8">
        <v>0</v>
      </c>
      <c r="J24947" s="8">
        <v>1</v>
      </c>
      <c r="K24947" s="9">
        <v>54.94</v>
      </c>
      <c r="L24947" s="6" t="s">
        <v>4151</v>
      </c>
    </row>
    <row r="24948" spans="1:12">
      <c r="A24948" s="6" t="s">
        <v>4151</v>
      </c>
      <c r="B24948" s="6"/>
      <c r="C24948" s="6" t="s">
        <v>24984</v>
      </c>
      <c r="D24948" s="6"/>
      <c r="E24948" s="6" t="s">
        <v>9</v>
      </c>
      <c r="F24948" s="7">
        <v>38657</v>
      </c>
      <c r="G24948" s="8">
        <v>1</v>
      </c>
      <c r="H24948" s="8">
        <v>1</v>
      </c>
      <c r="I24948" s="8">
        <v>0</v>
      </c>
      <c r="J24948" s="8">
        <v>1</v>
      </c>
      <c r="K24948" s="9">
        <v>11.61</v>
      </c>
      <c r="L24948" s="6" t="s">
        <v>4151</v>
      </c>
    </row>
    <row r="24949" spans="1:12">
      <c r="A24949" s="6" t="s">
        <v>4151</v>
      </c>
      <c r="B24949" s="6"/>
      <c r="C24949" s="6" t="s">
        <v>24985</v>
      </c>
      <c r="D24949" s="6"/>
      <c r="E24949" s="6" t="s">
        <v>9</v>
      </c>
      <c r="F24949" s="7">
        <v>38657</v>
      </c>
      <c r="G24949" s="8">
        <v>1</v>
      </c>
      <c r="H24949" s="8">
        <v>1</v>
      </c>
      <c r="I24949" s="8">
        <v>0</v>
      </c>
      <c r="J24949" s="8">
        <v>1</v>
      </c>
      <c r="K24949" s="9">
        <v>1.57</v>
      </c>
      <c r="L24949" s="6" t="s">
        <v>4151</v>
      </c>
    </row>
    <row r="24950" spans="1:12">
      <c r="A24950" s="6" t="s">
        <v>4151</v>
      </c>
      <c r="B24950" s="6"/>
      <c r="C24950" s="6" t="s">
        <v>24986</v>
      </c>
      <c r="D24950" s="6"/>
      <c r="E24950" s="6" t="s">
        <v>9</v>
      </c>
      <c r="F24950" s="7">
        <v>38657</v>
      </c>
      <c r="G24950" s="8">
        <v>1</v>
      </c>
      <c r="H24950" s="8">
        <v>1</v>
      </c>
      <c r="I24950" s="8">
        <v>0</v>
      </c>
      <c r="J24950" s="8">
        <v>1</v>
      </c>
      <c r="K24950" s="9">
        <v>6.28</v>
      </c>
      <c r="L24950" s="6" t="s">
        <v>4151</v>
      </c>
    </row>
    <row r="24951" spans="1:12">
      <c r="A24951" s="6" t="s">
        <v>4151</v>
      </c>
      <c r="B24951" s="6"/>
      <c r="C24951" s="6" t="s">
        <v>24987</v>
      </c>
      <c r="D24951" s="6"/>
      <c r="E24951" s="6" t="s">
        <v>9</v>
      </c>
      <c r="F24951" s="7">
        <v>38657</v>
      </c>
      <c r="G24951" s="8">
        <v>1</v>
      </c>
      <c r="H24951" s="8">
        <v>1</v>
      </c>
      <c r="I24951" s="8">
        <v>0</v>
      </c>
      <c r="J24951" s="8">
        <v>1</v>
      </c>
      <c r="K24951" s="9">
        <v>2.94</v>
      </c>
      <c r="L24951" s="6" t="s">
        <v>4151</v>
      </c>
    </row>
    <row r="24952" spans="1:12">
      <c r="A24952" s="6" t="s">
        <v>4151</v>
      </c>
      <c r="B24952" s="6"/>
      <c r="C24952" s="6" t="s">
        <v>24988</v>
      </c>
      <c r="D24952" s="6"/>
      <c r="E24952" s="6" t="s">
        <v>9</v>
      </c>
      <c r="F24952" s="7">
        <v>38657</v>
      </c>
      <c r="G24952" s="8">
        <v>1</v>
      </c>
      <c r="H24952" s="8">
        <v>1</v>
      </c>
      <c r="I24952" s="8">
        <v>0</v>
      </c>
      <c r="J24952" s="8">
        <v>1</v>
      </c>
      <c r="K24952" s="9">
        <v>12.44</v>
      </c>
      <c r="L24952" s="6" t="s">
        <v>4151</v>
      </c>
    </row>
    <row r="24953" spans="1:12">
      <c r="A24953" s="6" t="s">
        <v>4151</v>
      </c>
      <c r="B24953" s="6"/>
      <c r="C24953" s="6" t="s">
        <v>24989</v>
      </c>
      <c r="D24953" s="6"/>
      <c r="E24953" s="6" t="s">
        <v>9</v>
      </c>
      <c r="F24953" s="7">
        <v>38657</v>
      </c>
      <c r="G24953" s="8">
        <v>1</v>
      </c>
      <c r="H24953" s="8">
        <v>1</v>
      </c>
      <c r="I24953" s="8">
        <v>0</v>
      </c>
      <c r="J24953" s="8">
        <v>1</v>
      </c>
      <c r="K24953" s="9">
        <v>21</v>
      </c>
      <c r="L24953" s="6" t="s">
        <v>4151</v>
      </c>
    </row>
    <row r="24954" spans="1:12">
      <c r="A24954" s="6" t="s">
        <v>4151</v>
      </c>
      <c r="B24954" s="6"/>
      <c r="C24954" s="6" t="s">
        <v>24990</v>
      </c>
      <c r="D24954" s="6"/>
      <c r="E24954" s="6" t="s">
        <v>9</v>
      </c>
      <c r="F24954" s="7">
        <v>38657</v>
      </c>
      <c r="G24954" s="8">
        <v>1</v>
      </c>
      <c r="H24954" s="8">
        <v>1</v>
      </c>
      <c r="I24954" s="8">
        <v>0</v>
      </c>
      <c r="J24954" s="8">
        <v>1</v>
      </c>
      <c r="K24954" s="9">
        <v>5.73</v>
      </c>
      <c r="L24954" s="6" t="s">
        <v>4151</v>
      </c>
    </row>
    <row r="24955" spans="1:12">
      <c r="A24955" s="6" t="s">
        <v>4151</v>
      </c>
      <c r="B24955" s="6"/>
      <c r="C24955" s="6" t="s">
        <v>24991</v>
      </c>
      <c r="D24955" s="6"/>
      <c r="E24955" s="6" t="s">
        <v>9</v>
      </c>
      <c r="F24955" s="7">
        <v>38657</v>
      </c>
      <c r="G24955" s="8">
        <v>1</v>
      </c>
      <c r="H24955" s="8">
        <v>1</v>
      </c>
      <c r="I24955" s="8">
        <v>0</v>
      </c>
      <c r="J24955" s="8">
        <v>1</v>
      </c>
      <c r="K24955" s="9">
        <v>11</v>
      </c>
      <c r="L24955" s="6" t="s">
        <v>4151</v>
      </c>
    </row>
    <row r="24956" spans="1:12">
      <c r="A24956" s="6" t="s">
        <v>4151</v>
      </c>
      <c r="B24956" s="6"/>
      <c r="C24956" s="6" t="s">
        <v>24992</v>
      </c>
      <c r="D24956" s="6"/>
      <c r="E24956" s="6" t="s">
        <v>9</v>
      </c>
      <c r="F24956" s="7">
        <v>38657</v>
      </c>
      <c r="G24956" s="8">
        <v>1</v>
      </c>
      <c r="H24956" s="8">
        <v>1</v>
      </c>
      <c r="I24956" s="8">
        <v>0</v>
      </c>
      <c r="J24956" s="8">
        <v>1</v>
      </c>
      <c r="K24956" s="9">
        <v>35</v>
      </c>
      <c r="L24956" s="6" t="s">
        <v>4151</v>
      </c>
    </row>
    <row r="24957" spans="1:12">
      <c r="A24957" s="6" t="s">
        <v>4151</v>
      </c>
      <c r="B24957" s="6"/>
      <c r="C24957" s="6" t="s">
        <v>24993</v>
      </c>
      <c r="D24957" s="6"/>
      <c r="E24957" s="6" t="s">
        <v>9</v>
      </c>
      <c r="F24957" s="7">
        <v>38657</v>
      </c>
      <c r="G24957" s="8">
        <v>1</v>
      </c>
      <c r="H24957" s="8">
        <v>1</v>
      </c>
      <c r="I24957" s="8">
        <v>0</v>
      </c>
      <c r="J24957" s="8">
        <v>1</v>
      </c>
      <c r="K24957" s="9">
        <v>2.96</v>
      </c>
      <c r="L24957" s="6" t="s">
        <v>4151</v>
      </c>
    </row>
    <row r="24958" spans="1:12">
      <c r="A24958" s="6" t="s">
        <v>4151</v>
      </c>
      <c r="B24958" s="6"/>
      <c r="C24958" s="6" t="s">
        <v>24994</v>
      </c>
      <c r="D24958" s="6"/>
      <c r="E24958" s="6" t="s">
        <v>9</v>
      </c>
      <c r="F24958" s="7">
        <v>38657</v>
      </c>
      <c r="G24958" s="8">
        <v>1</v>
      </c>
      <c r="H24958" s="8">
        <v>1</v>
      </c>
      <c r="I24958" s="8">
        <v>0</v>
      </c>
      <c r="J24958" s="8">
        <v>1</v>
      </c>
      <c r="K24958" s="9">
        <v>6</v>
      </c>
      <c r="L24958" s="6" t="s">
        <v>4151</v>
      </c>
    </row>
    <row r="24959" spans="1:12">
      <c r="A24959" s="6" t="s">
        <v>4151</v>
      </c>
      <c r="B24959" s="6"/>
      <c r="C24959" s="6" t="s">
        <v>24995</v>
      </c>
      <c r="D24959" s="6"/>
      <c r="E24959" s="6" t="s">
        <v>9</v>
      </c>
      <c r="F24959" s="7">
        <v>38657</v>
      </c>
      <c r="G24959" s="8">
        <v>1</v>
      </c>
      <c r="H24959" s="8">
        <v>1</v>
      </c>
      <c r="I24959" s="8">
        <v>0</v>
      </c>
      <c r="J24959" s="8">
        <v>1</v>
      </c>
      <c r="K24959" s="9">
        <v>10</v>
      </c>
      <c r="L24959" s="6" t="s">
        <v>4151</v>
      </c>
    </row>
    <row r="24960" spans="1:12">
      <c r="A24960" s="6" t="s">
        <v>4151</v>
      </c>
      <c r="B24960" s="6"/>
      <c r="C24960" s="6" t="s">
        <v>24996</v>
      </c>
      <c r="D24960" s="6"/>
      <c r="E24960" s="6" t="s">
        <v>9</v>
      </c>
      <c r="F24960" s="7">
        <v>38657</v>
      </c>
      <c r="G24960" s="8">
        <v>1</v>
      </c>
      <c r="H24960" s="8">
        <v>1</v>
      </c>
      <c r="I24960" s="8">
        <v>0</v>
      </c>
      <c r="J24960" s="8">
        <v>1</v>
      </c>
      <c r="K24960" s="9">
        <v>5.55</v>
      </c>
      <c r="L24960" s="6" t="s">
        <v>4151</v>
      </c>
    </row>
    <row r="24961" spans="1:12">
      <c r="A24961" s="6" t="s">
        <v>4151</v>
      </c>
      <c r="B24961" s="6"/>
      <c r="C24961" s="6" t="s">
        <v>24997</v>
      </c>
      <c r="D24961" s="6"/>
      <c r="E24961" s="6" t="s">
        <v>9</v>
      </c>
      <c r="F24961" s="7">
        <v>38657</v>
      </c>
      <c r="G24961" s="8">
        <v>1</v>
      </c>
      <c r="H24961" s="8">
        <v>1</v>
      </c>
      <c r="I24961" s="8">
        <v>0</v>
      </c>
      <c r="J24961" s="8">
        <v>1</v>
      </c>
      <c r="K24961" s="9">
        <v>3.36</v>
      </c>
      <c r="L24961" s="6" t="s">
        <v>4151</v>
      </c>
    </row>
    <row r="24962" spans="1:12">
      <c r="A24962" s="6" t="s">
        <v>4151</v>
      </c>
      <c r="B24962" s="6"/>
      <c r="C24962" s="6" t="s">
        <v>24998</v>
      </c>
      <c r="D24962" s="6"/>
      <c r="E24962" s="6" t="s">
        <v>9</v>
      </c>
      <c r="F24962" s="7">
        <v>38657</v>
      </c>
      <c r="G24962" s="8">
        <v>1</v>
      </c>
      <c r="H24962" s="8">
        <v>1</v>
      </c>
      <c r="I24962" s="8">
        <v>0</v>
      </c>
      <c r="J24962" s="8">
        <v>1</v>
      </c>
      <c r="K24962" s="9">
        <v>1.73</v>
      </c>
      <c r="L24962" s="6" t="s">
        <v>4151</v>
      </c>
    </row>
    <row r="24963" spans="1:12">
      <c r="A24963" s="6" t="s">
        <v>4151</v>
      </c>
      <c r="B24963" s="6"/>
      <c r="C24963" s="6" t="s">
        <v>24999</v>
      </c>
      <c r="D24963" s="6"/>
      <c r="E24963" s="6" t="s">
        <v>9</v>
      </c>
      <c r="F24963" s="7">
        <v>38657</v>
      </c>
      <c r="G24963" s="8">
        <v>1</v>
      </c>
      <c r="H24963" s="8">
        <v>1</v>
      </c>
      <c r="I24963" s="8">
        <v>0</v>
      </c>
      <c r="J24963" s="8">
        <v>1</v>
      </c>
      <c r="K24963" s="9">
        <v>7.67</v>
      </c>
      <c r="L24963" s="6" t="s">
        <v>4151</v>
      </c>
    </row>
    <row r="24964" spans="1:12">
      <c r="A24964" s="6" t="s">
        <v>4151</v>
      </c>
      <c r="B24964" s="6"/>
      <c r="C24964" s="6" t="s">
        <v>25000</v>
      </c>
      <c r="D24964" s="6"/>
      <c r="E24964" s="6" t="s">
        <v>9</v>
      </c>
      <c r="F24964" s="7">
        <v>38657</v>
      </c>
      <c r="G24964" s="8">
        <v>1</v>
      </c>
      <c r="H24964" s="8">
        <v>1</v>
      </c>
      <c r="I24964" s="8">
        <v>0</v>
      </c>
      <c r="J24964" s="8">
        <v>1</v>
      </c>
      <c r="K24964" s="9">
        <v>18</v>
      </c>
      <c r="L24964" s="6" t="s">
        <v>4151</v>
      </c>
    </row>
    <row r="24965" spans="1:12">
      <c r="A24965" s="6" t="s">
        <v>4151</v>
      </c>
      <c r="B24965" s="6"/>
      <c r="C24965" s="6" t="s">
        <v>25001</v>
      </c>
      <c r="D24965" s="6"/>
      <c r="E24965" s="6" t="s">
        <v>9</v>
      </c>
      <c r="F24965" s="7">
        <v>38657</v>
      </c>
      <c r="G24965" s="8">
        <v>1</v>
      </c>
      <c r="H24965" s="8">
        <v>1</v>
      </c>
      <c r="I24965" s="8">
        <v>0</v>
      </c>
      <c r="J24965" s="8">
        <v>1</v>
      </c>
      <c r="K24965" s="9">
        <v>0.25</v>
      </c>
      <c r="L24965" s="6" t="s">
        <v>4151</v>
      </c>
    </row>
    <row r="24966" spans="1:12">
      <c r="A24966" s="6" t="s">
        <v>4151</v>
      </c>
      <c r="B24966" s="6"/>
      <c r="C24966" s="6" t="s">
        <v>25002</v>
      </c>
      <c r="D24966" s="6"/>
      <c r="E24966" s="6" t="s">
        <v>9</v>
      </c>
      <c r="F24966" s="7">
        <v>38657</v>
      </c>
      <c r="G24966" s="8">
        <v>1</v>
      </c>
      <c r="H24966" s="8">
        <v>1</v>
      </c>
      <c r="I24966" s="8">
        <v>0</v>
      </c>
      <c r="J24966" s="8">
        <v>1</v>
      </c>
      <c r="K24966" s="9">
        <v>0.94</v>
      </c>
      <c r="L24966" s="6" t="s">
        <v>4151</v>
      </c>
    </row>
    <row r="24967" spans="1:12">
      <c r="A24967" s="6" t="s">
        <v>4151</v>
      </c>
      <c r="B24967" s="6"/>
      <c r="C24967" s="6" t="s">
        <v>25003</v>
      </c>
      <c r="D24967" s="6"/>
      <c r="E24967" s="6" t="s">
        <v>9</v>
      </c>
      <c r="F24967" s="7">
        <v>38657</v>
      </c>
      <c r="G24967" s="8">
        <v>1</v>
      </c>
      <c r="H24967" s="8">
        <v>1</v>
      </c>
      <c r="I24967" s="8">
        <v>0</v>
      </c>
      <c r="J24967" s="8">
        <v>1</v>
      </c>
      <c r="K24967" s="9">
        <v>3.27</v>
      </c>
      <c r="L24967" s="6" t="s">
        <v>4151</v>
      </c>
    </row>
    <row r="24968" spans="1:12">
      <c r="A24968" s="6" t="s">
        <v>4151</v>
      </c>
      <c r="B24968" s="6"/>
      <c r="C24968" s="6" t="s">
        <v>25004</v>
      </c>
      <c r="D24968" s="6"/>
      <c r="E24968" s="6" t="s">
        <v>9</v>
      </c>
      <c r="F24968" s="7">
        <v>38657</v>
      </c>
      <c r="G24968" s="8">
        <v>1</v>
      </c>
      <c r="H24968" s="8">
        <v>1</v>
      </c>
      <c r="I24968" s="8">
        <v>0</v>
      </c>
      <c r="J24968" s="8">
        <v>1</v>
      </c>
      <c r="K24968" s="9">
        <v>16</v>
      </c>
      <c r="L24968" s="6" t="s">
        <v>4151</v>
      </c>
    </row>
    <row r="24969" spans="1:12">
      <c r="A24969" s="6" t="s">
        <v>4151</v>
      </c>
      <c r="B24969" s="6"/>
      <c r="C24969" s="6" t="s">
        <v>25005</v>
      </c>
      <c r="D24969" s="6"/>
      <c r="E24969" s="6" t="s">
        <v>9</v>
      </c>
      <c r="F24969" s="7">
        <v>38657</v>
      </c>
      <c r="G24969" s="8">
        <v>1</v>
      </c>
      <c r="H24969" s="8">
        <v>1</v>
      </c>
      <c r="I24969" s="8">
        <v>0</v>
      </c>
      <c r="J24969" s="8">
        <v>1</v>
      </c>
      <c r="K24969" s="9">
        <v>11</v>
      </c>
      <c r="L24969" s="6" t="s">
        <v>4151</v>
      </c>
    </row>
    <row r="24970" spans="1:12">
      <c r="A24970" s="6" t="s">
        <v>4151</v>
      </c>
      <c r="B24970" s="6"/>
      <c r="C24970" s="6" t="s">
        <v>25006</v>
      </c>
      <c r="D24970" s="6"/>
      <c r="E24970" s="6" t="s">
        <v>9</v>
      </c>
      <c r="F24970" s="7">
        <v>38657</v>
      </c>
      <c r="G24970" s="8">
        <v>1</v>
      </c>
      <c r="H24970" s="8">
        <v>1</v>
      </c>
      <c r="I24970" s="8">
        <v>0</v>
      </c>
      <c r="J24970" s="8">
        <v>1</v>
      </c>
      <c r="K24970" s="9">
        <v>1.46</v>
      </c>
      <c r="L24970" s="6" t="s">
        <v>4151</v>
      </c>
    </row>
    <row r="24971" spans="1:12">
      <c r="A24971" s="6" t="s">
        <v>4151</v>
      </c>
      <c r="B24971" s="6"/>
      <c r="C24971" s="6" t="s">
        <v>25007</v>
      </c>
      <c r="D24971" s="6"/>
      <c r="E24971" s="6" t="s">
        <v>9</v>
      </c>
      <c r="F24971" s="7">
        <v>38657</v>
      </c>
      <c r="G24971" s="8">
        <v>1</v>
      </c>
      <c r="H24971" s="8">
        <v>1</v>
      </c>
      <c r="I24971" s="8">
        <v>0</v>
      </c>
      <c r="J24971" s="8">
        <v>1</v>
      </c>
      <c r="K24971" s="9">
        <v>3.83</v>
      </c>
      <c r="L24971" s="6" t="s">
        <v>4151</v>
      </c>
    </row>
    <row r="24972" spans="1:12">
      <c r="A24972" s="6" t="s">
        <v>4151</v>
      </c>
      <c r="B24972" s="6"/>
      <c r="C24972" s="6" t="s">
        <v>25008</v>
      </c>
      <c r="D24972" s="6"/>
      <c r="E24972" s="6" t="s">
        <v>9</v>
      </c>
      <c r="F24972" s="7">
        <v>38657</v>
      </c>
      <c r="G24972" s="8">
        <v>1</v>
      </c>
      <c r="H24972" s="8">
        <v>1</v>
      </c>
      <c r="I24972" s="8">
        <v>0</v>
      </c>
      <c r="J24972" s="8">
        <v>1</v>
      </c>
      <c r="K24972" s="9">
        <v>2.79</v>
      </c>
      <c r="L24972" s="6" t="s">
        <v>4151</v>
      </c>
    </row>
    <row r="24973" spans="1:12">
      <c r="A24973" s="6" t="s">
        <v>4151</v>
      </c>
      <c r="B24973" s="6"/>
      <c r="C24973" s="6" t="s">
        <v>25009</v>
      </c>
      <c r="D24973" s="6"/>
      <c r="E24973" s="6" t="s">
        <v>9</v>
      </c>
      <c r="F24973" s="7">
        <v>38657</v>
      </c>
      <c r="G24973" s="8">
        <v>1</v>
      </c>
      <c r="H24973" s="8">
        <v>1</v>
      </c>
      <c r="I24973" s="8">
        <v>0</v>
      </c>
      <c r="J24973" s="8">
        <v>1</v>
      </c>
      <c r="K24973" s="9">
        <v>1.46</v>
      </c>
      <c r="L24973" s="6" t="s">
        <v>4151</v>
      </c>
    </row>
    <row r="24974" spans="1:12">
      <c r="A24974" s="6" t="s">
        <v>4151</v>
      </c>
      <c r="B24974" s="6"/>
      <c r="C24974" s="6" t="s">
        <v>25010</v>
      </c>
      <c r="D24974" s="6"/>
      <c r="E24974" s="6" t="s">
        <v>9</v>
      </c>
      <c r="F24974" s="7">
        <v>38657</v>
      </c>
      <c r="G24974" s="8">
        <v>1</v>
      </c>
      <c r="H24974" s="8">
        <v>1</v>
      </c>
      <c r="I24974" s="8">
        <v>0</v>
      </c>
      <c r="J24974" s="8">
        <v>1</v>
      </c>
      <c r="K24974" s="9">
        <v>1.46</v>
      </c>
      <c r="L24974" s="6" t="s">
        <v>4151</v>
      </c>
    </row>
    <row r="24975" spans="1:12">
      <c r="A24975" s="6" t="s">
        <v>4151</v>
      </c>
      <c r="B24975" s="6"/>
      <c r="C24975" s="6" t="s">
        <v>25011</v>
      </c>
      <c r="D24975" s="6"/>
      <c r="E24975" s="6" t="s">
        <v>9</v>
      </c>
      <c r="F24975" s="7">
        <v>38657</v>
      </c>
      <c r="G24975" s="8">
        <v>1</v>
      </c>
      <c r="H24975" s="8">
        <v>1</v>
      </c>
      <c r="I24975" s="8">
        <v>0</v>
      </c>
      <c r="J24975" s="8">
        <v>1</v>
      </c>
      <c r="K24975" s="9">
        <v>5.84</v>
      </c>
      <c r="L24975" s="6" t="s">
        <v>4151</v>
      </c>
    </row>
    <row r="24976" spans="1:12">
      <c r="A24976" s="6" t="s">
        <v>4151</v>
      </c>
      <c r="B24976" s="6"/>
      <c r="C24976" s="6" t="s">
        <v>25012</v>
      </c>
      <c r="D24976" s="6"/>
      <c r="E24976" s="6" t="s">
        <v>9</v>
      </c>
      <c r="F24976" s="7">
        <v>38657</v>
      </c>
      <c r="G24976" s="8">
        <v>1</v>
      </c>
      <c r="H24976" s="8">
        <v>1</v>
      </c>
      <c r="I24976" s="8">
        <v>0</v>
      </c>
      <c r="J24976" s="8">
        <v>1</v>
      </c>
      <c r="K24976" s="9">
        <v>3.05</v>
      </c>
      <c r="L24976" s="6" t="s">
        <v>4151</v>
      </c>
    </row>
    <row r="24977" spans="1:12">
      <c r="A24977" s="6" t="s">
        <v>4151</v>
      </c>
      <c r="B24977" s="6"/>
      <c r="C24977" s="6" t="s">
        <v>25013</v>
      </c>
      <c r="D24977" s="6"/>
      <c r="E24977" s="6" t="s">
        <v>9</v>
      </c>
      <c r="F24977" s="7">
        <v>38657</v>
      </c>
      <c r="G24977" s="8">
        <v>1</v>
      </c>
      <c r="H24977" s="8">
        <v>1</v>
      </c>
      <c r="I24977" s="8">
        <v>0</v>
      </c>
      <c r="J24977" s="8">
        <v>1</v>
      </c>
      <c r="K24977" s="9">
        <v>0.57999999999999896</v>
      </c>
      <c r="L24977" s="6" t="s">
        <v>4151</v>
      </c>
    </row>
    <row r="24978" spans="1:12">
      <c r="A24978" s="6" t="s">
        <v>4151</v>
      </c>
      <c r="B24978" s="6"/>
      <c r="C24978" s="6" t="s">
        <v>25014</v>
      </c>
      <c r="D24978" s="6"/>
      <c r="E24978" s="6" t="s">
        <v>9</v>
      </c>
      <c r="F24978" s="7">
        <v>38657</v>
      </c>
      <c r="G24978" s="8">
        <v>1</v>
      </c>
      <c r="H24978" s="8">
        <v>1</v>
      </c>
      <c r="I24978" s="8">
        <v>0</v>
      </c>
      <c r="J24978" s="8">
        <v>1</v>
      </c>
      <c r="K24978" s="9">
        <v>1.45</v>
      </c>
      <c r="L24978" s="6" t="s">
        <v>4151</v>
      </c>
    </row>
    <row r="24979" spans="1:12">
      <c r="A24979" s="6" t="s">
        <v>4151</v>
      </c>
      <c r="B24979" s="6"/>
      <c r="C24979" s="6" t="s">
        <v>25015</v>
      </c>
      <c r="D24979" s="6"/>
      <c r="E24979" s="6" t="s">
        <v>9</v>
      </c>
      <c r="F24979" s="7">
        <v>38657</v>
      </c>
      <c r="G24979" s="8">
        <v>1</v>
      </c>
      <c r="H24979" s="8">
        <v>1</v>
      </c>
      <c r="I24979" s="8">
        <v>0</v>
      </c>
      <c r="J24979" s="8">
        <v>1</v>
      </c>
      <c r="K24979" s="9">
        <v>1.0900000000000001</v>
      </c>
      <c r="L24979" s="6" t="s">
        <v>4151</v>
      </c>
    </row>
    <row r="24980" spans="1:12">
      <c r="A24980" s="6" t="s">
        <v>4151</v>
      </c>
      <c r="B24980" s="6"/>
      <c r="C24980" s="6" t="s">
        <v>25016</v>
      </c>
      <c r="D24980" s="6"/>
      <c r="E24980" s="6" t="s">
        <v>9</v>
      </c>
      <c r="F24980" s="7">
        <v>38657</v>
      </c>
      <c r="G24980" s="8">
        <v>1</v>
      </c>
      <c r="H24980" s="8">
        <v>1</v>
      </c>
      <c r="I24980" s="8">
        <v>0</v>
      </c>
      <c r="J24980" s="8">
        <v>1</v>
      </c>
      <c r="K24980" s="9">
        <v>3.79</v>
      </c>
      <c r="L24980" s="6" t="s">
        <v>4151</v>
      </c>
    </row>
    <row r="24981" spans="1:12">
      <c r="A24981" s="6" t="s">
        <v>4151</v>
      </c>
      <c r="B24981" s="6"/>
      <c r="C24981" s="6" t="s">
        <v>25017</v>
      </c>
      <c r="D24981" s="6"/>
      <c r="E24981" s="6" t="s">
        <v>9</v>
      </c>
      <c r="F24981" s="7">
        <v>38657</v>
      </c>
      <c r="G24981" s="8">
        <v>1</v>
      </c>
      <c r="H24981" s="8">
        <v>1</v>
      </c>
      <c r="I24981" s="8">
        <v>0</v>
      </c>
      <c r="J24981" s="8">
        <v>1</v>
      </c>
      <c r="K24981" s="9">
        <v>15</v>
      </c>
      <c r="L24981" s="6" t="s">
        <v>4151</v>
      </c>
    </row>
    <row r="24982" spans="1:12">
      <c r="A24982" s="6" t="s">
        <v>4151</v>
      </c>
      <c r="B24982" s="6"/>
      <c r="C24982" s="6" t="s">
        <v>25018</v>
      </c>
      <c r="D24982" s="6"/>
      <c r="E24982" s="6" t="s">
        <v>9</v>
      </c>
      <c r="F24982" s="7">
        <v>38657</v>
      </c>
      <c r="G24982" s="8">
        <v>1</v>
      </c>
      <c r="H24982" s="8">
        <v>1</v>
      </c>
      <c r="I24982" s="8">
        <v>0</v>
      </c>
      <c r="J24982" s="8">
        <v>1</v>
      </c>
      <c r="K24982" s="9">
        <v>7.37</v>
      </c>
      <c r="L24982" s="6" t="s">
        <v>4151</v>
      </c>
    </row>
    <row r="24983" spans="1:12">
      <c r="A24983" s="6" t="s">
        <v>4151</v>
      </c>
      <c r="B24983" s="6"/>
      <c r="C24983" s="6" t="s">
        <v>25019</v>
      </c>
      <c r="D24983" s="6"/>
      <c r="E24983" s="6" t="s">
        <v>9</v>
      </c>
      <c r="F24983" s="7">
        <v>38657</v>
      </c>
      <c r="G24983" s="8">
        <v>1</v>
      </c>
      <c r="H24983" s="8">
        <v>1</v>
      </c>
      <c r="I24983" s="8">
        <v>0</v>
      </c>
      <c r="J24983" s="8">
        <v>1</v>
      </c>
      <c r="K24983" s="9">
        <v>0.78</v>
      </c>
      <c r="L24983" s="6" t="s">
        <v>4151</v>
      </c>
    </row>
    <row r="24984" spans="1:12">
      <c r="A24984" s="6" t="s">
        <v>4151</v>
      </c>
      <c r="B24984" s="6"/>
      <c r="C24984" s="6" t="s">
        <v>25020</v>
      </c>
      <c r="D24984" s="6"/>
      <c r="E24984" s="6" t="s">
        <v>9</v>
      </c>
      <c r="F24984" s="7">
        <v>38657</v>
      </c>
      <c r="G24984" s="8">
        <v>1</v>
      </c>
      <c r="H24984" s="8">
        <v>1</v>
      </c>
      <c r="I24984" s="8">
        <v>0</v>
      </c>
      <c r="J24984" s="8">
        <v>1</v>
      </c>
      <c r="K24984" s="9">
        <v>34</v>
      </c>
      <c r="L24984" s="6" t="s">
        <v>4151</v>
      </c>
    </row>
    <row r="24985" spans="1:12">
      <c r="A24985" s="6" t="s">
        <v>4151</v>
      </c>
      <c r="B24985" s="6"/>
      <c r="C24985" s="6" t="s">
        <v>25021</v>
      </c>
      <c r="D24985" s="6"/>
      <c r="E24985" s="6" t="s">
        <v>9</v>
      </c>
      <c r="F24985" s="7">
        <v>38657</v>
      </c>
      <c r="G24985" s="8">
        <v>1</v>
      </c>
      <c r="H24985" s="8">
        <v>1</v>
      </c>
      <c r="I24985" s="8">
        <v>0</v>
      </c>
      <c r="J24985" s="8">
        <v>1</v>
      </c>
      <c r="K24985" s="9">
        <v>3.24</v>
      </c>
      <c r="L24985" s="6" t="s">
        <v>4151</v>
      </c>
    </row>
    <row r="24986" spans="1:12">
      <c r="A24986" s="6" t="s">
        <v>4151</v>
      </c>
      <c r="B24986" s="6"/>
      <c r="C24986" s="6" t="s">
        <v>25022</v>
      </c>
      <c r="D24986" s="6"/>
      <c r="E24986" s="6" t="s">
        <v>9</v>
      </c>
      <c r="F24986" s="7">
        <v>38657</v>
      </c>
      <c r="G24986" s="8">
        <v>1</v>
      </c>
      <c r="H24986" s="8">
        <v>1</v>
      </c>
      <c r="I24986" s="8">
        <v>0</v>
      </c>
      <c r="J24986" s="8">
        <v>1</v>
      </c>
      <c r="K24986" s="9">
        <v>7.55</v>
      </c>
      <c r="L24986" s="6" t="s">
        <v>4151</v>
      </c>
    </row>
    <row r="24987" spans="1:12">
      <c r="A24987" s="6" t="s">
        <v>4151</v>
      </c>
      <c r="B24987" s="6"/>
      <c r="C24987" s="6" t="s">
        <v>25023</v>
      </c>
      <c r="D24987" s="6"/>
      <c r="E24987" s="6" t="s">
        <v>9</v>
      </c>
      <c r="F24987" s="7">
        <v>38657</v>
      </c>
      <c r="G24987" s="8">
        <v>1</v>
      </c>
      <c r="H24987" s="8">
        <v>1</v>
      </c>
      <c r="I24987" s="8">
        <v>0</v>
      </c>
      <c r="J24987" s="8">
        <v>1</v>
      </c>
      <c r="K24987" s="9">
        <v>322</v>
      </c>
      <c r="L24987" s="6" t="s">
        <v>4151</v>
      </c>
    </row>
    <row r="24988" spans="1:12">
      <c r="A24988" s="6" t="s">
        <v>4151</v>
      </c>
      <c r="B24988" s="6"/>
      <c r="C24988" s="6" t="s">
        <v>25024</v>
      </c>
      <c r="D24988" s="6"/>
      <c r="E24988" s="6" t="s">
        <v>9</v>
      </c>
      <c r="F24988" s="7">
        <v>38657</v>
      </c>
      <c r="G24988" s="8">
        <v>1</v>
      </c>
      <c r="H24988" s="8">
        <v>1</v>
      </c>
      <c r="I24988" s="8">
        <v>0</v>
      </c>
      <c r="J24988" s="8">
        <v>1</v>
      </c>
      <c r="K24988" s="9">
        <v>9.7899999999999903</v>
      </c>
      <c r="L24988" s="6" t="s">
        <v>4151</v>
      </c>
    </row>
    <row r="24989" spans="1:12">
      <c r="A24989" s="6" t="s">
        <v>4151</v>
      </c>
      <c r="B24989" s="6"/>
      <c r="C24989" s="6" t="s">
        <v>25025</v>
      </c>
      <c r="D24989" s="6"/>
      <c r="E24989" s="6" t="s">
        <v>9</v>
      </c>
      <c r="F24989" s="7">
        <v>38657</v>
      </c>
      <c r="G24989" s="8">
        <v>1</v>
      </c>
      <c r="H24989" s="8">
        <v>1</v>
      </c>
      <c r="I24989" s="8">
        <v>0</v>
      </c>
      <c r="J24989" s="8">
        <v>1</v>
      </c>
      <c r="K24989" s="9">
        <v>19</v>
      </c>
      <c r="L24989" s="6" t="s">
        <v>4151</v>
      </c>
    </row>
    <row r="24990" spans="1:12">
      <c r="A24990" s="6" t="s">
        <v>4151</v>
      </c>
      <c r="B24990" s="6"/>
      <c r="C24990" s="6" t="s">
        <v>25026</v>
      </c>
      <c r="D24990" s="6"/>
      <c r="E24990" s="6" t="s">
        <v>9</v>
      </c>
      <c r="F24990" s="7">
        <v>38657</v>
      </c>
      <c r="G24990" s="8">
        <v>1</v>
      </c>
      <c r="H24990" s="8">
        <v>1</v>
      </c>
      <c r="I24990" s="8">
        <v>0</v>
      </c>
      <c r="J24990" s="8">
        <v>1</v>
      </c>
      <c r="K24990" s="9">
        <v>7.82</v>
      </c>
      <c r="L24990" s="6" t="s">
        <v>4151</v>
      </c>
    </row>
    <row r="24991" spans="1:12">
      <c r="A24991" s="6" t="s">
        <v>4151</v>
      </c>
      <c r="B24991" s="6"/>
      <c r="C24991" s="6" t="s">
        <v>25027</v>
      </c>
      <c r="D24991" s="6"/>
      <c r="E24991" s="6" t="s">
        <v>9</v>
      </c>
      <c r="F24991" s="7">
        <v>38657</v>
      </c>
      <c r="G24991" s="8">
        <v>1</v>
      </c>
      <c r="H24991" s="8">
        <v>1</v>
      </c>
      <c r="I24991" s="8">
        <v>0</v>
      </c>
      <c r="J24991" s="8">
        <v>1</v>
      </c>
      <c r="K24991" s="9">
        <v>10</v>
      </c>
      <c r="L24991" s="6" t="s">
        <v>4151</v>
      </c>
    </row>
    <row r="24992" spans="1:12">
      <c r="A24992" s="6" t="s">
        <v>4151</v>
      </c>
      <c r="B24992" s="6"/>
      <c r="C24992" s="6" t="s">
        <v>25028</v>
      </c>
      <c r="D24992" s="6"/>
      <c r="E24992" s="6" t="s">
        <v>9</v>
      </c>
      <c r="F24992" s="7">
        <v>38657</v>
      </c>
      <c r="G24992" s="8">
        <v>1</v>
      </c>
      <c r="H24992" s="8">
        <v>1</v>
      </c>
      <c r="I24992" s="8">
        <v>0</v>
      </c>
      <c r="J24992" s="8">
        <v>1</v>
      </c>
      <c r="K24992" s="9">
        <v>15</v>
      </c>
      <c r="L24992" s="6" t="s">
        <v>4151</v>
      </c>
    </row>
    <row r="24993" spans="1:12">
      <c r="A24993" s="6" t="s">
        <v>4151</v>
      </c>
      <c r="B24993" s="6"/>
      <c r="C24993" s="6" t="s">
        <v>25029</v>
      </c>
      <c r="D24993" s="6"/>
      <c r="E24993" s="6" t="s">
        <v>9</v>
      </c>
      <c r="F24993" s="7">
        <v>38657</v>
      </c>
      <c r="G24993" s="8">
        <v>1</v>
      </c>
      <c r="H24993" s="8">
        <v>1</v>
      </c>
      <c r="I24993" s="8">
        <v>0</v>
      </c>
      <c r="J24993" s="8">
        <v>1</v>
      </c>
      <c r="K24993" s="9">
        <v>3.69</v>
      </c>
      <c r="L24993" s="6" t="s">
        <v>4151</v>
      </c>
    </row>
    <row r="24994" spans="1:12">
      <c r="A24994" s="6" t="s">
        <v>4151</v>
      </c>
      <c r="B24994" s="6"/>
      <c r="C24994" s="6" t="s">
        <v>25030</v>
      </c>
      <c r="D24994" s="6"/>
      <c r="E24994" s="6" t="s">
        <v>9</v>
      </c>
      <c r="F24994" s="7">
        <v>38657</v>
      </c>
      <c r="G24994" s="8">
        <v>1</v>
      </c>
      <c r="H24994" s="8">
        <v>1</v>
      </c>
      <c r="I24994" s="8">
        <v>0</v>
      </c>
      <c r="J24994" s="8">
        <v>1</v>
      </c>
      <c r="K24994" s="9">
        <v>20</v>
      </c>
      <c r="L24994" s="6" t="s">
        <v>4151</v>
      </c>
    </row>
    <row r="24995" spans="1:12">
      <c r="A24995" s="6" t="s">
        <v>4151</v>
      </c>
      <c r="B24995" s="6"/>
      <c r="C24995" s="6" t="s">
        <v>25031</v>
      </c>
      <c r="D24995" s="6"/>
      <c r="E24995" s="6" t="s">
        <v>9</v>
      </c>
      <c r="F24995" s="7">
        <v>38657</v>
      </c>
      <c r="G24995" s="8">
        <v>1</v>
      </c>
      <c r="H24995" s="8">
        <v>1</v>
      </c>
      <c r="I24995" s="8">
        <v>0</v>
      </c>
      <c r="J24995" s="8">
        <v>1</v>
      </c>
      <c r="K24995" s="9">
        <v>5.79</v>
      </c>
      <c r="L24995" s="6" t="s">
        <v>4151</v>
      </c>
    </row>
    <row r="24996" spans="1:12">
      <c r="A24996" s="6" t="s">
        <v>4151</v>
      </c>
      <c r="B24996" s="6"/>
      <c r="C24996" s="6" t="s">
        <v>25032</v>
      </c>
      <c r="D24996" s="6"/>
      <c r="E24996" s="6" t="s">
        <v>9</v>
      </c>
      <c r="F24996" s="7">
        <v>38657</v>
      </c>
      <c r="G24996" s="8">
        <v>1</v>
      </c>
      <c r="H24996" s="8">
        <v>1</v>
      </c>
      <c r="I24996" s="8">
        <v>0</v>
      </c>
      <c r="J24996" s="8">
        <v>1</v>
      </c>
      <c r="K24996" s="9">
        <v>60</v>
      </c>
      <c r="L24996" s="6" t="s">
        <v>4151</v>
      </c>
    </row>
    <row r="24997" spans="1:12">
      <c r="A24997" s="6" t="s">
        <v>4151</v>
      </c>
      <c r="B24997" s="6"/>
      <c r="C24997" s="6" t="s">
        <v>25033</v>
      </c>
      <c r="D24997" s="6"/>
      <c r="E24997" s="6" t="s">
        <v>9</v>
      </c>
      <c r="F24997" s="7">
        <v>38657</v>
      </c>
      <c r="G24997" s="8">
        <v>1</v>
      </c>
      <c r="H24997" s="8">
        <v>1</v>
      </c>
      <c r="I24997" s="8">
        <v>0</v>
      </c>
      <c r="J24997" s="8">
        <v>1</v>
      </c>
      <c r="K24997" s="9">
        <v>0.98</v>
      </c>
      <c r="L24997" s="6" t="s">
        <v>4151</v>
      </c>
    </row>
    <row r="24998" spans="1:12">
      <c r="A24998" s="6" t="s">
        <v>4151</v>
      </c>
      <c r="B24998" s="6"/>
      <c r="C24998" s="6" t="s">
        <v>25034</v>
      </c>
      <c r="D24998" s="6"/>
      <c r="E24998" s="6" t="s">
        <v>9</v>
      </c>
      <c r="F24998" s="7">
        <v>38657</v>
      </c>
      <c r="G24998" s="8">
        <v>1</v>
      </c>
      <c r="H24998" s="8">
        <v>1</v>
      </c>
      <c r="I24998" s="8">
        <v>0</v>
      </c>
      <c r="J24998" s="8">
        <v>1</v>
      </c>
      <c r="K24998" s="9">
        <v>0.67</v>
      </c>
      <c r="L24998" s="6" t="s">
        <v>4151</v>
      </c>
    </row>
    <row r="24999" spans="1:12">
      <c r="A24999" s="6" t="s">
        <v>4151</v>
      </c>
      <c r="B24999" s="6"/>
      <c r="C24999" s="6" t="s">
        <v>25035</v>
      </c>
      <c r="D24999" s="6"/>
      <c r="E24999" s="6" t="s">
        <v>9</v>
      </c>
      <c r="F24999" s="7">
        <v>38657</v>
      </c>
      <c r="G24999" s="8">
        <v>1</v>
      </c>
      <c r="H24999" s="8">
        <v>1</v>
      </c>
      <c r="I24999" s="8">
        <v>0</v>
      </c>
      <c r="J24999" s="8">
        <v>1</v>
      </c>
      <c r="K24999" s="9">
        <v>6.52</v>
      </c>
      <c r="L24999" s="6" t="s">
        <v>4151</v>
      </c>
    </row>
    <row r="25000" spans="1:12">
      <c r="A25000" s="6" t="s">
        <v>4151</v>
      </c>
      <c r="B25000" s="6"/>
      <c r="C25000" s="6" t="s">
        <v>25036</v>
      </c>
      <c r="D25000" s="6"/>
      <c r="E25000" s="6" t="s">
        <v>9</v>
      </c>
      <c r="F25000" s="7">
        <v>38657</v>
      </c>
      <c r="G25000" s="8">
        <v>1</v>
      </c>
      <c r="H25000" s="8">
        <v>1</v>
      </c>
      <c r="I25000" s="8">
        <v>0</v>
      </c>
      <c r="J25000" s="8">
        <v>1</v>
      </c>
      <c r="K25000" s="9">
        <v>3.3</v>
      </c>
      <c r="L25000" s="6" t="s">
        <v>4151</v>
      </c>
    </row>
    <row r="25001" spans="1:12">
      <c r="A25001" s="6" t="s">
        <v>4151</v>
      </c>
      <c r="B25001" s="6"/>
      <c r="C25001" s="6" t="s">
        <v>25037</v>
      </c>
      <c r="D25001" s="6"/>
      <c r="E25001" s="6" t="s">
        <v>9</v>
      </c>
      <c r="F25001" s="7">
        <v>38657</v>
      </c>
      <c r="G25001" s="8">
        <v>1</v>
      </c>
      <c r="H25001" s="8">
        <v>1</v>
      </c>
      <c r="I25001" s="8">
        <v>0</v>
      </c>
      <c r="J25001" s="8">
        <v>1</v>
      </c>
      <c r="K25001" s="9">
        <v>7.14</v>
      </c>
      <c r="L25001" s="6" t="s">
        <v>4151</v>
      </c>
    </row>
    <row r="25002" spans="1:12">
      <c r="A25002" s="6" t="s">
        <v>4151</v>
      </c>
      <c r="B25002" s="6"/>
      <c r="C25002" s="6" t="s">
        <v>25038</v>
      </c>
      <c r="D25002" s="6"/>
      <c r="E25002" s="6" t="s">
        <v>9</v>
      </c>
      <c r="F25002" s="7">
        <v>38657</v>
      </c>
      <c r="G25002" s="8">
        <v>1</v>
      </c>
      <c r="H25002" s="8">
        <v>1</v>
      </c>
      <c r="I25002" s="8">
        <v>0</v>
      </c>
      <c r="J25002" s="8">
        <v>1</v>
      </c>
      <c r="K25002" s="9">
        <v>8.36</v>
      </c>
      <c r="L25002" s="6" t="s">
        <v>4151</v>
      </c>
    </row>
    <row r="25003" spans="1:12">
      <c r="A25003" s="6" t="s">
        <v>4151</v>
      </c>
      <c r="B25003" s="6"/>
      <c r="C25003" s="6" t="s">
        <v>25039</v>
      </c>
      <c r="D25003" s="6"/>
      <c r="E25003" s="6" t="s">
        <v>9</v>
      </c>
      <c r="F25003" s="7">
        <v>38657</v>
      </c>
      <c r="G25003" s="8">
        <v>1</v>
      </c>
      <c r="H25003" s="8">
        <v>1</v>
      </c>
      <c r="I25003" s="8">
        <v>0</v>
      </c>
      <c r="J25003" s="8">
        <v>1</v>
      </c>
      <c r="K25003" s="9">
        <v>8.8800000000000008</v>
      </c>
      <c r="L25003" s="6" t="s">
        <v>4151</v>
      </c>
    </row>
    <row r="25004" spans="1:12">
      <c r="A25004" s="6" t="s">
        <v>4151</v>
      </c>
      <c r="B25004" s="6"/>
      <c r="C25004" s="6" t="s">
        <v>25040</v>
      </c>
      <c r="D25004" s="6"/>
      <c r="E25004" s="6" t="s">
        <v>9</v>
      </c>
      <c r="F25004" s="7">
        <v>38657</v>
      </c>
      <c r="G25004" s="8">
        <v>1</v>
      </c>
      <c r="H25004" s="8">
        <v>1</v>
      </c>
      <c r="I25004" s="8">
        <v>0</v>
      </c>
      <c r="J25004" s="8">
        <v>1</v>
      </c>
      <c r="K25004" s="9">
        <v>22</v>
      </c>
      <c r="L25004" s="6" t="s">
        <v>4151</v>
      </c>
    </row>
    <row r="25005" spans="1:12">
      <c r="A25005" s="6" t="s">
        <v>4151</v>
      </c>
      <c r="B25005" s="6"/>
      <c r="C25005" s="6" t="s">
        <v>25041</v>
      </c>
      <c r="D25005" s="6"/>
      <c r="E25005" s="6" t="s">
        <v>9</v>
      </c>
      <c r="F25005" s="7">
        <v>38657</v>
      </c>
      <c r="G25005" s="8">
        <v>1</v>
      </c>
      <c r="H25005" s="8">
        <v>1</v>
      </c>
      <c r="I25005" s="8">
        <v>0</v>
      </c>
      <c r="J25005" s="8">
        <v>1</v>
      </c>
      <c r="K25005" s="9">
        <v>5</v>
      </c>
      <c r="L25005" s="6" t="s">
        <v>4151</v>
      </c>
    </row>
    <row r="25006" spans="1:12">
      <c r="A25006" s="6" t="s">
        <v>4151</v>
      </c>
      <c r="B25006" s="6"/>
      <c r="C25006" s="6" t="s">
        <v>25042</v>
      </c>
      <c r="D25006" s="6"/>
      <c r="E25006" s="6" t="s">
        <v>9</v>
      </c>
      <c r="F25006" s="7">
        <v>38657</v>
      </c>
      <c r="G25006" s="8">
        <v>1</v>
      </c>
      <c r="H25006" s="8">
        <v>1</v>
      </c>
      <c r="I25006" s="8">
        <v>0</v>
      </c>
      <c r="J25006" s="8">
        <v>1</v>
      </c>
      <c r="K25006" s="9">
        <v>5.64</v>
      </c>
      <c r="L25006" s="6" t="s">
        <v>4151</v>
      </c>
    </row>
    <row r="25007" spans="1:12">
      <c r="A25007" s="6" t="s">
        <v>4151</v>
      </c>
      <c r="B25007" s="6"/>
      <c r="C25007" s="6" t="s">
        <v>25043</v>
      </c>
      <c r="D25007" s="6"/>
      <c r="E25007" s="6" t="s">
        <v>9</v>
      </c>
      <c r="F25007" s="7">
        <v>38657</v>
      </c>
      <c r="G25007" s="8">
        <v>1</v>
      </c>
      <c r="H25007" s="8">
        <v>1</v>
      </c>
      <c r="I25007" s="8">
        <v>0</v>
      </c>
      <c r="J25007" s="8">
        <v>1</v>
      </c>
      <c r="K25007" s="9">
        <v>7.95</v>
      </c>
      <c r="L25007" s="6" t="s">
        <v>4151</v>
      </c>
    </row>
    <row r="25008" spans="1:12">
      <c r="A25008" s="6" t="s">
        <v>4151</v>
      </c>
      <c r="B25008" s="6"/>
      <c r="C25008" s="6" t="s">
        <v>25044</v>
      </c>
      <c r="D25008" s="6"/>
      <c r="E25008" s="6" t="s">
        <v>9</v>
      </c>
      <c r="F25008" s="7">
        <v>38657</v>
      </c>
      <c r="G25008" s="8">
        <v>1</v>
      </c>
      <c r="H25008" s="8">
        <v>1</v>
      </c>
      <c r="I25008" s="8">
        <v>0</v>
      </c>
      <c r="J25008" s="8">
        <v>1</v>
      </c>
      <c r="K25008" s="9">
        <v>44</v>
      </c>
      <c r="L25008" s="6" t="s">
        <v>4151</v>
      </c>
    </row>
    <row r="25009" spans="1:12">
      <c r="A25009" s="6" t="s">
        <v>4151</v>
      </c>
      <c r="B25009" s="6"/>
      <c r="C25009" s="6" t="s">
        <v>25045</v>
      </c>
      <c r="D25009" s="6"/>
      <c r="E25009" s="6" t="s">
        <v>9</v>
      </c>
      <c r="F25009" s="7">
        <v>38657</v>
      </c>
      <c r="G25009" s="8">
        <v>1</v>
      </c>
      <c r="H25009" s="8">
        <v>1</v>
      </c>
      <c r="I25009" s="8">
        <v>0</v>
      </c>
      <c r="J25009" s="8">
        <v>1</v>
      </c>
      <c r="K25009" s="9">
        <v>0.83</v>
      </c>
      <c r="L25009" s="6" t="s">
        <v>4151</v>
      </c>
    </row>
    <row r="25010" spans="1:12">
      <c r="A25010" s="6" t="s">
        <v>4151</v>
      </c>
      <c r="B25010" s="6"/>
      <c r="C25010" s="6" t="s">
        <v>25046</v>
      </c>
      <c r="D25010" s="6"/>
      <c r="E25010" s="6" t="s">
        <v>9</v>
      </c>
      <c r="F25010" s="7">
        <v>38657</v>
      </c>
      <c r="G25010" s="8">
        <v>1</v>
      </c>
      <c r="H25010" s="8">
        <v>1</v>
      </c>
      <c r="I25010" s="8">
        <v>0</v>
      </c>
      <c r="J25010" s="8">
        <v>1</v>
      </c>
      <c r="K25010" s="9">
        <v>13</v>
      </c>
      <c r="L25010" s="6" t="s">
        <v>4151</v>
      </c>
    </row>
    <row r="25011" spans="1:12">
      <c r="A25011" s="6" t="s">
        <v>4151</v>
      </c>
      <c r="B25011" s="6"/>
      <c r="C25011" s="6" t="s">
        <v>25047</v>
      </c>
      <c r="D25011" s="6"/>
      <c r="E25011" s="6" t="s">
        <v>9</v>
      </c>
      <c r="F25011" s="7">
        <v>38657</v>
      </c>
      <c r="G25011" s="8">
        <v>1</v>
      </c>
      <c r="H25011" s="8">
        <v>1</v>
      </c>
      <c r="I25011" s="8">
        <v>0</v>
      </c>
      <c r="J25011" s="8">
        <v>1</v>
      </c>
      <c r="K25011" s="9">
        <v>0.66</v>
      </c>
      <c r="L25011" s="6" t="s">
        <v>4151</v>
      </c>
    </row>
    <row r="25012" spans="1:12">
      <c r="A25012" s="6" t="s">
        <v>4151</v>
      </c>
      <c r="B25012" s="6"/>
      <c r="C25012" s="6" t="s">
        <v>25048</v>
      </c>
      <c r="D25012" s="6"/>
      <c r="E25012" s="6" t="s">
        <v>9</v>
      </c>
      <c r="F25012" s="7">
        <v>38657</v>
      </c>
      <c r="G25012" s="8">
        <v>1</v>
      </c>
      <c r="H25012" s="8">
        <v>1</v>
      </c>
      <c r="I25012" s="8">
        <v>0</v>
      </c>
      <c r="J25012" s="8">
        <v>1</v>
      </c>
      <c r="K25012" s="9">
        <v>46</v>
      </c>
      <c r="L25012" s="6" t="s">
        <v>4151</v>
      </c>
    </row>
    <row r="25013" spans="1:12">
      <c r="A25013" s="6" t="s">
        <v>4151</v>
      </c>
      <c r="B25013" s="6"/>
      <c r="C25013" s="6" t="s">
        <v>25049</v>
      </c>
      <c r="D25013" s="6"/>
      <c r="E25013" s="6" t="s">
        <v>9</v>
      </c>
      <c r="F25013" s="7">
        <v>38657</v>
      </c>
      <c r="G25013" s="8">
        <v>1</v>
      </c>
      <c r="H25013" s="8">
        <v>1</v>
      </c>
      <c r="I25013" s="8">
        <v>0</v>
      </c>
      <c r="J25013" s="8">
        <v>1</v>
      </c>
      <c r="K25013" s="9">
        <v>36</v>
      </c>
      <c r="L25013" s="6" t="s">
        <v>4151</v>
      </c>
    </row>
    <row r="25014" spans="1:12">
      <c r="A25014" s="6" t="s">
        <v>4151</v>
      </c>
      <c r="B25014" s="6"/>
      <c r="C25014" s="6" t="s">
        <v>25050</v>
      </c>
      <c r="D25014" s="6"/>
      <c r="E25014" s="6" t="s">
        <v>9</v>
      </c>
      <c r="F25014" s="7">
        <v>38657</v>
      </c>
      <c r="G25014" s="8">
        <v>1</v>
      </c>
      <c r="H25014" s="8">
        <v>1</v>
      </c>
      <c r="I25014" s="8">
        <v>0</v>
      </c>
      <c r="J25014" s="8">
        <v>1</v>
      </c>
      <c r="K25014" s="9">
        <v>89</v>
      </c>
      <c r="L25014" s="6" t="s">
        <v>4151</v>
      </c>
    </row>
    <row r="25015" spans="1:12">
      <c r="A25015" s="6" t="s">
        <v>4151</v>
      </c>
      <c r="B25015" s="6"/>
      <c r="C25015" s="6" t="s">
        <v>25051</v>
      </c>
      <c r="D25015" s="6"/>
      <c r="E25015" s="6" t="s">
        <v>9</v>
      </c>
      <c r="F25015" s="7">
        <v>38657</v>
      </c>
      <c r="G25015" s="8">
        <v>1</v>
      </c>
      <c r="H25015" s="8">
        <v>1</v>
      </c>
      <c r="I25015" s="8">
        <v>0</v>
      </c>
      <c r="J25015" s="8">
        <v>1</v>
      </c>
      <c r="K25015" s="9">
        <v>49</v>
      </c>
      <c r="L25015" s="6" t="s">
        <v>4151</v>
      </c>
    </row>
    <row r="25016" spans="1:12">
      <c r="A25016" s="6" t="s">
        <v>4151</v>
      </c>
      <c r="B25016" s="6"/>
      <c r="C25016" s="6" t="s">
        <v>25052</v>
      </c>
      <c r="D25016" s="6"/>
      <c r="E25016" s="6" t="s">
        <v>9</v>
      </c>
      <c r="F25016" s="7">
        <v>38657</v>
      </c>
      <c r="G25016" s="8">
        <v>1</v>
      </c>
      <c r="H25016" s="8">
        <v>1</v>
      </c>
      <c r="I25016" s="8">
        <v>0</v>
      </c>
      <c r="J25016" s="8">
        <v>1</v>
      </c>
      <c r="K25016" s="9">
        <v>12</v>
      </c>
      <c r="L25016" s="6" t="s">
        <v>4151</v>
      </c>
    </row>
    <row r="25017" spans="1:12">
      <c r="A25017" s="6" t="s">
        <v>4151</v>
      </c>
      <c r="B25017" s="6"/>
      <c r="C25017" s="6" t="s">
        <v>25053</v>
      </c>
      <c r="D25017" s="6"/>
      <c r="E25017" s="6" t="s">
        <v>9</v>
      </c>
      <c r="F25017" s="7">
        <v>38657</v>
      </c>
      <c r="G25017" s="8">
        <v>1</v>
      </c>
      <c r="H25017" s="8">
        <v>1</v>
      </c>
      <c r="I25017" s="8">
        <v>0</v>
      </c>
      <c r="J25017" s="8">
        <v>1</v>
      </c>
      <c r="K25017" s="9">
        <v>16</v>
      </c>
      <c r="L25017" s="6" t="s">
        <v>4151</v>
      </c>
    </row>
    <row r="25018" spans="1:12">
      <c r="A25018" s="6" t="s">
        <v>4151</v>
      </c>
      <c r="B25018" s="6"/>
      <c r="C25018" s="6" t="s">
        <v>25054</v>
      </c>
      <c r="D25018" s="6"/>
      <c r="E25018" s="6" t="s">
        <v>9</v>
      </c>
      <c r="F25018" s="7">
        <v>38657</v>
      </c>
      <c r="G25018" s="8">
        <v>1</v>
      </c>
      <c r="H25018" s="8">
        <v>1</v>
      </c>
      <c r="I25018" s="8">
        <v>0</v>
      </c>
      <c r="J25018" s="8">
        <v>1</v>
      </c>
      <c r="K25018" s="9">
        <v>15</v>
      </c>
      <c r="L25018" s="6" t="s">
        <v>4151</v>
      </c>
    </row>
    <row r="25019" spans="1:12">
      <c r="A25019" s="6" t="s">
        <v>4151</v>
      </c>
      <c r="B25019" s="6"/>
      <c r="C25019" s="6" t="s">
        <v>25055</v>
      </c>
      <c r="D25019" s="6"/>
      <c r="E25019" s="6" t="s">
        <v>9</v>
      </c>
      <c r="F25019" s="7">
        <v>38657</v>
      </c>
      <c r="G25019" s="8">
        <v>1</v>
      </c>
      <c r="H25019" s="8">
        <v>1</v>
      </c>
      <c r="I25019" s="8">
        <v>0</v>
      </c>
      <c r="J25019" s="8">
        <v>1</v>
      </c>
      <c r="K25019" s="9">
        <v>19</v>
      </c>
      <c r="L25019" s="6" t="s">
        <v>4151</v>
      </c>
    </row>
    <row r="25020" spans="1:12">
      <c r="A25020" s="6" t="s">
        <v>4151</v>
      </c>
      <c r="B25020" s="6"/>
      <c r="C25020" s="6" t="s">
        <v>25056</v>
      </c>
      <c r="D25020" s="6"/>
      <c r="E25020" s="6" t="s">
        <v>9</v>
      </c>
      <c r="F25020" s="7">
        <v>38657</v>
      </c>
      <c r="G25020" s="8">
        <v>1</v>
      </c>
      <c r="H25020" s="8">
        <v>1</v>
      </c>
      <c r="I25020" s="8">
        <v>0</v>
      </c>
      <c r="J25020" s="8">
        <v>1</v>
      </c>
      <c r="K25020" s="9">
        <v>12</v>
      </c>
      <c r="L25020" s="6" t="s">
        <v>4151</v>
      </c>
    </row>
    <row r="25021" spans="1:12">
      <c r="A25021" s="6" t="s">
        <v>4151</v>
      </c>
      <c r="B25021" s="6"/>
      <c r="C25021" s="6" t="s">
        <v>25057</v>
      </c>
      <c r="D25021" s="6"/>
      <c r="E25021" s="6" t="s">
        <v>9</v>
      </c>
      <c r="F25021" s="7">
        <v>38657</v>
      </c>
      <c r="G25021" s="8">
        <v>1</v>
      </c>
      <c r="H25021" s="8">
        <v>1</v>
      </c>
      <c r="I25021" s="8">
        <v>0</v>
      </c>
      <c r="J25021" s="8">
        <v>1</v>
      </c>
      <c r="K25021" s="9">
        <v>3.28</v>
      </c>
      <c r="L25021" s="6" t="s">
        <v>4151</v>
      </c>
    </row>
    <row r="25022" spans="1:12">
      <c r="A25022" s="6" t="s">
        <v>25058</v>
      </c>
      <c r="B25022" s="6"/>
      <c r="C25022" s="6" t="s">
        <v>25059</v>
      </c>
      <c r="D25022" s="6"/>
      <c r="E25022" s="6" t="s">
        <v>9</v>
      </c>
      <c r="F25022" s="7">
        <v>38657</v>
      </c>
      <c r="G25022" s="8">
        <v>274473</v>
      </c>
      <c r="H25022" s="8">
        <v>274473</v>
      </c>
      <c r="I25022" s="8">
        <v>0</v>
      </c>
      <c r="J25022" s="8">
        <v>274473</v>
      </c>
      <c r="K25022" s="9">
        <v>59.5</v>
      </c>
      <c r="L25022" s="6" t="s">
        <v>25060</v>
      </c>
    </row>
    <row r="25023" spans="1:12">
      <c r="A25023" s="6" t="s">
        <v>25058</v>
      </c>
      <c r="B25023" s="6"/>
      <c r="C25023" s="6" t="s">
        <v>25061</v>
      </c>
      <c r="D25023" s="6"/>
      <c r="E25023" s="6" t="s">
        <v>9</v>
      </c>
      <c r="F25023" s="7">
        <v>38657</v>
      </c>
      <c r="G25023" s="8">
        <v>668885</v>
      </c>
      <c r="H25023" s="8">
        <v>668885</v>
      </c>
      <c r="I25023" s="8">
        <v>0</v>
      </c>
      <c r="J25023" s="8">
        <v>668885</v>
      </c>
      <c r="K25023" s="9">
        <v>145</v>
      </c>
      <c r="L25023" s="6" t="s">
        <v>25060</v>
      </c>
    </row>
    <row r="25024" spans="1:12">
      <c r="A25024" s="6" t="s">
        <v>25058</v>
      </c>
      <c r="B25024" s="6"/>
      <c r="C25024" s="6" t="s">
        <v>25062</v>
      </c>
      <c r="D25024" s="6"/>
      <c r="E25024" s="6" t="s">
        <v>9</v>
      </c>
      <c r="F25024" s="7">
        <v>38657</v>
      </c>
      <c r="G25024" s="8">
        <v>1157863</v>
      </c>
      <c r="H25024" s="8">
        <v>1157863</v>
      </c>
      <c r="I25024" s="8">
        <v>0</v>
      </c>
      <c r="J25024" s="8">
        <v>1157863</v>
      </c>
      <c r="K25024" s="9">
        <v>251</v>
      </c>
      <c r="L25024" s="6" t="s">
        <v>25060</v>
      </c>
    </row>
    <row r="25025" spans="1:12">
      <c r="A25025" s="6" t="s">
        <v>25058</v>
      </c>
      <c r="B25025" s="6"/>
      <c r="C25025" s="6" t="s">
        <v>25063</v>
      </c>
      <c r="D25025" s="6"/>
      <c r="E25025" s="6" t="s">
        <v>9</v>
      </c>
      <c r="F25025" s="7">
        <v>38657</v>
      </c>
      <c r="G25025" s="8">
        <v>1646841</v>
      </c>
      <c r="H25025" s="8">
        <v>1646841</v>
      </c>
      <c r="I25025" s="8">
        <v>0</v>
      </c>
      <c r="J25025" s="8">
        <v>1646841</v>
      </c>
      <c r="K25025" s="9">
        <v>357</v>
      </c>
      <c r="L25025" s="6" t="s">
        <v>25060</v>
      </c>
    </row>
    <row r="25026" spans="1:12">
      <c r="A25026" s="6" t="s">
        <v>25058</v>
      </c>
      <c r="B25026" s="6"/>
      <c r="C25026" s="6" t="s">
        <v>25064</v>
      </c>
      <c r="D25026" s="6"/>
      <c r="E25026" s="6" t="s">
        <v>9</v>
      </c>
      <c r="F25026" s="7">
        <v>38657</v>
      </c>
      <c r="G25026" s="8">
        <v>774984</v>
      </c>
      <c r="H25026" s="8">
        <v>774984</v>
      </c>
      <c r="I25026" s="8">
        <v>0</v>
      </c>
      <c r="J25026" s="8">
        <v>774984</v>
      </c>
      <c r="K25026" s="9">
        <v>168</v>
      </c>
      <c r="L25026" s="6" t="s">
        <v>25060</v>
      </c>
    </row>
    <row r="25027" spans="1:12">
      <c r="A25027" s="6" t="s">
        <v>25058</v>
      </c>
      <c r="B25027" s="6"/>
      <c r="C25027" s="6" t="s">
        <v>25065</v>
      </c>
      <c r="D25027" s="6"/>
      <c r="E25027" s="6" t="s">
        <v>9</v>
      </c>
      <c r="F25027" s="7">
        <v>38657</v>
      </c>
      <c r="G25027" s="8">
        <v>742693</v>
      </c>
      <c r="H25027" s="8">
        <v>742693</v>
      </c>
      <c r="I25027" s="8">
        <v>0</v>
      </c>
      <c r="J25027" s="8">
        <v>742693</v>
      </c>
      <c r="K25027" s="9">
        <v>161</v>
      </c>
      <c r="L25027" s="6" t="s">
        <v>25060</v>
      </c>
    </row>
    <row r="25028" spans="1:12">
      <c r="A25028" s="6" t="s">
        <v>25058</v>
      </c>
      <c r="B25028" s="6"/>
      <c r="C25028" s="6" t="s">
        <v>25066</v>
      </c>
      <c r="D25028" s="6"/>
      <c r="E25028" s="6" t="s">
        <v>9</v>
      </c>
      <c r="F25028" s="7">
        <v>38657</v>
      </c>
      <c r="G25028" s="8">
        <v>212198</v>
      </c>
      <c r="H25028" s="8">
        <v>212198</v>
      </c>
      <c r="I25028" s="8">
        <v>0</v>
      </c>
      <c r="J25028" s="8">
        <v>212198</v>
      </c>
      <c r="K25028" s="9">
        <v>46</v>
      </c>
      <c r="L25028" s="6" t="s">
        <v>25060</v>
      </c>
    </row>
    <row r="25029" spans="1:12">
      <c r="A25029" s="6" t="s">
        <v>25058</v>
      </c>
      <c r="B25029" s="6"/>
      <c r="C25029" s="6" t="s">
        <v>25067</v>
      </c>
      <c r="D25029" s="6"/>
      <c r="E25029" s="6" t="s">
        <v>9</v>
      </c>
      <c r="F25029" s="7">
        <v>38657</v>
      </c>
      <c r="G25029" s="8">
        <v>193746</v>
      </c>
      <c r="H25029" s="8">
        <v>193746</v>
      </c>
      <c r="I25029" s="8">
        <v>0</v>
      </c>
      <c r="J25029" s="8">
        <v>193746</v>
      </c>
      <c r="K25029" s="9">
        <v>42</v>
      </c>
      <c r="L25029" s="6" t="s">
        <v>25060</v>
      </c>
    </row>
    <row r="25030" spans="1:12">
      <c r="A25030" s="6" t="s">
        <v>25058</v>
      </c>
      <c r="B25030" s="6"/>
      <c r="C25030" s="6" t="s">
        <v>25068</v>
      </c>
      <c r="D25030" s="6"/>
      <c r="E25030" s="6" t="s">
        <v>9</v>
      </c>
      <c r="F25030" s="7">
        <v>38657</v>
      </c>
      <c r="G25030" s="8">
        <v>332136</v>
      </c>
      <c r="H25030" s="8">
        <v>332136</v>
      </c>
      <c r="I25030" s="8">
        <v>0</v>
      </c>
      <c r="J25030" s="8">
        <v>332136</v>
      </c>
      <c r="K25030" s="9">
        <v>72</v>
      </c>
      <c r="L25030" s="6" t="s">
        <v>25060</v>
      </c>
    </row>
    <row r="25031" spans="1:12">
      <c r="A25031" s="6" t="s">
        <v>25058</v>
      </c>
      <c r="B25031" s="6"/>
      <c r="C25031" s="6" t="s">
        <v>25069</v>
      </c>
      <c r="D25031" s="6"/>
      <c r="E25031" s="6" t="s">
        <v>9</v>
      </c>
      <c r="F25031" s="7">
        <v>38657</v>
      </c>
      <c r="G25031" s="8">
        <v>179907</v>
      </c>
      <c r="H25031" s="8">
        <v>179907</v>
      </c>
      <c r="I25031" s="8">
        <v>0</v>
      </c>
      <c r="J25031" s="8">
        <v>179907</v>
      </c>
      <c r="K25031" s="9">
        <v>39</v>
      </c>
      <c r="L25031" s="6" t="s">
        <v>25060</v>
      </c>
    </row>
    <row r="25032" spans="1:12">
      <c r="A25032" s="6" t="s">
        <v>25058</v>
      </c>
      <c r="B25032" s="6"/>
      <c r="C25032" s="6" t="s">
        <v>25070</v>
      </c>
      <c r="D25032" s="6"/>
      <c r="E25032" s="6" t="s">
        <v>9</v>
      </c>
      <c r="F25032" s="7">
        <v>38657</v>
      </c>
      <c r="G25032" s="8">
        <v>253299</v>
      </c>
      <c r="H25032" s="8">
        <v>253299</v>
      </c>
      <c r="I25032" s="8">
        <v>0</v>
      </c>
      <c r="J25032" s="8">
        <v>253299</v>
      </c>
      <c r="K25032" s="9">
        <v>54.91</v>
      </c>
      <c r="L25032" s="6" t="s">
        <v>25060</v>
      </c>
    </row>
    <row r="25033" spans="1:12">
      <c r="A25033" s="6" t="s">
        <v>25058</v>
      </c>
      <c r="B25033" s="6"/>
      <c r="C25033" s="6" t="s">
        <v>25071</v>
      </c>
      <c r="D25033" s="6"/>
      <c r="E25033" s="6" t="s">
        <v>9</v>
      </c>
      <c r="F25033" s="7">
        <v>38657</v>
      </c>
      <c r="G25033" s="8">
        <v>121967</v>
      </c>
      <c r="H25033" s="8">
        <v>121967</v>
      </c>
      <c r="I25033" s="8">
        <v>0</v>
      </c>
      <c r="J25033" s="8">
        <v>121967</v>
      </c>
      <c r="K25033" s="9">
        <v>26.44</v>
      </c>
      <c r="L25033" s="6" t="s">
        <v>25060</v>
      </c>
    </row>
    <row r="25034" spans="1:12">
      <c r="A25034" s="6" t="s">
        <v>25058</v>
      </c>
      <c r="B25034" s="6"/>
      <c r="C25034" s="6" t="s">
        <v>25072</v>
      </c>
      <c r="D25034" s="6"/>
      <c r="E25034" s="6" t="s">
        <v>9</v>
      </c>
      <c r="F25034" s="7">
        <v>38657</v>
      </c>
      <c r="G25034" s="8">
        <v>332136</v>
      </c>
      <c r="H25034" s="8">
        <v>332136</v>
      </c>
      <c r="I25034" s="8">
        <v>0</v>
      </c>
      <c r="J25034" s="8">
        <v>332136</v>
      </c>
      <c r="K25034" s="9">
        <v>72</v>
      </c>
      <c r="L25034" s="6" t="s">
        <v>25060</v>
      </c>
    </row>
    <row r="25035" spans="1:12">
      <c r="A25035" s="6" t="s">
        <v>25058</v>
      </c>
      <c r="B25035" s="6"/>
      <c r="C25035" s="6" t="s">
        <v>25073</v>
      </c>
      <c r="D25035" s="6"/>
      <c r="E25035" s="6" t="s">
        <v>9</v>
      </c>
      <c r="F25035" s="7">
        <v>38657</v>
      </c>
      <c r="G25035" s="8">
        <v>286006</v>
      </c>
      <c r="H25035" s="8">
        <v>286006</v>
      </c>
      <c r="I25035" s="8">
        <v>0</v>
      </c>
      <c r="J25035" s="8">
        <v>286006</v>
      </c>
      <c r="K25035" s="9">
        <v>62</v>
      </c>
      <c r="L25035" s="6" t="s">
        <v>25060</v>
      </c>
    </row>
    <row r="25036" spans="1:12">
      <c r="A25036" s="6" t="s">
        <v>25058</v>
      </c>
      <c r="B25036" s="6"/>
      <c r="C25036" s="6" t="s">
        <v>25074</v>
      </c>
      <c r="D25036" s="6"/>
      <c r="E25036" s="6" t="s">
        <v>9</v>
      </c>
      <c r="F25036" s="7">
        <v>38657</v>
      </c>
      <c r="G25036" s="8">
        <v>286006</v>
      </c>
      <c r="H25036" s="8">
        <v>286006</v>
      </c>
      <c r="I25036" s="8">
        <v>0</v>
      </c>
      <c r="J25036" s="8">
        <v>286006</v>
      </c>
      <c r="K25036" s="9">
        <v>62</v>
      </c>
      <c r="L25036" s="6" t="s">
        <v>25060</v>
      </c>
    </row>
    <row r="25037" spans="1:12">
      <c r="A25037" s="6" t="s">
        <v>25058</v>
      </c>
      <c r="B25037" s="6"/>
      <c r="C25037" s="6" t="s">
        <v>25075</v>
      </c>
      <c r="D25037" s="6"/>
      <c r="E25037" s="6" t="s">
        <v>9</v>
      </c>
      <c r="F25037" s="7">
        <v>38657</v>
      </c>
      <c r="G25037" s="8">
        <v>364427</v>
      </c>
      <c r="H25037" s="8">
        <v>364427</v>
      </c>
      <c r="I25037" s="8">
        <v>0</v>
      </c>
      <c r="J25037" s="8">
        <v>364427</v>
      </c>
      <c r="K25037" s="9">
        <v>79</v>
      </c>
      <c r="L25037" s="6" t="s">
        <v>25060</v>
      </c>
    </row>
    <row r="25038" spans="1:12">
      <c r="A25038" s="6" t="s">
        <v>25058</v>
      </c>
      <c r="B25038" s="6"/>
      <c r="C25038" s="6" t="s">
        <v>25076</v>
      </c>
      <c r="D25038" s="6"/>
      <c r="E25038" s="6" t="s">
        <v>9</v>
      </c>
      <c r="F25038" s="7">
        <v>38657</v>
      </c>
      <c r="G25038" s="8">
        <v>332136</v>
      </c>
      <c r="H25038" s="8">
        <v>332136</v>
      </c>
      <c r="I25038" s="8">
        <v>0</v>
      </c>
      <c r="J25038" s="8">
        <v>332136</v>
      </c>
      <c r="K25038" s="9">
        <v>72</v>
      </c>
      <c r="L25038" s="6" t="s">
        <v>25060</v>
      </c>
    </row>
    <row r="25039" spans="1:12">
      <c r="A25039" s="6" t="s">
        <v>25058</v>
      </c>
      <c r="B25039" s="6"/>
      <c r="C25039" s="6" t="s">
        <v>25077</v>
      </c>
      <c r="D25039" s="6"/>
      <c r="E25039" s="6" t="s">
        <v>9</v>
      </c>
      <c r="F25039" s="7">
        <v>38657</v>
      </c>
      <c r="G25039" s="8">
        <v>470526</v>
      </c>
      <c r="H25039" s="8">
        <v>470526</v>
      </c>
      <c r="I25039" s="8">
        <v>0</v>
      </c>
      <c r="J25039" s="8">
        <v>470526</v>
      </c>
      <c r="K25039" s="9">
        <v>102</v>
      </c>
      <c r="L25039" s="6" t="s">
        <v>25060</v>
      </c>
    </row>
    <row r="25040" spans="1:12">
      <c r="A25040" s="6" t="s">
        <v>25058</v>
      </c>
      <c r="B25040" s="6"/>
      <c r="C25040" s="6" t="s">
        <v>25078</v>
      </c>
      <c r="D25040" s="6"/>
      <c r="E25040" s="6" t="s">
        <v>9</v>
      </c>
      <c r="F25040" s="7">
        <v>38657</v>
      </c>
      <c r="G25040" s="8">
        <v>226037</v>
      </c>
      <c r="H25040" s="8">
        <v>226037</v>
      </c>
      <c r="I25040" s="8">
        <v>0</v>
      </c>
      <c r="J25040" s="8">
        <v>226037</v>
      </c>
      <c r="K25040" s="9">
        <v>49</v>
      </c>
      <c r="L25040" s="6" t="s">
        <v>25060</v>
      </c>
    </row>
    <row r="25041" spans="1:12">
      <c r="A25041" s="6" t="s">
        <v>25058</v>
      </c>
      <c r="B25041" s="6"/>
      <c r="C25041" s="6" t="s">
        <v>25079</v>
      </c>
      <c r="D25041" s="6"/>
      <c r="E25041" s="6" t="s">
        <v>9</v>
      </c>
      <c r="F25041" s="7">
        <v>38657</v>
      </c>
      <c r="G25041" s="8">
        <v>364427</v>
      </c>
      <c r="H25041" s="8">
        <v>364427</v>
      </c>
      <c r="I25041" s="8">
        <v>0</v>
      </c>
      <c r="J25041" s="8">
        <v>364427</v>
      </c>
      <c r="K25041" s="9">
        <v>79</v>
      </c>
      <c r="L25041" s="6" t="s">
        <v>25060</v>
      </c>
    </row>
    <row r="25042" spans="1:12">
      <c r="A25042" s="6" t="s">
        <v>25058</v>
      </c>
      <c r="B25042" s="6"/>
      <c r="C25042" s="6" t="s">
        <v>25080</v>
      </c>
      <c r="D25042" s="6"/>
      <c r="E25042" s="6" t="s">
        <v>9</v>
      </c>
      <c r="F25042" s="7">
        <v>38657</v>
      </c>
      <c r="G25042" s="8">
        <v>516656</v>
      </c>
      <c r="H25042" s="8">
        <v>516656</v>
      </c>
      <c r="I25042" s="8">
        <v>0</v>
      </c>
      <c r="J25042" s="8">
        <v>516656</v>
      </c>
      <c r="K25042" s="9">
        <v>112</v>
      </c>
      <c r="L25042" s="6" t="s">
        <v>25060</v>
      </c>
    </row>
    <row r="25043" spans="1:12">
      <c r="A25043" s="6" t="s">
        <v>25058</v>
      </c>
      <c r="B25043" s="6"/>
      <c r="C25043" s="6" t="s">
        <v>25081</v>
      </c>
      <c r="D25043" s="6"/>
      <c r="E25043" s="6" t="s">
        <v>9</v>
      </c>
      <c r="F25043" s="7">
        <v>38657</v>
      </c>
      <c r="G25043" s="8">
        <v>548947</v>
      </c>
      <c r="H25043" s="8">
        <v>548947</v>
      </c>
      <c r="I25043" s="8">
        <v>0</v>
      </c>
      <c r="J25043" s="8">
        <v>548947</v>
      </c>
      <c r="K25043" s="9">
        <v>119</v>
      </c>
      <c r="L25043" s="6" t="s">
        <v>25060</v>
      </c>
    </row>
    <row r="25044" spans="1:12">
      <c r="A25044" s="6" t="s">
        <v>25058</v>
      </c>
      <c r="B25044" s="6"/>
      <c r="C25044" s="6" t="s">
        <v>25082</v>
      </c>
      <c r="D25044" s="6"/>
      <c r="E25044" s="6" t="s">
        <v>9</v>
      </c>
      <c r="F25044" s="7">
        <v>38657</v>
      </c>
      <c r="G25044" s="8">
        <v>364427</v>
      </c>
      <c r="H25044" s="8">
        <v>364427</v>
      </c>
      <c r="I25044" s="8">
        <v>0</v>
      </c>
      <c r="J25044" s="8">
        <v>364427</v>
      </c>
      <c r="K25044" s="9">
        <v>79</v>
      </c>
      <c r="L25044" s="6" t="s">
        <v>25060</v>
      </c>
    </row>
    <row r="25045" spans="1:12">
      <c r="A25045" s="6" t="s">
        <v>25058</v>
      </c>
      <c r="B25045" s="6"/>
      <c r="C25045" s="6" t="s">
        <v>25083</v>
      </c>
      <c r="D25045" s="6"/>
      <c r="E25045" s="6" t="s">
        <v>9</v>
      </c>
      <c r="F25045" s="7">
        <v>38657</v>
      </c>
      <c r="G25045" s="8">
        <v>945665</v>
      </c>
      <c r="H25045" s="8">
        <v>945665</v>
      </c>
      <c r="I25045" s="8">
        <v>0</v>
      </c>
      <c r="J25045" s="8">
        <v>945665</v>
      </c>
      <c r="K25045" s="9">
        <v>205</v>
      </c>
      <c r="L25045" s="6" t="s">
        <v>25060</v>
      </c>
    </row>
    <row r="25046" spans="1:12">
      <c r="A25046" s="6" t="s">
        <v>25058</v>
      </c>
      <c r="B25046" s="6"/>
      <c r="C25046" s="6" t="s">
        <v>25084</v>
      </c>
      <c r="D25046" s="6"/>
      <c r="E25046" s="6" t="s">
        <v>9</v>
      </c>
      <c r="F25046" s="7">
        <v>38657</v>
      </c>
      <c r="G25046" s="8">
        <v>456687</v>
      </c>
      <c r="H25046" s="8">
        <v>456687</v>
      </c>
      <c r="I25046" s="8">
        <v>0</v>
      </c>
      <c r="J25046" s="8">
        <v>456687</v>
      </c>
      <c r="K25046" s="9">
        <v>99</v>
      </c>
      <c r="L25046" s="6" t="s">
        <v>25060</v>
      </c>
    </row>
    <row r="25047" spans="1:12">
      <c r="A25047" s="6" t="s">
        <v>25058</v>
      </c>
      <c r="B25047" s="6"/>
      <c r="C25047" s="6" t="s">
        <v>25085</v>
      </c>
      <c r="D25047" s="6"/>
      <c r="E25047" s="6" t="s">
        <v>9</v>
      </c>
      <c r="F25047" s="7">
        <v>38657</v>
      </c>
      <c r="G25047" s="8">
        <v>40257651</v>
      </c>
      <c r="H25047" s="8">
        <v>40257651</v>
      </c>
      <c r="I25047" s="8">
        <v>0</v>
      </c>
      <c r="J25047" s="8">
        <v>40257651</v>
      </c>
      <c r="K25047" s="9">
        <v>8727</v>
      </c>
      <c r="L25047" s="6" t="s">
        <v>25060</v>
      </c>
    </row>
    <row r="25048" spans="1:12">
      <c r="A25048" s="6" t="s">
        <v>25058</v>
      </c>
      <c r="B25048" s="6"/>
      <c r="C25048" s="6" t="s">
        <v>25086</v>
      </c>
      <c r="D25048" s="6"/>
      <c r="E25048" s="6" t="s">
        <v>9</v>
      </c>
      <c r="F25048" s="7">
        <v>38657</v>
      </c>
      <c r="G25048" s="8">
        <v>193746</v>
      </c>
      <c r="H25048" s="8">
        <v>193746</v>
      </c>
      <c r="I25048" s="8">
        <v>0</v>
      </c>
      <c r="J25048" s="8">
        <v>193746</v>
      </c>
      <c r="K25048" s="9">
        <v>42</v>
      </c>
      <c r="L25048" s="6" t="s">
        <v>25060</v>
      </c>
    </row>
    <row r="25049" spans="1:12">
      <c r="A25049" s="6" t="s">
        <v>25058</v>
      </c>
      <c r="B25049" s="6"/>
      <c r="C25049" s="6" t="s">
        <v>25087</v>
      </c>
      <c r="D25049" s="6"/>
      <c r="E25049" s="6" t="s">
        <v>9</v>
      </c>
      <c r="F25049" s="7">
        <v>38657</v>
      </c>
      <c r="G25049" s="8">
        <v>239876</v>
      </c>
      <c r="H25049" s="8">
        <v>239876</v>
      </c>
      <c r="I25049" s="8">
        <v>0</v>
      </c>
      <c r="J25049" s="8">
        <v>239876</v>
      </c>
      <c r="K25049" s="9">
        <v>52</v>
      </c>
      <c r="L25049" s="6" t="s">
        <v>25060</v>
      </c>
    </row>
    <row r="25050" spans="1:12">
      <c r="A25050" s="6" t="s">
        <v>25058</v>
      </c>
      <c r="B25050" s="6"/>
      <c r="C25050" s="6" t="s">
        <v>25088</v>
      </c>
      <c r="D25050" s="6"/>
      <c r="E25050" s="6" t="s">
        <v>9</v>
      </c>
      <c r="F25050" s="7">
        <v>38657</v>
      </c>
      <c r="G25050" s="8">
        <v>239876</v>
      </c>
      <c r="H25050" s="8">
        <v>239876</v>
      </c>
      <c r="I25050" s="8">
        <v>0</v>
      </c>
      <c r="J25050" s="8">
        <v>239876</v>
      </c>
      <c r="K25050" s="9">
        <v>52</v>
      </c>
      <c r="L25050" s="6" t="s">
        <v>25060</v>
      </c>
    </row>
    <row r="25051" spans="1:12">
      <c r="A25051" s="6" t="s">
        <v>25058</v>
      </c>
      <c r="B25051" s="6"/>
      <c r="C25051" s="6" t="s">
        <v>25089</v>
      </c>
      <c r="D25051" s="6"/>
      <c r="E25051" s="6" t="s">
        <v>9</v>
      </c>
      <c r="F25051" s="7">
        <v>38657</v>
      </c>
      <c r="G25051" s="8">
        <v>941052</v>
      </c>
      <c r="H25051" s="8">
        <v>941052</v>
      </c>
      <c r="I25051" s="8">
        <v>0</v>
      </c>
      <c r="J25051" s="8">
        <v>941052</v>
      </c>
      <c r="K25051" s="9">
        <v>204</v>
      </c>
      <c r="L25051" s="6" t="s">
        <v>25060</v>
      </c>
    </row>
    <row r="25052" spans="1:12">
      <c r="A25052" s="6" t="s">
        <v>25058</v>
      </c>
      <c r="B25052" s="6"/>
      <c r="C25052" s="6" t="s">
        <v>25090</v>
      </c>
      <c r="D25052" s="6"/>
      <c r="E25052" s="6" t="s">
        <v>9</v>
      </c>
      <c r="F25052" s="7">
        <v>38657</v>
      </c>
      <c r="G25052" s="8">
        <v>7163989</v>
      </c>
      <c r="H25052" s="8">
        <v>7163989</v>
      </c>
      <c r="I25052" s="8">
        <v>0</v>
      </c>
      <c r="J25052" s="8">
        <v>7163989</v>
      </c>
      <c r="K25052" s="9">
        <v>1553</v>
      </c>
      <c r="L25052" s="6" t="s">
        <v>25060</v>
      </c>
    </row>
    <row r="25053" spans="1:12">
      <c r="A25053" s="6" t="s">
        <v>25058</v>
      </c>
      <c r="B25053" s="6"/>
      <c r="C25053" s="6" t="s">
        <v>25091</v>
      </c>
      <c r="D25053" s="6"/>
      <c r="E25053" s="6" t="s">
        <v>9</v>
      </c>
      <c r="F25053" s="7">
        <v>38657</v>
      </c>
      <c r="G25053" s="8">
        <v>7163989</v>
      </c>
      <c r="H25053" s="8">
        <v>7163989</v>
      </c>
      <c r="I25053" s="8">
        <v>0</v>
      </c>
      <c r="J25053" s="8">
        <v>7163989</v>
      </c>
      <c r="K25053" s="9">
        <v>1553</v>
      </c>
      <c r="L25053" s="6" t="s">
        <v>25060</v>
      </c>
    </row>
    <row r="25054" spans="1:12">
      <c r="A25054" s="6" t="s">
        <v>25058</v>
      </c>
      <c r="B25054" s="6"/>
      <c r="C25054" s="6" t="s">
        <v>25092</v>
      </c>
      <c r="D25054" s="6"/>
      <c r="E25054" s="6" t="s">
        <v>9</v>
      </c>
      <c r="F25054" s="7">
        <v>38657</v>
      </c>
      <c r="G25054" s="8">
        <v>5913866</v>
      </c>
      <c r="H25054" s="8">
        <v>5913866</v>
      </c>
      <c r="I25054" s="8">
        <v>0</v>
      </c>
      <c r="J25054" s="8">
        <v>5913866</v>
      </c>
      <c r="K25054" s="9">
        <v>1282</v>
      </c>
      <c r="L25054" s="6" t="s">
        <v>25060</v>
      </c>
    </row>
    <row r="25055" spans="1:12">
      <c r="A25055" s="6" t="s">
        <v>25058</v>
      </c>
      <c r="B25055" s="6"/>
      <c r="C25055" s="6" t="s">
        <v>25093</v>
      </c>
      <c r="D25055" s="6"/>
      <c r="E25055" s="6" t="s">
        <v>9</v>
      </c>
      <c r="F25055" s="7">
        <v>38657</v>
      </c>
      <c r="G25055" s="8">
        <v>318297</v>
      </c>
      <c r="H25055" s="8">
        <v>318297</v>
      </c>
      <c r="I25055" s="8">
        <v>0</v>
      </c>
      <c r="J25055" s="8">
        <v>318297</v>
      </c>
      <c r="K25055" s="9">
        <v>69</v>
      </c>
      <c r="L25055" s="6" t="s">
        <v>25060</v>
      </c>
    </row>
    <row r="25056" spans="1:12">
      <c r="A25056" s="6" t="s">
        <v>25058</v>
      </c>
      <c r="B25056" s="6"/>
      <c r="C25056" s="6" t="s">
        <v>25094</v>
      </c>
      <c r="D25056" s="6"/>
      <c r="E25056" s="6" t="s">
        <v>9</v>
      </c>
      <c r="F25056" s="7">
        <v>38657</v>
      </c>
      <c r="G25056" s="8">
        <v>1</v>
      </c>
      <c r="H25056" s="8">
        <v>1</v>
      </c>
      <c r="I25056" s="8">
        <v>0</v>
      </c>
      <c r="J25056" s="8">
        <v>1</v>
      </c>
      <c r="K25056" s="9">
        <v>107.82</v>
      </c>
      <c r="L25056" s="6" t="s">
        <v>51</v>
      </c>
    </row>
    <row r="25057" spans="1:12">
      <c r="A25057" s="6" t="s">
        <v>25058</v>
      </c>
      <c r="B25057" s="6"/>
      <c r="C25057" s="6" t="s">
        <v>25095</v>
      </c>
      <c r="D25057" s="6"/>
      <c r="E25057" s="6" t="s">
        <v>9</v>
      </c>
      <c r="F25057" s="7">
        <v>38657</v>
      </c>
      <c r="G25057" s="8">
        <v>456687</v>
      </c>
      <c r="H25057" s="8">
        <v>456687</v>
      </c>
      <c r="I25057" s="8">
        <v>0</v>
      </c>
      <c r="J25057" s="8">
        <v>456687</v>
      </c>
      <c r="K25057" s="9">
        <v>99</v>
      </c>
      <c r="L25057" s="6" t="s">
        <v>25060</v>
      </c>
    </row>
    <row r="25058" spans="1:12">
      <c r="A25058" s="6" t="s">
        <v>25058</v>
      </c>
      <c r="B25058" s="6"/>
      <c r="C25058" s="6" t="s">
        <v>25096</v>
      </c>
      <c r="D25058" s="6"/>
      <c r="E25058" s="6" t="s">
        <v>9</v>
      </c>
      <c r="F25058" s="7">
        <v>38657</v>
      </c>
      <c r="G25058" s="8">
        <v>212198</v>
      </c>
      <c r="H25058" s="8">
        <v>212198</v>
      </c>
      <c r="I25058" s="8">
        <v>0</v>
      </c>
      <c r="J25058" s="8">
        <v>212198</v>
      </c>
      <c r="K25058" s="9">
        <v>46</v>
      </c>
      <c r="L25058" s="6" t="s">
        <v>25060</v>
      </c>
    </row>
    <row r="25059" spans="1:12">
      <c r="A25059" s="6" t="s">
        <v>25058</v>
      </c>
      <c r="B25059" s="6"/>
      <c r="C25059" s="6" t="s">
        <v>25097</v>
      </c>
      <c r="D25059" s="6"/>
      <c r="E25059" s="6" t="s">
        <v>9</v>
      </c>
      <c r="F25059" s="7">
        <v>38657</v>
      </c>
      <c r="G25059" s="8">
        <v>622755</v>
      </c>
      <c r="H25059" s="8">
        <v>622755</v>
      </c>
      <c r="I25059" s="8">
        <v>0</v>
      </c>
      <c r="J25059" s="8">
        <v>622755</v>
      </c>
      <c r="K25059" s="9">
        <v>135</v>
      </c>
      <c r="L25059" s="6" t="s">
        <v>25060</v>
      </c>
    </row>
    <row r="25060" spans="1:12">
      <c r="A25060" s="6" t="s">
        <v>25058</v>
      </c>
      <c r="B25060" s="6"/>
      <c r="C25060" s="6" t="s">
        <v>25098</v>
      </c>
      <c r="D25060" s="6"/>
      <c r="E25060" s="6" t="s">
        <v>9</v>
      </c>
      <c r="F25060" s="7">
        <v>38657</v>
      </c>
      <c r="G25060" s="8">
        <v>392105</v>
      </c>
      <c r="H25060" s="8">
        <v>392105</v>
      </c>
      <c r="I25060" s="8">
        <v>0</v>
      </c>
      <c r="J25060" s="8">
        <v>392105</v>
      </c>
      <c r="K25060" s="9">
        <v>85</v>
      </c>
      <c r="L25060" s="6" t="s">
        <v>25060</v>
      </c>
    </row>
    <row r="25061" spans="1:12">
      <c r="A25061" s="6" t="s">
        <v>25058</v>
      </c>
      <c r="B25061" s="6"/>
      <c r="C25061" s="6" t="s">
        <v>25099</v>
      </c>
      <c r="D25061" s="6"/>
      <c r="E25061" s="6" t="s">
        <v>9</v>
      </c>
      <c r="F25061" s="7">
        <v>38657</v>
      </c>
      <c r="G25061" s="8">
        <v>470526</v>
      </c>
      <c r="H25061" s="8">
        <v>470526</v>
      </c>
      <c r="I25061" s="8">
        <v>0</v>
      </c>
      <c r="J25061" s="8">
        <v>470526</v>
      </c>
      <c r="K25061" s="9">
        <v>102</v>
      </c>
      <c r="L25061" s="6" t="s">
        <v>25060</v>
      </c>
    </row>
    <row r="25062" spans="1:12">
      <c r="A25062" s="6" t="s">
        <v>25100</v>
      </c>
      <c r="B25062" s="6"/>
      <c r="C25062" s="6" t="s">
        <v>25101</v>
      </c>
      <c r="D25062" s="6"/>
      <c r="E25062" s="6" t="s">
        <v>9</v>
      </c>
      <c r="F25062" s="7">
        <v>38657</v>
      </c>
      <c r="G25062" s="8">
        <v>9707688</v>
      </c>
      <c r="H25062" s="8">
        <v>9707688</v>
      </c>
      <c r="I25062" s="8">
        <v>0</v>
      </c>
      <c r="J25062" s="8">
        <v>9707688</v>
      </c>
      <c r="K25062" s="9">
        <v>1899</v>
      </c>
      <c r="L25062" s="6" t="s">
        <v>14</v>
      </c>
    </row>
    <row r="25063" spans="1:12">
      <c r="A25063" s="6" t="s">
        <v>25102</v>
      </c>
      <c r="B25063" s="6"/>
      <c r="C25063" s="6" t="s">
        <v>25103</v>
      </c>
      <c r="D25063" s="6"/>
      <c r="E25063" s="6" t="s">
        <v>9</v>
      </c>
      <c r="F25063" s="7">
        <v>38657</v>
      </c>
      <c r="G25063" s="8">
        <v>403848</v>
      </c>
      <c r="H25063" s="8">
        <v>403848</v>
      </c>
      <c r="I25063" s="8">
        <v>0</v>
      </c>
      <c r="J25063" s="8">
        <v>403848</v>
      </c>
      <c r="K25063" s="9">
        <v>79</v>
      </c>
      <c r="L25063" s="6" t="s">
        <v>14</v>
      </c>
    </row>
    <row r="25064" spans="1:12">
      <c r="A25064" s="6" t="s">
        <v>25102</v>
      </c>
      <c r="B25064" s="6"/>
      <c r="C25064" s="6" t="s">
        <v>25104</v>
      </c>
      <c r="D25064" s="6"/>
      <c r="E25064" s="6" t="s">
        <v>9</v>
      </c>
      <c r="F25064" s="7">
        <v>38657</v>
      </c>
      <c r="G25064" s="8">
        <v>4278744</v>
      </c>
      <c r="H25064" s="8">
        <v>4278744</v>
      </c>
      <c r="I25064" s="8">
        <v>0</v>
      </c>
      <c r="J25064" s="8">
        <v>4278744</v>
      </c>
      <c r="K25064" s="9">
        <v>837</v>
      </c>
      <c r="L25064" s="6" t="s">
        <v>14</v>
      </c>
    </row>
    <row r="25065" spans="1:12">
      <c r="A25065" s="6" t="s">
        <v>25105</v>
      </c>
      <c r="B25065" s="6"/>
      <c r="C25065" s="6" t="s">
        <v>25106</v>
      </c>
      <c r="D25065" s="6"/>
      <c r="E25065" s="6" t="s">
        <v>9</v>
      </c>
      <c r="F25065" s="7">
        <v>38657</v>
      </c>
      <c r="G25065" s="8">
        <v>5791896</v>
      </c>
      <c r="H25065" s="8">
        <v>5791896</v>
      </c>
      <c r="I25065" s="8">
        <v>0</v>
      </c>
      <c r="J25065" s="8">
        <v>5791896</v>
      </c>
      <c r="K25065" s="9">
        <v>1133</v>
      </c>
      <c r="L25065" s="6" t="s">
        <v>23</v>
      </c>
    </row>
    <row r="25066" spans="1:12">
      <c r="A25066" s="6" t="s">
        <v>25107</v>
      </c>
      <c r="B25066" s="6"/>
      <c r="C25066" s="6" t="s">
        <v>25108</v>
      </c>
      <c r="D25066" s="6"/>
      <c r="E25066" s="6" t="s">
        <v>18740</v>
      </c>
      <c r="F25066" s="7">
        <v>38657</v>
      </c>
      <c r="G25066" s="8">
        <v>585170</v>
      </c>
      <c r="H25066" s="8">
        <v>585170</v>
      </c>
      <c r="I25066" s="8">
        <v>0</v>
      </c>
      <c r="J25066" s="8">
        <v>585170</v>
      </c>
      <c r="K25066" s="9">
        <v>114.47</v>
      </c>
      <c r="L25066" s="6" t="s">
        <v>23</v>
      </c>
    </row>
    <row r="25067" spans="1:12">
      <c r="A25067" s="6" t="s">
        <v>25109</v>
      </c>
      <c r="B25067" s="6"/>
      <c r="C25067" s="6" t="s">
        <v>25110</v>
      </c>
      <c r="D25067" s="6"/>
      <c r="E25067" s="6" t="s">
        <v>18740</v>
      </c>
      <c r="F25067" s="7">
        <v>38657</v>
      </c>
      <c r="G25067" s="8">
        <v>3360360</v>
      </c>
      <c r="H25067" s="8">
        <v>3360360</v>
      </c>
      <c r="I25067" s="8">
        <v>0</v>
      </c>
      <c r="J25067" s="8">
        <v>3360360</v>
      </c>
      <c r="K25067" s="9">
        <v>280.02999999999901</v>
      </c>
      <c r="L25067" s="6" t="s">
        <v>10</v>
      </c>
    </row>
    <row r="25068" spans="1:12">
      <c r="A25068" s="6" t="s">
        <v>25109</v>
      </c>
      <c r="B25068" s="6"/>
      <c r="C25068" s="6" t="s">
        <v>25111</v>
      </c>
      <c r="D25068" s="6"/>
      <c r="E25068" s="6" t="s">
        <v>18740</v>
      </c>
      <c r="F25068" s="7">
        <v>38657</v>
      </c>
      <c r="G25068" s="8">
        <v>5040360</v>
      </c>
      <c r="H25068" s="8">
        <v>5040360</v>
      </c>
      <c r="I25068" s="8">
        <v>0</v>
      </c>
      <c r="J25068" s="8">
        <v>5040360</v>
      </c>
      <c r="K25068" s="9">
        <v>420.03</v>
      </c>
      <c r="L25068" s="6" t="s">
        <v>10</v>
      </c>
    </row>
    <row r="25069" spans="1:12">
      <c r="A25069" s="6" t="s">
        <v>25112</v>
      </c>
      <c r="B25069" s="6"/>
      <c r="C25069" s="6" t="s">
        <v>25113</v>
      </c>
      <c r="D25069" s="6"/>
      <c r="E25069" s="6" t="s">
        <v>9</v>
      </c>
      <c r="F25069" s="7">
        <v>40906</v>
      </c>
      <c r="G25069" s="8">
        <v>751464</v>
      </c>
      <c r="H25069" s="8">
        <v>751464</v>
      </c>
      <c r="I25069" s="8">
        <v>0</v>
      </c>
      <c r="J25069" s="8">
        <v>751464</v>
      </c>
      <c r="K25069" s="9">
        <v>147</v>
      </c>
      <c r="L25069" s="6" t="s">
        <v>14</v>
      </c>
    </row>
    <row r="25070" spans="1:12">
      <c r="A25070" s="6" t="s">
        <v>25114</v>
      </c>
      <c r="B25070" s="6"/>
      <c r="C25070" s="6" t="s">
        <v>25115</v>
      </c>
      <c r="D25070" s="6"/>
      <c r="E25070" s="6" t="s">
        <v>9</v>
      </c>
      <c r="F25070" s="7">
        <v>40582</v>
      </c>
      <c r="G25070" s="8">
        <v>526536</v>
      </c>
      <c r="H25070" s="8">
        <v>526536</v>
      </c>
      <c r="I25070" s="8">
        <v>0</v>
      </c>
      <c r="J25070" s="8">
        <v>526536</v>
      </c>
      <c r="K25070" s="9">
        <v>103</v>
      </c>
      <c r="L25070" s="6" t="s">
        <v>14</v>
      </c>
    </row>
    <row r="25071" spans="1:12">
      <c r="A25071" s="6" t="s">
        <v>25116</v>
      </c>
      <c r="B25071" s="6"/>
      <c r="C25071" s="6" t="s">
        <v>25117</v>
      </c>
      <c r="D25071" s="6"/>
      <c r="E25071" s="6" t="s">
        <v>9</v>
      </c>
      <c r="F25071" s="7">
        <v>38657</v>
      </c>
      <c r="G25071" s="8">
        <v>38692728</v>
      </c>
      <c r="H25071" s="8">
        <v>38692728</v>
      </c>
      <c r="I25071" s="8">
        <v>0</v>
      </c>
      <c r="J25071" s="8">
        <v>38692728</v>
      </c>
      <c r="K25071" s="9">
        <v>7569</v>
      </c>
      <c r="L25071" s="6" t="s">
        <v>6094</v>
      </c>
    </row>
    <row r="25072" spans="1:12">
      <c r="A25072" s="6" t="s">
        <v>25116</v>
      </c>
      <c r="B25072" s="6"/>
      <c r="C25072" s="6" t="s">
        <v>25118</v>
      </c>
      <c r="D25072" s="6"/>
      <c r="E25072" s="6" t="s">
        <v>9</v>
      </c>
      <c r="F25072" s="7">
        <v>38657</v>
      </c>
      <c r="G25072" s="8">
        <v>66456</v>
      </c>
      <c r="H25072" s="8">
        <v>66456</v>
      </c>
      <c r="I25072" s="8">
        <v>0</v>
      </c>
      <c r="J25072" s="8">
        <v>66456</v>
      </c>
      <c r="K25072" s="9">
        <v>13</v>
      </c>
      <c r="L25072" s="6" t="s">
        <v>6094</v>
      </c>
    </row>
    <row r="25073" spans="1:12">
      <c r="A25073" s="6" t="s">
        <v>25119</v>
      </c>
      <c r="B25073" s="6"/>
      <c r="C25073" s="6" t="s">
        <v>25120</v>
      </c>
      <c r="D25073" s="6"/>
      <c r="E25073" s="6" t="s">
        <v>25121</v>
      </c>
      <c r="F25073" s="7">
        <v>38657</v>
      </c>
      <c r="G25073" s="8">
        <v>7593560</v>
      </c>
      <c r="H25073" s="8">
        <v>7593560</v>
      </c>
      <c r="I25073" s="8">
        <v>0</v>
      </c>
      <c r="J25073" s="8">
        <v>7593560</v>
      </c>
      <c r="K25073" s="9">
        <v>446.68</v>
      </c>
      <c r="L25073" s="6" t="s">
        <v>10</v>
      </c>
    </row>
    <row r="25074" spans="1:12">
      <c r="A25074" s="6" t="s">
        <v>25119</v>
      </c>
      <c r="B25074" s="6"/>
      <c r="C25074" s="6" t="s">
        <v>25122</v>
      </c>
      <c r="D25074" s="6"/>
      <c r="E25074" s="6" t="s">
        <v>25121</v>
      </c>
      <c r="F25074" s="7"/>
      <c r="G25074" s="8">
        <v>1009120</v>
      </c>
      <c r="H25074" s="8">
        <v>1009120</v>
      </c>
      <c r="I25074" s="8">
        <v>0</v>
      </c>
      <c r="J25074" s="8">
        <v>1009120</v>
      </c>
      <c r="K25074" s="9">
        <v>59.36</v>
      </c>
      <c r="L25074" s="6" t="s">
        <v>10</v>
      </c>
    </row>
    <row r="25075" spans="1:12">
      <c r="A25075" s="6" t="s">
        <v>25123</v>
      </c>
      <c r="B25075" s="6"/>
      <c r="C25075" s="6" t="s">
        <v>25124</v>
      </c>
      <c r="D25075" s="6"/>
      <c r="E25075" s="6" t="s">
        <v>18740</v>
      </c>
      <c r="F25075" s="7">
        <v>41145</v>
      </c>
      <c r="G25075" s="8">
        <v>112200</v>
      </c>
      <c r="H25075" s="8">
        <v>112200</v>
      </c>
      <c r="I25075" s="8">
        <v>0</v>
      </c>
      <c r="J25075" s="8">
        <v>112200</v>
      </c>
      <c r="K25075" s="9">
        <v>3.3</v>
      </c>
      <c r="L25075" s="6" t="s">
        <v>10</v>
      </c>
    </row>
    <row r="25076" spans="1:12">
      <c r="A25076" s="6" t="s">
        <v>25125</v>
      </c>
      <c r="B25076" s="6"/>
      <c r="C25076" s="6" t="s">
        <v>25126</v>
      </c>
      <c r="D25076" s="6"/>
      <c r="E25076" s="6" t="s">
        <v>18740</v>
      </c>
      <c r="F25076" s="7">
        <v>38657</v>
      </c>
      <c r="G25076" s="8">
        <v>4300473</v>
      </c>
      <c r="H25076" s="8">
        <v>4300473</v>
      </c>
      <c r="I25076" s="8">
        <v>0</v>
      </c>
      <c r="J25076" s="8">
        <v>4300473</v>
      </c>
      <c r="K25076" s="9">
        <v>333.37</v>
      </c>
      <c r="L25076" s="6" t="s">
        <v>10</v>
      </c>
    </row>
    <row r="25077" spans="1:12">
      <c r="A25077" s="6" t="s">
        <v>25127</v>
      </c>
      <c r="B25077" s="6"/>
      <c r="C25077" s="6" t="s">
        <v>25128</v>
      </c>
      <c r="D25077" s="6"/>
      <c r="E25077" s="6" t="s">
        <v>9</v>
      </c>
      <c r="F25077" s="7">
        <v>41221</v>
      </c>
      <c r="G25077" s="8">
        <v>2448648</v>
      </c>
      <c r="H25077" s="8">
        <v>2448648</v>
      </c>
      <c r="I25077" s="8">
        <v>0</v>
      </c>
      <c r="J25077" s="8">
        <v>2448648</v>
      </c>
      <c r="K25077" s="9">
        <v>479</v>
      </c>
      <c r="L25077" s="6" t="s">
        <v>14</v>
      </c>
    </row>
    <row r="25078" spans="1:12">
      <c r="A25078" s="6" t="s">
        <v>25129</v>
      </c>
      <c r="B25078" s="6"/>
      <c r="C25078" s="6" t="s">
        <v>25130</v>
      </c>
      <c r="D25078" s="6"/>
      <c r="E25078" s="6" t="s">
        <v>9</v>
      </c>
      <c r="F25078" s="7">
        <v>41243</v>
      </c>
      <c r="G25078" s="8">
        <v>23947145</v>
      </c>
      <c r="H25078" s="8">
        <v>23947145</v>
      </c>
      <c r="I25078" s="8">
        <v>0</v>
      </c>
      <c r="J25078" s="8">
        <v>23947145</v>
      </c>
      <c r="K25078" s="9">
        <v>1469.15</v>
      </c>
      <c r="L25078" s="6" t="s">
        <v>10</v>
      </c>
    </row>
    <row r="25079" spans="1:12">
      <c r="A25079" s="6" t="s">
        <v>25129</v>
      </c>
      <c r="B25079" s="6"/>
      <c r="C25079" s="6" t="s">
        <v>25131</v>
      </c>
      <c r="D25079" s="6"/>
      <c r="E25079" s="6" t="s">
        <v>9</v>
      </c>
      <c r="F25079" s="7">
        <v>41243</v>
      </c>
      <c r="G25079" s="8">
        <v>10662482</v>
      </c>
      <c r="H25079" s="8">
        <v>10662482</v>
      </c>
      <c r="I25079" s="8">
        <v>0</v>
      </c>
      <c r="J25079" s="8">
        <v>10662482</v>
      </c>
      <c r="K25079" s="9">
        <v>654.14</v>
      </c>
      <c r="L25079" s="6" t="s">
        <v>10</v>
      </c>
    </row>
    <row r="25080" spans="1:12">
      <c r="A25080" s="6" t="s">
        <v>25129</v>
      </c>
      <c r="B25080" s="6"/>
      <c r="C25080" s="6" t="s">
        <v>25132</v>
      </c>
      <c r="D25080" s="6"/>
      <c r="E25080" s="6" t="s">
        <v>9</v>
      </c>
      <c r="F25080" s="7">
        <v>41243</v>
      </c>
      <c r="G25080" s="8">
        <v>11029200</v>
      </c>
      <c r="H25080" s="8">
        <v>11029200</v>
      </c>
      <c r="I25080" s="8">
        <v>0</v>
      </c>
      <c r="J25080" s="8">
        <v>11029200</v>
      </c>
      <c r="K25080" s="9">
        <v>707</v>
      </c>
      <c r="L25080" s="6" t="s">
        <v>10</v>
      </c>
    </row>
    <row r="25081" spans="1:12">
      <c r="A25081" s="6" t="s">
        <v>25129</v>
      </c>
      <c r="B25081" s="6"/>
      <c r="C25081" s="6" t="s">
        <v>25133</v>
      </c>
      <c r="D25081" s="6"/>
      <c r="E25081" s="6" t="s">
        <v>9</v>
      </c>
      <c r="F25081" s="7">
        <v>41243</v>
      </c>
      <c r="G25081" s="8">
        <v>4664400</v>
      </c>
      <c r="H25081" s="8">
        <v>4664400</v>
      </c>
      <c r="I25081" s="8">
        <v>0</v>
      </c>
      <c r="J25081" s="8">
        <v>4664400</v>
      </c>
      <c r="K25081" s="9">
        <v>299</v>
      </c>
      <c r="L25081" s="6" t="s">
        <v>23</v>
      </c>
    </row>
    <row r="25082" spans="1:12">
      <c r="A25082" s="6" t="s">
        <v>25134</v>
      </c>
      <c r="B25082" s="6"/>
      <c r="C25082" s="6" t="s">
        <v>25135</v>
      </c>
      <c r="D25082" s="6"/>
      <c r="E25082" s="6" t="s">
        <v>9</v>
      </c>
      <c r="F25082" s="7">
        <v>41424</v>
      </c>
      <c r="G25082" s="8">
        <v>1840000</v>
      </c>
      <c r="H25082" s="8">
        <v>1840000</v>
      </c>
      <c r="I25082" s="8">
        <v>0</v>
      </c>
      <c r="J25082" s="8">
        <v>1840000</v>
      </c>
      <c r="K25082" s="9">
        <v>200</v>
      </c>
      <c r="L25082" s="6" t="s">
        <v>10</v>
      </c>
    </row>
    <row r="25083" spans="1:12">
      <c r="A25083" s="6" t="s">
        <v>25136</v>
      </c>
      <c r="B25083" s="6"/>
      <c r="C25083" s="6" t="s">
        <v>25137</v>
      </c>
      <c r="D25083" s="6"/>
      <c r="E25083" s="6" t="s">
        <v>18740</v>
      </c>
      <c r="F25083" s="7">
        <v>41424</v>
      </c>
      <c r="G25083" s="8">
        <v>34960000</v>
      </c>
      <c r="H25083" s="8">
        <v>34960000</v>
      </c>
      <c r="I25083" s="8">
        <v>0</v>
      </c>
      <c r="J25083" s="8">
        <v>34960000</v>
      </c>
      <c r="K25083" s="9">
        <v>3800</v>
      </c>
      <c r="L25083" s="6" t="s">
        <v>10</v>
      </c>
    </row>
    <row r="25084" spans="1:12">
      <c r="A25084" s="6" t="s">
        <v>25138</v>
      </c>
      <c r="B25084" s="6"/>
      <c r="C25084" s="6" t="s">
        <v>25139</v>
      </c>
      <c r="D25084" s="6"/>
      <c r="E25084" s="6" t="s">
        <v>18740</v>
      </c>
      <c r="F25084" s="7">
        <v>41450</v>
      </c>
      <c r="G25084" s="8">
        <v>81624</v>
      </c>
      <c r="H25084" s="8">
        <v>81624</v>
      </c>
      <c r="I25084" s="8">
        <v>0</v>
      </c>
      <c r="J25084" s="8">
        <v>81624</v>
      </c>
      <c r="K25084" s="9">
        <v>716</v>
      </c>
      <c r="L25084" s="6" t="s">
        <v>4773</v>
      </c>
    </row>
    <row r="25085" spans="1:12">
      <c r="A25085" s="6" t="s">
        <v>25140</v>
      </c>
      <c r="B25085" s="6"/>
      <c r="C25085" s="6" t="s">
        <v>25141</v>
      </c>
      <c r="D25085" s="6"/>
      <c r="E25085" s="6" t="s">
        <v>9</v>
      </c>
      <c r="F25085" s="7">
        <v>38657</v>
      </c>
      <c r="G25085" s="8">
        <v>3307464</v>
      </c>
      <c r="H25085" s="8">
        <v>3307464</v>
      </c>
      <c r="I25085" s="8">
        <v>0</v>
      </c>
      <c r="J25085" s="8">
        <v>3307464</v>
      </c>
      <c r="K25085" s="9">
        <v>647</v>
      </c>
      <c r="L25085" s="6" t="s">
        <v>23</v>
      </c>
    </row>
    <row r="25086" spans="1:12">
      <c r="A25086" s="6" t="s">
        <v>25142</v>
      </c>
      <c r="B25086" s="6"/>
      <c r="C25086" s="6" t="s">
        <v>25143</v>
      </c>
      <c r="D25086" s="6"/>
      <c r="E25086" s="6" t="s">
        <v>9</v>
      </c>
      <c r="F25086" s="7">
        <v>38657</v>
      </c>
      <c r="G25086" s="8">
        <v>869040</v>
      </c>
      <c r="H25086" s="8">
        <v>869040</v>
      </c>
      <c r="I25086" s="8">
        <v>0</v>
      </c>
      <c r="J25086" s="8">
        <v>869040</v>
      </c>
      <c r="K25086" s="9">
        <v>170</v>
      </c>
      <c r="L25086" s="6" t="s">
        <v>23</v>
      </c>
    </row>
    <row r="25087" spans="1:12">
      <c r="A25087" s="6" t="s">
        <v>25142</v>
      </c>
      <c r="B25087" s="6"/>
      <c r="C25087" s="6" t="s">
        <v>25144</v>
      </c>
      <c r="D25087" s="6"/>
      <c r="E25087" s="6" t="s">
        <v>9</v>
      </c>
      <c r="F25087" s="7">
        <v>38657</v>
      </c>
      <c r="G25087" s="8">
        <v>15673392</v>
      </c>
      <c r="H25087" s="8">
        <v>15673392</v>
      </c>
      <c r="I25087" s="8">
        <v>0</v>
      </c>
      <c r="J25087" s="8">
        <v>15673392</v>
      </c>
      <c r="K25087" s="9">
        <v>3066</v>
      </c>
      <c r="L25087" s="6" t="s">
        <v>23</v>
      </c>
    </row>
    <row r="25088" spans="1:12">
      <c r="A25088" s="6" t="s">
        <v>25142</v>
      </c>
      <c r="B25088" s="6"/>
      <c r="C25088" s="6" t="s">
        <v>25145</v>
      </c>
      <c r="D25088" s="6"/>
      <c r="E25088" s="6" t="s">
        <v>9</v>
      </c>
      <c r="F25088" s="7">
        <v>38657</v>
      </c>
      <c r="G25088" s="8">
        <v>148248</v>
      </c>
      <c r="H25088" s="8">
        <v>148248</v>
      </c>
      <c r="I25088" s="8">
        <v>0</v>
      </c>
      <c r="J25088" s="8">
        <v>148248</v>
      </c>
      <c r="K25088" s="9">
        <v>29</v>
      </c>
      <c r="L25088" s="6" t="s">
        <v>23</v>
      </c>
    </row>
    <row r="25089" spans="1:12">
      <c r="A25089" s="6" t="s">
        <v>25142</v>
      </c>
      <c r="B25089" s="6"/>
      <c r="C25089" s="6" t="s">
        <v>25146</v>
      </c>
      <c r="D25089" s="6"/>
      <c r="E25089" s="6" t="s">
        <v>9</v>
      </c>
      <c r="F25089" s="7">
        <v>38657</v>
      </c>
      <c r="G25089" s="8">
        <v>38554704</v>
      </c>
      <c r="H25089" s="8">
        <v>38554704</v>
      </c>
      <c r="I25089" s="8">
        <v>0</v>
      </c>
      <c r="J25089" s="8">
        <v>38554704</v>
      </c>
      <c r="K25089" s="9">
        <v>7542</v>
      </c>
      <c r="L25089" s="6" t="s">
        <v>23</v>
      </c>
    </row>
    <row r="25090" spans="1:12">
      <c r="A25090" s="6" t="s">
        <v>25142</v>
      </c>
      <c r="B25090" s="6"/>
      <c r="C25090" s="6" t="s">
        <v>25147</v>
      </c>
      <c r="D25090" s="6"/>
      <c r="E25090" s="6" t="s">
        <v>9</v>
      </c>
      <c r="F25090" s="7">
        <v>38657</v>
      </c>
      <c r="G25090" s="8">
        <v>148248</v>
      </c>
      <c r="H25090" s="8">
        <v>148248</v>
      </c>
      <c r="I25090" s="8">
        <v>0</v>
      </c>
      <c r="J25090" s="8">
        <v>148248</v>
      </c>
      <c r="K25090" s="9">
        <v>29</v>
      </c>
      <c r="L25090" s="6" t="s">
        <v>23</v>
      </c>
    </row>
    <row r="25091" spans="1:12">
      <c r="A25091" s="6" t="s">
        <v>25142</v>
      </c>
      <c r="B25091" s="6"/>
      <c r="C25091" s="6" t="s">
        <v>25148</v>
      </c>
      <c r="D25091" s="6"/>
      <c r="E25091" s="6" t="s">
        <v>9</v>
      </c>
      <c r="F25091" s="7">
        <v>38657</v>
      </c>
      <c r="G25091" s="8">
        <v>47337</v>
      </c>
      <c r="H25091" s="8">
        <v>47337</v>
      </c>
      <c r="I25091" s="8">
        <v>0</v>
      </c>
      <c r="J25091" s="8">
        <v>47337</v>
      </c>
      <c r="K25091" s="9">
        <v>9.26</v>
      </c>
      <c r="L25091" s="6" t="s">
        <v>23</v>
      </c>
    </row>
    <row r="25092" spans="1:12">
      <c r="A25092" s="6" t="s">
        <v>25142</v>
      </c>
      <c r="B25092" s="6"/>
      <c r="C25092" s="6" t="s">
        <v>25149</v>
      </c>
      <c r="D25092" s="6"/>
      <c r="E25092" s="6" t="s">
        <v>9</v>
      </c>
      <c r="F25092" s="7">
        <v>38657</v>
      </c>
      <c r="G25092" s="8">
        <v>3675528</v>
      </c>
      <c r="H25092" s="8">
        <v>3675528</v>
      </c>
      <c r="I25092" s="8">
        <v>0</v>
      </c>
      <c r="J25092" s="8">
        <v>3675528</v>
      </c>
      <c r="K25092" s="9">
        <v>719</v>
      </c>
      <c r="L25092" s="6" t="s">
        <v>23</v>
      </c>
    </row>
    <row r="25093" spans="1:12">
      <c r="A25093" s="6" t="s">
        <v>25142</v>
      </c>
      <c r="B25093" s="6"/>
      <c r="C25093" s="6" t="s">
        <v>25150</v>
      </c>
      <c r="D25093" s="6"/>
      <c r="E25093" s="6" t="s">
        <v>9</v>
      </c>
      <c r="F25093" s="7">
        <v>38657</v>
      </c>
      <c r="G25093" s="8">
        <v>1855656</v>
      </c>
      <c r="H25093" s="8">
        <v>1855656</v>
      </c>
      <c r="I25093" s="8">
        <v>0</v>
      </c>
      <c r="J25093" s="8">
        <v>1855656</v>
      </c>
      <c r="K25093" s="9">
        <v>363</v>
      </c>
      <c r="L25093" s="6" t="s">
        <v>23</v>
      </c>
    </row>
    <row r="25094" spans="1:12">
      <c r="A25094" s="6" t="s">
        <v>25142</v>
      </c>
      <c r="B25094" s="6"/>
      <c r="C25094" s="6" t="s">
        <v>25151</v>
      </c>
      <c r="D25094" s="6"/>
      <c r="E25094" s="6" t="s">
        <v>9</v>
      </c>
      <c r="F25094" s="7">
        <v>38657</v>
      </c>
      <c r="G25094" s="8">
        <v>909936</v>
      </c>
      <c r="H25094" s="8">
        <v>909936</v>
      </c>
      <c r="I25094" s="8">
        <v>0</v>
      </c>
      <c r="J25094" s="8">
        <v>909936</v>
      </c>
      <c r="K25094" s="9">
        <v>178</v>
      </c>
      <c r="L25094" s="6" t="s">
        <v>23</v>
      </c>
    </row>
    <row r="25095" spans="1:12">
      <c r="A25095" s="6" t="s">
        <v>25142</v>
      </c>
      <c r="B25095" s="6"/>
      <c r="C25095" s="6" t="s">
        <v>25152</v>
      </c>
      <c r="D25095" s="6"/>
      <c r="E25095" s="6" t="s">
        <v>9</v>
      </c>
      <c r="F25095" s="7">
        <v>38657</v>
      </c>
      <c r="G25095" s="8">
        <v>301608</v>
      </c>
      <c r="H25095" s="8">
        <v>301608</v>
      </c>
      <c r="I25095" s="8">
        <v>0</v>
      </c>
      <c r="J25095" s="8">
        <v>301608</v>
      </c>
      <c r="K25095" s="9">
        <v>59</v>
      </c>
      <c r="L25095" s="6" t="s">
        <v>23</v>
      </c>
    </row>
    <row r="25096" spans="1:12">
      <c r="A25096" s="6" t="s">
        <v>25142</v>
      </c>
      <c r="B25096" s="6"/>
      <c r="C25096" s="6" t="s">
        <v>25153</v>
      </c>
      <c r="D25096" s="6"/>
      <c r="E25096" s="6" t="s">
        <v>9</v>
      </c>
      <c r="F25096" s="7">
        <v>38657</v>
      </c>
      <c r="G25096" s="8">
        <v>4120272</v>
      </c>
      <c r="H25096" s="8">
        <v>4120272</v>
      </c>
      <c r="I25096" s="8">
        <v>0</v>
      </c>
      <c r="J25096" s="8">
        <v>4120272</v>
      </c>
      <c r="K25096" s="9">
        <v>806</v>
      </c>
      <c r="L25096" s="6" t="s">
        <v>23</v>
      </c>
    </row>
    <row r="25097" spans="1:12">
      <c r="A25097" s="6" t="s">
        <v>25142</v>
      </c>
      <c r="B25097" s="6"/>
      <c r="C25097" s="6" t="s">
        <v>25154</v>
      </c>
      <c r="D25097" s="6"/>
      <c r="E25097" s="6" t="s">
        <v>9</v>
      </c>
      <c r="F25097" s="7">
        <v>38657</v>
      </c>
      <c r="G25097" s="8">
        <v>2428200</v>
      </c>
      <c r="H25097" s="8">
        <v>2428200</v>
      </c>
      <c r="I25097" s="8">
        <v>0</v>
      </c>
      <c r="J25097" s="8">
        <v>2428200</v>
      </c>
      <c r="K25097" s="9">
        <v>475</v>
      </c>
      <c r="L25097" s="6" t="s">
        <v>23</v>
      </c>
    </row>
    <row r="25098" spans="1:12">
      <c r="A25098" s="6" t="s">
        <v>25142</v>
      </c>
      <c r="B25098" s="6"/>
      <c r="C25098" s="6" t="s">
        <v>25155</v>
      </c>
      <c r="D25098" s="6"/>
      <c r="E25098" s="6" t="s">
        <v>9</v>
      </c>
      <c r="F25098" s="7">
        <v>38657</v>
      </c>
      <c r="G25098" s="8">
        <v>34301</v>
      </c>
      <c r="H25098" s="8">
        <v>34301</v>
      </c>
      <c r="I25098" s="8">
        <v>0</v>
      </c>
      <c r="J25098" s="8">
        <v>34301</v>
      </c>
      <c r="K25098" s="9">
        <v>6.71</v>
      </c>
      <c r="L25098" s="6" t="s">
        <v>23</v>
      </c>
    </row>
    <row r="25099" spans="1:12">
      <c r="A25099" s="6" t="s">
        <v>25142</v>
      </c>
      <c r="B25099" s="6"/>
      <c r="C25099" s="6" t="s">
        <v>25156</v>
      </c>
      <c r="D25099" s="6"/>
      <c r="E25099" s="6" t="s">
        <v>9</v>
      </c>
      <c r="F25099" s="7">
        <v>38657</v>
      </c>
      <c r="G25099" s="8">
        <v>2377080</v>
      </c>
      <c r="H25099" s="8">
        <v>2377080</v>
      </c>
      <c r="I25099" s="8">
        <v>0</v>
      </c>
      <c r="J25099" s="8">
        <v>2377080</v>
      </c>
      <c r="K25099" s="9">
        <v>465</v>
      </c>
      <c r="L25099" s="6" t="s">
        <v>23</v>
      </c>
    </row>
    <row r="25100" spans="1:12">
      <c r="A25100" s="6" t="s">
        <v>25142</v>
      </c>
      <c r="B25100" s="6"/>
      <c r="C25100" s="6" t="s">
        <v>25157</v>
      </c>
      <c r="D25100" s="6"/>
      <c r="E25100" s="6" t="s">
        <v>9</v>
      </c>
      <c r="F25100" s="7">
        <v>38657</v>
      </c>
      <c r="G25100" s="8">
        <v>2415573</v>
      </c>
      <c r="H25100" s="8">
        <v>2415573</v>
      </c>
      <c r="I25100" s="8">
        <v>0</v>
      </c>
      <c r="J25100" s="8">
        <v>2415573</v>
      </c>
      <c r="K25100" s="9">
        <v>472.53</v>
      </c>
      <c r="L25100" s="6" t="s">
        <v>23</v>
      </c>
    </row>
    <row r="25101" spans="1:12">
      <c r="A25101" s="6" t="s">
        <v>25142</v>
      </c>
      <c r="B25101" s="6"/>
      <c r="C25101" s="6" t="s">
        <v>25158</v>
      </c>
      <c r="D25101" s="6"/>
      <c r="E25101" s="6" t="s">
        <v>9</v>
      </c>
      <c r="F25101" s="7">
        <v>38657</v>
      </c>
      <c r="G25101" s="8">
        <v>577656</v>
      </c>
      <c r="H25101" s="8">
        <v>577656</v>
      </c>
      <c r="I25101" s="8">
        <v>0</v>
      </c>
      <c r="J25101" s="8">
        <v>577656</v>
      </c>
      <c r="K25101" s="9">
        <v>113</v>
      </c>
      <c r="L25101" s="6" t="s">
        <v>23</v>
      </c>
    </row>
    <row r="25102" spans="1:12">
      <c r="A25102" s="6" t="s">
        <v>25142</v>
      </c>
      <c r="B25102" s="6"/>
      <c r="C25102" s="6" t="s">
        <v>25159</v>
      </c>
      <c r="D25102" s="6"/>
      <c r="E25102" s="6" t="s">
        <v>9</v>
      </c>
      <c r="F25102" s="7">
        <v>38657</v>
      </c>
      <c r="G25102" s="8">
        <v>209592</v>
      </c>
      <c r="H25102" s="8">
        <v>209592</v>
      </c>
      <c r="I25102" s="8">
        <v>0</v>
      </c>
      <c r="J25102" s="8">
        <v>209592</v>
      </c>
      <c r="K25102" s="9">
        <v>41</v>
      </c>
      <c r="L25102" s="6" t="s">
        <v>23</v>
      </c>
    </row>
    <row r="25103" spans="1:12">
      <c r="A25103" s="6" t="s">
        <v>25142</v>
      </c>
      <c r="B25103" s="6"/>
      <c r="C25103" s="6" t="s">
        <v>25160</v>
      </c>
      <c r="D25103" s="6"/>
      <c r="E25103" s="6" t="s">
        <v>9</v>
      </c>
      <c r="F25103" s="7">
        <v>38657</v>
      </c>
      <c r="G25103" s="8">
        <v>446891</v>
      </c>
      <c r="H25103" s="8">
        <v>446891</v>
      </c>
      <c r="I25103" s="8">
        <v>0</v>
      </c>
      <c r="J25103" s="8">
        <v>446891</v>
      </c>
      <c r="K25103" s="9">
        <v>87.42</v>
      </c>
      <c r="L25103" s="6" t="s">
        <v>23</v>
      </c>
    </row>
    <row r="25104" spans="1:12">
      <c r="A25104" s="6" t="s">
        <v>25142</v>
      </c>
      <c r="B25104" s="6"/>
      <c r="C25104" s="6" t="s">
        <v>25161</v>
      </c>
      <c r="D25104" s="6"/>
      <c r="E25104" s="6" t="s">
        <v>9</v>
      </c>
      <c r="F25104" s="7">
        <v>38657</v>
      </c>
      <c r="G25104" s="8">
        <v>40180</v>
      </c>
      <c r="H25104" s="8">
        <v>40180</v>
      </c>
      <c r="I25104" s="8">
        <v>0</v>
      </c>
      <c r="J25104" s="8">
        <v>40180</v>
      </c>
      <c r="K25104" s="9">
        <v>7.86</v>
      </c>
      <c r="L25104" s="6" t="s">
        <v>23</v>
      </c>
    </row>
    <row r="25105" spans="1:12">
      <c r="A25105" s="6" t="s">
        <v>25142</v>
      </c>
      <c r="B25105" s="6"/>
      <c r="C25105" s="6" t="s">
        <v>25162</v>
      </c>
      <c r="D25105" s="6"/>
      <c r="E25105" s="6" t="s">
        <v>9</v>
      </c>
      <c r="F25105" s="7">
        <v>38657</v>
      </c>
      <c r="G25105" s="8">
        <v>224928</v>
      </c>
      <c r="H25105" s="8">
        <v>224928</v>
      </c>
      <c r="I25105" s="8">
        <v>0</v>
      </c>
      <c r="J25105" s="8">
        <v>224928</v>
      </c>
      <c r="K25105" s="9">
        <v>44</v>
      </c>
      <c r="L25105" s="6" t="s">
        <v>23</v>
      </c>
    </row>
    <row r="25106" spans="1:12">
      <c r="A25106" s="6" t="s">
        <v>25142</v>
      </c>
      <c r="B25106" s="6"/>
      <c r="C25106" s="6" t="s">
        <v>25163</v>
      </c>
      <c r="D25106" s="6"/>
      <c r="E25106" s="6" t="s">
        <v>9</v>
      </c>
      <c r="F25106" s="7">
        <v>38657</v>
      </c>
      <c r="G25106" s="8">
        <v>20396</v>
      </c>
      <c r="H25106" s="8">
        <v>20396</v>
      </c>
      <c r="I25106" s="8">
        <v>0</v>
      </c>
      <c r="J25106" s="8">
        <v>20396</v>
      </c>
      <c r="K25106" s="9">
        <v>3.99</v>
      </c>
      <c r="L25106" s="6" t="s">
        <v>23</v>
      </c>
    </row>
    <row r="25107" spans="1:12">
      <c r="A25107" s="6" t="s">
        <v>25142</v>
      </c>
      <c r="B25107" s="6"/>
      <c r="C25107" s="6" t="s">
        <v>25164</v>
      </c>
      <c r="D25107" s="6"/>
      <c r="E25107" s="6" t="s">
        <v>9</v>
      </c>
      <c r="F25107" s="7">
        <v>38657</v>
      </c>
      <c r="G25107" s="8">
        <v>1303560</v>
      </c>
      <c r="H25107" s="8">
        <v>1303560</v>
      </c>
      <c r="I25107" s="8">
        <v>0</v>
      </c>
      <c r="J25107" s="8">
        <v>1303560</v>
      </c>
      <c r="K25107" s="9">
        <v>255</v>
      </c>
      <c r="L25107" s="6" t="s">
        <v>23</v>
      </c>
    </row>
    <row r="25108" spans="1:12">
      <c r="A25108" s="6" t="s">
        <v>25142</v>
      </c>
      <c r="B25108" s="6"/>
      <c r="C25108" s="6" t="s">
        <v>25165</v>
      </c>
      <c r="D25108" s="6"/>
      <c r="E25108" s="6" t="s">
        <v>9</v>
      </c>
      <c r="F25108" s="7">
        <v>38657</v>
      </c>
      <c r="G25108" s="8">
        <v>889488</v>
      </c>
      <c r="H25108" s="8">
        <v>889488</v>
      </c>
      <c r="I25108" s="8">
        <v>0</v>
      </c>
      <c r="J25108" s="8">
        <v>889488</v>
      </c>
      <c r="K25108" s="9">
        <v>174</v>
      </c>
      <c r="L25108" s="6" t="s">
        <v>23</v>
      </c>
    </row>
    <row r="25109" spans="1:12">
      <c r="A25109" s="6" t="s">
        <v>25142</v>
      </c>
      <c r="B25109" s="6"/>
      <c r="C25109" s="6" t="s">
        <v>25166</v>
      </c>
      <c r="D25109" s="6"/>
      <c r="E25109" s="6" t="s">
        <v>9</v>
      </c>
      <c r="F25109" s="7">
        <v>38657</v>
      </c>
      <c r="G25109" s="8">
        <v>751464</v>
      </c>
      <c r="H25109" s="8">
        <v>751464</v>
      </c>
      <c r="I25109" s="8">
        <v>0</v>
      </c>
      <c r="J25109" s="8">
        <v>751464</v>
      </c>
      <c r="K25109" s="9">
        <v>147</v>
      </c>
      <c r="L25109" s="6" t="s">
        <v>23</v>
      </c>
    </row>
    <row r="25110" spans="1:12">
      <c r="A25110" s="6" t="s">
        <v>25142</v>
      </c>
      <c r="B25110" s="6"/>
      <c r="C25110" s="6" t="s">
        <v>25167</v>
      </c>
      <c r="D25110" s="6"/>
      <c r="E25110" s="6" t="s">
        <v>9</v>
      </c>
      <c r="F25110" s="7">
        <v>38657</v>
      </c>
      <c r="G25110" s="8">
        <v>3214016</v>
      </c>
      <c r="H25110" s="8">
        <v>3214016</v>
      </c>
      <c r="I25110" s="8">
        <v>0</v>
      </c>
      <c r="J25110" s="8">
        <v>3214016</v>
      </c>
      <c r="K25110" s="9">
        <v>628.72</v>
      </c>
      <c r="L25110" s="6" t="s">
        <v>23</v>
      </c>
    </row>
    <row r="25111" spans="1:12">
      <c r="A25111" s="6" t="s">
        <v>25142</v>
      </c>
      <c r="B25111" s="6"/>
      <c r="C25111" s="6" t="s">
        <v>25168</v>
      </c>
      <c r="D25111" s="6"/>
      <c r="E25111" s="6" t="s">
        <v>9</v>
      </c>
      <c r="F25111" s="7">
        <v>38657</v>
      </c>
      <c r="G25111" s="8">
        <v>2315736</v>
      </c>
      <c r="H25111" s="8">
        <v>2315736</v>
      </c>
      <c r="I25111" s="8">
        <v>0</v>
      </c>
      <c r="J25111" s="8">
        <v>2315736</v>
      </c>
      <c r="K25111" s="9">
        <v>453</v>
      </c>
      <c r="L25111" s="6" t="s">
        <v>23</v>
      </c>
    </row>
    <row r="25112" spans="1:12">
      <c r="A25112" s="6" t="s">
        <v>25142</v>
      </c>
      <c r="B25112" s="6"/>
      <c r="C25112" s="6" t="s">
        <v>25169</v>
      </c>
      <c r="D25112" s="6"/>
      <c r="E25112" s="6" t="s">
        <v>9</v>
      </c>
      <c r="F25112" s="7">
        <v>38657</v>
      </c>
      <c r="G25112" s="8">
        <v>1942560</v>
      </c>
      <c r="H25112" s="8">
        <v>1942560</v>
      </c>
      <c r="I25112" s="8">
        <v>0</v>
      </c>
      <c r="J25112" s="8">
        <v>1942560</v>
      </c>
      <c r="K25112" s="9">
        <v>380</v>
      </c>
      <c r="L25112" s="6" t="s">
        <v>23</v>
      </c>
    </row>
    <row r="25113" spans="1:12">
      <c r="A25113" s="6" t="s">
        <v>25142</v>
      </c>
      <c r="B25113" s="6"/>
      <c r="C25113" s="6" t="s">
        <v>25170</v>
      </c>
      <c r="D25113" s="6"/>
      <c r="E25113" s="6" t="s">
        <v>9</v>
      </c>
      <c r="F25113" s="7">
        <v>38657</v>
      </c>
      <c r="G25113" s="8">
        <v>235152</v>
      </c>
      <c r="H25113" s="8">
        <v>235152</v>
      </c>
      <c r="I25113" s="8">
        <v>0</v>
      </c>
      <c r="J25113" s="8">
        <v>235152</v>
      </c>
      <c r="K25113" s="9">
        <v>46</v>
      </c>
      <c r="L25113" s="6" t="s">
        <v>23</v>
      </c>
    </row>
    <row r="25114" spans="1:12">
      <c r="A25114" s="6" t="s">
        <v>25142</v>
      </c>
      <c r="B25114" s="6"/>
      <c r="C25114" s="6" t="s">
        <v>25171</v>
      </c>
      <c r="D25114" s="6"/>
      <c r="E25114" s="6" t="s">
        <v>9</v>
      </c>
      <c r="F25114" s="7">
        <v>38657</v>
      </c>
      <c r="G25114" s="8">
        <v>2463984</v>
      </c>
      <c r="H25114" s="8">
        <v>2463984</v>
      </c>
      <c r="I25114" s="8">
        <v>0</v>
      </c>
      <c r="J25114" s="8">
        <v>2463984</v>
      </c>
      <c r="K25114" s="9">
        <v>482</v>
      </c>
      <c r="L25114" s="6" t="s">
        <v>23</v>
      </c>
    </row>
    <row r="25115" spans="1:12">
      <c r="A25115" s="6" t="s">
        <v>25142</v>
      </c>
      <c r="B25115" s="6"/>
      <c r="C25115" s="6" t="s">
        <v>25172</v>
      </c>
      <c r="D25115" s="6"/>
      <c r="E25115" s="6" t="s">
        <v>9</v>
      </c>
      <c r="F25115" s="7">
        <v>38657</v>
      </c>
      <c r="G25115" s="8">
        <v>679896</v>
      </c>
      <c r="H25115" s="8">
        <v>679896</v>
      </c>
      <c r="I25115" s="8">
        <v>0</v>
      </c>
      <c r="J25115" s="8">
        <v>679896</v>
      </c>
      <c r="K25115" s="9">
        <v>133</v>
      </c>
      <c r="L25115" s="6" t="s">
        <v>23</v>
      </c>
    </row>
    <row r="25116" spans="1:12">
      <c r="A25116" s="6" t="s">
        <v>25142</v>
      </c>
      <c r="B25116" s="6"/>
      <c r="C25116" s="6" t="s">
        <v>25173</v>
      </c>
      <c r="D25116" s="6"/>
      <c r="E25116" s="6" t="s">
        <v>9</v>
      </c>
      <c r="F25116" s="7">
        <v>38657</v>
      </c>
      <c r="G25116" s="8">
        <v>449856</v>
      </c>
      <c r="H25116" s="8">
        <v>449856</v>
      </c>
      <c r="I25116" s="8">
        <v>0</v>
      </c>
      <c r="J25116" s="8">
        <v>449856</v>
      </c>
      <c r="K25116" s="9">
        <v>88</v>
      </c>
      <c r="L25116" s="6" t="s">
        <v>23</v>
      </c>
    </row>
    <row r="25117" spans="1:12">
      <c r="A25117" s="6" t="s">
        <v>25142</v>
      </c>
      <c r="B25117" s="6"/>
      <c r="C25117" s="6" t="s">
        <v>25174</v>
      </c>
      <c r="D25117" s="6"/>
      <c r="E25117" s="6" t="s">
        <v>9</v>
      </c>
      <c r="F25117" s="7">
        <v>38657</v>
      </c>
      <c r="G25117" s="8">
        <v>235152</v>
      </c>
      <c r="H25117" s="8">
        <v>235152</v>
      </c>
      <c r="I25117" s="8">
        <v>0</v>
      </c>
      <c r="J25117" s="8">
        <v>235152</v>
      </c>
      <c r="K25117" s="9">
        <v>46</v>
      </c>
      <c r="L25117" s="6" t="s">
        <v>23</v>
      </c>
    </row>
    <row r="25118" spans="1:12">
      <c r="A25118" s="6" t="s">
        <v>25142</v>
      </c>
      <c r="B25118" s="6"/>
      <c r="C25118" s="6" t="s">
        <v>25175</v>
      </c>
      <c r="D25118" s="6"/>
      <c r="E25118" s="6" t="s">
        <v>9</v>
      </c>
      <c r="F25118" s="7">
        <v>38657</v>
      </c>
      <c r="G25118" s="8">
        <v>2239056</v>
      </c>
      <c r="H25118" s="8">
        <v>2239056</v>
      </c>
      <c r="I25118" s="8">
        <v>0</v>
      </c>
      <c r="J25118" s="8">
        <v>2239056</v>
      </c>
      <c r="K25118" s="9">
        <v>438</v>
      </c>
      <c r="L25118" s="6" t="s">
        <v>23</v>
      </c>
    </row>
    <row r="25119" spans="1:12">
      <c r="A25119" s="6" t="s">
        <v>25142</v>
      </c>
      <c r="B25119" s="6"/>
      <c r="C25119" s="6" t="s">
        <v>25176</v>
      </c>
      <c r="D25119" s="6"/>
      <c r="E25119" s="6" t="s">
        <v>9</v>
      </c>
      <c r="F25119" s="7">
        <v>38657</v>
      </c>
      <c r="G25119" s="8">
        <v>1099080</v>
      </c>
      <c r="H25119" s="8">
        <v>1099080</v>
      </c>
      <c r="I25119" s="8">
        <v>0</v>
      </c>
      <c r="J25119" s="8">
        <v>1099080</v>
      </c>
      <c r="K25119" s="9">
        <v>215</v>
      </c>
      <c r="L25119" s="6" t="s">
        <v>23</v>
      </c>
    </row>
    <row r="25120" spans="1:12">
      <c r="A25120" s="6" t="s">
        <v>25142</v>
      </c>
      <c r="B25120" s="6"/>
      <c r="C25120" s="6" t="s">
        <v>25177</v>
      </c>
      <c r="D25120" s="6"/>
      <c r="E25120" s="6" t="s">
        <v>9</v>
      </c>
      <c r="F25120" s="7">
        <v>38657</v>
      </c>
      <c r="G25120" s="8">
        <v>209592</v>
      </c>
      <c r="H25120" s="8">
        <v>209592</v>
      </c>
      <c r="I25120" s="8">
        <v>0</v>
      </c>
      <c r="J25120" s="8">
        <v>209592</v>
      </c>
      <c r="K25120" s="9">
        <v>41</v>
      </c>
      <c r="L25120" s="6" t="s">
        <v>23</v>
      </c>
    </row>
    <row r="25121" spans="1:12">
      <c r="A25121" s="6" t="s">
        <v>25142</v>
      </c>
      <c r="B25121" s="6"/>
      <c r="C25121" s="6" t="s">
        <v>25178</v>
      </c>
      <c r="D25121" s="6"/>
      <c r="E25121" s="6" t="s">
        <v>9</v>
      </c>
      <c r="F25121" s="7">
        <v>38657</v>
      </c>
      <c r="G25121" s="8">
        <v>184032</v>
      </c>
      <c r="H25121" s="8">
        <v>184032</v>
      </c>
      <c r="I25121" s="8">
        <v>0</v>
      </c>
      <c r="J25121" s="8">
        <v>184032</v>
      </c>
      <c r="K25121" s="9">
        <v>36</v>
      </c>
      <c r="L25121" s="6" t="s">
        <v>23</v>
      </c>
    </row>
    <row r="25122" spans="1:12">
      <c r="A25122" s="6" t="s">
        <v>25142</v>
      </c>
      <c r="B25122" s="6"/>
      <c r="C25122" s="6" t="s">
        <v>25179</v>
      </c>
      <c r="D25122" s="6"/>
      <c r="E25122" s="6" t="s">
        <v>9</v>
      </c>
      <c r="F25122" s="7">
        <v>38657</v>
      </c>
      <c r="G25122" s="8">
        <v>3261456</v>
      </c>
      <c r="H25122" s="8">
        <v>3261456</v>
      </c>
      <c r="I25122" s="8">
        <v>0</v>
      </c>
      <c r="J25122" s="8">
        <v>3261456</v>
      </c>
      <c r="K25122" s="9">
        <v>638</v>
      </c>
      <c r="L25122" s="6" t="s">
        <v>23</v>
      </c>
    </row>
    <row r="25123" spans="1:12">
      <c r="A25123" s="6" t="s">
        <v>25142</v>
      </c>
      <c r="B25123" s="6"/>
      <c r="C25123" s="6" t="s">
        <v>25180</v>
      </c>
      <c r="D25123" s="6"/>
      <c r="E25123" s="6" t="s">
        <v>9</v>
      </c>
      <c r="F25123" s="7">
        <v>38657</v>
      </c>
      <c r="G25123" s="8">
        <v>1528488</v>
      </c>
      <c r="H25123" s="8">
        <v>1528488</v>
      </c>
      <c r="I25123" s="8">
        <v>0</v>
      </c>
      <c r="J25123" s="8">
        <v>1528488</v>
      </c>
      <c r="K25123" s="9">
        <v>299</v>
      </c>
      <c r="L25123" s="6" t="s">
        <v>23</v>
      </c>
    </row>
    <row r="25124" spans="1:12">
      <c r="A25124" s="6" t="s">
        <v>25142</v>
      </c>
      <c r="B25124" s="6"/>
      <c r="C25124" s="6" t="s">
        <v>25181</v>
      </c>
      <c r="D25124" s="6"/>
      <c r="E25124" s="6" t="s">
        <v>9</v>
      </c>
      <c r="F25124" s="7">
        <v>38657</v>
      </c>
      <c r="G25124" s="8">
        <v>322056</v>
      </c>
      <c r="H25124" s="8">
        <v>322056</v>
      </c>
      <c r="I25124" s="8">
        <v>0</v>
      </c>
      <c r="J25124" s="8">
        <v>322056</v>
      </c>
      <c r="K25124" s="9">
        <v>63</v>
      </c>
      <c r="L25124" s="6" t="s">
        <v>23</v>
      </c>
    </row>
    <row r="25125" spans="1:12">
      <c r="A25125" s="6" t="s">
        <v>25142</v>
      </c>
      <c r="B25125" s="6"/>
      <c r="C25125" s="6" t="s">
        <v>25182</v>
      </c>
      <c r="D25125" s="6"/>
      <c r="E25125" s="6" t="s">
        <v>9</v>
      </c>
      <c r="F25125" s="7">
        <v>38657</v>
      </c>
      <c r="G25125" s="8">
        <v>66456</v>
      </c>
      <c r="H25125" s="8">
        <v>66456</v>
      </c>
      <c r="I25125" s="8">
        <v>0</v>
      </c>
      <c r="J25125" s="8">
        <v>66456</v>
      </c>
      <c r="K25125" s="9">
        <v>13</v>
      </c>
      <c r="L25125" s="6" t="s">
        <v>23</v>
      </c>
    </row>
    <row r="25126" spans="1:12">
      <c r="A25126" s="6" t="s">
        <v>25142</v>
      </c>
      <c r="B25126" s="6"/>
      <c r="C25126" s="6" t="s">
        <v>25183</v>
      </c>
      <c r="D25126" s="6"/>
      <c r="E25126" s="6" t="s">
        <v>9</v>
      </c>
      <c r="F25126" s="7">
        <v>38657</v>
      </c>
      <c r="G25126" s="8">
        <v>373176</v>
      </c>
      <c r="H25126" s="8">
        <v>373176</v>
      </c>
      <c r="I25126" s="8">
        <v>0</v>
      </c>
      <c r="J25126" s="8">
        <v>373176</v>
      </c>
      <c r="K25126" s="9">
        <v>73</v>
      </c>
      <c r="L25126" s="6" t="s">
        <v>23</v>
      </c>
    </row>
    <row r="25127" spans="1:12">
      <c r="A25127" s="6" t="s">
        <v>25142</v>
      </c>
      <c r="B25127" s="6"/>
      <c r="C25127" s="6" t="s">
        <v>25184</v>
      </c>
      <c r="D25127" s="6"/>
      <c r="E25127" s="6" t="s">
        <v>9</v>
      </c>
      <c r="F25127" s="7">
        <v>38657</v>
      </c>
      <c r="G25127" s="8">
        <v>115224</v>
      </c>
      <c r="H25127" s="8">
        <v>115224</v>
      </c>
      <c r="I25127" s="8">
        <v>0</v>
      </c>
      <c r="J25127" s="8">
        <v>115224</v>
      </c>
      <c r="K25127" s="9">
        <v>22.54</v>
      </c>
      <c r="L25127" s="6" t="s">
        <v>23</v>
      </c>
    </row>
    <row r="25128" spans="1:12">
      <c r="A25128" s="6" t="s">
        <v>25142</v>
      </c>
      <c r="B25128" s="6"/>
      <c r="C25128" s="6" t="s">
        <v>25185</v>
      </c>
      <c r="D25128" s="6"/>
      <c r="E25128" s="6" t="s">
        <v>9</v>
      </c>
      <c r="F25128" s="7">
        <v>38657</v>
      </c>
      <c r="G25128" s="8">
        <v>92016</v>
      </c>
      <c r="H25128" s="8">
        <v>92016</v>
      </c>
      <c r="I25128" s="8">
        <v>0</v>
      </c>
      <c r="J25128" s="8">
        <v>92016</v>
      </c>
      <c r="K25128" s="9">
        <v>18</v>
      </c>
      <c r="L25128" s="6" t="s">
        <v>23</v>
      </c>
    </row>
    <row r="25129" spans="1:12">
      <c r="A25129" s="6" t="s">
        <v>25142</v>
      </c>
      <c r="B25129" s="6"/>
      <c r="C25129" s="6" t="s">
        <v>25186</v>
      </c>
      <c r="D25129" s="6"/>
      <c r="E25129" s="6" t="s">
        <v>9</v>
      </c>
      <c r="F25129" s="7">
        <v>38657</v>
      </c>
      <c r="G25129" s="8">
        <v>199368</v>
      </c>
      <c r="H25129" s="8">
        <v>199368</v>
      </c>
      <c r="I25129" s="8">
        <v>0</v>
      </c>
      <c r="J25129" s="8">
        <v>199368</v>
      </c>
      <c r="K25129" s="9">
        <v>39</v>
      </c>
      <c r="L25129" s="6" t="s">
        <v>23</v>
      </c>
    </row>
    <row r="25130" spans="1:12">
      <c r="A25130" s="6" t="s">
        <v>25142</v>
      </c>
      <c r="B25130" s="6"/>
      <c r="C25130" s="6" t="s">
        <v>25187</v>
      </c>
      <c r="D25130" s="6"/>
      <c r="E25130" s="6" t="s">
        <v>9</v>
      </c>
      <c r="F25130" s="7">
        <v>38657</v>
      </c>
      <c r="G25130" s="8">
        <v>705456</v>
      </c>
      <c r="H25130" s="8">
        <v>705456</v>
      </c>
      <c r="I25130" s="8">
        <v>0</v>
      </c>
      <c r="J25130" s="8">
        <v>705456</v>
      </c>
      <c r="K25130" s="9">
        <v>138</v>
      </c>
      <c r="L25130" s="6" t="s">
        <v>23</v>
      </c>
    </row>
    <row r="25131" spans="1:12">
      <c r="A25131" s="6" t="s">
        <v>25142</v>
      </c>
      <c r="B25131" s="6"/>
      <c r="C25131" s="6" t="s">
        <v>25188</v>
      </c>
      <c r="D25131" s="6"/>
      <c r="E25131" s="6" t="s">
        <v>9</v>
      </c>
      <c r="F25131" s="7">
        <v>38657</v>
      </c>
      <c r="G25131" s="8">
        <v>378288</v>
      </c>
      <c r="H25131" s="8">
        <v>378288</v>
      </c>
      <c r="I25131" s="8">
        <v>0</v>
      </c>
      <c r="J25131" s="8">
        <v>378288</v>
      </c>
      <c r="K25131" s="9">
        <v>74</v>
      </c>
      <c r="L25131" s="6" t="s">
        <v>23</v>
      </c>
    </row>
    <row r="25132" spans="1:12">
      <c r="A25132" s="6" t="s">
        <v>25142</v>
      </c>
      <c r="B25132" s="6"/>
      <c r="C25132" s="6" t="s">
        <v>25189</v>
      </c>
      <c r="D25132" s="6"/>
      <c r="E25132" s="6" t="s">
        <v>9</v>
      </c>
      <c r="F25132" s="7">
        <v>38657</v>
      </c>
      <c r="G25132" s="8">
        <v>24077</v>
      </c>
      <c r="H25132" s="8">
        <v>24077</v>
      </c>
      <c r="I25132" s="8">
        <v>0</v>
      </c>
      <c r="J25132" s="8">
        <v>24077</v>
      </c>
      <c r="K25132" s="9">
        <v>4.71</v>
      </c>
      <c r="L25132" s="6" t="s">
        <v>23</v>
      </c>
    </row>
    <row r="25133" spans="1:12">
      <c r="A25133" s="6" t="s">
        <v>25142</v>
      </c>
      <c r="B25133" s="6"/>
      <c r="C25133" s="6" t="s">
        <v>25190</v>
      </c>
      <c r="D25133" s="6"/>
      <c r="E25133" s="6" t="s">
        <v>9</v>
      </c>
      <c r="F25133" s="7">
        <v>38657</v>
      </c>
      <c r="G25133" s="8">
        <v>173808</v>
      </c>
      <c r="H25133" s="8">
        <v>173808</v>
      </c>
      <c r="I25133" s="8">
        <v>0</v>
      </c>
      <c r="J25133" s="8">
        <v>173808</v>
      </c>
      <c r="K25133" s="9">
        <v>34</v>
      </c>
      <c r="L25133" s="6" t="s">
        <v>23</v>
      </c>
    </row>
    <row r="25134" spans="1:12">
      <c r="A25134" s="6" t="s">
        <v>25142</v>
      </c>
      <c r="B25134" s="6"/>
      <c r="C25134" s="6" t="s">
        <v>25191</v>
      </c>
      <c r="D25134" s="6"/>
      <c r="E25134" s="6" t="s">
        <v>9</v>
      </c>
      <c r="F25134" s="7">
        <v>38657</v>
      </c>
      <c r="G25134" s="8">
        <v>219816</v>
      </c>
      <c r="H25134" s="8">
        <v>219816</v>
      </c>
      <c r="I25134" s="8">
        <v>0</v>
      </c>
      <c r="J25134" s="8">
        <v>219816</v>
      </c>
      <c r="K25134" s="9">
        <v>43</v>
      </c>
      <c r="L25134" s="6" t="s">
        <v>23</v>
      </c>
    </row>
    <row r="25135" spans="1:12">
      <c r="A25135" s="6" t="s">
        <v>25142</v>
      </c>
      <c r="B25135" s="6"/>
      <c r="C25135" s="6" t="s">
        <v>25192</v>
      </c>
      <c r="D25135" s="6"/>
      <c r="E25135" s="6" t="s">
        <v>9</v>
      </c>
      <c r="F25135" s="7">
        <v>38657</v>
      </c>
      <c r="G25135" s="8">
        <v>354926</v>
      </c>
      <c r="H25135" s="8">
        <v>354926</v>
      </c>
      <c r="I25135" s="8">
        <v>0</v>
      </c>
      <c r="J25135" s="8">
        <v>354926</v>
      </c>
      <c r="K25135" s="9">
        <v>69.430000000000007</v>
      </c>
      <c r="L25135" s="6" t="s">
        <v>23</v>
      </c>
    </row>
    <row r="25136" spans="1:12">
      <c r="A25136" s="6" t="s">
        <v>25142</v>
      </c>
      <c r="B25136" s="6"/>
      <c r="C25136" s="6" t="s">
        <v>25193</v>
      </c>
      <c r="D25136" s="6"/>
      <c r="E25136" s="6" t="s">
        <v>9</v>
      </c>
      <c r="F25136" s="7">
        <v>38657</v>
      </c>
      <c r="G25136" s="8">
        <v>419184</v>
      </c>
      <c r="H25136" s="8">
        <v>419184</v>
      </c>
      <c r="I25136" s="8">
        <v>0</v>
      </c>
      <c r="J25136" s="8">
        <v>419184</v>
      </c>
      <c r="K25136" s="9">
        <v>82</v>
      </c>
      <c r="L25136" s="6" t="s">
        <v>23</v>
      </c>
    </row>
    <row r="25137" spans="1:12">
      <c r="A25137" s="6" t="s">
        <v>25142</v>
      </c>
      <c r="B25137" s="6"/>
      <c r="C25137" s="6" t="s">
        <v>25194</v>
      </c>
      <c r="D25137" s="6"/>
      <c r="E25137" s="6" t="s">
        <v>9</v>
      </c>
      <c r="F25137" s="7">
        <v>38657</v>
      </c>
      <c r="G25137" s="8">
        <v>357840</v>
      </c>
      <c r="H25137" s="8">
        <v>357840</v>
      </c>
      <c r="I25137" s="8">
        <v>0</v>
      </c>
      <c r="J25137" s="8">
        <v>357840</v>
      </c>
      <c r="K25137" s="9">
        <v>70</v>
      </c>
      <c r="L25137" s="6" t="s">
        <v>23</v>
      </c>
    </row>
    <row r="25138" spans="1:12">
      <c r="A25138" s="6" t="s">
        <v>25142</v>
      </c>
      <c r="B25138" s="6"/>
      <c r="C25138" s="6" t="s">
        <v>25195</v>
      </c>
      <c r="D25138" s="6"/>
      <c r="E25138" s="6" t="s">
        <v>9</v>
      </c>
      <c r="F25138" s="7">
        <v>38657</v>
      </c>
      <c r="G25138" s="8">
        <v>44576</v>
      </c>
      <c r="H25138" s="8">
        <v>44576</v>
      </c>
      <c r="I25138" s="8">
        <v>0</v>
      </c>
      <c r="J25138" s="8">
        <v>44576</v>
      </c>
      <c r="K25138" s="9">
        <v>8.7200000000000006</v>
      </c>
      <c r="L25138" s="6" t="s">
        <v>23</v>
      </c>
    </row>
    <row r="25139" spans="1:12">
      <c r="A25139" s="6" t="s">
        <v>25142</v>
      </c>
      <c r="B25139" s="6"/>
      <c r="C25139" s="6" t="s">
        <v>25196</v>
      </c>
      <c r="D25139" s="6"/>
      <c r="E25139" s="6" t="s">
        <v>9</v>
      </c>
      <c r="F25139" s="7">
        <v>38657</v>
      </c>
      <c r="G25139" s="8">
        <v>286169</v>
      </c>
      <c r="H25139" s="8">
        <v>286169</v>
      </c>
      <c r="I25139" s="8">
        <v>0</v>
      </c>
      <c r="J25139" s="8">
        <v>286169</v>
      </c>
      <c r="K25139" s="9">
        <v>55.98</v>
      </c>
      <c r="L25139" s="6" t="s">
        <v>23</v>
      </c>
    </row>
    <row r="25140" spans="1:12">
      <c r="A25140" s="6" t="s">
        <v>25142</v>
      </c>
      <c r="B25140" s="6"/>
      <c r="C25140" s="6" t="s">
        <v>25197</v>
      </c>
      <c r="D25140" s="6"/>
      <c r="E25140" s="6" t="s">
        <v>9</v>
      </c>
      <c r="F25140" s="7">
        <v>38657</v>
      </c>
      <c r="G25140" s="8">
        <v>122688</v>
      </c>
      <c r="H25140" s="8">
        <v>122688</v>
      </c>
      <c r="I25140" s="8">
        <v>0</v>
      </c>
      <c r="J25140" s="8">
        <v>122688</v>
      </c>
      <c r="K25140" s="9">
        <v>24</v>
      </c>
      <c r="L25140" s="6" t="s">
        <v>23</v>
      </c>
    </row>
    <row r="25141" spans="1:12">
      <c r="A25141" s="6" t="s">
        <v>25142</v>
      </c>
      <c r="B25141" s="6"/>
      <c r="C25141" s="6" t="s">
        <v>25198</v>
      </c>
      <c r="D25141" s="6"/>
      <c r="E25141" s="6" t="s">
        <v>9</v>
      </c>
      <c r="F25141" s="7">
        <v>38657</v>
      </c>
      <c r="G25141" s="8">
        <v>1508040</v>
      </c>
      <c r="H25141" s="8">
        <v>1508040</v>
      </c>
      <c r="I25141" s="8">
        <v>0</v>
      </c>
      <c r="J25141" s="8">
        <v>1508040</v>
      </c>
      <c r="K25141" s="9">
        <v>295</v>
      </c>
      <c r="L25141" s="6" t="s">
        <v>23</v>
      </c>
    </row>
    <row r="25142" spans="1:12">
      <c r="A25142" s="6" t="s">
        <v>25142</v>
      </c>
      <c r="B25142" s="6"/>
      <c r="C25142" s="6" t="s">
        <v>25199</v>
      </c>
      <c r="D25142" s="6"/>
      <c r="E25142" s="6" t="s">
        <v>9</v>
      </c>
      <c r="F25142" s="7">
        <v>38657</v>
      </c>
      <c r="G25142" s="8">
        <v>177948</v>
      </c>
      <c r="H25142" s="8">
        <v>177948</v>
      </c>
      <c r="I25142" s="8">
        <v>0</v>
      </c>
      <c r="J25142" s="8">
        <v>177948</v>
      </c>
      <c r="K25142" s="9">
        <v>34.81</v>
      </c>
      <c r="L25142" s="6" t="s">
        <v>23</v>
      </c>
    </row>
    <row r="25143" spans="1:12">
      <c r="A25143" s="6" t="s">
        <v>25142</v>
      </c>
      <c r="B25143" s="6"/>
      <c r="C25143" s="6" t="s">
        <v>25200</v>
      </c>
      <c r="D25143" s="6"/>
      <c r="E25143" s="6" t="s">
        <v>9</v>
      </c>
      <c r="F25143" s="7">
        <v>38657</v>
      </c>
      <c r="G25143" s="8">
        <v>672994</v>
      </c>
      <c r="H25143" s="8">
        <v>672994</v>
      </c>
      <c r="I25143" s="8">
        <v>0</v>
      </c>
      <c r="J25143" s="8">
        <v>672994</v>
      </c>
      <c r="K25143" s="9">
        <v>131.65</v>
      </c>
      <c r="L25143" s="6" t="s">
        <v>23</v>
      </c>
    </row>
    <row r="25144" spans="1:12">
      <c r="A25144" s="6" t="s">
        <v>25142</v>
      </c>
      <c r="B25144" s="6"/>
      <c r="C25144" s="6" t="s">
        <v>25201</v>
      </c>
      <c r="D25144" s="6"/>
      <c r="E25144" s="6" t="s">
        <v>9</v>
      </c>
      <c r="F25144" s="7">
        <v>38657</v>
      </c>
      <c r="G25144" s="8">
        <v>1794312</v>
      </c>
      <c r="H25144" s="8">
        <v>1794312</v>
      </c>
      <c r="I25144" s="8">
        <v>0</v>
      </c>
      <c r="J25144" s="8">
        <v>1794312</v>
      </c>
      <c r="K25144" s="9">
        <v>351</v>
      </c>
      <c r="L25144" s="6" t="s">
        <v>23</v>
      </c>
    </row>
    <row r="25145" spans="1:12">
      <c r="A25145" s="6" t="s">
        <v>25142</v>
      </c>
      <c r="B25145" s="6"/>
      <c r="C25145" s="6" t="s">
        <v>25202</v>
      </c>
      <c r="D25145" s="6"/>
      <c r="E25145" s="6" t="s">
        <v>9</v>
      </c>
      <c r="F25145" s="7">
        <v>38657</v>
      </c>
      <c r="G25145" s="8">
        <v>6067944</v>
      </c>
      <c r="H25145" s="8">
        <v>6067944</v>
      </c>
      <c r="I25145" s="8">
        <v>0</v>
      </c>
      <c r="J25145" s="8">
        <v>6067944</v>
      </c>
      <c r="K25145" s="9">
        <v>1187</v>
      </c>
      <c r="L25145" s="6" t="s">
        <v>23</v>
      </c>
    </row>
    <row r="25146" spans="1:12">
      <c r="A25146" s="6" t="s">
        <v>25142</v>
      </c>
      <c r="B25146" s="6"/>
      <c r="C25146" s="6" t="s">
        <v>25203</v>
      </c>
      <c r="D25146" s="6"/>
      <c r="E25146" s="6" t="s">
        <v>9</v>
      </c>
      <c r="F25146" s="7">
        <v>38657</v>
      </c>
      <c r="G25146" s="8">
        <v>21214</v>
      </c>
      <c r="H25146" s="8">
        <v>21214</v>
      </c>
      <c r="I25146" s="8">
        <v>0</v>
      </c>
      <c r="J25146" s="8">
        <v>21214</v>
      </c>
      <c r="K25146" s="9">
        <v>4.1500000000000004</v>
      </c>
      <c r="L25146" s="6" t="s">
        <v>23</v>
      </c>
    </row>
    <row r="25147" spans="1:12">
      <c r="A25147" s="6" t="s">
        <v>25142</v>
      </c>
      <c r="B25147" s="6"/>
      <c r="C25147" s="6" t="s">
        <v>25204</v>
      </c>
      <c r="D25147" s="6"/>
      <c r="E25147" s="6" t="s">
        <v>9</v>
      </c>
      <c r="F25147" s="7">
        <v>38657</v>
      </c>
      <c r="G25147" s="8">
        <v>81792</v>
      </c>
      <c r="H25147" s="8">
        <v>81792</v>
      </c>
      <c r="I25147" s="8">
        <v>0</v>
      </c>
      <c r="J25147" s="8">
        <v>81792</v>
      </c>
      <c r="K25147" s="9">
        <v>16</v>
      </c>
      <c r="L25147" s="6" t="s">
        <v>23</v>
      </c>
    </row>
    <row r="25148" spans="1:12">
      <c r="A25148" s="6" t="s">
        <v>25142</v>
      </c>
      <c r="B25148" s="6"/>
      <c r="C25148" s="6" t="s">
        <v>25205</v>
      </c>
      <c r="D25148" s="6"/>
      <c r="E25148" s="6" t="s">
        <v>9</v>
      </c>
      <c r="F25148" s="7">
        <v>38657</v>
      </c>
      <c r="G25148" s="8">
        <v>209592</v>
      </c>
      <c r="H25148" s="8">
        <v>209592</v>
      </c>
      <c r="I25148" s="8">
        <v>0</v>
      </c>
      <c r="J25148" s="8">
        <v>209592</v>
      </c>
      <c r="K25148" s="9">
        <v>41</v>
      </c>
      <c r="L25148" s="6" t="s">
        <v>23</v>
      </c>
    </row>
    <row r="25149" spans="1:12">
      <c r="A25149" s="6" t="s">
        <v>25206</v>
      </c>
      <c r="B25149" s="6"/>
      <c r="C25149" s="6" t="s">
        <v>25207</v>
      </c>
      <c r="D25149" s="6"/>
      <c r="E25149" s="6" t="s">
        <v>9</v>
      </c>
      <c r="F25149" s="7">
        <v>38657</v>
      </c>
      <c r="G25149" s="8">
        <v>8639280</v>
      </c>
      <c r="H25149" s="8">
        <v>8639280</v>
      </c>
      <c r="I25149" s="8">
        <v>0</v>
      </c>
      <c r="J25149" s="8">
        <v>8639280</v>
      </c>
      <c r="K25149" s="9">
        <v>1690</v>
      </c>
      <c r="L25149" s="6" t="s">
        <v>14</v>
      </c>
    </row>
    <row r="25150" spans="1:12">
      <c r="A25150" s="6" t="s">
        <v>25208</v>
      </c>
      <c r="B25150" s="6"/>
      <c r="C25150" s="6" t="s">
        <v>25209</v>
      </c>
      <c r="D25150" s="6"/>
      <c r="E25150" s="6" t="s">
        <v>18740</v>
      </c>
      <c r="F25150" s="7">
        <v>38657</v>
      </c>
      <c r="G25150" s="8">
        <v>16562</v>
      </c>
      <c r="H25150" s="8">
        <v>16562</v>
      </c>
      <c r="I25150" s="8">
        <v>0</v>
      </c>
      <c r="J25150" s="8">
        <v>16562</v>
      </c>
      <c r="K25150" s="9">
        <v>3.24</v>
      </c>
      <c r="L25150" s="6" t="s">
        <v>23</v>
      </c>
    </row>
    <row r="25151" spans="1:12">
      <c r="A25151" s="6" t="s">
        <v>25210</v>
      </c>
      <c r="B25151" s="6"/>
      <c r="C25151" s="6" t="s">
        <v>25211</v>
      </c>
      <c r="D25151" s="6"/>
      <c r="E25151" s="6" t="s">
        <v>18740</v>
      </c>
      <c r="F25151" s="7">
        <v>38657</v>
      </c>
      <c r="G25151" s="8">
        <v>578620</v>
      </c>
      <c r="H25151" s="8">
        <v>578620</v>
      </c>
      <c r="I25151" s="8">
        <v>0</v>
      </c>
      <c r="J25151" s="8">
        <v>578620</v>
      </c>
      <c r="K25151" s="9">
        <v>41.33</v>
      </c>
      <c r="L25151" s="6" t="s">
        <v>10</v>
      </c>
    </row>
    <row r="25152" spans="1:12">
      <c r="A25152" s="6" t="s">
        <v>25210</v>
      </c>
      <c r="B25152" s="6"/>
      <c r="C25152" s="6" t="s">
        <v>25212</v>
      </c>
      <c r="D25152" s="6"/>
      <c r="E25152" s="6" t="s">
        <v>18740</v>
      </c>
      <c r="F25152" s="7">
        <v>38657</v>
      </c>
      <c r="G25152" s="8">
        <v>91560</v>
      </c>
      <c r="H25152" s="8">
        <v>91560</v>
      </c>
      <c r="I25152" s="8">
        <v>0</v>
      </c>
      <c r="J25152" s="8">
        <v>91560</v>
      </c>
      <c r="K25152" s="9">
        <v>6.54</v>
      </c>
      <c r="L25152" s="6" t="s">
        <v>10</v>
      </c>
    </row>
    <row r="25153" spans="1:12">
      <c r="A25153" s="6" t="s">
        <v>25213</v>
      </c>
      <c r="B25153" s="6"/>
      <c r="C25153" s="6" t="s">
        <v>25214</v>
      </c>
      <c r="D25153" s="6"/>
      <c r="E25153" s="6" t="s">
        <v>18740</v>
      </c>
      <c r="F25153" s="7">
        <v>38657</v>
      </c>
      <c r="G25153" s="8">
        <v>23642500</v>
      </c>
      <c r="H25153" s="8">
        <v>23642500</v>
      </c>
      <c r="I25153" s="8">
        <v>0</v>
      </c>
      <c r="J25153" s="8">
        <v>23642500</v>
      </c>
      <c r="K25153" s="9">
        <v>965</v>
      </c>
      <c r="L25153" s="6" t="s">
        <v>10</v>
      </c>
    </row>
    <row r="25154" spans="1:12">
      <c r="A25154" s="6" t="s">
        <v>25215</v>
      </c>
      <c r="B25154" s="6"/>
      <c r="C25154" s="6" t="s">
        <v>25216</v>
      </c>
      <c r="D25154" s="6"/>
      <c r="E25154" s="6" t="s">
        <v>9</v>
      </c>
      <c r="F25154" s="7">
        <v>38657</v>
      </c>
      <c r="G25154" s="8">
        <v>7550424</v>
      </c>
      <c r="H25154" s="8">
        <v>7550424</v>
      </c>
      <c r="I25154" s="8">
        <v>0</v>
      </c>
      <c r="J25154" s="8">
        <v>7550424</v>
      </c>
      <c r="K25154" s="9">
        <v>1477</v>
      </c>
      <c r="L25154" s="6" t="s">
        <v>14</v>
      </c>
    </row>
    <row r="25155" spans="1:12">
      <c r="A25155" s="6" t="s">
        <v>25217</v>
      </c>
      <c r="B25155" s="6"/>
      <c r="C25155" s="6" t="s">
        <v>25218</v>
      </c>
      <c r="D25155" s="6"/>
      <c r="E25155" s="6" t="s">
        <v>18740</v>
      </c>
      <c r="F25155" s="7">
        <v>38657</v>
      </c>
      <c r="G25155" s="8">
        <v>618552</v>
      </c>
      <c r="H25155" s="8">
        <v>618552</v>
      </c>
      <c r="I25155" s="8">
        <v>0</v>
      </c>
      <c r="J25155" s="8">
        <v>618552</v>
      </c>
      <c r="K25155" s="9">
        <v>121</v>
      </c>
      <c r="L25155" s="6" t="s">
        <v>23</v>
      </c>
    </row>
    <row r="25156" spans="1:12">
      <c r="A25156" s="6" t="s">
        <v>25219</v>
      </c>
      <c r="B25156" s="6"/>
      <c r="C25156" s="6" t="s">
        <v>25220</v>
      </c>
      <c r="D25156" s="6"/>
      <c r="E25156" s="6" t="s">
        <v>9</v>
      </c>
      <c r="F25156" s="7">
        <v>38657</v>
      </c>
      <c r="G25156" s="8">
        <v>659448</v>
      </c>
      <c r="H25156" s="8">
        <v>659448</v>
      </c>
      <c r="I25156" s="8">
        <v>0</v>
      </c>
      <c r="J25156" s="8">
        <v>659448</v>
      </c>
      <c r="K25156" s="9">
        <v>129</v>
      </c>
      <c r="L25156" s="6" t="s">
        <v>14</v>
      </c>
    </row>
    <row r="25157" spans="1:12">
      <c r="A25157" s="6" t="s">
        <v>25221</v>
      </c>
      <c r="B25157" s="6"/>
      <c r="C25157" s="6" t="s">
        <v>25222</v>
      </c>
      <c r="D25157" s="6"/>
      <c r="E25157" s="6" t="s">
        <v>18740</v>
      </c>
      <c r="F25157" s="7">
        <v>38657</v>
      </c>
      <c r="G25157" s="8">
        <v>475416</v>
      </c>
      <c r="H25157" s="8">
        <v>475416</v>
      </c>
      <c r="I25157" s="8">
        <v>0</v>
      </c>
      <c r="J25157" s="8">
        <v>475416</v>
      </c>
      <c r="K25157" s="9">
        <v>93</v>
      </c>
      <c r="L25157" s="6" t="s">
        <v>23</v>
      </c>
    </row>
    <row r="25158" spans="1:12">
      <c r="A25158" s="6" t="s">
        <v>25223</v>
      </c>
      <c r="B25158" s="6"/>
      <c r="C25158" s="6" t="s">
        <v>25224</v>
      </c>
      <c r="D25158" s="6"/>
      <c r="E25158" s="6" t="s">
        <v>9</v>
      </c>
      <c r="F25158" s="7">
        <v>38657</v>
      </c>
      <c r="G25158" s="8">
        <v>743540</v>
      </c>
      <c r="H25158" s="8">
        <v>743540</v>
      </c>
      <c r="I25158" s="8">
        <v>0</v>
      </c>
      <c r="J25158" s="8">
        <v>743540</v>
      </c>
      <c r="K25158" s="9">
        <v>145.44999999999899</v>
      </c>
      <c r="L25158" s="6" t="s">
        <v>23</v>
      </c>
    </row>
    <row r="25159" spans="1:12">
      <c r="A25159" s="6" t="s">
        <v>25223</v>
      </c>
      <c r="B25159" s="6"/>
      <c r="C25159" s="6" t="s">
        <v>25225</v>
      </c>
      <c r="D25159" s="6"/>
      <c r="E25159" s="6" t="s">
        <v>9</v>
      </c>
      <c r="F25159" s="7">
        <v>38657</v>
      </c>
      <c r="G25159" s="8">
        <v>368064</v>
      </c>
      <c r="H25159" s="8">
        <v>368064</v>
      </c>
      <c r="I25159" s="8">
        <v>0</v>
      </c>
      <c r="J25159" s="8">
        <v>368064</v>
      </c>
      <c r="K25159" s="9">
        <v>72</v>
      </c>
      <c r="L25159" s="6" t="s">
        <v>23</v>
      </c>
    </row>
    <row r="25160" spans="1:12">
      <c r="A25160" s="6" t="s">
        <v>25223</v>
      </c>
      <c r="B25160" s="6"/>
      <c r="C25160" s="6" t="s">
        <v>25226</v>
      </c>
      <c r="D25160" s="6"/>
      <c r="E25160" s="6" t="s">
        <v>9</v>
      </c>
      <c r="F25160" s="7">
        <v>38657</v>
      </c>
      <c r="G25160" s="8">
        <v>337954</v>
      </c>
      <c r="H25160" s="8">
        <v>337954</v>
      </c>
      <c r="I25160" s="8">
        <v>0</v>
      </c>
      <c r="J25160" s="8">
        <v>337954</v>
      </c>
      <c r="K25160" s="9">
        <v>66.11</v>
      </c>
      <c r="L25160" s="6" t="s">
        <v>23</v>
      </c>
    </row>
    <row r="25161" spans="1:12">
      <c r="A25161" s="6" t="s">
        <v>25223</v>
      </c>
      <c r="B25161" s="6"/>
      <c r="C25161" s="6" t="s">
        <v>25227</v>
      </c>
      <c r="D25161" s="6"/>
      <c r="E25161" s="6" t="s">
        <v>9</v>
      </c>
      <c r="F25161" s="7">
        <v>38657</v>
      </c>
      <c r="G25161" s="8">
        <v>405534</v>
      </c>
      <c r="H25161" s="8">
        <v>405534</v>
      </c>
      <c r="I25161" s="8">
        <v>0</v>
      </c>
      <c r="J25161" s="8">
        <v>405534</v>
      </c>
      <c r="K25161" s="9">
        <v>79.33</v>
      </c>
      <c r="L25161" s="6" t="s">
        <v>23</v>
      </c>
    </row>
    <row r="25162" spans="1:12">
      <c r="A25162" s="6" t="s">
        <v>25223</v>
      </c>
      <c r="B25162" s="6"/>
      <c r="C25162" s="6" t="s">
        <v>25228</v>
      </c>
      <c r="D25162" s="6"/>
      <c r="E25162" s="6" t="s">
        <v>9</v>
      </c>
      <c r="F25162" s="7">
        <v>38657</v>
      </c>
      <c r="G25162" s="8">
        <v>301608</v>
      </c>
      <c r="H25162" s="8">
        <v>301608</v>
      </c>
      <c r="I25162" s="8">
        <v>0</v>
      </c>
      <c r="J25162" s="8">
        <v>301608</v>
      </c>
      <c r="K25162" s="9">
        <v>59</v>
      </c>
      <c r="L25162" s="6" t="s">
        <v>23</v>
      </c>
    </row>
    <row r="25163" spans="1:12">
      <c r="A25163" s="6" t="s">
        <v>25223</v>
      </c>
      <c r="B25163" s="6"/>
      <c r="C25163" s="6" t="s">
        <v>25229</v>
      </c>
      <c r="D25163" s="6"/>
      <c r="E25163" s="6" t="s">
        <v>9</v>
      </c>
      <c r="F25163" s="7">
        <v>43818</v>
      </c>
      <c r="G25163" s="8">
        <v>1429000</v>
      </c>
      <c r="H25163" s="8">
        <v>1429000</v>
      </c>
      <c r="I25163" s="8">
        <v>0</v>
      </c>
      <c r="J25163" s="8">
        <v>1429000</v>
      </c>
      <c r="K25163" s="9">
        <v>170.11</v>
      </c>
      <c r="L25163" s="6" t="s">
        <v>10</v>
      </c>
    </row>
    <row r="25164" spans="1:12">
      <c r="A25164" s="6" t="s">
        <v>25230</v>
      </c>
      <c r="B25164" s="6"/>
      <c r="C25164" s="6" t="s">
        <v>25231</v>
      </c>
      <c r="D25164" s="6"/>
      <c r="E25164" s="6" t="s">
        <v>18740</v>
      </c>
      <c r="F25164" s="7">
        <v>38657</v>
      </c>
      <c r="G25164" s="8">
        <v>81792</v>
      </c>
      <c r="H25164" s="8">
        <v>81792</v>
      </c>
      <c r="I25164" s="8">
        <v>0</v>
      </c>
      <c r="J25164" s="8">
        <v>81792</v>
      </c>
      <c r="K25164" s="9">
        <v>16</v>
      </c>
      <c r="L25164" s="6" t="s">
        <v>23</v>
      </c>
    </row>
    <row r="25165" spans="1:12">
      <c r="A25165" s="6" t="s">
        <v>25232</v>
      </c>
      <c r="B25165" s="6"/>
      <c r="C25165" s="6" t="s">
        <v>25233</v>
      </c>
      <c r="D25165" s="6"/>
      <c r="E25165" s="6" t="s">
        <v>18740</v>
      </c>
      <c r="F25165" s="7">
        <v>38657</v>
      </c>
      <c r="G25165" s="8">
        <v>1427580</v>
      </c>
      <c r="H25165" s="8">
        <v>1427580</v>
      </c>
      <c r="I25165" s="8">
        <v>0</v>
      </c>
      <c r="J25165" s="8">
        <v>1427580</v>
      </c>
      <c r="K25165" s="9">
        <v>396.55</v>
      </c>
      <c r="L25165" s="6" t="s">
        <v>10</v>
      </c>
    </row>
    <row r="25166" spans="1:12">
      <c r="A25166" s="6" t="s">
        <v>25234</v>
      </c>
      <c r="B25166" s="6"/>
      <c r="C25166" s="6" t="s">
        <v>25235</v>
      </c>
      <c r="D25166" s="6"/>
      <c r="E25166" s="6" t="s">
        <v>18740</v>
      </c>
      <c r="F25166" s="7">
        <v>38657</v>
      </c>
      <c r="G25166" s="8">
        <v>9015681</v>
      </c>
      <c r="H25166" s="8">
        <v>9015681</v>
      </c>
      <c r="I25166" s="8">
        <v>0</v>
      </c>
      <c r="J25166" s="8">
        <v>9015681</v>
      </c>
      <c r="K25166" s="9">
        <v>698.89</v>
      </c>
      <c r="L25166" s="6" t="s">
        <v>10</v>
      </c>
    </row>
    <row r="25167" spans="1:12">
      <c r="A25167" s="6" t="s">
        <v>25234</v>
      </c>
      <c r="B25167" s="6"/>
      <c r="C25167" s="6" t="s">
        <v>25236</v>
      </c>
      <c r="D25167" s="6"/>
      <c r="E25167" s="6" t="s">
        <v>18740</v>
      </c>
      <c r="F25167" s="7">
        <v>38657</v>
      </c>
      <c r="G25167" s="8">
        <v>76117</v>
      </c>
      <c r="H25167" s="8">
        <v>76117</v>
      </c>
      <c r="I25167" s="8">
        <v>0</v>
      </c>
      <c r="J25167" s="8">
        <v>76117</v>
      </c>
      <c r="K25167" s="9">
        <v>14.89</v>
      </c>
      <c r="L25167" s="6" t="s">
        <v>23</v>
      </c>
    </row>
    <row r="25168" spans="1:12">
      <c r="A25168" s="6" t="s">
        <v>25237</v>
      </c>
      <c r="B25168" s="6"/>
      <c r="C25168" s="6" t="s">
        <v>25238</v>
      </c>
      <c r="D25168" s="6"/>
      <c r="E25168" s="6" t="s">
        <v>18740</v>
      </c>
      <c r="F25168" s="7">
        <v>38657</v>
      </c>
      <c r="G25168" s="8">
        <v>847840</v>
      </c>
      <c r="H25168" s="8">
        <v>847840</v>
      </c>
      <c r="I25168" s="8">
        <v>0</v>
      </c>
      <c r="J25168" s="8">
        <v>847840</v>
      </c>
      <c r="K25168" s="9">
        <v>60.56</v>
      </c>
      <c r="L25168" s="6" t="s">
        <v>10</v>
      </c>
    </row>
    <row r="25169" spans="1:12">
      <c r="A25169" s="6" t="s">
        <v>25239</v>
      </c>
      <c r="B25169" s="6"/>
      <c r="C25169" s="6" t="s">
        <v>25240</v>
      </c>
      <c r="D25169" s="6"/>
      <c r="E25169" s="6" t="s">
        <v>9</v>
      </c>
      <c r="F25169" s="7">
        <v>38657</v>
      </c>
      <c r="G25169" s="8">
        <v>12348000</v>
      </c>
      <c r="H25169" s="8">
        <v>12348000</v>
      </c>
      <c r="I25169" s="8">
        <v>0</v>
      </c>
      <c r="J25169" s="8">
        <v>12348000</v>
      </c>
      <c r="K25169" s="9">
        <v>882</v>
      </c>
      <c r="L25169" s="6" t="s">
        <v>10</v>
      </c>
    </row>
    <row r="25170" spans="1:12">
      <c r="A25170" s="6" t="s">
        <v>25239</v>
      </c>
      <c r="B25170" s="6"/>
      <c r="C25170" s="6" t="s">
        <v>25241</v>
      </c>
      <c r="D25170" s="6"/>
      <c r="E25170" s="6" t="s">
        <v>9</v>
      </c>
      <c r="F25170" s="7">
        <v>38657</v>
      </c>
      <c r="G25170" s="8">
        <v>12390000</v>
      </c>
      <c r="H25170" s="8">
        <v>12390000</v>
      </c>
      <c r="I25170" s="8">
        <v>0</v>
      </c>
      <c r="J25170" s="8">
        <v>12390000</v>
      </c>
      <c r="K25170" s="9">
        <v>885</v>
      </c>
      <c r="L25170" s="6" t="s">
        <v>10</v>
      </c>
    </row>
    <row r="25171" spans="1:12">
      <c r="A25171" s="6" t="s">
        <v>25239</v>
      </c>
      <c r="B25171" s="6"/>
      <c r="C25171" s="6" t="s">
        <v>25242</v>
      </c>
      <c r="D25171" s="6"/>
      <c r="E25171" s="6" t="s">
        <v>9</v>
      </c>
      <c r="F25171" s="7">
        <v>38657</v>
      </c>
      <c r="G25171" s="8">
        <v>73584000</v>
      </c>
      <c r="H25171" s="8">
        <v>73584000</v>
      </c>
      <c r="I25171" s="8">
        <v>0</v>
      </c>
      <c r="J25171" s="8">
        <v>73584000</v>
      </c>
      <c r="K25171" s="9">
        <v>5256</v>
      </c>
      <c r="L25171" s="6" t="s">
        <v>10</v>
      </c>
    </row>
    <row r="25172" spans="1:12">
      <c r="A25172" s="6" t="s">
        <v>25239</v>
      </c>
      <c r="B25172" s="6"/>
      <c r="C25172" s="6" t="s">
        <v>25243</v>
      </c>
      <c r="D25172" s="6"/>
      <c r="E25172" s="6" t="s">
        <v>9</v>
      </c>
      <c r="F25172" s="7">
        <v>38657</v>
      </c>
      <c r="G25172" s="8">
        <v>8456000</v>
      </c>
      <c r="H25172" s="8">
        <v>8456000</v>
      </c>
      <c r="I25172" s="8">
        <v>0</v>
      </c>
      <c r="J25172" s="8">
        <v>8456000</v>
      </c>
      <c r="K25172" s="9">
        <v>604</v>
      </c>
      <c r="L25172" s="6" t="s">
        <v>10</v>
      </c>
    </row>
    <row r="25173" spans="1:12">
      <c r="A25173" s="6" t="s">
        <v>25239</v>
      </c>
      <c r="B25173" s="6"/>
      <c r="C25173" s="6" t="s">
        <v>25244</v>
      </c>
      <c r="D25173" s="6"/>
      <c r="E25173" s="6" t="s">
        <v>9</v>
      </c>
      <c r="F25173" s="7">
        <v>38657</v>
      </c>
      <c r="G25173" s="8">
        <v>14154000</v>
      </c>
      <c r="H25173" s="8">
        <v>14154000</v>
      </c>
      <c r="I25173" s="8">
        <v>0</v>
      </c>
      <c r="J25173" s="8">
        <v>14154000</v>
      </c>
      <c r="K25173" s="9">
        <v>1011</v>
      </c>
      <c r="L25173" s="6" t="s">
        <v>10</v>
      </c>
    </row>
    <row r="25174" spans="1:12">
      <c r="A25174" s="6" t="s">
        <v>25239</v>
      </c>
      <c r="B25174" s="6"/>
      <c r="C25174" s="6" t="s">
        <v>25245</v>
      </c>
      <c r="D25174" s="6"/>
      <c r="E25174" s="6" t="s">
        <v>9</v>
      </c>
      <c r="F25174" s="7">
        <v>38657</v>
      </c>
      <c r="G25174" s="8">
        <v>14154000</v>
      </c>
      <c r="H25174" s="8">
        <v>14154000</v>
      </c>
      <c r="I25174" s="8">
        <v>0</v>
      </c>
      <c r="J25174" s="8">
        <v>14154000</v>
      </c>
      <c r="K25174" s="9">
        <v>1011</v>
      </c>
      <c r="L25174" s="6" t="s">
        <v>10</v>
      </c>
    </row>
    <row r="25175" spans="1:12">
      <c r="A25175" s="6" t="s">
        <v>25239</v>
      </c>
      <c r="B25175" s="6"/>
      <c r="C25175" s="6" t="s">
        <v>25246</v>
      </c>
      <c r="D25175" s="6"/>
      <c r="E25175" s="6" t="s">
        <v>9</v>
      </c>
      <c r="F25175" s="7">
        <v>38657</v>
      </c>
      <c r="G25175" s="8">
        <v>14154000</v>
      </c>
      <c r="H25175" s="8">
        <v>14154000</v>
      </c>
      <c r="I25175" s="8">
        <v>0</v>
      </c>
      <c r="J25175" s="8">
        <v>14154000</v>
      </c>
      <c r="K25175" s="9">
        <v>1011</v>
      </c>
      <c r="L25175" s="6" t="s">
        <v>10</v>
      </c>
    </row>
    <row r="25176" spans="1:12">
      <c r="A25176" s="6" t="s">
        <v>25239</v>
      </c>
      <c r="B25176" s="6"/>
      <c r="C25176" s="6" t="s">
        <v>25247</v>
      </c>
      <c r="D25176" s="6"/>
      <c r="E25176" s="6" t="s">
        <v>9</v>
      </c>
      <c r="F25176" s="7">
        <v>38657</v>
      </c>
      <c r="G25176" s="8">
        <v>14154000</v>
      </c>
      <c r="H25176" s="8">
        <v>14154000</v>
      </c>
      <c r="I25176" s="8">
        <v>0</v>
      </c>
      <c r="J25176" s="8">
        <v>14154000</v>
      </c>
      <c r="K25176" s="9">
        <v>1011</v>
      </c>
      <c r="L25176" s="6" t="s">
        <v>10</v>
      </c>
    </row>
    <row r="25177" spans="1:12">
      <c r="A25177" s="6" t="s">
        <v>25239</v>
      </c>
      <c r="B25177" s="6"/>
      <c r="C25177" s="6" t="s">
        <v>25248</v>
      </c>
      <c r="D25177" s="6"/>
      <c r="E25177" s="6" t="s">
        <v>9</v>
      </c>
      <c r="F25177" s="7">
        <v>38657</v>
      </c>
      <c r="G25177" s="8">
        <v>14154000</v>
      </c>
      <c r="H25177" s="8">
        <v>14154000</v>
      </c>
      <c r="I25177" s="8">
        <v>0</v>
      </c>
      <c r="J25177" s="8">
        <v>14154000</v>
      </c>
      <c r="K25177" s="9">
        <v>1011</v>
      </c>
      <c r="L25177" s="6" t="s">
        <v>10</v>
      </c>
    </row>
    <row r="25178" spans="1:12">
      <c r="A25178" s="6" t="s">
        <v>25239</v>
      </c>
      <c r="B25178" s="6"/>
      <c r="C25178" s="6" t="s">
        <v>25249</v>
      </c>
      <c r="D25178" s="6"/>
      <c r="E25178" s="6" t="s">
        <v>9</v>
      </c>
      <c r="F25178" s="7">
        <v>38657</v>
      </c>
      <c r="G25178" s="8">
        <v>14154000</v>
      </c>
      <c r="H25178" s="8">
        <v>14154000</v>
      </c>
      <c r="I25178" s="8">
        <v>0</v>
      </c>
      <c r="J25178" s="8">
        <v>14154000</v>
      </c>
      <c r="K25178" s="9">
        <v>1011</v>
      </c>
      <c r="L25178" s="6" t="s">
        <v>10</v>
      </c>
    </row>
    <row r="25179" spans="1:12">
      <c r="A25179" s="6" t="s">
        <v>25239</v>
      </c>
      <c r="B25179" s="6"/>
      <c r="C25179" s="6" t="s">
        <v>25250</v>
      </c>
      <c r="D25179" s="6"/>
      <c r="E25179" s="6" t="s">
        <v>9</v>
      </c>
      <c r="F25179" s="7">
        <v>38657</v>
      </c>
      <c r="G25179" s="8">
        <v>13874000</v>
      </c>
      <c r="H25179" s="8">
        <v>13874000</v>
      </c>
      <c r="I25179" s="8">
        <v>0</v>
      </c>
      <c r="J25179" s="8">
        <v>13874000</v>
      </c>
      <c r="K25179" s="9">
        <v>991</v>
      </c>
      <c r="L25179" s="6" t="s">
        <v>10</v>
      </c>
    </row>
    <row r="25180" spans="1:12">
      <c r="A25180" s="6" t="s">
        <v>25239</v>
      </c>
      <c r="B25180" s="6"/>
      <c r="C25180" s="6" t="s">
        <v>25251</v>
      </c>
      <c r="D25180" s="6"/>
      <c r="E25180" s="6" t="s">
        <v>9</v>
      </c>
      <c r="F25180" s="7">
        <v>38657</v>
      </c>
      <c r="G25180" s="8">
        <v>14434000</v>
      </c>
      <c r="H25180" s="8">
        <v>14434000</v>
      </c>
      <c r="I25180" s="8">
        <v>0</v>
      </c>
      <c r="J25180" s="8">
        <v>14434000</v>
      </c>
      <c r="K25180" s="9">
        <v>1031</v>
      </c>
      <c r="L25180" s="6" t="s">
        <v>10</v>
      </c>
    </row>
    <row r="25181" spans="1:12">
      <c r="A25181" s="6" t="s">
        <v>25239</v>
      </c>
      <c r="B25181" s="6"/>
      <c r="C25181" s="6" t="s">
        <v>25252</v>
      </c>
      <c r="D25181" s="6"/>
      <c r="E25181" s="6" t="s">
        <v>9</v>
      </c>
      <c r="F25181" s="7">
        <v>38657</v>
      </c>
      <c r="G25181" s="8">
        <v>16240000</v>
      </c>
      <c r="H25181" s="8">
        <v>16240000</v>
      </c>
      <c r="I25181" s="8">
        <v>0</v>
      </c>
      <c r="J25181" s="8">
        <v>16240000</v>
      </c>
      <c r="K25181" s="9">
        <v>1160</v>
      </c>
      <c r="L25181" s="6" t="s">
        <v>10</v>
      </c>
    </row>
    <row r="25182" spans="1:12">
      <c r="A25182" s="6" t="s">
        <v>25239</v>
      </c>
      <c r="B25182" s="6"/>
      <c r="C25182" s="6" t="s">
        <v>25253</v>
      </c>
      <c r="D25182" s="6"/>
      <c r="E25182" s="6" t="s">
        <v>9</v>
      </c>
      <c r="F25182" s="7">
        <v>38657</v>
      </c>
      <c r="G25182" s="8">
        <v>17346000</v>
      </c>
      <c r="H25182" s="8">
        <v>17346000</v>
      </c>
      <c r="I25182" s="8">
        <v>0</v>
      </c>
      <c r="J25182" s="8">
        <v>17346000</v>
      </c>
      <c r="K25182" s="9">
        <v>1239</v>
      </c>
      <c r="L25182" s="6" t="s">
        <v>10</v>
      </c>
    </row>
    <row r="25183" spans="1:12">
      <c r="A25183" s="6" t="s">
        <v>25239</v>
      </c>
      <c r="B25183" s="6"/>
      <c r="C25183" s="6" t="s">
        <v>25254</v>
      </c>
      <c r="D25183" s="6"/>
      <c r="E25183" s="6" t="s">
        <v>9</v>
      </c>
      <c r="F25183" s="7">
        <v>38657</v>
      </c>
      <c r="G25183" s="8">
        <v>11788000</v>
      </c>
      <c r="H25183" s="8">
        <v>11788000</v>
      </c>
      <c r="I25183" s="8">
        <v>0</v>
      </c>
      <c r="J25183" s="8">
        <v>11788000</v>
      </c>
      <c r="K25183" s="9">
        <v>842</v>
      </c>
      <c r="L25183" s="6" t="s">
        <v>10</v>
      </c>
    </row>
    <row r="25184" spans="1:12">
      <c r="A25184" s="6" t="s">
        <v>25239</v>
      </c>
      <c r="B25184" s="6"/>
      <c r="C25184" s="6" t="s">
        <v>25255</v>
      </c>
      <c r="D25184" s="6"/>
      <c r="E25184" s="6" t="s">
        <v>9</v>
      </c>
      <c r="F25184" s="7">
        <v>38657</v>
      </c>
      <c r="G25184" s="8">
        <v>4942000</v>
      </c>
      <c r="H25184" s="8">
        <v>4942000</v>
      </c>
      <c r="I25184" s="8">
        <v>0</v>
      </c>
      <c r="J25184" s="8">
        <v>4942000</v>
      </c>
      <c r="K25184" s="9">
        <v>353</v>
      </c>
      <c r="L25184" s="6" t="s">
        <v>10</v>
      </c>
    </row>
    <row r="25185" spans="1:12">
      <c r="A25185" s="6" t="s">
        <v>25239</v>
      </c>
      <c r="B25185" s="6"/>
      <c r="C25185" s="6" t="s">
        <v>25256</v>
      </c>
      <c r="D25185" s="6"/>
      <c r="E25185" s="6" t="s">
        <v>9</v>
      </c>
      <c r="F25185" s="7">
        <v>38657</v>
      </c>
      <c r="G25185" s="8">
        <v>7910000</v>
      </c>
      <c r="H25185" s="8">
        <v>7910000</v>
      </c>
      <c r="I25185" s="8">
        <v>0</v>
      </c>
      <c r="J25185" s="8">
        <v>7910000</v>
      </c>
      <c r="K25185" s="9">
        <v>565</v>
      </c>
      <c r="L25185" s="6" t="s">
        <v>10</v>
      </c>
    </row>
    <row r="25186" spans="1:12">
      <c r="A25186" s="6" t="s">
        <v>25239</v>
      </c>
      <c r="B25186" s="6"/>
      <c r="C25186" s="6" t="s">
        <v>25257</v>
      </c>
      <c r="D25186" s="6"/>
      <c r="E25186" s="6" t="s">
        <v>9</v>
      </c>
      <c r="F25186" s="7">
        <v>38657</v>
      </c>
      <c r="G25186" s="8">
        <v>7532000</v>
      </c>
      <c r="H25186" s="8">
        <v>7532000</v>
      </c>
      <c r="I25186" s="8">
        <v>0</v>
      </c>
      <c r="J25186" s="8">
        <v>7532000</v>
      </c>
      <c r="K25186" s="9">
        <v>538</v>
      </c>
      <c r="L25186" s="6" t="s">
        <v>10</v>
      </c>
    </row>
    <row r="25187" spans="1:12">
      <c r="A25187" s="6" t="s">
        <v>25239</v>
      </c>
      <c r="B25187" s="6"/>
      <c r="C25187" s="6" t="s">
        <v>25258</v>
      </c>
      <c r="D25187" s="6"/>
      <c r="E25187" s="6" t="s">
        <v>9</v>
      </c>
      <c r="F25187" s="7">
        <v>38657</v>
      </c>
      <c r="G25187" s="8">
        <v>13650000</v>
      </c>
      <c r="H25187" s="8">
        <v>13650000</v>
      </c>
      <c r="I25187" s="8">
        <v>0</v>
      </c>
      <c r="J25187" s="8">
        <v>13650000</v>
      </c>
      <c r="K25187" s="9">
        <v>975</v>
      </c>
      <c r="L25187" s="6" t="s">
        <v>10</v>
      </c>
    </row>
    <row r="25188" spans="1:12">
      <c r="A25188" s="6" t="s">
        <v>25259</v>
      </c>
      <c r="B25188" s="6"/>
      <c r="C25188" s="6" t="s">
        <v>25260</v>
      </c>
      <c r="D25188" s="6"/>
      <c r="E25188" s="6" t="s">
        <v>18740</v>
      </c>
      <c r="F25188" s="7">
        <v>38657</v>
      </c>
      <c r="G25188" s="8">
        <v>362952</v>
      </c>
      <c r="H25188" s="8">
        <v>362952</v>
      </c>
      <c r="I25188" s="8">
        <v>0</v>
      </c>
      <c r="J25188" s="8">
        <v>362952</v>
      </c>
      <c r="K25188" s="9">
        <v>71</v>
      </c>
      <c r="L25188" s="6" t="s">
        <v>23</v>
      </c>
    </row>
    <row r="25189" spans="1:12">
      <c r="A25189" s="6" t="s">
        <v>25261</v>
      </c>
      <c r="B25189" s="6"/>
      <c r="C25189" s="6" t="s">
        <v>25262</v>
      </c>
      <c r="D25189" s="6"/>
      <c r="E25189" s="6" t="s">
        <v>18740</v>
      </c>
      <c r="F25189" s="7">
        <v>38657</v>
      </c>
      <c r="G25189" s="8">
        <v>33790</v>
      </c>
      <c r="H25189" s="8">
        <v>33790</v>
      </c>
      <c r="I25189" s="8">
        <v>0</v>
      </c>
      <c r="J25189" s="8">
        <v>33790</v>
      </c>
      <c r="K25189" s="9">
        <v>6.61</v>
      </c>
      <c r="L25189" s="6" t="s">
        <v>23</v>
      </c>
    </row>
    <row r="25190" spans="1:12">
      <c r="A25190" s="6" t="s">
        <v>25263</v>
      </c>
      <c r="B25190" s="6"/>
      <c r="C25190" s="6" t="s">
        <v>25264</v>
      </c>
      <c r="D25190" s="6"/>
      <c r="E25190" s="6" t="s">
        <v>9</v>
      </c>
      <c r="F25190" s="7">
        <v>38657</v>
      </c>
      <c r="G25190" s="8">
        <v>3241008</v>
      </c>
      <c r="H25190" s="8">
        <v>3241008</v>
      </c>
      <c r="I25190" s="8">
        <v>0</v>
      </c>
      <c r="J25190" s="8">
        <v>3241008</v>
      </c>
      <c r="K25190" s="9">
        <v>634</v>
      </c>
      <c r="L25190" s="6" t="s">
        <v>14</v>
      </c>
    </row>
    <row r="25191" spans="1:12">
      <c r="A25191" s="6" t="s">
        <v>25263</v>
      </c>
      <c r="B25191" s="6"/>
      <c r="C25191" s="6" t="s">
        <v>25265</v>
      </c>
      <c r="D25191" s="6"/>
      <c r="E25191" s="6" t="s">
        <v>9</v>
      </c>
      <c r="F25191" s="7">
        <v>38657</v>
      </c>
      <c r="G25191" s="8">
        <v>725904</v>
      </c>
      <c r="H25191" s="8">
        <v>725904</v>
      </c>
      <c r="I25191" s="8">
        <v>0</v>
      </c>
      <c r="J25191" s="8">
        <v>725904</v>
      </c>
      <c r="K25191" s="9">
        <v>142</v>
      </c>
      <c r="L25191" s="6" t="s">
        <v>14</v>
      </c>
    </row>
    <row r="25192" spans="1:12">
      <c r="A25192" s="6" t="s">
        <v>25263</v>
      </c>
      <c r="B25192" s="6"/>
      <c r="C25192" s="6" t="s">
        <v>25266</v>
      </c>
      <c r="D25192" s="6"/>
      <c r="E25192" s="6" t="s">
        <v>9</v>
      </c>
      <c r="F25192" s="7">
        <v>38657</v>
      </c>
      <c r="G25192" s="8">
        <v>1078632</v>
      </c>
      <c r="H25192" s="8">
        <v>1078632</v>
      </c>
      <c r="I25192" s="8">
        <v>0</v>
      </c>
      <c r="J25192" s="8">
        <v>1078632</v>
      </c>
      <c r="K25192" s="9">
        <v>211</v>
      </c>
      <c r="L25192" s="6" t="s">
        <v>14</v>
      </c>
    </row>
    <row r="25193" spans="1:12">
      <c r="A25193" s="6" t="s">
        <v>25263</v>
      </c>
      <c r="B25193" s="6"/>
      <c r="C25193" s="6" t="s">
        <v>25267</v>
      </c>
      <c r="D25193" s="6"/>
      <c r="E25193" s="6" t="s">
        <v>9</v>
      </c>
      <c r="F25193" s="7">
        <v>38657</v>
      </c>
      <c r="G25193" s="8">
        <v>874152</v>
      </c>
      <c r="H25193" s="8">
        <v>874152</v>
      </c>
      <c r="I25193" s="8">
        <v>0</v>
      </c>
      <c r="J25193" s="8">
        <v>874152</v>
      </c>
      <c r="K25193" s="9">
        <v>171</v>
      </c>
      <c r="L25193" s="6" t="s">
        <v>14</v>
      </c>
    </row>
    <row r="25194" spans="1:12">
      <c r="A25194" s="6" t="s">
        <v>25263</v>
      </c>
      <c r="B25194" s="6"/>
      <c r="C25194" s="6" t="s">
        <v>25268</v>
      </c>
      <c r="D25194" s="6"/>
      <c r="E25194" s="6" t="s">
        <v>9</v>
      </c>
      <c r="F25194" s="7">
        <v>38657</v>
      </c>
      <c r="G25194" s="8">
        <v>2617344</v>
      </c>
      <c r="H25194" s="8">
        <v>2617344</v>
      </c>
      <c r="I25194" s="8">
        <v>0</v>
      </c>
      <c r="J25194" s="8">
        <v>2617344</v>
      </c>
      <c r="K25194" s="9">
        <v>512</v>
      </c>
      <c r="L25194" s="6" t="s">
        <v>14</v>
      </c>
    </row>
    <row r="25195" spans="1:12">
      <c r="A25195" s="6" t="s">
        <v>25263</v>
      </c>
      <c r="B25195" s="6"/>
      <c r="C25195" s="6" t="s">
        <v>25269</v>
      </c>
      <c r="D25195" s="6"/>
      <c r="E25195" s="6" t="s">
        <v>9</v>
      </c>
      <c r="F25195" s="7">
        <v>38657</v>
      </c>
      <c r="G25195" s="8">
        <v>1042848</v>
      </c>
      <c r="H25195" s="8">
        <v>1042848</v>
      </c>
      <c r="I25195" s="8">
        <v>0</v>
      </c>
      <c r="J25195" s="8">
        <v>1042848</v>
      </c>
      <c r="K25195" s="9">
        <v>204</v>
      </c>
      <c r="L25195" s="6" t="s">
        <v>14</v>
      </c>
    </row>
    <row r="25196" spans="1:12">
      <c r="A25196" s="6" t="s">
        <v>25263</v>
      </c>
      <c r="B25196" s="6"/>
      <c r="C25196" s="6" t="s">
        <v>25270</v>
      </c>
      <c r="D25196" s="6"/>
      <c r="E25196" s="6" t="s">
        <v>9</v>
      </c>
      <c r="F25196" s="7">
        <v>38657</v>
      </c>
      <c r="G25196" s="8">
        <v>1722744</v>
      </c>
      <c r="H25196" s="8">
        <v>1722744</v>
      </c>
      <c r="I25196" s="8">
        <v>0</v>
      </c>
      <c r="J25196" s="8">
        <v>1722744</v>
      </c>
      <c r="K25196" s="9">
        <v>337</v>
      </c>
      <c r="L25196" s="6" t="s">
        <v>14</v>
      </c>
    </row>
    <row r="25197" spans="1:12">
      <c r="A25197" s="6" t="s">
        <v>25263</v>
      </c>
      <c r="B25197" s="6"/>
      <c r="C25197" s="6" t="s">
        <v>25271</v>
      </c>
      <c r="D25197" s="6"/>
      <c r="E25197" s="6" t="s">
        <v>9</v>
      </c>
      <c r="F25197" s="7">
        <v>38657</v>
      </c>
      <c r="G25197" s="8">
        <v>2228832</v>
      </c>
      <c r="H25197" s="8">
        <v>2228832</v>
      </c>
      <c r="I25197" s="8">
        <v>0</v>
      </c>
      <c r="J25197" s="8">
        <v>2228832</v>
      </c>
      <c r="K25197" s="9">
        <v>436</v>
      </c>
      <c r="L25197" s="6" t="s">
        <v>14</v>
      </c>
    </row>
    <row r="25198" spans="1:12">
      <c r="A25198" s="6" t="s">
        <v>25263</v>
      </c>
      <c r="B25198" s="6"/>
      <c r="C25198" s="6" t="s">
        <v>25272</v>
      </c>
      <c r="D25198" s="6"/>
      <c r="E25198" s="6" t="s">
        <v>9</v>
      </c>
      <c r="F25198" s="7">
        <v>38657</v>
      </c>
      <c r="G25198" s="8">
        <v>521424</v>
      </c>
      <c r="H25198" s="8">
        <v>521424</v>
      </c>
      <c r="I25198" s="8">
        <v>0</v>
      </c>
      <c r="J25198" s="8">
        <v>521424</v>
      </c>
      <c r="K25198" s="9">
        <v>102</v>
      </c>
      <c r="L25198" s="6" t="s">
        <v>14</v>
      </c>
    </row>
    <row r="25199" spans="1:12">
      <c r="A25199" s="6" t="s">
        <v>25263</v>
      </c>
      <c r="B25199" s="6"/>
      <c r="C25199" s="6" t="s">
        <v>25273</v>
      </c>
      <c r="D25199" s="6"/>
      <c r="E25199" s="6" t="s">
        <v>9</v>
      </c>
      <c r="F25199" s="7">
        <v>38657</v>
      </c>
      <c r="G25199" s="8">
        <v>168696</v>
      </c>
      <c r="H25199" s="8">
        <v>168696</v>
      </c>
      <c r="I25199" s="8">
        <v>0</v>
      </c>
      <c r="J25199" s="8">
        <v>168696</v>
      </c>
      <c r="K25199" s="9">
        <v>33</v>
      </c>
      <c r="L25199" s="6" t="s">
        <v>14</v>
      </c>
    </row>
    <row r="25200" spans="1:12">
      <c r="A25200" s="6" t="s">
        <v>25263</v>
      </c>
      <c r="B25200" s="6"/>
      <c r="C25200" s="6" t="s">
        <v>25274</v>
      </c>
      <c r="D25200" s="6"/>
      <c r="E25200" s="6" t="s">
        <v>9</v>
      </c>
      <c r="F25200" s="7">
        <v>38657</v>
      </c>
      <c r="G25200" s="8">
        <v>777024</v>
      </c>
      <c r="H25200" s="8">
        <v>777024</v>
      </c>
      <c r="I25200" s="8">
        <v>0</v>
      </c>
      <c r="J25200" s="8">
        <v>777024</v>
      </c>
      <c r="K25200" s="9">
        <v>152</v>
      </c>
      <c r="L25200" s="6" t="s">
        <v>14</v>
      </c>
    </row>
    <row r="25201" spans="1:12">
      <c r="A25201" s="6" t="s">
        <v>25263</v>
      </c>
      <c r="B25201" s="6"/>
      <c r="C25201" s="6" t="s">
        <v>25275</v>
      </c>
      <c r="D25201" s="6"/>
      <c r="E25201" s="6" t="s">
        <v>9</v>
      </c>
      <c r="F25201" s="7">
        <v>38657</v>
      </c>
      <c r="G25201" s="8">
        <v>117576</v>
      </c>
      <c r="H25201" s="8">
        <v>117576</v>
      </c>
      <c r="I25201" s="8">
        <v>0</v>
      </c>
      <c r="J25201" s="8">
        <v>117576</v>
      </c>
      <c r="K25201" s="9">
        <v>23</v>
      </c>
      <c r="L25201" s="6" t="s">
        <v>14</v>
      </c>
    </row>
    <row r="25202" spans="1:12">
      <c r="A25202" s="6" t="s">
        <v>25263</v>
      </c>
      <c r="B25202" s="6"/>
      <c r="C25202" s="6" t="s">
        <v>25276</v>
      </c>
      <c r="D25202" s="6"/>
      <c r="E25202" s="6" t="s">
        <v>9</v>
      </c>
      <c r="F25202" s="7">
        <v>38657</v>
      </c>
      <c r="G25202" s="8">
        <v>199368</v>
      </c>
      <c r="H25202" s="8">
        <v>199368</v>
      </c>
      <c r="I25202" s="8">
        <v>0</v>
      </c>
      <c r="J25202" s="8">
        <v>199368</v>
      </c>
      <c r="K25202" s="9">
        <v>39</v>
      </c>
      <c r="L25202" s="6" t="s">
        <v>14</v>
      </c>
    </row>
    <row r="25203" spans="1:12">
      <c r="A25203" s="6" t="s">
        <v>25263</v>
      </c>
      <c r="B25203" s="6"/>
      <c r="C25203" s="6" t="s">
        <v>25277</v>
      </c>
      <c r="D25203" s="6"/>
      <c r="E25203" s="6" t="s">
        <v>9</v>
      </c>
      <c r="F25203" s="7">
        <v>38657</v>
      </c>
      <c r="G25203" s="8">
        <v>587880</v>
      </c>
      <c r="H25203" s="8">
        <v>587880</v>
      </c>
      <c r="I25203" s="8">
        <v>0</v>
      </c>
      <c r="J25203" s="8">
        <v>587880</v>
      </c>
      <c r="K25203" s="9">
        <v>115</v>
      </c>
      <c r="L25203" s="6" t="s">
        <v>14</v>
      </c>
    </row>
    <row r="25204" spans="1:12">
      <c r="A25204" s="6" t="s">
        <v>25263</v>
      </c>
      <c r="B25204" s="6"/>
      <c r="C25204" s="6" t="s">
        <v>25278</v>
      </c>
      <c r="D25204" s="6"/>
      <c r="E25204" s="6" t="s">
        <v>9</v>
      </c>
      <c r="F25204" s="7">
        <v>38657</v>
      </c>
      <c r="G25204" s="8">
        <v>470304</v>
      </c>
      <c r="H25204" s="8">
        <v>470304</v>
      </c>
      <c r="I25204" s="8">
        <v>0</v>
      </c>
      <c r="J25204" s="8">
        <v>470304</v>
      </c>
      <c r="K25204" s="9">
        <v>92</v>
      </c>
      <c r="L25204" s="6" t="s">
        <v>14</v>
      </c>
    </row>
    <row r="25205" spans="1:12">
      <c r="A25205" s="6" t="s">
        <v>25263</v>
      </c>
      <c r="B25205" s="6"/>
      <c r="C25205" s="6" t="s">
        <v>25279</v>
      </c>
      <c r="D25205" s="6"/>
      <c r="E25205" s="6" t="s">
        <v>9</v>
      </c>
      <c r="F25205" s="7">
        <v>38657</v>
      </c>
      <c r="G25205" s="8">
        <v>976392</v>
      </c>
      <c r="H25205" s="8">
        <v>976392</v>
      </c>
      <c r="I25205" s="8">
        <v>0</v>
      </c>
      <c r="J25205" s="8">
        <v>976392</v>
      </c>
      <c r="K25205" s="9">
        <v>191</v>
      </c>
      <c r="L25205" s="6" t="s">
        <v>14</v>
      </c>
    </row>
    <row r="25206" spans="1:12">
      <c r="A25206" s="6" t="s">
        <v>25263</v>
      </c>
      <c r="B25206" s="6"/>
      <c r="C25206" s="6" t="s">
        <v>25280</v>
      </c>
      <c r="D25206" s="6"/>
      <c r="E25206" s="6" t="s">
        <v>9</v>
      </c>
      <c r="F25206" s="7">
        <v>38657</v>
      </c>
      <c r="G25206" s="8">
        <v>807696</v>
      </c>
      <c r="H25206" s="8">
        <v>807696</v>
      </c>
      <c r="I25206" s="8">
        <v>0</v>
      </c>
      <c r="J25206" s="8">
        <v>807696</v>
      </c>
      <c r="K25206" s="9">
        <v>158</v>
      </c>
      <c r="L25206" s="6" t="s">
        <v>14</v>
      </c>
    </row>
    <row r="25207" spans="1:12">
      <c r="A25207" s="6" t="s">
        <v>25263</v>
      </c>
      <c r="B25207" s="6"/>
      <c r="C25207" s="6" t="s">
        <v>25281</v>
      </c>
      <c r="D25207" s="6"/>
      <c r="E25207" s="6" t="s">
        <v>9</v>
      </c>
      <c r="F25207" s="7">
        <v>38657</v>
      </c>
      <c r="G25207" s="8">
        <v>1196208</v>
      </c>
      <c r="H25207" s="8">
        <v>1196208</v>
      </c>
      <c r="I25207" s="8">
        <v>0</v>
      </c>
      <c r="J25207" s="8">
        <v>1196208</v>
      </c>
      <c r="K25207" s="9">
        <v>234</v>
      </c>
      <c r="L25207" s="6" t="s">
        <v>14</v>
      </c>
    </row>
    <row r="25208" spans="1:12">
      <c r="A25208" s="6" t="s">
        <v>25263</v>
      </c>
      <c r="B25208" s="6"/>
      <c r="C25208" s="6" t="s">
        <v>25282</v>
      </c>
      <c r="D25208" s="6"/>
      <c r="E25208" s="6" t="s">
        <v>9</v>
      </c>
      <c r="F25208" s="7">
        <v>38657</v>
      </c>
      <c r="G25208" s="8">
        <v>1027512</v>
      </c>
      <c r="H25208" s="8">
        <v>1027512</v>
      </c>
      <c r="I25208" s="8">
        <v>0</v>
      </c>
      <c r="J25208" s="8">
        <v>1027512</v>
      </c>
      <c r="K25208" s="9">
        <v>201</v>
      </c>
      <c r="L25208" s="6" t="s">
        <v>14</v>
      </c>
    </row>
    <row r="25209" spans="1:12">
      <c r="A25209" s="6" t="s">
        <v>25263</v>
      </c>
      <c r="B25209" s="6"/>
      <c r="C25209" s="6" t="s">
        <v>25283</v>
      </c>
      <c r="D25209" s="6"/>
      <c r="E25209" s="6" t="s">
        <v>9</v>
      </c>
      <c r="F25209" s="7">
        <v>38657</v>
      </c>
      <c r="G25209" s="8">
        <v>368064</v>
      </c>
      <c r="H25209" s="8">
        <v>368064</v>
      </c>
      <c r="I25209" s="8">
        <v>0</v>
      </c>
      <c r="J25209" s="8">
        <v>368064</v>
      </c>
      <c r="K25209" s="9">
        <v>72</v>
      </c>
      <c r="L25209" s="6" t="s">
        <v>14</v>
      </c>
    </row>
    <row r="25210" spans="1:12">
      <c r="A25210" s="6" t="s">
        <v>25263</v>
      </c>
      <c r="B25210" s="6"/>
      <c r="C25210" s="6" t="s">
        <v>25284</v>
      </c>
      <c r="D25210" s="6"/>
      <c r="E25210" s="6" t="s">
        <v>9</v>
      </c>
      <c r="F25210" s="7">
        <v>38657</v>
      </c>
      <c r="G25210" s="8">
        <v>1416024</v>
      </c>
      <c r="H25210" s="8">
        <v>1416024</v>
      </c>
      <c r="I25210" s="8">
        <v>0</v>
      </c>
      <c r="J25210" s="8">
        <v>1416024</v>
      </c>
      <c r="K25210" s="9">
        <v>277</v>
      </c>
      <c r="L25210" s="6" t="s">
        <v>14</v>
      </c>
    </row>
    <row r="25211" spans="1:12">
      <c r="A25211" s="6" t="s">
        <v>25263</v>
      </c>
      <c r="B25211" s="6"/>
      <c r="C25211" s="6" t="s">
        <v>25285</v>
      </c>
      <c r="D25211" s="6"/>
      <c r="E25211" s="6" t="s">
        <v>9</v>
      </c>
      <c r="F25211" s="7">
        <v>38657</v>
      </c>
      <c r="G25211" s="8">
        <v>725904</v>
      </c>
      <c r="H25211" s="8">
        <v>725904</v>
      </c>
      <c r="I25211" s="8">
        <v>0</v>
      </c>
      <c r="J25211" s="8">
        <v>725904</v>
      </c>
      <c r="K25211" s="9">
        <v>142</v>
      </c>
      <c r="L25211" s="6" t="s">
        <v>14</v>
      </c>
    </row>
    <row r="25212" spans="1:12">
      <c r="A25212" s="6" t="s">
        <v>25263</v>
      </c>
      <c r="B25212" s="6"/>
      <c r="C25212" s="6" t="s">
        <v>25286</v>
      </c>
      <c r="D25212" s="6"/>
      <c r="E25212" s="6" t="s">
        <v>9</v>
      </c>
      <c r="F25212" s="7"/>
      <c r="G25212" s="8">
        <v>2888280</v>
      </c>
      <c r="H25212" s="8">
        <v>2888280</v>
      </c>
      <c r="I25212" s="8">
        <v>0</v>
      </c>
      <c r="J25212" s="8">
        <v>2888280</v>
      </c>
      <c r="K25212" s="9">
        <v>565</v>
      </c>
      <c r="L25212" s="6" t="s">
        <v>14</v>
      </c>
    </row>
    <row r="25213" spans="1:12">
      <c r="A25213" s="6" t="s">
        <v>25263</v>
      </c>
      <c r="B25213" s="6"/>
      <c r="C25213" s="6" t="s">
        <v>25287</v>
      </c>
      <c r="D25213" s="6"/>
      <c r="E25213" s="6" t="s">
        <v>9</v>
      </c>
      <c r="F25213" s="7">
        <v>38657</v>
      </c>
      <c r="G25213" s="8">
        <v>2939400</v>
      </c>
      <c r="H25213" s="8">
        <v>2939400</v>
      </c>
      <c r="I25213" s="8">
        <v>0</v>
      </c>
      <c r="J25213" s="8">
        <v>2939400</v>
      </c>
      <c r="K25213" s="9">
        <v>575</v>
      </c>
      <c r="L25213" s="6" t="s">
        <v>14</v>
      </c>
    </row>
    <row r="25214" spans="1:12">
      <c r="A25214" s="6" t="s">
        <v>25263</v>
      </c>
      <c r="B25214" s="6"/>
      <c r="C25214" s="6" t="s">
        <v>25288</v>
      </c>
      <c r="D25214" s="6"/>
      <c r="E25214" s="6" t="s">
        <v>9</v>
      </c>
      <c r="F25214" s="7">
        <v>38657</v>
      </c>
      <c r="G25214" s="8">
        <v>1973232</v>
      </c>
      <c r="H25214" s="8">
        <v>1973232</v>
      </c>
      <c r="I25214" s="8">
        <v>0</v>
      </c>
      <c r="J25214" s="8">
        <v>1973232</v>
      </c>
      <c r="K25214" s="9">
        <v>386</v>
      </c>
      <c r="L25214" s="6" t="s">
        <v>14</v>
      </c>
    </row>
    <row r="25215" spans="1:12">
      <c r="A25215" s="6" t="s">
        <v>25263</v>
      </c>
      <c r="B25215" s="6"/>
      <c r="C25215" s="6" t="s">
        <v>25289</v>
      </c>
      <c r="D25215" s="6"/>
      <c r="E25215" s="6" t="s">
        <v>9</v>
      </c>
      <c r="F25215" s="7">
        <v>38657</v>
      </c>
      <c r="G25215" s="8">
        <v>654336</v>
      </c>
      <c r="H25215" s="8">
        <v>654336</v>
      </c>
      <c r="I25215" s="8">
        <v>0</v>
      </c>
      <c r="J25215" s="8">
        <v>654336</v>
      </c>
      <c r="K25215" s="9">
        <v>128</v>
      </c>
      <c r="L25215" s="6" t="s">
        <v>14</v>
      </c>
    </row>
    <row r="25216" spans="1:12">
      <c r="A25216" s="6" t="s">
        <v>25263</v>
      </c>
      <c r="B25216" s="6"/>
      <c r="C25216" s="6" t="s">
        <v>25290</v>
      </c>
      <c r="D25216" s="6"/>
      <c r="E25216" s="6" t="s">
        <v>9</v>
      </c>
      <c r="F25216" s="7">
        <v>38657</v>
      </c>
      <c r="G25216" s="8">
        <v>265824</v>
      </c>
      <c r="H25216" s="8">
        <v>265824</v>
      </c>
      <c r="I25216" s="8">
        <v>0</v>
      </c>
      <c r="J25216" s="8">
        <v>265824</v>
      </c>
      <c r="K25216" s="9">
        <v>52</v>
      </c>
      <c r="L25216" s="6" t="s">
        <v>14</v>
      </c>
    </row>
    <row r="25217" spans="1:12">
      <c r="A25217" s="6" t="s">
        <v>25263</v>
      </c>
      <c r="B25217" s="6"/>
      <c r="C25217" s="6" t="s">
        <v>25291</v>
      </c>
      <c r="D25217" s="6"/>
      <c r="E25217" s="6" t="s">
        <v>9</v>
      </c>
      <c r="F25217" s="7">
        <v>38657</v>
      </c>
      <c r="G25217" s="8">
        <v>925272</v>
      </c>
      <c r="H25217" s="8">
        <v>925272</v>
      </c>
      <c r="I25217" s="8">
        <v>0</v>
      </c>
      <c r="J25217" s="8">
        <v>925272</v>
      </c>
      <c r="K25217" s="9">
        <v>181</v>
      </c>
      <c r="L25217" s="6" t="s">
        <v>14</v>
      </c>
    </row>
    <row r="25218" spans="1:12">
      <c r="A25218" s="6" t="s">
        <v>25263</v>
      </c>
      <c r="B25218" s="6"/>
      <c r="C25218" s="6" t="s">
        <v>25292</v>
      </c>
      <c r="D25218" s="6"/>
      <c r="E25218" s="6" t="s">
        <v>9</v>
      </c>
      <c r="F25218" s="7">
        <v>38657</v>
      </c>
      <c r="G25218" s="8">
        <v>1855656</v>
      </c>
      <c r="H25218" s="8">
        <v>1855656</v>
      </c>
      <c r="I25218" s="8">
        <v>0</v>
      </c>
      <c r="J25218" s="8">
        <v>1855656</v>
      </c>
      <c r="K25218" s="9">
        <v>363</v>
      </c>
      <c r="L25218" s="6" t="s">
        <v>14</v>
      </c>
    </row>
    <row r="25219" spans="1:12">
      <c r="A25219" s="6" t="s">
        <v>25263</v>
      </c>
      <c r="B25219" s="6"/>
      <c r="C25219" s="6" t="s">
        <v>25293</v>
      </c>
      <c r="D25219" s="6"/>
      <c r="E25219" s="6" t="s">
        <v>9</v>
      </c>
      <c r="F25219" s="7">
        <v>38657</v>
      </c>
      <c r="G25219" s="8">
        <v>925272</v>
      </c>
      <c r="H25219" s="8">
        <v>925272</v>
      </c>
      <c r="I25219" s="8">
        <v>0</v>
      </c>
      <c r="J25219" s="8">
        <v>925272</v>
      </c>
      <c r="K25219" s="9">
        <v>181</v>
      </c>
      <c r="L25219" s="6" t="s">
        <v>14</v>
      </c>
    </row>
    <row r="25220" spans="1:12">
      <c r="A25220" s="6" t="s">
        <v>25263</v>
      </c>
      <c r="B25220" s="6"/>
      <c r="C25220" s="6" t="s">
        <v>25294</v>
      </c>
      <c r="D25220" s="6"/>
      <c r="E25220" s="6" t="s">
        <v>9</v>
      </c>
      <c r="F25220" s="7">
        <v>38657</v>
      </c>
      <c r="G25220" s="8">
        <v>756576</v>
      </c>
      <c r="H25220" s="8">
        <v>756576</v>
      </c>
      <c r="I25220" s="8">
        <v>0</v>
      </c>
      <c r="J25220" s="8">
        <v>756576</v>
      </c>
      <c r="K25220" s="9">
        <v>148</v>
      </c>
      <c r="L25220" s="6" t="s">
        <v>14</v>
      </c>
    </row>
    <row r="25221" spans="1:12">
      <c r="A25221" s="6" t="s">
        <v>25263</v>
      </c>
      <c r="B25221" s="6"/>
      <c r="C25221" s="6" t="s">
        <v>25295</v>
      </c>
      <c r="D25221" s="6"/>
      <c r="E25221" s="6" t="s">
        <v>9</v>
      </c>
      <c r="F25221" s="7">
        <v>38657</v>
      </c>
      <c r="G25221" s="8">
        <v>454968</v>
      </c>
      <c r="H25221" s="8">
        <v>454968</v>
      </c>
      <c r="I25221" s="8">
        <v>0</v>
      </c>
      <c r="J25221" s="8">
        <v>454968</v>
      </c>
      <c r="K25221" s="9">
        <v>89</v>
      </c>
      <c r="L25221" s="6" t="s">
        <v>14</v>
      </c>
    </row>
    <row r="25222" spans="1:12">
      <c r="A25222" s="6" t="s">
        <v>25263</v>
      </c>
      <c r="B25222" s="6"/>
      <c r="C25222" s="6" t="s">
        <v>25296</v>
      </c>
      <c r="D25222" s="6"/>
      <c r="E25222" s="6" t="s">
        <v>9</v>
      </c>
      <c r="F25222" s="7">
        <v>38657</v>
      </c>
      <c r="G25222" s="8">
        <v>1416024</v>
      </c>
      <c r="H25222" s="8">
        <v>1416024</v>
      </c>
      <c r="I25222" s="8">
        <v>0</v>
      </c>
      <c r="J25222" s="8">
        <v>1416024</v>
      </c>
      <c r="K25222" s="9">
        <v>277</v>
      </c>
      <c r="L25222" s="6" t="s">
        <v>14</v>
      </c>
    </row>
    <row r="25223" spans="1:12">
      <c r="A25223" s="6" t="s">
        <v>25263</v>
      </c>
      <c r="B25223" s="6"/>
      <c r="C25223" s="6" t="s">
        <v>25297</v>
      </c>
      <c r="D25223" s="6"/>
      <c r="E25223" s="6" t="s">
        <v>9</v>
      </c>
      <c r="F25223" s="7">
        <v>38657</v>
      </c>
      <c r="G25223" s="8">
        <v>976392</v>
      </c>
      <c r="H25223" s="8">
        <v>976392</v>
      </c>
      <c r="I25223" s="8">
        <v>0</v>
      </c>
      <c r="J25223" s="8">
        <v>976392</v>
      </c>
      <c r="K25223" s="9">
        <v>191</v>
      </c>
      <c r="L25223" s="6" t="s">
        <v>14</v>
      </c>
    </row>
    <row r="25224" spans="1:12">
      <c r="A25224" s="6" t="s">
        <v>25263</v>
      </c>
      <c r="B25224" s="6"/>
      <c r="C25224" s="6" t="s">
        <v>25298</v>
      </c>
      <c r="D25224" s="6"/>
      <c r="E25224" s="6" t="s">
        <v>9</v>
      </c>
      <c r="F25224" s="7">
        <v>38657</v>
      </c>
      <c r="G25224" s="8">
        <v>1262664</v>
      </c>
      <c r="H25224" s="8">
        <v>1262664</v>
      </c>
      <c r="I25224" s="8">
        <v>0</v>
      </c>
      <c r="J25224" s="8">
        <v>1262664</v>
      </c>
      <c r="K25224" s="9">
        <v>247</v>
      </c>
      <c r="L25224" s="6" t="s">
        <v>14</v>
      </c>
    </row>
    <row r="25225" spans="1:12">
      <c r="A25225" s="6" t="s">
        <v>25263</v>
      </c>
      <c r="B25225" s="6"/>
      <c r="C25225" s="6" t="s">
        <v>25299</v>
      </c>
      <c r="D25225" s="6"/>
      <c r="E25225" s="6" t="s">
        <v>9</v>
      </c>
      <c r="F25225" s="7">
        <v>38657</v>
      </c>
      <c r="G25225" s="8">
        <v>741240</v>
      </c>
      <c r="H25225" s="8">
        <v>741240</v>
      </c>
      <c r="I25225" s="8">
        <v>0</v>
      </c>
      <c r="J25225" s="8">
        <v>741240</v>
      </c>
      <c r="K25225" s="9">
        <v>145</v>
      </c>
      <c r="L25225" s="6" t="s">
        <v>14</v>
      </c>
    </row>
    <row r="25226" spans="1:12">
      <c r="A25226" s="6" t="s">
        <v>25263</v>
      </c>
      <c r="B25226" s="6"/>
      <c r="C25226" s="6" t="s">
        <v>25300</v>
      </c>
      <c r="D25226" s="6"/>
      <c r="E25226" s="6" t="s">
        <v>9</v>
      </c>
      <c r="F25226" s="7">
        <v>38657</v>
      </c>
      <c r="G25226" s="8">
        <v>2228832</v>
      </c>
      <c r="H25226" s="8">
        <v>2228832</v>
      </c>
      <c r="I25226" s="8">
        <v>0</v>
      </c>
      <c r="J25226" s="8">
        <v>2228832</v>
      </c>
      <c r="K25226" s="9">
        <v>436</v>
      </c>
      <c r="L25226" s="6" t="s">
        <v>14</v>
      </c>
    </row>
    <row r="25227" spans="1:12">
      <c r="A25227" s="6" t="s">
        <v>25263</v>
      </c>
      <c r="B25227" s="6"/>
      <c r="C25227" s="6" t="s">
        <v>25301</v>
      </c>
      <c r="D25227" s="6"/>
      <c r="E25227" s="6" t="s">
        <v>9</v>
      </c>
      <c r="F25227" s="7">
        <v>38657</v>
      </c>
      <c r="G25227" s="8">
        <v>2111256</v>
      </c>
      <c r="H25227" s="8">
        <v>2111256</v>
      </c>
      <c r="I25227" s="8">
        <v>0</v>
      </c>
      <c r="J25227" s="8">
        <v>2111256</v>
      </c>
      <c r="K25227" s="9">
        <v>413</v>
      </c>
      <c r="L25227" s="6" t="s">
        <v>14</v>
      </c>
    </row>
    <row r="25228" spans="1:12">
      <c r="A25228" s="6" t="s">
        <v>25263</v>
      </c>
      <c r="B25228" s="6"/>
      <c r="C25228" s="6" t="s">
        <v>25302</v>
      </c>
      <c r="D25228" s="6"/>
      <c r="E25228" s="6" t="s">
        <v>9</v>
      </c>
      <c r="F25228" s="7">
        <v>38657</v>
      </c>
      <c r="G25228" s="8">
        <v>976392</v>
      </c>
      <c r="H25228" s="8">
        <v>976392</v>
      </c>
      <c r="I25228" s="8">
        <v>0</v>
      </c>
      <c r="J25228" s="8">
        <v>976392</v>
      </c>
      <c r="K25228" s="9">
        <v>191</v>
      </c>
      <c r="L25228" s="6" t="s">
        <v>14</v>
      </c>
    </row>
    <row r="25229" spans="1:12">
      <c r="A25229" s="6" t="s">
        <v>25263</v>
      </c>
      <c r="B25229" s="6"/>
      <c r="C25229" s="6" t="s">
        <v>25303</v>
      </c>
      <c r="D25229" s="6"/>
      <c r="E25229" s="6" t="s">
        <v>9</v>
      </c>
      <c r="F25229" s="7">
        <v>38657</v>
      </c>
      <c r="G25229" s="8">
        <v>2632680</v>
      </c>
      <c r="H25229" s="8">
        <v>2632680</v>
      </c>
      <c r="I25229" s="8">
        <v>0</v>
      </c>
      <c r="J25229" s="8">
        <v>2632680</v>
      </c>
      <c r="K25229" s="9">
        <v>515</v>
      </c>
      <c r="L25229" s="6" t="s">
        <v>14</v>
      </c>
    </row>
    <row r="25230" spans="1:12">
      <c r="A25230" s="6" t="s">
        <v>25263</v>
      </c>
      <c r="B25230" s="6"/>
      <c r="C25230" s="6" t="s">
        <v>25304</v>
      </c>
      <c r="D25230" s="6"/>
      <c r="E25230" s="6" t="s">
        <v>9</v>
      </c>
      <c r="F25230" s="7">
        <v>38657</v>
      </c>
      <c r="G25230" s="8">
        <v>1993680</v>
      </c>
      <c r="H25230" s="8">
        <v>1993680</v>
      </c>
      <c r="I25230" s="8">
        <v>0</v>
      </c>
      <c r="J25230" s="8">
        <v>1993680</v>
      </c>
      <c r="K25230" s="9">
        <v>390</v>
      </c>
      <c r="L25230" s="6" t="s">
        <v>14</v>
      </c>
    </row>
    <row r="25231" spans="1:12">
      <c r="A25231" s="6" t="s">
        <v>25263</v>
      </c>
      <c r="B25231" s="6"/>
      <c r="C25231" s="6" t="s">
        <v>25305</v>
      </c>
      <c r="D25231" s="6"/>
      <c r="E25231" s="6" t="s">
        <v>9</v>
      </c>
      <c r="F25231" s="7">
        <v>38657</v>
      </c>
      <c r="G25231" s="8">
        <v>1686960</v>
      </c>
      <c r="H25231" s="8">
        <v>1686960</v>
      </c>
      <c r="I25231" s="8">
        <v>0</v>
      </c>
      <c r="J25231" s="8">
        <v>1686960</v>
      </c>
      <c r="K25231" s="9">
        <v>330</v>
      </c>
      <c r="L25231" s="6" t="s">
        <v>14</v>
      </c>
    </row>
    <row r="25232" spans="1:12">
      <c r="A25232" s="6" t="s">
        <v>25263</v>
      </c>
      <c r="B25232" s="6"/>
      <c r="C25232" s="6" t="s">
        <v>25306</v>
      </c>
      <c r="D25232" s="6"/>
      <c r="E25232" s="6" t="s">
        <v>9</v>
      </c>
      <c r="F25232" s="7">
        <v>38657</v>
      </c>
      <c r="G25232" s="8">
        <v>1686960</v>
      </c>
      <c r="H25232" s="8">
        <v>1686960</v>
      </c>
      <c r="I25232" s="8">
        <v>0</v>
      </c>
      <c r="J25232" s="8">
        <v>1686960</v>
      </c>
      <c r="K25232" s="9">
        <v>330</v>
      </c>
      <c r="L25232" s="6" t="s">
        <v>14</v>
      </c>
    </row>
    <row r="25233" spans="1:12">
      <c r="A25233" s="6" t="s">
        <v>25263</v>
      </c>
      <c r="B25233" s="6"/>
      <c r="C25233" s="6" t="s">
        <v>25307</v>
      </c>
      <c r="D25233" s="6"/>
      <c r="E25233" s="6" t="s">
        <v>9</v>
      </c>
      <c r="F25233" s="7">
        <v>38657</v>
      </c>
      <c r="G25233" s="8">
        <v>1686960</v>
      </c>
      <c r="H25233" s="8">
        <v>1686960</v>
      </c>
      <c r="I25233" s="8">
        <v>0</v>
      </c>
      <c r="J25233" s="8">
        <v>1686960</v>
      </c>
      <c r="K25233" s="9">
        <v>330</v>
      </c>
      <c r="L25233" s="6" t="s">
        <v>14</v>
      </c>
    </row>
    <row r="25234" spans="1:12">
      <c r="A25234" s="6" t="s">
        <v>25263</v>
      </c>
      <c r="B25234" s="6"/>
      <c r="C25234" s="6" t="s">
        <v>25308</v>
      </c>
      <c r="D25234" s="6"/>
      <c r="E25234" s="6" t="s">
        <v>9</v>
      </c>
      <c r="F25234" s="7">
        <v>38657</v>
      </c>
      <c r="G25234" s="8">
        <v>1129752</v>
      </c>
      <c r="H25234" s="8">
        <v>1129752</v>
      </c>
      <c r="I25234" s="8">
        <v>0</v>
      </c>
      <c r="J25234" s="8">
        <v>1129752</v>
      </c>
      <c r="K25234" s="9">
        <v>221</v>
      </c>
      <c r="L25234" s="6" t="s">
        <v>14</v>
      </c>
    </row>
    <row r="25235" spans="1:12">
      <c r="A25235" s="6" t="s">
        <v>25263</v>
      </c>
      <c r="B25235" s="6"/>
      <c r="C25235" s="6" t="s">
        <v>25309</v>
      </c>
      <c r="D25235" s="6"/>
      <c r="E25235" s="6" t="s">
        <v>9</v>
      </c>
      <c r="F25235" s="7">
        <v>38657</v>
      </c>
      <c r="G25235" s="8">
        <v>1129752</v>
      </c>
      <c r="H25235" s="8">
        <v>1129752</v>
      </c>
      <c r="I25235" s="8">
        <v>0</v>
      </c>
      <c r="J25235" s="8">
        <v>1129752</v>
      </c>
      <c r="K25235" s="9">
        <v>221</v>
      </c>
      <c r="L25235" s="6" t="s">
        <v>14</v>
      </c>
    </row>
    <row r="25236" spans="1:12">
      <c r="A25236" s="6" t="s">
        <v>25263</v>
      </c>
      <c r="B25236" s="6"/>
      <c r="C25236" s="6" t="s">
        <v>25310</v>
      </c>
      <c r="D25236" s="6"/>
      <c r="E25236" s="6" t="s">
        <v>9</v>
      </c>
      <c r="F25236" s="7">
        <v>38657</v>
      </c>
      <c r="G25236" s="8">
        <v>2075472</v>
      </c>
      <c r="H25236" s="8">
        <v>2075472</v>
      </c>
      <c r="I25236" s="8">
        <v>0</v>
      </c>
      <c r="J25236" s="8">
        <v>2075472</v>
      </c>
      <c r="K25236" s="9">
        <v>406</v>
      </c>
      <c r="L25236" s="6" t="s">
        <v>14</v>
      </c>
    </row>
    <row r="25237" spans="1:12">
      <c r="A25237" s="6" t="s">
        <v>25263</v>
      </c>
      <c r="B25237" s="6"/>
      <c r="C25237" s="6" t="s">
        <v>25311</v>
      </c>
      <c r="D25237" s="6"/>
      <c r="E25237" s="6" t="s">
        <v>9</v>
      </c>
      <c r="F25237" s="7">
        <v>38657</v>
      </c>
      <c r="G25237" s="8">
        <v>2433312</v>
      </c>
      <c r="H25237" s="8">
        <v>2433312</v>
      </c>
      <c r="I25237" s="8">
        <v>0</v>
      </c>
      <c r="J25237" s="8">
        <v>2433312</v>
      </c>
      <c r="K25237" s="9">
        <v>476</v>
      </c>
      <c r="L25237" s="6" t="s">
        <v>14</v>
      </c>
    </row>
    <row r="25238" spans="1:12">
      <c r="A25238" s="6" t="s">
        <v>25263</v>
      </c>
      <c r="B25238" s="6"/>
      <c r="C25238" s="6" t="s">
        <v>25312</v>
      </c>
      <c r="D25238" s="6"/>
      <c r="E25238" s="6" t="s">
        <v>9</v>
      </c>
      <c r="F25238" s="7">
        <v>38657</v>
      </c>
      <c r="G25238" s="8">
        <v>1467144</v>
      </c>
      <c r="H25238" s="8">
        <v>1467144</v>
      </c>
      <c r="I25238" s="8">
        <v>0</v>
      </c>
      <c r="J25238" s="8">
        <v>1467144</v>
      </c>
      <c r="K25238" s="9">
        <v>287</v>
      </c>
      <c r="L25238" s="6" t="s">
        <v>14</v>
      </c>
    </row>
    <row r="25239" spans="1:12">
      <c r="A25239" s="6" t="s">
        <v>25263</v>
      </c>
      <c r="B25239" s="6"/>
      <c r="C25239" s="6" t="s">
        <v>25313</v>
      </c>
      <c r="D25239" s="6"/>
      <c r="E25239" s="6" t="s">
        <v>9</v>
      </c>
      <c r="F25239" s="7">
        <v>38657</v>
      </c>
      <c r="G25239" s="8">
        <v>3716424</v>
      </c>
      <c r="H25239" s="8">
        <v>3716424</v>
      </c>
      <c r="I25239" s="8">
        <v>0</v>
      </c>
      <c r="J25239" s="8">
        <v>3716424</v>
      </c>
      <c r="K25239" s="9">
        <v>727</v>
      </c>
      <c r="L25239" s="6" t="s">
        <v>14</v>
      </c>
    </row>
    <row r="25240" spans="1:12">
      <c r="A25240" s="6" t="s">
        <v>25263</v>
      </c>
      <c r="B25240" s="6"/>
      <c r="C25240" s="6" t="s">
        <v>25314</v>
      </c>
      <c r="D25240" s="6"/>
      <c r="E25240" s="6" t="s">
        <v>9</v>
      </c>
      <c r="F25240" s="7">
        <v>38657</v>
      </c>
      <c r="G25240" s="8">
        <v>1012176</v>
      </c>
      <c r="H25240" s="8">
        <v>1012176</v>
      </c>
      <c r="I25240" s="8">
        <v>0</v>
      </c>
      <c r="J25240" s="8">
        <v>1012176</v>
      </c>
      <c r="K25240" s="9">
        <v>198</v>
      </c>
      <c r="L25240" s="6" t="s">
        <v>14</v>
      </c>
    </row>
    <row r="25241" spans="1:12">
      <c r="A25241" s="6" t="s">
        <v>25263</v>
      </c>
      <c r="B25241" s="6"/>
      <c r="C25241" s="6" t="s">
        <v>25315</v>
      </c>
      <c r="D25241" s="6"/>
      <c r="E25241" s="6" t="s">
        <v>9</v>
      </c>
      <c r="F25241" s="7">
        <v>38657</v>
      </c>
      <c r="G25241" s="8">
        <v>996840</v>
      </c>
      <c r="H25241" s="8">
        <v>996840</v>
      </c>
      <c r="I25241" s="8">
        <v>0</v>
      </c>
      <c r="J25241" s="8">
        <v>996840</v>
      </c>
      <c r="K25241" s="9">
        <v>195</v>
      </c>
      <c r="L25241" s="6" t="s">
        <v>14</v>
      </c>
    </row>
    <row r="25242" spans="1:12">
      <c r="A25242" s="6" t="s">
        <v>25263</v>
      </c>
      <c r="B25242" s="6"/>
      <c r="C25242" s="6" t="s">
        <v>25316</v>
      </c>
      <c r="D25242" s="6"/>
      <c r="E25242" s="6" t="s">
        <v>9</v>
      </c>
      <c r="F25242" s="7">
        <v>38657</v>
      </c>
      <c r="G25242" s="8">
        <v>1957896</v>
      </c>
      <c r="H25242" s="8">
        <v>1957896</v>
      </c>
      <c r="I25242" s="8">
        <v>0</v>
      </c>
      <c r="J25242" s="8">
        <v>1957896</v>
      </c>
      <c r="K25242" s="9">
        <v>383</v>
      </c>
      <c r="L25242" s="6" t="s">
        <v>14</v>
      </c>
    </row>
    <row r="25243" spans="1:12">
      <c r="A25243" s="6" t="s">
        <v>25263</v>
      </c>
      <c r="B25243" s="6"/>
      <c r="C25243" s="6" t="s">
        <v>25317</v>
      </c>
      <c r="D25243" s="6"/>
      <c r="E25243" s="6" t="s">
        <v>9</v>
      </c>
      <c r="F25243" s="7">
        <v>38657</v>
      </c>
      <c r="G25243" s="8">
        <v>1211544</v>
      </c>
      <c r="H25243" s="8">
        <v>1211544</v>
      </c>
      <c r="I25243" s="8">
        <v>0</v>
      </c>
      <c r="J25243" s="8">
        <v>1211544</v>
      </c>
      <c r="K25243" s="9">
        <v>237</v>
      </c>
      <c r="L25243" s="6" t="s">
        <v>14</v>
      </c>
    </row>
    <row r="25244" spans="1:12">
      <c r="A25244" s="6" t="s">
        <v>25263</v>
      </c>
      <c r="B25244" s="6"/>
      <c r="C25244" s="6" t="s">
        <v>25318</v>
      </c>
      <c r="D25244" s="6"/>
      <c r="E25244" s="6" t="s">
        <v>9</v>
      </c>
      <c r="F25244" s="7">
        <v>38657</v>
      </c>
      <c r="G25244" s="8">
        <v>807696</v>
      </c>
      <c r="H25244" s="8">
        <v>807696</v>
      </c>
      <c r="I25244" s="8">
        <v>0</v>
      </c>
      <c r="J25244" s="8">
        <v>807696</v>
      </c>
      <c r="K25244" s="9">
        <v>158</v>
      </c>
      <c r="L25244" s="6" t="s">
        <v>14</v>
      </c>
    </row>
    <row r="25245" spans="1:12">
      <c r="A25245" s="6" t="s">
        <v>25263</v>
      </c>
      <c r="B25245" s="6"/>
      <c r="C25245" s="6" t="s">
        <v>25319</v>
      </c>
      <c r="D25245" s="6"/>
      <c r="E25245" s="6" t="s">
        <v>9</v>
      </c>
      <c r="F25245" s="7">
        <v>38657</v>
      </c>
      <c r="G25245" s="8">
        <v>1467144</v>
      </c>
      <c r="H25245" s="8">
        <v>1467144</v>
      </c>
      <c r="I25245" s="8">
        <v>0</v>
      </c>
      <c r="J25245" s="8">
        <v>1467144</v>
      </c>
      <c r="K25245" s="9">
        <v>287</v>
      </c>
      <c r="L25245" s="6" t="s">
        <v>14</v>
      </c>
    </row>
    <row r="25246" spans="1:12">
      <c r="A25246" s="6" t="s">
        <v>25263</v>
      </c>
      <c r="B25246" s="6"/>
      <c r="C25246" s="6" t="s">
        <v>25320</v>
      </c>
      <c r="D25246" s="6"/>
      <c r="E25246" s="6" t="s">
        <v>9</v>
      </c>
      <c r="F25246" s="7">
        <v>38657</v>
      </c>
      <c r="G25246" s="8">
        <v>1431360</v>
      </c>
      <c r="H25246" s="8">
        <v>1431360</v>
      </c>
      <c r="I25246" s="8">
        <v>0</v>
      </c>
      <c r="J25246" s="8">
        <v>1431360</v>
      </c>
      <c r="K25246" s="9">
        <v>280</v>
      </c>
      <c r="L25246" s="6" t="s">
        <v>14</v>
      </c>
    </row>
    <row r="25247" spans="1:12">
      <c r="A25247" s="6" t="s">
        <v>25263</v>
      </c>
      <c r="B25247" s="6"/>
      <c r="C25247" s="6" t="s">
        <v>25321</v>
      </c>
      <c r="D25247" s="6"/>
      <c r="E25247" s="6" t="s">
        <v>9</v>
      </c>
      <c r="F25247" s="7">
        <v>38657</v>
      </c>
      <c r="G25247" s="8">
        <v>608328</v>
      </c>
      <c r="H25247" s="8">
        <v>608328</v>
      </c>
      <c r="I25247" s="8">
        <v>0</v>
      </c>
      <c r="J25247" s="8">
        <v>608328</v>
      </c>
      <c r="K25247" s="9">
        <v>119</v>
      </c>
      <c r="L25247" s="6" t="s">
        <v>14</v>
      </c>
    </row>
    <row r="25248" spans="1:12">
      <c r="A25248" s="6" t="s">
        <v>25263</v>
      </c>
      <c r="B25248" s="6"/>
      <c r="C25248" s="6" t="s">
        <v>25322</v>
      </c>
      <c r="D25248" s="6"/>
      <c r="E25248" s="6" t="s">
        <v>9</v>
      </c>
      <c r="F25248" s="7">
        <v>38657</v>
      </c>
      <c r="G25248" s="8">
        <v>1231992</v>
      </c>
      <c r="H25248" s="8">
        <v>1231992</v>
      </c>
      <c r="I25248" s="8">
        <v>0</v>
      </c>
      <c r="J25248" s="8">
        <v>1231992</v>
      </c>
      <c r="K25248" s="9">
        <v>241</v>
      </c>
      <c r="L25248" s="6" t="s">
        <v>14</v>
      </c>
    </row>
    <row r="25249" spans="1:12">
      <c r="A25249" s="6" t="s">
        <v>25263</v>
      </c>
      <c r="B25249" s="6"/>
      <c r="C25249" s="6" t="s">
        <v>25323</v>
      </c>
      <c r="D25249" s="6"/>
      <c r="E25249" s="6" t="s">
        <v>9</v>
      </c>
      <c r="F25249" s="7">
        <v>38657</v>
      </c>
      <c r="G25249" s="8">
        <v>608328</v>
      </c>
      <c r="H25249" s="8">
        <v>608328</v>
      </c>
      <c r="I25249" s="8">
        <v>0</v>
      </c>
      <c r="J25249" s="8">
        <v>608328</v>
      </c>
      <c r="K25249" s="9">
        <v>119</v>
      </c>
      <c r="L25249" s="6" t="s">
        <v>14</v>
      </c>
    </row>
    <row r="25250" spans="1:12">
      <c r="A25250" s="6" t="s">
        <v>25263</v>
      </c>
      <c r="B25250" s="6"/>
      <c r="C25250" s="6" t="s">
        <v>25324</v>
      </c>
      <c r="D25250" s="6"/>
      <c r="E25250" s="6" t="s">
        <v>9</v>
      </c>
      <c r="F25250" s="7">
        <v>38657</v>
      </c>
      <c r="G25250" s="8">
        <v>1129752</v>
      </c>
      <c r="H25250" s="8">
        <v>1129752</v>
      </c>
      <c r="I25250" s="8">
        <v>0</v>
      </c>
      <c r="J25250" s="8">
        <v>1129752</v>
      </c>
      <c r="K25250" s="9">
        <v>221</v>
      </c>
      <c r="L25250" s="6" t="s">
        <v>14</v>
      </c>
    </row>
    <row r="25251" spans="1:12">
      <c r="A25251" s="6" t="s">
        <v>25263</v>
      </c>
      <c r="B25251" s="6"/>
      <c r="C25251" s="6" t="s">
        <v>25325</v>
      </c>
      <c r="D25251" s="6"/>
      <c r="E25251" s="6" t="s">
        <v>9</v>
      </c>
      <c r="F25251" s="7">
        <v>38657</v>
      </c>
      <c r="G25251" s="8">
        <v>2213496</v>
      </c>
      <c r="H25251" s="8">
        <v>2213496</v>
      </c>
      <c r="I25251" s="8">
        <v>0</v>
      </c>
      <c r="J25251" s="8">
        <v>2213496</v>
      </c>
      <c r="K25251" s="9">
        <v>433</v>
      </c>
      <c r="L25251" s="6" t="s">
        <v>14</v>
      </c>
    </row>
    <row r="25252" spans="1:12">
      <c r="A25252" s="6" t="s">
        <v>25263</v>
      </c>
      <c r="B25252" s="6"/>
      <c r="C25252" s="6" t="s">
        <v>25326</v>
      </c>
      <c r="D25252" s="6"/>
      <c r="E25252" s="6" t="s">
        <v>9</v>
      </c>
      <c r="F25252" s="7">
        <v>38657</v>
      </c>
      <c r="G25252" s="8">
        <v>1482480</v>
      </c>
      <c r="H25252" s="8">
        <v>1482480</v>
      </c>
      <c r="I25252" s="8">
        <v>0</v>
      </c>
      <c r="J25252" s="8">
        <v>1482480</v>
      </c>
      <c r="K25252" s="9">
        <v>290</v>
      </c>
      <c r="L25252" s="6" t="s">
        <v>14</v>
      </c>
    </row>
    <row r="25253" spans="1:12">
      <c r="A25253" s="6" t="s">
        <v>25263</v>
      </c>
      <c r="B25253" s="6"/>
      <c r="C25253" s="6" t="s">
        <v>25327</v>
      </c>
      <c r="D25253" s="6"/>
      <c r="E25253" s="6" t="s">
        <v>9</v>
      </c>
      <c r="F25253" s="7">
        <v>38657</v>
      </c>
      <c r="G25253" s="8">
        <v>976392</v>
      </c>
      <c r="H25253" s="8">
        <v>976392</v>
      </c>
      <c r="I25253" s="8">
        <v>0</v>
      </c>
      <c r="J25253" s="8">
        <v>976392</v>
      </c>
      <c r="K25253" s="9">
        <v>191</v>
      </c>
      <c r="L25253" s="6" t="s">
        <v>14</v>
      </c>
    </row>
    <row r="25254" spans="1:12">
      <c r="A25254" s="6" t="s">
        <v>25263</v>
      </c>
      <c r="B25254" s="6"/>
      <c r="C25254" s="6" t="s">
        <v>25328</v>
      </c>
      <c r="D25254" s="6"/>
      <c r="E25254" s="6" t="s">
        <v>9</v>
      </c>
      <c r="F25254" s="7">
        <v>38657</v>
      </c>
      <c r="G25254" s="8">
        <v>1431360</v>
      </c>
      <c r="H25254" s="8">
        <v>1431360</v>
      </c>
      <c r="I25254" s="8">
        <v>0</v>
      </c>
      <c r="J25254" s="8">
        <v>1431360</v>
      </c>
      <c r="K25254" s="9">
        <v>280</v>
      </c>
      <c r="L25254" s="6" t="s">
        <v>14</v>
      </c>
    </row>
    <row r="25255" spans="1:12">
      <c r="A25255" s="6" t="s">
        <v>25263</v>
      </c>
      <c r="B25255" s="6"/>
      <c r="C25255" s="6" t="s">
        <v>25329</v>
      </c>
      <c r="D25255" s="6"/>
      <c r="E25255" s="6" t="s">
        <v>9</v>
      </c>
      <c r="F25255" s="7">
        <v>38657</v>
      </c>
      <c r="G25255" s="8">
        <v>725904</v>
      </c>
      <c r="H25255" s="8">
        <v>725904</v>
      </c>
      <c r="I25255" s="8">
        <v>0</v>
      </c>
      <c r="J25255" s="8">
        <v>725904</v>
      </c>
      <c r="K25255" s="9">
        <v>142</v>
      </c>
      <c r="L25255" s="6" t="s">
        <v>14</v>
      </c>
    </row>
    <row r="25256" spans="1:12">
      <c r="A25256" s="6" t="s">
        <v>25263</v>
      </c>
      <c r="B25256" s="6"/>
      <c r="C25256" s="6" t="s">
        <v>25330</v>
      </c>
      <c r="D25256" s="6"/>
      <c r="E25256" s="6" t="s">
        <v>9</v>
      </c>
      <c r="F25256" s="7">
        <v>38657</v>
      </c>
      <c r="G25256" s="8">
        <v>756576</v>
      </c>
      <c r="H25256" s="8">
        <v>756576</v>
      </c>
      <c r="I25256" s="8">
        <v>0</v>
      </c>
      <c r="J25256" s="8">
        <v>756576</v>
      </c>
      <c r="K25256" s="9">
        <v>148</v>
      </c>
      <c r="L25256" s="6" t="s">
        <v>14</v>
      </c>
    </row>
    <row r="25257" spans="1:12">
      <c r="A25257" s="6" t="s">
        <v>25263</v>
      </c>
      <c r="B25257" s="6"/>
      <c r="C25257" s="6" t="s">
        <v>25331</v>
      </c>
      <c r="D25257" s="6"/>
      <c r="E25257" s="6" t="s">
        <v>9</v>
      </c>
      <c r="F25257" s="7">
        <v>38657</v>
      </c>
      <c r="G25257" s="8">
        <v>521424</v>
      </c>
      <c r="H25257" s="8">
        <v>521424</v>
      </c>
      <c r="I25257" s="8">
        <v>0</v>
      </c>
      <c r="J25257" s="8">
        <v>521424</v>
      </c>
      <c r="K25257" s="9">
        <v>102</v>
      </c>
      <c r="L25257" s="6" t="s">
        <v>14</v>
      </c>
    </row>
    <row r="25258" spans="1:12">
      <c r="A25258" s="6" t="s">
        <v>25263</v>
      </c>
      <c r="B25258" s="6"/>
      <c r="C25258" s="6" t="s">
        <v>25332</v>
      </c>
      <c r="D25258" s="6"/>
      <c r="E25258" s="6" t="s">
        <v>9</v>
      </c>
      <c r="F25258" s="7">
        <v>38657</v>
      </c>
      <c r="G25258" s="8">
        <v>1247328</v>
      </c>
      <c r="H25258" s="8">
        <v>1247328</v>
      </c>
      <c r="I25258" s="8">
        <v>0</v>
      </c>
      <c r="J25258" s="8">
        <v>1247328</v>
      </c>
      <c r="K25258" s="9">
        <v>244</v>
      </c>
      <c r="L25258" s="6" t="s">
        <v>14</v>
      </c>
    </row>
    <row r="25259" spans="1:12">
      <c r="A25259" s="6" t="s">
        <v>25263</v>
      </c>
      <c r="B25259" s="6"/>
      <c r="C25259" s="6" t="s">
        <v>25333</v>
      </c>
      <c r="D25259" s="6"/>
      <c r="E25259" s="6" t="s">
        <v>9</v>
      </c>
      <c r="F25259" s="7">
        <v>38657</v>
      </c>
      <c r="G25259" s="8">
        <v>337392</v>
      </c>
      <c r="H25259" s="8">
        <v>337392</v>
      </c>
      <c r="I25259" s="8">
        <v>0</v>
      </c>
      <c r="J25259" s="8">
        <v>337392</v>
      </c>
      <c r="K25259" s="9">
        <v>66</v>
      </c>
      <c r="L25259" s="6" t="s">
        <v>14</v>
      </c>
    </row>
    <row r="25260" spans="1:12">
      <c r="A25260" s="6" t="s">
        <v>25263</v>
      </c>
      <c r="B25260" s="6"/>
      <c r="C25260" s="6" t="s">
        <v>25334</v>
      </c>
      <c r="D25260" s="6"/>
      <c r="E25260" s="6" t="s">
        <v>9</v>
      </c>
      <c r="F25260" s="7">
        <v>38657</v>
      </c>
      <c r="G25260" s="8">
        <v>572544</v>
      </c>
      <c r="H25260" s="8">
        <v>572544</v>
      </c>
      <c r="I25260" s="8">
        <v>0</v>
      </c>
      <c r="J25260" s="8">
        <v>572544</v>
      </c>
      <c r="K25260" s="9">
        <v>112</v>
      </c>
      <c r="L25260" s="6" t="s">
        <v>14</v>
      </c>
    </row>
    <row r="25261" spans="1:12">
      <c r="A25261" s="6" t="s">
        <v>25263</v>
      </c>
      <c r="B25261" s="6"/>
      <c r="C25261" s="6" t="s">
        <v>25335</v>
      </c>
      <c r="D25261" s="6"/>
      <c r="E25261" s="6" t="s">
        <v>9</v>
      </c>
      <c r="F25261" s="7">
        <v>38657</v>
      </c>
      <c r="G25261" s="8">
        <v>5740776</v>
      </c>
      <c r="H25261" s="8">
        <v>5740776</v>
      </c>
      <c r="I25261" s="8">
        <v>0</v>
      </c>
      <c r="J25261" s="8">
        <v>5740776</v>
      </c>
      <c r="K25261" s="9">
        <v>1123</v>
      </c>
      <c r="L25261" s="6" t="s">
        <v>14</v>
      </c>
    </row>
    <row r="25262" spans="1:12">
      <c r="A25262" s="6" t="s">
        <v>25263</v>
      </c>
      <c r="B25262" s="6"/>
      <c r="C25262" s="6" t="s">
        <v>25336</v>
      </c>
      <c r="D25262" s="6"/>
      <c r="E25262" s="6" t="s">
        <v>9</v>
      </c>
      <c r="F25262" s="7">
        <v>38657</v>
      </c>
      <c r="G25262" s="8">
        <v>1824984</v>
      </c>
      <c r="H25262" s="8">
        <v>1824984</v>
      </c>
      <c r="I25262" s="8">
        <v>0</v>
      </c>
      <c r="J25262" s="8">
        <v>1824984</v>
      </c>
      <c r="K25262" s="9">
        <v>357</v>
      </c>
      <c r="L25262" s="6" t="s">
        <v>14</v>
      </c>
    </row>
    <row r="25263" spans="1:12">
      <c r="A25263" s="6" t="s">
        <v>25263</v>
      </c>
      <c r="B25263" s="6"/>
      <c r="C25263" s="6" t="s">
        <v>25337</v>
      </c>
      <c r="D25263" s="6"/>
      <c r="E25263" s="6" t="s">
        <v>9</v>
      </c>
      <c r="F25263" s="7">
        <v>38657</v>
      </c>
      <c r="G25263" s="8">
        <v>1569384</v>
      </c>
      <c r="H25263" s="8">
        <v>1569384</v>
      </c>
      <c r="I25263" s="8">
        <v>0</v>
      </c>
      <c r="J25263" s="8">
        <v>1569384</v>
      </c>
      <c r="K25263" s="9">
        <v>307</v>
      </c>
      <c r="L25263" s="6" t="s">
        <v>14</v>
      </c>
    </row>
    <row r="25264" spans="1:12">
      <c r="A25264" s="6" t="s">
        <v>25263</v>
      </c>
      <c r="B25264" s="6"/>
      <c r="C25264" s="6" t="s">
        <v>25338</v>
      </c>
      <c r="D25264" s="6"/>
      <c r="E25264" s="6" t="s">
        <v>9</v>
      </c>
      <c r="F25264" s="7">
        <v>38657</v>
      </c>
      <c r="G25264" s="8">
        <v>843480</v>
      </c>
      <c r="H25264" s="8">
        <v>843480</v>
      </c>
      <c r="I25264" s="8">
        <v>0</v>
      </c>
      <c r="J25264" s="8">
        <v>843480</v>
      </c>
      <c r="K25264" s="9">
        <v>165</v>
      </c>
      <c r="L25264" s="6" t="s">
        <v>14</v>
      </c>
    </row>
    <row r="25265" spans="1:12">
      <c r="A25265" s="6" t="s">
        <v>25263</v>
      </c>
      <c r="B25265" s="6"/>
      <c r="C25265" s="6" t="s">
        <v>25339</v>
      </c>
      <c r="D25265" s="6"/>
      <c r="E25265" s="6" t="s">
        <v>9</v>
      </c>
      <c r="F25265" s="7">
        <v>38657</v>
      </c>
      <c r="G25265" s="8">
        <v>214704</v>
      </c>
      <c r="H25265" s="8">
        <v>214704</v>
      </c>
      <c r="I25265" s="8">
        <v>0</v>
      </c>
      <c r="J25265" s="8">
        <v>214704</v>
      </c>
      <c r="K25265" s="9">
        <v>42</v>
      </c>
      <c r="L25265" s="6" t="s">
        <v>14</v>
      </c>
    </row>
    <row r="25266" spans="1:12">
      <c r="A25266" s="6" t="s">
        <v>25263</v>
      </c>
      <c r="B25266" s="6"/>
      <c r="C25266" s="6" t="s">
        <v>25340</v>
      </c>
      <c r="D25266" s="6"/>
      <c r="E25266" s="6" t="s">
        <v>9</v>
      </c>
      <c r="F25266" s="7">
        <v>38657</v>
      </c>
      <c r="G25266" s="8">
        <v>265824</v>
      </c>
      <c r="H25266" s="8">
        <v>265824</v>
      </c>
      <c r="I25266" s="8">
        <v>0</v>
      </c>
      <c r="J25266" s="8">
        <v>265824</v>
      </c>
      <c r="K25266" s="9">
        <v>52</v>
      </c>
      <c r="L25266" s="6" t="s">
        <v>14</v>
      </c>
    </row>
    <row r="25267" spans="1:12">
      <c r="A25267" s="6" t="s">
        <v>25263</v>
      </c>
      <c r="B25267" s="6"/>
      <c r="C25267" s="6" t="s">
        <v>25341</v>
      </c>
      <c r="D25267" s="6"/>
      <c r="E25267" s="6" t="s">
        <v>9</v>
      </c>
      <c r="F25267" s="7">
        <v>38657</v>
      </c>
      <c r="G25267" s="8">
        <v>2044800</v>
      </c>
      <c r="H25267" s="8">
        <v>2044800</v>
      </c>
      <c r="I25267" s="8">
        <v>0</v>
      </c>
      <c r="J25267" s="8">
        <v>2044800</v>
      </c>
      <c r="K25267" s="9">
        <v>400</v>
      </c>
      <c r="L25267" s="6" t="s">
        <v>14</v>
      </c>
    </row>
    <row r="25268" spans="1:12">
      <c r="A25268" s="6" t="s">
        <v>25263</v>
      </c>
      <c r="B25268" s="6"/>
      <c r="C25268" s="6" t="s">
        <v>25342</v>
      </c>
      <c r="D25268" s="6"/>
      <c r="E25268" s="6" t="s">
        <v>9</v>
      </c>
      <c r="F25268" s="7">
        <v>38657</v>
      </c>
      <c r="G25268" s="8">
        <v>1855656</v>
      </c>
      <c r="H25268" s="8">
        <v>1855656</v>
      </c>
      <c r="I25268" s="8">
        <v>0</v>
      </c>
      <c r="J25268" s="8">
        <v>1855656</v>
      </c>
      <c r="K25268" s="9">
        <v>363</v>
      </c>
      <c r="L25268" s="6" t="s">
        <v>14</v>
      </c>
    </row>
    <row r="25269" spans="1:12">
      <c r="A25269" s="6" t="s">
        <v>25263</v>
      </c>
      <c r="B25269" s="6"/>
      <c r="C25269" s="6" t="s">
        <v>25343</v>
      </c>
      <c r="D25269" s="6"/>
      <c r="E25269" s="6" t="s">
        <v>9</v>
      </c>
      <c r="F25269" s="7">
        <v>38657</v>
      </c>
      <c r="G25269" s="8">
        <v>337392</v>
      </c>
      <c r="H25269" s="8">
        <v>337392</v>
      </c>
      <c r="I25269" s="8">
        <v>0</v>
      </c>
      <c r="J25269" s="8">
        <v>337392</v>
      </c>
      <c r="K25269" s="9">
        <v>66</v>
      </c>
      <c r="L25269" s="6" t="s">
        <v>14</v>
      </c>
    </row>
    <row r="25270" spans="1:12">
      <c r="A25270" s="6" t="s">
        <v>25263</v>
      </c>
      <c r="B25270" s="6"/>
      <c r="C25270" s="6" t="s">
        <v>25344</v>
      </c>
      <c r="D25270" s="6"/>
      <c r="E25270" s="6" t="s">
        <v>9</v>
      </c>
      <c r="F25270" s="7">
        <v>38657</v>
      </c>
      <c r="G25270" s="8">
        <v>1196208</v>
      </c>
      <c r="H25270" s="8">
        <v>1196208</v>
      </c>
      <c r="I25270" s="8">
        <v>0</v>
      </c>
      <c r="J25270" s="8">
        <v>1196208</v>
      </c>
      <c r="K25270" s="9">
        <v>234</v>
      </c>
      <c r="L25270" s="6" t="s">
        <v>14</v>
      </c>
    </row>
    <row r="25271" spans="1:12">
      <c r="A25271" s="6" t="s">
        <v>25263</v>
      </c>
      <c r="B25271" s="6"/>
      <c r="C25271" s="6" t="s">
        <v>25345</v>
      </c>
      <c r="D25271" s="6"/>
      <c r="E25271" s="6" t="s">
        <v>9</v>
      </c>
      <c r="F25271" s="7">
        <v>38657</v>
      </c>
      <c r="G25271" s="8">
        <v>1196208</v>
      </c>
      <c r="H25271" s="8">
        <v>1196208</v>
      </c>
      <c r="I25271" s="8">
        <v>0</v>
      </c>
      <c r="J25271" s="8">
        <v>1196208</v>
      </c>
      <c r="K25271" s="9">
        <v>234</v>
      </c>
      <c r="L25271" s="6" t="s">
        <v>14</v>
      </c>
    </row>
    <row r="25272" spans="1:12">
      <c r="A25272" s="6" t="s">
        <v>25263</v>
      </c>
      <c r="B25272" s="6"/>
      <c r="C25272" s="6" t="s">
        <v>25346</v>
      </c>
      <c r="D25272" s="6"/>
      <c r="E25272" s="6" t="s">
        <v>9</v>
      </c>
      <c r="F25272" s="7">
        <v>38657</v>
      </c>
      <c r="G25272" s="8">
        <v>608328</v>
      </c>
      <c r="H25272" s="8">
        <v>608328</v>
      </c>
      <c r="I25272" s="8">
        <v>0</v>
      </c>
      <c r="J25272" s="8">
        <v>608328</v>
      </c>
      <c r="K25272" s="9">
        <v>119</v>
      </c>
      <c r="L25272" s="6" t="s">
        <v>14</v>
      </c>
    </row>
    <row r="25273" spans="1:12">
      <c r="A25273" s="6" t="s">
        <v>25263</v>
      </c>
      <c r="B25273" s="6"/>
      <c r="C25273" s="6" t="s">
        <v>25347</v>
      </c>
      <c r="D25273" s="6"/>
      <c r="E25273" s="6" t="s">
        <v>9</v>
      </c>
      <c r="F25273" s="7">
        <v>38657</v>
      </c>
      <c r="G25273" s="8">
        <v>1686960</v>
      </c>
      <c r="H25273" s="8">
        <v>1686960</v>
      </c>
      <c r="I25273" s="8">
        <v>0</v>
      </c>
      <c r="J25273" s="8">
        <v>1686960</v>
      </c>
      <c r="K25273" s="9">
        <v>330</v>
      </c>
      <c r="L25273" s="6" t="s">
        <v>14</v>
      </c>
    </row>
    <row r="25274" spans="1:12">
      <c r="A25274" s="6" t="s">
        <v>25263</v>
      </c>
      <c r="B25274" s="6"/>
      <c r="C25274" s="6" t="s">
        <v>25348</v>
      </c>
      <c r="D25274" s="6"/>
      <c r="E25274" s="6" t="s">
        <v>9</v>
      </c>
      <c r="F25274" s="7">
        <v>38657</v>
      </c>
      <c r="G25274" s="8">
        <v>3343248</v>
      </c>
      <c r="H25274" s="8">
        <v>3343248</v>
      </c>
      <c r="I25274" s="8">
        <v>0</v>
      </c>
      <c r="J25274" s="8">
        <v>3343248</v>
      </c>
      <c r="K25274" s="9">
        <v>654</v>
      </c>
      <c r="L25274" s="6" t="s">
        <v>14</v>
      </c>
    </row>
    <row r="25275" spans="1:12">
      <c r="A25275" s="6" t="s">
        <v>25263</v>
      </c>
      <c r="B25275" s="6"/>
      <c r="C25275" s="6" t="s">
        <v>25349</v>
      </c>
      <c r="D25275" s="6"/>
      <c r="E25275" s="6" t="s">
        <v>9</v>
      </c>
      <c r="F25275" s="7">
        <v>38657</v>
      </c>
      <c r="G25275" s="8">
        <v>2750256</v>
      </c>
      <c r="H25275" s="8">
        <v>2750256</v>
      </c>
      <c r="I25275" s="8">
        <v>0</v>
      </c>
      <c r="J25275" s="8">
        <v>2750256</v>
      </c>
      <c r="K25275" s="9">
        <v>538</v>
      </c>
      <c r="L25275" s="6" t="s">
        <v>14</v>
      </c>
    </row>
    <row r="25276" spans="1:12">
      <c r="A25276" s="6" t="s">
        <v>25263</v>
      </c>
      <c r="B25276" s="6"/>
      <c r="C25276" s="6" t="s">
        <v>25350</v>
      </c>
      <c r="D25276" s="6"/>
      <c r="E25276" s="6" t="s">
        <v>9</v>
      </c>
      <c r="F25276" s="7">
        <v>38657</v>
      </c>
      <c r="G25276" s="8">
        <v>1165536</v>
      </c>
      <c r="H25276" s="8">
        <v>1165536</v>
      </c>
      <c r="I25276" s="8">
        <v>0</v>
      </c>
      <c r="J25276" s="8">
        <v>1165536</v>
      </c>
      <c r="K25276" s="9">
        <v>228</v>
      </c>
      <c r="L25276" s="6" t="s">
        <v>14</v>
      </c>
    </row>
    <row r="25277" spans="1:12">
      <c r="A25277" s="6" t="s">
        <v>25263</v>
      </c>
      <c r="B25277" s="6"/>
      <c r="C25277" s="6" t="s">
        <v>25351</v>
      </c>
      <c r="D25277" s="6"/>
      <c r="E25277" s="6" t="s">
        <v>9</v>
      </c>
      <c r="F25277" s="7">
        <v>38657</v>
      </c>
      <c r="G25277" s="8">
        <v>301608</v>
      </c>
      <c r="H25277" s="8">
        <v>301608</v>
      </c>
      <c r="I25277" s="8">
        <v>0</v>
      </c>
      <c r="J25277" s="8">
        <v>301608</v>
      </c>
      <c r="K25277" s="9">
        <v>59</v>
      </c>
      <c r="L25277" s="6" t="s">
        <v>14</v>
      </c>
    </row>
    <row r="25278" spans="1:12">
      <c r="A25278" s="6" t="s">
        <v>25263</v>
      </c>
      <c r="B25278" s="6"/>
      <c r="C25278" s="6" t="s">
        <v>25352</v>
      </c>
      <c r="D25278" s="6"/>
      <c r="E25278" s="6" t="s">
        <v>9</v>
      </c>
      <c r="F25278" s="7">
        <v>38657</v>
      </c>
      <c r="G25278" s="8">
        <v>1216656</v>
      </c>
      <c r="H25278" s="8">
        <v>1216656</v>
      </c>
      <c r="I25278" s="8">
        <v>0</v>
      </c>
      <c r="J25278" s="8">
        <v>1216656</v>
      </c>
      <c r="K25278" s="9">
        <v>238</v>
      </c>
      <c r="L25278" s="6" t="s">
        <v>14</v>
      </c>
    </row>
    <row r="25279" spans="1:12">
      <c r="A25279" s="6" t="s">
        <v>25263</v>
      </c>
      <c r="B25279" s="6"/>
      <c r="C25279" s="6" t="s">
        <v>25353</v>
      </c>
      <c r="D25279" s="6"/>
      <c r="E25279" s="6" t="s">
        <v>9</v>
      </c>
      <c r="F25279" s="7">
        <v>38657</v>
      </c>
      <c r="G25279" s="8">
        <v>506088</v>
      </c>
      <c r="H25279" s="8">
        <v>506088</v>
      </c>
      <c r="I25279" s="8">
        <v>0</v>
      </c>
      <c r="J25279" s="8">
        <v>506088</v>
      </c>
      <c r="K25279" s="9">
        <v>99</v>
      </c>
      <c r="L25279" s="6" t="s">
        <v>14</v>
      </c>
    </row>
    <row r="25280" spans="1:12">
      <c r="A25280" s="6" t="s">
        <v>25263</v>
      </c>
      <c r="B25280" s="6"/>
      <c r="C25280" s="6" t="s">
        <v>25354</v>
      </c>
      <c r="D25280" s="6"/>
      <c r="E25280" s="6" t="s">
        <v>9</v>
      </c>
      <c r="F25280" s="7">
        <v>38657</v>
      </c>
      <c r="G25280" s="8">
        <v>132912</v>
      </c>
      <c r="H25280" s="8">
        <v>132912</v>
      </c>
      <c r="I25280" s="8">
        <v>0</v>
      </c>
      <c r="J25280" s="8">
        <v>132912</v>
      </c>
      <c r="K25280" s="9">
        <v>26</v>
      </c>
      <c r="L25280" s="6" t="s">
        <v>14</v>
      </c>
    </row>
    <row r="25281" spans="1:12">
      <c r="A25281" s="6" t="s">
        <v>25263</v>
      </c>
      <c r="B25281" s="6"/>
      <c r="C25281" s="6" t="s">
        <v>25355</v>
      </c>
      <c r="D25281" s="6"/>
      <c r="E25281" s="6" t="s">
        <v>9</v>
      </c>
      <c r="F25281" s="7">
        <v>38657</v>
      </c>
      <c r="G25281" s="8">
        <v>434520</v>
      </c>
      <c r="H25281" s="8">
        <v>434520</v>
      </c>
      <c r="I25281" s="8">
        <v>0</v>
      </c>
      <c r="J25281" s="8">
        <v>434520</v>
      </c>
      <c r="K25281" s="9">
        <v>85</v>
      </c>
      <c r="L25281" s="6" t="s">
        <v>14</v>
      </c>
    </row>
    <row r="25282" spans="1:12">
      <c r="A25282" s="6" t="s">
        <v>25263</v>
      </c>
      <c r="B25282" s="6"/>
      <c r="C25282" s="6" t="s">
        <v>25356</v>
      </c>
      <c r="D25282" s="6"/>
      <c r="E25282" s="6" t="s">
        <v>9</v>
      </c>
      <c r="F25282" s="7">
        <v>38657</v>
      </c>
      <c r="G25282" s="8">
        <v>66456</v>
      </c>
      <c r="H25282" s="8">
        <v>66456</v>
      </c>
      <c r="I25282" s="8">
        <v>0</v>
      </c>
      <c r="J25282" s="8">
        <v>66456</v>
      </c>
      <c r="K25282" s="9">
        <v>13</v>
      </c>
      <c r="L25282" s="6" t="s">
        <v>14</v>
      </c>
    </row>
    <row r="25283" spans="1:12">
      <c r="A25283" s="6" t="s">
        <v>25263</v>
      </c>
      <c r="B25283" s="6"/>
      <c r="C25283" s="6" t="s">
        <v>25357</v>
      </c>
      <c r="D25283" s="6"/>
      <c r="E25283" s="6" t="s">
        <v>9</v>
      </c>
      <c r="F25283" s="7">
        <v>38657</v>
      </c>
      <c r="G25283" s="8">
        <v>608328</v>
      </c>
      <c r="H25283" s="8">
        <v>608328</v>
      </c>
      <c r="I25283" s="8">
        <v>0</v>
      </c>
      <c r="J25283" s="8">
        <v>608328</v>
      </c>
      <c r="K25283" s="9">
        <v>119</v>
      </c>
      <c r="L25283" s="6" t="s">
        <v>14</v>
      </c>
    </row>
    <row r="25284" spans="1:12">
      <c r="A25284" s="6" t="s">
        <v>25263</v>
      </c>
      <c r="B25284" s="6"/>
      <c r="C25284" s="6" t="s">
        <v>25358</v>
      </c>
      <c r="D25284" s="6"/>
      <c r="E25284" s="6" t="s">
        <v>9</v>
      </c>
      <c r="F25284" s="7">
        <v>38657</v>
      </c>
      <c r="G25284" s="8">
        <v>168696</v>
      </c>
      <c r="H25284" s="8">
        <v>168696</v>
      </c>
      <c r="I25284" s="8">
        <v>0</v>
      </c>
      <c r="J25284" s="8">
        <v>168696</v>
      </c>
      <c r="K25284" s="9">
        <v>33</v>
      </c>
      <c r="L25284" s="6" t="s">
        <v>14</v>
      </c>
    </row>
    <row r="25285" spans="1:12">
      <c r="A25285" s="6" t="s">
        <v>25263</v>
      </c>
      <c r="B25285" s="6"/>
      <c r="C25285" s="6" t="s">
        <v>25359</v>
      </c>
      <c r="D25285" s="6"/>
      <c r="E25285" s="6" t="s">
        <v>9</v>
      </c>
      <c r="F25285" s="7">
        <v>38657</v>
      </c>
      <c r="G25285" s="8">
        <v>1451808</v>
      </c>
      <c r="H25285" s="8">
        <v>1451808</v>
      </c>
      <c r="I25285" s="8">
        <v>0</v>
      </c>
      <c r="J25285" s="8">
        <v>1451808</v>
      </c>
      <c r="K25285" s="9">
        <v>284</v>
      </c>
      <c r="L25285" s="6" t="s">
        <v>14</v>
      </c>
    </row>
    <row r="25286" spans="1:12">
      <c r="A25286" s="6" t="s">
        <v>25263</v>
      </c>
      <c r="B25286" s="6"/>
      <c r="C25286" s="6" t="s">
        <v>25360</v>
      </c>
      <c r="D25286" s="6"/>
      <c r="E25286" s="6" t="s">
        <v>9</v>
      </c>
      <c r="F25286" s="7">
        <v>38657</v>
      </c>
      <c r="G25286" s="8">
        <v>250488</v>
      </c>
      <c r="H25286" s="8">
        <v>250488</v>
      </c>
      <c r="I25286" s="8">
        <v>0</v>
      </c>
      <c r="J25286" s="8">
        <v>250488</v>
      </c>
      <c r="K25286" s="9">
        <v>49</v>
      </c>
      <c r="L25286" s="6" t="s">
        <v>14</v>
      </c>
    </row>
    <row r="25287" spans="1:12">
      <c r="A25287" s="6" t="s">
        <v>25263</v>
      </c>
      <c r="B25287" s="6"/>
      <c r="C25287" s="6" t="s">
        <v>25361</v>
      </c>
      <c r="D25287" s="6"/>
      <c r="E25287" s="6" t="s">
        <v>9</v>
      </c>
      <c r="F25287" s="7">
        <v>38657</v>
      </c>
      <c r="G25287" s="8">
        <v>1554048</v>
      </c>
      <c r="H25287" s="8">
        <v>1554048</v>
      </c>
      <c r="I25287" s="8">
        <v>0</v>
      </c>
      <c r="J25287" s="8">
        <v>1554048</v>
      </c>
      <c r="K25287" s="9">
        <v>304</v>
      </c>
      <c r="L25287" s="6" t="s">
        <v>14</v>
      </c>
    </row>
    <row r="25288" spans="1:12">
      <c r="A25288" s="6" t="s">
        <v>25263</v>
      </c>
      <c r="B25288" s="6"/>
      <c r="C25288" s="6" t="s">
        <v>25362</v>
      </c>
      <c r="D25288" s="6"/>
      <c r="E25288" s="6" t="s">
        <v>9</v>
      </c>
      <c r="F25288" s="7">
        <v>38657</v>
      </c>
      <c r="G25288" s="8">
        <v>1824984</v>
      </c>
      <c r="H25288" s="8">
        <v>1824984</v>
      </c>
      <c r="I25288" s="8">
        <v>0</v>
      </c>
      <c r="J25288" s="8">
        <v>1824984</v>
      </c>
      <c r="K25288" s="9">
        <v>357</v>
      </c>
      <c r="L25288" s="6" t="s">
        <v>14</v>
      </c>
    </row>
    <row r="25289" spans="1:12">
      <c r="A25289" s="6" t="s">
        <v>25263</v>
      </c>
      <c r="B25289" s="6"/>
      <c r="C25289" s="6" t="s">
        <v>25363</v>
      </c>
      <c r="D25289" s="6"/>
      <c r="E25289" s="6" t="s">
        <v>9</v>
      </c>
      <c r="F25289" s="7">
        <v>38657</v>
      </c>
      <c r="G25289" s="8">
        <v>1027512</v>
      </c>
      <c r="H25289" s="8">
        <v>1027512</v>
      </c>
      <c r="I25289" s="8">
        <v>0</v>
      </c>
      <c r="J25289" s="8">
        <v>1027512</v>
      </c>
      <c r="K25289" s="9">
        <v>201</v>
      </c>
      <c r="L25289" s="6" t="s">
        <v>14</v>
      </c>
    </row>
    <row r="25290" spans="1:12">
      <c r="A25290" s="6" t="s">
        <v>25263</v>
      </c>
      <c r="B25290" s="6"/>
      <c r="C25290" s="6" t="s">
        <v>25364</v>
      </c>
      <c r="D25290" s="6"/>
      <c r="E25290" s="6" t="s">
        <v>9</v>
      </c>
      <c r="F25290" s="7">
        <v>38657</v>
      </c>
      <c r="G25290" s="8">
        <v>807696</v>
      </c>
      <c r="H25290" s="8">
        <v>807696</v>
      </c>
      <c r="I25290" s="8">
        <v>0</v>
      </c>
      <c r="J25290" s="8">
        <v>807696</v>
      </c>
      <c r="K25290" s="9">
        <v>158</v>
      </c>
      <c r="L25290" s="6" t="s">
        <v>14</v>
      </c>
    </row>
    <row r="25291" spans="1:12">
      <c r="A25291" s="6" t="s">
        <v>25263</v>
      </c>
      <c r="B25291" s="6"/>
      <c r="C25291" s="6" t="s">
        <v>25365</v>
      </c>
      <c r="D25291" s="6"/>
      <c r="E25291" s="6" t="s">
        <v>9</v>
      </c>
      <c r="F25291" s="7">
        <v>38657</v>
      </c>
      <c r="G25291" s="8">
        <v>807696</v>
      </c>
      <c r="H25291" s="8">
        <v>807696</v>
      </c>
      <c r="I25291" s="8">
        <v>0</v>
      </c>
      <c r="J25291" s="8">
        <v>807696</v>
      </c>
      <c r="K25291" s="9">
        <v>158</v>
      </c>
      <c r="L25291" s="6" t="s">
        <v>14</v>
      </c>
    </row>
    <row r="25292" spans="1:12">
      <c r="A25292" s="6" t="s">
        <v>25263</v>
      </c>
      <c r="B25292" s="6"/>
      <c r="C25292" s="6" t="s">
        <v>25366</v>
      </c>
      <c r="D25292" s="6"/>
      <c r="E25292" s="6" t="s">
        <v>9</v>
      </c>
      <c r="F25292" s="7">
        <v>38657</v>
      </c>
      <c r="G25292" s="8">
        <v>807696</v>
      </c>
      <c r="H25292" s="8">
        <v>807696</v>
      </c>
      <c r="I25292" s="8">
        <v>0</v>
      </c>
      <c r="J25292" s="8">
        <v>807696</v>
      </c>
      <c r="K25292" s="9">
        <v>158</v>
      </c>
      <c r="L25292" s="6" t="s">
        <v>14</v>
      </c>
    </row>
    <row r="25293" spans="1:12">
      <c r="A25293" s="6" t="s">
        <v>25263</v>
      </c>
      <c r="B25293" s="6"/>
      <c r="C25293" s="6" t="s">
        <v>25367</v>
      </c>
      <c r="D25293" s="6"/>
      <c r="E25293" s="6" t="s">
        <v>9</v>
      </c>
      <c r="F25293" s="7">
        <v>38657</v>
      </c>
      <c r="G25293" s="8">
        <v>485640</v>
      </c>
      <c r="H25293" s="8">
        <v>485640</v>
      </c>
      <c r="I25293" s="8">
        <v>0</v>
      </c>
      <c r="J25293" s="8">
        <v>485640</v>
      </c>
      <c r="K25293" s="9">
        <v>95</v>
      </c>
      <c r="L25293" s="6" t="s">
        <v>14</v>
      </c>
    </row>
    <row r="25294" spans="1:12">
      <c r="A25294" s="6" t="s">
        <v>25368</v>
      </c>
      <c r="B25294" s="6"/>
      <c r="C25294" s="6" t="s">
        <v>25369</v>
      </c>
      <c r="D25294" s="6"/>
      <c r="E25294" s="6" t="s">
        <v>18740</v>
      </c>
      <c r="F25294" s="7">
        <v>38657</v>
      </c>
      <c r="G25294" s="8">
        <v>178920</v>
      </c>
      <c r="H25294" s="8">
        <v>178920</v>
      </c>
      <c r="I25294" s="8">
        <v>0</v>
      </c>
      <c r="J25294" s="8">
        <v>178920</v>
      </c>
      <c r="K25294" s="9">
        <v>35</v>
      </c>
      <c r="L25294" s="6" t="s">
        <v>23</v>
      </c>
    </row>
    <row r="25295" spans="1:12">
      <c r="A25295" s="6" t="s">
        <v>25370</v>
      </c>
      <c r="B25295" s="6"/>
      <c r="C25295" s="6" t="s">
        <v>25371</v>
      </c>
      <c r="D25295" s="6"/>
      <c r="E25295" s="6" t="s">
        <v>25121</v>
      </c>
      <c r="F25295" s="7">
        <v>38657</v>
      </c>
      <c r="G25295" s="8">
        <v>209592</v>
      </c>
      <c r="H25295" s="8">
        <v>209592</v>
      </c>
      <c r="I25295" s="8">
        <v>0</v>
      </c>
      <c r="J25295" s="8">
        <v>209592</v>
      </c>
      <c r="K25295" s="9">
        <v>41</v>
      </c>
      <c r="L25295" s="6" t="s">
        <v>23</v>
      </c>
    </row>
    <row r="25296" spans="1:12">
      <c r="A25296" s="6" t="s">
        <v>25370</v>
      </c>
      <c r="B25296" s="6"/>
      <c r="C25296" s="6" t="s">
        <v>25372</v>
      </c>
      <c r="D25296" s="6"/>
      <c r="E25296" s="6" t="s">
        <v>25121</v>
      </c>
      <c r="F25296" s="7">
        <v>38657</v>
      </c>
      <c r="G25296" s="8">
        <v>86904</v>
      </c>
      <c r="H25296" s="8">
        <v>86904</v>
      </c>
      <c r="I25296" s="8">
        <v>0</v>
      </c>
      <c r="J25296" s="8">
        <v>86904</v>
      </c>
      <c r="K25296" s="9">
        <v>17</v>
      </c>
      <c r="L25296" s="6" t="s">
        <v>23</v>
      </c>
    </row>
    <row r="25297" spans="1:12">
      <c r="A25297" s="6" t="s">
        <v>25373</v>
      </c>
      <c r="B25297" s="6"/>
      <c r="C25297" s="6" t="s">
        <v>25374</v>
      </c>
      <c r="D25297" s="6"/>
      <c r="E25297" s="6" t="s">
        <v>9</v>
      </c>
      <c r="F25297" s="7">
        <v>38657</v>
      </c>
      <c r="G25297" s="8">
        <v>1</v>
      </c>
      <c r="H25297" s="8">
        <v>1</v>
      </c>
      <c r="I25297" s="8">
        <v>0</v>
      </c>
      <c r="J25297" s="8">
        <v>1</v>
      </c>
      <c r="K25297" s="9">
        <v>356</v>
      </c>
      <c r="L25297" s="6" t="s">
        <v>51</v>
      </c>
    </row>
    <row r="25298" spans="1:12">
      <c r="A25298" s="6" t="s">
        <v>25373</v>
      </c>
      <c r="B25298" s="6"/>
      <c r="C25298" s="6" t="s">
        <v>25375</v>
      </c>
      <c r="D25298" s="6"/>
      <c r="E25298" s="6" t="s">
        <v>9</v>
      </c>
      <c r="F25298" s="7">
        <v>38657</v>
      </c>
      <c r="G25298" s="8">
        <v>316944</v>
      </c>
      <c r="H25298" s="8">
        <v>316944</v>
      </c>
      <c r="I25298" s="8">
        <v>0</v>
      </c>
      <c r="J25298" s="8">
        <v>316944</v>
      </c>
      <c r="K25298" s="9">
        <v>62</v>
      </c>
      <c r="L25298" s="6" t="s">
        <v>23</v>
      </c>
    </row>
    <row r="25299" spans="1:12">
      <c r="A25299" s="6" t="s">
        <v>25373</v>
      </c>
      <c r="B25299" s="6"/>
      <c r="C25299" s="6" t="s">
        <v>25376</v>
      </c>
      <c r="D25299" s="6"/>
      <c r="E25299" s="6" t="s">
        <v>9</v>
      </c>
      <c r="F25299" s="7">
        <v>38657</v>
      </c>
      <c r="G25299" s="8">
        <v>81792</v>
      </c>
      <c r="H25299" s="8">
        <v>81792</v>
      </c>
      <c r="I25299" s="8">
        <v>0</v>
      </c>
      <c r="J25299" s="8">
        <v>81792</v>
      </c>
      <c r="K25299" s="9">
        <v>16</v>
      </c>
      <c r="L25299" s="6" t="s">
        <v>23</v>
      </c>
    </row>
    <row r="25300" spans="1:12">
      <c r="A25300" s="6" t="s">
        <v>25373</v>
      </c>
      <c r="B25300" s="6"/>
      <c r="C25300" s="6" t="s">
        <v>25377</v>
      </c>
      <c r="D25300" s="6"/>
      <c r="E25300" s="6" t="s">
        <v>9</v>
      </c>
      <c r="F25300" s="7">
        <v>38657</v>
      </c>
      <c r="G25300" s="8">
        <v>327168</v>
      </c>
      <c r="H25300" s="8">
        <v>327168</v>
      </c>
      <c r="I25300" s="8">
        <v>0</v>
      </c>
      <c r="J25300" s="8">
        <v>327168</v>
      </c>
      <c r="K25300" s="9">
        <v>64</v>
      </c>
      <c r="L25300" s="6" t="s">
        <v>23</v>
      </c>
    </row>
    <row r="25301" spans="1:12">
      <c r="A25301" s="6" t="s">
        <v>25373</v>
      </c>
      <c r="B25301" s="6"/>
      <c r="C25301" s="6" t="s">
        <v>25378</v>
      </c>
      <c r="D25301" s="6"/>
      <c r="E25301" s="6" t="s">
        <v>9</v>
      </c>
      <c r="F25301" s="7">
        <v>38657</v>
      </c>
      <c r="G25301" s="8">
        <v>306720</v>
      </c>
      <c r="H25301" s="8">
        <v>306720</v>
      </c>
      <c r="I25301" s="8">
        <v>0</v>
      </c>
      <c r="J25301" s="8">
        <v>306720</v>
      </c>
      <c r="K25301" s="9">
        <v>60</v>
      </c>
      <c r="L25301" s="6" t="s">
        <v>23</v>
      </c>
    </row>
    <row r="25302" spans="1:12">
      <c r="A25302" s="6" t="s">
        <v>25373</v>
      </c>
      <c r="B25302" s="6"/>
      <c r="C25302" s="6" t="s">
        <v>25379</v>
      </c>
      <c r="D25302" s="6"/>
      <c r="E25302" s="6" t="s">
        <v>9</v>
      </c>
      <c r="F25302" s="7">
        <v>38657</v>
      </c>
      <c r="G25302" s="8">
        <v>935496</v>
      </c>
      <c r="H25302" s="8">
        <v>935496</v>
      </c>
      <c r="I25302" s="8">
        <v>0</v>
      </c>
      <c r="J25302" s="8">
        <v>935496</v>
      </c>
      <c r="K25302" s="9">
        <v>183</v>
      </c>
      <c r="L25302" s="6" t="s">
        <v>23</v>
      </c>
    </row>
    <row r="25303" spans="1:12">
      <c r="A25303" s="6" t="s">
        <v>25373</v>
      </c>
      <c r="B25303" s="6"/>
      <c r="C25303" s="6" t="s">
        <v>25380</v>
      </c>
      <c r="D25303" s="6"/>
      <c r="E25303" s="6" t="s">
        <v>9</v>
      </c>
      <c r="F25303" s="7">
        <v>38657</v>
      </c>
      <c r="G25303" s="8">
        <v>1405800</v>
      </c>
      <c r="H25303" s="8">
        <v>1405800</v>
      </c>
      <c r="I25303" s="8">
        <v>0</v>
      </c>
      <c r="J25303" s="8">
        <v>1405800</v>
      </c>
      <c r="K25303" s="9">
        <v>275</v>
      </c>
      <c r="L25303" s="6" t="s">
        <v>23</v>
      </c>
    </row>
    <row r="25304" spans="1:12">
      <c r="A25304" s="6" t="s">
        <v>25373</v>
      </c>
      <c r="B25304" s="6"/>
      <c r="C25304" s="6" t="s">
        <v>25381</v>
      </c>
      <c r="D25304" s="6"/>
      <c r="E25304" s="6" t="s">
        <v>9</v>
      </c>
      <c r="F25304" s="7">
        <v>38657</v>
      </c>
      <c r="G25304" s="8">
        <v>1906776</v>
      </c>
      <c r="H25304" s="8">
        <v>1906776</v>
      </c>
      <c r="I25304" s="8">
        <v>0</v>
      </c>
      <c r="J25304" s="8">
        <v>1906776</v>
      </c>
      <c r="K25304" s="9">
        <v>373</v>
      </c>
      <c r="L25304" s="6" t="s">
        <v>23</v>
      </c>
    </row>
    <row r="25305" spans="1:12">
      <c r="A25305" s="6" t="s">
        <v>25373</v>
      </c>
      <c r="B25305" s="6"/>
      <c r="C25305" s="6" t="s">
        <v>25382</v>
      </c>
      <c r="D25305" s="6"/>
      <c r="E25305" s="6" t="s">
        <v>9</v>
      </c>
      <c r="F25305" s="7">
        <v>38657</v>
      </c>
      <c r="G25305" s="8">
        <v>1170648</v>
      </c>
      <c r="H25305" s="8">
        <v>1170648</v>
      </c>
      <c r="I25305" s="8">
        <v>0</v>
      </c>
      <c r="J25305" s="8">
        <v>1170648</v>
      </c>
      <c r="K25305" s="9">
        <v>229</v>
      </c>
      <c r="L25305" s="6" t="s">
        <v>23</v>
      </c>
    </row>
    <row r="25306" spans="1:12">
      <c r="A25306" s="6" t="s">
        <v>25373</v>
      </c>
      <c r="B25306" s="6"/>
      <c r="C25306" s="6" t="s">
        <v>25383</v>
      </c>
      <c r="D25306" s="6"/>
      <c r="E25306" s="6" t="s">
        <v>9</v>
      </c>
      <c r="F25306" s="7">
        <v>38657</v>
      </c>
      <c r="G25306" s="8">
        <v>1421136</v>
      </c>
      <c r="H25306" s="8">
        <v>1421136</v>
      </c>
      <c r="I25306" s="8">
        <v>0</v>
      </c>
      <c r="J25306" s="8">
        <v>1421136</v>
      </c>
      <c r="K25306" s="9">
        <v>278</v>
      </c>
      <c r="L25306" s="6" t="s">
        <v>23</v>
      </c>
    </row>
    <row r="25307" spans="1:12">
      <c r="A25307" s="6" t="s">
        <v>25373</v>
      </c>
      <c r="B25307" s="6"/>
      <c r="C25307" s="6" t="s">
        <v>25384</v>
      </c>
      <c r="D25307" s="6"/>
      <c r="E25307" s="6" t="s">
        <v>9</v>
      </c>
      <c r="F25307" s="7">
        <v>38657</v>
      </c>
      <c r="G25307" s="8">
        <v>393624</v>
      </c>
      <c r="H25307" s="8">
        <v>393624</v>
      </c>
      <c r="I25307" s="8">
        <v>0</v>
      </c>
      <c r="J25307" s="8">
        <v>393624</v>
      </c>
      <c r="K25307" s="9">
        <v>77</v>
      </c>
      <c r="L25307" s="6" t="s">
        <v>23</v>
      </c>
    </row>
    <row r="25308" spans="1:12">
      <c r="A25308" s="6" t="s">
        <v>25373</v>
      </c>
      <c r="B25308" s="6"/>
      <c r="C25308" s="6" t="s">
        <v>25385</v>
      </c>
      <c r="D25308" s="6"/>
      <c r="E25308" s="6" t="s">
        <v>9</v>
      </c>
      <c r="F25308" s="7">
        <v>38657</v>
      </c>
      <c r="G25308" s="8">
        <v>1237104</v>
      </c>
      <c r="H25308" s="8">
        <v>1237104</v>
      </c>
      <c r="I25308" s="8">
        <v>0</v>
      </c>
      <c r="J25308" s="8">
        <v>1237104</v>
      </c>
      <c r="K25308" s="9">
        <v>242</v>
      </c>
      <c r="L25308" s="6" t="s">
        <v>23</v>
      </c>
    </row>
    <row r="25309" spans="1:12">
      <c r="A25309" s="6" t="s">
        <v>25373</v>
      </c>
      <c r="B25309" s="6"/>
      <c r="C25309" s="6" t="s">
        <v>25386</v>
      </c>
      <c r="D25309" s="6"/>
      <c r="E25309" s="6" t="s">
        <v>9</v>
      </c>
      <c r="F25309" s="7">
        <v>38657</v>
      </c>
      <c r="G25309" s="8">
        <v>194256</v>
      </c>
      <c r="H25309" s="8">
        <v>194256</v>
      </c>
      <c r="I25309" s="8">
        <v>0</v>
      </c>
      <c r="J25309" s="8">
        <v>194256</v>
      </c>
      <c r="K25309" s="9">
        <v>38</v>
      </c>
      <c r="L25309" s="6" t="s">
        <v>23</v>
      </c>
    </row>
    <row r="25310" spans="1:12">
      <c r="A25310" s="6" t="s">
        <v>25373</v>
      </c>
      <c r="B25310" s="6"/>
      <c r="C25310" s="6" t="s">
        <v>25387</v>
      </c>
      <c r="D25310" s="6"/>
      <c r="E25310" s="6" t="s">
        <v>9</v>
      </c>
      <c r="F25310" s="7">
        <v>38657</v>
      </c>
      <c r="G25310" s="8">
        <v>465192</v>
      </c>
      <c r="H25310" s="8">
        <v>465192</v>
      </c>
      <c r="I25310" s="8">
        <v>0</v>
      </c>
      <c r="J25310" s="8">
        <v>465192</v>
      </c>
      <c r="K25310" s="9">
        <v>91</v>
      </c>
      <c r="L25310" s="6" t="s">
        <v>23</v>
      </c>
    </row>
    <row r="25311" spans="1:12">
      <c r="A25311" s="6" t="s">
        <v>25373</v>
      </c>
      <c r="B25311" s="6"/>
      <c r="C25311" s="6" t="s">
        <v>25388</v>
      </c>
      <c r="D25311" s="6"/>
      <c r="E25311" s="6" t="s">
        <v>9</v>
      </c>
      <c r="F25311" s="7">
        <v>38657</v>
      </c>
      <c r="G25311" s="8">
        <v>1001952</v>
      </c>
      <c r="H25311" s="8">
        <v>1001952</v>
      </c>
      <c r="I25311" s="8">
        <v>0</v>
      </c>
      <c r="J25311" s="8">
        <v>1001952</v>
      </c>
      <c r="K25311" s="9">
        <v>196</v>
      </c>
      <c r="L25311" s="6" t="s">
        <v>23</v>
      </c>
    </row>
    <row r="25312" spans="1:12">
      <c r="A25312" s="6" t="s">
        <v>25373</v>
      </c>
      <c r="B25312" s="6"/>
      <c r="C25312" s="6" t="s">
        <v>25389</v>
      </c>
      <c r="D25312" s="6"/>
      <c r="E25312" s="6" t="s">
        <v>9</v>
      </c>
      <c r="F25312" s="7">
        <v>38657</v>
      </c>
      <c r="G25312" s="8">
        <v>587880</v>
      </c>
      <c r="H25312" s="8">
        <v>587880</v>
      </c>
      <c r="I25312" s="8">
        <v>0</v>
      </c>
      <c r="J25312" s="8">
        <v>587880</v>
      </c>
      <c r="K25312" s="9">
        <v>115</v>
      </c>
      <c r="L25312" s="6" t="s">
        <v>23</v>
      </c>
    </row>
    <row r="25313" spans="1:12">
      <c r="A25313" s="6" t="s">
        <v>25373</v>
      </c>
      <c r="B25313" s="6"/>
      <c r="C25313" s="6" t="s">
        <v>25390</v>
      </c>
      <c r="D25313" s="6"/>
      <c r="E25313" s="6" t="s">
        <v>9</v>
      </c>
      <c r="F25313" s="7">
        <v>38657</v>
      </c>
      <c r="G25313" s="8">
        <v>628776</v>
      </c>
      <c r="H25313" s="8">
        <v>628776</v>
      </c>
      <c r="I25313" s="8">
        <v>0</v>
      </c>
      <c r="J25313" s="8">
        <v>628776</v>
      </c>
      <c r="K25313" s="9">
        <v>123</v>
      </c>
      <c r="L25313" s="6" t="s">
        <v>23</v>
      </c>
    </row>
    <row r="25314" spans="1:12">
      <c r="A25314" s="6" t="s">
        <v>25373</v>
      </c>
      <c r="B25314" s="6"/>
      <c r="C25314" s="6" t="s">
        <v>25391</v>
      </c>
      <c r="D25314" s="6"/>
      <c r="E25314" s="6" t="s">
        <v>9</v>
      </c>
      <c r="F25314" s="7">
        <v>38657</v>
      </c>
      <c r="G25314" s="8">
        <v>265824</v>
      </c>
      <c r="H25314" s="8">
        <v>265824</v>
      </c>
      <c r="I25314" s="8">
        <v>0</v>
      </c>
      <c r="J25314" s="8">
        <v>265824</v>
      </c>
      <c r="K25314" s="9">
        <v>52</v>
      </c>
      <c r="L25314" s="6" t="s">
        <v>23</v>
      </c>
    </row>
    <row r="25315" spans="1:12">
      <c r="A25315" s="6" t="s">
        <v>25373</v>
      </c>
      <c r="B25315" s="6"/>
      <c r="C25315" s="6" t="s">
        <v>25392</v>
      </c>
      <c r="D25315" s="6"/>
      <c r="E25315" s="6" t="s">
        <v>9</v>
      </c>
      <c r="F25315" s="7">
        <v>38657</v>
      </c>
      <c r="G25315" s="8">
        <v>260712</v>
      </c>
      <c r="H25315" s="8">
        <v>260712</v>
      </c>
      <c r="I25315" s="8">
        <v>0</v>
      </c>
      <c r="J25315" s="8">
        <v>260712</v>
      </c>
      <c r="K25315" s="9">
        <v>51</v>
      </c>
      <c r="L25315" s="6" t="s">
        <v>23</v>
      </c>
    </row>
    <row r="25316" spans="1:12">
      <c r="A25316" s="6" t="s">
        <v>25393</v>
      </c>
      <c r="B25316" s="6"/>
      <c r="C25316" s="6" t="s">
        <v>25394</v>
      </c>
      <c r="D25316" s="6"/>
      <c r="E25316" s="6" t="s">
        <v>9</v>
      </c>
      <c r="F25316" s="7">
        <v>38657</v>
      </c>
      <c r="G25316" s="8">
        <v>12498720</v>
      </c>
      <c r="H25316" s="8">
        <v>12498720</v>
      </c>
      <c r="I25316" s="8">
        <v>0</v>
      </c>
      <c r="J25316" s="8">
        <v>12498720</v>
      </c>
      <c r="K25316" s="9">
        <v>1041.56</v>
      </c>
      <c r="L25316" s="6" t="s">
        <v>10</v>
      </c>
    </row>
    <row r="25317" spans="1:12">
      <c r="A25317" s="6" t="s">
        <v>25393</v>
      </c>
      <c r="B25317" s="6"/>
      <c r="C25317" s="6" t="s">
        <v>25395</v>
      </c>
      <c r="D25317" s="6"/>
      <c r="E25317" s="6" t="s">
        <v>9</v>
      </c>
      <c r="F25317" s="7">
        <v>38657</v>
      </c>
      <c r="G25317" s="8">
        <v>13070040</v>
      </c>
      <c r="H25317" s="8">
        <v>13070040</v>
      </c>
      <c r="I25317" s="8">
        <v>0</v>
      </c>
      <c r="J25317" s="8">
        <v>13070040</v>
      </c>
      <c r="K25317" s="9">
        <v>1089.17</v>
      </c>
      <c r="L25317" s="6" t="s">
        <v>10</v>
      </c>
    </row>
    <row r="25318" spans="1:12">
      <c r="A25318" s="6" t="s">
        <v>25393</v>
      </c>
      <c r="B25318" s="6"/>
      <c r="C25318" s="6" t="s">
        <v>25396</v>
      </c>
      <c r="D25318" s="6"/>
      <c r="E25318" s="6" t="s">
        <v>9</v>
      </c>
      <c r="F25318" s="7">
        <v>38657</v>
      </c>
      <c r="G25318" s="8">
        <v>5163240</v>
      </c>
      <c r="H25318" s="8">
        <v>5163240</v>
      </c>
      <c r="I25318" s="8">
        <v>0</v>
      </c>
      <c r="J25318" s="8">
        <v>5163240</v>
      </c>
      <c r="K25318" s="9">
        <v>430.27</v>
      </c>
      <c r="L25318" s="6" t="s">
        <v>10</v>
      </c>
    </row>
    <row r="25319" spans="1:12">
      <c r="A25319" s="6" t="s">
        <v>25393</v>
      </c>
      <c r="B25319" s="6"/>
      <c r="C25319" s="6" t="s">
        <v>25397</v>
      </c>
      <c r="D25319" s="6"/>
      <c r="E25319" s="6" t="s">
        <v>9</v>
      </c>
      <c r="F25319" s="7">
        <v>38657</v>
      </c>
      <c r="G25319" s="8">
        <v>7952520</v>
      </c>
      <c r="H25319" s="8">
        <v>7952520</v>
      </c>
      <c r="I25319" s="8">
        <v>0</v>
      </c>
      <c r="J25319" s="8">
        <v>7952520</v>
      </c>
      <c r="K25319" s="9">
        <v>662.71</v>
      </c>
      <c r="L25319" s="6" t="s">
        <v>10</v>
      </c>
    </row>
    <row r="25320" spans="1:12">
      <c r="A25320" s="6" t="s">
        <v>25393</v>
      </c>
      <c r="B25320" s="6"/>
      <c r="C25320" s="6" t="s">
        <v>25398</v>
      </c>
      <c r="D25320" s="6"/>
      <c r="E25320" s="6" t="s">
        <v>9</v>
      </c>
      <c r="F25320" s="7">
        <v>38657</v>
      </c>
      <c r="G25320" s="8">
        <v>13197960</v>
      </c>
      <c r="H25320" s="8">
        <v>13197960</v>
      </c>
      <c r="I25320" s="8">
        <v>0</v>
      </c>
      <c r="J25320" s="8">
        <v>13197960</v>
      </c>
      <c r="K25320" s="9">
        <v>1099.83</v>
      </c>
      <c r="L25320" s="6" t="s">
        <v>10</v>
      </c>
    </row>
    <row r="25321" spans="1:12">
      <c r="A25321" s="6" t="s">
        <v>25393</v>
      </c>
      <c r="B25321" s="6"/>
      <c r="C25321" s="6" t="s">
        <v>25399</v>
      </c>
      <c r="D25321" s="6"/>
      <c r="E25321" s="6" t="s">
        <v>9</v>
      </c>
      <c r="F25321" s="7">
        <v>38657</v>
      </c>
      <c r="G25321" s="8">
        <v>13292880</v>
      </c>
      <c r="H25321" s="8">
        <v>13292880</v>
      </c>
      <c r="I25321" s="8">
        <v>0</v>
      </c>
      <c r="J25321" s="8">
        <v>13292880</v>
      </c>
      <c r="K25321" s="9">
        <v>1107.74</v>
      </c>
      <c r="L25321" s="6" t="s">
        <v>10</v>
      </c>
    </row>
    <row r="25322" spans="1:12">
      <c r="A25322" s="6" t="s">
        <v>25393</v>
      </c>
      <c r="B25322" s="6"/>
      <c r="C25322" s="6" t="s">
        <v>25400</v>
      </c>
      <c r="D25322" s="6"/>
      <c r="E25322" s="6" t="s">
        <v>9</v>
      </c>
      <c r="F25322" s="7">
        <v>38657</v>
      </c>
      <c r="G25322" s="8">
        <v>11604582</v>
      </c>
      <c r="H25322" s="8">
        <v>11604582</v>
      </c>
      <c r="I25322" s="8">
        <v>0</v>
      </c>
      <c r="J25322" s="8">
        <v>11604582</v>
      </c>
      <c r="K25322" s="9">
        <v>899.58</v>
      </c>
      <c r="L25322" s="6" t="s">
        <v>10</v>
      </c>
    </row>
    <row r="25323" spans="1:12">
      <c r="A25323" s="6" t="s">
        <v>25393</v>
      </c>
      <c r="B25323" s="6"/>
      <c r="C25323" s="6" t="s">
        <v>25401</v>
      </c>
      <c r="D25323" s="6"/>
      <c r="E25323" s="6" t="s">
        <v>9</v>
      </c>
      <c r="F25323" s="7">
        <v>38657</v>
      </c>
      <c r="G25323" s="8">
        <v>9998000</v>
      </c>
      <c r="H25323" s="8">
        <v>9998000</v>
      </c>
      <c r="I25323" s="8">
        <v>0</v>
      </c>
      <c r="J25323" s="8">
        <v>9998000</v>
      </c>
      <c r="K25323" s="9">
        <v>666.57</v>
      </c>
      <c r="L25323" s="6" t="s">
        <v>10</v>
      </c>
    </row>
    <row r="25324" spans="1:12">
      <c r="A25324" s="6" t="s">
        <v>25393</v>
      </c>
      <c r="B25324" s="6"/>
      <c r="C25324" s="6" t="s">
        <v>25402</v>
      </c>
      <c r="D25324" s="6"/>
      <c r="E25324" s="6" t="s">
        <v>9</v>
      </c>
      <c r="F25324" s="7">
        <v>38657</v>
      </c>
      <c r="G25324" s="8">
        <v>2422980</v>
      </c>
      <c r="H25324" s="8">
        <v>2422980</v>
      </c>
      <c r="I25324" s="8">
        <v>0</v>
      </c>
      <c r="J25324" s="8">
        <v>2422980</v>
      </c>
      <c r="K25324" s="9">
        <v>173.07</v>
      </c>
      <c r="L25324" s="6" t="s">
        <v>10</v>
      </c>
    </row>
    <row r="25325" spans="1:12">
      <c r="A25325" s="6" t="s">
        <v>25403</v>
      </c>
      <c r="B25325" s="6"/>
      <c r="C25325" s="6" t="s">
        <v>25404</v>
      </c>
      <c r="D25325" s="6"/>
      <c r="E25325" s="6" t="s">
        <v>18740</v>
      </c>
      <c r="F25325" s="7">
        <v>38657</v>
      </c>
      <c r="G25325" s="8">
        <v>2443536</v>
      </c>
      <c r="H25325" s="8">
        <v>2443536</v>
      </c>
      <c r="I25325" s="8">
        <v>0</v>
      </c>
      <c r="J25325" s="8">
        <v>2443536</v>
      </c>
      <c r="K25325" s="9">
        <v>478</v>
      </c>
      <c r="L25325" s="6" t="s">
        <v>23</v>
      </c>
    </row>
    <row r="25326" spans="1:12">
      <c r="A25326" s="6" t="s">
        <v>25405</v>
      </c>
      <c r="B25326" s="6"/>
      <c r="C25326" s="6" t="s">
        <v>25406</v>
      </c>
      <c r="D25326" s="6"/>
      <c r="E25326" s="6" t="s">
        <v>18740</v>
      </c>
      <c r="F25326" s="7">
        <v>38657</v>
      </c>
      <c r="G25326" s="8">
        <v>1632</v>
      </c>
      <c r="H25326" s="8">
        <v>1632</v>
      </c>
      <c r="I25326" s="8">
        <v>0</v>
      </c>
      <c r="J25326" s="8">
        <v>1632</v>
      </c>
      <c r="K25326" s="9">
        <v>96</v>
      </c>
      <c r="L25326" s="6" t="s">
        <v>16860</v>
      </c>
    </row>
    <row r="25327" spans="1:12">
      <c r="A25327" s="6" t="s">
        <v>25407</v>
      </c>
      <c r="B25327" s="6"/>
      <c r="C25327" s="6" t="s">
        <v>25408</v>
      </c>
      <c r="D25327" s="6"/>
      <c r="E25327" s="6" t="s">
        <v>18740</v>
      </c>
      <c r="F25327" s="7">
        <v>38657</v>
      </c>
      <c r="G25327" s="8">
        <v>2415000</v>
      </c>
      <c r="H25327" s="8">
        <v>2415000</v>
      </c>
      <c r="I25327" s="8">
        <v>0</v>
      </c>
      <c r="J25327" s="8">
        <v>2415000</v>
      </c>
      <c r="K25327" s="9">
        <v>483</v>
      </c>
      <c r="L25327" s="6" t="s">
        <v>10</v>
      </c>
    </row>
    <row r="25328" spans="1:12">
      <c r="A25328" s="6" t="s">
        <v>25407</v>
      </c>
      <c r="B25328" s="6"/>
      <c r="C25328" s="6" t="s">
        <v>25409</v>
      </c>
      <c r="D25328" s="6"/>
      <c r="E25328" s="6" t="s">
        <v>18740</v>
      </c>
      <c r="F25328" s="7">
        <v>38657</v>
      </c>
      <c r="G25328" s="8">
        <v>760000</v>
      </c>
      <c r="H25328" s="8">
        <v>760000</v>
      </c>
      <c r="I25328" s="8">
        <v>0</v>
      </c>
      <c r="J25328" s="8">
        <v>760000</v>
      </c>
      <c r="K25328" s="9">
        <v>152</v>
      </c>
      <c r="L25328" s="6" t="s">
        <v>10</v>
      </c>
    </row>
    <row r="25329" spans="1:12">
      <c r="A25329" s="6" t="s">
        <v>25410</v>
      </c>
      <c r="B25329" s="6"/>
      <c r="C25329" s="6" t="s">
        <v>25411</v>
      </c>
      <c r="D25329" s="6"/>
      <c r="E25329" s="6" t="s">
        <v>18740</v>
      </c>
      <c r="F25329" s="7">
        <v>38657</v>
      </c>
      <c r="G25329" s="8">
        <v>408960</v>
      </c>
      <c r="H25329" s="8">
        <v>408960</v>
      </c>
      <c r="I25329" s="8">
        <v>0</v>
      </c>
      <c r="J25329" s="8">
        <v>408960</v>
      </c>
      <c r="K25329" s="9">
        <v>80</v>
      </c>
      <c r="L25329" s="6" t="s">
        <v>23</v>
      </c>
    </row>
    <row r="25330" spans="1:12">
      <c r="A25330" s="6" t="s">
        <v>25410</v>
      </c>
      <c r="B25330" s="6"/>
      <c r="C25330" s="6" t="s">
        <v>25412</v>
      </c>
      <c r="D25330" s="6"/>
      <c r="E25330" s="6" t="s">
        <v>18740</v>
      </c>
      <c r="F25330" s="7">
        <v>38657</v>
      </c>
      <c r="G25330" s="8">
        <v>465192</v>
      </c>
      <c r="H25330" s="8">
        <v>465192</v>
      </c>
      <c r="I25330" s="8">
        <v>0</v>
      </c>
      <c r="J25330" s="8">
        <v>465192</v>
      </c>
      <c r="K25330" s="9">
        <v>91</v>
      </c>
      <c r="L25330" s="6" t="s">
        <v>23</v>
      </c>
    </row>
    <row r="25331" spans="1:12">
      <c r="A25331" s="6" t="s">
        <v>25413</v>
      </c>
      <c r="B25331" s="6"/>
      <c r="C25331" s="6" t="s">
        <v>25414</v>
      </c>
      <c r="D25331" s="6"/>
      <c r="E25331" s="6" t="s">
        <v>18740</v>
      </c>
      <c r="F25331" s="7">
        <v>38657</v>
      </c>
      <c r="G25331" s="8">
        <v>950832</v>
      </c>
      <c r="H25331" s="8">
        <v>950832</v>
      </c>
      <c r="I25331" s="8">
        <v>0</v>
      </c>
      <c r="J25331" s="8">
        <v>950832</v>
      </c>
      <c r="K25331" s="9">
        <v>186</v>
      </c>
      <c r="L25331" s="6" t="s">
        <v>23</v>
      </c>
    </row>
    <row r="25332" spans="1:12">
      <c r="A25332" s="6" t="s">
        <v>25413</v>
      </c>
      <c r="B25332" s="6"/>
      <c r="C25332" s="6" t="s">
        <v>25415</v>
      </c>
      <c r="D25332" s="6"/>
      <c r="E25332" s="6" t="s">
        <v>18740</v>
      </c>
      <c r="F25332" s="7">
        <v>38657</v>
      </c>
      <c r="G25332" s="8">
        <v>250488</v>
      </c>
      <c r="H25332" s="8">
        <v>250488</v>
      </c>
      <c r="I25332" s="8">
        <v>0</v>
      </c>
      <c r="J25332" s="8">
        <v>250488</v>
      </c>
      <c r="K25332" s="9">
        <v>49</v>
      </c>
      <c r="L25332" s="6" t="s">
        <v>23</v>
      </c>
    </row>
    <row r="25333" spans="1:12">
      <c r="A25333" s="6" t="s">
        <v>25416</v>
      </c>
      <c r="B25333" s="6"/>
      <c r="C25333" s="6" t="s">
        <v>25417</v>
      </c>
      <c r="D25333" s="6"/>
      <c r="E25333" s="6" t="s">
        <v>18740</v>
      </c>
      <c r="F25333" s="7">
        <v>38657</v>
      </c>
      <c r="G25333" s="8">
        <v>143136</v>
      </c>
      <c r="H25333" s="8">
        <v>143136</v>
      </c>
      <c r="I25333" s="8">
        <v>0</v>
      </c>
      <c r="J25333" s="8">
        <v>143136</v>
      </c>
      <c r="K25333" s="9">
        <v>28</v>
      </c>
      <c r="L25333" s="6" t="s">
        <v>23</v>
      </c>
    </row>
    <row r="25334" spans="1:12">
      <c r="A25334" s="6" t="s">
        <v>25416</v>
      </c>
      <c r="B25334" s="6"/>
      <c r="C25334" s="6" t="s">
        <v>25418</v>
      </c>
      <c r="D25334" s="6"/>
      <c r="E25334" s="6" t="s">
        <v>18740</v>
      </c>
      <c r="F25334" s="7">
        <v>38657</v>
      </c>
      <c r="G25334" s="8">
        <v>66456</v>
      </c>
      <c r="H25334" s="8">
        <v>66456</v>
      </c>
      <c r="I25334" s="8">
        <v>0</v>
      </c>
      <c r="J25334" s="8">
        <v>66456</v>
      </c>
      <c r="K25334" s="9">
        <v>13</v>
      </c>
      <c r="L25334" s="6" t="s">
        <v>23</v>
      </c>
    </row>
    <row r="25335" spans="1:12">
      <c r="A25335" s="6" t="s">
        <v>25419</v>
      </c>
      <c r="B25335" s="6"/>
      <c r="C25335" s="6" t="s">
        <v>25420</v>
      </c>
      <c r="D25335" s="6"/>
      <c r="E25335" s="6" t="s">
        <v>18740</v>
      </c>
      <c r="F25335" s="7">
        <v>38657</v>
      </c>
      <c r="G25335" s="8">
        <v>47286</v>
      </c>
      <c r="H25335" s="8">
        <v>47286</v>
      </c>
      <c r="I25335" s="8">
        <v>0</v>
      </c>
      <c r="J25335" s="8">
        <v>47286</v>
      </c>
      <c r="K25335" s="9">
        <v>9.25</v>
      </c>
      <c r="L25335" s="6" t="s">
        <v>23</v>
      </c>
    </row>
    <row r="25336" spans="1:12">
      <c r="A25336" s="6" t="s">
        <v>25421</v>
      </c>
      <c r="B25336" s="6"/>
      <c r="C25336" s="6" t="s">
        <v>25422</v>
      </c>
      <c r="D25336" s="6"/>
      <c r="E25336" s="6" t="s">
        <v>18740</v>
      </c>
      <c r="F25336" s="7">
        <v>38657</v>
      </c>
      <c r="G25336" s="8">
        <v>761688</v>
      </c>
      <c r="H25336" s="8">
        <v>761688</v>
      </c>
      <c r="I25336" s="8">
        <v>0</v>
      </c>
      <c r="J25336" s="8">
        <v>761688</v>
      </c>
      <c r="K25336" s="9">
        <v>149</v>
      </c>
      <c r="L25336" s="6" t="s">
        <v>23</v>
      </c>
    </row>
    <row r="25337" spans="1:12">
      <c r="A25337" s="6" t="s">
        <v>25421</v>
      </c>
      <c r="B25337" s="6"/>
      <c r="C25337" s="6" t="s">
        <v>25423</v>
      </c>
      <c r="D25337" s="6"/>
      <c r="E25337" s="6" t="s">
        <v>18740</v>
      </c>
      <c r="F25337" s="7">
        <v>38657</v>
      </c>
      <c r="G25337" s="8">
        <v>654336</v>
      </c>
      <c r="H25337" s="8">
        <v>654336</v>
      </c>
      <c r="I25337" s="8">
        <v>0</v>
      </c>
      <c r="J25337" s="8">
        <v>654336</v>
      </c>
      <c r="K25337" s="9">
        <v>128</v>
      </c>
      <c r="L25337" s="6" t="s">
        <v>23</v>
      </c>
    </row>
    <row r="25338" spans="1:12">
      <c r="A25338" s="6" t="s">
        <v>25424</v>
      </c>
      <c r="B25338" s="6"/>
      <c r="C25338" s="6" t="s">
        <v>25425</v>
      </c>
      <c r="D25338" s="6"/>
      <c r="E25338" s="6" t="s">
        <v>18740</v>
      </c>
      <c r="F25338" s="7">
        <v>38657</v>
      </c>
      <c r="G25338" s="8">
        <v>456961</v>
      </c>
      <c r="H25338" s="8">
        <v>456961</v>
      </c>
      <c r="I25338" s="8">
        <v>0</v>
      </c>
      <c r="J25338" s="8">
        <v>456961</v>
      </c>
      <c r="K25338" s="9">
        <v>89.39</v>
      </c>
      <c r="L25338" s="6" t="s">
        <v>23</v>
      </c>
    </row>
    <row r="25339" spans="1:12">
      <c r="A25339" s="6" t="s">
        <v>25424</v>
      </c>
      <c r="B25339" s="6"/>
      <c r="C25339" s="6" t="s">
        <v>25426</v>
      </c>
      <c r="D25339" s="6"/>
      <c r="E25339" s="6" t="s">
        <v>18740</v>
      </c>
      <c r="F25339" s="7">
        <v>38657</v>
      </c>
      <c r="G25339" s="8">
        <v>62161</v>
      </c>
      <c r="H25339" s="8">
        <v>62161</v>
      </c>
      <c r="I25339" s="8">
        <v>0</v>
      </c>
      <c r="J25339" s="8">
        <v>62161</v>
      </c>
      <c r="K25339" s="9">
        <v>12.16</v>
      </c>
      <c r="L25339" s="6" t="s">
        <v>23</v>
      </c>
    </row>
    <row r="25340" spans="1:12">
      <c r="A25340" s="6" t="s">
        <v>25427</v>
      </c>
      <c r="B25340" s="6"/>
      <c r="C25340" s="6" t="s">
        <v>25428</v>
      </c>
      <c r="D25340" s="6"/>
      <c r="E25340" s="6" t="s">
        <v>9</v>
      </c>
      <c r="F25340" s="7">
        <v>38657</v>
      </c>
      <c r="G25340" s="8">
        <v>933022896</v>
      </c>
      <c r="H25340" s="8">
        <v>933022896</v>
      </c>
      <c r="I25340" s="8">
        <v>0</v>
      </c>
      <c r="J25340" s="8">
        <v>933022896</v>
      </c>
      <c r="K25340" s="9">
        <v>29904.58</v>
      </c>
      <c r="L25340" s="6" t="s">
        <v>1694</v>
      </c>
    </row>
    <row r="25341" spans="1:12">
      <c r="A25341" s="6" t="s">
        <v>25427</v>
      </c>
      <c r="B25341" s="6"/>
      <c r="C25341" s="6" t="s">
        <v>25429</v>
      </c>
      <c r="D25341" s="6"/>
      <c r="E25341" s="6" t="s">
        <v>9</v>
      </c>
      <c r="F25341" s="7">
        <v>38657</v>
      </c>
      <c r="G25341" s="8">
        <v>22807200</v>
      </c>
      <c r="H25341" s="8">
        <v>22807200</v>
      </c>
      <c r="I25341" s="8">
        <v>0</v>
      </c>
      <c r="J25341" s="8">
        <v>22807200</v>
      </c>
      <c r="K25341" s="9">
        <v>731</v>
      </c>
      <c r="L25341" s="6" t="s">
        <v>1694</v>
      </c>
    </row>
    <row r="25342" spans="1:12">
      <c r="A25342" s="6" t="s">
        <v>25427</v>
      </c>
      <c r="B25342" s="6"/>
      <c r="C25342" s="6" t="s">
        <v>25430</v>
      </c>
      <c r="D25342" s="6"/>
      <c r="E25342" s="6" t="s">
        <v>9</v>
      </c>
      <c r="F25342" s="7">
        <v>38657</v>
      </c>
      <c r="G25342" s="8">
        <v>7332000</v>
      </c>
      <c r="H25342" s="8">
        <v>7332000</v>
      </c>
      <c r="I25342" s="8">
        <v>0</v>
      </c>
      <c r="J25342" s="8">
        <v>7332000</v>
      </c>
      <c r="K25342" s="9">
        <v>235</v>
      </c>
      <c r="L25342" s="6" t="s">
        <v>1694</v>
      </c>
    </row>
    <row r="25343" spans="1:12">
      <c r="A25343" s="6" t="s">
        <v>25427</v>
      </c>
      <c r="B25343" s="6"/>
      <c r="C25343" s="6" t="s">
        <v>25431</v>
      </c>
      <c r="D25343" s="6"/>
      <c r="E25343" s="6" t="s">
        <v>9</v>
      </c>
      <c r="F25343" s="7">
        <v>38657</v>
      </c>
      <c r="G25343" s="8">
        <v>17409600</v>
      </c>
      <c r="H25343" s="8">
        <v>17409600</v>
      </c>
      <c r="I25343" s="8">
        <v>0</v>
      </c>
      <c r="J25343" s="8">
        <v>17409600</v>
      </c>
      <c r="K25343" s="9">
        <v>558</v>
      </c>
      <c r="L25343" s="6" t="s">
        <v>1694</v>
      </c>
    </row>
    <row r="25344" spans="1:12">
      <c r="A25344" s="6" t="s">
        <v>25427</v>
      </c>
      <c r="B25344" s="6"/>
      <c r="C25344" s="6" t="s">
        <v>25432</v>
      </c>
      <c r="D25344" s="6"/>
      <c r="E25344" s="6" t="s">
        <v>9</v>
      </c>
      <c r="F25344" s="7">
        <v>38657</v>
      </c>
      <c r="G25344" s="8">
        <v>6146400</v>
      </c>
      <c r="H25344" s="8">
        <v>6146400</v>
      </c>
      <c r="I25344" s="8">
        <v>0</v>
      </c>
      <c r="J25344" s="8">
        <v>6146400</v>
      </c>
      <c r="K25344" s="9">
        <v>197</v>
      </c>
      <c r="L25344" s="6" t="s">
        <v>1694</v>
      </c>
    </row>
    <row r="25345" spans="1:12">
      <c r="A25345" s="6" t="s">
        <v>25427</v>
      </c>
      <c r="B25345" s="6"/>
      <c r="C25345" s="6" t="s">
        <v>25433</v>
      </c>
      <c r="D25345" s="6"/>
      <c r="E25345" s="6" t="s">
        <v>9</v>
      </c>
      <c r="F25345" s="7">
        <v>38657</v>
      </c>
      <c r="G25345" s="8">
        <v>1372800</v>
      </c>
      <c r="H25345" s="8">
        <v>1372800</v>
      </c>
      <c r="I25345" s="8">
        <v>0</v>
      </c>
      <c r="J25345" s="8">
        <v>1372800</v>
      </c>
      <c r="K25345" s="9">
        <v>44</v>
      </c>
      <c r="L25345" s="6" t="s">
        <v>1694</v>
      </c>
    </row>
    <row r="25346" spans="1:12">
      <c r="A25346" s="6" t="s">
        <v>25427</v>
      </c>
      <c r="B25346" s="6"/>
      <c r="C25346" s="6" t="s">
        <v>25434</v>
      </c>
      <c r="D25346" s="6"/>
      <c r="E25346" s="6" t="s">
        <v>9</v>
      </c>
      <c r="F25346" s="7">
        <v>38657</v>
      </c>
      <c r="G25346" s="8">
        <v>16567200</v>
      </c>
      <c r="H25346" s="8">
        <v>16567200</v>
      </c>
      <c r="I25346" s="8">
        <v>0</v>
      </c>
      <c r="J25346" s="8">
        <v>16567200</v>
      </c>
      <c r="K25346" s="9">
        <v>531</v>
      </c>
      <c r="L25346" s="6" t="s">
        <v>1694</v>
      </c>
    </row>
    <row r="25347" spans="1:12">
      <c r="A25347" s="6" t="s">
        <v>25427</v>
      </c>
      <c r="B25347" s="6"/>
      <c r="C25347" s="6" t="s">
        <v>25435</v>
      </c>
      <c r="D25347" s="6"/>
      <c r="E25347" s="6" t="s">
        <v>9</v>
      </c>
      <c r="F25347" s="7">
        <v>38657</v>
      </c>
      <c r="G25347" s="8">
        <v>6583200</v>
      </c>
      <c r="H25347" s="8">
        <v>6583200</v>
      </c>
      <c r="I25347" s="8">
        <v>0</v>
      </c>
      <c r="J25347" s="8">
        <v>6583200</v>
      </c>
      <c r="K25347" s="9">
        <v>211</v>
      </c>
      <c r="L25347" s="6" t="s">
        <v>1694</v>
      </c>
    </row>
    <row r="25348" spans="1:12">
      <c r="A25348" s="6" t="s">
        <v>25427</v>
      </c>
      <c r="B25348" s="6"/>
      <c r="C25348" s="6" t="s">
        <v>25436</v>
      </c>
      <c r="D25348" s="6"/>
      <c r="E25348" s="6" t="s">
        <v>9</v>
      </c>
      <c r="F25348" s="7">
        <v>38657</v>
      </c>
      <c r="G25348" s="8">
        <v>8611200</v>
      </c>
      <c r="H25348" s="8">
        <v>8611200</v>
      </c>
      <c r="I25348" s="8">
        <v>0</v>
      </c>
      <c r="J25348" s="8">
        <v>8611200</v>
      </c>
      <c r="K25348" s="9">
        <v>276</v>
      </c>
      <c r="L25348" s="6" t="s">
        <v>1694</v>
      </c>
    </row>
    <row r="25349" spans="1:12">
      <c r="A25349" s="6" t="s">
        <v>25437</v>
      </c>
      <c r="B25349" s="6"/>
      <c r="C25349" s="6" t="s">
        <v>25438</v>
      </c>
      <c r="D25349" s="6"/>
      <c r="E25349" s="6" t="s">
        <v>18740</v>
      </c>
      <c r="F25349" s="7">
        <v>38657</v>
      </c>
      <c r="G25349" s="8">
        <v>81792</v>
      </c>
      <c r="H25349" s="8">
        <v>81792</v>
      </c>
      <c r="I25349" s="8">
        <v>0</v>
      </c>
      <c r="J25349" s="8">
        <v>81792</v>
      </c>
      <c r="K25349" s="9">
        <v>16</v>
      </c>
      <c r="L25349" s="6" t="s">
        <v>23</v>
      </c>
    </row>
    <row r="25350" spans="1:12">
      <c r="A25350" s="6" t="s">
        <v>25439</v>
      </c>
      <c r="B25350" s="6"/>
      <c r="C25350" s="6" t="s">
        <v>25440</v>
      </c>
      <c r="D25350" s="6"/>
      <c r="E25350" s="6" t="s">
        <v>18740</v>
      </c>
      <c r="F25350" s="7">
        <v>38657</v>
      </c>
      <c r="G25350" s="8">
        <v>3185280</v>
      </c>
      <c r="H25350" s="8">
        <v>3185280</v>
      </c>
      <c r="I25350" s="8">
        <v>0</v>
      </c>
      <c r="J25350" s="8">
        <v>3185280</v>
      </c>
      <c r="K25350" s="9">
        <v>227.52</v>
      </c>
      <c r="L25350" s="6" t="s">
        <v>10</v>
      </c>
    </row>
    <row r="25351" spans="1:12">
      <c r="A25351" s="6" t="s">
        <v>25439</v>
      </c>
      <c r="B25351" s="6"/>
      <c r="C25351" s="6" t="s">
        <v>25441</v>
      </c>
      <c r="D25351" s="6"/>
      <c r="E25351" s="6" t="s">
        <v>18740</v>
      </c>
      <c r="F25351" s="7">
        <v>38657</v>
      </c>
      <c r="G25351" s="8">
        <v>4368840</v>
      </c>
      <c r="H25351" s="8">
        <v>4368840</v>
      </c>
      <c r="I25351" s="8">
        <v>0</v>
      </c>
      <c r="J25351" s="8">
        <v>4368840</v>
      </c>
      <c r="K25351" s="9">
        <v>312.06</v>
      </c>
      <c r="L25351" s="6" t="s">
        <v>10</v>
      </c>
    </row>
    <row r="25352" spans="1:12">
      <c r="A25352" s="6" t="s">
        <v>25442</v>
      </c>
      <c r="B25352" s="6"/>
      <c r="C25352" s="6" t="s">
        <v>25443</v>
      </c>
      <c r="D25352" s="6"/>
      <c r="E25352" s="6" t="s">
        <v>18740</v>
      </c>
      <c r="F25352" s="7">
        <v>38657</v>
      </c>
      <c r="G25352" s="8">
        <v>194256</v>
      </c>
      <c r="H25352" s="8">
        <v>194256</v>
      </c>
      <c r="I25352" s="8">
        <v>0</v>
      </c>
      <c r="J25352" s="8">
        <v>194256</v>
      </c>
      <c r="K25352" s="9">
        <v>38</v>
      </c>
      <c r="L25352" s="6" t="s">
        <v>23</v>
      </c>
    </row>
    <row r="25353" spans="1:12">
      <c r="A25353" s="6" t="s">
        <v>25444</v>
      </c>
      <c r="B25353" s="6"/>
      <c r="C25353" s="6" t="s">
        <v>25445</v>
      </c>
      <c r="D25353" s="6"/>
      <c r="E25353" s="6" t="s">
        <v>18740</v>
      </c>
      <c r="F25353" s="7">
        <v>38657</v>
      </c>
      <c r="G25353" s="8">
        <v>16307</v>
      </c>
      <c r="H25353" s="8">
        <v>16307</v>
      </c>
      <c r="I25353" s="8">
        <v>0</v>
      </c>
      <c r="J25353" s="8">
        <v>16307</v>
      </c>
      <c r="K25353" s="9">
        <v>3.19</v>
      </c>
      <c r="L25353" s="6" t="s">
        <v>23</v>
      </c>
    </row>
    <row r="25354" spans="1:12">
      <c r="A25354" s="6" t="s">
        <v>25446</v>
      </c>
      <c r="B25354" s="6"/>
      <c r="C25354" s="6" t="s">
        <v>25447</v>
      </c>
      <c r="D25354" s="6"/>
      <c r="E25354" s="6" t="s">
        <v>18740</v>
      </c>
      <c r="F25354" s="7">
        <v>38657</v>
      </c>
      <c r="G25354" s="8">
        <v>61344</v>
      </c>
      <c r="H25354" s="8">
        <v>61344</v>
      </c>
      <c r="I25354" s="8">
        <v>0</v>
      </c>
      <c r="J25354" s="8">
        <v>61344</v>
      </c>
      <c r="K25354" s="9">
        <v>12</v>
      </c>
      <c r="L25354" s="6" t="s">
        <v>23</v>
      </c>
    </row>
    <row r="25355" spans="1:12">
      <c r="A25355" s="6" t="s">
        <v>25446</v>
      </c>
      <c r="B25355" s="6"/>
      <c r="C25355" s="6" t="s">
        <v>25448</v>
      </c>
      <c r="D25355" s="6"/>
      <c r="E25355" s="6" t="s">
        <v>18740</v>
      </c>
      <c r="F25355" s="7">
        <v>38657</v>
      </c>
      <c r="G25355" s="8">
        <v>235152</v>
      </c>
      <c r="H25355" s="8">
        <v>235152</v>
      </c>
      <c r="I25355" s="8">
        <v>0</v>
      </c>
      <c r="J25355" s="8">
        <v>235152</v>
      </c>
      <c r="K25355" s="9">
        <v>46</v>
      </c>
      <c r="L25355" s="6" t="s">
        <v>23</v>
      </c>
    </row>
    <row r="25356" spans="1:12">
      <c r="A25356" s="6" t="s">
        <v>25446</v>
      </c>
      <c r="B25356" s="6"/>
      <c r="C25356" s="6" t="s">
        <v>25449</v>
      </c>
      <c r="D25356" s="6"/>
      <c r="E25356" s="6" t="s">
        <v>18740</v>
      </c>
      <c r="F25356" s="7">
        <v>38657</v>
      </c>
      <c r="G25356" s="8">
        <v>71568</v>
      </c>
      <c r="H25356" s="8">
        <v>71568</v>
      </c>
      <c r="I25356" s="8">
        <v>0</v>
      </c>
      <c r="J25356" s="8">
        <v>71568</v>
      </c>
      <c r="K25356" s="9">
        <v>14</v>
      </c>
      <c r="L25356" s="6" t="s">
        <v>23</v>
      </c>
    </row>
    <row r="25357" spans="1:12">
      <c r="A25357" s="6" t="s">
        <v>25450</v>
      </c>
      <c r="B25357" s="6"/>
      <c r="C25357" s="6" t="s">
        <v>25451</v>
      </c>
      <c r="D25357" s="6"/>
      <c r="E25357" s="6" t="s">
        <v>18740</v>
      </c>
      <c r="F25357" s="7">
        <v>38657</v>
      </c>
      <c r="G25357" s="8">
        <v>97128</v>
      </c>
      <c r="H25357" s="8">
        <v>97128</v>
      </c>
      <c r="I25357" s="8">
        <v>0</v>
      </c>
      <c r="J25357" s="8">
        <v>97128</v>
      </c>
      <c r="K25357" s="9">
        <v>19</v>
      </c>
      <c r="L25357" s="6" t="s">
        <v>23</v>
      </c>
    </row>
    <row r="25358" spans="1:12">
      <c r="A25358" s="6" t="s">
        <v>25452</v>
      </c>
      <c r="B25358" s="6"/>
      <c r="C25358" s="6" t="s">
        <v>25453</v>
      </c>
      <c r="D25358" s="6"/>
      <c r="E25358" s="6" t="s">
        <v>9</v>
      </c>
      <c r="F25358" s="7">
        <v>38657</v>
      </c>
      <c r="G25358" s="8">
        <v>4311000</v>
      </c>
      <c r="H25358" s="8">
        <v>4311000</v>
      </c>
      <c r="I25358" s="8">
        <v>0</v>
      </c>
      <c r="J25358" s="8">
        <v>4311000</v>
      </c>
      <c r="K25358" s="9">
        <v>479</v>
      </c>
      <c r="L25358" s="6" t="s">
        <v>1694</v>
      </c>
    </row>
    <row r="25359" spans="1:12">
      <c r="A25359" s="6" t="s">
        <v>25452</v>
      </c>
      <c r="B25359" s="6"/>
      <c r="C25359" s="6" t="s">
        <v>25454</v>
      </c>
      <c r="D25359" s="6"/>
      <c r="E25359" s="6" t="s">
        <v>9</v>
      </c>
      <c r="F25359" s="7">
        <v>38657</v>
      </c>
      <c r="G25359" s="8">
        <v>4284000</v>
      </c>
      <c r="H25359" s="8">
        <v>4284000</v>
      </c>
      <c r="I25359" s="8">
        <v>0</v>
      </c>
      <c r="J25359" s="8">
        <v>4284000</v>
      </c>
      <c r="K25359" s="9">
        <v>476</v>
      </c>
      <c r="L25359" s="6" t="s">
        <v>1694</v>
      </c>
    </row>
    <row r="25360" spans="1:12">
      <c r="A25360" s="6" t="s">
        <v>25452</v>
      </c>
      <c r="B25360" s="6"/>
      <c r="C25360" s="6" t="s">
        <v>25455</v>
      </c>
      <c r="D25360" s="6"/>
      <c r="E25360" s="6" t="s">
        <v>9</v>
      </c>
      <c r="F25360" s="7">
        <v>38657</v>
      </c>
      <c r="G25360" s="8">
        <v>4428000</v>
      </c>
      <c r="H25360" s="8">
        <v>4428000</v>
      </c>
      <c r="I25360" s="8">
        <v>0</v>
      </c>
      <c r="J25360" s="8">
        <v>4428000</v>
      </c>
      <c r="K25360" s="9">
        <v>492</v>
      </c>
      <c r="L25360" s="6" t="s">
        <v>1694</v>
      </c>
    </row>
    <row r="25361" spans="1:12">
      <c r="A25361" s="6" t="s">
        <v>25452</v>
      </c>
      <c r="B25361" s="6"/>
      <c r="C25361" s="6" t="s">
        <v>25456</v>
      </c>
      <c r="D25361" s="6"/>
      <c r="E25361" s="6" t="s">
        <v>9</v>
      </c>
      <c r="F25361" s="7">
        <v>38657</v>
      </c>
      <c r="G25361" s="8">
        <v>6119100</v>
      </c>
      <c r="H25361" s="8">
        <v>6119100</v>
      </c>
      <c r="I25361" s="8">
        <v>0</v>
      </c>
      <c r="J25361" s="8">
        <v>6119100</v>
      </c>
      <c r="K25361" s="9">
        <v>950</v>
      </c>
      <c r="L25361" s="6" t="s">
        <v>1694</v>
      </c>
    </row>
    <row r="25362" spans="1:12">
      <c r="A25362" s="6" t="s">
        <v>25452</v>
      </c>
      <c r="B25362" s="6"/>
      <c r="C25362" s="6" t="s">
        <v>25457</v>
      </c>
      <c r="D25362" s="6"/>
      <c r="E25362" s="6" t="s">
        <v>9</v>
      </c>
      <c r="F25362" s="7">
        <v>38657</v>
      </c>
      <c r="G25362" s="8">
        <v>3108000</v>
      </c>
      <c r="H25362" s="8">
        <v>3108000</v>
      </c>
      <c r="I25362" s="8">
        <v>0</v>
      </c>
      <c r="J25362" s="8">
        <v>3108000</v>
      </c>
      <c r="K25362" s="9">
        <v>259</v>
      </c>
      <c r="L25362" s="6" t="s">
        <v>1694</v>
      </c>
    </row>
    <row r="25363" spans="1:12">
      <c r="A25363" s="6" t="s">
        <v>25452</v>
      </c>
      <c r="B25363" s="6"/>
      <c r="C25363" s="6" t="s">
        <v>25458</v>
      </c>
      <c r="D25363" s="6"/>
      <c r="E25363" s="6" t="s">
        <v>9</v>
      </c>
      <c r="F25363" s="7">
        <v>38657</v>
      </c>
      <c r="G25363" s="8">
        <v>5319000</v>
      </c>
      <c r="H25363" s="8">
        <v>5319000</v>
      </c>
      <c r="I25363" s="8">
        <v>0</v>
      </c>
      <c r="J25363" s="8">
        <v>5319000</v>
      </c>
      <c r="K25363" s="9">
        <v>591</v>
      </c>
      <c r="L25363" s="6" t="s">
        <v>1694</v>
      </c>
    </row>
    <row r="25364" spans="1:12">
      <c r="A25364" s="6" t="s">
        <v>25452</v>
      </c>
      <c r="B25364" s="6"/>
      <c r="C25364" s="6" t="s">
        <v>25459</v>
      </c>
      <c r="D25364" s="6"/>
      <c r="E25364" s="6" t="s">
        <v>9</v>
      </c>
      <c r="F25364" s="7">
        <v>38657</v>
      </c>
      <c r="G25364" s="8">
        <v>594960</v>
      </c>
      <c r="H25364" s="8">
        <v>594960</v>
      </c>
      <c r="I25364" s="8">
        <v>0</v>
      </c>
      <c r="J25364" s="8">
        <v>594960</v>
      </c>
      <c r="K25364" s="9">
        <v>49.58</v>
      </c>
      <c r="L25364" s="6" t="s">
        <v>1694</v>
      </c>
    </row>
    <row r="25365" spans="1:12">
      <c r="A25365" s="6" t="s">
        <v>25452</v>
      </c>
      <c r="B25365" s="6"/>
      <c r="C25365" s="6" t="s">
        <v>25460</v>
      </c>
      <c r="D25365" s="6"/>
      <c r="E25365" s="6" t="s">
        <v>9</v>
      </c>
      <c r="F25365" s="7">
        <v>38657</v>
      </c>
      <c r="G25365" s="8">
        <v>7110000</v>
      </c>
      <c r="H25365" s="8">
        <v>7110000</v>
      </c>
      <c r="I25365" s="8">
        <v>0</v>
      </c>
      <c r="J25365" s="8">
        <v>7110000</v>
      </c>
      <c r="K25365" s="9">
        <v>790</v>
      </c>
      <c r="L25365" s="6" t="s">
        <v>1694</v>
      </c>
    </row>
    <row r="25366" spans="1:12">
      <c r="A25366" s="6" t="s">
        <v>25452</v>
      </c>
      <c r="B25366" s="6"/>
      <c r="C25366" s="6" t="s">
        <v>25461</v>
      </c>
      <c r="D25366" s="6"/>
      <c r="E25366" s="6" t="s">
        <v>9</v>
      </c>
      <c r="F25366" s="7">
        <v>38657</v>
      </c>
      <c r="G25366" s="8">
        <v>1308000</v>
      </c>
      <c r="H25366" s="8">
        <v>1308000</v>
      </c>
      <c r="I25366" s="8">
        <v>0</v>
      </c>
      <c r="J25366" s="8">
        <v>1308000</v>
      </c>
      <c r="K25366" s="9">
        <v>109</v>
      </c>
      <c r="L25366" s="6" t="s">
        <v>1694</v>
      </c>
    </row>
    <row r="25367" spans="1:12">
      <c r="A25367" s="6" t="s">
        <v>25452</v>
      </c>
      <c r="B25367" s="6"/>
      <c r="C25367" s="6" t="s">
        <v>25462</v>
      </c>
      <c r="D25367" s="6"/>
      <c r="E25367" s="6" t="s">
        <v>9</v>
      </c>
      <c r="F25367" s="7">
        <v>38657</v>
      </c>
      <c r="G25367" s="8">
        <v>198240</v>
      </c>
      <c r="H25367" s="8">
        <v>198240</v>
      </c>
      <c r="I25367" s="8">
        <v>0</v>
      </c>
      <c r="J25367" s="8">
        <v>198240</v>
      </c>
      <c r="K25367" s="9">
        <v>16.52</v>
      </c>
      <c r="L25367" s="6" t="s">
        <v>1694</v>
      </c>
    </row>
    <row r="25368" spans="1:12">
      <c r="A25368" s="6" t="s">
        <v>25452</v>
      </c>
      <c r="B25368" s="6"/>
      <c r="C25368" s="6" t="s">
        <v>25463</v>
      </c>
      <c r="D25368" s="6"/>
      <c r="E25368" s="6" t="s">
        <v>9</v>
      </c>
      <c r="F25368" s="7">
        <v>38657</v>
      </c>
      <c r="G25368" s="8">
        <v>317280</v>
      </c>
      <c r="H25368" s="8">
        <v>317280</v>
      </c>
      <c r="I25368" s="8">
        <v>0</v>
      </c>
      <c r="J25368" s="8">
        <v>317280</v>
      </c>
      <c r="K25368" s="9">
        <v>26.44</v>
      </c>
      <c r="L25368" s="6" t="s">
        <v>1694</v>
      </c>
    </row>
    <row r="25369" spans="1:12">
      <c r="A25369" s="6" t="s">
        <v>25452</v>
      </c>
      <c r="B25369" s="6"/>
      <c r="C25369" s="6" t="s">
        <v>25464</v>
      </c>
      <c r="D25369" s="6"/>
      <c r="E25369" s="6" t="s">
        <v>9</v>
      </c>
      <c r="F25369" s="7">
        <v>38657</v>
      </c>
      <c r="G25369" s="8">
        <v>828000</v>
      </c>
      <c r="H25369" s="8">
        <v>828000</v>
      </c>
      <c r="I25369" s="8">
        <v>0</v>
      </c>
      <c r="J25369" s="8">
        <v>828000</v>
      </c>
      <c r="K25369" s="9">
        <v>92</v>
      </c>
      <c r="L25369" s="6" t="s">
        <v>1694</v>
      </c>
    </row>
    <row r="25370" spans="1:12">
      <c r="A25370" s="6" t="s">
        <v>25452</v>
      </c>
      <c r="B25370" s="6"/>
      <c r="C25370" s="6" t="s">
        <v>25465</v>
      </c>
      <c r="D25370" s="6"/>
      <c r="E25370" s="6" t="s">
        <v>9</v>
      </c>
      <c r="F25370" s="7">
        <v>38657</v>
      </c>
      <c r="G25370" s="8">
        <v>129582</v>
      </c>
      <c r="H25370" s="8">
        <v>129582</v>
      </c>
      <c r="I25370" s="8">
        <v>0</v>
      </c>
      <c r="J25370" s="8">
        <v>129582</v>
      </c>
      <c r="K25370" s="9">
        <v>15.8</v>
      </c>
      <c r="L25370" s="6" t="s">
        <v>1694</v>
      </c>
    </row>
    <row r="25371" spans="1:12">
      <c r="A25371" s="6" t="s">
        <v>25452</v>
      </c>
      <c r="B25371" s="6"/>
      <c r="C25371" s="6" t="s">
        <v>25466</v>
      </c>
      <c r="D25371" s="6"/>
      <c r="E25371" s="6" t="s">
        <v>9</v>
      </c>
      <c r="F25371" s="7">
        <v>38657</v>
      </c>
      <c r="G25371" s="8">
        <v>90394</v>
      </c>
      <c r="H25371" s="8">
        <v>90394</v>
      </c>
      <c r="I25371" s="8">
        <v>0</v>
      </c>
      <c r="J25371" s="8">
        <v>90394</v>
      </c>
      <c r="K25371" s="9">
        <v>10.19</v>
      </c>
      <c r="L25371" s="6" t="s">
        <v>1694</v>
      </c>
    </row>
    <row r="25372" spans="1:12">
      <c r="A25372" s="6" t="s">
        <v>25452</v>
      </c>
      <c r="B25372" s="6"/>
      <c r="C25372" s="6" t="s">
        <v>25467</v>
      </c>
      <c r="D25372" s="6"/>
      <c r="E25372" s="6" t="s">
        <v>9</v>
      </c>
      <c r="F25372" s="7">
        <v>38657</v>
      </c>
      <c r="G25372" s="8">
        <v>2317560</v>
      </c>
      <c r="H25372" s="8">
        <v>2317560</v>
      </c>
      <c r="I25372" s="8">
        <v>0</v>
      </c>
      <c r="J25372" s="8">
        <v>2317560</v>
      </c>
      <c r="K25372" s="9">
        <v>193.13</v>
      </c>
      <c r="L25372" s="6" t="s">
        <v>1694</v>
      </c>
    </row>
    <row r="25373" spans="1:12">
      <c r="A25373" s="6" t="s">
        <v>25452</v>
      </c>
      <c r="B25373" s="6"/>
      <c r="C25373" s="6" t="s">
        <v>25468</v>
      </c>
      <c r="D25373" s="6"/>
      <c r="E25373" s="6" t="s">
        <v>9</v>
      </c>
      <c r="F25373" s="7">
        <v>38657</v>
      </c>
      <c r="G25373" s="8">
        <v>2181720</v>
      </c>
      <c r="H25373" s="8">
        <v>2181720</v>
      </c>
      <c r="I25373" s="8">
        <v>0</v>
      </c>
      <c r="J25373" s="8">
        <v>2181720</v>
      </c>
      <c r="K25373" s="9">
        <v>181.81</v>
      </c>
      <c r="L25373" s="6" t="s">
        <v>1694</v>
      </c>
    </row>
    <row r="25374" spans="1:12">
      <c r="A25374" s="6" t="s">
        <v>25452</v>
      </c>
      <c r="B25374" s="6"/>
      <c r="C25374" s="6" t="s">
        <v>25469</v>
      </c>
      <c r="D25374" s="6"/>
      <c r="E25374" s="6" t="s">
        <v>9</v>
      </c>
      <c r="F25374" s="7">
        <v>38657</v>
      </c>
      <c r="G25374" s="8">
        <v>1303080</v>
      </c>
      <c r="H25374" s="8">
        <v>1303080</v>
      </c>
      <c r="I25374" s="8">
        <v>0</v>
      </c>
      <c r="J25374" s="8">
        <v>1303080</v>
      </c>
      <c r="K25374" s="9">
        <v>108.59</v>
      </c>
      <c r="L25374" s="6" t="s">
        <v>1694</v>
      </c>
    </row>
    <row r="25375" spans="1:12">
      <c r="A25375" s="6" t="s">
        <v>25452</v>
      </c>
      <c r="B25375" s="6"/>
      <c r="C25375" s="6" t="s">
        <v>25470</v>
      </c>
      <c r="D25375" s="6"/>
      <c r="E25375" s="6" t="s">
        <v>9</v>
      </c>
      <c r="F25375" s="7">
        <v>38657</v>
      </c>
      <c r="G25375" s="8">
        <v>1344000</v>
      </c>
      <c r="H25375" s="8">
        <v>1344000</v>
      </c>
      <c r="I25375" s="8">
        <v>0</v>
      </c>
      <c r="J25375" s="8">
        <v>1344000</v>
      </c>
      <c r="K25375" s="9">
        <v>112</v>
      </c>
      <c r="L25375" s="6" t="s">
        <v>1694</v>
      </c>
    </row>
    <row r="25376" spans="1:12">
      <c r="A25376" s="6" t="s">
        <v>25452</v>
      </c>
      <c r="B25376" s="6"/>
      <c r="C25376" s="6" t="s">
        <v>25471</v>
      </c>
      <c r="D25376" s="6"/>
      <c r="E25376" s="6" t="s">
        <v>9</v>
      </c>
      <c r="F25376" s="7">
        <v>38657</v>
      </c>
      <c r="G25376" s="8">
        <v>861143</v>
      </c>
      <c r="H25376" s="8">
        <v>861143</v>
      </c>
      <c r="I25376" s="8">
        <v>0</v>
      </c>
      <c r="J25376" s="8">
        <v>861143</v>
      </c>
      <c r="K25376" s="9">
        <v>105</v>
      </c>
      <c r="L25376" s="6" t="s">
        <v>1694</v>
      </c>
    </row>
    <row r="25377" spans="1:12">
      <c r="A25377" s="6" t="s">
        <v>25452</v>
      </c>
      <c r="B25377" s="6"/>
      <c r="C25377" s="6" t="s">
        <v>25472</v>
      </c>
      <c r="D25377" s="6"/>
      <c r="E25377" s="6" t="s">
        <v>9</v>
      </c>
      <c r="F25377" s="7">
        <v>38657</v>
      </c>
      <c r="G25377" s="8">
        <v>1963620</v>
      </c>
      <c r="H25377" s="8">
        <v>1963620</v>
      </c>
      <c r="I25377" s="8">
        <v>0</v>
      </c>
      <c r="J25377" s="8">
        <v>1963620</v>
      </c>
      <c r="K25377" s="9">
        <v>218.18</v>
      </c>
      <c r="L25377" s="6" t="s">
        <v>1694</v>
      </c>
    </row>
    <row r="25378" spans="1:12">
      <c r="A25378" s="6" t="s">
        <v>25452</v>
      </c>
      <c r="B25378" s="6"/>
      <c r="C25378" s="6" t="s">
        <v>25473</v>
      </c>
      <c r="D25378" s="6"/>
      <c r="E25378" s="6" t="s">
        <v>9</v>
      </c>
      <c r="F25378" s="7">
        <v>38657</v>
      </c>
      <c r="G25378" s="8">
        <v>921751</v>
      </c>
      <c r="H25378" s="8">
        <v>921751</v>
      </c>
      <c r="I25378" s="8">
        <v>0</v>
      </c>
      <c r="J25378" s="8">
        <v>921751</v>
      </c>
      <c r="K25378" s="9">
        <v>112.39</v>
      </c>
      <c r="L25378" s="6" t="s">
        <v>1694</v>
      </c>
    </row>
    <row r="25379" spans="1:12">
      <c r="A25379" s="6" t="s">
        <v>25452</v>
      </c>
      <c r="B25379" s="6"/>
      <c r="C25379" s="6" t="s">
        <v>25474</v>
      </c>
      <c r="D25379" s="6"/>
      <c r="E25379" s="6" t="s">
        <v>9</v>
      </c>
      <c r="F25379" s="7">
        <v>38657</v>
      </c>
      <c r="G25379" s="8">
        <v>1285810</v>
      </c>
      <c r="H25379" s="8">
        <v>1285810</v>
      </c>
      <c r="I25379" s="8">
        <v>0</v>
      </c>
      <c r="J25379" s="8">
        <v>1285810</v>
      </c>
      <c r="K25379" s="9">
        <v>156.78</v>
      </c>
      <c r="L25379" s="6" t="s">
        <v>1694</v>
      </c>
    </row>
    <row r="25380" spans="1:12">
      <c r="A25380" s="6" t="s">
        <v>25452</v>
      </c>
      <c r="B25380" s="6"/>
      <c r="C25380" s="6" t="s">
        <v>25475</v>
      </c>
      <c r="D25380" s="6"/>
      <c r="E25380" s="6" t="s">
        <v>9</v>
      </c>
      <c r="F25380" s="7">
        <v>38657</v>
      </c>
      <c r="G25380" s="8">
        <v>621000</v>
      </c>
      <c r="H25380" s="8">
        <v>621000</v>
      </c>
      <c r="I25380" s="8">
        <v>0</v>
      </c>
      <c r="J25380" s="8">
        <v>621000</v>
      </c>
      <c r="K25380" s="9">
        <v>69</v>
      </c>
      <c r="L25380" s="6" t="s">
        <v>1694</v>
      </c>
    </row>
    <row r="25381" spans="1:12">
      <c r="A25381" s="6" t="s">
        <v>25452</v>
      </c>
      <c r="B25381" s="6"/>
      <c r="C25381" s="6" t="s">
        <v>25476</v>
      </c>
      <c r="D25381" s="6"/>
      <c r="E25381" s="6" t="s">
        <v>9</v>
      </c>
      <c r="F25381" s="7">
        <v>38657</v>
      </c>
      <c r="G25381" s="8">
        <v>3376083</v>
      </c>
      <c r="H25381" s="8">
        <v>3376083</v>
      </c>
      <c r="I25381" s="8">
        <v>0</v>
      </c>
      <c r="J25381" s="8">
        <v>3376083</v>
      </c>
      <c r="K25381" s="9">
        <v>380.58</v>
      </c>
      <c r="L25381" s="6" t="s">
        <v>1694</v>
      </c>
    </row>
    <row r="25382" spans="1:12">
      <c r="A25382" s="6" t="s">
        <v>25452</v>
      </c>
      <c r="B25382" s="6"/>
      <c r="C25382" s="6" t="s">
        <v>25477</v>
      </c>
      <c r="D25382" s="6"/>
      <c r="E25382" s="6" t="s">
        <v>9</v>
      </c>
      <c r="F25382" s="7"/>
      <c r="G25382" s="8">
        <v>144000</v>
      </c>
      <c r="H25382" s="8">
        <v>144000</v>
      </c>
      <c r="I25382" s="8">
        <v>0</v>
      </c>
      <c r="J25382" s="8">
        <v>144000</v>
      </c>
      <c r="K25382" s="9">
        <v>16</v>
      </c>
      <c r="L25382" s="6" t="s">
        <v>1694</v>
      </c>
    </row>
    <row r="25383" spans="1:12">
      <c r="A25383" s="6" t="s">
        <v>25452</v>
      </c>
      <c r="B25383" s="6"/>
      <c r="C25383" s="6" t="s">
        <v>25478</v>
      </c>
      <c r="D25383" s="6"/>
      <c r="E25383" s="6" t="s">
        <v>9</v>
      </c>
      <c r="F25383" s="7">
        <v>38657</v>
      </c>
      <c r="G25383" s="8">
        <v>504000</v>
      </c>
      <c r="H25383" s="8">
        <v>504000</v>
      </c>
      <c r="I25383" s="8">
        <v>0</v>
      </c>
      <c r="J25383" s="8">
        <v>504000</v>
      </c>
      <c r="K25383" s="9">
        <v>56</v>
      </c>
      <c r="L25383" s="6" t="s">
        <v>1694</v>
      </c>
    </row>
    <row r="25384" spans="1:12">
      <c r="A25384" s="6" t="s">
        <v>25452</v>
      </c>
      <c r="B25384" s="6"/>
      <c r="C25384" s="6" t="s">
        <v>25479</v>
      </c>
      <c r="D25384" s="6"/>
      <c r="E25384" s="6" t="s">
        <v>9</v>
      </c>
      <c r="F25384" s="7">
        <v>38657</v>
      </c>
      <c r="G25384" s="8">
        <v>324000</v>
      </c>
      <c r="H25384" s="8">
        <v>324000</v>
      </c>
      <c r="I25384" s="8">
        <v>0</v>
      </c>
      <c r="J25384" s="8">
        <v>324000</v>
      </c>
      <c r="K25384" s="9">
        <v>36</v>
      </c>
      <c r="L25384" s="6" t="s">
        <v>1694</v>
      </c>
    </row>
    <row r="25385" spans="1:12">
      <c r="A25385" s="6" t="s">
        <v>25452</v>
      </c>
      <c r="B25385" s="6"/>
      <c r="C25385" s="6" t="s">
        <v>25480</v>
      </c>
      <c r="D25385" s="6"/>
      <c r="E25385" s="6" t="s">
        <v>9</v>
      </c>
      <c r="F25385" s="7">
        <v>38657</v>
      </c>
      <c r="G25385" s="8">
        <v>369000</v>
      </c>
      <c r="H25385" s="8">
        <v>369000</v>
      </c>
      <c r="I25385" s="8">
        <v>0</v>
      </c>
      <c r="J25385" s="8">
        <v>369000</v>
      </c>
      <c r="K25385" s="9">
        <v>41</v>
      </c>
      <c r="L25385" s="6" t="s">
        <v>1694</v>
      </c>
    </row>
    <row r="25386" spans="1:12">
      <c r="A25386" s="6" t="s">
        <v>25452</v>
      </c>
      <c r="B25386" s="6"/>
      <c r="C25386" s="6" t="s">
        <v>25481</v>
      </c>
      <c r="D25386" s="6"/>
      <c r="E25386" s="6" t="s">
        <v>9</v>
      </c>
      <c r="F25386" s="7">
        <v>38657</v>
      </c>
      <c r="G25386" s="8">
        <v>2349000</v>
      </c>
      <c r="H25386" s="8">
        <v>2349000</v>
      </c>
      <c r="I25386" s="8">
        <v>0</v>
      </c>
      <c r="J25386" s="8">
        <v>2349000</v>
      </c>
      <c r="K25386" s="9">
        <v>261</v>
      </c>
      <c r="L25386" s="6" t="s">
        <v>1694</v>
      </c>
    </row>
    <row r="25387" spans="1:12">
      <c r="A25387" s="6" t="s">
        <v>25452</v>
      </c>
      <c r="B25387" s="6"/>
      <c r="C25387" s="6" t="s">
        <v>25482</v>
      </c>
      <c r="D25387" s="6"/>
      <c r="E25387" s="6" t="s">
        <v>9</v>
      </c>
      <c r="F25387" s="7">
        <v>38657</v>
      </c>
      <c r="G25387" s="8">
        <v>1107000</v>
      </c>
      <c r="H25387" s="8">
        <v>1107000</v>
      </c>
      <c r="I25387" s="8">
        <v>0</v>
      </c>
      <c r="J25387" s="8">
        <v>1107000</v>
      </c>
      <c r="K25387" s="9">
        <v>123</v>
      </c>
      <c r="L25387" s="6" t="s">
        <v>1694</v>
      </c>
    </row>
    <row r="25388" spans="1:12">
      <c r="A25388" s="6" t="s">
        <v>25452</v>
      </c>
      <c r="B25388" s="6"/>
      <c r="C25388" s="6" t="s">
        <v>25483</v>
      </c>
      <c r="D25388" s="6"/>
      <c r="E25388" s="6" t="s">
        <v>9</v>
      </c>
      <c r="F25388" s="7">
        <v>38657</v>
      </c>
      <c r="G25388" s="8">
        <v>2169000</v>
      </c>
      <c r="H25388" s="8">
        <v>2169000</v>
      </c>
      <c r="I25388" s="8">
        <v>0</v>
      </c>
      <c r="J25388" s="8">
        <v>2169000</v>
      </c>
      <c r="K25388" s="9">
        <v>241</v>
      </c>
      <c r="L25388" s="6" t="s">
        <v>1694</v>
      </c>
    </row>
    <row r="25389" spans="1:12">
      <c r="A25389" s="6" t="s">
        <v>25452</v>
      </c>
      <c r="B25389" s="6"/>
      <c r="C25389" s="6" t="s">
        <v>25484</v>
      </c>
      <c r="D25389" s="6"/>
      <c r="E25389" s="6" t="s">
        <v>9</v>
      </c>
      <c r="F25389" s="7">
        <v>38657</v>
      </c>
      <c r="G25389" s="8">
        <v>2394000</v>
      </c>
      <c r="H25389" s="8">
        <v>2394000</v>
      </c>
      <c r="I25389" s="8">
        <v>0</v>
      </c>
      <c r="J25389" s="8">
        <v>2394000</v>
      </c>
      <c r="K25389" s="9">
        <v>266</v>
      </c>
      <c r="L25389" s="6" t="s">
        <v>1694</v>
      </c>
    </row>
    <row r="25390" spans="1:12">
      <c r="A25390" s="6" t="s">
        <v>25452</v>
      </c>
      <c r="B25390" s="6"/>
      <c r="C25390" s="6" t="s">
        <v>25485</v>
      </c>
      <c r="D25390" s="6"/>
      <c r="E25390" s="6" t="s">
        <v>9</v>
      </c>
      <c r="F25390" s="7">
        <v>38657</v>
      </c>
      <c r="G25390" s="8">
        <v>362520</v>
      </c>
      <c r="H25390" s="8">
        <v>362520</v>
      </c>
      <c r="I25390" s="8">
        <v>0</v>
      </c>
      <c r="J25390" s="8">
        <v>362520</v>
      </c>
      <c r="K25390" s="9">
        <v>40.28</v>
      </c>
      <c r="L25390" s="6" t="s">
        <v>1694</v>
      </c>
    </row>
    <row r="25391" spans="1:12">
      <c r="A25391" s="6" t="s">
        <v>25452</v>
      </c>
      <c r="B25391" s="6"/>
      <c r="C25391" s="6" t="s">
        <v>25486</v>
      </c>
      <c r="D25391" s="6"/>
      <c r="E25391" s="6" t="s">
        <v>9</v>
      </c>
      <c r="F25391" s="7">
        <v>38657</v>
      </c>
      <c r="G25391" s="8">
        <v>351000</v>
      </c>
      <c r="H25391" s="8">
        <v>351000</v>
      </c>
      <c r="I25391" s="8">
        <v>0</v>
      </c>
      <c r="J25391" s="8">
        <v>351000</v>
      </c>
      <c r="K25391" s="9">
        <v>39</v>
      </c>
      <c r="L25391" s="6" t="s">
        <v>1694</v>
      </c>
    </row>
    <row r="25392" spans="1:12">
      <c r="A25392" s="6" t="s">
        <v>25452</v>
      </c>
      <c r="B25392" s="6"/>
      <c r="C25392" s="6" t="s">
        <v>25487</v>
      </c>
      <c r="D25392" s="6"/>
      <c r="E25392" s="6" t="s">
        <v>9</v>
      </c>
      <c r="F25392" s="7">
        <v>38657</v>
      </c>
      <c r="G25392" s="8">
        <v>387000</v>
      </c>
      <c r="H25392" s="8">
        <v>387000</v>
      </c>
      <c r="I25392" s="8">
        <v>0</v>
      </c>
      <c r="J25392" s="8">
        <v>387000</v>
      </c>
      <c r="K25392" s="9">
        <v>43</v>
      </c>
      <c r="L25392" s="6" t="s">
        <v>1694</v>
      </c>
    </row>
    <row r="25393" spans="1:12">
      <c r="A25393" s="6" t="s">
        <v>25452</v>
      </c>
      <c r="B25393" s="6"/>
      <c r="C25393" s="6" t="s">
        <v>25488</v>
      </c>
      <c r="D25393" s="6"/>
      <c r="E25393" s="6" t="s">
        <v>9</v>
      </c>
      <c r="F25393" s="7">
        <v>38657</v>
      </c>
      <c r="G25393" s="8">
        <v>108000</v>
      </c>
      <c r="H25393" s="8">
        <v>108000</v>
      </c>
      <c r="I25393" s="8">
        <v>0</v>
      </c>
      <c r="J25393" s="8">
        <v>108000</v>
      </c>
      <c r="K25393" s="9">
        <v>12</v>
      </c>
      <c r="L25393" s="6" t="s">
        <v>1694</v>
      </c>
    </row>
    <row r="25394" spans="1:12">
      <c r="A25394" s="6" t="s">
        <v>25452</v>
      </c>
      <c r="B25394" s="6"/>
      <c r="C25394" s="6" t="s">
        <v>25489</v>
      </c>
      <c r="D25394" s="6"/>
      <c r="E25394" s="6" t="s">
        <v>9</v>
      </c>
      <c r="F25394" s="7">
        <v>38657</v>
      </c>
      <c r="G25394" s="8">
        <v>12519000</v>
      </c>
      <c r="H25394" s="8">
        <v>12519000</v>
      </c>
      <c r="I25394" s="8">
        <v>0</v>
      </c>
      <c r="J25394" s="8">
        <v>12519000</v>
      </c>
      <c r="K25394" s="9">
        <v>1391</v>
      </c>
      <c r="L25394" s="6" t="s">
        <v>1694</v>
      </c>
    </row>
    <row r="25395" spans="1:12">
      <c r="A25395" s="6" t="s">
        <v>25452</v>
      </c>
      <c r="B25395" s="6"/>
      <c r="C25395" s="6" t="s">
        <v>25490</v>
      </c>
      <c r="D25395" s="6"/>
      <c r="E25395" s="6" t="s">
        <v>9</v>
      </c>
      <c r="F25395" s="7">
        <v>38657</v>
      </c>
      <c r="G25395" s="8">
        <v>419580</v>
      </c>
      <c r="H25395" s="8">
        <v>419580</v>
      </c>
      <c r="I25395" s="8">
        <v>0</v>
      </c>
      <c r="J25395" s="8">
        <v>419580</v>
      </c>
      <c r="K25395" s="9">
        <v>46.62</v>
      </c>
      <c r="L25395" s="6" t="s">
        <v>1694</v>
      </c>
    </row>
    <row r="25396" spans="1:12">
      <c r="A25396" s="6" t="s">
        <v>25452</v>
      </c>
      <c r="B25396" s="6"/>
      <c r="C25396" s="6" t="s">
        <v>25491</v>
      </c>
      <c r="D25396" s="6"/>
      <c r="E25396" s="6" t="s">
        <v>9</v>
      </c>
      <c r="F25396" s="7">
        <v>38657</v>
      </c>
      <c r="G25396" s="8">
        <v>3042000</v>
      </c>
      <c r="H25396" s="8">
        <v>3042000</v>
      </c>
      <c r="I25396" s="8">
        <v>0</v>
      </c>
      <c r="J25396" s="8">
        <v>3042000</v>
      </c>
      <c r="K25396" s="9">
        <v>338</v>
      </c>
      <c r="L25396" s="6" t="s">
        <v>1694</v>
      </c>
    </row>
    <row r="25397" spans="1:12">
      <c r="A25397" s="6" t="s">
        <v>25452</v>
      </c>
      <c r="B25397" s="6"/>
      <c r="C25397" s="6" t="s">
        <v>25492</v>
      </c>
      <c r="D25397" s="6"/>
      <c r="E25397" s="6" t="s">
        <v>9</v>
      </c>
      <c r="F25397" s="7">
        <v>38657</v>
      </c>
      <c r="G25397" s="8">
        <v>180000</v>
      </c>
      <c r="H25397" s="8">
        <v>180000</v>
      </c>
      <c r="I25397" s="8">
        <v>0</v>
      </c>
      <c r="J25397" s="8">
        <v>180000</v>
      </c>
      <c r="K25397" s="9">
        <v>20</v>
      </c>
      <c r="L25397" s="6" t="s">
        <v>1694</v>
      </c>
    </row>
    <row r="25398" spans="1:12">
      <c r="A25398" s="6" t="s">
        <v>25452</v>
      </c>
      <c r="B25398" s="6"/>
      <c r="C25398" s="6" t="s">
        <v>25493</v>
      </c>
      <c r="D25398" s="6"/>
      <c r="E25398" s="6" t="s">
        <v>9</v>
      </c>
      <c r="F25398" s="7">
        <v>38657</v>
      </c>
      <c r="G25398" s="8">
        <v>648000</v>
      </c>
      <c r="H25398" s="8">
        <v>648000</v>
      </c>
      <c r="I25398" s="8">
        <v>0</v>
      </c>
      <c r="J25398" s="8">
        <v>648000</v>
      </c>
      <c r="K25398" s="9">
        <v>72</v>
      </c>
      <c r="L25398" s="6" t="s">
        <v>1694</v>
      </c>
    </row>
    <row r="25399" spans="1:12">
      <c r="A25399" s="6" t="s">
        <v>25452</v>
      </c>
      <c r="B25399" s="6"/>
      <c r="C25399" s="6" t="s">
        <v>25494</v>
      </c>
      <c r="D25399" s="6"/>
      <c r="E25399" s="6" t="s">
        <v>9</v>
      </c>
      <c r="F25399" s="7">
        <v>38657</v>
      </c>
      <c r="G25399" s="8">
        <v>720000</v>
      </c>
      <c r="H25399" s="8">
        <v>720000</v>
      </c>
      <c r="I25399" s="8">
        <v>0</v>
      </c>
      <c r="J25399" s="8">
        <v>720000</v>
      </c>
      <c r="K25399" s="9">
        <v>80</v>
      </c>
      <c r="L25399" s="6" t="s">
        <v>1694</v>
      </c>
    </row>
    <row r="25400" spans="1:12">
      <c r="A25400" s="6" t="s">
        <v>25452</v>
      </c>
      <c r="B25400" s="6"/>
      <c r="C25400" s="6" t="s">
        <v>25495</v>
      </c>
      <c r="D25400" s="6"/>
      <c r="E25400" s="6" t="s">
        <v>9</v>
      </c>
      <c r="F25400" s="7">
        <v>38657</v>
      </c>
      <c r="G25400" s="8">
        <v>90000</v>
      </c>
      <c r="H25400" s="8">
        <v>90000</v>
      </c>
      <c r="I25400" s="8">
        <v>0</v>
      </c>
      <c r="J25400" s="8">
        <v>90000</v>
      </c>
      <c r="K25400" s="9">
        <v>10</v>
      </c>
      <c r="L25400" s="6" t="s">
        <v>1694</v>
      </c>
    </row>
    <row r="25401" spans="1:12">
      <c r="A25401" s="6" t="s">
        <v>25452</v>
      </c>
      <c r="B25401" s="6"/>
      <c r="C25401" s="6" t="s">
        <v>25496</v>
      </c>
      <c r="D25401" s="6"/>
      <c r="E25401" s="6" t="s">
        <v>9</v>
      </c>
      <c r="F25401" s="7">
        <v>38657</v>
      </c>
      <c r="G25401" s="8">
        <v>1782000</v>
      </c>
      <c r="H25401" s="8">
        <v>1782000</v>
      </c>
      <c r="I25401" s="8">
        <v>0</v>
      </c>
      <c r="J25401" s="8">
        <v>1782000</v>
      </c>
      <c r="K25401" s="9">
        <v>198</v>
      </c>
      <c r="L25401" s="6" t="s">
        <v>1694</v>
      </c>
    </row>
    <row r="25402" spans="1:12">
      <c r="A25402" s="6" t="s">
        <v>25452</v>
      </c>
      <c r="B25402" s="6"/>
      <c r="C25402" s="6" t="s">
        <v>25497</v>
      </c>
      <c r="D25402" s="6"/>
      <c r="E25402" s="6" t="s">
        <v>9</v>
      </c>
      <c r="F25402" s="7">
        <v>38657</v>
      </c>
      <c r="G25402" s="8">
        <v>1809000</v>
      </c>
      <c r="H25402" s="8">
        <v>1809000</v>
      </c>
      <c r="I25402" s="8">
        <v>0</v>
      </c>
      <c r="J25402" s="8">
        <v>1809000</v>
      </c>
      <c r="K25402" s="9">
        <v>201</v>
      </c>
      <c r="L25402" s="6" t="s">
        <v>1694</v>
      </c>
    </row>
    <row r="25403" spans="1:12">
      <c r="A25403" s="6" t="s">
        <v>25452</v>
      </c>
      <c r="B25403" s="6"/>
      <c r="C25403" s="6" t="s">
        <v>25498</v>
      </c>
      <c r="D25403" s="6"/>
      <c r="E25403" s="6" t="s">
        <v>9</v>
      </c>
      <c r="F25403" s="7">
        <v>38657</v>
      </c>
      <c r="G25403" s="8">
        <v>1278000</v>
      </c>
      <c r="H25403" s="8">
        <v>1278000</v>
      </c>
      <c r="I25403" s="8">
        <v>0</v>
      </c>
      <c r="J25403" s="8">
        <v>1278000</v>
      </c>
      <c r="K25403" s="9">
        <v>142</v>
      </c>
      <c r="L25403" s="6" t="s">
        <v>1694</v>
      </c>
    </row>
    <row r="25404" spans="1:12">
      <c r="A25404" s="6" t="s">
        <v>25452</v>
      </c>
      <c r="B25404" s="6"/>
      <c r="C25404" s="6" t="s">
        <v>25499</v>
      </c>
      <c r="D25404" s="6"/>
      <c r="E25404" s="6" t="s">
        <v>9</v>
      </c>
      <c r="F25404" s="7">
        <v>38657</v>
      </c>
      <c r="G25404" s="8">
        <v>828000</v>
      </c>
      <c r="H25404" s="8">
        <v>828000</v>
      </c>
      <c r="I25404" s="8">
        <v>0</v>
      </c>
      <c r="J25404" s="8">
        <v>828000</v>
      </c>
      <c r="K25404" s="9">
        <v>92</v>
      </c>
      <c r="L25404" s="6" t="s">
        <v>1694</v>
      </c>
    </row>
    <row r="25405" spans="1:12">
      <c r="A25405" s="6" t="s">
        <v>25452</v>
      </c>
      <c r="B25405" s="6"/>
      <c r="C25405" s="6" t="s">
        <v>25500</v>
      </c>
      <c r="D25405" s="6"/>
      <c r="E25405" s="6" t="s">
        <v>9</v>
      </c>
      <c r="F25405" s="7">
        <v>38657</v>
      </c>
      <c r="G25405" s="8">
        <v>1035000</v>
      </c>
      <c r="H25405" s="8">
        <v>1035000</v>
      </c>
      <c r="I25405" s="8">
        <v>0</v>
      </c>
      <c r="J25405" s="8">
        <v>1035000</v>
      </c>
      <c r="K25405" s="9">
        <v>115</v>
      </c>
      <c r="L25405" s="6" t="s">
        <v>1694</v>
      </c>
    </row>
    <row r="25406" spans="1:12">
      <c r="A25406" s="6" t="s">
        <v>25452</v>
      </c>
      <c r="B25406" s="6"/>
      <c r="C25406" s="6" t="s">
        <v>25501</v>
      </c>
      <c r="D25406" s="6"/>
      <c r="E25406" s="6" t="s">
        <v>9</v>
      </c>
      <c r="F25406" s="7">
        <v>38657</v>
      </c>
      <c r="G25406" s="8">
        <v>840394</v>
      </c>
      <c r="H25406" s="8">
        <v>840394</v>
      </c>
      <c r="I25406" s="8">
        <v>0</v>
      </c>
      <c r="J25406" s="8">
        <v>840394</v>
      </c>
      <c r="K25406" s="9">
        <v>102.47</v>
      </c>
      <c r="L25406" s="6" t="s">
        <v>1694</v>
      </c>
    </row>
    <row r="25407" spans="1:12">
      <c r="A25407" s="6" t="s">
        <v>25452</v>
      </c>
      <c r="B25407" s="6"/>
      <c r="C25407" s="6" t="s">
        <v>25502</v>
      </c>
      <c r="D25407" s="6"/>
      <c r="E25407" s="6" t="s">
        <v>9</v>
      </c>
      <c r="F25407" s="7">
        <v>38657</v>
      </c>
      <c r="G25407" s="8">
        <v>117000</v>
      </c>
      <c r="H25407" s="8">
        <v>117000</v>
      </c>
      <c r="I25407" s="8">
        <v>0</v>
      </c>
      <c r="J25407" s="8">
        <v>117000</v>
      </c>
      <c r="K25407" s="9">
        <v>13</v>
      </c>
      <c r="L25407" s="6" t="s">
        <v>1694</v>
      </c>
    </row>
    <row r="25408" spans="1:12">
      <c r="A25408" s="6" t="s">
        <v>25452</v>
      </c>
      <c r="B25408" s="6"/>
      <c r="C25408" s="6" t="s">
        <v>25503</v>
      </c>
      <c r="D25408" s="6"/>
      <c r="E25408" s="6" t="s">
        <v>9</v>
      </c>
      <c r="F25408" s="7">
        <v>38657</v>
      </c>
      <c r="G25408" s="8">
        <v>267750</v>
      </c>
      <c r="H25408" s="8">
        <v>267750</v>
      </c>
      <c r="I25408" s="8">
        <v>0</v>
      </c>
      <c r="J25408" s="8">
        <v>267750</v>
      </c>
      <c r="K25408" s="9">
        <v>29.75</v>
      </c>
      <c r="L25408" s="6" t="s">
        <v>1694</v>
      </c>
    </row>
    <row r="25409" spans="1:12">
      <c r="A25409" s="6" t="s">
        <v>25452</v>
      </c>
      <c r="B25409" s="6"/>
      <c r="C25409" s="6" t="s">
        <v>25504</v>
      </c>
      <c r="D25409" s="6"/>
      <c r="E25409" s="6" t="s">
        <v>9</v>
      </c>
      <c r="F25409" s="7">
        <v>38657</v>
      </c>
      <c r="G25409" s="8">
        <v>855000</v>
      </c>
      <c r="H25409" s="8">
        <v>855000</v>
      </c>
      <c r="I25409" s="8">
        <v>0</v>
      </c>
      <c r="J25409" s="8">
        <v>855000</v>
      </c>
      <c r="K25409" s="9">
        <v>95</v>
      </c>
      <c r="L25409" s="6" t="s">
        <v>1694</v>
      </c>
    </row>
    <row r="25410" spans="1:12">
      <c r="A25410" s="6" t="s">
        <v>25452</v>
      </c>
      <c r="B25410" s="6"/>
      <c r="C25410" s="6" t="s">
        <v>25505</v>
      </c>
      <c r="D25410" s="6"/>
      <c r="E25410" s="6" t="s">
        <v>9</v>
      </c>
      <c r="F25410" s="7">
        <v>38657</v>
      </c>
      <c r="G25410" s="8">
        <v>2887372</v>
      </c>
      <c r="H25410" s="8">
        <v>2887372</v>
      </c>
      <c r="I25410" s="8">
        <v>0</v>
      </c>
      <c r="J25410" s="8">
        <v>2887372</v>
      </c>
      <c r="K25410" s="9">
        <v>352.06</v>
      </c>
      <c r="L25410" s="6" t="s">
        <v>1694</v>
      </c>
    </row>
    <row r="25411" spans="1:12">
      <c r="A25411" s="6" t="s">
        <v>25452</v>
      </c>
      <c r="B25411" s="6"/>
      <c r="C25411" s="6" t="s">
        <v>25506</v>
      </c>
      <c r="D25411" s="6"/>
      <c r="E25411" s="6" t="s">
        <v>9</v>
      </c>
      <c r="F25411" s="7">
        <v>38657</v>
      </c>
      <c r="G25411" s="8">
        <v>4120939</v>
      </c>
      <c r="H25411" s="8">
        <v>4120939</v>
      </c>
      <c r="I25411" s="8">
        <v>0</v>
      </c>
      <c r="J25411" s="8">
        <v>4120939</v>
      </c>
      <c r="K25411" s="9">
        <v>502.47</v>
      </c>
      <c r="L25411" s="6" t="s">
        <v>1694</v>
      </c>
    </row>
    <row r="25412" spans="1:12">
      <c r="A25412" s="6" t="s">
        <v>25452</v>
      </c>
      <c r="B25412" s="6"/>
      <c r="C25412" s="6" t="s">
        <v>25507</v>
      </c>
      <c r="D25412" s="6"/>
      <c r="E25412" s="6" t="s">
        <v>9</v>
      </c>
      <c r="F25412" s="7">
        <v>38657</v>
      </c>
      <c r="G25412" s="8">
        <v>1139743</v>
      </c>
      <c r="H25412" s="8">
        <v>1139743</v>
      </c>
      <c r="I25412" s="8">
        <v>0</v>
      </c>
      <c r="J25412" s="8">
        <v>1139743</v>
      </c>
      <c r="K25412" s="9">
        <v>138.97</v>
      </c>
      <c r="L25412" s="6" t="s">
        <v>1694</v>
      </c>
    </row>
    <row r="25413" spans="1:12">
      <c r="A25413" s="6" t="s">
        <v>25452</v>
      </c>
      <c r="B25413" s="6"/>
      <c r="C25413" s="6" t="s">
        <v>25508</v>
      </c>
      <c r="D25413" s="6"/>
      <c r="E25413" s="6" t="s">
        <v>9</v>
      </c>
      <c r="F25413" s="7">
        <v>38657</v>
      </c>
      <c r="G25413" s="8">
        <v>2106000</v>
      </c>
      <c r="H25413" s="8">
        <v>2106000</v>
      </c>
      <c r="I25413" s="8">
        <v>0</v>
      </c>
      <c r="J25413" s="8">
        <v>2106000</v>
      </c>
      <c r="K25413" s="9">
        <v>234</v>
      </c>
      <c r="L25413" s="6" t="s">
        <v>1694</v>
      </c>
    </row>
    <row r="25414" spans="1:12">
      <c r="A25414" s="6" t="s">
        <v>25452</v>
      </c>
      <c r="B25414" s="6"/>
      <c r="C25414" s="6" t="s">
        <v>25509</v>
      </c>
      <c r="D25414" s="6"/>
      <c r="E25414" s="6" t="s">
        <v>9</v>
      </c>
      <c r="F25414" s="7">
        <v>38657</v>
      </c>
      <c r="G25414" s="8">
        <v>239152</v>
      </c>
      <c r="H25414" s="8">
        <v>239152</v>
      </c>
      <c r="I25414" s="8">
        <v>0</v>
      </c>
      <c r="J25414" s="8">
        <v>239152</v>
      </c>
      <c r="K25414" s="9">
        <v>29.16</v>
      </c>
      <c r="L25414" s="6" t="s">
        <v>51</v>
      </c>
    </row>
    <row r="25415" spans="1:12">
      <c r="A25415" s="6" t="s">
        <v>25452</v>
      </c>
      <c r="B25415" s="6"/>
      <c r="C25415" s="6" t="s">
        <v>25510</v>
      </c>
      <c r="D25415" s="6"/>
      <c r="E25415" s="6" t="s">
        <v>9</v>
      </c>
      <c r="F25415" s="7">
        <v>38657</v>
      </c>
      <c r="G25415" s="8">
        <v>3128000</v>
      </c>
      <c r="H25415" s="8">
        <v>3128000</v>
      </c>
      <c r="I25415" s="8">
        <v>0</v>
      </c>
      <c r="J25415" s="8">
        <v>3128000</v>
      </c>
      <c r="K25415" s="9">
        <v>381.4</v>
      </c>
      <c r="L25415" s="6" t="s">
        <v>1694</v>
      </c>
    </row>
    <row r="25416" spans="1:12">
      <c r="A25416" s="6" t="s">
        <v>25452</v>
      </c>
      <c r="B25416" s="6"/>
      <c r="C25416" s="6" t="s">
        <v>25511</v>
      </c>
      <c r="D25416" s="6"/>
      <c r="E25416" s="6" t="s">
        <v>9</v>
      </c>
      <c r="F25416" s="7">
        <v>38657</v>
      </c>
      <c r="G25416" s="8">
        <v>586808</v>
      </c>
      <c r="H25416" s="8">
        <v>586808</v>
      </c>
      <c r="I25416" s="8">
        <v>0</v>
      </c>
      <c r="J25416" s="8">
        <v>586808</v>
      </c>
      <c r="K25416" s="9">
        <v>71.55</v>
      </c>
      <c r="L25416" s="6" t="s">
        <v>51</v>
      </c>
    </row>
    <row r="25417" spans="1:12">
      <c r="A25417" s="6" t="s">
        <v>25452</v>
      </c>
      <c r="B25417" s="6"/>
      <c r="C25417" s="6" t="s">
        <v>25512</v>
      </c>
      <c r="D25417" s="6"/>
      <c r="E25417" s="6" t="s">
        <v>9</v>
      </c>
      <c r="F25417" s="7">
        <v>38657</v>
      </c>
      <c r="G25417" s="8">
        <v>918000</v>
      </c>
      <c r="H25417" s="8">
        <v>918000</v>
      </c>
      <c r="I25417" s="8">
        <v>0</v>
      </c>
      <c r="J25417" s="8">
        <v>918000</v>
      </c>
      <c r="K25417" s="9">
        <v>102</v>
      </c>
      <c r="L25417" s="6" t="s">
        <v>1694</v>
      </c>
    </row>
    <row r="25418" spans="1:12">
      <c r="A25418" s="6" t="s">
        <v>25452</v>
      </c>
      <c r="B25418" s="6"/>
      <c r="C25418" s="6" t="s">
        <v>25513</v>
      </c>
      <c r="D25418" s="6"/>
      <c r="E25418" s="6" t="s">
        <v>9</v>
      </c>
      <c r="F25418" s="7">
        <v>38657</v>
      </c>
      <c r="G25418" s="8">
        <v>2394798</v>
      </c>
      <c r="H25418" s="8">
        <v>2394798</v>
      </c>
      <c r="I25418" s="8">
        <v>0</v>
      </c>
      <c r="J25418" s="8">
        <v>2394798</v>
      </c>
      <c r="K25418" s="9">
        <v>292</v>
      </c>
      <c r="L25418" s="6" t="s">
        <v>1694</v>
      </c>
    </row>
    <row r="25419" spans="1:12">
      <c r="A25419" s="6" t="s">
        <v>25452</v>
      </c>
      <c r="B25419" s="6"/>
      <c r="C25419" s="6" t="s">
        <v>25514</v>
      </c>
      <c r="D25419" s="6"/>
      <c r="E25419" s="6" t="s">
        <v>9</v>
      </c>
      <c r="F25419" s="7">
        <v>38657</v>
      </c>
      <c r="G25419" s="8">
        <v>975962</v>
      </c>
      <c r="H25419" s="8">
        <v>975962</v>
      </c>
      <c r="I25419" s="8">
        <v>0</v>
      </c>
      <c r="J25419" s="8">
        <v>975962</v>
      </c>
      <c r="K25419" s="9">
        <v>119</v>
      </c>
      <c r="L25419" s="6" t="s">
        <v>1694</v>
      </c>
    </row>
    <row r="25420" spans="1:12">
      <c r="A25420" s="6" t="s">
        <v>25452</v>
      </c>
      <c r="B25420" s="6"/>
      <c r="C25420" s="6" t="s">
        <v>25515</v>
      </c>
      <c r="D25420" s="6"/>
      <c r="E25420" s="6" t="s">
        <v>9</v>
      </c>
      <c r="F25420" s="7">
        <v>38657</v>
      </c>
      <c r="G25420" s="8">
        <v>461286</v>
      </c>
      <c r="H25420" s="8">
        <v>461286</v>
      </c>
      <c r="I25420" s="8">
        <v>0</v>
      </c>
      <c r="J25420" s="8">
        <v>461286</v>
      </c>
      <c r="K25420" s="9">
        <v>52</v>
      </c>
      <c r="L25420" s="6" t="s">
        <v>1694</v>
      </c>
    </row>
    <row r="25421" spans="1:12">
      <c r="A25421" s="6" t="s">
        <v>25452</v>
      </c>
      <c r="B25421" s="6"/>
      <c r="C25421" s="6" t="s">
        <v>25516</v>
      </c>
      <c r="D25421" s="6"/>
      <c r="E25421" s="6" t="s">
        <v>9</v>
      </c>
      <c r="F25421" s="7">
        <v>38657</v>
      </c>
      <c r="G25421" s="8">
        <v>301610</v>
      </c>
      <c r="H25421" s="8">
        <v>301610</v>
      </c>
      <c r="I25421" s="8">
        <v>0</v>
      </c>
      <c r="J25421" s="8">
        <v>301610</v>
      </c>
      <c r="K25421" s="9">
        <v>34</v>
      </c>
      <c r="L25421" s="6" t="s">
        <v>1694</v>
      </c>
    </row>
    <row r="25422" spans="1:12">
      <c r="A25422" s="6" t="s">
        <v>25452</v>
      </c>
      <c r="B25422" s="6"/>
      <c r="C25422" s="6" t="s">
        <v>25517</v>
      </c>
      <c r="D25422" s="6"/>
      <c r="E25422" s="6" t="s">
        <v>9</v>
      </c>
      <c r="F25422" s="7">
        <v>40676</v>
      </c>
      <c r="G25422" s="8">
        <v>954810</v>
      </c>
      <c r="H25422" s="8">
        <v>954810</v>
      </c>
      <c r="I25422" s="8">
        <v>0</v>
      </c>
      <c r="J25422" s="8">
        <v>954810</v>
      </c>
      <c r="K25422" s="9">
        <v>106.09</v>
      </c>
      <c r="L25422" s="6" t="s">
        <v>1694</v>
      </c>
    </row>
    <row r="25423" spans="1:12">
      <c r="A25423" s="6" t="s">
        <v>25452</v>
      </c>
      <c r="B25423" s="6"/>
      <c r="C25423" s="6" t="s">
        <v>25518</v>
      </c>
      <c r="D25423" s="6"/>
      <c r="E25423" s="6" t="s">
        <v>9</v>
      </c>
      <c r="F25423" s="7">
        <v>38657</v>
      </c>
      <c r="G25423" s="8">
        <v>6351136</v>
      </c>
      <c r="H25423" s="8">
        <v>6351136</v>
      </c>
      <c r="I25423" s="8">
        <v>0</v>
      </c>
      <c r="J25423" s="8">
        <v>6351136</v>
      </c>
      <c r="K25423" s="9">
        <v>774.4</v>
      </c>
      <c r="L25423" s="6" t="s">
        <v>1694</v>
      </c>
    </row>
    <row r="25424" spans="1:12">
      <c r="A25424" s="6" t="s">
        <v>25452</v>
      </c>
      <c r="B25424" s="6"/>
      <c r="C25424" s="6" t="s">
        <v>25519</v>
      </c>
      <c r="D25424" s="6"/>
      <c r="E25424" s="6" t="s">
        <v>9</v>
      </c>
      <c r="F25424" s="7">
        <v>38657</v>
      </c>
      <c r="G25424" s="8">
        <v>2232000</v>
      </c>
      <c r="H25424" s="8">
        <v>2232000</v>
      </c>
      <c r="I25424" s="8">
        <v>0</v>
      </c>
      <c r="J25424" s="8">
        <v>2232000</v>
      </c>
      <c r="K25424" s="9">
        <v>248</v>
      </c>
      <c r="L25424" s="6" t="s">
        <v>1694</v>
      </c>
    </row>
    <row r="25425" spans="1:12">
      <c r="A25425" s="6" t="s">
        <v>25452</v>
      </c>
      <c r="B25425" s="6"/>
      <c r="C25425" s="6" t="s">
        <v>25520</v>
      </c>
      <c r="D25425" s="6"/>
      <c r="E25425" s="6" t="s">
        <v>9</v>
      </c>
      <c r="F25425" s="7">
        <v>38657</v>
      </c>
      <c r="G25425" s="8">
        <v>745832</v>
      </c>
      <c r="H25425" s="8">
        <v>745832</v>
      </c>
      <c r="I25425" s="8">
        <v>0</v>
      </c>
      <c r="J25425" s="8">
        <v>745832</v>
      </c>
      <c r="K25425" s="9">
        <v>90.94</v>
      </c>
      <c r="L25425" s="6" t="s">
        <v>51</v>
      </c>
    </row>
    <row r="25426" spans="1:12">
      <c r="A25426" s="6" t="s">
        <v>25452</v>
      </c>
      <c r="B25426" s="6"/>
      <c r="C25426" s="6" t="s">
        <v>25521</v>
      </c>
      <c r="D25426" s="6"/>
      <c r="E25426" s="6" t="s">
        <v>9</v>
      </c>
      <c r="F25426" s="7">
        <v>38657</v>
      </c>
      <c r="G25426" s="8">
        <v>3735000</v>
      </c>
      <c r="H25426" s="8">
        <v>3735000</v>
      </c>
      <c r="I25426" s="8">
        <v>0</v>
      </c>
      <c r="J25426" s="8">
        <v>3735000</v>
      </c>
      <c r="K25426" s="9">
        <v>415</v>
      </c>
      <c r="L25426" s="6" t="s">
        <v>1694</v>
      </c>
    </row>
    <row r="25427" spans="1:12">
      <c r="A25427" s="6" t="s">
        <v>25452</v>
      </c>
      <c r="B25427" s="6"/>
      <c r="C25427" s="6" t="s">
        <v>25522</v>
      </c>
      <c r="D25427" s="6"/>
      <c r="E25427" s="6" t="s">
        <v>9</v>
      </c>
      <c r="F25427" s="7">
        <v>38657</v>
      </c>
      <c r="G25427" s="8">
        <v>2790000</v>
      </c>
      <c r="H25427" s="8">
        <v>2790000</v>
      </c>
      <c r="I25427" s="8">
        <v>0</v>
      </c>
      <c r="J25427" s="8">
        <v>2790000</v>
      </c>
      <c r="K25427" s="9">
        <v>310</v>
      </c>
      <c r="L25427" s="6" t="s">
        <v>1694</v>
      </c>
    </row>
    <row r="25428" spans="1:12">
      <c r="A25428" s="6" t="s">
        <v>25523</v>
      </c>
      <c r="B25428" s="6"/>
      <c r="C25428" s="6" t="s">
        <v>25524</v>
      </c>
      <c r="D25428" s="6"/>
      <c r="E25428" s="6" t="s">
        <v>18740</v>
      </c>
      <c r="F25428" s="7">
        <v>38657</v>
      </c>
      <c r="G25428" s="8">
        <v>43758</v>
      </c>
      <c r="H25428" s="8">
        <v>43758</v>
      </c>
      <c r="I25428" s="8">
        <v>0</v>
      </c>
      <c r="J25428" s="8">
        <v>43758</v>
      </c>
      <c r="K25428" s="9">
        <v>8.56</v>
      </c>
      <c r="L25428" s="6" t="s">
        <v>23</v>
      </c>
    </row>
    <row r="25429" spans="1:12">
      <c r="A25429" s="6" t="s">
        <v>25523</v>
      </c>
      <c r="B25429" s="6"/>
      <c r="C25429" s="6" t="s">
        <v>25525</v>
      </c>
      <c r="D25429" s="6"/>
      <c r="E25429" s="6" t="s">
        <v>18740</v>
      </c>
      <c r="F25429" s="7">
        <v>38657</v>
      </c>
      <c r="G25429" s="8">
        <v>43912</v>
      </c>
      <c r="H25429" s="8">
        <v>43912</v>
      </c>
      <c r="I25429" s="8">
        <v>0</v>
      </c>
      <c r="J25429" s="8">
        <v>43912</v>
      </c>
      <c r="K25429" s="9">
        <v>8.59</v>
      </c>
      <c r="L25429" s="6" t="s">
        <v>23</v>
      </c>
    </row>
    <row r="25430" spans="1:12">
      <c r="A25430" s="6" t="s">
        <v>25526</v>
      </c>
      <c r="B25430" s="6"/>
      <c r="C25430" s="6" t="s">
        <v>25527</v>
      </c>
      <c r="D25430" s="6"/>
      <c r="E25430" s="6" t="s">
        <v>18740</v>
      </c>
      <c r="F25430" s="7">
        <v>38657</v>
      </c>
      <c r="G25430" s="8">
        <v>127800</v>
      </c>
      <c r="H25430" s="8">
        <v>127800</v>
      </c>
      <c r="I25430" s="8">
        <v>0</v>
      </c>
      <c r="J25430" s="8">
        <v>127800</v>
      </c>
      <c r="K25430" s="9">
        <v>25</v>
      </c>
      <c r="L25430" s="6" t="s">
        <v>23</v>
      </c>
    </row>
    <row r="25431" spans="1:12">
      <c r="A25431" s="6" t="s">
        <v>25528</v>
      </c>
      <c r="B25431" s="6"/>
      <c r="C25431" s="6" t="s">
        <v>25529</v>
      </c>
      <c r="D25431" s="6"/>
      <c r="E25431" s="6" t="s">
        <v>18740</v>
      </c>
      <c r="F25431" s="7">
        <v>38657</v>
      </c>
      <c r="G25431" s="8">
        <v>470304</v>
      </c>
      <c r="H25431" s="8">
        <v>470304</v>
      </c>
      <c r="I25431" s="8">
        <v>0</v>
      </c>
      <c r="J25431" s="8">
        <v>470304</v>
      </c>
      <c r="K25431" s="9">
        <v>92</v>
      </c>
      <c r="L25431" s="6" t="s">
        <v>23</v>
      </c>
    </row>
    <row r="25432" spans="1:12">
      <c r="A25432" s="6" t="s">
        <v>25530</v>
      </c>
      <c r="B25432" s="6"/>
      <c r="C25432" s="6" t="s">
        <v>25531</v>
      </c>
      <c r="D25432" s="6"/>
      <c r="E25432" s="6" t="s">
        <v>18740</v>
      </c>
      <c r="F25432" s="7">
        <v>38657</v>
      </c>
      <c r="G25432" s="8">
        <v>1</v>
      </c>
      <c r="H25432" s="8">
        <v>1</v>
      </c>
      <c r="I25432" s="8">
        <v>0</v>
      </c>
      <c r="J25432" s="8">
        <v>1</v>
      </c>
      <c r="K25432" s="9">
        <v>187</v>
      </c>
      <c r="L25432" s="6" t="s">
        <v>51</v>
      </c>
    </row>
    <row r="25433" spans="1:12">
      <c r="A25433" s="6" t="s">
        <v>25530</v>
      </c>
      <c r="B25433" s="6"/>
      <c r="C25433" s="6" t="s">
        <v>25532</v>
      </c>
      <c r="D25433" s="6"/>
      <c r="E25433" s="6" t="s">
        <v>18740</v>
      </c>
      <c r="F25433" s="7">
        <v>38657</v>
      </c>
      <c r="G25433" s="8">
        <v>163584</v>
      </c>
      <c r="H25433" s="8">
        <v>163584</v>
      </c>
      <c r="I25433" s="8">
        <v>0</v>
      </c>
      <c r="J25433" s="8">
        <v>163584</v>
      </c>
      <c r="K25433" s="9">
        <v>32</v>
      </c>
      <c r="L25433" s="6" t="s">
        <v>23</v>
      </c>
    </row>
    <row r="25434" spans="1:12">
      <c r="A25434" s="6" t="s">
        <v>25533</v>
      </c>
      <c r="B25434" s="6"/>
      <c r="C25434" s="6" t="s">
        <v>25534</v>
      </c>
      <c r="D25434" s="6"/>
      <c r="E25434" s="6" t="s">
        <v>18740</v>
      </c>
      <c r="F25434" s="7">
        <v>38657</v>
      </c>
      <c r="G25434" s="8">
        <v>245376</v>
      </c>
      <c r="H25434" s="8">
        <v>245376</v>
      </c>
      <c r="I25434" s="8">
        <v>0</v>
      </c>
      <c r="J25434" s="8">
        <v>245376</v>
      </c>
      <c r="K25434" s="9">
        <v>48</v>
      </c>
      <c r="L25434" s="6" t="s">
        <v>23</v>
      </c>
    </row>
    <row r="25435" spans="1:12">
      <c r="A25435" s="6" t="s">
        <v>25535</v>
      </c>
      <c r="B25435" s="6"/>
      <c r="C25435" s="6" t="s">
        <v>25536</v>
      </c>
      <c r="D25435" s="6"/>
      <c r="E25435" s="6" t="s">
        <v>18740</v>
      </c>
      <c r="F25435" s="7">
        <v>38657</v>
      </c>
      <c r="G25435" s="8">
        <v>1124640</v>
      </c>
      <c r="H25435" s="8">
        <v>1124640</v>
      </c>
      <c r="I25435" s="8">
        <v>0</v>
      </c>
      <c r="J25435" s="8">
        <v>1124640</v>
      </c>
      <c r="K25435" s="9">
        <v>220</v>
      </c>
      <c r="L25435" s="6" t="s">
        <v>23</v>
      </c>
    </row>
    <row r="25436" spans="1:12">
      <c r="A25436" s="6" t="s">
        <v>25535</v>
      </c>
      <c r="B25436" s="6"/>
      <c r="C25436" s="6" t="s">
        <v>25537</v>
      </c>
      <c r="D25436" s="6"/>
      <c r="E25436" s="6" t="s">
        <v>18740</v>
      </c>
      <c r="F25436" s="7">
        <v>38657</v>
      </c>
      <c r="G25436" s="8">
        <v>189144</v>
      </c>
      <c r="H25436" s="8">
        <v>189144</v>
      </c>
      <c r="I25436" s="8">
        <v>0</v>
      </c>
      <c r="J25436" s="8">
        <v>189144</v>
      </c>
      <c r="K25436" s="9">
        <v>37</v>
      </c>
      <c r="L25436" s="6" t="s">
        <v>23</v>
      </c>
    </row>
    <row r="25437" spans="1:12">
      <c r="A25437" s="6" t="s">
        <v>25538</v>
      </c>
      <c r="B25437" s="6"/>
      <c r="C25437" s="6" t="s">
        <v>25539</v>
      </c>
      <c r="D25437" s="6"/>
      <c r="E25437" s="6" t="s">
        <v>18740</v>
      </c>
      <c r="F25437" s="7">
        <v>38657</v>
      </c>
      <c r="G25437" s="8">
        <v>168696</v>
      </c>
      <c r="H25437" s="8">
        <v>168696</v>
      </c>
      <c r="I25437" s="8">
        <v>0</v>
      </c>
      <c r="J25437" s="8">
        <v>168696</v>
      </c>
      <c r="K25437" s="9">
        <v>33</v>
      </c>
      <c r="L25437" s="6" t="s">
        <v>23</v>
      </c>
    </row>
    <row r="25438" spans="1:12">
      <c r="A25438" s="6" t="s">
        <v>25538</v>
      </c>
      <c r="B25438" s="6"/>
      <c r="C25438" s="6" t="s">
        <v>25540</v>
      </c>
      <c r="D25438" s="6"/>
      <c r="E25438" s="6" t="s">
        <v>18740</v>
      </c>
      <c r="F25438" s="7">
        <v>38657</v>
      </c>
      <c r="G25438" s="8">
        <v>349302</v>
      </c>
      <c r="H25438" s="8">
        <v>349302</v>
      </c>
      <c r="I25438" s="8">
        <v>0</v>
      </c>
      <c r="J25438" s="8">
        <v>349302</v>
      </c>
      <c r="K25438" s="9">
        <v>68.33</v>
      </c>
      <c r="L25438" s="6" t="s">
        <v>23</v>
      </c>
    </row>
    <row r="25439" spans="1:12">
      <c r="A25439" s="6" t="s">
        <v>25541</v>
      </c>
      <c r="B25439" s="6"/>
      <c r="C25439" s="6" t="s">
        <v>25542</v>
      </c>
      <c r="D25439" s="6"/>
      <c r="E25439" s="6" t="s">
        <v>18740</v>
      </c>
      <c r="F25439" s="7">
        <v>38657</v>
      </c>
      <c r="G25439" s="8">
        <v>18556</v>
      </c>
      <c r="H25439" s="8">
        <v>18556</v>
      </c>
      <c r="I25439" s="8">
        <v>0</v>
      </c>
      <c r="J25439" s="8">
        <v>18556</v>
      </c>
      <c r="K25439" s="9">
        <v>3.63</v>
      </c>
      <c r="L25439" s="6" t="s">
        <v>23</v>
      </c>
    </row>
    <row r="25440" spans="1:12">
      <c r="A25440" s="6" t="s">
        <v>25541</v>
      </c>
      <c r="B25440" s="6"/>
      <c r="C25440" s="6" t="s">
        <v>25543</v>
      </c>
      <c r="D25440" s="6"/>
      <c r="E25440" s="6" t="s">
        <v>18740</v>
      </c>
      <c r="F25440" s="7">
        <v>38657</v>
      </c>
      <c r="G25440" s="8">
        <v>368064</v>
      </c>
      <c r="H25440" s="8">
        <v>368064</v>
      </c>
      <c r="I25440" s="8">
        <v>0</v>
      </c>
      <c r="J25440" s="8">
        <v>368064</v>
      </c>
      <c r="K25440" s="9">
        <v>72</v>
      </c>
      <c r="L25440" s="6" t="s">
        <v>23</v>
      </c>
    </row>
    <row r="25441" spans="1:12">
      <c r="A25441" s="6" t="s">
        <v>25541</v>
      </c>
      <c r="B25441" s="6"/>
      <c r="C25441" s="6" t="s">
        <v>25544</v>
      </c>
      <c r="D25441" s="6"/>
      <c r="E25441" s="6" t="s">
        <v>18740</v>
      </c>
      <c r="F25441" s="7">
        <v>38657</v>
      </c>
      <c r="G25441" s="8">
        <v>66456</v>
      </c>
      <c r="H25441" s="8">
        <v>66456</v>
      </c>
      <c r="I25441" s="8">
        <v>0</v>
      </c>
      <c r="J25441" s="8">
        <v>66456</v>
      </c>
      <c r="K25441" s="9">
        <v>13</v>
      </c>
      <c r="L25441" s="6" t="s">
        <v>23</v>
      </c>
    </row>
    <row r="25442" spans="1:12">
      <c r="A25442" s="6" t="s">
        <v>25545</v>
      </c>
      <c r="B25442" s="6"/>
      <c r="C25442" s="6" t="s">
        <v>25546</v>
      </c>
      <c r="D25442" s="6"/>
      <c r="E25442" s="6" t="s">
        <v>9</v>
      </c>
      <c r="F25442" s="7">
        <v>38657</v>
      </c>
      <c r="G25442" s="8">
        <v>22103000</v>
      </c>
      <c r="H25442" s="8">
        <v>22103000</v>
      </c>
      <c r="I25442" s="8">
        <v>0</v>
      </c>
      <c r="J25442" s="8">
        <v>22103000</v>
      </c>
      <c r="K25442" s="9">
        <v>1426</v>
      </c>
      <c r="L25442" s="6" t="s">
        <v>1694</v>
      </c>
    </row>
    <row r="25443" spans="1:12">
      <c r="A25443" s="6" t="s">
        <v>25545</v>
      </c>
      <c r="B25443" s="6"/>
      <c r="C25443" s="6" t="s">
        <v>25547</v>
      </c>
      <c r="D25443" s="6"/>
      <c r="E25443" s="6" t="s">
        <v>9</v>
      </c>
      <c r="F25443" s="7">
        <v>38657</v>
      </c>
      <c r="G25443" s="8">
        <v>6556500</v>
      </c>
      <c r="H25443" s="8">
        <v>6556500</v>
      </c>
      <c r="I25443" s="8">
        <v>0</v>
      </c>
      <c r="J25443" s="8">
        <v>6556500</v>
      </c>
      <c r="K25443" s="9">
        <v>423</v>
      </c>
      <c r="L25443" s="6" t="s">
        <v>1694</v>
      </c>
    </row>
    <row r="25444" spans="1:12">
      <c r="A25444" s="6" t="s">
        <v>25545</v>
      </c>
      <c r="B25444" s="6"/>
      <c r="C25444" s="6" t="s">
        <v>25548</v>
      </c>
      <c r="D25444" s="6"/>
      <c r="E25444" s="6" t="s">
        <v>9</v>
      </c>
      <c r="F25444" s="7">
        <v>38657</v>
      </c>
      <c r="G25444" s="8">
        <v>9672000</v>
      </c>
      <c r="H25444" s="8">
        <v>9672000</v>
      </c>
      <c r="I25444" s="8">
        <v>0</v>
      </c>
      <c r="J25444" s="8">
        <v>9672000</v>
      </c>
      <c r="K25444" s="9">
        <v>624</v>
      </c>
      <c r="L25444" s="6" t="s">
        <v>1694</v>
      </c>
    </row>
    <row r="25445" spans="1:12">
      <c r="A25445" s="6" t="s">
        <v>25545</v>
      </c>
      <c r="B25445" s="6"/>
      <c r="C25445" s="6" t="s">
        <v>25549</v>
      </c>
      <c r="D25445" s="6"/>
      <c r="E25445" s="6" t="s">
        <v>9</v>
      </c>
      <c r="F25445" s="7">
        <v>38657</v>
      </c>
      <c r="G25445" s="8">
        <v>6789000</v>
      </c>
      <c r="H25445" s="8">
        <v>6789000</v>
      </c>
      <c r="I25445" s="8">
        <v>0</v>
      </c>
      <c r="J25445" s="8">
        <v>6789000</v>
      </c>
      <c r="K25445" s="9">
        <v>438</v>
      </c>
      <c r="L25445" s="6" t="s">
        <v>1694</v>
      </c>
    </row>
    <row r="25446" spans="1:12">
      <c r="A25446" s="6" t="s">
        <v>25545</v>
      </c>
      <c r="B25446" s="6"/>
      <c r="C25446" s="6" t="s">
        <v>25550</v>
      </c>
      <c r="D25446" s="6"/>
      <c r="E25446" s="6" t="s">
        <v>9</v>
      </c>
      <c r="F25446" s="7">
        <v>38657</v>
      </c>
      <c r="G25446" s="8">
        <v>13965500</v>
      </c>
      <c r="H25446" s="8">
        <v>13965500</v>
      </c>
      <c r="I25446" s="8">
        <v>0</v>
      </c>
      <c r="J25446" s="8">
        <v>13965500</v>
      </c>
      <c r="K25446" s="9">
        <v>901</v>
      </c>
      <c r="L25446" s="6" t="s">
        <v>1694</v>
      </c>
    </row>
    <row r="25447" spans="1:12">
      <c r="A25447" s="6" t="s">
        <v>25545</v>
      </c>
      <c r="B25447" s="6"/>
      <c r="C25447" s="6" t="s">
        <v>25551</v>
      </c>
      <c r="D25447" s="6"/>
      <c r="E25447" s="6" t="s">
        <v>9</v>
      </c>
      <c r="F25447" s="7">
        <v>38657</v>
      </c>
      <c r="G25447" s="8">
        <v>32984000</v>
      </c>
      <c r="H25447" s="8">
        <v>32984000</v>
      </c>
      <c r="I25447" s="8">
        <v>0</v>
      </c>
      <c r="J25447" s="8">
        <v>32984000</v>
      </c>
      <c r="K25447" s="9">
        <v>2128</v>
      </c>
      <c r="L25447" s="6" t="s">
        <v>1694</v>
      </c>
    </row>
    <row r="25448" spans="1:12">
      <c r="A25448" s="6" t="s">
        <v>25545</v>
      </c>
      <c r="B25448" s="6"/>
      <c r="C25448" s="6" t="s">
        <v>25552</v>
      </c>
      <c r="D25448" s="6"/>
      <c r="E25448" s="6" t="s">
        <v>9</v>
      </c>
      <c r="F25448" s="7">
        <v>38657</v>
      </c>
      <c r="G25448" s="8">
        <v>44903500</v>
      </c>
      <c r="H25448" s="8">
        <v>44903500</v>
      </c>
      <c r="I25448" s="8">
        <v>0</v>
      </c>
      <c r="J25448" s="8">
        <v>44903500</v>
      </c>
      <c r="K25448" s="9">
        <v>2897</v>
      </c>
      <c r="L25448" s="6" t="s">
        <v>1694</v>
      </c>
    </row>
    <row r="25449" spans="1:12">
      <c r="A25449" s="6" t="s">
        <v>25545</v>
      </c>
      <c r="B25449" s="6"/>
      <c r="C25449" s="6" t="s">
        <v>25553</v>
      </c>
      <c r="D25449" s="6"/>
      <c r="E25449" s="6" t="s">
        <v>9</v>
      </c>
      <c r="F25449" s="7">
        <v>38657</v>
      </c>
      <c r="G25449" s="8">
        <v>30008000</v>
      </c>
      <c r="H25449" s="8">
        <v>30008000</v>
      </c>
      <c r="I25449" s="8">
        <v>0</v>
      </c>
      <c r="J25449" s="8">
        <v>30008000</v>
      </c>
      <c r="K25449" s="9">
        <v>1936</v>
      </c>
      <c r="L25449" s="6" t="s">
        <v>1694</v>
      </c>
    </row>
    <row r="25450" spans="1:12">
      <c r="A25450" s="6" t="s">
        <v>25545</v>
      </c>
      <c r="B25450" s="6"/>
      <c r="C25450" s="6" t="s">
        <v>25554</v>
      </c>
      <c r="D25450" s="6"/>
      <c r="E25450" s="6" t="s">
        <v>9</v>
      </c>
      <c r="F25450" s="7">
        <v>38657</v>
      </c>
      <c r="G25450" s="8">
        <v>14818000</v>
      </c>
      <c r="H25450" s="8">
        <v>14818000</v>
      </c>
      <c r="I25450" s="8">
        <v>0</v>
      </c>
      <c r="J25450" s="8">
        <v>14818000</v>
      </c>
      <c r="K25450" s="9">
        <v>956</v>
      </c>
      <c r="L25450" s="6" t="s">
        <v>1694</v>
      </c>
    </row>
    <row r="25451" spans="1:12">
      <c r="A25451" s="6" t="s">
        <v>25545</v>
      </c>
      <c r="B25451" s="6"/>
      <c r="C25451" s="6" t="s">
        <v>25555</v>
      </c>
      <c r="D25451" s="6"/>
      <c r="E25451" s="6" t="s">
        <v>9</v>
      </c>
      <c r="F25451" s="7">
        <v>38657</v>
      </c>
      <c r="G25451" s="8">
        <v>19561000</v>
      </c>
      <c r="H25451" s="8">
        <v>19561000</v>
      </c>
      <c r="I25451" s="8">
        <v>0</v>
      </c>
      <c r="J25451" s="8">
        <v>19561000</v>
      </c>
      <c r="K25451" s="9">
        <v>1262</v>
      </c>
      <c r="L25451" s="6" t="s">
        <v>1694</v>
      </c>
    </row>
    <row r="25452" spans="1:12">
      <c r="A25452" s="6" t="s">
        <v>25545</v>
      </c>
      <c r="B25452" s="6"/>
      <c r="C25452" s="6" t="s">
        <v>25556</v>
      </c>
      <c r="D25452" s="6"/>
      <c r="E25452" s="6" t="s">
        <v>9</v>
      </c>
      <c r="F25452" s="7">
        <v>38657</v>
      </c>
      <c r="G25452" s="8">
        <v>24986000</v>
      </c>
      <c r="H25452" s="8">
        <v>24986000</v>
      </c>
      <c r="I25452" s="8">
        <v>0</v>
      </c>
      <c r="J25452" s="8">
        <v>24986000</v>
      </c>
      <c r="K25452" s="9">
        <v>1612</v>
      </c>
      <c r="L25452" s="6" t="s">
        <v>1694</v>
      </c>
    </row>
    <row r="25453" spans="1:12">
      <c r="A25453" s="6" t="s">
        <v>25545</v>
      </c>
      <c r="B25453" s="6"/>
      <c r="C25453" s="6" t="s">
        <v>25557</v>
      </c>
      <c r="D25453" s="6"/>
      <c r="E25453" s="6" t="s">
        <v>9</v>
      </c>
      <c r="F25453" s="7">
        <v>38657</v>
      </c>
      <c r="G25453" s="8">
        <v>22692000</v>
      </c>
      <c r="H25453" s="8">
        <v>22692000</v>
      </c>
      <c r="I25453" s="8">
        <v>0</v>
      </c>
      <c r="J25453" s="8">
        <v>22692000</v>
      </c>
      <c r="K25453" s="9">
        <v>1464</v>
      </c>
      <c r="L25453" s="6" t="s">
        <v>1694</v>
      </c>
    </row>
    <row r="25454" spans="1:12">
      <c r="A25454" s="6" t="s">
        <v>25545</v>
      </c>
      <c r="B25454" s="6"/>
      <c r="C25454" s="6" t="s">
        <v>25558</v>
      </c>
      <c r="D25454" s="6"/>
      <c r="E25454" s="6" t="s">
        <v>9</v>
      </c>
      <c r="F25454" s="7">
        <v>38657</v>
      </c>
      <c r="G25454" s="8">
        <v>372000</v>
      </c>
      <c r="H25454" s="8">
        <v>372000</v>
      </c>
      <c r="I25454" s="8">
        <v>0</v>
      </c>
      <c r="J25454" s="8">
        <v>372000</v>
      </c>
      <c r="K25454" s="9">
        <v>24</v>
      </c>
      <c r="L25454" s="6" t="s">
        <v>1694</v>
      </c>
    </row>
    <row r="25455" spans="1:12">
      <c r="A25455" s="6" t="s">
        <v>25545</v>
      </c>
      <c r="B25455" s="6"/>
      <c r="C25455" s="6" t="s">
        <v>25559</v>
      </c>
      <c r="D25455" s="6"/>
      <c r="E25455" s="6" t="s">
        <v>9</v>
      </c>
      <c r="F25455" s="7">
        <v>38657</v>
      </c>
      <c r="G25455" s="8">
        <v>16430000</v>
      </c>
      <c r="H25455" s="8">
        <v>16430000</v>
      </c>
      <c r="I25455" s="8">
        <v>0</v>
      </c>
      <c r="J25455" s="8">
        <v>16430000</v>
      </c>
      <c r="K25455" s="9">
        <v>1060</v>
      </c>
      <c r="L25455" s="6" t="s">
        <v>1694</v>
      </c>
    </row>
    <row r="25456" spans="1:12">
      <c r="A25456" s="6" t="s">
        <v>25545</v>
      </c>
      <c r="B25456" s="6"/>
      <c r="C25456" s="6" t="s">
        <v>25560</v>
      </c>
      <c r="D25456" s="6"/>
      <c r="E25456" s="6" t="s">
        <v>9</v>
      </c>
      <c r="F25456" s="7">
        <v>38657</v>
      </c>
      <c r="G25456" s="8">
        <v>12880500</v>
      </c>
      <c r="H25456" s="8">
        <v>12880500</v>
      </c>
      <c r="I25456" s="8">
        <v>0</v>
      </c>
      <c r="J25456" s="8">
        <v>12880500</v>
      </c>
      <c r="K25456" s="9">
        <v>831</v>
      </c>
      <c r="L25456" s="6" t="s">
        <v>1694</v>
      </c>
    </row>
    <row r="25457" spans="1:12">
      <c r="A25457" s="6" t="s">
        <v>25545</v>
      </c>
      <c r="B25457" s="6"/>
      <c r="C25457" s="6" t="s">
        <v>25561</v>
      </c>
      <c r="D25457" s="6"/>
      <c r="E25457" s="6" t="s">
        <v>9</v>
      </c>
      <c r="F25457" s="7">
        <v>38657</v>
      </c>
      <c r="G25457" s="8">
        <v>18460500</v>
      </c>
      <c r="H25457" s="8">
        <v>18460500</v>
      </c>
      <c r="I25457" s="8">
        <v>0</v>
      </c>
      <c r="J25457" s="8">
        <v>18460500</v>
      </c>
      <c r="K25457" s="9">
        <v>1191</v>
      </c>
      <c r="L25457" s="6" t="s">
        <v>1694</v>
      </c>
    </row>
    <row r="25458" spans="1:12">
      <c r="A25458" s="6" t="s">
        <v>25545</v>
      </c>
      <c r="B25458" s="6"/>
      <c r="C25458" s="6" t="s">
        <v>25562</v>
      </c>
      <c r="D25458" s="6"/>
      <c r="E25458" s="6" t="s">
        <v>9</v>
      </c>
      <c r="F25458" s="7">
        <v>38657</v>
      </c>
      <c r="G25458" s="8">
        <v>42935000</v>
      </c>
      <c r="H25458" s="8">
        <v>42935000</v>
      </c>
      <c r="I25458" s="8">
        <v>0</v>
      </c>
      <c r="J25458" s="8">
        <v>42935000</v>
      </c>
      <c r="K25458" s="9">
        <v>2770</v>
      </c>
      <c r="L25458" s="6" t="s">
        <v>1694</v>
      </c>
    </row>
    <row r="25459" spans="1:12">
      <c r="A25459" s="6" t="s">
        <v>25545</v>
      </c>
      <c r="B25459" s="6"/>
      <c r="C25459" s="6" t="s">
        <v>25563</v>
      </c>
      <c r="D25459" s="6"/>
      <c r="E25459" s="6" t="s">
        <v>9</v>
      </c>
      <c r="F25459" s="7">
        <v>38657</v>
      </c>
      <c r="G25459" s="8">
        <v>4092000</v>
      </c>
      <c r="H25459" s="8">
        <v>4092000</v>
      </c>
      <c r="I25459" s="8">
        <v>0</v>
      </c>
      <c r="J25459" s="8">
        <v>4092000</v>
      </c>
      <c r="K25459" s="9">
        <v>264</v>
      </c>
      <c r="L25459" s="6" t="s">
        <v>1694</v>
      </c>
    </row>
    <row r="25460" spans="1:12">
      <c r="A25460" s="6" t="s">
        <v>25545</v>
      </c>
      <c r="B25460" s="6"/>
      <c r="C25460" s="6" t="s">
        <v>25564</v>
      </c>
      <c r="D25460" s="6"/>
      <c r="E25460" s="6" t="s">
        <v>9</v>
      </c>
      <c r="F25460" s="7">
        <v>38657</v>
      </c>
      <c r="G25460" s="8">
        <v>11764500</v>
      </c>
      <c r="H25460" s="8">
        <v>11764500</v>
      </c>
      <c r="I25460" s="8">
        <v>0</v>
      </c>
      <c r="J25460" s="8">
        <v>11764500</v>
      </c>
      <c r="K25460" s="9">
        <v>759</v>
      </c>
      <c r="L25460" s="6" t="s">
        <v>1694</v>
      </c>
    </row>
    <row r="25461" spans="1:12">
      <c r="A25461" s="6" t="s">
        <v>25545</v>
      </c>
      <c r="B25461" s="6"/>
      <c r="C25461" s="6" t="s">
        <v>25565</v>
      </c>
      <c r="D25461" s="6"/>
      <c r="E25461" s="6" t="s">
        <v>9</v>
      </c>
      <c r="F25461" s="7">
        <v>38657</v>
      </c>
      <c r="G25461" s="8">
        <v>12059000</v>
      </c>
      <c r="H25461" s="8">
        <v>12059000</v>
      </c>
      <c r="I25461" s="8">
        <v>0</v>
      </c>
      <c r="J25461" s="8">
        <v>12059000</v>
      </c>
      <c r="K25461" s="9">
        <v>778</v>
      </c>
      <c r="L25461" s="6" t="s">
        <v>1694</v>
      </c>
    </row>
    <row r="25462" spans="1:12">
      <c r="A25462" s="6" t="s">
        <v>25566</v>
      </c>
      <c r="B25462" s="6"/>
      <c r="C25462" s="6" t="s">
        <v>25567</v>
      </c>
      <c r="D25462" s="6"/>
      <c r="E25462" s="6" t="s">
        <v>18740</v>
      </c>
      <c r="F25462" s="7">
        <v>38657</v>
      </c>
      <c r="G25462" s="8">
        <v>27655</v>
      </c>
      <c r="H25462" s="8">
        <v>27655</v>
      </c>
      <c r="I25462" s="8">
        <v>0</v>
      </c>
      <c r="J25462" s="8">
        <v>27655</v>
      </c>
      <c r="K25462" s="9">
        <v>5.41</v>
      </c>
      <c r="L25462" s="6" t="s">
        <v>23</v>
      </c>
    </row>
    <row r="25463" spans="1:12">
      <c r="A25463" s="6" t="s">
        <v>25568</v>
      </c>
      <c r="B25463" s="6"/>
      <c r="C25463" s="6" t="s">
        <v>25569</v>
      </c>
      <c r="D25463" s="6"/>
      <c r="E25463" s="6" t="s">
        <v>18740</v>
      </c>
      <c r="F25463" s="7">
        <v>38657</v>
      </c>
      <c r="G25463" s="8">
        <v>2329</v>
      </c>
      <c r="H25463" s="8">
        <v>2329</v>
      </c>
      <c r="I25463" s="8">
        <v>0</v>
      </c>
      <c r="J25463" s="8">
        <v>2329</v>
      </c>
      <c r="K25463" s="9">
        <v>137</v>
      </c>
      <c r="L25463" s="6" t="s">
        <v>16860</v>
      </c>
    </row>
    <row r="25464" spans="1:12">
      <c r="A25464" s="6" t="s">
        <v>25568</v>
      </c>
      <c r="B25464" s="6"/>
      <c r="C25464" s="6" t="s">
        <v>25570</v>
      </c>
      <c r="D25464" s="6"/>
      <c r="E25464" s="6" t="s">
        <v>18740</v>
      </c>
      <c r="F25464" s="7">
        <v>38657</v>
      </c>
      <c r="G25464" s="8">
        <v>187</v>
      </c>
      <c r="H25464" s="8">
        <v>187</v>
      </c>
      <c r="I25464" s="8">
        <v>0</v>
      </c>
      <c r="J25464" s="8">
        <v>187</v>
      </c>
      <c r="K25464" s="9">
        <v>11</v>
      </c>
      <c r="L25464" s="6" t="s">
        <v>16860</v>
      </c>
    </row>
    <row r="25465" spans="1:12">
      <c r="A25465" s="6" t="s">
        <v>25571</v>
      </c>
      <c r="B25465" s="6"/>
      <c r="C25465" s="6" t="s">
        <v>25572</v>
      </c>
      <c r="D25465" s="6"/>
      <c r="E25465" s="6" t="s">
        <v>18740</v>
      </c>
      <c r="F25465" s="7">
        <v>38657</v>
      </c>
      <c r="G25465" s="8">
        <v>92016</v>
      </c>
      <c r="H25465" s="8">
        <v>92016</v>
      </c>
      <c r="I25465" s="8">
        <v>0</v>
      </c>
      <c r="J25465" s="8">
        <v>92016</v>
      </c>
      <c r="K25465" s="9">
        <v>18</v>
      </c>
      <c r="L25465" s="6" t="s">
        <v>23</v>
      </c>
    </row>
    <row r="25466" spans="1:12">
      <c r="A25466" s="6" t="s">
        <v>25571</v>
      </c>
      <c r="B25466" s="6"/>
      <c r="C25466" s="6" t="s">
        <v>25573</v>
      </c>
      <c r="D25466" s="6"/>
      <c r="E25466" s="6" t="s">
        <v>18740</v>
      </c>
      <c r="F25466" s="7">
        <v>38657</v>
      </c>
      <c r="G25466" s="8">
        <v>230040</v>
      </c>
      <c r="H25466" s="8">
        <v>230040</v>
      </c>
      <c r="I25466" s="8">
        <v>0</v>
      </c>
      <c r="J25466" s="8">
        <v>230040</v>
      </c>
      <c r="K25466" s="9">
        <v>45</v>
      </c>
      <c r="L25466" s="6" t="s">
        <v>23</v>
      </c>
    </row>
    <row r="25467" spans="1:12">
      <c r="A25467" s="6" t="s">
        <v>25574</v>
      </c>
      <c r="B25467" s="6"/>
      <c r="C25467" s="6" t="s">
        <v>25575</v>
      </c>
      <c r="D25467" s="6"/>
      <c r="E25467" s="6" t="s">
        <v>18740</v>
      </c>
      <c r="F25467" s="7">
        <v>38657</v>
      </c>
      <c r="G25467" s="8">
        <v>168360</v>
      </c>
      <c r="H25467" s="8">
        <v>168360</v>
      </c>
      <c r="I25467" s="8">
        <v>0</v>
      </c>
      <c r="J25467" s="8">
        <v>168360</v>
      </c>
      <c r="K25467" s="9">
        <v>14.03</v>
      </c>
      <c r="L25467" s="6" t="s">
        <v>10</v>
      </c>
    </row>
    <row r="25468" spans="1:12">
      <c r="A25468" s="6" t="s">
        <v>25576</v>
      </c>
      <c r="B25468" s="6"/>
      <c r="C25468" s="6" t="s">
        <v>25577</v>
      </c>
      <c r="D25468" s="6"/>
      <c r="E25468" s="6" t="s">
        <v>18740</v>
      </c>
      <c r="F25468" s="7">
        <v>38657</v>
      </c>
      <c r="G25468" s="8">
        <v>199368</v>
      </c>
      <c r="H25468" s="8">
        <v>199368</v>
      </c>
      <c r="I25468" s="8">
        <v>0</v>
      </c>
      <c r="J25468" s="8">
        <v>199368</v>
      </c>
      <c r="K25468" s="9">
        <v>39</v>
      </c>
      <c r="L25468" s="6" t="s">
        <v>23</v>
      </c>
    </row>
    <row r="25469" spans="1:12">
      <c r="A25469" s="6" t="s">
        <v>25578</v>
      </c>
      <c r="B25469" s="6"/>
      <c r="C25469" s="6" t="s">
        <v>25579</v>
      </c>
      <c r="D25469" s="6"/>
      <c r="E25469" s="6" t="s">
        <v>18740</v>
      </c>
      <c r="F25469" s="7">
        <v>38657</v>
      </c>
      <c r="G25469" s="8">
        <v>1463840</v>
      </c>
      <c r="H25469" s="8">
        <v>1463840</v>
      </c>
      <c r="I25469" s="8">
        <v>0</v>
      </c>
      <c r="J25469" s="8">
        <v>1463840</v>
      </c>
      <c r="K25469" s="9">
        <v>91.49</v>
      </c>
      <c r="L25469" s="6" t="s">
        <v>10</v>
      </c>
    </row>
    <row r="25470" spans="1:12">
      <c r="A25470" s="6" t="s">
        <v>25580</v>
      </c>
      <c r="B25470" s="6"/>
      <c r="C25470" s="6" t="s">
        <v>25581</v>
      </c>
      <c r="D25470" s="6"/>
      <c r="E25470" s="6" t="s">
        <v>18740</v>
      </c>
      <c r="F25470" s="7">
        <v>38657</v>
      </c>
      <c r="G25470" s="8">
        <v>8179</v>
      </c>
      <c r="H25470" s="8">
        <v>8179</v>
      </c>
      <c r="I25470" s="8">
        <v>0</v>
      </c>
      <c r="J25470" s="8">
        <v>8179</v>
      </c>
      <c r="K25470" s="9">
        <v>1.6</v>
      </c>
      <c r="L25470" s="6" t="s">
        <v>23</v>
      </c>
    </row>
    <row r="25471" spans="1:12">
      <c r="A25471" s="6" t="s">
        <v>25582</v>
      </c>
      <c r="B25471" s="6"/>
      <c r="C25471" s="6" t="s">
        <v>25583</v>
      </c>
      <c r="D25471" s="6"/>
      <c r="E25471" s="6" t="s">
        <v>18740</v>
      </c>
      <c r="F25471" s="7">
        <v>38657</v>
      </c>
      <c r="G25471" s="8">
        <v>2910000</v>
      </c>
      <c r="H25471" s="8">
        <v>2910000</v>
      </c>
      <c r="I25471" s="8">
        <v>0</v>
      </c>
      <c r="J25471" s="8">
        <v>2910000</v>
      </c>
      <c r="K25471" s="9">
        <v>194</v>
      </c>
      <c r="L25471" s="6" t="s">
        <v>10</v>
      </c>
    </row>
    <row r="25472" spans="1:12">
      <c r="A25472" s="6" t="s">
        <v>25584</v>
      </c>
      <c r="B25472" s="6"/>
      <c r="C25472" s="6" t="s">
        <v>25585</v>
      </c>
      <c r="D25472" s="6"/>
      <c r="E25472" s="6" t="s">
        <v>18740</v>
      </c>
      <c r="F25472" s="7">
        <v>38657</v>
      </c>
      <c r="G25472" s="8">
        <v>585000</v>
      </c>
      <c r="H25472" s="8">
        <v>585000</v>
      </c>
      <c r="I25472" s="8">
        <v>0</v>
      </c>
      <c r="J25472" s="8">
        <v>585000</v>
      </c>
      <c r="K25472" s="9">
        <v>117</v>
      </c>
      <c r="L25472" s="6" t="s">
        <v>10</v>
      </c>
    </row>
    <row r="25473" spans="1:12">
      <c r="A25473" s="6" t="s">
        <v>25586</v>
      </c>
      <c r="B25473" s="6"/>
      <c r="C25473" s="6" t="s">
        <v>25587</v>
      </c>
      <c r="D25473" s="6"/>
      <c r="E25473" s="6" t="s">
        <v>18740</v>
      </c>
      <c r="F25473" s="7">
        <v>38657</v>
      </c>
      <c r="G25473" s="8">
        <v>184032</v>
      </c>
      <c r="H25473" s="8">
        <v>184032</v>
      </c>
      <c r="I25473" s="8">
        <v>0</v>
      </c>
      <c r="J25473" s="8">
        <v>184032</v>
      </c>
      <c r="K25473" s="9">
        <v>36</v>
      </c>
      <c r="L25473" s="6" t="s">
        <v>23</v>
      </c>
    </row>
    <row r="25474" spans="1:12">
      <c r="A25474" s="6" t="s">
        <v>25588</v>
      </c>
      <c r="B25474" s="6"/>
      <c r="C25474" s="6" t="s">
        <v>25589</v>
      </c>
      <c r="D25474" s="6"/>
      <c r="E25474" s="6" t="s">
        <v>18740</v>
      </c>
      <c r="F25474" s="7">
        <v>38657</v>
      </c>
      <c r="G25474" s="8">
        <v>460</v>
      </c>
      <c r="H25474" s="8">
        <v>460</v>
      </c>
      <c r="I25474" s="8">
        <v>0</v>
      </c>
      <c r="J25474" s="8">
        <v>460</v>
      </c>
      <c r="K25474" s="9">
        <v>0.09</v>
      </c>
      <c r="L25474" s="6" t="s">
        <v>23</v>
      </c>
    </row>
    <row r="25475" spans="1:12">
      <c r="A25475" s="6" t="s">
        <v>25590</v>
      </c>
      <c r="B25475" s="6"/>
      <c r="C25475" s="6" t="s">
        <v>25591</v>
      </c>
      <c r="D25475" s="6"/>
      <c r="E25475" s="6" t="s">
        <v>9</v>
      </c>
      <c r="F25475" s="7">
        <v>41051</v>
      </c>
      <c r="G25475" s="8">
        <v>1</v>
      </c>
      <c r="H25475" s="8">
        <v>1</v>
      </c>
      <c r="I25475" s="8">
        <v>0</v>
      </c>
      <c r="J25475" s="8">
        <v>1</v>
      </c>
      <c r="K25475" s="9">
        <v>201</v>
      </c>
      <c r="L25475" s="6" t="s">
        <v>51</v>
      </c>
    </row>
    <row r="25476" spans="1:12">
      <c r="A25476" s="6" t="s">
        <v>25590</v>
      </c>
      <c r="B25476" s="6"/>
      <c r="C25476" s="6" t="s">
        <v>25592</v>
      </c>
      <c r="D25476" s="6"/>
      <c r="E25476" s="6" t="s">
        <v>9</v>
      </c>
      <c r="F25476" s="7">
        <v>41051</v>
      </c>
      <c r="G25476" s="8">
        <v>5618088</v>
      </c>
      <c r="H25476" s="8">
        <v>5618088</v>
      </c>
      <c r="I25476" s="8">
        <v>0</v>
      </c>
      <c r="J25476" s="8">
        <v>5618088</v>
      </c>
      <c r="K25476" s="9">
        <v>1099</v>
      </c>
      <c r="L25476" s="6" t="s">
        <v>23</v>
      </c>
    </row>
    <row r="25477" spans="1:12">
      <c r="A25477" s="6" t="s">
        <v>25590</v>
      </c>
      <c r="B25477" s="6"/>
      <c r="C25477" s="6" t="s">
        <v>25593</v>
      </c>
      <c r="D25477" s="6"/>
      <c r="E25477" s="6" t="s">
        <v>9</v>
      </c>
      <c r="F25477" s="7">
        <v>41051</v>
      </c>
      <c r="G25477" s="8">
        <v>9467424</v>
      </c>
      <c r="H25477" s="8">
        <v>9467424</v>
      </c>
      <c r="I25477" s="8">
        <v>0</v>
      </c>
      <c r="J25477" s="8">
        <v>9467424</v>
      </c>
      <c r="K25477" s="9">
        <v>1852</v>
      </c>
      <c r="L25477" s="6" t="s">
        <v>23</v>
      </c>
    </row>
    <row r="25478" spans="1:12">
      <c r="A25478" s="6" t="s">
        <v>25590</v>
      </c>
      <c r="B25478" s="6"/>
      <c r="C25478" s="6" t="s">
        <v>25594</v>
      </c>
      <c r="D25478" s="6"/>
      <c r="E25478" s="6" t="s">
        <v>9</v>
      </c>
      <c r="F25478" s="7">
        <v>38657</v>
      </c>
      <c r="G25478" s="8">
        <v>2244168</v>
      </c>
      <c r="H25478" s="8">
        <v>2244168</v>
      </c>
      <c r="I25478" s="8">
        <v>0</v>
      </c>
      <c r="J25478" s="8">
        <v>2244168</v>
      </c>
      <c r="K25478" s="9">
        <v>439</v>
      </c>
      <c r="L25478" s="6" t="s">
        <v>23</v>
      </c>
    </row>
    <row r="25479" spans="1:12">
      <c r="A25479" s="6" t="s">
        <v>25590</v>
      </c>
      <c r="B25479" s="6"/>
      <c r="C25479" s="6" t="s">
        <v>25595</v>
      </c>
      <c r="D25479" s="6"/>
      <c r="E25479" s="6" t="s">
        <v>9</v>
      </c>
      <c r="F25479" s="7">
        <v>38657</v>
      </c>
      <c r="G25479" s="8">
        <v>3563064</v>
      </c>
      <c r="H25479" s="8">
        <v>3563064</v>
      </c>
      <c r="I25479" s="8">
        <v>0</v>
      </c>
      <c r="J25479" s="8">
        <v>3563064</v>
      </c>
      <c r="K25479" s="9">
        <v>697</v>
      </c>
      <c r="L25479" s="6" t="s">
        <v>23</v>
      </c>
    </row>
    <row r="25480" spans="1:12">
      <c r="A25480" s="6" t="s">
        <v>25590</v>
      </c>
      <c r="B25480" s="6"/>
      <c r="C25480" s="6" t="s">
        <v>25596</v>
      </c>
      <c r="D25480" s="6"/>
      <c r="E25480" s="6" t="s">
        <v>9</v>
      </c>
      <c r="F25480" s="7">
        <v>38657</v>
      </c>
      <c r="G25480" s="8">
        <v>2847384</v>
      </c>
      <c r="H25480" s="8">
        <v>2847384</v>
      </c>
      <c r="I25480" s="8">
        <v>0</v>
      </c>
      <c r="J25480" s="8">
        <v>2847384</v>
      </c>
      <c r="K25480" s="9">
        <v>557</v>
      </c>
      <c r="L25480" s="6" t="s">
        <v>23</v>
      </c>
    </row>
    <row r="25481" spans="1:12">
      <c r="A25481" s="6" t="s">
        <v>25590</v>
      </c>
      <c r="B25481" s="6"/>
      <c r="C25481" s="6" t="s">
        <v>25597</v>
      </c>
      <c r="D25481" s="6"/>
      <c r="E25481" s="6" t="s">
        <v>9</v>
      </c>
      <c r="F25481" s="7">
        <v>38657</v>
      </c>
      <c r="G25481" s="8">
        <v>1083744</v>
      </c>
      <c r="H25481" s="8">
        <v>1083744</v>
      </c>
      <c r="I25481" s="8">
        <v>0</v>
      </c>
      <c r="J25481" s="8">
        <v>1083744</v>
      </c>
      <c r="K25481" s="9">
        <v>212</v>
      </c>
      <c r="L25481" s="6" t="s">
        <v>23</v>
      </c>
    </row>
    <row r="25482" spans="1:12">
      <c r="A25482" s="6" t="s">
        <v>25590</v>
      </c>
      <c r="B25482" s="6"/>
      <c r="C25482" s="6" t="s">
        <v>25598</v>
      </c>
      <c r="D25482" s="6"/>
      <c r="E25482" s="6" t="s">
        <v>9</v>
      </c>
      <c r="F25482" s="7">
        <v>38657</v>
      </c>
      <c r="G25482" s="8">
        <v>7995168</v>
      </c>
      <c r="H25482" s="8">
        <v>7995168</v>
      </c>
      <c r="I25482" s="8">
        <v>0</v>
      </c>
      <c r="J25482" s="8">
        <v>7995168</v>
      </c>
      <c r="K25482" s="9">
        <v>1564</v>
      </c>
      <c r="L25482" s="6" t="s">
        <v>23</v>
      </c>
    </row>
    <row r="25483" spans="1:12">
      <c r="A25483" s="6" t="s">
        <v>25590</v>
      </c>
      <c r="B25483" s="6"/>
      <c r="C25483" s="6" t="s">
        <v>25599</v>
      </c>
      <c r="D25483" s="6"/>
      <c r="E25483" s="6" t="s">
        <v>9</v>
      </c>
      <c r="F25483" s="7">
        <v>41051</v>
      </c>
      <c r="G25483" s="8">
        <v>1</v>
      </c>
      <c r="H25483" s="8">
        <v>1</v>
      </c>
      <c r="I25483" s="8">
        <v>0</v>
      </c>
      <c r="J25483" s="8">
        <v>1</v>
      </c>
      <c r="K25483" s="9">
        <v>5.6</v>
      </c>
      <c r="L25483" s="6" t="s">
        <v>51</v>
      </c>
    </row>
    <row r="25484" spans="1:12">
      <c r="A25484" s="6" t="s">
        <v>25590</v>
      </c>
      <c r="B25484" s="6"/>
      <c r="C25484" s="6" t="s">
        <v>25600</v>
      </c>
      <c r="D25484" s="6"/>
      <c r="E25484" s="6" t="s">
        <v>9</v>
      </c>
      <c r="F25484" s="7">
        <v>38657</v>
      </c>
      <c r="G25484" s="8">
        <v>49995360</v>
      </c>
      <c r="H25484" s="8">
        <v>49995360</v>
      </c>
      <c r="I25484" s="8">
        <v>0</v>
      </c>
      <c r="J25484" s="8">
        <v>49995360</v>
      </c>
      <c r="K25484" s="9">
        <v>9780</v>
      </c>
      <c r="L25484" s="6" t="s">
        <v>23</v>
      </c>
    </row>
    <row r="25485" spans="1:12">
      <c r="A25485" s="6" t="s">
        <v>25590</v>
      </c>
      <c r="B25485" s="6"/>
      <c r="C25485" s="6" t="s">
        <v>25601</v>
      </c>
      <c r="D25485" s="6"/>
      <c r="E25485" s="6" t="s">
        <v>9</v>
      </c>
      <c r="F25485" s="7">
        <v>41051</v>
      </c>
      <c r="G25485" s="8">
        <v>38938104</v>
      </c>
      <c r="H25485" s="8">
        <v>38938104</v>
      </c>
      <c r="I25485" s="8">
        <v>0</v>
      </c>
      <c r="J25485" s="8">
        <v>38938104</v>
      </c>
      <c r="K25485" s="9">
        <v>7617</v>
      </c>
      <c r="L25485" s="6" t="s">
        <v>23</v>
      </c>
    </row>
    <row r="25486" spans="1:12">
      <c r="A25486" s="6" t="s">
        <v>25590</v>
      </c>
      <c r="B25486" s="6"/>
      <c r="C25486" s="6" t="s">
        <v>25602</v>
      </c>
      <c r="D25486" s="6"/>
      <c r="E25486" s="6" t="s">
        <v>9</v>
      </c>
      <c r="F25486" s="7">
        <v>41051</v>
      </c>
      <c r="G25486" s="8">
        <v>90032544</v>
      </c>
      <c r="H25486" s="8">
        <v>90032544</v>
      </c>
      <c r="I25486" s="8">
        <v>0</v>
      </c>
      <c r="J25486" s="8">
        <v>90032544</v>
      </c>
      <c r="K25486" s="9">
        <v>17612</v>
      </c>
      <c r="L25486" s="6" t="s">
        <v>23</v>
      </c>
    </row>
    <row r="25487" spans="1:12">
      <c r="A25487" s="6" t="s">
        <v>25590</v>
      </c>
      <c r="B25487" s="6"/>
      <c r="C25487" s="6" t="s">
        <v>25603</v>
      </c>
      <c r="D25487" s="6"/>
      <c r="E25487" s="6" t="s">
        <v>9</v>
      </c>
      <c r="F25487" s="7">
        <v>41051</v>
      </c>
      <c r="G25487" s="8">
        <v>177219</v>
      </c>
      <c r="H25487" s="8">
        <v>177219</v>
      </c>
      <c r="I25487" s="8">
        <v>0</v>
      </c>
      <c r="J25487" s="8">
        <v>177219</v>
      </c>
      <c r="K25487" s="9">
        <v>19691</v>
      </c>
      <c r="L25487" s="6" t="s">
        <v>6099</v>
      </c>
    </row>
    <row r="25488" spans="1:12">
      <c r="A25488" s="6" t="s">
        <v>25590</v>
      </c>
      <c r="B25488" s="6"/>
      <c r="C25488" s="6" t="s">
        <v>25604</v>
      </c>
      <c r="D25488" s="6"/>
      <c r="E25488" s="6" t="s">
        <v>9</v>
      </c>
      <c r="F25488" s="7">
        <v>41051</v>
      </c>
      <c r="G25488" s="8">
        <v>1</v>
      </c>
      <c r="H25488" s="8">
        <v>1</v>
      </c>
      <c r="I25488" s="8">
        <v>0</v>
      </c>
      <c r="J25488" s="8">
        <v>1</v>
      </c>
      <c r="K25488" s="9">
        <v>1181</v>
      </c>
      <c r="L25488" s="6" t="s">
        <v>51</v>
      </c>
    </row>
    <row r="25489" spans="1:12">
      <c r="A25489" s="6" t="s">
        <v>25590</v>
      </c>
      <c r="B25489" s="6"/>
      <c r="C25489" s="6" t="s">
        <v>25605</v>
      </c>
      <c r="D25489" s="6"/>
      <c r="E25489" s="6" t="s">
        <v>9</v>
      </c>
      <c r="F25489" s="7">
        <v>41051</v>
      </c>
      <c r="G25489" s="8">
        <v>664560</v>
      </c>
      <c r="H25489" s="8">
        <v>664560</v>
      </c>
      <c r="I25489" s="8">
        <v>0</v>
      </c>
      <c r="J25489" s="8">
        <v>664560</v>
      </c>
      <c r="K25489" s="9">
        <v>130</v>
      </c>
      <c r="L25489" s="6" t="s">
        <v>23</v>
      </c>
    </row>
    <row r="25490" spans="1:12">
      <c r="A25490" s="6" t="s">
        <v>25590</v>
      </c>
      <c r="B25490" s="6"/>
      <c r="C25490" s="6" t="s">
        <v>25606</v>
      </c>
      <c r="D25490" s="6"/>
      <c r="E25490" s="6" t="s">
        <v>9</v>
      </c>
      <c r="F25490" s="7">
        <v>41051</v>
      </c>
      <c r="G25490" s="8">
        <v>1170648</v>
      </c>
      <c r="H25490" s="8">
        <v>1170648</v>
      </c>
      <c r="I25490" s="8">
        <v>0</v>
      </c>
      <c r="J25490" s="8">
        <v>1170648</v>
      </c>
      <c r="K25490" s="9">
        <v>229</v>
      </c>
      <c r="L25490" s="6" t="s">
        <v>23</v>
      </c>
    </row>
    <row r="25491" spans="1:12">
      <c r="A25491" s="6" t="s">
        <v>25590</v>
      </c>
      <c r="B25491" s="6"/>
      <c r="C25491" s="6" t="s">
        <v>25607</v>
      </c>
      <c r="D25491" s="6"/>
      <c r="E25491" s="6" t="s">
        <v>9</v>
      </c>
      <c r="F25491" s="7">
        <v>41051</v>
      </c>
      <c r="G25491" s="8">
        <v>1324877</v>
      </c>
      <c r="H25491" s="8">
        <v>1324877</v>
      </c>
      <c r="I25491" s="8">
        <v>0</v>
      </c>
      <c r="J25491" s="8">
        <v>1324877</v>
      </c>
      <c r="K25491" s="9">
        <v>259.17</v>
      </c>
      <c r="L25491" s="6" t="s">
        <v>23</v>
      </c>
    </row>
    <row r="25492" spans="1:12">
      <c r="A25492" s="6" t="s">
        <v>25590</v>
      </c>
      <c r="B25492" s="6"/>
      <c r="C25492" s="6" t="s">
        <v>25608</v>
      </c>
      <c r="D25492" s="6"/>
      <c r="E25492" s="6" t="s">
        <v>9</v>
      </c>
      <c r="F25492" s="7">
        <v>41051</v>
      </c>
      <c r="G25492" s="8">
        <v>13633090</v>
      </c>
      <c r="H25492" s="8">
        <v>13633090</v>
      </c>
      <c r="I25492" s="8">
        <v>0</v>
      </c>
      <c r="J25492" s="8">
        <v>13633090</v>
      </c>
      <c r="K25492" s="9">
        <v>2666.88</v>
      </c>
      <c r="L25492" s="6" t="s">
        <v>23</v>
      </c>
    </row>
    <row r="25493" spans="1:12">
      <c r="A25493" s="6" t="s">
        <v>25590</v>
      </c>
      <c r="B25493" s="6"/>
      <c r="C25493" s="6" t="s">
        <v>25609</v>
      </c>
      <c r="D25493" s="6"/>
      <c r="E25493" s="6" t="s">
        <v>9</v>
      </c>
      <c r="F25493" s="7">
        <v>41051</v>
      </c>
      <c r="G25493" s="8">
        <v>2918952</v>
      </c>
      <c r="H25493" s="8">
        <v>2918952</v>
      </c>
      <c r="I25493" s="8">
        <v>0</v>
      </c>
      <c r="J25493" s="8">
        <v>2918952</v>
      </c>
      <c r="K25493" s="9">
        <v>571</v>
      </c>
      <c r="L25493" s="6" t="s">
        <v>23</v>
      </c>
    </row>
    <row r="25494" spans="1:12">
      <c r="A25494" s="6" t="s">
        <v>25590</v>
      </c>
      <c r="B25494" s="6"/>
      <c r="C25494" s="6" t="s">
        <v>25610</v>
      </c>
      <c r="D25494" s="6"/>
      <c r="E25494" s="6" t="s">
        <v>9</v>
      </c>
      <c r="F25494" s="7">
        <v>41051</v>
      </c>
      <c r="G25494" s="8">
        <v>49289904</v>
      </c>
      <c r="H25494" s="8">
        <v>49289904</v>
      </c>
      <c r="I25494" s="8">
        <v>0</v>
      </c>
      <c r="J25494" s="8">
        <v>49289904</v>
      </c>
      <c r="K25494" s="9">
        <v>9642</v>
      </c>
      <c r="L25494" s="6" t="s">
        <v>23</v>
      </c>
    </row>
    <row r="25495" spans="1:12">
      <c r="A25495" s="6" t="s">
        <v>25590</v>
      </c>
      <c r="B25495" s="6"/>
      <c r="C25495" s="6" t="s">
        <v>25611</v>
      </c>
      <c r="D25495" s="6"/>
      <c r="E25495" s="6" t="s">
        <v>9</v>
      </c>
      <c r="F25495" s="7">
        <v>41051</v>
      </c>
      <c r="G25495" s="8">
        <v>1</v>
      </c>
      <c r="H25495" s="8">
        <v>1</v>
      </c>
      <c r="I25495" s="8">
        <v>0</v>
      </c>
      <c r="J25495" s="8">
        <v>1</v>
      </c>
      <c r="K25495" s="9">
        <v>2576</v>
      </c>
      <c r="L25495" s="6" t="s">
        <v>51</v>
      </c>
    </row>
    <row r="25496" spans="1:12">
      <c r="A25496" s="6" t="s">
        <v>25612</v>
      </c>
      <c r="B25496" s="6"/>
      <c r="C25496" s="6" t="s">
        <v>25613</v>
      </c>
      <c r="D25496" s="6"/>
      <c r="E25496" s="6" t="s">
        <v>18740</v>
      </c>
      <c r="F25496" s="7">
        <v>38657</v>
      </c>
      <c r="G25496" s="8">
        <v>163584</v>
      </c>
      <c r="H25496" s="8">
        <v>163584</v>
      </c>
      <c r="I25496" s="8">
        <v>0</v>
      </c>
      <c r="J25496" s="8">
        <v>163584</v>
      </c>
      <c r="K25496" s="9">
        <v>32</v>
      </c>
      <c r="L25496" s="6" t="s">
        <v>23</v>
      </c>
    </row>
    <row r="25497" spans="1:12">
      <c r="A25497" s="6" t="s">
        <v>25614</v>
      </c>
      <c r="B25497" s="6"/>
      <c r="C25497" s="6" t="s">
        <v>25615</v>
      </c>
      <c r="D25497" s="6"/>
      <c r="E25497" s="6" t="s">
        <v>18740</v>
      </c>
      <c r="F25497" s="7">
        <v>38657</v>
      </c>
      <c r="G25497" s="8">
        <v>991830</v>
      </c>
      <c r="H25497" s="8">
        <v>991830</v>
      </c>
      <c r="I25497" s="8">
        <v>0</v>
      </c>
      <c r="J25497" s="8">
        <v>991830</v>
      </c>
      <c r="K25497" s="9">
        <v>194.02</v>
      </c>
      <c r="L25497" s="6" t="s">
        <v>23</v>
      </c>
    </row>
    <row r="25498" spans="1:12">
      <c r="A25498" s="6" t="s">
        <v>25616</v>
      </c>
      <c r="B25498" s="6"/>
      <c r="C25498" s="6" t="s">
        <v>25617</v>
      </c>
      <c r="D25498" s="6"/>
      <c r="E25498" s="6" t="s">
        <v>18740</v>
      </c>
      <c r="F25498" s="7">
        <v>38657</v>
      </c>
      <c r="G25498" s="8">
        <v>858816</v>
      </c>
      <c r="H25498" s="8">
        <v>858816</v>
      </c>
      <c r="I25498" s="8">
        <v>0</v>
      </c>
      <c r="J25498" s="8">
        <v>858816</v>
      </c>
      <c r="K25498" s="9">
        <v>168</v>
      </c>
      <c r="L25498" s="6" t="s">
        <v>23</v>
      </c>
    </row>
    <row r="25499" spans="1:12">
      <c r="A25499" s="6" t="s">
        <v>25618</v>
      </c>
      <c r="B25499" s="6"/>
      <c r="C25499" s="6" t="s">
        <v>25619</v>
      </c>
      <c r="D25499" s="6"/>
      <c r="E25499" s="6" t="s">
        <v>9</v>
      </c>
      <c r="F25499" s="7">
        <v>38657</v>
      </c>
      <c r="G25499" s="8">
        <v>866355000</v>
      </c>
      <c r="H25499" s="8">
        <v>866355000</v>
      </c>
      <c r="I25499" s="8">
        <v>0</v>
      </c>
      <c r="J25499" s="8">
        <v>866355000</v>
      </c>
      <c r="K25499" s="9">
        <v>23415</v>
      </c>
      <c r="L25499" s="6" t="s">
        <v>1694</v>
      </c>
    </row>
    <row r="25500" spans="1:12">
      <c r="A25500" s="6" t="s">
        <v>25620</v>
      </c>
      <c r="B25500" s="6"/>
      <c r="C25500" s="6" t="s">
        <v>25621</v>
      </c>
      <c r="D25500" s="6"/>
      <c r="E25500" s="6" t="s">
        <v>25121</v>
      </c>
      <c r="F25500" s="7">
        <v>38657</v>
      </c>
      <c r="G25500" s="8">
        <v>1293675</v>
      </c>
      <c r="H25500" s="8">
        <v>1293675</v>
      </c>
      <c r="I25500" s="8">
        <v>0</v>
      </c>
      <c r="J25500" s="8">
        <v>1293675</v>
      </c>
      <c r="K25500" s="9">
        <v>172.49</v>
      </c>
      <c r="L25500" s="6" t="s">
        <v>10</v>
      </c>
    </row>
    <row r="25501" spans="1:12">
      <c r="A25501" s="6" t="s">
        <v>25622</v>
      </c>
      <c r="B25501" s="6"/>
      <c r="C25501" s="6" t="s">
        <v>25623</v>
      </c>
      <c r="D25501" s="6"/>
      <c r="E25501" s="6" t="s">
        <v>18740</v>
      </c>
      <c r="F25501" s="7">
        <v>38657</v>
      </c>
      <c r="G25501" s="8">
        <v>897000</v>
      </c>
      <c r="H25501" s="8">
        <v>897000</v>
      </c>
      <c r="I25501" s="8">
        <v>0</v>
      </c>
      <c r="J25501" s="8">
        <v>897000</v>
      </c>
      <c r="K25501" s="9">
        <v>78</v>
      </c>
      <c r="L25501" s="6" t="s">
        <v>10</v>
      </c>
    </row>
    <row r="25502" spans="1:12">
      <c r="A25502" s="6" t="s">
        <v>25624</v>
      </c>
      <c r="B25502" s="6"/>
      <c r="C25502" s="6" t="s">
        <v>25625</v>
      </c>
      <c r="D25502" s="6"/>
      <c r="E25502" s="6" t="s">
        <v>18740</v>
      </c>
      <c r="F25502" s="7">
        <v>38657</v>
      </c>
      <c r="G25502" s="8">
        <v>296496</v>
      </c>
      <c r="H25502" s="8">
        <v>296496</v>
      </c>
      <c r="I25502" s="8">
        <v>0</v>
      </c>
      <c r="J25502" s="8">
        <v>296496</v>
      </c>
      <c r="K25502" s="9">
        <v>58</v>
      </c>
      <c r="L25502" s="6" t="s">
        <v>23</v>
      </c>
    </row>
    <row r="25503" spans="1:12">
      <c r="A25503" s="6" t="s">
        <v>25626</v>
      </c>
      <c r="B25503" s="6"/>
      <c r="C25503" s="6" t="s">
        <v>25627</v>
      </c>
      <c r="D25503" s="6"/>
      <c r="E25503" s="6" t="s">
        <v>18740</v>
      </c>
      <c r="F25503" s="7">
        <v>38657</v>
      </c>
      <c r="G25503" s="8">
        <v>76680</v>
      </c>
      <c r="H25503" s="8">
        <v>76680</v>
      </c>
      <c r="I25503" s="8">
        <v>0</v>
      </c>
      <c r="J25503" s="8">
        <v>76680</v>
      </c>
      <c r="K25503" s="9">
        <v>15</v>
      </c>
      <c r="L25503" s="6" t="s">
        <v>23</v>
      </c>
    </row>
    <row r="25504" spans="1:12">
      <c r="A25504" s="6" t="s">
        <v>25628</v>
      </c>
      <c r="B25504" s="6"/>
      <c r="C25504" s="6" t="s">
        <v>25629</v>
      </c>
      <c r="D25504" s="6"/>
      <c r="E25504" s="6" t="s">
        <v>18740</v>
      </c>
      <c r="F25504" s="7">
        <v>38657</v>
      </c>
      <c r="G25504" s="8">
        <v>81792</v>
      </c>
      <c r="H25504" s="8">
        <v>81792</v>
      </c>
      <c r="I25504" s="8">
        <v>0</v>
      </c>
      <c r="J25504" s="8">
        <v>81792</v>
      </c>
      <c r="K25504" s="9">
        <v>16</v>
      </c>
      <c r="L25504" s="6" t="s">
        <v>23</v>
      </c>
    </row>
    <row r="25505" spans="1:12">
      <c r="A25505" s="6" t="s">
        <v>25628</v>
      </c>
      <c r="B25505" s="6"/>
      <c r="C25505" s="6" t="s">
        <v>25630</v>
      </c>
      <c r="D25505" s="6"/>
      <c r="E25505" s="6" t="s">
        <v>18740</v>
      </c>
      <c r="F25505" s="7">
        <v>38657</v>
      </c>
      <c r="G25505" s="8">
        <v>66456</v>
      </c>
      <c r="H25505" s="8">
        <v>66456</v>
      </c>
      <c r="I25505" s="8">
        <v>0</v>
      </c>
      <c r="J25505" s="8">
        <v>66456</v>
      </c>
      <c r="K25505" s="9">
        <v>13</v>
      </c>
      <c r="L25505" s="6" t="s">
        <v>23</v>
      </c>
    </row>
    <row r="25506" spans="1:12">
      <c r="A25506" s="6" t="s">
        <v>25628</v>
      </c>
      <c r="B25506" s="6"/>
      <c r="C25506" s="6" t="s">
        <v>25631</v>
      </c>
      <c r="D25506" s="6"/>
      <c r="E25506" s="6" t="s">
        <v>18740</v>
      </c>
      <c r="F25506" s="7">
        <v>38657</v>
      </c>
      <c r="G25506" s="8">
        <v>117576</v>
      </c>
      <c r="H25506" s="8">
        <v>117576</v>
      </c>
      <c r="I25506" s="8">
        <v>0</v>
      </c>
      <c r="J25506" s="8">
        <v>117576</v>
      </c>
      <c r="K25506" s="9">
        <v>23</v>
      </c>
      <c r="L25506" s="6" t="s">
        <v>23</v>
      </c>
    </row>
    <row r="25507" spans="1:12">
      <c r="A25507" s="6" t="s">
        <v>25632</v>
      </c>
      <c r="B25507" s="6"/>
      <c r="C25507" s="6" t="s">
        <v>25633</v>
      </c>
      <c r="D25507" s="6"/>
      <c r="E25507" s="6" t="s">
        <v>25121</v>
      </c>
      <c r="F25507" s="7">
        <v>38657</v>
      </c>
      <c r="G25507" s="8">
        <v>204480</v>
      </c>
      <c r="H25507" s="8">
        <v>204480</v>
      </c>
      <c r="I25507" s="8">
        <v>0</v>
      </c>
      <c r="J25507" s="8">
        <v>204480</v>
      </c>
      <c r="K25507" s="9">
        <v>40</v>
      </c>
      <c r="L25507" s="6" t="s">
        <v>23</v>
      </c>
    </row>
    <row r="25508" spans="1:12">
      <c r="A25508" s="6" t="s">
        <v>25632</v>
      </c>
      <c r="B25508" s="6"/>
      <c r="C25508" s="6" t="s">
        <v>25634</v>
      </c>
      <c r="D25508" s="6"/>
      <c r="E25508" s="6" t="s">
        <v>25121</v>
      </c>
      <c r="F25508" s="7">
        <v>38657</v>
      </c>
      <c r="G25508" s="8">
        <v>127800</v>
      </c>
      <c r="H25508" s="8">
        <v>127800</v>
      </c>
      <c r="I25508" s="8">
        <v>0</v>
      </c>
      <c r="J25508" s="8">
        <v>127800</v>
      </c>
      <c r="K25508" s="9">
        <v>25</v>
      </c>
      <c r="L25508" s="6" t="s">
        <v>23</v>
      </c>
    </row>
    <row r="25509" spans="1:12">
      <c r="A25509" s="6" t="s">
        <v>25635</v>
      </c>
      <c r="B25509" s="6"/>
      <c r="C25509" s="6" t="s">
        <v>25636</v>
      </c>
      <c r="D25509" s="6"/>
      <c r="E25509" s="6" t="s">
        <v>9</v>
      </c>
      <c r="F25509" s="7">
        <v>41625</v>
      </c>
      <c r="G25509" s="8">
        <v>1324008</v>
      </c>
      <c r="H25509" s="8">
        <v>1324008</v>
      </c>
      <c r="I25509" s="8">
        <v>0</v>
      </c>
      <c r="J25509" s="8">
        <v>1324008</v>
      </c>
      <c r="K25509" s="9">
        <v>259</v>
      </c>
      <c r="L25509" s="6" t="s">
        <v>14</v>
      </c>
    </row>
    <row r="25510" spans="1:12">
      <c r="A25510" s="6" t="s">
        <v>25637</v>
      </c>
      <c r="B25510" s="6"/>
      <c r="C25510" s="6" t="s">
        <v>25638</v>
      </c>
      <c r="D25510" s="6"/>
      <c r="E25510" s="6" t="s">
        <v>9</v>
      </c>
      <c r="F25510" s="7">
        <v>41417</v>
      </c>
      <c r="G25510" s="8">
        <v>470304</v>
      </c>
      <c r="H25510" s="8">
        <v>470304</v>
      </c>
      <c r="I25510" s="8">
        <v>0</v>
      </c>
      <c r="J25510" s="8">
        <v>470304</v>
      </c>
      <c r="K25510" s="9">
        <v>92</v>
      </c>
      <c r="L25510" s="6" t="s">
        <v>14</v>
      </c>
    </row>
    <row r="25511" spans="1:12">
      <c r="A25511" s="6" t="s">
        <v>25639</v>
      </c>
      <c r="B25511" s="6"/>
      <c r="C25511" s="6" t="s">
        <v>25640</v>
      </c>
      <c r="D25511" s="6"/>
      <c r="E25511" s="6" t="s">
        <v>18740</v>
      </c>
      <c r="F25511" s="7">
        <v>38657</v>
      </c>
      <c r="G25511" s="8">
        <v>230040</v>
      </c>
      <c r="H25511" s="8">
        <v>230040</v>
      </c>
      <c r="I25511" s="8">
        <v>0</v>
      </c>
      <c r="J25511" s="8">
        <v>230040</v>
      </c>
      <c r="K25511" s="9">
        <v>45</v>
      </c>
      <c r="L25511" s="6" t="s">
        <v>23</v>
      </c>
    </row>
    <row r="25512" spans="1:12">
      <c r="A25512" s="6" t="s">
        <v>25641</v>
      </c>
      <c r="B25512" s="6"/>
      <c r="C25512" s="6" t="s">
        <v>25642</v>
      </c>
      <c r="D25512" s="6"/>
      <c r="E25512" s="6" t="s">
        <v>25121</v>
      </c>
      <c r="F25512" s="7">
        <v>38657</v>
      </c>
      <c r="G25512" s="8">
        <v>230040</v>
      </c>
      <c r="H25512" s="8">
        <v>230040</v>
      </c>
      <c r="I25512" s="8">
        <v>0</v>
      </c>
      <c r="J25512" s="8">
        <v>230040</v>
      </c>
      <c r="K25512" s="9">
        <v>45</v>
      </c>
      <c r="L25512" s="6" t="s">
        <v>23</v>
      </c>
    </row>
    <row r="25513" spans="1:12">
      <c r="A25513" s="6" t="s">
        <v>25643</v>
      </c>
      <c r="B25513" s="6"/>
      <c r="C25513" s="6" t="s">
        <v>25644</v>
      </c>
      <c r="D25513" s="6"/>
      <c r="E25513" s="6" t="s">
        <v>9</v>
      </c>
      <c r="F25513" s="7">
        <v>38657</v>
      </c>
      <c r="G25513" s="8">
        <v>9160704</v>
      </c>
      <c r="H25513" s="8">
        <v>9160704</v>
      </c>
      <c r="I25513" s="8">
        <v>0</v>
      </c>
      <c r="J25513" s="8">
        <v>9160704</v>
      </c>
      <c r="K25513" s="9">
        <v>1792</v>
      </c>
      <c r="L25513" s="6" t="s">
        <v>23</v>
      </c>
    </row>
    <row r="25514" spans="1:12">
      <c r="A25514" s="6" t="s">
        <v>25643</v>
      </c>
      <c r="B25514" s="6"/>
      <c r="C25514" s="6" t="s">
        <v>25645</v>
      </c>
      <c r="D25514" s="6"/>
      <c r="E25514" s="6" t="s">
        <v>9</v>
      </c>
      <c r="F25514" s="7">
        <v>38657</v>
      </c>
      <c r="G25514" s="8">
        <v>1385352</v>
      </c>
      <c r="H25514" s="8">
        <v>1385352</v>
      </c>
      <c r="I25514" s="8">
        <v>0</v>
      </c>
      <c r="J25514" s="8">
        <v>1385352</v>
      </c>
      <c r="K25514" s="9">
        <v>271</v>
      </c>
      <c r="L25514" s="6" t="s">
        <v>23</v>
      </c>
    </row>
    <row r="25515" spans="1:12">
      <c r="A25515" s="6" t="s">
        <v>25643</v>
      </c>
      <c r="B25515" s="6"/>
      <c r="C25515" s="6" t="s">
        <v>25646</v>
      </c>
      <c r="D25515" s="6"/>
      <c r="E25515" s="6" t="s">
        <v>9</v>
      </c>
      <c r="F25515" s="7">
        <v>38657</v>
      </c>
      <c r="G25515" s="8">
        <v>5035320</v>
      </c>
      <c r="H25515" s="8">
        <v>5035320</v>
      </c>
      <c r="I25515" s="8">
        <v>0</v>
      </c>
      <c r="J25515" s="8">
        <v>5035320</v>
      </c>
      <c r="K25515" s="9">
        <v>985</v>
      </c>
      <c r="L25515" s="6" t="s">
        <v>23</v>
      </c>
    </row>
    <row r="25516" spans="1:12">
      <c r="A25516" s="6" t="s">
        <v>25643</v>
      </c>
      <c r="B25516" s="6"/>
      <c r="C25516" s="6" t="s">
        <v>25647</v>
      </c>
      <c r="D25516" s="6"/>
      <c r="E25516" s="6" t="s">
        <v>9</v>
      </c>
      <c r="F25516" s="7">
        <v>38657</v>
      </c>
      <c r="G25516" s="8">
        <v>286272</v>
      </c>
      <c r="H25516" s="8">
        <v>286272</v>
      </c>
      <c r="I25516" s="8">
        <v>0</v>
      </c>
      <c r="J25516" s="8">
        <v>286272</v>
      </c>
      <c r="K25516" s="9">
        <v>56</v>
      </c>
      <c r="L25516" s="6" t="s">
        <v>23</v>
      </c>
    </row>
    <row r="25517" spans="1:12">
      <c r="A25517" s="6" t="s">
        <v>25643</v>
      </c>
      <c r="B25517" s="6"/>
      <c r="C25517" s="6" t="s">
        <v>25648</v>
      </c>
      <c r="D25517" s="6"/>
      <c r="E25517" s="6" t="s">
        <v>9</v>
      </c>
      <c r="F25517" s="7">
        <v>38657</v>
      </c>
      <c r="G25517" s="8">
        <v>598104</v>
      </c>
      <c r="H25517" s="8">
        <v>598104</v>
      </c>
      <c r="I25517" s="8">
        <v>0</v>
      </c>
      <c r="J25517" s="8">
        <v>598104</v>
      </c>
      <c r="K25517" s="9">
        <v>117</v>
      </c>
      <c r="L25517" s="6" t="s">
        <v>23</v>
      </c>
    </row>
    <row r="25518" spans="1:12">
      <c r="A25518" s="6" t="s">
        <v>25643</v>
      </c>
      <c r="B25518" s="6"/>
      <c r="C25518" s="6" t="s">
        <v>25649</v>
      </c>
      <c r="D25518" s="6"/>
      <c r="E25518" s="6" t="s">
        <v>9</v>
      </c>
      <c r="F25518" s="7">
        <v>38657</v>
      </c>
      <c r="G25518" s="8">
        <v>11425320</v>
      </c>
      <c r="H25518" s="8">
        <v>11425320</v>
      </c>
      <c r="I25518" s="8">
        <v>0</v>
      </c>
      <c r="J25518" s="8">
        <v>11425320</v>
      </c>
      <c r="K25518" s="9">
        <v>2235</v>
      </c>
      <c r="L25518" s="6" t="s">
        <v>23</v>
      </c>
    </row>
    <row r="25519" spans="1:12">
      <c r="A25519" s="6" t="s">
        <v>25643</v>
      </c>
      <c r="B25519" s="6"/>
      <c r="C25519" s="6" t="s">
        <v>25650</v>
      </c>
      <c r="D25519" s="6"/>
      <c r="E25519" s="6" t="s">
        <v>9</v>
      </c>
      <c r="F25519" s="7">
        <v>38657</v>
      </c>
      <c r="G25519" s="8">
        <v>1303560</v>
      </c>
      <c r="H25519" s="8">
        <v>1303560</v>
      </c>
      <c r="I25519" s="8">
        <v>0</v>
      </c>
      <c r="J25519" s="8">
        <v>1303560</v>
      </c>
      <c r="K25519" s="9">
        <v>255</v>
      </c>
      <c r="L25519" s="6" t="s">
        <v>23</v>
      </c>
    </row>
    <row r="25520" spans="1:12">
      <c r="A25520" s="6" t="s">
        <v>25643</v>
      </c>
      <c r="B25520" s="6"/>
      <c r="C25520" s="6" t="s">
        <v>25651</v>
      </c>
      <c r="D25520" s="6"/>
      <c r="E25520" s="6" t="s">
        <v>9</v>
      </c>
      <c r="F25520" s="7">
        <v>38657</v>
      </c>
      <c r="G25520" s="8">
        <v>3701088</v>
      </c>
      <c r="H25520" s="8">
        <v>3701088</v>
      </c>
      <c r="I25520" s="8">
        <v>0</v>
      </c>
      <c r="J25520" s="8">
        <v>3701088</v>
      </c>
      <c r="K25520" s="9">
        <v>724</v>
      </c>
      <c r="L25520" s="6" t="s">
        <v>23</v>
      </c>
    </row>
    <row r="25521" spans="1:12">
      <c r="A25521" s="6" t="s">
        <v>25643</v>
      </c>
      <c r="B25521" s="6"/>
      <c r="C25521" s="6" t="s">
        <v>25652</v>
      </c>
      <c r="D25521" s="6"/>
      <c r="E25521" s="6" t="s">
        <v>9</v>
      </c>
      <c r="F25521" s="7">
        <v>38657</v>
      </c>
      <c r="G25521" s="8">
        <v>1492704</v>
      </c>
      <c r="H25521" s="8">
        <v>1492704</v>
      </c>
      <c r="I25521" s="8">
        <v>0</v>
      </c>
      <c r="J25521" s="8">
        <v>1492704</v>
      </c>
      <c r="K25521" s="9">
        <v>292</v>
      </c>
      <c r="L25521" s="6" t="s">
        <v>23</v>
      </c>
    </row>
    <row r="25522" spans="1:12">
      <c r="A25522" s="6" t="s">
        <v>25643</v>
      </c>
      <c r="B25522" s="6"/>
      <c r="C25522" s="6" t="s">
        <v>25653</v>
      </c>
      <c r="D25522" s="6"/>
      <c r="E25522" s="6" t="s">
        <v>9</v>
      </c>
      <c r="F25522" s="7">
        <v>38657</v>
      </c>
      <c r="G25522" s="8">
        <v>2417976</v>
      </c>
      <c r="H25522" s="8">
        <v>2417976</v>
      </c>
      <c r="I25522" s="8">
        <v>0</v>
      </c>
      <c r="J25522" s="8">
        <v>2417976</v>
      </c>
      <c r="K25522" s="9">
        <v>473</v>
      </c>
      <c r="L25522" s="6" t="s">
        <v>23</v>
      </c>
    </row>
    <row r="25523" spans="1:12">
      <c r="A25523" s="6" t="s">
        <v>25643</v>
      </c>
      <c r="B25523" s="6"/>
      <c r="C25523" s="6" t="s">
        <v>25654</v>
      </c>
      <c r="D25523" s="6"/>
      <c r="E25523" s="6" t="s">
        <v>9</v>
      </c>
      <c r="F25523" s="7">
        <v>38657</v>
      </c>
      <c r="G25523" s="8">
        <v>2305512</v>
      </c>
      <c r="H25523" s="8">
        <v>2305512</v>
      </c>
      <c r="I25523" s="8">
        <v>0</v>
      </c>
      <c r="J25523" s="8">
        <v>2305512</v>
      </c>
      <c r="K25523" s="9">
        <v>451</v>
      </c>
      <c r="L25523" s="6" t="s">
        <v>23</v>
      </c>
    </row>
    <row r="25524" spans="1:12">
      <c r="A25524" s="6" t="s">
        <v>25643</v>
      </c>
      <c r="B25524" s="6"/>
      <c r="C25524" s="6" t="s">
        <v>25655</v>
      </c>
      <c r="D25524" s="6"/>
      <c r="E25524" s="6" t="s">
        <v>9</v>
      </c>
      <c r="F25524" s="7">
        <v>38657</v>
      </c>
      <c r="G25524" s="8">
        <v>858816</v>
      </c>
      <c r="H25524" s="8">
        <v>858816</v>
      </c>
      <c r="I25524" s="8">
        <v>0</v>
      </c>
      <c r="J25524" s="8">
        <v>858816</v>
      </c>
      <c r="K25524" s="9">
        <v>168</v>
      </c>
      <c r="L25524" s="6" t="s">
        <v>23</v>
      </c>
    </row>
    <row r="25525" spans="1:12">
      <c r="A25525" s="6" t="s">
        <v>25643</v>
      </c>
      <c r="B25525" s="6"/>
      <c r="C25525" s="6" t="s">
        <v>25656</v>
      </c>
      <c r="D25525" s="6"/>
      <c r="E25525" s="6" t="s">
        <v>9</v>
      </c>
      <c r="F25525" s="7">
        <v>38657</v>
      </c>
      <c r="G25525" s="8">
        <v>17672184</v>
      </c>
      <c r="H25525" s="8">
        <v>17672184</v>
      </c>
      <c r="I25525" s="8">
        <v>0</v>
      </c>
      <c r="J25525" s="8">
        <v>17672184</v>
      </c>
      <c r="K25525" s="9">
        <v>3457</v>
      </c>
      <c r="L25525" s="6" t="s">
        <v>23</v>
      </c>
    </row>
    <row r="25526" spans="1:12">
      <c r="A25526" s="6" t="s">
        <v>25643</v>
      </c>
      <c r="B25526" s="6"/>
      <c r="C25526" s="6" t="s">
        <v>25657</v>
      </c>
      <c r="D25526" s="6"/>
      <c r="E25526" s="6" t="s">
        <v>9</v>
      </c>
      <c r="F25526" s="7">
        <v>38657</v>
      </c>
      <c r="G25526" s="8">
        <v>475416</v>
      </c>
      <c r="H25526" s="8">
        <v>475416</v>
      </c>
      <c r="I25526" s="8">
        <v>0</v>
      </c>
      <c r="J25526" s="8">
        <v>475416</v>
      </c>
      <c r="K25526" s="9">
        <v>93</v>
      </c>
      <c r="L25526" s="6" t="s">
        <v>23</v>
      </c>
    </row>
    <row r="25527" spans="1:12">
      <c r="A25527" s="6" t="s">
        <v>25643</v>
      </c>
      <c r="B25527" s="6"/>
      <c r="C25527" s="6" t="s">
        <v>25658</v>
      </c>
      <c r="D25527" s="6"/>
      <c r="E25527" s="6" t="s">
        <v>9</v>
      </c>
      <c r="F25527" s="7">
        <v>38657</v>
      </c>
      <c r="G25527" s="8">
        <v>194256</v>
      </c>
      <c r="H25527" s="8">
        <v>194256</v>
      </c>
      <c r="I25527" s="8">
        <v>0</v>
      </c>
      <c r="J25527" s="8">
        <v>194256</v>
      </c>
      <c r="K25527" s="9">
        <v>38</v>
      </c>
      <c r="L25527" s="6" t="s">
        <v>23</v>
      </c>
    </row>
    <row r="25528" spans="1:12">
      <c r="A25528" s="6" t="s">
        <v>25643</v>
      </c>
      <c r="B25528" s="6"/>
      <c r="C25528" s="6" t="s">
        <v>25659</v>
      </c>
      <c r="D25528" s="6"/>
      <c r="E25528" s="6" t="s">
        <v>9</v>
      </c>
      <c r="F25528" s="7">
        <v>38657</v>
      </c>
      <c r="G25528" s="8">
        <v>81792</v>
      </c>
      <c r="H25528" s="8">
        <v>81792</v>
      </c>
      <c r="I25528" s="8">
        <v>0</v>
      </c>
      <c r="J25528" s="8">
        <v>81792</v>
      </c>
      <c r="K25528" s="9">
        <v>16</v>
      </c>
      <c r="L25528" s="6" t="s">
        <v>23</v>
      </c>
    </row>
    <row r="25529" spans="1:12">
      <c r="A25529" s="6" t="s">
        <v>25660</v>
      </c>
      <c r="B25529" s="6"/>
      <c r="C25529" s="6" t="s">
        <v>25661</v>
      </c>
      <c r="D25529" s="6"/>
      <c r="E25529" s="6" t="s">
        <v>9</v>
      </c>
      <c r="F25529" s="7">
        <v>41778</v>
      </c>
      <c r="G25529" s="8">
        <v>260712</v>
      </c>
      <c r="H25529" s="8">
        <v>260712</v>
      </c>
      <c r="I25529" s="8">
        <v>0</v>
      </c>
      <c r="J25529" s="8">
        <v>260712</v>
      </c>
      <c r="K25529" s="9">
        <v>51</v>
      </c>
      <c r="L25529" s="6" t="s">
        <v>23</v>
      </c>
    </row>
    <row r="25530" spans="1:12">
      <c r="A25530" s="6" t="s">
        <v>25660</v>
      </c>
      <c r="B25530" s="6"/>
      <c r="C25530" s="6" t="s">
        <v>25662</v>
      </c>
      <c r="D25530" s="6"/>
      <c r="E25530" s="6" t="s">
        <v>9</v>
      </c>
      <c r="F25530" s="7">
        <v>41778</v>
      </c>
      <c r="G25530" s="8">
        <v>81792</v>
      </c>
      <c r="H25530" s="8">
        <v>81792</v>
      </c>
      <c r="I25530" s="8">
        <v>0</v>
      </c>
      <c r="J25530" s="8">
        <v>81792</v>
      </c>
      <c r="K25530" s="9">
        <v>16</v>
      </c>
      <c r="L25530" s="6" t="s">
        <v>23</v>
      </c>
    </row>
    <row r="25531" spans="1:12">
      <c r="A25531" s="6" t="s">
        <v>25660</v>
      </c>
      <c r="B25531" s="6"/>
      <c r="C25531" s="6" t="s">
        <v>25663</v>
      </c>
      <c r="D25531" s="6"/>
      <c r="E25531" s="6" t="s">
        <v>9</v>
      </c>
      <c r="F25531" s="7">
        <v>41778</v>
      </c>
      <c r="G25531" s="8">
        <v>1518264</v>
      </c>
      <c r="H25531" s="8">
        <v>1518264</v>
      </c>
      <c r="I25531" s="8">
        <v>0</v>
      </c>
      <c r="J25531" s="8">
        <v>1518264</v>
      </c>
      <c r="K25531" s="9">
        <v>297</v>
      </c>
      <c r="L25531" s="6" t="s">
        <v>14</v>
      </c>
    </row>
    <row r="25532" spans="1:12">
      <c r="A25532" s="6" t="s">
        <v>25660</v>
      </c>
      <c r="B25532" s="6"/>
      <c r="C25532" s="6" t="s">
        <v>25664</v>
      </c>
      <c r="D25532" s="6"/>
      <c r="E25532" s="6" t="s">
        <v>9</v>
      </c>
      <c r="F25532" s="7">
        <v>41778</v>
      </c>
      <c r="G25532" s="8">
        <v>414072</v>
      </c>
      <c r="H25532" s="8">
        <v>414072</v>
      </c>
      <c r="I25532" s="8">
        <v>0</v>
      </c>
      <c r="J25532" s="8">
        <v>414072</v>
      </c>
      <c r="K25532" s="9">
        <v>81</v>
      </c>
      <c r="L25532" s="6" t="s">
        <v>23</v>
      </c>
    </row>
    <row r="25533" spans="1:12">
      <c r="A25533" s="6" t="s">
        <v>25665</v>
      </c>
      <c r="B25533" s="6"/>
      <c r="C25533" s="6" t="s">
        <v>25666</v>
      </c>
      <c r="D25533" s="6"/>
      <c r="E25533" s="6" t="s">
        <v>9</v>
      </c>
      <c r="F25533" s="7">
        <v>38657</v>
      </c>
      <c r="G25533" s="8">
        <v>19040000</v>
      </c>
      <c r="H25533" s="8">
        <v>19040000</v>
      </c>
      <c r="I25533" s="8">
        <v>0</v>
      </c>
      <c r="J25533" s="8">
        <v>19040000</v>
      </c>
      <c r="K25533" s="9">
        <v>476</v>
      </c>
      <c r="L25533" s="6" t="s">
        <v>1694</v>
      </c>
    </row>
    <row r="25534" spans="1:12">
      <c r="A25534" s="6" t="s">
        <v>25665</v>
      </c>
      <c r="B25534" s="6"/>
      <c r="C25534" s="6" t="s">
        <v>25667</v>
      </c>
      <c r="D25534" s="6"/>
      <c r="E25534" s="6" t="s">
        <v>9</v>
      </c>
      <c r="F25534" s="7">
        <v>38657</v>
      </c>
      <c r="G25534" s="8">
        <v>8440000</v>
      </c>
      <c r="H25534" s="8">
        <v>8440000</v>
      </c>
      <c r="I25534" s="8">
        <v>0</v>
      </c>
      <c r="J25534" s="8">
        <v>8440000</v>
      </c>
      <c r="K25534" s="9">
        <v>211</v>
      </c>
      <c r="L25534" s="6" t="s">
        <v>1694</v>
      </c>
    </row>
    <row r="25535" spans="1:12">
      <c r="A25535" s="6" t="s">
        <v>25665</v>
      </c>
      <c r="B25535" s="6"/>
      <c r="C25535" s="6" t="s">
        <v>25668</v>
      </c>
      <c r="D25535" s="6"/>
      <c r="E25535" s="6" t="s">
        <v>9</v>
      </c>
      <c r="F25535" s="7">
        <v>38657</v>
      </c>
      <c r="G25535" s="8">
        <v>179657600</v>
      </c>
      <c r="H25535" s="8">
        <v>179657600</v>
      </c>
      <c r="I25535" s="8">
        <v>0</v>
      </c>
      <c r="J25535" s="8">
        <v>179657600</v>
      </c>
      <c r="K25535" s="9">
        <v>4882</v>
      </c>
      <c r="L25535" s="6" t="s">
        <v>1694</v>
      </c>
    </row>
    <row r="25536" spans="1:12">
      <c r="A25536" s="6" t="s">
        <v>25665</v>
      </c>
      <c r="B25536" s="6"/>
      <c r="C25536" s="6" t="s">
        <v>25669</v>
      </c>
      <c r="D25536" s="6"/>
      <c r="E25536" s="6" t="s">
        <v>9</v>
      </c>
      <c r="F25536" s="7">
        <v>38657</v>
      </c>
      <c r="G25536" s="8">
        <v>397720700</v>
      </c>
      <c r="H25536" s="8">
        <v>397720700</v>
      </c>
      <c r="I25536" s="8">
        <v>0</v>
      </c>
      <c r="J25536" s="8">
        <v>397720700</v>
      </c>
      <c r="K25536" s="9">
        <v>9869</v>
      </c>
      <c r="L25536" s="6" t="s">
        <v>1694</v>
      </c>
    </row>
    <row r="25537" spans="1:12">
      <c r="A25537" s="6" t="s">
        <v>25665</v>
      </c>
      <c r="B25537" s="6"/>
      <c r="C25537" s="6" t="s">
        <v>25670</v>
      </c>
      <c r="D25537" s="6"/>
      <c r="E25537" s="6" t="s">
        <v>9</v>
      </c>
      <c r="F25537" s="7">
        <v>38657</v>
      </c>
      <c r="G25537" s="8">
        <v>439828500</v>
      </c>
      <c r="H25537" s="8">
        <v>439828500</v>
      </c>
      <c r="I25537" s="8">
        <v>0</v>
      </c>
      <c r="J25537" s="8">
        <v>439828500</v>
      </c>
      <c r="K25537" s="9">
        <v>10111</v>
      </c>
      <c r="L25537" s="6" t="s">
        <v>1694</v>
      </c>
    </row>
    <row r="25538" spans="1:12">
      <c r="A25538" s="6" t="s">
        <v>25665</v>
      </c>
      <c r="B25538" s="6"/>
      <c r="C25538" s="6" t="s">
        <v>25671</v>
      </c>
      <c r="D25538" s="6"/>
      <c r="E25538" s="6" t="s">
        <v>9</v>
      </c>
      <c r="F25538" s="7">
        <v>38657</v>
      </c>
      <c r="G25538" s="8">
        <v>23588800</v>
      </c>
      <c r="H25538" s="8">
        <v>23588800</v>
      </c>
      <c r="I25538" s="8">
        <v>0</v>
      </c>
      <c r="J25538" s="8">
        <v>23588800</v>
      </c>
      <c r="K25538" s="9">
        <v>641</v>
      </c>
      <c r="L25538" s="6" t="s">
        <v>1694</v>
      </c>
    </row>
    <row r="25539" spans="1:12">
      <c r="A25539" s="6" t="s">
        <v>25665</v>
      </c>
      <c r="B25539" s="6"/>
      <c r="C25539" s="6" t="s">
        <v>25672</v>
      </c>
      <c r="D25539" s="6"/>
      <c r="E25539" s="6" t="s">
        <v>9</v>
      </c>
      <c r="F25539" s="7">
        <v>38657</v>
      </c>
      <c r="G25539" s="8">
        <v>27342400</v>
      </c>
      <c r="H25539" s="8">
        <v>27342400</v>
      </c>
      <c r="I25539" s="8">
        <v>0</v>
      </c>
      <c r="J25539" s="8">
        <v>27342400</v>
      </c>
      <c r="K25539" s="9">
        <v>743</v>
      </c>
      <c r="L25539" s="6" t="s">
        <v>1694</v>
      </c>
    </row>
    <row r="25540" spans="1:12">
      <c r="A25540" s="6" t="s">
        <v>25673</v>
      </c>
      <c r="B25540" s="6"/>
      <c r="C25540" s="6" t="s">
        <v>25674</v>
      </c>
      <c r="D25540" s="6"/>
      <c r="E25540" s="6" t="s">
        <v>18740</v>
      </c>
      <c r="F25540" s="7">
        <v>38657</v>
      </c>
      <c r="G25540" s="8">
        <v>18630</v>
      </c>
      <c r="H25540" s="8">
        <v>18630</v>
      </c>
      <c r="I25540" s="8">
        <v>0</v>
      </c>
      <c r="J25540" s="8">
        <v>18630</v>
      </c>
      <c r="K25540" s="9">
        <v>1.62</v>
      </c>
      <c r="L25540" s="6" t="s">
        <v>10</v>
      </c>
    </row>
    <row r="25541" spans="1:12">
      <c r="A25541" s="6" t="s">
        <v>25675</v>
      </c>
      <c r="B25541" s="6"/>
      <c r="C25541" s="6" t="s">
        <v>25676</v>
      </c>
      <c r="D25541" s="6"/>
      <c r="E25541" s="6" t="s">
        <v>18740</v>
      </c>
      <c r="F25541" s="7">
        <v>41855</v>
      </c>
      <c r="G25541" s="8">
        <v>17789</v>
      </c>
      <c r="H25541" s="8">
        <v>17789</v>
      </c>
      <c r="I25541" s="8">
        <v>0</v>
      </c>
      <c r="J25541" s="8">
        <v>17789</v>
      </c>
      <c r="K25541" s="9">
        <v>3.48</v>
      </c>
      <c r="L25541" s="6" t="s">
        <v>23</v>
      </c>
    </row>
    <row r="25542" spans="1:12">
      <c r="A25542" s="6" t="s">
        <v>25677</v>
      </c>
      <c r="B25542" s="6"/>
      <c r="C25542" s="6" t="s">
        <v>25678</v>
      </c>
      <c r="D25542" s="6"/>
      <c r="E25542" s="6" t="s">
        <v>18740</v>
      </c>
      <c r="F25542" s="7">
        <v>38657</v>
      </c>
      <c r="G25542" s="8">
        <v>270936</v>
      </c>
      <c r="H25542" s="8">
        <v>270936</v>
      </c>
      <c r="I25542" s="8">
        <v>0</v>
      </c>
      <c r="J25542" s="8">
        <v>270936</v>
      </c>
      <c r="K25542" s="9">
        <v>53</v>
      </c>
      <c r="L25542" s="6" t="s">
        <v>23</v>
      </c>
    </row>
    <row r="25543" spans="1:12">
      <c r="A25543" s="6" t="s">
        <v>25679</v>
      </c>
      <c r="B25543" s="6"/>
      <c r="C25543" s="6" t="s">
        <v>25680</v>
      </c>
      <c r="D25543" s="6"/>
      <c r="E25543" s="6" t="s">
        <v>18740</v>
      </c>
      <c r="F25543" s="7">
        <v>41885</v>
      </c>
      <c r="G25543" s="8">
        <v>184032</v>
      </c>
      <c r="H25543" s="8">
        <v>184032</v>
      </c>
      <c r="I25543" s="8">
        <v>0</v>
      </c>
      <c r="J25543" s="8">
        <v>184032</v>
      </c>
      <c r="K25543" s="9">
        <v>36</v>
      </c>
      <c r="L25543" s="6" t="s">
        <v>2193</v>
      </c>
    </row>
    <row r="25544" spans="1:12">
      <c r="A25544" s="6" t="s">
        <v>25681</v>
      </c>
      <c r="B25544" s="6"/>
      <c r="C25544" s="6" t="s">
        <v>25682</v>
      </c>
      <c r="D25544" s="6"/>
      <c r="E25544" s="6" t="s">
        <v>18740</v>
      </c>
      <c r="F25544" s="7">
        <v>38657</v>
      </c>
      <c r="G25544" s="8">
        <v>132912</v>
      </c>
      <c r="H25544" s="8">
        <v>132912</v>
      </c>
      <c r="I25544" s="8">
        <v>0</v>
      </c>
      <c r="J25544" s="8">
        <v>132912</v>
      </c>
      <c r="K25544" s="9">
        <v>26</v>
      </c>
      <c r="L25544" s="6" t="s">
        <v>23</v>
      </c>
    </row>
    <row r="25545" spans="1:12">
      <c r="A25545" s="6" t="s">
        <v>25683</v>
      </c>
      <c r="B25545" s="6"/>
      <c r="C25545" s="6" t="s">
        <v>25684</v>
      </c>
      <c r="D25545" s="6"/>
      <c r="E25545" s="6" t="s">
        <v>9</v>
      </c>
      <c r="F25545" s="7">
        <v>41933</v>
      </c>
      <c r="G25545" s="8">
        <v>1267776</v>
      </c>
      <c r="H25545" s="8">
        <v>1267776</v>
      </c>
      <c r="I25545" s="8">
        <v>0</v>
      </c>
      <c r="J25545" s="8">
        <v>1267776</v>
      </c>
      <c r="K25545" s="9">
        <v>248</v>
      </c>
      <c r="L25545" s="6" t="s">
        <v>14</v>
      </c>
    </row>
    <row r="25546" spans="1:12">
      <c r="A25546" s="6" t="s">
        <v>25685</v>
      </c>
      <c r="B25546" s="6"/>
      <c r="C25546" s="6" t="s">
        <v>25686</v>
      </c>
      <c r="D25546" s="6"/>
      <c r="E25546" s="6" t="s">
        <v>18740</v>
      </c>
      <c r="F25546" s="7">
        <v>38657</v>
      </c>
      <c r="G25546" s="8">
        <v>13133000</v>
      </c>
      <c r="H25546" s="8">
        <v>13133000</v>
      </c>
      <c r="I25546" s="8">
        <v>0</v>
      </c>
      <c r="J25546" s="8">
        <v>13133000</v>
      </c>
      <c r="K25546" s="9">
        <v>1142</v>
      </c>
      <c r="L25546" s="6" t="s">
        <v>10</v>
      </c>
    </row>
    <row r="25547" spans="1:12">
      <c r="A25547" s="6" t="s">
        <v>25687</v>
      </c>
      <c r="B25547" s="6"/>
      <c r="C25547" s="6" t="s">
        <v>25688</v>
      </c>
      <c r="D25547" s="6"/>
      <c r="E25547" s="6" t="s">
        <v>18740</v>
      </c>
      <c r="F25547" s="7">
        <v>41933</v>
      </c>
      <c r="G25547" s="8">
        <v>51120</v>
      </c>
      <c r="H25547" s="8">
        <v>51120</v>
      </c>
      <c r="I25547" s="8">
        <v>0</v>
      </c>
      <c r="J25547" s="8">
        <v>51120</v>
      </c>
      <c r="K25547" s="9">
        <v>10</v>
      </c>
      <c r="L25547" s="6" t="s">
        <v>23</v>
      </c>
    </row>
    <row r="25548" spans="1:12">
      <c r="A25548" s="6" t="s">
        <v>25689</v>
      </c>
      <c r="B25548" s="6"/>
      <c r="C25548" s="6" t="s">
        <v>25690</v>
      </c>
      <c r="D25548" s="6"/>
      <c r="E25548" s="6" t="s">
        <v>18740</v>
      </c>
      <c r="F25548" s="7">
        <v>38657</v>
      </c>
      <c r="G25548" s="8">
        <v>168696</v>
      </c>
      <c r="H25548" s="8">
        <v>168696</v>
      </c>
      <c r="I25548" s="8">
        <v>0</v>
      </c>
      <c r="J25548" s="8">
        <v>168696</v>
      </c>
      <c r="K25548" s="9">
        <v>33</v>
      </c>
      <c r="L25548" s="6" t="s">
        <v>23</v>
      </c>
    </row>
    <row r="25549" spans="1:12">
      <c r="A25549" s="6" t="s">
        <v>25691</v>
      </c>
      <c r="B25549" s="6"/>
      <c r="C25549" s="6" t="s">
        <v>25692</v>
      </c>
      <c r="D25549" s="6"/>
      <c r="E25549" s="6" t="s">
        <v>18740</v>
      </c>
      <c r="F25549" s="7">
        <v>38657</v>
      </c>
      <c r="G25549" s="8">
        <v>2921000</v>
      </c>
      <c r="H25549" s="8">
        <v>2921000</v>
      </c>
      <c r="I25549" s="8">
        <v>0</v>
      </c>
      <c r="J25549" s="8">
        <v>2921000</v>
      </c>
      <c r="K25549" s="9">
        <v>254</v>
      </c>
      <c r="L25549" s="6" t="s">
        <v>10</v>
      </c>
    </row>
    <row r="25550" spans="1:12">
      <c r="A25550" s="6" t="s">
        <v>25693</v>
      </c>
      <c r="B25550" s="6"/>
      <c r="C25550" s="6" t="s">
        <v>25694</v>
      </c>
      <c r="D25550" s="6"/>
      <c r="E25550" s="6" t="s">
        <v>9</v>
      </c>
      <c r="F25550" s="7">
        <v>38657</v>
      </c>
      <c r="G25550" s="8">
        <v>1187071000</v>
      </c>
      <c r="H25550" s="8">
        <v>1187071000</v>
      </c>
      <c r="I25550" s="8">
        <v>0</v>
      </c>
      <c r="J25550" s="8">
        <v>1187071000</v>
      </c>
      <c r="K25550" s="9">
        <v>32083</v>
      </c>
      <c r="L25550" s="6" t="s">
        <v>1694</v>
      </c>
    </row>
    <row r="25551" spans="1:12">
      <c r="A25551" s="6" t="s">
        <v>25695</v>
      </c>
      <c r="B25551" s="6"/>
      <c r="C25551" s="6" t="s">
        <v>25696</v>
      </c>
      <c r="D25551" s="6"/>
      <c r="E25551" s="6" t="s">
        <v>9</v>
      </c>
      <c r="F25551" s="7">
        <v>38657</v>
      </c>
      <c r="G25551" s="8">
        <v>163438711</v>
      </c>
      <c r="H25551" s="8">
        <v>163438711</v>
      </c>
      <c r="I25551" s="8">
        <v>0</v>
      </c>
      <c r="J25551" s="8">
        <v>163438711</v>
      </c>
      <c r="K25551" s="9">
        <v>36557</v>
      </c>
      <c r="L25551" s="6" t="s">
        <v>1694</v>
      </c>
    </row>
    <row r="25552" spans="1:12">
      <c r="A25552" s="6" t="s">
        <v>25695</v>
      </c>
      <c r="B25552" s="6"/>
      <c r="C25552" s="6" t="s">
        <v>25697</v>
      </c>
      <c r="D25552" s="6"/>
      <c r="E25552" s="6" t="s">
        <v>9</v>
      </c>
      <c r="F25552" s="7">
        <v>38657</v>
      </c>
      <c r="G25552" s="8">
        <v>1962677</v>
      </c>
      <c r="H25552" s="8">
        <v>1962677</v>
      </c>
      <c r="I25552" s="8">
        <v>0</v>
      </c>
      <c r="J25552" s="8">
        <v>1962677</v>
      </c>
      <c r="K25552" s="9">
        <v>439</v>
      </c>
      <c r="L25552" s="6" t="s">
        <v>1694</v>
      </c>
    </row>
    <row r="25553" spans="1:12">
      <c r="A25553" s="6" t="s">
        <v>25695</v>
      </c>
      <c r="B25553" s="6"/>
      <c r="C25553" s="6" t="s">
        <v>25698</v>
      </c>
      <c r="D25553" s="6"/>
      <c r="E25553" s="6" t="s">
        <v>9</v>
      </c>
      <c r="F25553" s="7">
        <v>38657</v>
      </c>
      <c r="G25553" s="8">
        <v>585674</v>
      </c>
      <c r="H25553" s="8">
        <v>585674</v>
      </c>
      <c r="I25553" s="8">
        <v>0</v>
      </c>
      <c r="J25553" s="8">
        <v>585674</v>
      </c>
      <c r="K25553" s="9">
        <v>131</v>
      </c>
      <c r="L25553" s="6" t="s">
        <v>1694</v>
      </c>
    </row>
    <row r="25554" spans="1:12">
      <c r="A25554" s="6" t="s">
        <v>25695</v>
      </c>
      <c r="B25554" s="6"/>
      <c r="C25554" s="6" t="s">
        <v>25699</v>
      </c>
      <c r="D25554" s="6"/>
      <c r="E25554" s="6" t="s">
        <v>9</v>
      </c>
      <c r="F25554" s="7">
        <v>38657</v>
      </c>
      <c r="G25554" s="8">
        <v>7935654</v>
      </c>
      <c r="H25554" s="8">
        <v>7935654</v>
      </c>
      <c r="I25554" s="8">
        <v>0</v>
      </c>
      <c r="J25554" s="8">
        <v>7935654</v>
      </c>
      <c r="K25554" s="9">
        <v>1775</v>
      </c>
      <c r="L25554" s="6" t="s">
        <v>51</v>
      </c>
    </row>
    <row r="25555" spans="1:12">
      <c r="A25555" s="6" t="s">
        <v>25700</v>
      </c>
      <c r="B25555" s="6"/>
      <c r="C25555" s="6" t="s">
        <v>25701</v>
      </c>
      <c r="D25555" s="6"/>
      <c r="E25555" s="6" t="s">
        <v>18740</v>
      </c>
      <c r="F25555" s="7">
        <v>38657</v>
      </c>
      <c r="G25555" s="8">
        <v>117576</v>
      </c>
      <c r="H25555" s="8">
        <v>117576</v>
      </c>
      <c r="I25555" s="8">
        <v>0</v>
      </c>
      <c r="J25555" s="8">
        <v>117576</v>
      </c>
      <c r="K25555" s="9">
        <v>23</v>
      </c>
      <c r="L25555" s="6" t="s">
        <v>23</v>
      </c>
    </row>
    <row r="25556" spans="1:12">
      <c r="A25556" s="6" t="s">
        <v>25702</v>
      </c>
      <c r="B25556" s="6"/>
      <c r="C25556" s="6" t="s">
        <v>25703</v>
      </c>
      <c r="D25556" s="6"/>
      <c r="E25556" s="6" t="s">
        <v>9</v>
      </c>
      <c r="F25556" s="7">
        <v>38657</v>
      </c>
      <c r="G25556" s="8">
        <v>935496</v>
      </c>
      <c r="H25556" s="8">
        <v>935496</v>
      </c>
      <c r="I25556" s="8">
        <v>0</v>
      </c>
      <c r="J25556" s="8">
        <v>935496</v>
      </c>
      <c r="K25556" s="9">
        <v>183</v>
      </c>
      <c r="L25556" s="6" t="s">
        <v>23</v>
      </c>
    </row>
    <row r="25557" spans="1:12">
      <c r="A25557" s="6" t="s">
        <v>25704</v>
      </c>
      <c r="B25557" s="6"/>
      <c r="C25557" s="6" t="s">
        <v>25705</v>
      </c>
      <c r="D25557" s="6"/>
      <c r="E25557" s="6" t="s">
        <v>18740</v>
      </c>
      <c r="F25557" s="7">
        <v>38657</v>
      </c>
      <c r="G25557" s="8">
        <v>10745424</v>
      </c>
      <c r="H25557" s="8">
        <v>10745424</v>
      </c>
      <c r="I25557" s="8">
        <v>0</v>
      </c>
      <c r="J25557" s="8">
        <v>10745424</v>
      </c>
      <c r="K25557" s="9">
        <v>2102</v>
      </c>
      <c r="L25557" s="6" t="s">
        <v>23</v>
      </c>
    </row>
    <row r="25558" spans="1:12">
      <c r="A25558" s="6" t="s">
        <v>25706</v>
      </c>
      <c r="B25558" s="6"/>
      <c r="C25558" s="6" t="s">
        <v>25707</v>
      </c>
      <c r="D25558" s="6"/>
      <c r="E25558" s="6" t="s">
        <v>18740</v>
      </c>
      <c r="F25558" s="7">
        <v>38657</v>
      </c>
      <c r="G25558" s="8">
        <v>20856960</v>
      </c>
      <c r="H25558" s="8">
        <v>20856960</v>
      </c>
      <c r="I25558" s="8">
        <v>0</v>
      </c>
      <c r="J25558" s="8">
        <v>20856960</v>
      </c>
      <c r="K25558" s="9">
        <v>4080</v>
      </c>
      <c r="L25558" s="6" t="s">
        <v>23</v>
      </c>
    </row>
    <row r="25559" spans="1:12">
      <c r="A25559" s="6" t="s">
        <v>25708</v>
      </c>
      <c r="B25559" s="6"/>
      <c r="C25559" s="6" t="s">
        <v>25709</v>
      </c>
      <c r="D25559" s="6"/>
      <c r="E25559" s="6" t="s">
        <v>9</v>
      </c>
      <c r="F25559" s="7">
        <v>38657</v>
      </c>
      <c r="G25559" s="8">
        <v>361316</v>
      </c>
      <c r="H25559" s="8">
        <v>361316</v>
      </c>
      <c r="I25559" s="8">
        <v>0</v>
      </c>
      <c r="J25559" s="8">
        <v>361316</v>
      </c>
      <c r="K25559" s="9">
        <v>70.680000000000007</v>
      </c>
      <c r="L25559" s="6" t="s">
        <v>23</v>
      </c>
    </row>
    <row r="25560" spans="1:12">
      <c r="A25560" s="6" t="s">
        <v>25710</v>
      </c>
      <c r="B25560" s="6"/>
      <c r="C25560" s="6" t="s">
        <v>25711</v>
      </c>
      <c r="D25560" s="6"/>
      <c r="E25560" s="6" t="s">
        <v>9</v>
      </c>
      <c r="F25560" s="7">
        <v>38657</v>
      </c>
      <c r="G25560" s="8">
        <v>14629200</v>
      </c>
      <c r="H25560" s="8">
        <v>14629200</v>
      </c>
      <c r="I25560" s="8">
        <v>0</v>
      </c>
      <c r="J25560" s="8">
        <v>14629200</v>
      </c>
      <c r="K25560" s="9">
        <v>1002</v>
      </c>
      <c r="L25560" s="6" t="s">
        <v>1694</v>
      </c>
    </row>
    <row r="25561" spans="1:12">
      <c r="A25561" s="6" t="s">
        <v>25710</v>
      </c>
      <c r="B25561" s="6"/>
      <c r="C25561" s="6" t="s">
        <v>25712</v>
      </c>
      <c r="D25561" s="6"/>
      <c r="E25561" s="6" t="s">
        <v>9</v>
      </c>
      <c r="F25561" s="7">
        <v>38657</v>
      </c>
      <c r="G25561" s="8">
        <v>7665000</v>
      </c>
      <c r="H25561" s="8">
        <v>7665000</v>
      </c>
      <c r="I25561" s="8">
        <v>0</v>
      </c>
      <c r="J25561" s="8">
        <v>7665000</v>
      </c>
      <c r="K25561" s="9">
        <v>525</v>
      </c>
      <c r="L25561" s="6" t="s">
        <v>1694</v>
      </c>
    </row>
    <row r="25562" spans="1:12">
      <c r="A25562" s="6" t="s">
        <v>25710</v>
      </c>
      <c r="B25562" s="6"/>
      <c r="C25562" s="6" t="s">
        <v>25713</v>
      </c>
      <c r="D25562" s="6"/>
      <c r="E25562" s="6" t="s">
        <v>9</v>
      </c>
      <c r="F25562" s="7">
        <v>38657</v>
      </c>
      <c r="G25562" s="8">
        <v>14468600</v>
      </c>
      <c r="H25562" s="8">
        <v>14468600</v>
      </c>
      <c r="I25562" s="8">
        <v>0</v>
      </c>
      <c r="J25562" s="8">
        <v>14468600</v>
      </c>
      <c r="K25562" s="9">
        <v>991</v>
      </c>
      <c r="L25562" s="6" t="s">
        <v>1694</v>
      </c>
    </row>
    <row r="25563" spans="1:12">
      <c r="A25563" s="6" t="s">
        <v>25710</v>
      </c>
      <c r="B25563" s="6"/>
      <c r="C25563" s="6" t="s">
        <v>25714</v>
      </c>
      <c r="D25563" s="6"/>
      <c r="E25563" s="6" t="s">
        <v>9</v>
      </c>
      <c r="F25563" s="7">
        <v>38657</v>
      </c>
      <c r="G25563" s="8">
        <v>14760600</v>
      </c>
      <c r="H25563" s="8">
        <v>14760600</v>
      </c>
      <c r="I25563" s="8">
        <v>0</v>
      </c>
      <c r="J25563" s="8">
        <v>14760600</v>
      </c>
      <c r="K25563" s="9">
        <v>1011</v>
      </c>
      <c r="L25563" s="6" t="s">
        <v>1694</v>
      </c>
    </row>
    <row r="25564" spans="1:12">
      <c r="A25564" s="6" t="s">
        <v>25710</v>
      </c>
      <c r="B25564" s="6"/>
      <c r="C25564" s="6" t="s">
        <v>25715</v>
      </c>
      <c r="D25564" s="6"/>
      <c r="E25564" s="6" t="s">
        <v>9</v>
      </c>
      <c r="F25564" s="7">
        <v>38657</v>
      </c>
      <c r="G25564" s="8">
        <v>14760600</v>
      </c>
      <c r="H25564" s="8">
        <v>14760600</v>
      </c>
      <c r="I25564" s="8">
        <v>0</v>
      </c>
      <c r="J25564" s="8">
        <v>14760600</v>
      </c>
      <c r="K25564" s="9">
        <v>1011</v>
      </c>
      <c r="L25564" s="6" t="s">
        <v>1694</v>
      </c>
    </row>
    <row r="25565" spans="1:12">
      <c r="A25565" s="6" t="s">
        <v>25710</v>
      </c>
      <c r="B25565" s="6"/>
      <c r="C25565" s="6" t="s">
        <v>25716</v>
      </c>
      <c r="D25565" s="6"/>
      <c r="E25565" s="6" t="s">
        <v>9</v>
      </c>
      <c r="F25565" s="7">
        <v>38657</v>
      </c>
      <c r="G25565" s="8">
        <v>14760600</v>
      </c>
      <c r="H25565" s="8">
        <v>14760600</v>
      </c>
      <c r="I25565" s="8">
        <v>0</v>
      </c>
      <c r="J25565" s="8">
        <v>14760600</v>
      </c>
      <c r="K25565" s="9">
        <v>1011</v>
      </c>
      <c r="L25565" s="6" t="s">
        <v>1694</v>
      </c>
    </row>
    <row r="25566" spans="1:12">
      <c r="A25566" s="6" t="s">
        <v>25710</v>
      </c>
      <c r="B25566" s="6"/>
      <c r="C25566" s="6" t="s">
        <v>25717</v>
      </c>
      <c r="D25566" s="6"/>
      <c r="E25566" s="6" t="s">
        <v>9</v>
      </c>
      <c r="F25566" s="7">
        <v>38657</v>
      </c>
      <c r="G25566" s="8">
        <v>14760600</v>
      </c>
      <c r="H25566" s="8">
        <v>14760600</v>
      </c>
      <c r="I25566" s="8">
        <v>0</v>
      </c>
      <c r="J25566" s="8">
        <v>14760600</v>
      </c>
      <c r="K25566" s="9">
        <v>1011</v>
      </c>
      <c r="L25566" s="6" t="s">
        <v>1694</v>
      </c>
    </row>
    <row r="25567" spans="1:12">
      <c r="A25567" s="6" t="s">
        <v>25710</v>
      </c>
      <c r="B25567" s="6"/>
      <c r="C25567" s="6" t="s">
        <v>25718</v>
      </c>
      <c r="D25567" s="6"/>
      <c r="E25567" s="6" t="s">
        <v>9</v>
      </c>
      <c r="F25567" s="7">
        <v>38657</v>
      </c>
      <c r="G25567" s="8">
        <v>14760600</v>
      </c>
      <c r="H25567" s="8">
        <v>14760600</v>
      </c>
      <c r="I25567" s="8">
        <v>0</v>
      </c>
      <c r="J25567" s="8">
        <v>14760600</v>
      </c>
      <c r="K25567" s="9">
        <v>1011</v>
      </c>
      <c r="L25567" s="6" t="s">
        <v>1694</v>
      </c>
    </row>
    <row r="25568" spans="1:12">
      <c r="A25568" s="6" t="s">
        <v>25710</v>
      </c>
      <c r="B25568" s="6"/>
      <c r="C25568" s="6" t="s">
        <v>25719</v>
      </c>
      <c r="D25568" s="6"/>
      <c r="E25568" s="6" t="s">
        <v>9</v>
      </c>
      <c r="F25568" s="7">
        <v>38657</v>
      </c>
      <c r="G25568" s="8">
        <v>14760600</v>
      </c>
      <c r="H25568" s="8">
        <v>14760600</v>
      </c>
      <c r="I25568" s="8">
        <v>0</v>
      </c>
      <c r="J25568" s="8">
        <v>14760600</v>
      </c>
      <c r="K25568" s="9">
        <v>1011</v>
      </c>
      <c r="L25568" s="6" t="s">
        <v>1694</v>
      </c>
    </row>
    <row r="25569" spans="1:12">
      <c r="A25569" s="6" t="s">
        <v>25710</v>
      </c>
      <c r="B25569" s="6"/>
      <c r="C25569" s="6" t="s">
        <v>25720</v>
      </c>
      <c r="D25569" s="6"/>
      <c r="E25569" s="6" t="s">
        <v>9</v>
      </c>
      <c r="F25569" s="7">
        <v>38657</v>
      </c>
      <c r="G25569" s="8">
        <v>14760600</v>
      </c>
      <c r="H25569" s="8">
        <v>14760600</v>
      </c>
      <c r="I25569" s="8">
        <v>0</v>
      </c>
      <c r="J25569" s="8">
        <v>14760600</v>
      </c>
      <c r="K25569" s="9">
        <v>1011</v>
      </c>
      <c r="L25569" s="6" t="s">
        <v>1694</v>
      </c>
    </row>
    <row r="25570" spans="1:12">
      <c r="A25570" s="6" t="s">
        <v>25710</v>
      </c>
      <c r="B25570" s="6"/>
      <c r="C25570" s="6" t="s">
        <v>25721</v>
      </c>
      <c r="D25570" s="6"/>
      <c r="E25570" s="6" t="s">
        <v>9</v>
      </c>
      <c r="F25570" s="7">
        <v>38657</v>
      </c>
      <c r="G25570" s="8">
        <v>14906600</v>
      </c>
      <c r="H25570" s="8">
        <v>14906600</v>
      </c>
      <c r="I25570" s="8">
        <v>0</v>
      </c>
      <c r="J25570" s="8">
        <v>14906600</v>
      </c>
      <c r="K25570" s="9">
        <v>1021</v>
      </c>
      <c r="L25570" s="6" t="s">
        <v>1694</v>
      </c>
    </row>
    <row r="25571" spans="1:12">
      <c r="A25571" s="6" t="s">
        <v>25710</v>
      </c>
      <c r="B25571" s="6"/>
      <c r="C25571" s="6" t="s">
        <v>25722</v>
      </c>
      <c r="D25571" s="6"/>
      <c r="E25571" s="6" t="s">
        <v>9</v>
      </c>
      <c r="F25571" s="7">
        <v>38657</v>
      </c>
      <c r="G25571" s="8">
        <v>15432200</v>
      </c>
      <c r="H25571" s="8">
        <v>15432200</v>
      </c>
      <c r="I25571" s="8">
        <v>0</v>
      </c>
      <c r="J25571" s="8">
        <v>15432200</v>
      </c>
      <c r="K25571" s="9">
        <v>1057</v>
      </c>
      <c r="L25571" s="6" t="s">
        <v>1694</v>
      </c>
    </row>
    <row r="25572" spans="1:12">
      <c r="A25572" s="6" t="s">
        <v>25710</v>
      </c>
      <c r="B25572" s="6"/>
      <c r="C25572" s="6" t="s">
        <v>25723</v>
      </c>
      <c r="D25572" s="6"/>
      <c r="E25572" s="6" t="s">
        <v>9</v>
      </c>
      <c r="F25572" s="7">
        <v>38657</v>
      </c>
      <c r="G25572" s="8">
        <v>14760600</v>
      </c>
      <c r="H25572" s="8">
        <v>14760600</v>
      </c>
      <c r="I25572" s="8">
        <v>0</v>
      </c>
      <c r="J25572" s="8">
        <v>14760600</v>
      </c>
      <c r="K25572" s="9">
        <v>1011</v>
      </c>
      <c r="L25572" s="6" t="s">
        <v>1694</v>
      </c>
    </row>
    <row r="25573" spans="1:12">
      <c r="A25573" s="6" t="s">
        <v>25710</v>
      </c>
      <c r="B25573" s="6"/>
      <c r="C25573" s="6" t="s">
        <v>25724</v>
      </c>
      <c r="D25573" s="6"/>
      <c r="E25573" s="6" t="s">
        <v>9</v>
      </c>
      <c r="F25573" s="7">
        <v>38657</v>
      </c>
      <c r="G25573" s="8">
        <v>14760600</v>
      </c>
      <c r="H25573" s="8">
        <v>14760600</v>
      </c>
      <c r="I25573" s="8">
        <v>0</v>
      </c>
      <c r="J25573" s="8">
        <v>14760600</v>
      </c>
      <c r="K25573" s="9">
        <v>1011</v>
      </c>
      <c r="L25573" s="6" t="s">
        <v>1694</v>
      </c>
    </row>
    <row r="25574" spans="1:12">
      <c r="A25574" s="6" t="s">
        <v>25710</v>
      </c>
      <c r="B25574" s="6"/>
      <c r="C25574" s="6" t="s">
        <v>25725</v>
      </c>
      <c r="D25574" s="6"/>
      <c r="E25574" s="6" t="s">
        <v>9</v>
      </c>
      <c r="F25574" s="7">
        <v>38657</v>
      </c>
      <c r="G25574" s="8">
        <v>14760600</v>
      </c>
      <c r="H25574" s="8">
        <v>14760600</v>
      </c>
      <c r="I25574" s="8">
        <v>0</v>
      </c>
      <c r="J25574" s="8">
        <v>14760600</v>
      </c>
      <c r="K25574" s="9">
        <v>1011</v>
      </c>
      <c r="L25574" s="6" t="s">
        <v>1694</v>
      </c>
    </row>
    <row r="25575" spans="1:12">
      <c r="A25575" s="6" t="s">
        <v>25710</v>
      </c>
      <c r="B25575" s="6"/>
      <c r="C25575" s="6" t="s">
        <v>25726</v>
      </c>
      <c r="D25575" s="6"/>
      <c r="E25575" s="6" t="s">
        <v>9</v>
      </c>
      <c r="F25575" s="7">
        <v>38657</v>
      </c>
      <c r="G25575" s="8">
        <v>14760600</v>
      </c>
      <c r="H25575" s="8">
        <v>14760600</v>
      </c>
      <c r="I25575" s="8">
        <v>0</v>
      </c>
      <c r="J25575" s="8">
        <v>14760600</v>
      </c>
      <c r="K25575" s="9">
        <v>1011</v>
      </c>
      <c r="L25575" s="6" t="s">
        <v>1694</v>
      </c>
    </row>
    <row r="25576" spans="1:12">
      <c r="A25576" s="6" t="s">
        <v>25710</v>
      </c>
      <c r="B25576" s="6"/>
      <c r="C25576" s="6" t="s">
        <v>25727</v>
      </c>
      <c r="D25576" s="6"/>
      <c r="E25576" s="6" t="s">
        <v>9</v>
      </c>
      <c r="F25576" s="7">
        <v>38657</v>
      </c>
      <c r="G25576" s="8">
        <v>14760600</v>
      </c>
      <c r="H25576" s="8">
        <v>14760600</v>
      </c>
      <c r="I25576" s="8">
        <v>0</v>
      </c>
      <c r="J25576" s="8">
        <v>14760600</v>
      </c>
      <c r="K25576" s="9">
        <v>1011</v>
      </c>
      <c r="L25576" s="6" t="s">
        <v>1694</v>
      </c>
    </row>
    <row r="25577" spans="1:12">
      <c r="A25577" s="6" t="s">
        <v>25710</v>
      </c>
      <c r="B25577" s="6"/>
      <c r="C25577" s="6" t="s">
        <v>25728</v>
      </c>
      <c r="D25577" s="6"/>
      <c r="E25577" s="6" t="s">
        <v>9</v>
      </c>
      <c r="F25577" s="7">
        <v>38657</v>
      </c>
      <c r="G25577" s="8">
        <v>14760600</v>
      </c>
      <c r="H25577" s="8">
        <v>14760600</v>
      </c>
      <c r="I25577" s="8">
        <v>0</v>
      </c>
      <c r="J25577" s="8">
        <v>14760600</v>
      </c>
      <c r="K25577" s="9">
        <v>1011</v>
      </c>
      <c r="L25577" s="6" t="s">
        <v>1694</v>
      </c>
    </row>
    <row r="25578" spans="1:12">
      <c r="A25578" s="6" t="s">
        <v>25710</v>
      </c>
      <c r="B25578" s="6"/>
      <c r="C25578" s="6" t="s">
        <v>25729</v>
      </c>
      <c r="D25578" s="6"/>
      <c r="E25578" s="6" t="s">
        <v>9</v>
      </c>
      <c r="F25578" s="7">
        <v>38657</v>
      </c>
      <c r="G25578" s="8">
        <v>13052400</v>
      </c>
      <c r="H25578" s="8">
        <v>13052400</v>
      </c>
      <c r="I25578" s="8">
        <v>0</v>
      </c>
      <c r="J25578" s="8">
        <v>13052400</v>
      </c>
      <c r="K25578" s="9">
        <v>894</v>
      </c>
      <c r="L25578" s="6" t="s">
        <v>1694</v>
      </c>
    </row>
    <row r="25579" spans="1:12">
      <c r="A25579" s="6" t="s">
        <v>25710</v>
      </c>
      <c r="B25579" s="6"/>
      <c r="C25579" s="6" t="s">
        <v>25730</v>
      </c>
      <c r="D25579" s="6"/>
      <c r="E25579" s="6" t="s">
        <v>9</v>
      </c>
      <c r="F25579" s="7">
        <v>38657</v>
      </c>
      <c r="G25579" s="8">
        <v>109062</v>
      </c>
      <c r="H25579" s="8">
        <v>109062</v>
      </c>
      <c r="I25579" s="8">
        <v>0</v>
      </c>
      <c r="J25579" s="8">
        <v>109062</v>
      </c>
      <c r="K25579" s="9">
        <v>7.47</v>
      </c>
      <c r="L25579" s="6" t="s">
        <v>1694</v>
      </c>
    </row>
    <row r="25580" spans="1:12">
      <c r="A25580" s="6" t="s">
        <v>25710</v>
      </c>
      <c r="B25580" s="6"/>
      <c r="C25580" s="6" t="s">
        <v>25731</v>
      </c>
      <c r="D25580" s="6"/>
      <c r="E25580" s="6" t="s">
        <v>9</v>
      </c>
      <c r="F25580" s="7">
        <v>38657</v>
      </c>
      <c r="G25580" s="8">
        <v>15797200</v>
      </c>
      <c r="H25580" s="8">
        <v>15797200</v>
      </c>
      <c r="I25580" s="8">
        <v>0</v>
      </c>
      <c r="J25580" s="8">
        <v>15797200</v>
      </c>
      <c r="K25580" s="9">
        <v>1082</v>
      </c>
      <c r="L25580" s="6" t="s">
        <v>1694</v>
      </c>
    </row>
    <row r="25581" spans="1:12">
      <c r="A25581" s="6" t="s">
        <v>25710</v>
      </c>
      <c r="B25581" s="6"/>
      <c r="C25581" s="6" t="s">
        <v>25732</v>
      </c>
      <c r="D25581" s="6"/>
      <c r="E25581" s="6" t="s">
        <v>9</v>
      </c>
      <c r="F25581" s="7">
        <v>38657</v>
      </c>
      <c r="G25581" s="8">
        <v>16366600</v>
      </c>
      <c r="H25581" s="8">
        <v>16366600</v>
      </c>
      <c r="I25581" s="8">
        <v>0</v>
      </c>
      <c r="J25581" s="8">
        <v>16366600</v>
      </c>
      <c r="K25581" s="9">
        <v>1121</v>
      </c>
      <c r="L25581" s="6" t="s">
        <v>1694</v>
      </c>
    </row>
    <row r="25582" spans="1:12">
      <c r="A25582" s="6" t="s">
        <v>25710</v>
      </c>
      <c r="B25582" s="6"/>
      <c r="C25582" s="6" t="s">
        <v>25733</v>
      </c>
      <c r="D25582" s="6"/>
      <c r="E25582" s="6" t="s">
        <v>9</v>
      </c>
      <c r="F25582" s="7">
        <v>38657</v>
      </c>
      <c r="G25582" s="8">
        <v>15841000</v>
      </c>
      <c r="H25582" s="8">
        <v>15841000</v>
      </c>
      <c r="I25582" s="8">
        <v>0</v>
      </c>
      <c r="J25582" s="8">
        <v>15841000</v>
      </c>
      <c r="K25582" s="9">
        <v>1085</v>
      </c>
      <c r="L25582" s="6" t="s">
        <v>1694</v>
      </c>
    </row>
    <row r="25583" spans="1:12">
      <c r="A25583" s="6" t="s">
        <v>25710</v>
      </c>
      <c r="B25583" s="6"/>
      <c r="C25583" s="6" t="s">
        <v>25734</v>
      </c>
      <c r="D25583" s="6"/>
      <c r="E25583" s="6" t="s">
        <v>9</v>
      </c>
      <c r="F25583" s="7">
        <v>38657</v>
      </c>
      <c r="G25583" s="8">
        <v>17257200</v>
      </c>
      <c r="H25583" s="8">
        <v>17257200</v>
      </c>
      <c r="I25583" s="8">
        <v>0</v>
      </c>
      <c r="J25583" s="8">
        <v>17257200</v>
      </c>
      <c r="K25583" s="9">
        <v>1182</v>
      </c>
      <c r="L25583" s="6" t="s">
        <v>1694</v>
      </c>
    </row>
    <row r="25584" spans="1:12">
      <c r="A25584" s="6" t="s">
        <v>25710</v>
      </c>
      <c r="B25584" s="6"/>
      <c r="C25584" s="6" t="s">
        <v>25735</v>
      </c>
      <c r="D25584" s="6"/>
      <c r="E25584" s="6" t="s">
        <v>9</v>
      </c>
      <c r="F25584" s="7">
        <v>38657</v>
      </c>
      <c r="G25584" s="8">
        <v>9519200</v>
      </c>
      <c r="H25584" s="8">
        <v>9519200</v>
      </c>
      <c r="I25584" s="8">
        <v>0</v>
      </c>
      <c r="J25584" s="8">
        <v>9519200</v>
      </c>
      <c r="K25584" s="9">
        <v>652</v>
      </c>
      <c r="L25584" s="6" t="s">
        <v>1694</v>
      </c>
    </row>
    <row r="25585" spans="1:12">
      <c r="A25585" s="6" t="s">
        <v>25710</v>
      </c>
      <c r="B25585" s="6"/>
      <c r="C25585" s="6" t="s">
        <v>25736</v>
      </c>
      <c r="D25585" s="6"/>
      <c r="E25585" s="6" t="s">
        <v>9</v>
      </c>
      <c r="F25585" s="7">
        <v>38657</v>
      </c>
      <c r="G25585" s="8">
        <v>4920200</v>
      </c>
      <c r="H25585" s="8">
        <v>4920200</v>
      </c>
      <c r="I25585" s="8">
        <v>0</v>
      </c>
      <c r="J25585" s="8">
        <v>4920200</v>
      </c>
      <c r="K25585" s="9">
        <v>337</v>
      </c>
      <c r="L25585" s="6" t="s">
        <v>1694</v>
      </c>
    </row>
    <row r="25586" spans="1:12">
      <c r="A25586" s="6" t="s">
        <v>25710</v>
      </c>
      <c r="B25586" s="6"/>
      <c r="C25586" s="6" t="s">
        <v>25737</v>
      </c>
      <c r="D25586" s="6"/>
      <c r="E25586" s="6" t="s">
        <v>9</v>
      </c>
      <c r="F25586" s="7">
        <v>38657</v>
      </c>
      <c r="G25586" s="8">
        <v>14658400</v>
      </c>
      <c r="H25586" s="8">
        <v>14658400</v>
      </c>
      <c r="I25586" s="8">
        <v>0</v>
      </c>
      <c r="J25586" s="8">
        <v>14658400</v>
      </c>
      <c r="K25586" s="9">
        <v>1004</v>
      </c>
      <c r="L25586" s="6" t="s">
        <v>1694</v>
      </c>
    </row>
    <row r="25587" spans="1:12">
      <c r="A25587" s="6" t="s">
        <v>25738</v>
      </c>
      <c r="B25587" s="6"/>
      <c r="C25587" s="6" t="s">
        <v>25739</v>
      </c>
      <c r="D25587" s="6"/>
      <c r="E25587" s="6" t="s">
        <v>9</v>
      </c>
      <c r="F25587" s="7">
        <v>38657</v>
      </c>
      <c r="G25587" s="8">
        <v>347616</v>
      </c>
      <c r="H25587" s="8">
        <v>347616</v>
      </c>
      <c r="I25587" s="8">
        <v>0</v>
      </c>
      <c r="J25587" s="8">
        <v>347616</v>
      </c>
      <c r="K25587" s="9">
        <v>68</v>
      </c>
      <c r="L25587" s="6" t="s">
        <v>23</v>
      </c>
    </row>
    <row r="25588" spans="1:12">
      <c r="A25588" s="6" t="s">
        <v>25740</v>
      </c>
      <c r="B25588" s="6"/>
      <c r="C25588" s="6" t="s">
        <v>25741</v>
      </c>
      <c r="D25588" s="6"/>
      <c r="E25588" s="6" t="s">
        <v>9</v>
      </c>
      <c r="F25588" s="7">
        <v>38657</v>
      </c>
      <c r="G25588" s="8">
        <v>214704</v>
      </c>
      <c r="H25588" s="8">
        <v>214704</v>
      </c>
      <c r="I25588" s="8">
        <v>0</v>
      </c>
      <c r="J25588" s="8">
        <v>214704</v>
      </c>
      <c r="K25588" s="9">
        <v>42</v>
      </c>
      <c r="L25588" s="6" t="s">
        <v>23</v>
      </c>
    </row>
    <row r="25589" spans="1:12">
      <c r="A25589" s="6" t="s">
        <v>25740</v>
      </c>
      <c r="B25589" s="6"/>
      <c r="C25589" s="6" t="s">
        <v>25742</v>
      </c>
      <c r="D25589" s="6"/>
      <c r="E25589" s="6" t="s">
        <v>9</v>
      </c>
      <c r="F25589" s="7">
        <v>38657</v>
      </c>
      <c r="G25589" s="8">
        <v>270936</v>
      </c>
      <c r="H25589" s="8">
        <v>270936</v>
      </c>
      <c r="I25589" s="8">
        <v>0</v>
      </c>
      <c r="J25589" s="8">
        <v>270936</v>
      </c>
      <c r="K25589" s="9">
        <v>53</v>
      </c>
      <c r="L25589" s="6" t="s">
        <v>23</v>
      </c>
    </row>
    <row r="25590" spans="1:12">
      <c r="A25590" s="6" t="s">
        <v>25740</v>
      </c>
      <c r="B25590" s="6"/>
      <c r="C25590" s="6" t="s">
        <v>25743</v>
      </c>
      <c r="D25590" s="6"/>
      <c r="E25590" s="6" t="s">
        <v>9</v>
      </c>
      <c r="F25590" s="7">
        <v>38657</v>
      </c>
      <c r="G25590" s="8">
        <v>541872</v>
      </c>
      <c r="H25590" s="8">
        <v>541872</v>
      </c>
      <c r="I25590" s="8">
        <v>0</v>
      </c>
      <c r="J25590" s="8">
        <v>541872</v>
      </c>
      <c r="K25590" s="9">
        <v>106</v>
      </c>
      <c r="L25590" s="6" t="s">
        <v>23</v>
      </c>
    </row>
    <row r="25591" spans="1:12">
      <c r="A25591" s="6" t="s">
        <v>25740</v>
      </c>
      <c r="B25591" s="6"/>
      <c r="C25591" s="6" t="s">
        <v>25744</v>
      </c>
      <c r="D25591" s="6"/>
      <c r="E25591" s="6" t="s">
        <v>9</v>
      </c>
      <c r="F25591" s="7">
        <v>38657</v>
      </c>
      <c r="G25591" s="8">
        <v>24179</v>
      </c>
      <c r="H25591" s="8">
        <v>24179</v>
      </c>
      <c r="I25591" s="8">
        <v>0</v>
      </c>
      <c r="J25591" s="8">
        <v>24179</v>
      </c>
      <c r="K25591" s="9">
        <v>4.7300000000000004</v>
      </c>
      <c r="L25591" s="6" t="s">
        <v>23</v>
      </c>
    </row>
    <row r="25592" spans="1:12">
      <c r="A25592" s="6" t="s">
        <v>25740</v>
      </c>
      <c r="B25592" s="6"/>
      <c r="C25592" s="6" t="s">
        <v>25745</v>
      </c>
      <c r="D25592" s="6"/>
      <c r="E25592" s="6" t="s">
        <v>9</v>
      </c>
      <c r="F25592" s="7">
        <v>38657</v>
      </c>
      <c r="G25592" s="8">
        <v>20243</v>
      </c>
      <c r="H25592" s="8">
        <v>20243</v>
      </c>
      <c r="I25592" s="8">
        <v>0</v>
      </c>
      <c r="J25592" s="8">
        <v>20243</v>
      </c>
      <c r="K25592" s="9">
        <v>3.96</v>
      </c>
      <c r="L25592" s="6" t="s">
        <v>23</v>
      </c>
    </row>
    <row r="25593" spans="1:12">
      <c r="A25593" s="6" t="s">
        <v>25740</v>
      </c>
      <c r="B25593" s="6"/>
      <c r="C25593" s="6" t="s">
        <v>25746</v>
      </c>
      <c r="D25593" s="6"/>
      <c r="E25593" s="6" t="s">
        <v>9</v>
      </c>
      <c r="F25593" s="7">
        <v>38657</v>
      </c>
      <c r="G25593" s="8">
        <v>649224</v>
      </c>
      <c r="H25593" s="8">
        <v>649224</v>
      </c>
      <c r="I25593" s="8">
        <v>0</v>
      </c>
      <c r="J25593" s="8">
        <v>649224</v>
      </c>
      <c r="K25593" s="9">
        <v>127</v>
      </c>
      <c r="L25593" s="6" t="s">
        <v>23</v>
      </c>
    </row>
    <row r="25594" spans="1:12">
      <c r="A25594" s="6" t="s">
        <v>25747</v>
      </c>
      <c r="B25594" s="6"/>
      <c r="C25594" s="6" t="s">
        <v>25748</v>
      </c>
      <c r="D25594" s="6"/>
      <c r="E25594" s="6" t="s">
        <v>18740</v>
      </c>
      <c r="F25594" s="7">
        <v>38657</v>
      </c>
      <c r="G25594" s="8">
        <v>1455500</v>
      </c>
      <c r="H25594" s="8">
        <v>1455500</v>
      </c>
      <c r="I25594" s="8">
        <v>0</v>
      </c>
      <c r="J25594" s="8">
        <v>1455500</v>
      </c>
      <c r="K25594" s="9">
        <v>41</v>
      </c>
      <c r="L25594" s="6" t="s">
        <v>10</v>
      </c>
    </row>
    <row r="25595" spans="1:12">
      <c r="A25595" s="6" t="s">
        <v>25749</v>
      </c>
      <c r="B25595" s="6"/>
      <c r="C25595" s="6" t="s">
        <v>25750</v>
      </c>
      <c r="D25595" s="6"/>
      <c r="E25595" s="6" t="s">
        <v>18740</v>
      </c>
      <c r="F25595" s="7">
        <v>38657</v>
      </c>
      <c r="G25595" s="8">
        <v>5866280</v>
      </c>
      <c r="H25595" s="8">
        <v>5866280</v>
      </c>
      <c r="I25595" s="8">
        <v>0</v>
      </c>
      <c r="J25595" s="8">
        <v>5866280</v>
      </c>
      <c r="K25595" s="9">
        <v>143.08000000000001</v>
      </c>
      <c r="L25595" s="6" t="s">
        <v>10</v>
      </c>
    </row>
    <row r="25596" spans="1:12">
      <c r="A25596" s="6" t="s">
        <v>25751</v>
      </c>
      <c r="B25596" s="6"/>
      <c r="C25596" s="6" t="s">
        <v>25752</v>
      </c>
      <c r="D25596" s="6"/>
      <c r="E25596" s="6" t="s">
        <v>9</v>
      </c>
      <c r="F25596" s="7">
        <v>38657</v>
      </c>
      <c r="G25596" s="8">
        <v>28831</v>
      </c>
      <c r="H25596" s="8">
        <v>28831</v>
      </c>
      <c r="I25596" s="8">
        <v>0</v>
      </c>
      <c r="J25596" s="8">
        <v>28831</v>
      </c>
      <c r="K25596" s="9">
        <v>5.64</v>
      </c>
      <c r="L25596" s="6" t="s">
        <v>14</v>
      </c>
    </row>
    <row r="25597" spans="1:12">
      <c r="A25597" s="6" t="s">
        <v>25751</v>
      </c>
      <c r="B25597" s="6"/>
      <c r="C25597" s="6" t="s">
        <v>25753</v>
      </c>
      <c r="D25597" s="6"/>
      <c r="E25597" s="6" t="s">
        <v>9</v>
      </c>
      <c r="F25597" s="7">
        <v>38657</v>
      </c>
      <c r="G25597" s="8">
        <v>746352</v>
      </c>
      <c r="H25597" s="8">
        <v>746352</v>
      </c>
      <c r="I25597" s="8">
        <v>0</v>
      </c>
      <c r="J25597" s="8">
        <v>746352</v>
      </c>
      <c r="K25597" s="9">
        <v>146</v>
      </c>
      <c r="L25597" s="6" t="s">
        <v>14</v>
      </c>
    </row>
    <row r="25598" spans="1:12">
      <c r="A25598" s="6" t="s">
        <v>25754</v>
      </c>
      <c r="B25598" s="6"/>
      <c r="C25598" s="6" t="s">
        <v>25755</v>
      </c>
      <c r="D25598" s="6"/>
      <c r="E25598" s="6" t="s">
        <v>18740</v>
      </c>
      <c r="F25598" s="7">
        <v>38657</v>
      </c>
      <c r="G25598" s="8">
        <v>241634484</v>
      </c>
      <c r="H25598" s="8">
        <v>241634484</v>
      </c>
      <c r="I25598" s="8">
        <v>0</v>
      </c>
      <c r="J25598" s="8">
        <v>241634484</v>
      </c>
      <c r="K25598" s="9">
        <v>6548.36</v>
      </c>
      <c r="L25598" s="6" t="s">
        <v>10</v>
      </c>
    </row>
    <row r="25599" spans="1:12">
      <c r="A25599" s="6" t="s">
        <v>25756</v>
      </c>
      <c r="B25599" s="6"/>
      <c r="C25599" s="6" t="s">
        <v>25757</v>
      </c>
      <c r="D25599" s="6"/>
      <c r="E25599" s="6" t="s">
        <v>9</v>
      </c>
      <c r="F25599" s="7">
        <v>38657</v>
      </c>
      <c r="G25599" s="8">
        <v>1968120</v>
      </c>
      <c r="H25599" s="8">
        <v>1968120</v>
      </c>
      <c r="I25599" s="8">
        <v>0</v>
      </c>
      <c r="J25599" s="8">
        <v>1968120</v>
      </c>
      <c r="K25599" s="9">
        <v>385</v>
      </c>
      <c r="L25599" s="6" t="s">
        <v>14</v>
      </c>
    </row>
    <row r="25600" spans="1:12">
      <c r="A25600" s="6" t="s">
        <v>25756</v>
      </c>
      <c r="B25600" s="6"/>
      <c r="C25600" s="6" t="s">
        <v>25758</v>
      </c>
      <c r="D25600" s="6"/>
      <c r="E25600" s="6" t="s">
        <v>9</v>
      </c>
      <c r="F25600" s="7">
        <v>40253</v>
      </c>
      <c r="G25600" s="8">
        <v>125704</v>
      </c>
      <c r="H25600" s="8">
        <v>125704</v>
      </c>
      <c r="I25600" s="8">
        <v>0</v>
      </c>
      <c r="J25600" s="8">
        <v>125704</v>
      </c>
      <c r="K25600" s="9">
        <v>24.59</v>
      </c>
      <c r="L25600" s="6" t="s">
        <v>14</v>
      </c>
    </row>
    <row r="25601" spans="1:12">
      <c r="A25601" s="6" t="s">
        <v>25759</v>
      </c>
      <c r="B25601" s="6"/>
      <c r="C25601" s="6" t="s">
        <v>25760</v>
      </c>
      <c r="D25601" s="6"/>
      <c r="E25601" s="6" t="s">
        <v>25121</v>
      </c>
      <c r="F25601" s="7">
        <v>38657</v>
      </c>
      <c r="G25601" s="8">
        <v>5426250</v>
      </c>
      <c r="H25601" s="8">
        <v>5426250</v>
      </c>
      <c r="I25601" s="8">
        <v>0</v>
      </c>
      <c r="J25601" s="8">
        <v>5426250</v>
      </c>
      <c r="K25601" s="9">
        <v>144.69999999999899</v>
      </c>
      <c r="L25601" s="6" t="s">
        <v>10</v>
      </c>
    </row>
    <row r="25602" spans="1:12">
      <c r="A25602" s="6" t="s">
        <v>25759</v>
      </c>
      <c r="B25602" s="6"/>
      <c r="C25602" s="6" t="s">
        <v>25761</v>
      </c>
      <c r="D25602" s="6"/>
      <c r="E25602" s="6" t="s">
        <v>25121</v>
      </c>
      <c r="F25602" s="7">
        <v>38657</v>
      </c>
      <c r="G25602" s="8">
        <v>2442684</v>
      </c>
      <c r="H25602" s="8">
        <v>2442684</v>
      </c>
      <c r="I25602" s="8">
        <v>0</v>
      </c>
      <c r="J25602" s="8">
        <v>2442684</v>
      </c>
      <c r="K25602" s="9">
        <v>66.739999999999895</v>
      </c>
      <c r="L25602" s="6" t="s">
        <v>10</v>
      </c>
    </row>
    <row r="25603" spans="1:12">
      <c r="A25603" s="6" t="s">
        <v>25759</v>
      </c>
      <c r="B25603" s="6"/>
      <c r="C25603" s="6" t="s">
        <v>25762</v>
      </c>
      <c r="D25603" s="6"/>
      <c r="E25603" s="6" t="s">
        <v>25121</v>
      </c>
      <c r="F25603" s="7">
        <v>38657</v>
      </c>
      <c r="G25603" s="8">
        <v>3665280</v>
      </c>
      <c r="H25603" s="8">
        <v>3665280</v>
      </c>
      <c r="I25603" s="8">
        <v>0</v>
      </c>
      <c r="J25603" s="8">
        <v>3665280</v>
      </c>
      <c r="K25603" s="9">
        <v>57.27</v>
      </c>
      <c r="L25603" s="6" t="s">
        <v>10</v>
      </c>
    </row>
    <row r="25604" spans="1:12">
      <c r="A25604" s="6" t="s">
        <v>25763</v>
      </c>
      <c r="B25604" s="6"/>
      <c r="C25604" s="6" t="s">
        <v>25764</v>
      </c>
      <c r="D25604" s="6"/>
      <c r="E25604" s="6" t="s">
        <v>9</v>
      </c>
      <c r="F25604" s="7">
        <v>38657</v>
      </c>
      <c r="G25604" s="8">
        <v>1104192</v>
      </c>
      <c r="H25604" s="8">
        <v>1104192</v>
      </c>
      <c r="I25604" s="8">
        <v>0</v>
      </c>
      <c r="J25604" s="8">
        <v>1104192</v>
      </c>
      <c r="K25604" s="9">
        <v>216</v>
      </c>
      <c r="L25604" s="6" t="s">
        <v>14</v>
      </c>
    </row>
    <row r="25605" spans="1:12">
      <c r="A25605" s="6" t="s">
        <v>25765</v>
      </c>
      <c r="B25605" s="6"/>
      <c r="C25605" s="6" t="s">
        <v>25766</v>
      </c>
      <c r="D25605" s="6"/>
      <c r="E25605" s="6" t="s">
        <v>18740</v>
      </c>
      <c r="F25605" s="7">
        <v>38657</v>
      </c>
      <c r="G25605" s="8">
        <v>9944725</v>
      </c>
      <c r="H25605" s="8">
        <v>9944725</v>
      </c>
      <c r="I25605" s="8">
        <v>0</v>
      </c>
      <c r="J25605" s="8">
        <v>9944725</v>
      </c>
      <c r="K25605" s="9">
        <v>568.27</v>
      </c>
      <c r="L25605" s="6" t="s">
        <v>10</v>
      </c>
    </row>
    <row r="25606" spans="1:12">
      <c r="A25606" s="6" t="s">
        <v>25765</v>
      </c>
      <c r="B25606" s="6"/>
      <c r="C25606" s="6" t="s">
        <v>25767</v>
      </c>
      <c r="D25606" s="6"/>
      <c r="E25606" s="6" t="s">
        <v>18740</v>
      </c>
      <c r="F25606" s="7">
        <v>38657</v>
      </c>
      <c r="G25606" s="8">
        <v>720475</v>
      </c>
      <c r="H25606" s="8">
        <v>720475</v>
      </c>
      <c r="I25606" s="8">
        <v>0</v>
      </c>
      <c r="J25606" s="8">
        <v>720475</v>
      </c>
      <c r="K25606" s="9">
        <v>41.17</v>
      </c>
      <c r="L25606" s="6" t="s">
        <v>10</v>
      </c>
    </row>
    <row r="25607" spans="1:12">
      <c r="A25607" s="6" t="s">
        <v>25765</v>
      </c>
      <c r="B25607" s="6"/>
      <c r="C25607" s="6" t="s">
        <v>25768</v>
      </c>
      <c r="D25607" s="6"/>
      <c r="E25607" s="6" t="s">
        <v>18740</v>
      </c>
      <c r="F25607" s="7">
        <v>38657</v>
      </c>
      <c r="G25607" s="8">
        <v>80850</v>
      </c>
      <c r="H25607" s="8">
        <v>80850</v>
      </c>
      <c r="I25607" s="8">
        <v>0</v>
      </c>
      <c r="J25607" s="8">
        <v>80850</v>
      </c>
      <c r="K25607" s="9">
        <v>4.62</v>
      </c>
      <c r="L25607" s="6" t="s">
        <v>10</v>
      </c>
    </row>
    <row r="25608" spans="1:12">
      <c r="A25608" s="6" t="s">
        <v>25765</v>
      </c>
      <c r="B25608" s="6"/>
      <c r="C25608" s="6" t="s">
        <v>25769</v>
      </c>
      <c r="D25608" s="6"/>
      <c r="E25608" s="6" t="s">
        <v>18740</v>
      </c>
      <c r="F25608" s="7">
        <v>43978</v>
      </c>
      <c r="G25608" s="8">
        <v>1</v>
      </c>
      <c r="H25608" s="8">
        <v>1</v>
      </c>
      <c r="I25608" s="8">
        <v>0</v>
      </c>
      <c r="J25608" s="8">
        <v>1</v>
      </c>
      <c r="K25608" s="9">
        <v>2.78</v>
      </c>
      <c r="L25608" s="6" t="s">
        <v>10</v>
      </c>
    </row>
    <row r="25609" spans="1:12">
      <c r="A25609" s="6" t="s">
        <v>25770</v>
      </c>
      <c r="B25609" s="6"/>
      <c r="C25609" s="6" t="s">
        <v>25771</v>
      </c>
      <c r="D25609" s="6"/>
      <c r="E25609" s="6" t="s">
        <v>18740</v>
      </c>
      <c r="F25609" s="7">
        <v>38657</v>
      </c>
      <c r="G25609" s="8">
        <v>115675</v>
      </c>
      <c r="H25609" s="8">
        <v>115675</v>
      </c>
      <c r="I25609" s="8">
        <v>0</v>
      </c>
      <c r="J25609" s="8">
        <v>115675</v>
      </c>
      <c r="K25609" s="9">
        <v>6.61</v>
      </c>
      <c r="L25609" s="6" t="s">
        <v>10</v>
      </c>
    </row>
    <row r="25610" spans="1:12">
      <c r="A25610" s="6" t="s">
        <v>25772</v>
      </c>
      <c r="B25610" s="6"/>
      <c r="C25610" s="6" t="s">
        <v>25773</v>
      </c>
      <c r="D25610" s="6"/>
      <c r="E25610" s="6" t="s">
        <v>9</v>
      </c>
      <c r="F25610" s="7">
        <v>30515</v>
      </c>
      <c r="G25610" s="8">
        <v>2498132</v>
      </c>
      <c r="H25610" s="8">
        <v>2498132</v>
      </c>
      <c r="I25610" s="8">
        <v>0</v>
      </c>
      <c r="J25610" s="8">
        <v>2498132</v>
      </c>
      <c r="K25610" s="9">
        <v>488.68</v>
      </c>
      <c r="L25610" s="6" t="s">
        <v>23</v>
      </c>
    </row>
    <row r="25611" spans="1:12">
      <c r="A25611" s="6" t="s">
        <v>25774</v>
      </c>
      <c r="B25611" s="6"/>
      <c r="C25611" s="6" t="s">
        <v>25775</v>
      </c>
      <c r="D25611" s="6"/>
      <c r="E25611" s="6" t="s">
        <v>9</v>
      </c>
      <c r="F25611" s="7">
        <v>38657</v>
      </c>
      <c r="G25611" s="8">
        <v>86904</v>
      </c>
      <c r="H25611" s="8">
        <v>86904</v>
      </c>
      <c r="I25611" s="8">
        <v>0</v>
      </c>
      <c r="J25611" s="8">
        <v>86904</v>
      </c>
      <c r="K25611" s="9">
        <v>17</v>
      </c>
      <c r="L25611" s="6" t="s">
        <v>23</v>
      </c>
    </row>
    <row r="25612" spans="1:12">
      <c r="A25612" s="6" t="s">
        <v>25776</v>
      </c>
      <c r="B25612" s="6"/>
      <c r="C25612" s="6" t="s">
        <v>25777</v>
      </c>
      <c r="D25612" s="6"/>
      <c r="E25612" s="6" t="s">
        <v>18740</v>
      </c>
      <c r="F25612" s="7">
        <v>38657</v>
      </c>
      <c r="G25612" s="8">
        <v>6786495</v>
      </c>
      <c r="H25612" s="8">
        <v>6786495</v>
      </c>
      <c r="I25612" s="8">
        <v>0</v>
      </c>
      <c r="J25612" s="8">
        <v>6786495</v>
      </c>
      <c r="K25612" s="9">
        <v>196.71</v>
      </c>
      <c r="L25612" s="6" t="s">
        <v>10</v>
      </c>
    </row>
    <row r="25613" spans="1:12">
      <c r="A25613" s="6" t="s">
        <v>25776</v>
      </c>
      <c r="B25613" s="6"/>
      <c r="C25613" s="6" t="s">
        <v>25778</v>
      </c>
      <c r="D25613" s="6"/>
      <c r="E25613" s="6" t="s">
        <v>18740</v>
      </c>
      <c r="F25613" s="7">
        <v>38657</v>
      </c>
      <c r="G25613" s="8">
        <v>6596745</v>
      </c>
      <c r="H25613" s="8">
        <v>6596745</v>
      </c>
      <c r="I25613" s="8">
        <v>0</v>
      </c>
      <c r="J25613" s="8">
        <v>6596745</v>
      </c>
      <c r="K25613" s="9">
        <v>191.21</v>
      </c>
      <c r="L25613" s="6" t="s">
        <v>10</v>
      </c>
    </row>
    <row r="25614" spans="1:12">
      <c r="A25614" s="6" t="s">
        <v>25779</v>
      </c>
      <c r="B25614" s="6"/>
      <c r="C25614" s="6" t="s">
        <v>25780</v>
      </c>
      <c r="D25614" s="6"/>
      <c r="E25614" s="6" t="s">
        <v>9</v>
      </c>
      <c r="F25614" s="7">
        <v>38657</v>
      </c>
      <c r="G25614" s="8">
        <v>1047960</v>
      </c>
      <c r="H25614" s="8">
        <v>1047960</v>
      </c>
      <c r="I25614" s="8">
        <v>0</v>
      </c>
      <c r="J25614" s="8">
        <v>1047960</v>
      </c>
      <c r="K25614" s="9">
        <v>205</v>
      </c>
      <c r="L25614" s="6" t="s">
        <v>14</v>
      </c>
    </row>
    <row r="25615" spans="1:12">
      <c r="A25615" s="6" t="s">
        <v>25781</v>
      </c>
      <c r="B25615" s="6"/>
      <c r="C25615" s="6" t="s">
        <v>25782</v>
      </c>
      <c r="D25615" s="6"/>
      <c r="E25615" s="6" t="s">
        <v>18740</v>
      </c>
      <c r="F25615" s="7">
        <v>38657</v>
      </c>
      <c r="G25615" s="8">
        <v>45793110</v>
      </c>
      <c r="H25615" s="8">
        <v>45793110</v>
      </c>
      <c r="I25615" s="8">
        <v>0</v>
      </c>
      <c r="J25615" s="8">
        <v>45793110</v>
      </c>
      <c r="K25615" s="9">
        <v>1186.3499999999899</v>
      </c>
      <c r="L25615" s="6" t="s">
        <v>10</v>
      </c>
    </row>
    <row r="25616" spans="1:12">
      <c r="A25616" s="6" t="s">
        <v>25783</v>
      </c>
      <c r="B25616" s="6"/>
      <c r="C25616" s="6" t="s">
        <v>25784</v>
      </c>
      <c r="D25616" s="6"/>
      <c r="E25616" s="6" t="s">
        <v>25121</v>
      </c>
      <c r="F25616" s="7">
        <v>38657</v>
      </c>
      <c r="G25616" s="8">
        <v>10332000</v>
      </c>
      <c r="H25616" s="8">
        <v>10332000</v>
      </c>
      <c r="I25616" s="8">
        <v>0</v>
      </c>
      <c r="J25616" s="8">
        <v>10332000</v>
      </c>
      <c r="K25616" s="9">
        <v>246</v>
      </c>
      <c r="L25616" s="6" t="s">
        <v>10</v>
      </c>
    </row>
    <row r="25617" spans="1:12">
      <c r="A25617" s="6" t="s">
        <v>25785</v>
      </c>
      <c r="B25617" s="6"/>
      <c r="C25617" s="6" t="s">
        <v>25786</v>
      </c>
      <c r="D25617" s="6"/>
      <c r="E25617" s="6" t="s">
        <v>18740</v>
      </c>
      <c r="F25617" s="7">
        <v>38657</v>
      </c>
      <c r="G25617" s="8">
        <v>414072</v>
      </c>
      <c r="H25617" s="8">
        <v>414072</v>
      </c>
      <c r="I25617" s="8">
        <v>0</v>
      </c>
      <c r="J25617" s="8">
        <v>414072</v>
      </c>
      <c r="K25617" s="9">
        <v>81</v>
      </c>
      <c r="L25617" s="6" t="s">
        <v>23</v>
      </c>
    </row>
    <row r="25618" spans="1:12">
      <c r="A25618" s="6" t="s">
        <v>25787</v>
      </c>
      <c r="B25618" s="6"/>
      <c r="C25618" s="6" t="s">
        <v>25788</v>
      </c>
      <c r="D25618" s="6"/>
      <c r="E25618" s="6" t="s">
        <v>18740</v>
      </c>
      <c r="F25618" s="7">
        <v>38657</v>
      </c>
      <c r="G25618" s="8">
        <v>4157400</v>
      </c>
      <c r="H25618" s="8">
        <v>4157400</v>
      </c>
      <c r="I25618" s="8">
        <v>0</v>
      </c>
      <c r="J25618" s="8">
        <v>4157400</v>
      </c>
      <c r="K25618" s="9">
        <v>338</v>
      </c>
      <c r="L25618" s="6" t="s">
        <v>10</v>
      </c>
    </row>
    <row r="25619" spans="1:12">
      <c r="A25619" s="6" t="s">
        <v>25789</v>
      </c>
      <c r="B25619" s="6"/>
      <c r="C25619" s="6" t="s">
        <v>25790</v>
      </c>
      <c r="D25619" s="6"/>
      <c r="E25619" s="6" t="s">
        <v>18740</v>
      </c>
      <c r="F25619" s="7">
        <v>38657</v>
      </c>
      <c r="G25619" s="8">
        <v>282900</v>
      </c>
      <c r="H25619" s="8">
        <v>282900</v>
      </c>
      <c r="I25619" s="8">
        <v>0</v>
      </c>
      <c r="J25619" s="8">
        <v>282900</v>
      </c>
      <c r="K25619" s="9">
        <v>23</v>
      </c>
      <c r="L25619" s="6" t="s">
        <v>10</v>
      </c>
    </row>
    <row r="25620" spans="1:12">
      <c r="A25620" s="6" t="s">
        <v>25789</v>
      </c>
      <c r="B25620" s="6"/>
      <c r="C25620" s="6" t="s">
        <v>25791</v>
      </c>
      <c r="D25620" s="6"/>
      <c r="E25620" s="6" t="s">
        <v>18740</v>
      </c>
      <c r="F25620" s="7">
        <v>38657</v>
      </c>
      <c r="G25620" s="8">
        <v>639600</v>
      </c>
      <c r="H25620" s="8">
        <v>639600</v>
      </c>
      <c r="I25620" s="8">
        <v>0</v>
      </c>
      <c r="J25620" s="8">
        <v>639600</v>
      </c>
      <c r="K25620" s="9">
        <v>52</v>
      </c>
      <c r="L25620" s="6" t="s">
        <v>10</v>
      </c>
    </row>
    <row r="25621" spans="1:12">
      <c r="A25621" s="6" t="s">
        <v>25792</v>
      </c>
      <c r="B25621" s="6"/>
      <c r="C25621" s="6" t="s">
        <v>25793</v>
      </c>
      <c r="D25621" s="6"/>
      <c r="E25621" s="6" t="s">
        <v>18740</v>
      </c>
      <c r="F25621" s="7">
        <v>38657</v>
      </c>
      <c r="G25621" s="8">
        <v>7023300</v>
      </c>
      <c r="H25621" s="8">
        <v>7023300</v>
      </c>
      <c r="I25621" s="8">
        <v>0</v>
      </c>
      <c r="J25621" s="8">
        <v>7023300</v>
      </c>
      <c r="K25621" s="9">
        <v>571</v>
      </c>
      <c r="L25621" s="6" t="s">
        <v>10</v>
      </c>
    </row>
    <row r="25622" spans="1:12">
      <c r="A25622" s="6" t="s">
        <v>25794</v>
      </c>
      <c r="B25622" s="6"/>
      <c r="C25622" s="6" t="s">
        <v>25795</v>
      </c>
      <c r="D25622" s="6"/>
      <c r="E25622" s="6" t="s">
        <v>18740</v>
      </c>
      <c r="F25622" s="7">
        <v>38657</v>
      </c>
      <c r="G25622" s="8">
        <v>286650</v>
      </c>
      <c r="H25622" s="8">
        <v>286650</v>
      </c>
      <c r="I25622" s="8">
        <v>0</v>
      </c>
      <c r="J25622" s="8">
        <v>286650</v>
      </c>
      <c r="K25622" s="9">
        <v>8.19</v>
      </c>
      <c r="L25622" s="6" t="s">
        <v>10</v>
      </c>
    </row>
    <row r="25623" spans="1:12">
      <c r="A25623" s="6" t="s">
        <v>25794</v>
      </c>
      <c r="B25623" s="6"/>
      <c r="C25623" s="6" t="s">
        <v>25796</v>
      </c>
      <c r="D25623" s="6"/>
      <c r="E25623" s="6" t="s">
        <v>18740</v>
      </c>
      <c r="F25623" s="7">
        <v>38657</v>
      </c>
      <c r="G25623" s="8">
        <v>7809900</v>
      </c>
      <c r="H25623" s="8">
        <v>7809900</v>
      </c>
      <c r="I25623" s="8">
        <v>0</v>
      </c>
      <c r="J25623" s="8">
        <v>7809900</v>
      </c>
      <c r="K25623" s="9">
        <v>223.14</v>
      </c>
      <c r="L25623" s="6" t="s">
        <v>10</v>
      </c>
    </row>
    <row r="25624" spans="1:12">
      <c r="A25624" s="6" t="s">
        <v>25797</v>
      </c>
      <c r="B25624" s="6"/>
      <c r="C25624" s="6" t="s">
        <v>25798</v>
      </c>
      <c r="D25624" s="6"/>
      <c r="E25624" s="6" t="s">
        <v>18740</v>
      </c>
      <c r="F25624" s="7">
        <v>38657</v>
      </c>
      <c r="G25624" s="8">
        <v>649224</v>
      </c>
      <c r="H25624" s="8">
        <v>649224</v>
      </c>
      <c r="I25624" s="8">
        <v>0</v>
      </c>
      <c r="J25624" s="8">
        <v>649224</v>
      </c>
      <c r="K25624" s="9">
        <v>127</v>
      </c>
      <c r="L25624" s="6" t="s">
        <v>23</v>
      </c>
    </row>
    <row r="25625" spans="1:12">
      <c r="A25625" s="6" t="s">
        <v>25797</v>
      </c>
      <c r="B25625" s="6"/>
      <c r="C25625" s="6" t="s">
        <v>25799</v>
      </c>
      <c r="D25625" s="6"/>
      <c r="E25625" s="6" t="s">
        <v>18740</v>
      </c>
      <c r="F25625" s="7">
        <v>38657</v>
      </c>
      <c r="G25625" s="8">
        <v>1083744</v>
      </c>
      <c r="H25625" s="8">
        <v>1083744</v>
      </c>
      <c r="I25625" s="8">
        <v>0</v>
      </c>
      <c r="J25625" s="8">
        <v>1083744</v>
      </c>
      <c r="K25625" s="9">
        <v>212</v>
      </c>
      <c r="L25625" s="6" t="s">
        <v>23</v>
      </c>
    </row>
    <row r="25626" spans="1:12">
      <c r="A25626" s="6" t="s">
        <v>25797</v>
      </c>
      <c r="B25626" s="6"/>
      <c r="C25626" s="6" t="s">
        <v>25800</v>
      </c>
      <c r="D25626" s="6"/>
      <c r="E25626" s="6" t="s">
        <v>18740</v>
      </c>
      <c r="F25626" s="7">
        <v>38657</v>
      </c>
      <c r="G25626" s="8">
        <v>633888</v>
      </c>
      <c r="H25626" s="8">
        <v>633888</v>
      </c>
      <c r="I25626" s="8">
        <v>0</v>
      </c>
      <c r="J25626" s="8">
        <v>633888</v>
      </c>
      <c r="K25626" s="9">
        <v>124</v>
      </c>
      <c r="L25626" s="6" t="s">
        <v>23</v>
      </c>
    </row>
    <row r="25627" spans="1:12">
      <c r="A25627" s="6" t="s">
        <v>25797</v>
      </c>
      <c r="B25627" s="6"/>
      <c r="C25627" s="6" t="s">
        <v>25801</v>
      </c>
      <c r="D25627" s="6"/>
      <c r="E25627" s="6" t="s">
        <v>18740</v>
      </c>
      <c r="F25627" s="7">
        <v>38657</v>
      </c>
      <c r="G25627" s="8">
        <v>552096</v>
      </c>
      <c r="H25627" s="8">
        <v>552096</v>
      </c>
      <c r="I25627" s="8">
        <v>0</v>
      </c>
      <c r="J25627" s="8">
        <v>552096</v>
      </c>
      <c r="K25627" s="9">
        <v>108</v>
      </c>
      <c r="L25627" s="6" t="s">
        <v>14</v>
      </c>
    </row>
    <row r="25628" spans="1:12">
      <c r="A25628" s="6" t="s">
        <v>25797</v>
      </c>
      <c r="B25628" s="6"/>
      <c r="C25628" s="6" t="s">
        <v>25802</v>
      </c>
      <c r="D25628" s="6"/>
      <c r="E25628" s="6" t="s">
        <v>18740</v>
      </c>
      <c r="F25628" s="7">
        <v>38657</v>
      </c>
      <c r="G25628" s="8">
        <v>84953304</v>
      </c>
      <c r="H25628" s="8">
        <v>84953304</v>
      </c>
      <c r="I25628" s="8">
        <v>0</v>
      </c>
      <c r="J25628" s="8">
        <v>84953304</v>
      </c>
      <c r="K25628" s="9">
        <v>649.1</v>
      </c>
      <c r="L25628" s="6" t="s">
        <v>23</v>
      </c>
    </row>
    <row r="25629" spans="1:12">
      <c r="A25629" s="6" t="s">
        <v>25803</v>
      </c>
      <c r="B25629" s="6"/>
      <c r="C25629" s="6" t="s">
        <v>25804</v>
      </c>
      <c r="D25629" s="6"/>
      <c r="E25629" s="6" t="s">
        <v>18740</v>
      </c>
      <c r="F25629" s="7">
        <v>38657</v>
      </c>
      <c r="G25629" s="8">
        <v>1852200</v>
      </c>
      <c r="H25629" s="8">
        <v>1852200</v>
      </c>
      <c r="I25629" s="8">
        <v>0</v>
      </c>
      <c r="J25629" s="8">
        <v>1852200</v>
      </c>
      <c r="K25629" s="9">
        <v>54</v>
      </c>
      <c r="L25629" s="6" t="s">
        <v>10</v>
      </c>
    </row>
    <row r="25630" spans="1:12">
      <c r="A25630" s="6" t="s">
        <v>25803</v>
      </c>
      <c r="B25630" s="6"/>
      <c r="C25630" s="6" t="s">
        <v>25805</v>
      </c>
      <c r="D25630" s="6"/>
      <c r="E25630" s="6" t="s">
        <v>18740</v>
      </c>
      <c r="F25630" s="7">
        <v>38657</v>
      </c>
      <c r="G25630" s="8">
        <v>548800</v>
      </c>
      <c r="H25630" s="8">
        <v>548800</v>
      </c>
      <c r="I25630" s="8">
        <v>0</v>
      </c>
      <c r="J25630" s="8">
        <v>548800</v>
      </c>
      <c r="K25630" s="9">
        <v>16</v>
      </c>
      <c r="L25630" s="6" t="s">
        <v>10</v>
      </c>
    </row>
    <row r="25631" spans="1:12">
      <c r="A25631" s="6" t="s">
        <v>25806</v>
      </c>
      <c r="B25631" s="6"/>
      <c r="C25631" s="6" t="s">
        <v>25807</v>
      </c>
      <c r="D25631" s="6"/>
      <c r="E25631" s="6" t="s">
        <v>18740</v>
      </c>
      <c r="F25631" s="7">
        <v>38657</v>
      </c>
      <c r="G25631" s="8">
        <v>411600</v>
      </c>
      <c r="H25631" s="8">
        <v>411600</v>
      </c>
      <c r="I25631" s="8">
        <v>0</v>
      </c>
      <c r="J25631" s="8">
        <v>411600</v>
      </c>
      <c r="K25631" s="9">
        <v>12</v>
      </c>
      <c r="L25631" s="6" t="s">
        <v>10</v>
      </c>
    </row>
    <row r="25632" spans="1:12">
      <c r="A25632" s="6" t="s">
        <v>25808</v>
      </c>
      <c r="B25632" s="6"/>
      <c r="C25632" s="6" t="s">
        <v>25809</v>
      </c>
      <c r="D25632" s="6"/>
      <c r="E25632" s="6" t="s">
        <v>9</v>
      </c>
      <c r="F25632" s="7">
        <v>38657</v>
      </c>
      <c r="G25632" s="8">
        <v>2193048</v>
      </c>
      <c r="H25632" s="8">
        <v>2193048</v>
      </c>
      <c r="I25632" s="8">
        <v>0</v>
      </c>
      <c r="J25632" s="8">
        <v>2193048</v>
      </c>
      <c r="K25632" s="9">
        <v>429</v>
      </c>
      <c r="L25632" s="6" t="s">
        <v>14</v>
      </c>
    </row>
    <row r="25633" spans="1:12">
      <c r="A25633" s="6" t="s">
        <v>25808</v>
      </c>
      <c r="B25633" s="6"/>
      <c r="C25633" s="6" t="s">
        <v>25810</v>
      </c>
      <c r="D25633" s="6"/>
      <c r="E25633" s="6" t="s">
        <v>9</v>
      </c>
      <c r="F25633" s="7">
        <v>38657</v>
      </c>
      <c r="G25633" s="8">
        <v>1870992</v>
      </c>
      <c r="H25633" s="8">
        <v>1870992</v>
      </c>
      <c r="I25633" s="8">
        <v>0</v>
      </c>
      <c r="J25633" s="8">
        <v>1870992</v>
      </c>
      <c r="K25633" s="9">
        <v>366</v>
      </c>
      <c r="L25633" s="6" t="s">
        <v>14</v>
      </c>
    </row>
    <row r="25634" spans="1:12">
      <c r="A25634" s="6" t="s">
        <v>25808</v>
      </c>
      <c r="B25634" s="6"/>
      <c r="C25634" s="6" t="s">
        <v>25811</v>
      </c>
      <c r="D25634" s="6"/>
      <c r="E25634" s="6" t="s">
        <v>9</v>
      </c>
      <c r="F25634" s="7">
        <v>38657</v>
      </c>
      <c r="G25634" s="8">
        <v>2867832</v>
      </c>
      <c r="H25634" s="8">
        <v>2867832</v>
      </c>
      <c r="I25634" s="8">
        <v>0</v>
      </c>
      <c r="J25634" s="8">
        <v>2867832</v>
      </c>
      <c r="K25634" s="9">
        <v>561</v>
      </c>
      <c r="L25634" s="6" t="s">
        <v>14</v>
      </c>
    </row>
    <row r="25635" spans="1:12">
      <c r="A25635" s="6" t="s">
        <v>25808</v>
      </c>
      <c r="B25635" s="6"/>
      <c r="C25635" s="6" t="s">
        <v>25812</v>
      </c>
      <c r="D25635" s="6"/>
      <c r="E25635" s="6" t="s">
        <v>9</v>
      </c>
      <c r="F25635" s="7">
        <v>38657</v>
      </c>
      <c r="G25635" s="8">
        <v>1651176</v>
      </c>
      <c r="H25635" s="8">
        <v>1651176</v>
      </c>
      <c r="I25635" s="8">
        <v>0</v>
      </c>
      <c r="J25635" s="8">
        <v>1651176</v>
      </c>
      <c r="K25635" s="9">
        <v>323</v>
      </c>
      <c r="L25635" s="6" t="s">
        <v>14</v>
      </c>
    </row>
    <row r="25636" spans="1:12">
      <c r="A25636" s="6" t="s">
        <v>25808</v>
      </c>
      <c r="B25636" s="6"/>
      <c r="C25636" s="6" t="s">
        <v>25813</v>
      </c>
      <c r="D25636" s="6"/>
      <c r="E25636" s="6" t="s">
        <v>9</v>
      </c>
      <c r="F25636" s="7">
        <v>38657</v>
      </c>
      <c r="G25636" s="8">
        <v>454968</v>
      </c>
      <c r="H25636" s="8">
        <v>454968</v>
      </c>
      <c r="I25636" s="8">
        <v>0</v>
      </c>
      <c r="J25636" s="8">
        <v>454968</v>
      </c>
      <c r="K25636" s="9">
        <v>89</v>
      </c>
      <c r="L25636" s="6" t="s">
        <v>14</v>
      </c>
    </row>
    <row r="25637" spans="1:12">
      <c r="A25637" s="6" t="s">
        <v>25808</v>
      </c>
      <c r="B25637" s="6"/>
      <c r="C25637" s="6" t="s">
        <v>25814</v>
      </c>
      <c r="D25637" s="6"/>
      <c r="E25637" s="6" t="s">
        <v>9</v>
      </c>
      <c r="F25637" s="7">
        <v>38657</v>
      </c>
      <c r="G25637" s="8">
        <v>434520</v>
      </c>
      <c r="H25637" s="8">
        <v>434520</v>
      </c>
      <c r="I25637" s="8">
        <v>0</v>
      </c>
      <c r="J25637" s="8">
        <v>434520</v>
      </c>
      <c r="K25637" s="9">
        <v>85</v>
      </c>
      <c r="L25637" s="6" t="s">
        <v>14</v>
      </c>
    </row>
    <row r="25638" spans="1:12">
      <c r="A25638" s="6" t="s">
        <v>25815</v>
      </c>
      <c r="B25638" s="6"/>
      <c r="C25638" s="6" t="s">
        <v>25816</v>
      </c>
      <c r="D25638" s="6"/>
      <c r="E25638" s="6" t="s">
        <v>18740</v>
      </c>
      <c r="F25638" s="7">
        <v>38657</v>
      </c>
      <c r="G25638" s="8">
        <v>71720</v>
      </c>
      <c r="H25638" s="8">
        <v>71720</v>
      </c>
      <c r="I25638" s="8">
        <v>0</v>
      </c>
      <c r="J25638" s="8">
        <v>71720</v>
      </c>
      <c r="K25638" s="9">
        <v>1.63</v>
      </c>
      <c r="L25638" s="6" t="s">
        <v>10</v>
      </c>
    </row>
    <row r="25639" spans="1:12">
      <c r="A25639" s="6" t="s">
        <v>25815</v>
      </c>
      <c r="B25639" s="6"/>
      <c r="C25639" s="6" t="s">
        <v>25817</v>
      </c>
      <c r="D25639" s="6"/>
      <c r="E25639" s="6" t="s">
        <v>18740</v>
      </c>
      <c r="F25639" s="7">
        <v>38657</v>
      </c>
      <c r="G25639" s="8">
        <v>732600</v>
      </c>
      <c r="H25639" s="8">
        <v>732600</v>
      </c>
      <c r="I25639" s="8">
        <v>0</v>
      </c>
      <c r="J25639" s="8">
        <v>732600</v>
      </c>
      <c r="K25639" s="9">
        <v>16.649999999999899</v>
      </c>
      <c r="L25639" s="6" t="s">
        <v>10</v>
      </c>
    </row>
    <row r="25640" spans="1:12">
      <c r="A25640" s="6" t="s">
        <v>25818</v>
      </c>
      <c r="B25640" s="6"/>
      <c r="C25640" s="6" t="s">
        <v>25819</v>
      </c>
      <c r="D25640" s="6"/>
      <c r="E25640" s="6" t="s">
        <v>18740</v>
      </c>
      <c r="F25640" s="7">
        <v>38657</v>
      </c>
      <c r="G25640" s="8">
        <v>10116360</v>
      </c>
      <c r="H25640" s="8">
        <v>10116360</v>
      </c>
      <c r="I25640" s="8">
        <v>0</v>
      </c>
      <c r="J25640" s="8">
        <v>10116360</v>
      </c>
      <c r="K25640" s="9">
        <v>77.52</v>
      </c>
      <c r="L25640" s="6" t="s">
        <v>10</v>
      </c>
    </row>
    <row r="25641" spans="1:12">
      <c r="A25641" s="6" t="s">
        <v>25820</v>
      </c>
      <c r="B25641" s="6"/>
      <c r="C25641" s="6" t="s">
        <v>25821</v>
      </c>
      <c r="D25641" s="6"/>
      <c r="E25641" s="6" t="s">
        <v>18740</v>
      </c>
      <c r="F25641" s="7">
        <v>38657</v>
      </c>
      <c r="G25641" s="8">
        <v>3738680</v>
      </c>
      <c r="H25641" s="8">
        <v>3738680</v>
      </c>
      <c r="I25641" s="8">
        <v>0</v>
      </c>
      <c r="J25641" s="8">
        <v>3738680</v>
      </c>
      <c r="K25641" s="9">
        <v>128.91999999999899</v>
      </c>
      <c r="L25641" s="6" t="s">
        <v>10</v>
      </c>
    </row>
    <row r="25642" spans="1:12">
      <c r="A25642" s="6" t="s">
        <v>25822</v>
      </c>
      <c r="B25642" s="6"/>
      <c r="C25642" s="6" t="s">
        <v>25823</v>
      </c>
      <c r="D25642" s="6"/>
      <c r="E25642" s="6" t="s">
        <v>18740</v>
      </c>
      <c r="F25642" s="7">
        <v>38657</v>
      </c>
      <c r="G25642" s="8">
        <v>981504</v>
      </c>
      <c r="H25642" s="8">
        <v>981504</v>
      </c>
      <c r="I25642" s="8">
        <v>0</v>
      </c>
      <c r="J25642" s="8">
        <v>981504</v>
      </c>
      <c r="K25642" s="9">
        <v>192</v>
      </c>
      <c r="L25642" s="6" t="s">
        <v>14</v>
      </c>
    </row>
    <row r="25643" spans="1:12">
      <c r="A25643" s="6" t="s">
        <v>25822</v>
      </c>
      <c r="B25643" s="6"/>
      <c r="C25643" s="6" t="s">
        <v>25824</v>
      </c>
      <c r="D25643" s="6"/>
      <c r="E25643" s="6" t="s">
        <v>18740</v>
      </c>
      <c r="F25643" s="7">
        <v>38657</v>
      </c>
      <c r="G25643" s="8">
        <v>940608</v>
      </c>
      <c r="H25643" s="8">
        <v>940608</v>
      </c>
      <c r="I25643" s="8">
        <v>0</v>
      </c>
      <c r="J25643" s="8">
        <v>940608</v>
      </c>
      <c r="K25643" s="9">
        <v>184</v>
      </c>
      <c r="L25643" s="6" t="s">
        <v>14</v>
      </c>
    </row>
    <row r="25644" spans="1:12">
      <c r="A25644" s="6" t="s">
        <v>25825</v>
      </c>
      <c r="B25644" s="6"/>
      <c r="C25644" s="6" t="s">
        <v>25826</v>
      </c>
      <c r="D25644" s="6"/>
      <c r="E25644" s="6" t="s">
        <v>18740</v>
      </c>
      <c r="F25644" s="7">
        <v>38657</v>
      </c>
      <c r="G25644" s="8">
        <v>361620</v>
      </c>
      <c r="H25644" s="8">
        <v>361620</v>
      </c>
      <c r="I25644" s="8">
        <v>0</v>
      </c>
      <c r="J25644" s="8">
        <v>361620</v>
      </c>
      <c r="K25644" s="9">
        <v>14.7</v>
      </c>
      <c r="L25644" s="6" t="s">
        <v>10</v>
      </c>
    </row>
    <row r="25645" spans="1:12">
      <c r="A25645" s="6" t="s">
        <v>25825</v>
      </c>
      <c r="B25645" s="6"/>
      <c r="C25645" s="6" t="s">
        <v>25827</v>
      </c>
      <c r="D25645" s="6"/>
      <c r="E25645" s="6" t="s">
        <v>18740</v>
      </c>
      <c r="F25645" s="7">
        <v>38657</v>
      </c>
      <c r="G25645" s="8">
        <v>82656</v>
      </c>
      <c r="H25645" s="8">
        <v>82656</v>
      </c>
      <c r="I25645" s="8">
        <v>0</v>
      </c>
      <c r="J25645" s="8">
        <v>82656</v>
      </c>
      <c r="K25645" s="9">
        <v>3.36</v>
      </c>
      <c r="L25645" s="6" t="s">
        <v>10</v>
      </c>
    </row>
    <row r="25646" spans="1:12">
      <c r="A25646" s="6" t="s">
        <v>25825</v>
      </c>
      <c r="B25646" s="6"/>
      <c r="C25646" s="6" t="s">
        <v>25828</v>
      </c>
      <c r="D25646" s="6"/>
      <c r="E25646" s="6" t="s">
        <v>18740</v>
      </c>
      <c r="F25646" s="7">
        <v>38657</v>
      </c>
      <c r="G25646" s="8">
        <v>16143258</v>
      </c>
      <c r="H25646" s="8">
        <v>16143258</v>
      </c>
      <c r="I25646" s="8">
        <v>0</v>
      </c>
      <c r="J25646" s="8">
        <v>16143258</v>
      </c>
      <c r="K25646" s="9">
        <v>656.23</v>
      </c>
      <c r="L25646" s="6" t="s">
        <v>10</v>
      </c>
    </row>
    <row r="25647" spans="1:12">
      <c r="A25647" s="6" t="s">
        <v>25825</v>
      </c>
      <c r="B25647" s="6"/>
      <c r="C25647" s="6" t="s">
        <v>25829</v>
      </c>
      <c r="D25647" s="6"/>
      <c r="E25647" s="6" t="s">
        <v>18740</v>
      </c>
      <c r="F25647" s="7">
        <v>38657</v>
      </c>
      <c r="G25647" s="8">
        <v>24108</v>
      </c>
      <c r="H25647" s="8">
        <v>24108</v>
      </c>
      <c r="I25647" s="8">
        <v>0</v>
      </c>
      <c r="J25647" s="8">
        <v>24108</v>
      </c>
      <c r="K25647" s="9">
        <v>0.98</v>
      </c>
      <c r="L25647" s="6" t="s">
        <v>10</v>
      </c>
    </row>
    <row r="25648" spans="1:12">
      <c r="A25648" s="6" t="s">
        <v>25825</v>
      </c>
      <c r="B25648" s="6"/>
      <c r="C25648" s="6" t="s">
        <v>25830</v>
      </c>
      <c r="D25648" s="6"/>
      <c r="E25648" s="6" t="s">
        <v>18740</v>
      </c>
      <c r="F25648" s="7">
        <v>38657</v>
      </c>
      <c r="G25648" s="8">
        <v>189420</v>
      </c>
      <c r="H25648" s="8">
        <v>189420</v>
      </c>
      <c r="I25648" s="8">
        <v>0</v>
      </c>
      <c r="J25648" s="8">
        <v>189420</v>
      </c>
      <c r="K25648" s="9">
        <v>7.7</v>
      </c>
      <c r="L25648" s="6" t="s">
        <v>10</v>
      </c>
    </row>
    <row r="25649" spans="1:12">
      <c r="A25649" s="6" t="s">
        <v>25825</v>
      </c>
      <c r="B25649" s="6"/>
      <c r="C25649" s="6" t="s">
        <v>25831</v>
      </c>
      <c r="D25649" s="6"/>
      <c r="E25649" s="6" t="s">
        <v>18740</v>
      </c>
      <c r="F25649" s="7">
        <v>38657</v>
      </c>
      <c r="G25649" s="8">
        <v>7380</v>
      </c>
      <c r="H25649" s="8">
        <v>7380</v>
      </c>
      <c r="I25649" s="8">
        <v>0</v>
      </c>
      <c r="J25649" s="8">
        <v>7380</v>
      </c>
      <c r="K25649" s="9">
        <v>0.3</v>
      </c>
      <c r="L25649" s="6" t="s">
        <v>10</v>
      </c>
    </row>
    <row r="25650" spans="1:12">
      <c r="A25650" s="6" t="s">
        <v>25825</v>
      </c>
      <c r="B25650" s="6"/>
      <c r="C25650" s="6" t="s">
        <v>25832</v>
      </c>
      <c r="D25650" s="6"/>
      <c r="E25650" s="6" t="s">
        <v>18740</v>
      </c>
      <c r="F25650" s="7">
        <v>38657</v>
      </c>
      <c r="G25650" s="8">
        <v>25830</v>
      </c>
      <c r="H25650" s="8">
        <v>25830</v>
      </c>
      <c r="I25650" s="8">
        <v>0</v>
      </c>
      <c r="J25650" s="8">
        <v>25830</v>
      </c>
      <c r="K25650" s="9">
        <v>1.05</v>
      </c>
      <c r="L25650" s="6" t="s">
        <v>10</v>
      </c>
    </row>
    <row r="25651" spans="1:12">
      <c r="A25651" s="6" t="s">
        <v>25833</v>
      </c>
      <c r="B25651" s="6"/>
      <c r="C25651" s="6" t="s">
        <v>25834</v>
      </c>
      <c r="D25651" s="6"/>
      <c r="E25651" s="6" t="s">
        <v>9</v>
      </c>
      <c r="F25651" s="7">
        <v>38657</v>
      </c>
      <c r="G25651" s="8">
        <v>4641696</v>
      </c>
      <c r="H25651" s="8">
        <v>4641696</v>
      </c>
      <c r="I25651" s="8">
        <v>0</v>
      </c>
      <c r="J25651" s="8">
        <v>4641696</v>
      </c>
      <c r="K25651" s="9">
        <v>908</v>
      </c>
      <c r="L25651" s="6" t="s">
        <v>14</v>
      </c>
    </row>
    <row r="25652" spans="1:12">
      <c r="A25652" s="6" t="s">
        <v>25833</v>
      </c>
      <c r="B25652" s="6"/>
      <c r="C25652" s="6" t="s">
        <v>25835</v>
      </c>
      <c r="D25652" s="6"/>
      <c r="E25652" s="6" t="s">
        <v>9</v>
      </c>
      <c r="F25652" s="7">
        <v>38657</v>
      </c>
      <c r="G25652" s="8">
        <v>746352</v>
      </c>
      <c r="H25652" s="8">
        <v>746352</v>
      </c>
      <c r="I25652" s="8">
        <v>0</v>
      </c>
      <c r="J25652" s="8">
        <v>746352</v>
      </c>
      <c r="K25652" s="9">
        <v>146</v>
      </c>
      <c r="L25652" s="6" t="s">
        <v>14</v>
      </c>
    </row>
    <row r="25653" spans="1:12">
      <c r="A25653" s="6" t="s">
        <v>25836</v>
      </c>
      <c r="B25653" s="6"/>
      <c r="C25653" s="6" t="s">
        <v>25837</v>
      </c>
      <c r="D25653" s="6"/>
      <c r="E25653" s="6" t="s">
        <v>9</v>
      </c>
      <c r="F25653" s="7">
        <v>38657</v>
      </c>
      <c r="G25653" s="8">
        <v>298080</v>
      </c>
      <c r="H25653" s="8">
        <v>298080</v>
      </c>
      <c r="I25653" s="8">
        <v>0</v>
      </c>
      <c r="J25653" s="8">
        <v>298080</v>
      </c>
      <c r="K25653" s="9">
        <v>58.31</v>
      </c>
      <c r="L25653" s="6" t="s">
        <v>23</v>
      </c>
    </row>
    <row r="25654" spans="1:12">
      <c r="A25654" s="6" t="s">
        <v>25838</v>
      </c>
      <c r="B25654" s="6"/>
      <c r="C25654" s="6" t="s">
        <v>25839</v>
      </c>
      <c r="D25654" s="6"/>
      <c r="E25654" s="6" t="s">
        <v>18740</v>
      </c>
      <c r="F25654" s="7">
        <v>31120</v>
      </c>
      <c r="G25654" s="8">
        <v>4740144</v>
      </c>
      <c r="H25654" s="8">
        <v>4740144</v>
      </c>
      <c r="I25654" s="8">
        <v>0</v>
      </c>
      <c r="J25654" s="8">
        <v>4740144</v>
      </c>
      <c r="K25654" s="9">
        <v>160.13999999999899</v>
      </c>
      <c r="L25654" s="6" t="s">
        <v>10</v>
      </c>
    </row>
    <row r="25655" spans="1:12">
      <c r="A25655" s="6" t="s">
        <v>25840</v>
      </c>
      <c r="B25655" s="6"/>
      <c r="C25655" s="6" t="s">
        <v>25841</v>
      </c>
      <c r="D25655" s="6"/>
      <c r="E25655" s="6" t="s">
        <v>18740</v>
      </c>
      <c r="F25655" s="7">
        <v>38657</v>
      </c>
      <c r="G25655" s="8">
        <v>962500</v>
      </c>
      <c r="H25655" s="8">
        <v>962500</v>
      </c>
      <c r="I25655" s="8">
        <v>0</v>
      </c>
      <c r="J25655" s="8">
        <v>962500</v>
      </c>
      <c r="K25655" s="9">
        <v>25</v>
      </c>
      <c r="L25655" s="6" t="s">
        <v>10</v>
      </c>
    </row>
    <row r="25656" spans="1:12">
      <c r="A25656" s="6" t="s">
        <v>25842</v>
      </c>
      <c r="B25656" s="6"/>
      <c r="C25656" s="6" t="s">
        <v>25843</v>
      </c>
      <c r="D25656" s="6"/>
      <c r="E25656" s="6" t="s">
        <v>18740</v>
      </c>
      <c r="F25656" s="7">
        <v>38657</v>
      </c>
      <c r="G25656" s="8">
        <v>15060980</v>
      </c>
      <c r="H25656" s="8">
        <v>15060980</v>
      </c>
      <c r="I25656" s="8">
        <v>0</v>
      </c>
      <c r="J25656" s="8">
        <v>15060980</v>
      </c>
      <c r="K25656" s="9">
        <v>442.97</v>
      </c>
      <c r="L25656" s="6" t="s">
        <v>10</v>
      </c>
    </row>
    <row r="25657" spans="1:12">
      <c r="A25657" s="6" t="s">
        <v>25844</v>
      </c>
      <c r="B25657" s="6"/>
      <c r="C25657" s="6" t="s">
        <v>25845</v>
      </c>
      <c r="D25657" s="6"/>
      <c r="E25657" s="6" t="s">
        <v>18740</v>
      </c>
      <c r="F25657" s="7">
        <v>38657</v>
      </c>
      <c r="G25657" s="8">
        <v>337392</v>
      </c>
      <c r="H25657" s="8">
        <v>337392</v>
      </c>
      <c r="I25657" s="8">
        <v>0</v>
      </c>
      <c r="J25657" s="8">
        <v>337392</v>
      </c>
      <c r="K25657" s="9">
        <v>66</v>
      </c>
      <c r="L25657" s="6" t="s">
        <v>23</v>
      </c>
    </row>
    <row r="25658" spans="1:12">
      <c r="A25658" s="6" t="s">
        <v>25846</v>
      </c>
      <c r="B25658" s="6"/>
      <c r="C25658" s="6" t="s">
        <v>25847</v>
      </c>
      <c r="D25658" s="6"/>
      <c r="E25658" s="6" t="s">
        <v>18740</v>
      </c>
      <c r="F25658" s="7">
        <v>38657</v>
      </c>
      <c r="G25658" s="8">
        <v>1553953</v>
      </c>
      <c r="H25658" s="8">
        <v>1553953</v>
      </c>
      <c r="I25658" s="8">
        <v>0</v>
      </c>
      <c r="J25658" s="8">
        <v>1553953</v>
      </c>
      <c r="K25658" s="9">
        <v>53.77</v>
      </c>
      <c r="L25658" s="6" t="s">
        <v>10</v>
      </c>
    </row>
    <row r="25659" spans="1:12">
      <c r="A25659" s="6" t="s">
        <v>25848</v>
      </c>
      <c r="B25659" s="6"/>
      <c r="C25659" s="6" t="s">
        <v>25849</v>
      </c>
      <c r="D25659" s="6"/>
      <c r="E25659" s="6" t="s">
        <v>9</v>
      </c>
      <c r="F25659" s="7">
        <v>38657</v>
      </c>
      <c r="G25659" s="8">
        <v>955944</v>
      </c>
      <c r="H25659" s="8">
        <v>955944</v>
      </c>
      <c r="I25659" s="8">
        <v>0</v>
      </c>
      <c r="J25659" s="8">
        <v>955944</v>
      </c>
      <c r="K25659" s="9">
        <v>187</v>
      </c>
      <c r="L25659" s="6" t="s">
        <v>14</v>
      </c>
    </row>
    <row r="25660" spans="1:12">
      <c r="A25660" s="6" t="s">
        <v>25850</v>
      </c>
      <c r="B25660" s="6"/>
      <c r="C25660" s="6" t="s">
        <v>25851</v>
      </c>
      <c r="D25660" s="6"/>
      <c r="E25660" s="6" t="s">
        <v>25121</v>
      </c>
      <c r="F25660" s="7">
        <v>38657</v>
      </c>
      <c r="G25660" s="8">
        <v>10363550</v>
      </c>
      <c r="H25660" s="8">
        <v>10363550</v>
      </c>
      <c r="I25660" s="8">
        <v>0</v>
      </c>
      <c r="J25660" s="8">
        <v>10363550</v>
      </c>
      <c r="K25660" s="9">
        <v>545.45000000000005</v>
      </c>
      <c r="L25660" s="6" t="s">
        <v>10</v>
      </c>
    </row>
    <row r="25661" spans="1:12">
      <c r="A25661" s="6" t="s">
        <v>25852</v>
      </c>
      <c r="B25661" s="6"/>
      <c r="C25661" s="6" t="s">
        <v>25853</v>
      </c>
      <c r="D25661" s="6"/>
      <c r="E25661" s="6" t="s">
        <v>9</v>
      </c>
      <c r="F25661" s="7">
        <v>38657</v>
      </c>
      <c r="G25661" s="8">
        <v>1137931</v>
      </c>
      <c r="H25661" s="8">
        <v>1137931</v>
      </c>
      <c r="I25661" s="8">
        <v>0</v>
      </c>
      <c r="J25661" s="8">
        <v>1137931</v>
      </c>
      <c r="K25661" s="9">
        <v>222.6</v>
      </c>
      <c r="L25661" s="6" t="s">
        <v>23</v>
      </c>
    </row>
    <row r="25662" spans="1:12">
      <c r="A25662" s="6" t="s">
        <v>25854</v>
      </c>
      <c r="B25662" s="6"/>
      <c r="C25662" s="6" t="s">
        <v>25855</v>
      </c>
      <c r="D25662" s="6"/>
      <c r="E25662" s="6" t="s">
        <v>18740</v>
      </c>
      <c r="F25662" s="7">
        <v>38657</v>
      </c>
      <c r="G25662" s="8">
        <v>863243</v>
      </c>
      <c r="H25662" s="8">
        <v>863243</v>
      </c>
      <c r="I25662" s="8">
        <v>0</v>
      </c>
      <c r="J25662" s="8">
        <v>863243</v>
      </c>
      <c r="K25662" s="9">
        <v>29.87</v>
      </c>
      <c r="L25662" s="6" t="s">
        <v>10</v>
      </c>
    </row>
    <row r="25663" spans="1:12">
      <c r="A25663" s="6" t="s">
        <v>25856</v>
      </c>
      <c r="B25663" s="6"/>
      <c r="C25663" s="6" t="s">
        <v>25857</v>
      </c>
      <c r="D25663" s="6"/>
      <c r="E25663" s="6" t="s">
        <v>9</v>
      </c>
      <c r="F25663" s="7">
        <v>38657</v>
      </c>
      <c r="G25663" s="8">
        <v>8220096</v>
      </c>
      <c r="H25663" s="8">
        <v>8220096</v>
      </c>
      <c r="I25663" s="8">
        <v>0</v>
      </c>
      <c r="J25663" s="8">
        <v>8220096</v>
      </c>
      <c r="K25663" s="9">
        <v>1608</v>
      </c>
      <c r="L25663" s="6" t="s">
        <v>14</v>
      </c>
    </row>
    <row r="25664" spans="1:12">
      <c r="A25664" s="6" t="s">
        <v>25858</v>
      </c>
      <c r="B25664" s="6"/>
      <c r="C25664" s="6" t="s">
        <v>25859</v>
      </c>
      <c r="D25664" s="6"/>
      <c r="E25664" s="6" t="s">
        <v>25121</v>
      </c>
      <c r="F25664" s="7">
        <v>38657</v>
      </c>
      <c r="G25664" s="8">
        <v>1173600</v>
      </c>
      <c r="H25664" s="8">
        <v>1173600</v>
      </c>
      <c r="I25664" s="8">
        <v>0</v>
      </c>
      <c r="J25664" s="8">
        <v>1173600</v>
      </c>
      <c r="K25664" s="9">
        <v>36</v>
      </c>
      <c r="L25664" s="6" t="s">
        <v>10</v>
      </c>
    </row>
    <row r="25665" spans="1:12">
      <c r="A25665" s="6" t="s">
        <v>25860</v>
      </c>
      <c r="B25665" s="6"/>
      <c r="C25665" s="6" t="s">
        <v>25861</v>
      </c>
      <c r="D25665" s="6"/>
      <c r="E25665" s="6" t="s">
        <v>18740</v>
      </c>
      <c r="F25665" s="7">
        <v>38657</v>
      </c>
      <c r="G25665" s="8">
        <v>81792</v>
      </c>
      <c r="H25665" s="8">
        <v>81792</v>
      </c>
      <c r="I25665" s="8">
        <v>0</v>
      </c>
      <c r="J25665" s="8">
        <v>81792</v>
      </c>
      <c r="K25665" s="9">
        <v>16</v>
      </c>
      <c r="L25665" s="6" t="s">
        <v>23</v>
      </c>
    </row>
    <row r="25666" spans="1:12">
      <c r="A25666" s="6" t="s">
        <v>25862</v>
      </c>
      <c r="B25666" s="6"/>
      <c r="C25666" s="6" t="s">
        <v>25863</v>
      </c>
      <c r="D25666" s="6"/>
      <c r="E25666" s="6" t="s">
        <v>18740</v>
      </c>
      <c r="F25666" s="7">
        <v>38657</v>
      </c>
      <c r="G25666" s="8">
        <v>24333</v>
      </c>
      <c r="H25666" s="8">
        <v>24333</v>
      </c>
      <c r="I25666" s="8">
        <v>0</v>
      </c>
      <c r="J25666" s="8">
        <v>24333</v>
      </c>
      <c r="K25666" s="9">
        <v>4.76</v>
      </c>
      <c r="L25666" s="6" t="s">
        <v>23</v>
      </c>
    </row>
    <row r="25667" spans="1:12">
      <c r="A25667" s="6" t="s">
        <v>25864</v>
      </c>
      <c r="B25667" s="6"/>
      <c r="C25667" s="6" t="s">
        <v>25865</v>
      </c>
      <c r="D25667" s="6"/>
      <c r="E25667" s="6" t="s">
        <v>25121</v>
      </c>
      <c r="F25667" s="7">
        <v>38657</v>
      </c>
      <c r="G25667" s="8">
        <v>214704</v>
      </c>
      <c r="H25667" s="8">
        <v>214704</v>
      </c>
      <c r="I25667" s="8">
        <v>0</v>
      </c>
      <c r="J25667" s="8">
        <v>214704</v>
      </c>
      <c r="K25667" s="9">
        <v>42</v>
      </c>
      <c r="L25667" s="6" t="s">
        <v>23</v>
      </c>
    </row>
    <row r="25668" spans="1:12">
      <c r="A25668" s="6" t="s">
        <v>25866</v>
      </c>
      <c r="B25668" s="6"/>
      <c r="C25668" s="6" t="s">
        <v>25867</v>
      </c>
      <c r="D25668" s="6"/>
      <c r="E25668" s="6" t="s">
        <v>25121</v>
      </c>
      <c r="F25668" s="7">
        <v>38657</v>
      </c>
      <c r="G25668" s="8">
        <v>2061000</v>
      </c>
      <c r="H25668" s="8">
        <v>2061000</v>
      </c>
      <c r="I25668" s="8">
        <v>0</v>
      </c>
      <c r="J25668" s="8">
        <v>2061000</v>
      </c>
      <c r="K25668" s="9">
        <v>206.1</v>
      </c>
      <c r="L25668" s="6" t="s">
        <v>10</v>
      </c>
    </row>
    <row r="25669" spans="1:12">
      <c r="A25669" s="6" t="s">
        <v>25868</v>
      </c>
      <c r="B25669" s="6"/>
      <c r="C25669" s="6" t="s">
        <v>25869</v>
      </c>
      <c r="D25669" s="6"/>
      <c r="E25669" s="6" t="s">
        <v>25121</v>
      </c>
      <c r="F25669" s="7">
        <v>38657</v>
      </c>
      <c r="G25669" s="8">
        <v>255600</v>
      </c>
      <c r="H25669" s="8">
        <v>255600</v>
      </c>
      <c r="I25669" s="8">
        <v>0</v>
      </c>
      <c r="J25669" s="8">
        <v>255600</v>
      </c>
      <c r="K25669" s="9">
        <v>50</v>
      </c>
      <c r="L25669" s="6" t="s">
        <v>23</v>
      </c>
    </row>
    <row r="25670" spans="1:12">
      <c r="A25670" s="6" t="s">
        <v>25870</v>
      </c>
      <c r="B25670" s="6"/>
      <c r="C25670" s="6" t="s">
        <v>25871</v>
      </c>
      <c r="D25670" s="6"/>
      <c r="E25670" s="6" t="s">
        <v>18740</v>
      </c>
      <c r="F25670" s="7">
        <v>38657</v>
      </c>
      <c r="G25670" s="8">
        <v>76680</v>
      </c>
      <c r="H25670" s="8">
        <v>76680</v>
      </c>
      <c r="I25670" s="8">
        <v>0</v>
      </c>
      <c r="J25670" s="8">
        <v>76680</v>
      </c>
      <c r="K25670" s="9">
        <v>15</v>
      </c>
      <c r="L25670" s="6" t="s">
        <v>23</v>
      </c>
    </row>
    <row r="25671" spans="1:12">
      <c r="A25671" s="6" t="s">
        <v>25872</v>
      </c>
      <c r="B25671" s="6"/>
      <c r="C25671" s="6" t="s">
        <v>25873</v>
      </c>
      <c r="D25671" s="6"/>
      <c r="E25671" s="6" t="s">
        <v>9</v>
      </c>
      <c r="F25671" s="7">
        <v>38657</v>
      </c>
      <c r="G25671" s="8">
        <v>1589832</v>
      </c>
      <c r="H25671" s="8">
        <v>1589832</v>
      </c>
      <c r="I25671" s="8">
        <v>0</v>
      </c>
      <c r="J25671" s="8">
        <v>1589832</v>
      </c>
      <c r="K25671" s="9">
        <v>311</v>
      </c>
      <c r="L25671" s="6" t="s">
        <v>14</v>
      </c>
    </row>
    <row r="25672" spans="1:12">
      <c r="A25672" s="6" t="s">
        <v>25874</v>
      </c>
      <c r="B25672" s="6"/>
      <c r="C25672" s="6" t="s">
        <v>25875</v>
      </c>
      <c r="D25672" s="6"/>
      <c r="E25672" s="6" t="s">
        <v>18740</v>
      </c>
      <c r="F25672" s="7">
        <v>38657</v>
      </c>
      <c r="G25672" s="8">
        <v>15898</v>
      </c>
      <c r="H25672" s="8">
        <v>15898</v>
      </c>
      <c r="I25672" s="8">
        <v>0</v>
      </c>
      <c r="J25672" s="8">
        <v>15898</v>
      </c>
      <c r="K25672" s="9">
        <v>3.11</v>
      </c>
      <c r="L25672" s="6" t="s">
        <v>23</v>
      </c>
    </row>
    <row r="25673" spans="1:12">
      <c r="A25673" s="6" t="s">
        <v>25874</v>
      </c>
      <c r="B25673" s="6"/>
      <c r="C25673" s="6" t="s">
        <v>25876</v>
      </c>
      <c r="D25673" s="6"/>
      <c r="E25673" s="6" t="s">
        <v>18740</v>
      </c>
      <c r="F25673" s="7">
        <v>38657</v>
      </c>
      <c r="G25673" s="8">
        <v>347616</v>
      </c>
      <c r="H25673" s="8">
        <v>347616</v>
      </c>
      <c r="I25673" s="8">
        <v>0</v>
      </c>
      <c r="J25673" s="8">
        <v>347616</v>
      </c>
      <c r="K25673" s="9">
        <v>68</v>
      </c>
      <c r="L25673" s="6" t="s">
        <v>23</v>
      </c>
    </row>
    <row r="25674" spans="1:12">
      <c r="A25674" s="6" t="s">
        <v>25877</v>
      </c>
      <c r="B25674" s="6"/>
      <c r="C25674" s="6" t="s">
        <v>25878</v>
      </c>
      <c r="D25674" s="6"/>
      <c r="E25674" s="6" t="s">
        <v>18740</v>
      </c>
      <c r="F25674" s="7">
        <v>38657</v>
      </c>
      <c r="G25674" s="8">
        <v>6858840</v>
      </c>
      <c r="H25674" s="8">
        <v>6858840</v>
      </c>
      <c r="I25674" s="8">
        <v>0</v>
      </c>
      <c r="J25674" s="8">
        <v>6858840</v>
      </c>
      <c r="K25674" s="9">
        <v>187.4</v>
      </c>
      <c r="L25674" s="6" t="s">
        <v>10</v>
      </c>
    </row>
    <row r="25675" spans="1:12">
      <c r="A25675" s="6" t="s">
        <v>25879</v>
      </c>
      <c r="B25675" s="6"/>
      <c r="C25675" s="6" t="s">
        <v>25880</v>
      </c>
      <c r="D25675" s="6"/>
      <c r="E25675" s="6" t="s">
        <v>18740</v>
      </c>
      <c r="F25675" s="7">
        <v>38657</v>
      </c>
      <c r="G25675" s="8">
        <v>46519</v>
      </c>
      <c r="H25675" s="8">
        <v>46519</v>
      </c>
      <c r="I25675" s="8">
        <v>0</v>
      </c>
      <c r="J25675" s="8">
        <v>46519</v>
      </c>
      <c r="K25675" s="9">
        <v>9.1</v>
      </c>
      <c r="L25675" s="6" t="s">
        <v>23</v>
      </c>
    </row>
    <row r="25676" spans="1:12">
      <c r="A25676" s="6" t="s">
        <v>25881</v>
      </c>
      <c r="B25676" s="6"/>
      <c r="C25676" s="6" t="s">
        <v>25882</v>
      </c>
      <c r="D25676" s="6"/>
      <c r="E25676" s="6" t="s">
        <v>18740</v>
      </c>
      <c r="F25676" s="7">
        <v>38657</v>
      </c>
      <c r="G25676" s="8">
        <v>194256</v>
      </c>
      <c r="H25676" s="8">
        <v>194256</v>
      </c>
      <c r="I25676" s="8">
        <v>0</v>
      </c>
      <c r="J25676" s="8">
        <v>194256</v>
      </c>
      <c r="K25676" s="9">
        <v>38</v>
      </c>
      <c r="L25676" s="6" t="s">
        <v>23</v>
      </c>
    </row>
    <row r="25677" spans="1:12">
      <c r="A25677" s="6" t="s">
        <v>25883</v>
      </c>
      <c r="B25677" s="6"/>
      <c r="C25677" s="6" t="s">
        <v>25884</v>
      </c>
      <c r="D25677" s="6"/>
      <c r="E25677" s="6" t="s">
        <v>9</v>
      </c>
      <c r="F25677" s="7">
        <v>38657</v>
      </c>
      <c r="G25677" s="8">
        <v>4479596</v>
      </c>
      <c r="H25677" s="8">
        <v>4479596</v>
      </c>
      <c r="I25677" s="8">
        <v>0</v>
      </c>
      <c r="J25677" s="8">
        <v>4479596</v>
      </c>
      <c r="K25677" s="9">
        <v>367.18</v>
      </c>
      <c r="L25677" s="6" t="s">
        <v>1694</v>
      </c>
    </row>
    <row r="25678" spans="1:12">
      <c r="A25678" s="6" t="s">
        <v>25883</v>
      </c>
      <c r="B25678" s="6"/>
      <c r="C25678" s="6" t="s">
        <v>25885</v>
      </c>
      <c r="D25678" s="6"/>
      <c r="E25678" s="6" t="s">
        <v>9</v>
      </c>
      <c r="F25678" s="7">
        <v>38657</v>
      </c>
      <c r="G25678" s="8">
        <v>77787200</v>
      </c>
      <c r="H25678" s="8">
        <v>77787200</v>
      </c>
      <c r="I25678" s="8">
        <v>0</v>
      </c>
      <c r="J25678" s="8">
        <v>77787200</v>
      </c>
      <c r="K25678" s="9">
        <v>6376</v>
      </c>
      <c r="L25678" s="6" t="s">
        <v>1694</v>
      </c>
    </row>
    <row r="25679" spans="1:12">
      <c r="A25679" s="6" t="s">
        <v>25883</v>
      </c>
      <c r="B25679" s="6"/>
      <c r="C25679" s="6" t="s">
        <v>25886</v>
      </c>
      <c r="D25679" s="6"/>
      <c r="E25679" s="6" t="s">
        <v>9</v>
      </c>
      <c r="F25679" s="7">
        <v>38657</v>
      </c>
      <c r="G25679" s="8">
        <v>1554700</v>
      </c>
      <c r="H25679" s="8">
        <v>1554700</v>
      </c>
      <c r="I25679" s="8">
        <v>0</v>
      </c>
      <c r="J25679" s="8">
        <v>1554700</v>
      </c>
      <c r="K25679" s="9">
        <v>111.05</v>
      </c>
      <c r="L25679" s="6" t="s">
        <v>1694</v>
      </c>
    </row>
    <row r="25680" spans="1:12">
      <c r="A25680" s="6" t="s">
        <v>25883</v>
      </c>
      <c r="B25680" s="6"/>
      <c r="C25680" s="6" t="s">
        <v>25887</v>
      </c>
      <c r="D25680" s="6"/>
      <c r="E25680" s="6" t="s">
        <v>9</v>
      </c>
      <c r="F25680" s="7">
        <v>38657</v>
      </c>
      <c r="G25680" s="8">
        <v>20727800</v>
      </c>
      <c r="H25680" s="8">
        <v>20727800</v>
      </c>
      <c r="I25680" s="8">
        <v>0</v>
      </c>
      <c r="J25680" s="8">
        <v>20727800</v>
      </c>
      <c r="K25680" s="9">
        <v>1699</v>
      </c>
      <c r="L25680" s="6" t="s">
        <v>1694</v>
      </c>
    </row>
    <row r="25681" spans="1:12">
      <c r="A25681" s="6" t="s">
        <v>25883</v>
      </c>
      <c r="B25681" s="6"/>
      <c r="C25681" s="6" t="s">
        <v>25888</v>
      </c>
      <c r="D25681" s="6"/>
      <c r="E25681" s="6" t="s">
        <v>9</v>
      </c>
      <c r="F25681" s="7">
        <v>38657</v>
      </c>
      <c r="G25681" s="8">
        <v>38064000</v>
      </c>
      <c r="H25681" s="8">
        <v>38064000</v>
      </c>
      <c r="I25681" s="8">
        <v>0</v>
      </c>
      <c r="J25681" s="8">
        <v>38064000</v>
      </c>
      <c r="K25681" s="9">
        <v>3120</v>
      </c>
      <c r="L25681" s="6" t="s">
        <v>1694</v>
      </c>
    </row>
    <row r="25682" spans="1:12">
      <c r="A25682" s="6" t="s">
        <v>25889</v>
      </c>
      <c r="B25682" s="6"/>
      <c r="C25682" s="6" t="s">
        <v>25890</v>
      </c>
      <c r="D25682" s="6"/>
      <c r="E25682" s="6" t="s">
        <v>18740</v>
      </c>
      <c r="F25682" s="7">
        <v>38657</v>
      </c>
      <c r="G25682" s="8">
        <v>24772840</v>
      </c>
      <c r="H25682" s="8">
        <v>24772840</v>
      </c>
      <c r="I25682" s="8">
        <v>0</v>
      </c>
      <c r="J25682" s="8">
        <v>24772840</v>
      </c>
      <c r="K25682" s="9">
        <v>538.54</v>
      </c>
      <c r="L25682" s="6" t="s">
        <v>10</v>
      </c>
    </row>
    <row r="25683" spans="1:12">
      <c r="A25683" s="6" t="s">
        <v>25891</v>
      </c>
      <c r="B25683" s="6"/>
      <c r="C25683" s="6" t="s">
        <v>25892</v>
      </c>
      <c r="D25683" s="6"/>
      <c r="E25683" s="6" t="s">
        <v>9</v>
      </c>
      <c r="F25683" s="7">
        <v>38657</v>
      </c>
      <c r="G25683" s="8">
        <v>1185984</v>
      </c>
      <c r="H25683" s="8">
        <v>1185984</v>
      </c>
      <c r="I25683" s="8">
        <v>0</v>
      </c>
      <c r="J25683" s="8">
        <v>1185984</v>
      </c>
      <c r="K25683" s="9">
        <v>232</v>
      </c>
      <c r="L25683" s="6" t="s">
        <v>23</v>
      </c>
    </row>
    <row r="25684" spans="1:12">
      <c r="A25684" s="6" t="s">
        <v>25891</v>
      </c>
      <c r="B25684" s="6"/>
      <c r="C25684" s="6" t="s">
        <v>25893</v>
      </c>
      <c r="D25684" s="6"/>
      <c r="E25684" s="6" t="s">
        <v>9</v>
      </c>
      <c r="F25684" s="7">
        <v>38657</v>
      </c>
      <c r="G25684" s="8">
        <v>782136</v>
      </c>
      <c r="H25684" s="8">
        <v>782136</v>
      </c>
      <c r="I25684" s="8">
        <v>0</v>
      </c>
      <c r="J25684" s="8">
        <v>782136</v>
      </c>
      <c r="K25684" s="9">
        <v>153</v>
      </c>
      <c r="L25684" s="6" t="s">
        <v>23</v>
      </c>
    </row>
    <row r="25685" spans="1:12">
      <c r="A25685" s="6" t="s">
        <v>25891</v>
      </c>
      <c r="B25685" s="6"/>
      <c r="C25685" s="6" t="s">
        <v>25894</v>
      </c>
      <c r="D25685" s="6"/>
      <c r="E25685" s="6" t="s">
        <v>9</v>
      </c>
      <c r="F25685" s="7">
        <v>38657</v>
      </c>
      <c r="G25685" s="8">
        <v>1482480</v>
      </c>
      <c r="H25685" s="8">
        <v>1482480</v>
      </c>
      <c r="I25685" s="8">
        <v>0</v>
      </c>
      <c r="J25685" s="8">
        <v>1482480</v>
      </c>
      <c r="K25685" s="9">
        <v>290</v>
      </c>
      <c r="L25685" s="6" t="s">
        <v>23</v>
      </c>
    </row>
    <row r="25686" spans="1:12">
      <c r="A25686" s="6" t="s">
        <v>25891</v>
      </c>
      <c r="B25686" s="6"/>
      <c r="C25686" s="6" t="s">
        <v>25895</v>
      </c>
      <c r="D25686" s="6"/>
      <c r="E25686" s="6" t="s">
        <v>9</v>
      </c>
      <c r="F25686" s="7">
        <v>38657</v>
      </c>
      <c r="G25686" s="8">
        <v>572544</v>
      </c>
      <c r="H25686" s="8">
        <v>572544</v>
      </c>
      <c r="I25686" s="8">
        <v>0</v>
      </c>
      <c r="J25686" s="8">
        <v>572544</v>
      </c>
      <c r="K25686" s="9">
        <v>112</v>
      </c>
      <c r="L25686" s="6" t="s">
        <v>23</v>
      </c>
    </row>
    <row r="25687" spans="1:12">
      <c r="A25687" s="6" t="s">
        <v>25896</v>
      </c>
      <c r="B25687" s="6"/>
      <c r="C25687" s="6" t="s">
        <v>25897</v>
      </c>
      <c r="D25687" s="6"/>
      <c r="E25687" s="6" t="s">
        <v>9</v>
      </c>
      <c r="F25687" s="7">
        <v>38657</v>
      </c>
      <c r="G25687" s="8">
        <v>2826936</v>
      </c>
      <c r="H25687" s="8">
        <v>2826936</v>
      </c>
      <c r="I25687" s="8">
        <v>0</v>
      </c>
      <c r="J25687" s="8">
        <v>2826936</v>
      </c>
      <c r="K25687" s="9">
        <v>553</v>
      </c>
      <c r="L25687" s="6" t="s">
        <v>14</v>
      </c>
    </row>
    <row r="25688" spans="1:12">
      <c r="A25688" s="6" t="s">
        <v>25896</v>
      </c>
      <c r="B25688" s="6"/>
      <c r="C25688" s="6" t="s">
        <v>25898</v>
      </c>
      <c r="D25688" s="6"/>
      <c r="E25688" s="6" t="s">
        <v>9</v>
      </c>
      <c r="F25688" s="7">
        <v>38657</v>
      </c>
      <c r="G25688" s="8">
        <v>1007064</v>
      </c>
      <c r="H25688" s="8">
        <v>1007064</v>
      </c>
      <c r="I25688" s="8">
        <v>0</v>
      </c>
      <c r="J25688" s="8">
        <v>1007064</v>
      </c>
      <c r="K25688" s="9">
        <v>197</v>
      </c>
      <c r="L25688" s="6" t="s">
        <v>14</v>
      </c>
    </row>
    <row r="25689" spans="1:12">
      <c r="A25689" s="6" t="s">
        <v>25899</v>
      </c>
      <c r="B25689" s="6"/>
      <c r="C25689" s="6" t="s">
        <v>25900</v>
      </c>
      <c r="D25689" s="6"/>
      <c r="E25689" s="6" t="s">
        <v>18740</v>
      </c>
      <c r="F25689" s="7">
        <v>38657</v>
      </c>
      <c r="G25689" s="8">
        <v>5112</v>
      </c>
      <c r="H25689" s="8">
        <v>5112</v>
      </c>
      <c r="I25689" s="8">
        <v>0</v>
      </c>
      <c r="J25689" s="8">
        <v>5112</v>
      </c>
      <c r="K25689" s="9">
        <v>1</v>
      </c>
      <c r="L25689" s="6" t="s">
        <v>23</v>
      </c>
    </row>
    <row r="25690" spans="1:12">
      <c r="A25690" s="6" t="s">
        <v>25901</v>
      </c>
      <c r="B25690" s="6"/>
      <c r="C25690" s="6" t="s">
        <v>25902</v>
      </c>
      <c r="D25690" s="6"/>
      <c r="E25690" s="6" t="s">
        <v>18740</v>
      </c>
      <c r="F25690" s="7">
        <v>38657</v>
      </c>
      <c r="G25690" s="8">
        <v>1462032</v>
      </c>
      <c r="H25690" s="8">
        <v>1462032</v>
      </c>
      <c r="I25690" s="8">
        <v>0</v>
      </c>
      <c r="J25690" s="8">
        <v>1462032</v>
      </c>
      <c r="K25690" s="9">
        <v>286</v>
      </c>
      <c r="L25690" s="6" t="s">
        <v>23</v>
      </c>
    </row>
    <row r="25691" spans="1:12">
      <c r="A25691" s="6" t="s">
        <v>25901</v>
      </c>
      <c r="B25691" s="6"/>
      <c r="C25691" s="6" t="s">
        <v>25903</v>
      </c>
      <c r="D25691" s="6"/>
      <c r="E25691" s="6" t="s">
        <v>18740</v>
      </c>
      <c r="F25691" s="7">
        <v>38657</v>
      </c>
      <c r="G25691" s="8">
        <v>240264</v>
      </c>
      <c r="H25691" s="8">
        <v>240264</v>
      </c>
      <c r="I25691" s="8">
        <v>0</v>
      </c>
      <c r="J25691" s="8">
        <v>240264</v>
      </c>
      <c r="K25691" s="9">
        <v>47</v>
      </c>
      <c r="L25691" s="6" t="s">
        <v>23</v>
      </c>
    </row>
    <row r="25692" spans="1:12">
      <c r="A25692" s="6" t="s">
        <v>25904</v>
      </c>
      <c r="B25692" s="6"/>
      <c r="C25692" s="6" t="s">
        <v>25905</v>
      </c>
      <c r="D25692" s="6"/>
      <c r="E25692" s="6" t="s">
        <v>9</v>
      </c>
      <c r="F25692" s="7">
        <v>38657</v>
      </c>
      <c r="G25692" s="8">
        <v>61344</v>
      </c>
      <c r="H25692" s="8">
        <v>61344</v>
      </c>
      <c r="I25692" s="8">
        <v>0</v>
      </c>
      <c r="J25692" s="8">
        <v>61344</v>
      </c>
      <c r="K25692" s="9">
        <v>12</v>
      </c>
      <c r="L25692" s="6" t="s">
        <v>23</v>
      </c>
    </row>
    <row r="25693" spans="1:12">
      <c r="A25693" s="6" t="s">
        <v>25906</v>
      </c>
      <c r="B25693" s="6"/>
      <c r="C25693" s="6" t="s">
        <v>25907</v>
      </c>
      <c r="D25693" s="6"/>
      <c r="E25693" s="6" t="s">
        <v>9</v>
      </c>
      <c r="F25693" s="7">
        <v>38657</v>
      </c>
      <c r="G25693" s="8">
        <v>11248400</v>
      </c>
      <c r="H25693" s="8">
        <v>11248400</v>
      </c>
      <c r="I25693" s="8">
        <v>0</v>
      </c>
      <c r="J25693" s="8">
        <v>11248400</v>
      </c>
      <c r="K25693" s="9">
        <v>922</v>
      </c>
      <c r="L25693" s="6" t="s">
        <v>1694</v>
      </c>
    </row>
    <row r="25694" spans="1:12">
      <c r="A25694" s="6" t="s">
        <v>25908</v>
      </c>
      <c r="B25694" s="6"/>
      <c r="C25694" s="6" t="s">
        <v>25909</v>
      </c>
      <c r="D25694" s="6"/>
      <c r="E25694" s="6" t="s">
        <v>18740</v>
      </c>
      <c r="F25694" s="7">
        <v>38657</v>
      </c>
      <c r="G25694" s="8">
        <v>69540</v>
      </c>
      <c r="H25694" s="8">
        <v>69540</v>
      </c>
      <c r="I25694" s="8">
        <v>0</v>
      </c>
      <c r="J25694" s="8">
        <v>69540</v>
      </c>
      <c r="K25694" s="9">
        <v>1.9</v>
      </c>
      <c r="L25694" s="6" t="s">
        <v>10</v>
      </c>
    </row>
    <row r="25695" spans="1:12">
      <c r="A25695" s="6" t="s">
        <v>25910</v>
      </c>
      <c r="B25695" s="6"/>
      <c r="C25695" s="6" t="s">
        <v>25911</v>
      </c>
      <c r="D25695" s="6"/>
      <c r="E25695" s="6" t="s">
        <v>18740</v>
      </c>
      <c r="F25695" s="7">
        <v>38657</v>
      </c>
      <c r="G25695" s="8">
        <v>1114416</v>
      </c>
      <c r="H25695" s="8">
        <v>1114416</v>
      </c>
      <c r="I25695" s="8">
        <v>0</v>
      </c>
      <c r="J25695" s="8">
        <v>1114416</v>
      </c>
      <c r="K25695" s="9">
        <v>218</v>
      </c>
      <c r="L25695" s="6" t="s">
        <v>23</v>
      </c>
    </row>
    <row r="25696" spans="1:12">
      <c r="A25696" s="6" t="s">
        <v>25912</v>
      </c>
      <c r="B25696" s="6"/>
      <c r="C25696" s="6" t="s">
        <v>25913</v>
      </c>
      <c r="D25696" s="6"/>
      <c r="E25696" s="6" t="s">
        <v>9</v>
      </c>
      <c r="F25696" s="7">
        <v>38657</v>
      </c>
      <c r="G25696" s="8">
        <v>1828460</v>
      </c>
      <c r="H25696" s="8">
        <v>1828460</v>
      </c>
      <c r="I25696" s="8">
        <v>0</v>
      </c>
      <c r="J25696" s="8">
        <v>1828460</v>
      </c>
      <c r="K25696" s="9">
        <v>357.68</v>
      </c>
      <c r="L25696" s="6" t="s">
        <v>14</v>
      </c>
    </row>
    <row r="25697" spans="1:12">
      <c r="A25697" s="6" t="s">
        <v>25914</v>
      </c>
      <c r="B25697" s="6"/>
      <c r="C25697" s="6" t="s">
        <v>25915</v>
      </c>
      <c r="D25697" s="6"/>
      <c r="E25697" s="6" t="s">
        <v>18740</v>
      </c>
      <c r="F25697" s="7">
        <v>38657</v>
      </c>
      <c r="G25697" s="8">
        <v>18965</v>
      </c>
      <c r="H25697" s="8">
        <v>18965</v>
      </c>
      <c r="I25697" s="8">
        <v>0</v>
      </c>
      <c r="J25697" s="8">
        <v>18965</v>
      </c>
      <c r="K25697" s="9">
        <v>3.71</v>
      </c>
      <c r="L25697" s="6" t="s">
        <v>23</v>
      </c>
    </row>
    <row r="25698" spans="1:12">
      <c r="A25698" s="6" t="s">
        <v>25916</v>
      </c>
      <c r="B25698" s="6"/>
      <c r="C25698" s="6" t="s">
        <v>25917</v>
      </c>
      <c r="D25698" s="6"/>
      <c r="E25698" s="6" t="s">
        <v>18740</v>
      </c>
      <c r="F25698" s="7">
        <v>38657</v>
      </c>
      <c r="G25698" s="8">
        <v>398880</v>
      </c>
      <c r="H25698" s="8">
        <v>398880</v>
      </c>
      <c r="I25698" s="8">
        <v>0</v>
      </c>
      <c r="J25698" s="8">
        <v>398880</v>
      </c>
      <c r="K25698" s="9">
        <v>16.62</v>
      </c>
      <c r="L25698" s="6" t="s">
        <v>10</v>
      </c>
    </row>
    <row r="25699" spans="1:12">
      <c r="A25699" s="6" t="s">
        <v>25918</v>
      </c>
      <c r="B25699" s="6"/>
      <c r="C25699" s="6" t="s">
        <v>25919</v>
      </c>
      <c r="D25699" s="6"/>
      <c r="E25699" s="6" t="s">
        <v>18740</v>
      </c>
      <c r="F25699" s="7">
        <v>38657</v>
      </c>
      <c r="G25699" s="8">
        <v>618552</v>
      </c>
      <c r="H25699" s="8">
        <v>618552</v>
      </c>
      <c r="I25699" s="8">
        <v>0</v>
      </c>
      <c r="J25699" s="8">
        <v>618552</v>
      </c>
      <c r="K25699" s="9">
        <v>121</v>
      </c>
      <c r="L25699" s="6" t="s">
        <v>6094</v>
      </c>
    </row>
    <row r="25700" spans="1:12">
      <c r="A25700" s="6" t="s">
        <v>25920</v>
      </c>
      <c r="B25700" s="6"/>
      <c r="C25700" s="6" t="s">
        <v>25921</v>
      </c>
      <c r="D25700" s="6"/>
      <c r="E25700" s="6" t="s">
        <v>25121</v>
      </c>
      <c r="F25700" s="7">
        <v>38657</v>
      </c>
      <c r="G25700" s="8">
        <v>373176</v>
      </c>
      <c r="H25700" s="8">
        <v>373176</v>
      </c>
      <c r="I25700" s="8">
        <v>0</v>
      </c>
      <c r="J25700" s="8">
        <v>373176</v>
      </c>
      <c r="K25700" s="9">
        <v>73</v>
      </c>
      <c r="L25700" s="6" t="s">
        <v>23</v>
      </c>
    </row>
    <row r="25701" spans="1:12">
      <c r="A25701" s="6" t="s">
        <v>25922</v>
      </c>
      <c r="B25701" s="6"/>
      <c r="C25701" s="6" t="s">
        <v>25923</v>
      </c>
      <c r="D25701" s="6"/>
      <c r="E25701" s="6" t="s">
        <v>9</v>
      </c>
      <c r="F25701" s="7">
        <v>38657</v>
      </c>
      <c r="G25701" s="8">
        <v>2688912</v>
      </c>
      <c r="H25701" s="8">
        <v>2688912</v>
      </c>
      <c r="I25701" s="8">
        <v>0</v>
      </c>
      <c r="J25701" s="8">
        <v>2688912</v>
      </c>
      <c r="K25701" s="9">
        <v>526</v>
      </c>
      <c r="L25701" s="6" t="s">
        <v>14</v>
      </c>
    </row>
    <row r="25702" spans="1:12">
      <c r="A25702" s="6" t="s">
        <v>25922</v>
      </c>
      <c r="B25702" s="6"/>
      <c r="C25702" s="6" t="s">
        <v>25924</v>
      </c>
      <c r="D25702" s="6"/>
      <c r="E25702" s="6" t="s">
        <v>9</v>
      </c>
      <c r="F25702" s="7">
        <v>38657</v>
      </c>
      <c r="G25702" s="8">
        <v>4089600</v>
      </c>
      <c r="H25702" s="8">
        <v>4089600</v>
      </c>
      <c r="I25702" s="8">
        <v>0</v>
      </c>
      <c r="J25702" s="8">
        <v>4089600</v>
      </c>
      <c r="K25702" s="9">
        <v>800</v>
      </c>
      <c r="L25702" s="6" t="s">
        <v>14</v>
      </c>
    </row>
    <row r="25703" spans="1:12">
      <c r="A25703" s="6" t="s">
        <v>25922</v>
      </c>
      <c r="B25703" s="6"/>
      <c r="C25703" s="6" t="s">
        <v>25925</v>
      </c>
      <c r="D25703" s="6"/>
      <c r="E25703" s="6" t="s">
        <v>9</v>
      </c>
      <c r="F25703" s="7">
        <v>38657</v>
      </c>
      <c r="G25703" s="8">
        <v>6666048</v>
      </c>
      <c r="H25703" s="8">
        <v>6666048</v>
      </c>
      <c r="I25703" s="8">
        <v>0</v>
      </c>
      <c r="J25703" s="8">
        <v>6666048</v>
      </c>
      <c r="K25703" s="9">
        <v>1304</v>
      </c>
      <c r="L25703" s="6" t="s">
        <v>14</v>
      </c>
    </row>
    <row r="25704" spans="1:12">
      <c r="A25704" s="6" t="s">
        <v>25922</v>
      </c>
      <c r="B25704" s="6"/>
      <c r="C25704" s="6" t="s">
        <v>25926</v>
      </c>
      <c r="D25704" s="6"/>
      <c r="E25704" s="6" t="s">
        <v>9</v>
      </c>
      <c r="F25704" s="7">
        <v>38657</v>
      </c>
      <c r="G25704" s="8">
        <v>6798960</v>
      </c>
      <c r="H25704" s="8">
        <v>6798960</v>
      </c>
      <c r="I25704" s="8">
        <v>0</v>
      </c>
      <c r="J25704" s="8">
        <v>6798960</v>
      </c>
      <c r="K25704" s="9">
        <v>1330</v>
      </c>
      <c r="L25704" s="6" t="s">
        <v>14</v>
      </c>
    </row>
    <row r="25705" spans="1:12">
      <c r="A25705" s="6" t="s">
        <v>25927</v>
      </c>
      <c r="B25705" s="6"/>
      <c r="C25705" s="6" t="s">
        <v>25928</v>
      </c>
      <c r="D25705" s="6"/>
      <c r="E25705" s="6" t="s">
        <v>25121</v>
      </c>
      <c r="F25705" s="7">
        <v>38657</v>
      </c>
      <c r="G25705" s="8">
        <v>281160</v>
      </c>
      <c r="H25705" s="8">
        <v>281160</v>
      </c>
      <c r="I25705" s="8">
        <v>0</v>
      </c>
      <c r="J25705" s="8">
        <v>281160</v>
      </c>
      <c r="K25705" s="9">
        <v>55</v>
      </c>
      <c r="L25705" s="6" t="s">
        <v>23</v>
      </c>
    </row>
    <row r="25706" spans="1:12">
      <c r="A25706" s="6" t="s">
        <v>25929</v>
      </c>
      <c r="B25706" s="6"/>
      <c r="C25706" s="6" t="s">
        <v>25930</v>
      </c>
      <c r="D25706" s="6"/>
      <c r="E25706" s="6" t="s">
        <v>18740</v>
      </c>
      <c r="F25706" s="7">
        <v>38657</v>
      </c>
      <c r="G25706" s="8">
        <v>1459220</v>
      </c>
      <c r="H25706" s="8">
        <v>1459220</v>
      </c>
      <c r="I25706" s="8">
        <v>0</v>
      </c>
      <c r="J25706" s="8">
        <v>1459220</v>
      </c>
      <c r="K25706" s="9">
        <v>285.45</v>
      </c>
      <c r="L25706" s="6" t="s">
        <v>23</v>
      </c>
    </row>
    <row r="25707" spans="1:12">
      <c r="A25707" s="6" t="s">
        <v>25931</v>
      </c>
      <c r="B25707" s="6"/>
      <c r="C25707" s="6" t="s">
        <v>25932</v>
      </c>
      <c r="D25707" s="6"/>
      <c r="E25707" s="6" t="s">
        <v>18740</v>
      </c>
      <c r="F25707" s="7">
        <v>38657</v>
      </c>
      <c r="G25707" s="8">
        <v>3067</v>
      </c>
      <c r="H25707" s="8">
        <v>3067</v>
      </c>
      <c r="I25707" s="8">
        <v>0</v>
      </c>
      <c r="J25707" s="8">
        <v>3067</v>
      </c>
      <c r="K25707" s="9">
        <v>0.6</v>
      </c>
      <c r="L25707" s="6" t="s">
        <v>23</v>
      </c>
    </row>
    <row r="25708" spans="1:12">
      <c r="A25708" s="6" t="s">
        <v>25931</v>
      </c>
      <c r="B25708" s="6"/>
      <c r="C25708" s="6" t="s">
        <v>25933</v>
      </c>
      <c r="D25708" s="6"/>
      <c r="E25708" s="6" t="s">
        <v>18740</v>
      </c>
      <c r="F25708" s="7">
        <v>38657</v>
      </c>
      <c r="G25708" s="8">
        <v>81792</v>
      </c>
      <c r="H25708" s="8">
        <v>81792</v>
      </c>
      <c r="I25708" s="8">
        <v>0</v>
      </c>
      <c r="J25708" s="8">
        <v>81792</v>
      </c>
      <c r="K25708" s="9">
        <v>16</v>
      </c>
      <c r="L25708" s="6" t="s">
        <v>23</v>
      </c>
    </row>
    <row r="25709" spans="1:12">
      <c r="A25709" s="6" t="s">
        <v>25931</v>
      </c>
      <c r="B25709" s="6"/>
      <c r="C25709" s="6" t="s">
        <v>25934</v>
      </c>
      <c r="D25709" s="6"/>
      <c r="E25709" s="6" t="s">
        <v>18740</v>
      </c>
      <c r="F25709" s="7">
        <v>38657</v>
      </c>
      <c r="G25709" s="8">
        <v>761688</v>
      </c>
      <c r="H25709" s="8">
        <v>761688</v>
      </c>
      <c r="I25709" s="8">
        <v>0</v>
      </c>
      <c r="J25709" s="8">
        <v>761688</v>
      </c>
      <c r="K25709" s="9">
        <v>149</v>
      </c>
      <c r="L25709" s="6" t="s">
        <v>23</v>
      </c>
    </row>
    <row r="25710" spans="1:12">
      <c r="A25710" s="6" t="s">
        <v>25935</v>
      </c>
      <c r="B25710" s="6"/>
      <c r="C25710" s="6" t="s">
        <v>25936</v>
      </c>
      <c r="D25710" s="6"/>
      <c r="E25710" s="6" t="s">
        <v>18740</v>
      </c>
      <c r="F25710" s="7">
        <v>38657</v>
      </c>
      <c r="G25710" s="8">
        <v>117334400</v>
      </c>
      <c r="H25710" s="8">
        <v>117334400</v>
      </c>
      <c r="I25710" s="8">
        <v>0</v>
      </c>
      <c r="J25710" s="8">
        <v>117334400</v>
      </c>
      <c r="K25710" s="9">
        <v>3964</v>
      </c>
      <c r="L25710" s="6" t="s">
        <v>1694</v>
      </c>
    </row>
    <row r="25711" spans="1:12">
      <c r="A25711" s="6" t="s">
        <v>25937</v>
      </c>
      <c r="B25711" s="6"/>
      <c r="C25711" s="6" t="s">
        <v>25938</v>
      </c>
      <c r="D25711" s="6"/>
      <c r="E25711" s="6" t="s">
        <v>18740</v>
      </c>
      <c r="F25711" s="7">
        <v>38657</v>
      </c>
      <c r="G25711" s="8">
        <v>2653128</v>
      </c>
      <c r="H25711" s="8">
        <v>2653128</v>
      </c>
      <c r="I25711" s="8">
        <v>0</v>
      </c>
      <c r="J25711" s="8">
        <v>2653128</v>
      </c>
      <c r="K25711" s="9">
        <v>519</v>
      </c>
      <c r="L25711" s="6" t="s">
        <v>23</v>
      </c>
    </row>
    <row r="25712" spans="1:12">
      <c r="A25712" s="6" t="s">
        <v>25939</v>
      </c>
      <c r="B25712" s="6"/>
      <c r="C25712" s="6" t="s">
        <v>25940</v>
      </c>
      <c r="D25712" s="6"/>
      <c r="E25712" s="6" t="s">
        <v>18740</v>
      </c>
      <c r="F25712" s="7">
        <v>38657</v>
      </c>
      <c r="G25712" s="8">
        <v>644000</v>
      </c>
      <c r="H25712" s="8">
        <v>644000</v>
      </c>
      <c r="I25712" s="8">
        <v>0</v>
      </c>
      <c r="J25712" s="8">
        <v>644000</v>
      </c>
      <c r="K25712" s="9">
        <v>20</v>
      </c>
      <c r="L25712" s="6" t="s">
        <v>10</v>
      </c>
    </row>
    <row r="25713" spans="1:12">
      <c r="A25713" s="6" t="s">
        <v>25941</v>
      </c>
      <c r="B25713" s="6"/>
      <c r="C25713" s="6" t="s">
        <v>25942</v>
      </c>
      <c r="D25713" s="6"/>
      <c r="E25713" s="6" t="s">
        <v>18740</v>
      </c>
      <c r="F25713" s="7">
        <v>38657</v>
      </c>
      <c r="G25713" s="8">
        <v>1191400</v>
      </c>
      <c r="H25713" s="8">
        <v>1191400</v>
      </c>
      <c r="I25713" s="8">
        <v>0</v>
      </c>
      <c r="J25713" s="8">
        <v>1191400</v>
      </c>
      <c r="K25713" s="9">
        <v>37</v>
      </c>
      <c r="L25713" s="6" t="s">
        <v>10</v>
      </c>
    </row>
    <row r="25714" spans="1:12">
      <c r="A25714" s="6" t="s">
        <v>25943</v>
      </c>
      <c r="B25714" s="6"/>
      <c r="C25714" s="6" t="s">
        <v>25944</v>
      </c>
      <c r="D25714" s="6"/>
      <c r="E25714" s="6" t="s">
        <v>9</v>
      </c>
      <c r="F25714" s="7">
        <v>38657</v>
      </c>
      <c r="G25714" s="8">
        <v>6620040</v>
      </c>
      <c r="H25714" s="8">
        <v>6620040</v>
      </c>
      <c r="I25714" s="8">
        <v>0</v>
      </c>
      <c r="J25714" s="8">
        <v>6620040</v>
      </c>
      <c r="K25714" s="9">
        <v>1295</v>
      </c>
      <c r="L25714" s="6" t="s">
        <v>14</v>
      </c>
    </row>
    <row r="25715" spans="1:12">
      <c r="A25715" s="6" t="s">
        <v>25943</v>
      </c>
      <c r="B25715" s="6"/>
      <c r="C25715" s="6" t="s">
        <v>25945</v>
      </c>
      <c r="D25715" s="6"/>
      <c r="E25715" s="6" t="s">
        <v>9</v>
      </c>
      <c r="F25715" s="7">
        <v>38657</v>
      </c>
      <c r="G25715" s="8">
        <v>598104</v>
      </c>
      <c r="H25715" s="8">
        <v>598104</v>
      </c>
      <c r="I25715" s="8">
        <v>0</v>
      </c>
      <c r="J25715" s="8">
        <v>598104</v>
      </c>
      <c r="K25715" s="9">
        <v>117</v>
      </c>
      <c r="L25715" s="6" t="s">
        <v>14</v>
      </c>
    </row>
    <row r="25716" spans="1:12">
      <c r="A25716" s="6" t="s">
        <v>25943</v>
      </c>
      <c r="B25716" s="6"/>
      <c r="C25716" s="6" t="s">
        <v>25946</v>
      </c>
      <c r="D25716" s="6"/>
      <c r="E25716" s="6" t="s">
        <v>9</v>
      </c>
      <c r="F25716" s="7">
        <v>38657</v>
      </c>
      <c r="G25716" s="8">
        <v>4002696</v>
      </c>
      <c r="H25716" s="8">
        <v>4002696</v>
      </c>
      <c r="I25716" s="8">
        <v>0</v>
      </c>
      <c r="J25716" s="8">
        <v>4002696</v>
      </c>
      <c r="K25716" s="9">
        <v>783</v>
      </c>
      <c r="L25716" s="6" t="s">
        <v>14</v>
      </c>
    </row>
    <row r="25717" spans="1:12">
      <c r="A25717" s="6" t="s">
        <v>25943</v>
      </c>
      <c r="B25717" s="6"/>
      <c r="C25717" s="6" t="s">
        <v>25947</v>
      </c>
      <c r="D25717" s="6"/>
      <c r="E25717" s="6" t="s">
        <v>9</v>
      </c>
      <c r="F25717" s="7">
        <v>38657</v>
      </c>
      <c r="G25717" s="8">
        <v>3460824</v>
      </c>
      <c r="H25717" s="8">
        <v>3460824</v>
      </c>
      <c r="I25717" s="8">
        <v>0</v>
      </c>
      <c r="J25717" s="8">
        <v>3460824</v>
      </c>
      <c r="K25717" s="9">
        <v>677</v>
      </c>
      <c r="L25717" s="6" t="s">
        <v>14</v>
      </c>
    </row>
    <row r="25718" spans="1:12">
      <c r="A25718" s="6" t="s">
        <v>25948</v>
      </c>
      <c r="B25718" s="6"/>
      <c r="C25718" s="6" t="s">
        <v>25949</v>
      </c>
      <c r="D25718" s="6"/>
      <c r="E25718" s="6" t="s">
        <v>18740</v>
      </c>
      <c r="F25718" s="7">
        <v>38657</v>
      </c>
      <c r="G25718" s="8">
        <v>145743</v>
      </c>
      <c r="H25718" s="8">
        <v>145743</v>
      </c>
      <c r="I25718" s="8">
        <v>0</v>
      </c>
      <c r="J25718" s="8">
        <v>145743</v>
      </c>
      <c r="K25718" s="9">
        <v>28.51</v>
      </c>
      <c r="L25718" s="6" t="s">
        <v>23</v>
      </c>
    </row>
    <row r="25719" spans="1:12">
      <c r="A25719" s="6" t="s">
        <v>25950</v>
      </c>
      <c r="B25719" s="6"/>
      <c r="C25719" s="6" t="s">
        <v>25951</v>
      </c>
      <c r="D25719" s="6"/>
      <c r="E25719" s="6" t="s">
        <v>18740</v>
      </c>
      <c r="F25719" s="7">
        <v>38657</v>
      </c>
      <c r="G25719" s="8">
        <v>236016</v>
      </c>
      <c r="H25719" s="8">
        <v>236016</v>
      </c>
      <c r="I25719" s="8">
        <v>0</v>
      </c>
      <c r="J25719" s="8">
        <v>236016</v>
      </c>
      <c r="K25719" s="9">
        <v>7.92</v>
      </c>
      <c r="L25719" s="6" t="s">
        <v>10</v>
      </c>
    </row>
    <row r="25720" spans="1:12">
      <c r="A25720" s="6" t="s">
        <v>25952</v>
      </c>
      <c r="B25720" s="6"/>
      <c r="C25720" s="6" t="s">
        <v>25953</v>
      </c>
      <c r="D25720" s="6"/>
      <c r="E25720" s="6" t="s">
        <v>18740</v>
      </c>
      <c r="F25720" s="7">
        <v>38657</v>
      </c>
      <c r="G25720" s="8">
        <v>674784</v>
      </c>
      <c r="H25720" s="8">
        <v>674784</v>
      </c>
      <c r="I25720" s="8">
        <v>0</v>
      </c>
      <c r="J25720" s="8">
        <v>674784</v>
      </c>
      <c r="K25720" s="9">
        <v>132</v>
      </c>
      <c r="L25720" s="6" t="s">
        <v>2193</v>
      </c>
    </row>
    <row r="25721" spans="1:12">
      <c r="A25721" s="6" t="s">
        <v>25954</v>
      </c>
      <c r="B25721" s="6"/>
      <c r="C25721" s="6" t="s">
        <v>25955</v>
      </c>
      <c r="D25721" s="6"/>
      <c r="E25721" s="6" t="s">
        <v>25121</v>
      </c>
      <c r="F25721" s="7">
        <v>38657</v>
      </c>
      <c r="G25721" s="8">
        <v>214704</v>
      </c>
      <c r="H25721" s="8">
        <v>214704</v>
      </c>
      <c r="I25721" s="8">
        <v>0</v>
      </c>
      <c r="J25721" s="8">
        <v>214704</v>
      </c>
      <c r="K25721" s="9">
        <v>42</v>
      </c>
      <c r="L25721" s="6" t="s">
        <v>23</v>
      </c>
    </row>
    <row r="25722" spans="1:12">
      <c r="A25722" s="6" t="s">
        <v>25956</v>
      </c>
      <c r="B25722" s="6"/>
      <c r="C25722" s="6" t="s">
        <v>25957</v>
      </c>
      <c r="D25722" s="6"/>
      <c r="E25722" s="6" t="s">
        <v>18740</v>
      </c>
      <c r="F25722" s="7">
        <v>38657</v>
      </c>
      <c r="G25722" s="8">
        <v>7616</v>
      </c>
      <c r="H25722" s="8">
        <v>7616</v>
      </c>
      <c r="I25722" s="8">
        <v>0</v>
      </c>
      <c r="J25722" s="8">
        <v>7616</v>
      </c>
      <c r="K25722" s="9">
        <v>1.49</v>
      </c>
      <c r="L25722" s="6" t="s">
        <v>23</v>
      </c>
    </row>
    <row r="25723" spans="1:12">
      <c r="A25723" s="6" t="s">
        <v>25958</v>
      </c>
      <c r="B25723" s="6"/>
      <c r="C25723" s="6" t="s">
        <v>25959</v>
      </c>
      <c r="D25723" s="6"/>
      <c r="E25723" s="6" t="s">
        <v>9</v>
      </c>
      <c r="F25723" s="7">
        <v>38657</v>
      </c>
      <c r="G25723" s="8">
        <v>7829460</v>
      </c>
      <c r="H25723" s="8">
        <v>7829460</v>
      </c>
      <c r="I25723" s="8">
        <v>0</v>
      </c>
      <c r="J25723" s="8">
        <v>7829460</v>
      </c>
      <c r="K25723" s="9">
        <v>869.94</v>
      </c>
      <c r="L25723" s="6" t="s">
        <v>1694</v>
      </c>
    </row>
    <row r="25724" spans="1:12">
      <c r="A25724" s="6" t="s">
        <v>25958</v>
      </c>
      <c r="B25724" s="6"/>
      <c r="C25724" s="6" t="s">
        <v>25960</v>
      </c>
      <c r="D25724" s="6"/>
      <c r="E25724" s="6" t="s">
        <v>9</v>
      </c>
      <c r="F25724" s="7">
        <v>38657</v>
      </c>
      <c r="G25724" s="8">
        <v>8605530</v>
      </c>
      <c r="H25724" s="8">
        <v>8605530</v>
      </c>
      <c r="I25724" s="8">
        <v>0</v>
      </c>
      <c r="J25724" s="8">
        <v>8605530</v>
      </c>
      <c r="K25724" s="9">
        <v>956.17</v>
      </c>
      <c r="L25724" s="6" t="s">
        <v>1694</v>
      </c>
    </row>
    <row r="25725" spans="1:12">
      <c r="A25725" s="6" t="s">
        <v>25961</v>
      </c>
      <c r="B25725" s="6"/>
      <c r="C25725" s="6" t="s">
        <v>25962</v>
      </c>
      <c r="D25725" s="6"/>
      <c r="E25725" s="6" t="s">
        <v>9</v>
      </c>
      <c r="F25725" s="7">
        <v>38657</v>
      </c>
      <c r="G25725" s="8">
        <v>3966912</v>
      </c>
      <c r="H25725" s="8">
        <v>3966912</v>
      </c>
      <c r="I25725" s="8">
        <v>0</v>
      </c>
      <c r="J25725" s="8">
        <v>3966912</v>
      </c>
      <c r="K25725" s="9">
        <v>776</v>
      </c>
      <c r="L25725" s="6" t="s">
        <v>14</v>
      </c>
    </row>
    <row r="25726" spans="1:12">
      <c r="A25726" s="6" t="s">
        <v>25963</v>
      </c>
      <c r="B25726" s="6"/>
      <c r="C25726" s="6" t="s">
        <v>25964</v>
      </c>
      <c r="D25726" s="6"/>
      <c r="E25726" s="6" t="s">
        <v>9</v>
      </c>
      <c r="F25726" s="7">
        <v>38657</v>
      </c>
      <c r="G25726" s="8">
        <v>1538712</v>
      </c>
      <c r="H25726" s="8">
        <v>1538712</v>
      </c>
      <c r="I25726" s="8">
        <v>0</v>
      </c>
      <c r="J25726" s="8">
        <v>1538712</v>
      </c>
      <c r="K25726" s="9">
        <v>301</v>
      </c>
      <c r="L25726" s="6" t="s">
        <v>14</v>
      </c>
    </row>
    <row r="25727" spans="1:12">
      <c r="A25727" s="6" t="s">
        <v>25965</v>
      </c>
      <c r="B25727" s="6"/>
      <c r="C25727" s="6" t="s">
        <v>25966</v>
      </c>
      <c r="D25727" s="6"/>
      <c r="E25727" s="6" t="s">
        <v>18740</v>
      </c>
      <c r="F25727" s="7">
        <v>38657</v>
      </c>
      <c r="G25727" s="8">
        <v>102240</v>
      </c>
      <c r="H25727" s="8">
        <v>102240</v>
      </c>
      <c r="I25727" s="8">
        <v>0</v>
      </c>
      <c r="J25727" s="8">
        <v>102240</v>
      </c>
      <c r="K25727" s="9">
        <v>20</v>
      </c>
      <c r="L25727" s="6" t="s">
        <v>23</v>
      </c>
    </row>
    <row r="25728" spans="1:12">
      <c r="A25728" s="6" t="s">
        <v>25967</v>
      </c>
      <c r="B25728" s="6"/>
      <c r="C25728" s="6" t="s">
        <v>25968</v>
      </c>
      <c r="D25728" s="6"/>
      <c r="E25728" s="6" t="s">
        <v>9</v>
      </c>
      <c r="F25728" s="7">
        <v>38657</v>
      </c>
      <c r="G25728" s="8">
        <v>4585464</v>
      </c>
      <c r="H25728" s="8">
        <v>4585464</v>
      </c>
      <c r="I25728" s="8">
        <v>0</v>
      </c>
      <c r="J25728" s="8">
        <v>4585464</v>
      </c>
      <c r="K25728" s="9">
        <v>897</v>
      </c>
      <c r="L25728" s="6" t="s">
        <v>14</v>
      </c>
    </row>
    <row r="25729" spans="1:12">
      <c r="A25729" s="6" t="s">
        <v>25969</v>
      </c>
      <c r="B25729" s="6"/>
      <c r="C25729" s="6" t="s">
        <v>25970</v>
      </c>
      <c r="D25729" s="6"/>
      <c r="E25729" s="6" t="s">
        <v>9</v>
      </c>
      <c r="F25729" s="7">
        <v>36064</v>
      </c>
      <c r="G25729" s="8">
        <v>3476160</v>
      </c>
      <c r="H25729" s="8">
        <v>3476160</v>
      </c>
      <c r="I25729" s="8">
        <v>0</v>
      </c>
      <c r="J25729" s="8">
        <v>3476160</v>
      </c>
      <c r="K25729" s="9">
        <v>680</v>
      </c>
      <c r="L25729" s="6" t="s">
        <v>14</v>
      </c>
    </row>
    <row r="25730" spans="1:12">
      <c r="A25730" s="6" t="s">
        <v>25969</v>
      </c>
      <c r="B25730" s="6"/>
      <c r="C25730" s="6" t="s">
        <v>25971</v>
      </c>
      <c r="D25730" s="6"/>
      <c r="E25730" s="6" t="s">
        <v>9</v>
      </c>
      <c r="F25730" s="7">
        <v>38657</v>
      </c>
      <c r="G25730" s="8">
        <v>209592</v>
      </c>
      <c r="H25730" s="8">
        <v>209592</v>
      </c>
      <c r="I25730" s="8">
        <v>0</v>
      </c>
      <c r="J25730" s="8">
        <v>209592</v>
      </c>
      <c r="K25730" s="9">
        <v>41</v>
      </c>
      <c r="L25730" s="6" t="s">
        <v>14</v>
      </c>
    </row>
    <row r="25731" spans="1:12">
      <c r="A25731" s="6" t="s">
        <v>25969</v>
      </c>
      <c r="B25731" s="6"/>
      <c r="C25731" s="6" t="s">
        <v>25972</v>
      </c>
      <c r="D25731" s="6"/>
      <c r="E25731" s="6" t="s">
        <v>9</v>
      </c>
      <c r="F25731" s="7">
        <v>38657</v>
      </c>
      <c r="G25731" s="8">
        <v>148248</v>
      </c>
      <c r="H25731" s="8">
        <v>148248</v>
      </c>
      <c r="I25731" s="8">
        <v>0</v>
      </c>
      <c r="J25731" s="8">
        <v>148248</v>
      </c>
      <c r="K25731" s="9">
        <v>29</v>
      </c>
      <c r="L25731" s="6" t="s">
        <v>14</v>
      </c>
    </row>
    <row r="25732" spans="1:12">
      <c r="A25732" s="6" t="s">
        <v>25969</v>
      </c>
      <c r="B25732" s="6"/>
      <c r="C25732" s="6" t="s">
        <v>25973</v>
      </c>
      <c r="D25732" s="6"/>
      <c r="E25732" s="6" t="s">
        <v>9</v>
      </c>
      <c r="F25732" s="7">
        <v>38657</v>
      </c>
      <c r="G25732" s="8">
        <v>7131240</v>
      </c>
      <c r="H25732" s="8">
        <v>7131240</v>
      </c>
      <c r="I25732" s="8">
        <v>0</v>
      </c>
      <c r="J25732" s="8">
        <v>7131240</v>
      </c>
      <c r="K25732" s="9">
        <v>1395</v>
      </c>
      <c r="L25732" s="6" t="s">
        <v>14</v>
      </c>
    </row>
    <row r="25733" spans="1:12">
      <c r="A25733" s="6" t="s">
        <v>25969</v>
      </c>
      <c r="B25733" s="6"/>
      <c r="C25733" s="6" t="s">
        <v>25974</v>
      </c>
      <c r="D25733" s="6"/>
      <c r="E25733" s="6" t="s">
        <v>9</v>
      </c>
      <c r="F25733" s="7">
        <v>38657</v>
      </c>
      <c r="G25733" s="8">
        <v>41662</v>
      </c>
      <c r="H25733" s="8">
        <v>41662</v>
      </c>
      <c r="I25733" s="8">
        <v>0</v>
      </c>
      <c r="J25733" s="8">
        <v>41662</v>
      </c>
      <c r="K25733" s="9">
        <v>8.15</v>
      </c>
      <c r="L25733" s="6" t="s">
        <v>14</v>
      </c>
    </row>
    <row r="25734" spans="1:12">
      <c r="A25734" s="6" t="s">
        <v>25969</v>
      </c>
      <c r="B25734" s="6"/>
      <c r="C25734" s="6" t="s">
        <v>25975</v>
      </c>
      <c r="D25734" s="6"/>
      <c r="E25734" s="6" t="s">
        <v>9</v>
      </c>
      <c r="F25734" s="7">
        <v>38657</v>
      </c>
      <c r="G25734" s="8">
        <v>51120</v>
      </c>
      <c r="H25734" s="8">
        <v>51120</v>
      </c>
      <c r="I25734" s="8">
        <v>0</v>
      </c>
      <c r="J25734" s="8">
        <v>51120</v>
      </c>
      <c r="K25734" s="9">
        <v>10</v>
      </c>
      <c r="L25734" s="6" t="s">
        <v>14</v>
      </c>
    </row>
    <row r="25735" spans="1:12">
      <c r="A25735" s="6" t="s">
        <v>25976</v>
      </c>
      <c r="B25735" s="6"/>
      <c r="C25735" s="6" t="s">
        <v>25977</v>
      </c>
      <c r="D25735" s="6"/>
      <c r="E25735" s="6" t="s">
        <v>18740</v>
      </c>
      <c r="F25735" s="7">
        <v>38657</v>
      </c>
      <c r="G25735" s="8">
        <v>112464</v>
      </c>
      <c r="H25735" s="8">
        <v>112464</v>
      </c>
      <c r="I25735" s="8">
        <v>0</v>
      </c>
      <c r="J25735" s="8">
        <v>112464</v>
      </c>
      <c r="K25735" s="9">
        <v>22</v>
      </c>
      <c r="L25735" s="6" t="s">
        <v>23</v>
      </c>
    </row>
    <row r="25736" spans="1:12">
      <c r="A25736" s="6" t="s">
        <v>25978</v>
      </c>
      <c r="B25736" s="6"/>
      <c r="C25736" s="6" t="s">
        <v>25979</v>
      </c>
      <c r="D25736" s="6"/>
      <c r="E25736" s="6" t="s">
        <v>18740</v>
      </c>
      <c r="F25736" s="7">
        <v>38657</v>
      </c>
      <c r="G25736" s="8">
        <v>1387000</v>
      </c>
      <c r="H25736" s="8">
        <v>1387000</v>
      </c>
      <c r="I25736" s="8">
        <v>0</v>
      </c>
      <c r="J25736" s="8">
        <v>1387000</v>
      </c>
      <c r="K25736" s="9">
        <v>38</v>
      </c>
      <c r="L25736" s="6" t="s">
        <v>10</v>
      </c>
    </row>
    <row r="25737" spans="1:12">
      <c r="A25737" s="6" t="s">
        <v>25980</v>
      </c>
      <c r="B25737" s="6"/>
      <c r="C25737" s="6" t="s">
        <v>25981</v>
      </c>
      <c r="D25737" s="6"/>
      <c r="E25737" s="6" t="s">
        <v>18740</v>
      </c>
      <c r="F25737" s="7">
        <v>38657</v>
      </c>
      <c r="G25737" s="8">
        <v>81792</v>
      </c>
      <c r="H25737" s="8">
        <v>81792</v>
      </c>
      <c r="I25737" s="8">
        <v>0</v>
      </c>
      <c r="J25737" s="8">
        <v>81792</v>
      </c>
      <c r="K25737" s="9">
        <v>16</v>
      </c>
      <c r="L25737" s="6" t="s">
        <v>2193</v>
      </c>
    </row>
    <row r="25738" spans="1:12">
      <c r="A25738" s="6" t="s">
        <v>25982</v>
      </c>
      <c r="B25738" s="6"/>
      <c r="C25738" s="6" t="s">
        <v>25983</v>
      </c>
      <c r="D25738" s="6"/>
      <c r="E25738" s="6" t="s">
        <v>9</v>
      </c>
      <c r="F25738" s="7">
        <v>38657</v>
      </c>
      <c r="G25738" s="8">
        <v>8854000</v>
      </c>
      <c r="H25738" s="8">
        <v>8854000</v>
      </c>
      <c r="I25738" s="8">
        <v>0</v>
      </c>
      <c r="J25738" s="8">
        <v>8854000</v>
      </c>
      <c r="K25738" s="9">
        <v>932</v>
      </c>
      <c r="L25738" s="6" t="s">
        <v>1694</v>
      </c>
    </row>
    <row r="25739" spans="1:12">
      <c r="A25739" s="6" t="s">
        <v>25982</v>
      </c>
      <c r="B25739" s="6"/>
      <c r="C25739" s="6" t="s">
        <v>25984</v>
      </c>
      <c r="D25739" s="6"/>
      <c r="E25739" s="6" t="s">
        <v>9</v>
      </c>
      <c r="F25739" s="7">
        <v>38657</v>
      </c>
      <c r="G25739" s="8">
        <v>8600065</v>
      </c>
      <c r="H25739" s="8">
        <v>8600065</v>
      </c>
      <c r="I25739" s="8">
        <v>0</v>
      </c>
      <c r="J25739" s="8">
        <v>8600065</v>
      </c>
      <c r="K25739" s="9">
        <v>905.27</v>
      </c>
      <c r="L25739" s="6" t="s">
        <v>1694</v>
      </c>
    </row>
    <row r="25740" spans="1:12">
      <c r="A25740" s="6" t="s">
        <v>25982</v>
      </c>
      <c r="B25740" s="6"/>
      <c r="C25740" s="6" t="s">
        <v>25985</v>
      </c>
      <c r="D25740" s="6"/>
      <c r="E25740" s="6" t="s">
        <v>9</v>
      </c>
      <c r="F25740" s="7">
        <v>38657</v>
      </c>
      <c r="G25740" s="8">
        <v>689199</v>
      </c>
      <c r="H25740" s="8">
        <v>689199</v>
      </c>
      <c r="I25740" s="8">
        <v>0</v>
      </c>
      <c r="J25740" s="8">
        <v>689199</v>
      </c>
      <c r="K25740" s="9">
        <v>134.82</v>
      </c>
      <c r="L25740" s="6" t="s">
        <v>23</v>
      </c>
    </row>
    <row r="25741" spans="1:12">
      <c r="A25741" s="6" t="s">
        <v>25986</v>
      </c>
      <c r="B25741" s="6"/>
      <c r="C25741" s="6" t="s">
        <v>25987</v>
      </c>
      <c r="D25741" s="6"/>
      <c r="E25741" s="6" t="s">
        <v>18740</v>
      </c>
      <c r="F25741" s="7">
        <v>38657</v>
      </c>
      <c r="G25741" s="8">
        <v>22575</v>
      </c>
      <c r="H25741" s="8">
        <v>22575</v>
      </c>
      <c r="I25741" s="8">
        <v>0</v>
      </c>
      <c r="J25741" s="8">
        <v>22575</v>
      </c>
      <c r="K25741" s="9">
        <v>1.05</v>
      </c>
      <c r="L25741" s="6" t="s">
        <v>10</v>
      </c>
    </row>
    <row r="25742" spans="1:12">
      <c r="A25742" s="6" t="s">
        <v>25988</v>
      </c>
      <c r="B25742" s="6"/>
      <c r="C25742" s="6" t="s">
        <v>25989</v>
      </c>
      <c r="D25742" s="6"/>
      <c r="E25742" s="6" t="s">
        <v>18740</v>
      </c>
      <c r="F25742" s="7">
        <v>38657</v>
      </c>
      <c r="G25742" s="8">
        <v>284230</v>
      </c>
      <c r="H25742" s="8">
        <v>284230</v>
      </c>
      <c r="I25742" s="8">
        <v>0</v>
      </c>
      <c r="J25742" s="8">
        <v>284230</v>
      </c>
      <c r="K25742" s="9">
        <v>13.22</v>
      </c>
      <c r="L25742" s="6" t="s">
        <v>10</v>
      </c>
    </row>
    <row r="25743" spans="1:12">
      <c r="A25743" s="6" t="s">
        <v>25988</v>
      </c>
      <c r="B25743" s="6"/>
      <c r="C25743" s="6" t="s">
        <v>25990</v>
      </c>
      <c r="D25743" s="6"/>
      <c r="E25743" s="6" t="s">
        <v>18740</v>
      </c>
      <c r="F25743" s="7">
        <v>38657</v>
      </c>
      <c r="G25743" s="8">
        <v>171355</v>
      </c>
      <c r="H25743" s="8">
        <v>171355</v>
      </c>
      <c r="I25743" s="8">
        <v>0</v>
      </c>
      <c r="J25743" s="8">
        <v>171355</v>
      </c>
      <c r="K25743" s="9">
        <v>7.97</v>
      </c>
      <c r="L25743" s="6" t="s">
        <v>10</v>
      </c>
    </row>
    <row r="25744" spans="1:12">
      <c r="A25744" s="6" t="s">
        <v>25988</v>
      </c>
      <c r="B25744" s="6"/>
      <c r="C25744" s="6" t="s">
        <v>25991</v>
      </c>
      <c r="D25744" s="6"/>
      <c r="E25744" s="6" t="s">
        <v>18740</v>
      </c>
      <c r="F25744" s="7">
        <v>38657</v>
      </c>
      <c r="G25744" s="8">
        <v>142115</v>
      </c>
      <c r="H25744" s="8">
        <v>142115</v>
      </c>
      <c r="I25744" s="8">
        <v>0</v>
      </c>
      <c r="J25744" s="8">
        <v>142115</v>
      </c>
      <c r="K25744" s="9">
        <v>6.61</v>
      </c>
      <c r="L25744" s="6" t="s">
        <v>10</v>
      </c>
    </row>
    <row r="25745" spans="1:12">
      <c r="A25745" s="6" t="s">
        <v>25988</v>
      </c>
      <c r="B25745" s="6"/>
      <c r="C25745" s="6" t="s">
        <v>25992</v>
      </c>
      <c r="D25745" s="6"/>
      <c r="E25745" s="6" t="s">
        <v>18740</v>
      </c>
      <c r="F25745" s="7">
        <v>38657</v>
      </c>
      <c r="G25745" s="8">
        <v>284230</v>
      </c>
      <c r="H25745" s="8">
        <v>284230</v>
      </c>
      <c r="I25745" s="8">
        <v>0</v>
      </c>
      <c r="J25745" s="8">
        <v>284230</v>
      </c>
      <c r="K25745" s="9">
        <v>13.22</v>
      </c>
      <c r="L25745" s="6" t="s">
        <v>10</v>
      </c>
    </row>
    <row r="25746" spans="1:12">
      <c r="A25746" s="6" t="s">
        <v>25988</v>
      </c>
      <c r="B25746" s="6"/>
      <c r="C25746" s="6" t="s">
        <v>25993</v>
      </c>
      <c r="D25746" s="6"/>
      <c r="E25746" s="6" t="s">
        <v>18740</v>
      </c>
      <c r="F25746" s="7">
        <v>38657</v>
      </c>
      <c r="G25746" s="8">
        <v>497510</v>
      </c>
      <c r="H25746" s="8">
        <v>497510</v>
      </c>
      <c r="I25746" s="8">
        <v>0</v>
      </c>
      <c r="J25746" s="8">
        <v>497510</v>
      </c>
      <c r="K25746" s="9">
        <v>23.14</v>
      </c>
      <c r="L25746" s="6" t="s">
        <v>10</v>
      </c>
    </row>
    <row r="25747" spans="1:12">
      <c r="A25747" s="6" t="s">
        <v>25988</v>
      </c>
      <c r="B25747" s="6"/>
      <c r="C25747" s="6" t="s">
        <v>25994</v>
      </c>
      <c r="D25747" s="6"/>
      <c r="E25747" s="6" t="s">
        <v>18740</v>
      </c>
      <c r="F25747" s="7">
        <v>38657</v>
      </c>
      <c r="G25747" s="8">
        <v>552980</v>
      </c>
      <c r="H25747" s="8">
        <v>552980</v>
      </c>
      <c r="I25747" s="8">
        <v>0</v>
      </c>
      <c r="J25747" s="8">
        <v>552980</v>
      </c>
      <c r="K25747" s="9">
        <v>25.72</v>
      </c>
      <c r="L25747" s="6" t="s">
        <v>10</v>
      </c>
    </row>
    <row r="25748" spans="1:12">
      <c r="A25748" s="6" t="s">
        <v>25995</v>
      </c>
      <c r="B25748" s="6"/>
      <c r="C25748" s="6" t="s">
        <v>25996</v>
      </c>
      <c r="D25748" s="6"/>
      <c r="E25748" s="6" t="s">
        <v>25121</v>
      </c>
      <c r="F25748" s="7">
        <v>38657</v>
      </c>
      <c r="G25748" s="8">
        <v>173808</v>
      </c>
      <c r="H25748" s="8">
        <v>173808</v>
      </c>
      <c r="I25748" s="8">
        <v>0</v>
      </c>
      <c r="J25748" s="8">
        <v>173808</v>
      </c>
      <c r="K25748" s="9">
        <v>34</v>
      </c>
      <c r="L25748" s="6" t="s">
        <v>23</v>
      </c>
    </row>
    <row r="25749" spans="1:12">
      <c r="A25749" s="6" t="s">
        <v>25997</v>
      </c>
      <c r="B25749" s="6"/>
      <c r="C25749" s="6" t="s">
        <v>25998</v>
      </c>
      <c r="D25749" s="6"/>
      <c r="E25749" s="6" t="s">
        <v>9</v>
      </c>
      <c r="F25749" s="7">
        <v>38657</v>
      </c>
      <c r="G25749" s="8">
        <v>1013862</v>
      </c>
      <c r="H25749" s="8">
        <v>1013862</v>
      </c>
      <c r="I25749" s="8">
        <v>0</v>
      </c>
      <c r="J25749" s="8">
        <v>1013862</v>
      </c>
      <c r="K25749" s="9">
        <v>198.33</v>
      </c>
      <c r="L25749" s="6" t="s">
        <v>14</v>
      </c>
    </row>
    <row r="25750" spans="1:12">
      <c r="A25750" s="6" t="s">
        <v>25999</v>
      </c>
      <c r="B25750" s="6"/>
      <c r="C25750" s="6" t="s">
        <v>26000</v>
      </c>
      <c r="D25750" s="6"/>
      <c r="E25750" s="6" t="s">
        <v>9</v>
      </c>
      <c r="F25750" s="7">
        <v>38657</v>
      </c>
      <c r="G25750" s="8">
        <v>3036528</v>
      </c>
      <c r="H25750" s="8">
        <v>3036528</v>
      </c>
      <c r="I25750" s="8">
        <v>0</v>
      </c>
      <c r="J25750" s="8">
        <v>3036528</v>
      </c>
      <c r="K25750" s="9">
        <v>594</v>
      </c>
      <c r="L25750" s="6" t="s">
        <v>14</v>
      </c>
    </row>
    <row r="25751" spans="1:12">
      <c r="A25751" s="6" t="s">
        <v>26001</v>
      </c>
      <c r="B25751" s="6"/>
      <c r="C25751" s="6" t="s">
        <v>26002</v>
      </c>
      <c r="D25751" s="6"/>
      <c r="E25751" s="6" t="s">
        <v>18740</v>
      </c>
      <c r="F25751" s="7">
        <v>38657</v>
      </c>
      <c r="G25751" s="8">
        <v>76680</v>
      </c>
      <c r="H25751" s="8">
        <v>76680</v>
      </c>
      <c r="I25751" s="8">
        <v>0</v>
      </c>
      <c r="J25751" s="8">
        <v>76680</v>
      </c>
      <c r="K25751" s="9">
        <v>15</v>
      </c>
      <c r="L25751" s="6" t="s">
        <v>23</v>
      </c>
    </row>
    <row r="25752" spans="1:12">
      <c r="A25752" s="6" t="s">
        <v>26001</v>
      </c>
      <c r="B25752" s="6"/>
      <c r="C25752" s="6" t="s">
        <v>26003</v>
      </c>
      <c r="D25752" s="6"/>
      <c r="E25752" s="6" t="s">
        <v>18740</v>
      </c>
      <c r="F25752" s="7">
        <v>38657</v>
      </c>
      <c r="G25752" s="8">
        <v>61344</v>
      </c>
      <c r="H25752" s="8">
        <v>61344</v>
      </c>
      <c r="I25752" s="8">
        <v>0</v>
      </c>
      <c r="J25752" s="8">
        <v>61344</v>
      </c>
      <c r="K25752" s="9">
        <v>12</v>
      </c>
      <c r="L25752" s="6" t="s">
        <v>23</v>
      </c>
    </row>
    <row r="25753" spans="1:12">
      <c r="A25753" s="6" t="s">
        <v>26004</v>
      </c>
      <c r="B25753" s="6"/>
      <c r="C25753" s="6" t="s">
        <v>26005</v>
      </c>
      <c r="D25753" s="6"/>
      <c r="E25753" s="6" t="s">
        <v>25121</v>
      </c>
      <c r="F25753" s="7">
        <v>38657</v>
      </c>
      <c r="G25753" s="8">
        <v>173808</v>
      </c>
      <c r="H25753" s="8">
        <v>173808</v>
      </c>
      <c r="I25753" s="8">
        <v>0</v>
      </c>
      <c r="J25753" s="8">
        <v>173808</v>
      </c>
      <c r="K25753" s="9">
        <v>34</v>
      </c>
      <c r="L25753" s="6" t="s">
        <v>23</v>
      </c>
    </row>
    <row r="25754" spans="1:12">
      <c r="A25754" s="6" t="s">
        <v>26006</v>
      </c>
      <c r="B25754" s="6"/>
      <c r="C25754" s="6" t="s">
        <v>26007</v>
      </c>
      <c r="D25754" s="6"/>
      <c r="E25754" s="6" t="s">
        <v>18740</v>
      </c>
      <c r="F25754" s="7">
        <v>38657</v>
      </c>
      <c r="G25754" s="8">
        <v>3480176</v>
      </c>
      <c r="H25754" s="8">
        <v>3480176</v>
      </c>
      <c r="I25754" s="8">
        <v>0</v>
      </c>
      <c r="J25754" s="8">
        <v>3480176</v>
      </c>
      <c r="K25754" s="9">
        <v>90.16</v>
      </c>
      <c r="L25754" s="6" t="s">
        <v>10</v>
      </c>
    </row>
    <row r="25755" spans="1:12">
      <c r="A25755" s="6" t="s">
        <v>26006</v>
      </c>
      <c r="B25755" s="6"/>
      <c r="C25755" s="6" t="s">
        <v>26007</v>
      </c>
      <c r="D25755" s="6" t="s">
        <v>26008</v>
      </c>
      <c r="E25755" s="6" t="s">
        <v>18740</v>
      </c>
      <c r="F25755" s="7"/>
      <c r="G25755" s="8">
        <v>0</v>
      </c>
      <c r="H25755" s="8">
        <v>0</v>
      </c>
      <c r="I25755" s="8">
        <v>0</v>
      </c>
      <c r="J25755" s="8">
        <v>-3480176</v>
      </c>
      <c r="K25755" s="9"/>
      <c r="L25755" s="6"/>
    </row>
    <row r="25756" spans="1:12">
      <c r="A25756" s="6" t="s">
        <v>26006</v>
      </c>
      <c r="B25756" s="6"/>
      <c r="C25756" s="6" t="s">
        <v>26009</v>
      </c>
      <c r="D25756" s="6"/>
      <c r="E25756" s="6" t="s">
        <v>18740</v>
      </c>
      <c r="F25756" s="7">
        <v>38657</v>
      </c>
      <c r="G25756" s="8">
        <v>19425359</v>
      </c>
      <c r="H25756" s="8">
        <v>19425359</v>
      </c>
      <c r="I25756" s="8">
        <v>0</v>
      </c>
      <c r="J25756" s="8">
        <v>19425359</v>
      </c>
      <c r="K25756" s="9">
        <v>238.8</v>
      </c>
      <c r="L25756" s="6" t="s">
        <v>10</v>
      </c>
    </row>
    <row r="25757" spans="1:12">
      <c r="A25757" s="6" t="s">
        <v>26006</v>
      </c>
      <c r="B25757" s="6"/>
      <c r="C25757" s="6" t="s">
        <v>26009</v>
      </c>
      <c r="D25757" s="6" t="s">
        <v>26010</v>
      </c>
      <c r="E25757" s="6" t="s">
        <v>18740</v>
      </c>
      <c r="F25757" s="7"/>
      <c r="G25757" s="8">
        <v>0</v>
      </c>
      <c r="H25757" s="8">
        <v>0</v>
      </c>
      <c r="I25757" s="8">
        <v>0</v>
      </c>
      <c r="J25757" s="8">
        <v>-19425359</v>
      </c>
      <c r="K25757" s="9"/>
      <c r="L25757" s="6"/>
    </row>
    <row r="25758" spans="1:12">
      <c r="A25758" s="6" t="s">
        <v>26011</v>
      </c>
      <c r="B25758" s="6"/>
      <c r="C25758" s="6" t="s">
        <v>26012</v>
      </c>
      <c r="D25758" s="6"/>
      <c r="E25758" s="6" t="s">
        <v>9</v>
      </c>
      <c r="F25758" s="7">
        <v>38657</v>
      </c>
      <c r="G25758" s="8">
        <v>869040</v>
      </c>
      <c r="H25758" s="8">
        <v>869040</v>
      </c>
      <c r="I25758" s="8">
        <v>0</v>
      </c>
      <c r="J25758" s="8">
        <v>869040</v>
      </c>
      <c r="K25758" s="9">
        <v>170</v>
      </c>
      <c r="L25758" s="6" t="s">
        <v>14</v>
      </c>
    </row>
    <row r="25759" spans="1:12">
      <c r="A25759" s="6" t="s">
        <v>26011</v>
      </c>
      <c r="B25759" s="6"/>
      <c r="C25759" s="6" t="s">
        <v>26013</v>
      </c>
      <c r="D25759" s="6"/>
      <c r="E25759" s="6" t="s">
        <v>9</v>
      </c>
      <c r="F25759" s="7">
        <v>38657</v>
      </c>
      <c r="G25759" s="8">
        <v>235152</v>
      </c>
      <c r="H25759" s="8">
        <v>235152</v>
      </c>
      <c r="I25759" s="8">
        <v>0</v>
      </c>
      <c r="J25759" s="8">
        <v>235152</v>
      </c>
      <c r="K25759" s="9">
        <v>46</v>
      </c>
      <c r="L25759" s="6" t="s">
        <v>14</v>
      </c>
    </row>
    <row r="25760" spans="1:12">
      <c r="A25760" s="6" t="s">
        <v>26014</v>
      </c>
      <c r="B25760" s="6"/>
      <c r="C25760" s="6" t="s">
        <v>26015</v>
      </c>
      <c r="D25760" s="6"/>
      <c r="E25760" s="6" t="s">
        <v>9</v>
      </c>
      <c r="F25760" s="7">
        <v>38657</v>
      </c>
      <c r="G25760" s="8">
        <v>500000</v>
      </c>
      <c r="H25760" s="8">
        <v>500000</v>
      </c>
      <c r="I25760" s="8">
        <v>0</v>
      </c>
      <c r="J25760" s="8">
        <v>500000</v>
      </c>
      <c r="K25760" s="9">
        <v>50</v>
      </c>
      <c r="L25760" s="6" t="s">
        <v>1694</v>
      </c>
    </row>
    <row r="25761" spans="1:12">
      <c r="A25761" s="6" t="s">
        <v>26014</v>
      </c>
      <c r="B25761" s="6"/>
      <c r="C25761" s="6" t="s">
        <v>26016</v>
      </c>
      <c r="D25761" s="6"/>
      <c r="E25761" s="6" t="s">
        <v>9</v>
      </c>
      <c r="F25761" s="7">
        <v>38657</v>
      </c>
      <c r="G25761" s="8">
        <v>1090900</v>
      </c>
      <c r="H25761" s="8">
        <v>1090900</v>
      </c>
      <c r="I25761" s="8">
        <v>0</v>
      </c>
      <c r="J25761" s="8">
        <v>1090900</v>
      </c>
      <c r="K25761" s="9">
        <v>109.09</v>
      </c>
      <c r="L25761" s="6" t="s">
        <v>1694</v>
      </c>
    </row>
    <row r="25762" spans="1:12">
      <c r="A25762" s="6" t="s">
        <v>26014</v>
      </c>
      <c r="B25762" s="6"/>
      <c r="C25762" s="6" t="s">
        <v>26017</v>
      </c>
      <c r="D25762" s="6"/>
      <c r="E25762" s="6" t="s">
        <v>9</v>
      </c>
      <c r="F25762" s="7">
        <v>38657</v>
      </c>
      <c r="G25762" s="8">
        <v>1873700</v>
      </c>
      <c r="H25762" s="8">
        <v>1873700</v>
      </c>
      <c r="I25762" s="8">
        <v>0</v>
      </c>
      <c r="J25762" s="8">
        <v>1873700</v>
      </c>
      <c r="K25762" s="9">
        <v>187.37</v>
      </c>
      <c r="L25762" s="6" t="s">
        <v>1694</v>
      </c>
    </row>
    <row r="25763" spans="1:12">
      <c r="A25763" s="6" t="s">
        <v>26014</v>
      </c>
      <c r="B25763" s="6"/>
      <c r="C25763" s="6" t="s">
        <v>26018</v>
      </c>
      <c r="D25763" s="6"/>
      <c r="E25763" s="6" t="s">
        <v>9</v>
      </c>
      <c r="F25763" s="7">
        <v>38657</v>
      </c>
      <c r="G25763" s="8">
        <v>290000</v>
      </c>
      <c r="H25763" s="8">
        <v>290000</v>
      </c>
      <c r="I25763" s="8">
        <v>0</v>
      </c>
      <c r="J25763" s="8">
        <v>290000</v>
      </c>
      <c r="K25763" s="9">
        <v>29</v>
      </c>
      <c r="L25763" s="6" t="s">
        <v>1694</v>
      </c>
    </row>
    <row r="25764" spans="1:12">
      <c r="A25764" s="6" t="s">
        <v>26014</v>
      </c>
      <c r="B25764" s="6"/>
      <c r="C25764" s="6" t="s">
        <v>26019</v>
      </c>
      <c r="D25764" s="6"/>
      <c r="E25764" s="6" t="s">
        <v>9</v>
      </c>
      <c r="F25764" s="7">
        <v>38657</v>
      </c>
      <c r="G25764" s="8">
        <v>310000</v>
      </c>
      <c r="H25764" s="8">
        <v>310000</v>
      </c>
      <c r="I25764" s="8">
        <v>0</v>
      </c>
      <c r="J25764" s="8">
        <v>310000</v>
      </c>
      <c r="K25764" s="9">
        <v>31</v>
      </c>
      <c r="L25764" s="6" t="s">
        <v>1694</v>
      </c>
    </row>
    <row r="25765" spans="1:12">
      <c r="A25765" s="6" t="s">
        <v>26014</v>
      </c>
      <c r="B25765" s="6"/>
      <c r="C25765" s="6" t="s">
        <v>26020</v>
      </c>
      <c r="D25765" s="6"/>
      <c r="E25765" s="6" t="s">
        <v>9</v>
      </c>
      <c r="F25765" s="7">
        <v>38657</v>
      </c>
      <c r="G25765" s="8">
        <v>22741800</v>
      </c>
      <c r="H25765" s="8">
        <v>22741800</v>
      </c>
      <c r="I25765" s="8">
        <v>0</v>
      </c>
      <c r="J25765" s="8">
        <v>22741800</v>
      </c>
      <c r="K25765" s="9">
        <v>2274.1799999999898</v>
      </c>
      <c r="L25765" s="6" t="s">
        <v>1694</v>
      </c>
    </row>
    <row r="25766" spans="1:12">
      <c r="A25766" s="6" t="s">
        <v>26014</v>
      </c>
      <c r="B25766" s="6"/>
      <c r="C25766" s="6" t="s">
        <v>26021</v>
      </c>
      <c r="D25766" s="6"/>
      <c r="E25766" s="6" t="s">
        <v>9</v>
      </c>
      <c r="F25766" s="7">
        <v>38657</v>
      </c>
      <c r="G25766" s="8">
        <v>1209400</v>
      </c>
      <c r="H25766" s="8">
        <v>1209400</v>
      </c>
      <c r="I25766" s="8">
        <v>0</v>
      </c>
      <c r="J25766" s="8">
        <v>1209400</v>
      </c>
      <c r="K25766" s="9">
        <v>120.94</v>
      </c>
      <c r="L25766" s="6" t="s">
        <v>1694</v>
      </c>
    </row>
    <row r="25767" spans="1:12">
      <c r="A25767" s="6" t="s">
        <v>26014</v>
      </c>
      <c r="B25767" s="6"/>
      <c r="C25767" s="6" t="s">
        <v>26022</v>
      </c>
      <c r="D25767" s="6"/>
      <c r="E25767" s="6" t="s">
        <v>9</v>
      </c>
      <c r="F25767" s="7">
        <v>38657</v>
      </c>
      <c r="G25767" s="8">
        <v>209000</v>
      </c>
      <c r="H25767" s="8">
        <v>209000</v>
      </c>
      <c r="I25767" s="8">
        <v>0</v>
      </c>
      <c r="J25767" s="8">
        <v>209000</v>
      </c>
      <c r="K25767" s="9">
        <v>20.9</v>
      </c>
      <c r="L25767" s="6" t="s">
        <v>1694</v>
      </c>
    </row>
    <row r="25768" spans="1:12">
      <c r="A25768" s="6" t="s">
        <v>26014</v>
      </c>
      <c r="B25768" s="6"/>
      <c r="C25768" s="6" t="s">
        <v>26023</v>
      </c>
      <c r="D25768" s="6"/>
      <c r="E25768" s="6" t="s">
        <v>9</v>
      </c>
      <c r="F25768" s="7">
        <v>38657</v>
      </c>
      <c r="G25768" s="8">
        <v>830800</v>
      </c>
      <c r="H25768" s="8">
        <v>830800</v>
      </c>
      <c r="I25768" s="8">
        <v>0</v>
      </c>
      <c r="J25768" s="8">
        <v>830800</v>
      </c>
      <c r="K25768" s="9">
        <v>83.08</v>
      </c>
      <c r="L25768" s="6" t="s">
        <v>1694</v>
      </c>
    </row>
    <row r="25769" spans="1:12">
      <c r="A25769" s="6" t="s">
        <v>26014</v>
      </c>
      <c r="B25769" s="6"/>
      <c r="C25769" s="6" t="s">
        <v>26024</v>
      </c>
      <c r="D25769" s="6"/>
      <c r="E25769" s="6" t="s">
        <v>9</v>
      </c>
      <c r="F25769" s="7">
        <v>38657</v>
      </c>
      <c r="G25769" s="8">
        <v>3504100</v>
      </c>
      <c r="H25769" s="8">
        <v>3504100</v>
      </c>
      <c r="I25769" s="8">
        <v>0</v>
      </c>
      <c r="J25769" s="8">
        <v>3504100</v>
      </c>
      <c r="K25769" s="9">
        <v>350.41</v>
      </c>
      <c r="L25769" s="6" t="s">
        <v>1694</v>
      </c>
    </row>
    <row r="25770" spans="1:12">
      <c r="A25770" s="6" t="s">
        <v>26014</v>
      </c>
      <c r="B25770" s="6"/>
      <c r="C25770" s="6" t="s">
        <v>26025</v>
      </c>
      <c r="D25770" s="6"/>
      <c r="E25770" s="6" t="s">
        <v>9</v>
      </c>
      <c r="F25770" s="7">
        <v>38657</v>
      </c>
      <c r="G25770" s="8">
        <v>1024700</v>
      </c>
      <c r="H25770" s="8">
        <v>1024700</v>
      </c>
      <c r="I25770" s="8">
        <v>0</v>
      </c>
      <c r="J25770" s="8">
        <v>1024700</v>
      </c>
      <c r="K25770" s="9">
        <v>102.47</v>
      </c>
      <c r="L25770" s="6" t="s">
        <v>1694</v>
      </c>
    </row>
    <row r="25771" spans="1:12">
      <c r="A25771" s="6" t="s">
        <v>26014</v>
      </c>
      <c r="B25771" s="6"/>
      <c r="C25771" s="6" t="s">
        <v>26026</v>
      </c>
      <c r="D25771" s="6"/>
      <c r="E25771" s="6" t="s">
        <v>9</v>
      </c>
      <c r="F25771" s="7">
        <v>38657</v>
      </c>
      <c r="G25771" s="8">
        <v>396600</v>
      </c>
      <c r="H25771" s="8">
        <v>396600</v>
      </c>
      <c r="I25771" s="8">
        <v>0</v>
      </c>
      <c r="J25771" s="8">
        <v>396600</v>
      </c>
      <c r="K25771" s="9">
        <v>39.659999999999897</v>
      </c>
      <c r="L25771" s="6" t="s">
        <v>1694</v>
      </c>
    </row>
    <row r="25772" spans="1:12">
      <c r="A25772" s="6" t="s">
        <v>26014</v>
      </c>
      <c r="B25772" s="6"/>
      <c r="C25772" s="6" t="s">
        <v>26027</v>
      </c>
      <c r="D25772" s="6"/>
      <c r="E25772" s="6" t="s">
        <v>9</v>
      </c>
      <c r="F25772" s="7">
        <v>38657</v>
      </c>
      <c r="G25772" s="8">
        <v>826400</v>
      </c>
      <c r="H25772" s="8">
        <v>826400</v>
      </c>
      <c r="I25772" s="8">
        <v>0</v>
      </c>
      <c r="J25772" s="8">
        <v>826400</v>
      </c>
      <c r="K25772" s="9">
        <v>82.64</v>
      </c>
      <c r="L25772" s="6" t="s">
        <v>1694</v>
      </c>
    </row>
    <row r="25773" spans="1:12">
      <c r="A25773" s="6" t="s">
        <v>26014</v>
      </c>
      <c r="B25773" s="6"/>
      <c r="C25773" s="6" t="s">
        <v>26028</v>
      </c>
      <c r="D25773" s="6"/>
      <c r="E25773" s="6" t="s">
        <v>9</v>
      </c>
      <c r="F25773" s="7">
        <v>38657</v>
      </c>
      <c r="G25773" s="8">
        <v>694200</v>
      </c>
      <c r="H25773" s="8">
        <v>694200</v>
      </c>
      <c r="I25773" s="8">
        <v>0</v>
      </c>
      <c r="J25773" s="8">
        <v>694200</v>
      </c>
      <c r="K25773" s="9">
        <v>69.42</v>
      </c>
      <c r="L25773" s="6" t="s">
        <v>1694</v>
      </c>
    </row>
    <row r="25774" spans="1:12">
      <c r="A25774" s="6" t="s">
        <v>26029</v>
      </c>
      <c r="B25774" s="6"/>
      <c r="C25774" s="6" t="s">
        <v>26030</v>
      </c>
      <c r="D25774" s="6"/>
      <c r="E25774" s="6" t="s">
        <v>18740</v>
      </c>
      <c r="F25774" s="7">
        <v>38657</v>
      </c>
      <c r="G25774" s="8">
        <v>44269</v>
      </c>
      <c r="H25774" s="8">
        <v>44269</v>
      </c>
      <c r="I25774" s="8">
        <v>0</v>
      </c>
      <c r="J25774" s="8">
        <v>44269</v>
      </c>
      <c r="K25774" s="9">
        <v>8.66</v>
      </c>
      <c r="L25774" s="6" t="s">
        <v>23</v>
      </c>
    </row>
    <row r="25775" spans="1:12">
      <c r="A25775" s="6" t="s">
        <v>26031</v>
      </c>
      <c r="B25775" s="6"/>
      <c r="C25775" s="6" t="s">
        <v>26032</v>
      </c>
      <c r="D25775" s="6"/>
      <c r="E25775" s="6" t="s">
        <v>18740</v>
      </c>
      <c r="F25775" s="7">
        <v>38657</v>
      </c>
      <c r="G25775" s="8">
        <v>780100</v>
      </c>
      <c r="H25775" s="8">
        <v>780100</v>
      </c>
      <c r="I25775" s="8">
        <v>0</v>
      </c>
      <c r="J25775" s="8">
        <v>780100</v>
      </c>
      <c r="K25775" s="9">
        <v>29</v>
      </c>
      <c r="L25775" s="6" t="s">
        <v>10</v>
      </c>
    </row>
    <row r="25776" spans="1:12">
      <c r="A25776" s="6" t="s">
        <v>26033</v>
      </c>
      <c r="B25776" s="6"/>
      <c r="C25776" s="6" t="s">
        <v>26034</v>
      </c>
      <c r="D25776" s="6"/>
      <c r="E25776" s="6" t="s">
        <v>25121</v>
      </c>
      <c r="F25776" s="7">
        <v>38657</v>
      </c>
      <c r="G25776" s="8">
        <v>153360</v>
      </c>
      <c r="H25776" s="8">
        <v>153360</v>
      </c>
      <c r="I25776" s="8">
        <v>0</v>
      </c>
      <c r="J25776" s="8">
        <v>153360</v>
      </c>
      <c r="K25776" s="9">
        <v>30</v>
      </c>
      <c r="L25776" s="6" t="s">
        <v>23</v>
      </c>
    </row>
    <row r="25777" spans="1:12">
      <c r="A25777" s="6" t="s">
        <v>26035</v>
      </c>
      <c r="B25777" s="6"/>
      <c r="C25777" s="6" t="s">
        <v>26036</v>
      </c>
      <c r="D25777" s="6"/>
      <c r="E25777" s="6" t="s">
        <v>9</v>
      </c>
      <c r="F25777" s="7">
        <v>38657</v>
      </c>
      <c r="G25777" s="8">
        <v>961056</v>
      </c>
      <c r="H25777" s="8">
        <v>961056</v>
      </c>
      <c r="I25777" s="8">
        <v>0</v>
      </c>
      <c r="J25777" s="8">
        <v>961056</v>
      </c>
      <c r="K25777" s="9">
        <v>188</v>
      </c>
      <c r="L25777" s="6" t="s">
        <v>14</v>
      </c>
    </row>
    <row r="25778" spans="1:12">
      <c r="A25778" s="6" t="s">
        <v>26037</v>
      </c>
      <c r="B25778" s="6"/>
      <c r="C25778" s="6" t="s">
        <v>26038</v>
      </c>
      <c r="D25778" s="6"/>
      <c r="E25778" s="6" t="s">
        <v>18740</v>
      </c>
      <c r="F25778" s="7">
        <v>38657</v>
      </c>
      <c r="G25778" s="8">
        <v>143136</v>
      </c>
      <c r="H25778" s="8">
        <v>143136</v>
      </c>
      <c r="I25778" s="8">
        <v>0</v>
      </c>
      <c r="J25778" s="8">
        <v>143136</v>
      </c>
      <c r="K25778" s="9">
        <v>28</v>
      </c>
      <c r="L25778" s="6" t="s">
        <v>23</v>
      </c>
    </row>
    <row r="25779" spans="1:12">
      <c r="A25779" s="6" t="s">
        <v>26039</v>
      </c>
      <c r="B25779" s="6"/>
      <c r="C25779" s="6" t="s">
        <v>26040</v>
      </c>
      <c r="D25779" s="6"/>
      <c r="E25779" s="6" t="s">
        <v>18740</v>
      </c>
      <c r="F25779" s="7">
        <v>38657</v>
      </c>
      <c r="G25779" s="8">
        <v>173808</v>
      </c>
      <c r="H25779" s="8">
        <v>173808</v>
      </c>
      <c r="I25779" s="8">
        <v>0</v>
      </c>
      <c r="J25779" s="8">
        <v>173808</v>
      </c>
      <c r="K25779" s="9">
        <v>34</v>
      </c>
      <c r="L25779" s="6" t="s">
        <v>23</v>
      </c>
    </row>
    <row r="25780" spans="1:12">
      <c r="A25780" s="6" t="s">
        <v>26039</v>
      </c>
      <c r="B25780" s="6"/>
      <c r="C25780" s="6" t="s">
        <v>26041</v>
      </c>
      <c r="D25780" s="6"/>
      <c r="E25780" s="6" t="s">
        <v>18740</v>
      </c>
      <c r="F25780" s="7">
        <v>38657</v>
      </c>
      <c r="G25780" s="8">
        <v>235152</v>
      </c>
      <c r="H25780" s="8">
        <v>235152</v>
      </c>
      <c r="I25780" s="8">
        <v>0</v>
      </c>
      <c r="J25780" s="8">
        <v>235152</v>
      </c>
      <c r="K25780" s="9">
        <v>46</v>
      </c>
      <c r="L25780" s="6" t="s">
        <v>23</v>
      </c>
    </row>
    <row r="25781" spans="1:12">
      <c r="A25781" s="6" t="s">
        <v>26042</v>
      </c>
      <c r="B25781" s="6"/>
      <c r="C25781" s="6" t="s">
        <v>26043</v>
      </c>
      <c r="D25781" s="6"/>
      <c r="E25781" s="6" t="s">
        <v>18740</v>
      </c>
      <c r="F25781" s="7">
        <v>38657</v>
      </c>
      <c r="G25781" s="8">
        <v>81792</v>
      </c>
      <c r="H25781" s="8">
        <v>81792</v>
      </c>
      <c r="I25781" s="8">
        <v>0</v>
      </c>
      <c r="J25781" s="8">
        <v>81792</v>
      </c>
      <c r="K25781" s="9">
        <v>16</v>
      </c>
      <c r="L25781" s="6" t="s">
        <v>23</v>
      </c>
    </row>
    <row r="25782" spans="1:12">
      <c r="A25782" s="6" t="s">
        <v>26044</v>
      </c>
      <c r="B25782" s="6"/>
      <c r="C25782" s="6" t="s">
        <v>26045</v>
      </c>
      <c r="D25782" s="6"/>
      <c r="E25782" s="6" t="s">
        <v>18740</v>
      </c>
      <c r="F25782" s="7">
        <v>38657</v>
      </c>
      <c r="G25782" s="8">
        <v>80973440</v>
      </c>
      <c r="H25782" s="8">
        <v>80973440</v>
      </c>
      <c r="I25782" s="8">
        <v>0</v>
      </c>
      <c r="J25782" s="8">
        <v>80973440</v>
      </c>
      <c r="K25782" s="9">
        <v>2130.88</v>
      </c>
      <c r="L25782" s="6" t="s">
        <v>1694</v>
      </c>
    </row>
    <row r="25783" spans="1:12">
      <c r="A25783" s="6" t="s">
        <v>26044</v>
      </c>
      <c r="B25783" s="6"/>
      <c r="C25783" s="6" t="s">
        <v>26046</v>
      </c>
      <c r="D25783" s="6"/>
      <c r="E25783" s="6" t="s">
        <v>18740</v>
      </c>
      <c r="F25783" s="7">
        <v>38657</v>
      </c>
      <c r="G25783" s="8">
        <v>11668062</v>
      </c>
      <c r="H25783" s="8">
        <v>11668062</v>
      </c>
      <c r="I25783" s="8">
        <v>0</v>
      </c>
      <c r="J25783" s="8">
        <v>11668062</v>
      </c>
      <c r="K25783" s="9">
        <v>330.54</v>
      </c>
      <c r="L25783" s="6" t="s">
        <v>1694</v>
      </c>
    </row>
    <row r="25784" spans="1:12">
      <c r="A25784" s="6" t="s">
        <v>26047</v>
      </c>
      <c r="B25784" s="6"/>
      <c r="C25784" s="6" t="s">
        <v>26048</v>
      </c>
      <c r="D25784" s="6"/>
      <c r="E25784" s="6" t="s">
        <v>18740</v>
      </c>
      <c r="F25784" s="7">
        <v>38657</v>
      </c>
      <c r="G25784" s="8">
        <v>22660</v>
      </c>
      <c r="H25784" s="8">
        <v>22660</v>
      </c>
      <c r="I25784" s="8">
        <v>0</v>
      </c>
      <c r="J25784" s="8">
        <v>22660</v>
      </c>
      <c r="K25784" s="9">
        <v>1.03</v>
      </c>
      <c r="L25784" s="6" t="s">
        <v>10</v>
      </c>
    </row>
    <row r="25785" spans="1:12">
      <c r="A25785" s="6" t="s">
        <v>26049</v>
      </c>
      <c r="B25785" s="6"/>
      <c r="C25785" s="6" t="s">
        <v>26050</v>
      </c>
      <c r="D25785" s="6"/>
      <c r="E25785" s="6" t="s">
        <v>9</v>
      </c>
      <c r="F25785" s="7">
        <v>38657</v>
      </c>
      <c r="G25785" s="8">
        <v>3225672</v>
      </c>
      <c r="H25785" s="8">
        <v>3225672</v>
      </c>
      <c r="I25785" s="8">
        <v>0</v>
      </c>
      <c r="J25785" s="8">
        <v>3225672</v>
      </c>
      <c r="K25785" s="9">
        <v>631</v>
      </c>
      <c r="L25785" s="6" t="s">
        <v>14</v>
      </c>
    </row>
    <row r="25786" spans="1:12">
      <c r="A25786" s="6" t="s">
        <v>26049</v>
      </c>
      <c r="B25786" s="6"/>
      <c r="C25786" s="6" t="s">
        <v>26051</v>
      </c>
      <c r="D25786" s="6"/>
      <c r="E25786" s="6" t="s">
        <v>9</v>
      </c>
      <c r="F25786" s="7">
        <v>38657</v>
      </c>
      <c r="G25786" s="8">
        <v>2060136</v>
      </c>
      <c r="H25786" s="8">
        <v>2060136</v>
      </c>
      <c r="I25786" s="8">
        <v>0</v>
      </c>
      <c r="J25786" s="8">
        <v>2060136</v>
      </c>
      <c r="K25786" s="9">
        <v>403</v>
      </c>
      <c r="L25786" s="6" t="s">
        <v>14</v>
      </c>
    </row>
    <row r="25787" spans="1:12">
      <c r="A25787" s="6" t="s">
        <v>26049</v>
      </c>
      <c r="B25787" s="6"/>
      <c r="C25787" s="6" t="s">
        <v>26052</v>
      </c>
      <c r="D25787" s="6"/>
      <c r="E25787" s="6" t="s">
        <v>9</v>
      </c>
      <c r="F25787" s="7">
        <v>38657</v>
      </c>
      <c r="G25787" s="8">
        <v>122688</v>
      </c>
      <c r="H25787" s="8">
        <v>122688</v>
      </c>
      <c r="I25787" s="8">
        <v>0</v>
      </c>
      <c r="J25787" s="8">
        <v>122688</v>
      </c>
      <c r="K25787" s="9">
        <v>24</v>
      </c>
      <c r="L25787" s="6" t="s">
        <v>14</v>
      </c>
    </row>
    <row r="25788" spans="1:12">
      <c r="A25788" s="6" t="s">
        <v>26053</v>
      </c>
      <c r="B25788" s="6"/>
      <c r="C25788" s="6" t="s">
        <v>26054</v>
      </c>
      <c r="D25788" s="6"/>
      <c r="E25788" s="6" t="s">
        <v>18740</v>
      </c>
      <c r="F25788" s="7">
        <v>38657</v>
      </c>
      <c r="G25788" s="8">
        <v>407835</v>
      </c>
      <c r="H25788" s="8">
        <v>407835</v>
      </c>
      <c r="I25788" s="8">
        <v>0</v>
      </c>
      <c r="J25788" s="8">
        <v>407835</v>
      </c>
      <c r="K25788" s="9">
        <v>79.78</v>
      </c>
      <c r="L25788" s="6" t="s">
        <v>23</v>
      </c>
    </row>
    <row r="25789" spans="1:12">
      <c r="A25789" s="6" t="s">
        <v>26053</v>
      </c>
      <c r="B25789" s="6"/>
      <c r="C25789" s="6" t="s">
        <v>26055</v>
      </c>
      <c r="D25789" s="6"/>
      <c r="E25789" s="6" t="s">
        <v>18740</v>
      </c>
      <c r="F25789" s="7">
        <v>38657</v>
      </c>
      <c r="G25789" s="8">
        <v>803197</v>
      </c>
      <c r="H25789" s="8">
        <v>803197</v>
      </c>
      <c r="I25789" s="8">
        <v>0</v>
      </c>
      <c r="J25789" s="8">
        <v>803197</v>
      </c>
      <c r="K25789" s="9">
        <v>157.12</v>
      </c>
      <c r="L25789" s="6" t="s">
        <v>23</v>
      </c>
    </row>
    <row r="25790" spans="1:12">
      <c r="A25790" s="6" t="s">
        <v>26056</v>
      </c>
      <c r="B25790" s="6"/>
      <c r="C25790" s="6" t="s">
        <v>26057</v>
      </c>
      <c r="D25790" s="6"/>
      <c r="E25790" s="6" t="s">
        <v>18740</v>
      </c>
      <c r="F25790" s="7">
        <v>38657</v>
      </c>
      <c r="G25790" s="8">
        <v>710568</v>
      </c>
      <c r="H25790" s="8">
        <v>710568</v>
      </c>
      <c r="I25790" s="8">
        <v>0</v>
      </c>
      <c r="J25790" s="8">
        <v>710568</v>
      </c>
      <c r="K25790" s="9">
        <v>139</v>
      </c>
      <c r="L25790" s="6" t="s">
        <v>23</v>
      </c>
    </row>
    <row r="25791" spans="1:12">
      <c r="A25791" s="6" t="s">
        <v>26056</v>
      </c>
      <c r="B25791" s="6"/>
      <c r="C25791" s="6" t="s">
        <v>26058</v>
      </c>
      <c r="D25791" s="6"/>
      <c r="E25791" s="6" t="s">
        <v>18740</v>
      </c>
      <c r="F25791" s="7">
        <v>38657</v>
      </c>
      <c r="G25791" s="8">
        <v>245376</v>
      </c>
      <c r="H25791" s="8">
        <v>245376</v>
      </c>
      <c r="I25791" s="8">
        <v>0</v>
      </c>
      <c r="J25791" s="8">
        <v>245376</v>
      </c>
      <c r="K25791" s="9">
        <v>48</v>
      </c>
      <c r="L25791" s="6" t="s">
        <v>23</v>
      </c>
    </row>
    <row r="25792" spans="1:12">
      <c r="A25792" s="6" t="s">
        <v>26056</v>
      </c>
      <c r="B25792" s="6"/>
      <c r="C25792" s="6" t="s">
        <v>26059</v>
      </c>
      <c r="D25792" s="6"/>
      <c r="E25792" s="6" t="s">
        <v>18740</v>
      </c>
      <c r="F25792" s="7">
        <v>38657</v>
      </c>
      <c r="G25792" s="8">
        <v>782136</v>
      </c>
      <c r="H25792" s="8">
        <v>782136</v>
      </c>
      <c r="I25792" s="8">
        <v>0</v>
      </c>
      <c r="J25792" s="8">
        <v>782136</v>
      </c>
      <c r="K25792" s="9">
        <v>153</v>
      </c>
      <c r="L25792" s="6" t="s">
        <v>23</v>
      </c>
    </row>
    <row r="25793" spans="1:12">
      <c r="A25793" s="6" t="s">
        <v>26060</v>
      </c>
      <c r="B25793" s="6"/>
      <c r="C25793" s="6" t="s">
        <v>26061</v>
      </c>
      <c r="D25793" s="6"/>
      <c r="E25793" s="6" t="s">
        <v>9</v>
      </c>
      <c r="F25793" s="7">
        <v>38657</v>
      </c>
      <c r="G25793" s="8">
        <v>49608000</v>
      </c>
      <c r="H25793" s="8">
        <v>49608000</v>
      </c>
      <c r="I25793" s="8">
        <v>0</v>
      </c>
      <c r="J25793" s="8">
        <v>49608000</v>
      </c>
      <c r="K25793" s="9">
        <v>2756</v>
      </c>
      <c r="L25793" s="6" t="s">
        <v>10</v>
      </c>
    </row>
    <row r="25794" spans="1:12">
      <c r="A25794" s="6" t="s">
        <v>26062</v>
      </c>
      <c r="B25794" s="6"/>
      <c r="C25794" s="6" t="s">
        <v>26063</v>
      </c>
      <c r="D25794" s="6"/>
      <c r="E25794" s="6" t="s">
        <v>18740</v>
      </c>
      <c r="F25794" s="7">
        <v>38657</v>
      </c>
      <c r="G25794" s="8">
        <v>209592</v>
      </c>
      <c r="H25794" s="8">
        <v>209592</v>
      </c>
      <c r="I25794" s="8">
        <v>0</v>
      </c>
      <c r="J25794" s="8">
        <v>209592</v>
      </c>
      <c r="K25794" s="9">
        <v>41</v>
      </c>
      <c r="L25794" s="6" t="s">
        <v>23</v>
      </c>
    </row>
    <row r="25795" spans="1:12">
      <c r="A25795" s="6" t="s">
        <v>26064</v>
      </c>
      <c r="B25795" s="6"/>
      <c r="C25795" s="6" t="s">
        <v>26065</v>
      </c>
      <c r="D25795" s="6"/>
      <c r="E25795" s="6" t="s">
        <v>18740</v>
      </c>
      <c r="F25795" s="7">
        <v>38657</v>
      </c>
      <c r="G25795" s="8">
        <v>61824</v>
      </c>
      <c r="H25795" s="8">
        <v>61824</v>
      </c>
      <c r="I25795" s="8">
        <v>0</v>
      </c>
      <c r="J25795" s="8">
        <v>61824</v>
      </c>
      <c r="K25795" s="9">
        <v>2.2400000000000002</v>
      </c>
      <c r="L25795" s="6" t="s">
        <v>10</v>
      </c>
    </row>
    <row r="25796" spans="1:12">
      <c r="A25796" s="6" t="s">
        <v>26066</v>
      </c>
      <c r="B25796" s="6"/>
      <c r="C25796" s="6" t="s">
        <v>26067</v>
      </c>
      <c r="D25796" s="6"/>
      <c r="E25796" s="6" t="s">
        <v>9</v>
      </c>
      <c r="F25796" s="7">
        <v>38657</v>
      </c>
      <c r="G25796" s="8">
        <v>99049000</v>
      </c>
      <c r="H25796" s="8">
        <v>99049000</v>
      </c>
      <c r="I25796" s="8">
        <v>0</v>
      </c>
      <c r="J25796" s="8">
        <v>99049000</v>
      </c>
      <c r="K25796" s="9">
        <v>2677</v>
      </c>
      <c r="L25796" s="6" t="s">
        <v>1694</v>
      </c>
    </row>
    <row r="25797" spans="1:12">
      <c r="A25797" s="6" t="s">
        <v>26068</v>
      </c>
      <c r="B25797" s="6"/>
      <c r="C25797" s="6" t="s">
        <v>26069</v>
      </c>
      <c r="D25797" s="6"/>
      <c r="E25797" s="6" t="s">
        <v>18740</v>
      </c>
      <c r="F25797" s="7">
        <v>38657</v>
      </c>
      <c r="G25797" s="8">
        <v>211200</v>
      </c>
      <c r="H25797" s="8">
        <v>211200</v>
      </c>
      <c r="I25797" s="8">
        <v>0</v>
      </c>
      <c r="J25797" s="8">
        <v>211200</v>
      </c>
      <c r="K25797" s="9">
        <v>16</v>
      </c>
      <c r="L25797" s="6" t="s">
        <v>10</v>
      </c>
    </row>
    <row r="25798" spans="1:12">
      <c r="A25798" s="6" t="s">
        <v>26070</v>
      </c>
      <c r="B25798" s="6"/>
      <c r="C25798" s="6" t="s">
        <v>26071</v>
      </c>
      <c r="D25798" s="6"/>
      <c r="E25798" s="6" t="s">
        <v>9</v>
      </c>
      <c r="F25798" s="7">
        <v>38657</v>
      </c>
      <c r="G25798" s="8">
        <v>1267776</v>
      </c>
      <c r="H25798" s="8">
        <v>1267776</v>
      </c>
      <c r="I25798" s="8">
        <v>0</v>
      </c>
      <c r="J25798" s="8">
        <v>1267776</v>
      </c>
      <c r="K25798" s="9">
        <v>248</v>
      </c>
      <c r="L25798" s="6" t="s">
        <v>14</v>
      </c>
    </row>
    <row r="25799" spans="1:12">
      <c r="A25799" s="6" t="s">
        <v>26072</v>
      </c>
      <c r="B25799" s="6"/>
      <c r="C25799" s="6" t="s">
        <v>26073</v>
      </c>
      <c r="D25799" s="6"/>
      <c r="E25799" s="6" t="s">
        <v>18740</v>
      </c>
      <c r="F25799" s="7">
        <v>38657</v>
      </c>
      <c r="G25799" s="8">
        <v>106096</v>
      </c>
      <c r="H25799" s="8">
        <v>106096</v>
      </c>
      <c r="I25799" s="8">
        <v>0</v>
      </c>
      <c r="J25799" s="8">
        <v>106096</v>
      </c>
      <c r="K25799" s="9">
        <v>6.98</v>
      </c>
      <c r="L25799" s="6" t="s">
        <v>10</v>
      </c>
    </row>
    <row r="25800" spans="1:12">
      <c r="A25800" s="6" t="s">
        <v>26072</v>
      </c>
      <c r="B25800" s="6"/>
      <c r="C25800" s="6" t="s">
        <v>26074</v>
      </c>
      <c r="D25800" s="6"/>
      <c r="E25800" s="6" t="s">
        <v>18740</v>
      </c>
      <c r="F25800" s="7">
        <v>38657</v>
      </c>
      <c r="G25800" s="8">
        <v>1341704</v>
      </c>
      <c r="H25800" s="8">
        <v>1341704</v>
      </c>
      <c r="I25800" s="8">
        <v>0</v>
      </c>
      <c r="J25800" s="8">
        <v>1341704</v>
      </c>
      <c r="K25800" s="9">
        <v>88.27</v>
      </c>
      <c r="L25800" s="6" t="s">
        <v>10</v>
      </c>
    </row>
    <row r="25801" spans="1:12">
      <c r="A25801" s="6" t="s">
        <v>26075</v>
      </c>
      <c r="B25801" s="6"/>
      <c r="C25801" s="6" t="s">
        <v>26076</v>
      </c>
      <c r="D25801" s="6"/>
      <c r="E25801" s="6" t="s">
        <v>18740</v>
      </c>
      <c r="F25801" s="7">
        <v>38657</v>
      </c>
      <c r="G25801" s="8">
        <v>107352</v>
      </c>
      <c r="H25801" s="8">
        <v>107352</v>
      </c>
      <c r="I25801" s="8">
        <v>0</v>
      </c>
      <c r="J25801" s="8">
        <v>107352</v>
      </c>
      <c r="K25801" s="9">
        <v>21</v>
      </c>
      <c r="L25801" s="6" t="s">
        <v>23</v>
      </c>
    </row>
    <row r="25802" spans="1:12">
      <c r="A25802" s="6" t="s">
        <v>26077</v>
      </c>
      <c r="B25802" s="6"/>
      <c r="C25802" s="6" t="s">
        <v>26078</v>
      </c>
      <c r="D25802" s="6"/>
      <c r="E25802" s="6" t="s">
        <v>9</v>
      </c>
      <c r="F25802" s="7">
        <v>38657</v>
      </c>
      <c r="G25802" s="8">
        <v>4241913</v>
      </c>
      <c r="H25802" s="8">
        <v>4241913</v>
      </c>
      <c r="I25802" s="8">
        <v>0</v>
      </c>
      <c r="J25802" s="8">
        <v>4241913</v>
      </c>
      <c r="K25802" s="9">
        <v>141.87</v>
      </c>
      <c r="L25802" s="6" t="s">
        <v>10</v>
      </c>
    </row>
    <row r="25803" spans="1:12">
      <c r="A25803" s="6" t="s">
        <v>26079</v>
      </c>
      <c r="B25803" s="6"/>
      <c r="C25803" s="6" t="s">
        <v>26080</v>
      </c>
      <c r="D25803" s="6"/>
      <c r="E25803" s="6" t="s">
        <v>18740</v>
      </c>
      <c r="F25803" s="7">
        <v>38657</v>
      </c>
      <c r="G25803" s="8">
        <v>425372</v>
      </c>
      <c r="H25803" s="8">
        <v>425372</v>
      </c>
      <c r="I25803" s="8">
        <v>0</v>
      </c>
      <c r="J25803" s="8">
        <v>425372</v>
      </c>
      <c r="K25803" s="9">
        <v>11.02</v>
      </c>
      <c r="L25803" s="6" t="s">
        <v>10</v>
      </c>
    </row>
    <row r="25804" spans="1:12">
      <c r="A25804" s="6" t="s">
        <v>26079</v>
      </c>
      <c r="B25804" s="6"/>
      <c r="C25804" s="6" t="s">
        <v>26081</v>
      </c>
      <c r="D25804" s="6"/>
      <c r="E25804" s="6" t="s">
        <v>18740</v>
      </c>
      <c r="F25804" s="7">
        <v>38657</v>
      </c>
      <c r="G25804" s="8">
        <v>191456</v>
      </c>
      <c r="H25804" s="8">
        <v>191456</v>
      </c>
      <c r="I25804" s="8">
        <v>0</v>
      </c>
      <c r="J25804" s="8">
        <v>191456</v>
      </c>
      <c r="K25804" s="9">
        <v>4.96</v>
      </c>
      <c r="L25804" s="6" t="s">
        <v>10</v>
      </c>
    </row>
    <row r="25805" spans="1:12">
      <c r="A25805" s="6" t="s">
        <v>26082</v>
      </c>
      <c r="B25805" s="6"/>
      <c r="C25805" s="6" t="s">
        <v>26083</v>
      </c>
      <c r="D25805" s="6"/>
      <c r="E25805" s="6" t="s">
        <v>9</v>
      </c>
      <c r="F25805" s="7">
        <v>38657</v>
      </c>
      <c r="G25805" s="8">
        <v>9610</v>
      </c>
      <c r="H25805" s="8">
        <v>9610</v>
      </c>
      <c r="I25805" s="8">
        <v>0</v>
      </c>
      <c r="J25805" s="8">
        <v>9610</v>
      </c>
      <c r="K25805" s="9">
        <v>1.88</v>
      </c>
      <c r="L25805" s="6" t="s">
        <v>23</v>
      </c>
    </row>
    <row r="25806" spans="1:12">
      <c r="A25806" s="6" t="s">
        <v>26084</v>
      </c>
      <c r="B25806" s="6"/>
      <c r="C25806" s="6" t="s">
        <v>26085</v>
      </c>
      <c r="D25806" s="6"/>
      <c r="E25806" s="6" t="s">
        <v>9</v>
      </c>
      <c r="F25806" s="7">
        <v>38657</v>
      </c>
      <c r="G25806" s="8">
        <v>725904</v>
      </c>
      <c r="H25806" s="8">
        <v>725904</v>
      </c>
      <c r="I25806" s="8">
        <v>0</v>
      </c>
      <c r="J25806" s="8">
        <v>725904</v>
      </c>
      <c r="K25806" s="9">
        <v>142</v>
      </c>
      <c r="L25806" s="6" t="s">
        <v>14</v>
      </c>
    </row>
    <row r="25807" spans="1:12">
      <c r="A25807" s="6" t="s">
        <v>26086</v>
      </c>
      <c r="B25807" s="6"/>
      <c r="C25807" s="6" t="s">
        <v>26087</v>
      </c>
      <c r="D25807" s="6"/>
      <c r="E25807" s="6" t="s">
        <v>18740</v>
      </c>
      <c r="F25807" s="7">
        <v>38657</v>
      </c>
      <c r="G25807" s="8">
        <v>17588402</v>
      </c>
      <c r="H25807" s="8">
        <v>17588402</v>
      </c>
      <c r="I25807" s="8">
        <v>0</v>
      </c>
      <c r="J25807" s="8">
        <v>17588402</v>
      </c>
      <c r="K25807" s="9">
        <v>250.9</v>
      </c>
      <c r="L25807" s="6" t="s">
        <v>23</v>
      </c>
    </row>
    <row r="25808" spans="1:12">
      <c r="A25808" s="6" t="s">
        <v>26086</v>
      </c>
      <c r="B25808" s="6"/>
      <c r="C25808" s="6" t="s">
        <v>26088</v>
      </c>
      <c r="D25808" s="6"/>
      <c r="E25808" s="6" t="s">
        <v>18740</v>
      </c>
      <c r="F25808" s="7">
        <v>38657</v>
      </c>
      <c r="G25808" s="8">
        <v>9880770</v>
      </c>
      <c r="H25808" s="8">
        <v>9880770</v>
      </c>
      <c r="I25808" s="8">
        <v>0</v>
      </c>
      <c r="J25808" s="8">
        <v>9880770</v>
      </c>
      <c r="K25808" s="9">
        <v>140.94999999999899</v>
      </c>
      <c r="L25808" s="6" t="s">
        <v>23</v>
      </c>
    </row>
    <row r="25809" spans="1:12">
      <c r="A25809" s="6" t="s">
        <v>26086</v>
      </c>
      <c r="B25809" s="6"/>
      <c r="C25809" s="6" t="s">
        <v>26089</v>
      </c>
      <c r="D25809" s="6"/>
      <c r="E25809" s="6" t="s">
        <v>18740</v>
      </c>
      <c r="F25809" s="7">
        <v>38657</v>
      </c>
      <c r="G25809" s="8">
        <v>3084455</v>
      </c>
      <c r="H25809" s="8">
        <v>3084455</v>
      </c>
      <c r="I25809" s="8">
        <v>0</v>
      </c>
      <c r="J25809" s="8">
        <v>3084455</v>
      </c>
      <c r="K25809" s="9">
        <v>44</v>
      </c>
      <c r="L25809" s="6" t="s">
        <v>23</v>
      </c>
    </row>
    <row r="25810" spans="1:12">
      <c r="A25810" s="6" t="s">
        <v>26090</v>
      </c>
      <c r="B25810" s="6"/>
      <c r="C25810" s="6" t="s">
        <v>26091</v>
      </c>
      <c r="D25810" s="6"/>
      <c r="E25810" s="6" t="s">
        <v>18740</v>
      </c>
      <c r="F25810" s="7">
        <v>38657</v>
      </c>
      <c r="G25810" s="8">
        <v>1462000</v>
      </c>
      <c r="H25810" s="8">
        <v>1462000</v>
      </c>
      <c r="I25810" s="8">
        <v>0</v>
      </c>
      <c r="J25810" s="8">
        <v>1462000</v>
      </c>
      <c r="K25810" s="9">
        <v>43</v>
      </c>
      <c r="L25810" s="6" t="s">
        <v>10</v>
      </c>
    </row>
    <row r="25811" spans="1:12">
      <c r="A25811" s="6" t="s">
        <v>26092</v>
      </c>
      <c r="B25811" s="6"/>
      <c r="C25811" s="6" t="s">
        <v>26093</v>
      </c>
      <c r="D25811" s="6"/>
      <c r="E25811" s="6" t="s">
        <v>9</v>
      </c>
      <c r="F25811" s="7">
        <v>38657</v>
      </c>
      <c r="G25811" s="8">
        <v>403848</v>
      </c>
      <c r="H25811" s="8">
        <v>403848</v>
      </c>
      <c r="I25811" s="8">
        <v>0</v>
      </c>
      <c r="J25811" s="8">
        <v>403848</v>
      </c>
      <c r="K25811" s="9">
        <v>79</v>
      </c>
      <c r="L25811" s="6" t="s">
        <v>14</v>
      </c>
    </row>
    <row r="25812" spans="1:12">
      <c r="A25812" s="6" t="s">
        <v>26092</v>
      </c>
      <c r="B25812" s="6"/>
      <c r="C25812" s="6" t="s">
        <v>26094</v>
      </c>
      <c r="D25812" s="6"/>
      <c r="E25812" s="6" t="s">
        <v>9</v>
      </c>
      <c r="F25812" s="7">
        <v>38657</v>
      </c>
      <c r="G25812" s="8">
        <v>674784</v>
      </c>
      <c r="H25812" s="8">
        <v>674784</v>
      </c>
      <c r="I25812" s="8">
        <v>0</v>
      </c>
      <c r="J25812" s="8">
        <v>674784</v>
      </c>
      <c r="K25812" s="9">
        <v>132</v>
      </c>
      <c r="L25812" s="6" t="s">
        <v>14</v>
      </c>
    </row>
    <row r="25813" spans="1:12">
      <c r="A25813" s="6" t="s">
        <v>26095</v>
      </c>
      <c r="B25813" s="6"/>
      <c r="C25813" s="6" t="s">
        <v>26096</v>
      </c>
      <c r="D25813" s="6"/>
      <c r="E25813" s="6" t="s">
        <v>18740</v>
      </c>
      <c r="F25813" s="7">
        <v>38657</v>
      </c>
      <c r="G25813" s="8">
        <v>66080</v>
      </c>
      <c r="H25813" s="8">
        <v>66080</v>
      </c>
      <c r="I25813" s="8">
        <v>0</v>
      </c>
      <c r="J25813" s="8">
        <v>66080</v>
      </c>
      <c r="K25813" s="9">
        <v>4.13</v>
      </c>
      <c r="L25813" s="6" t="s">
        <v>10</v>
      </c>
    </row>
    <row r="25814" spans="1:12">
      <c r="A25814" s="6" t="s">
        <v>26097</v>
      </c>
      <c r="B25814" s="6"/>
      <c r="C25814" s="6" t="s">
        <v>26098</v>
      </c>
      <c r="D25814" s="6"/>
      <c r="E25814" s="6" t="s">
        <v>18740</v>
      </c>
      <c r="F25814" s="7">
        <v>38657</v>
      </c>
      <c r="G25814" s="8">
        <v>58430</v>
      </c>
      <c r="H25814" s="8">
        <v>58430</v>
      </c>
      <c r="I25814" s="8">
        <v>0</v>
      </c>
      <c r="J25814" s="8">
        <v>58430</v>
      </c>
      <c r="K25814" s="9">
        <v>11.43</v>
      </c>
      <c r="L25814" s="6" t="s">
        <v>23</v>
      </c>
    </row>
    <row r="25815" spans="1:12">
      <c r="A25815" s="6" t="s">
        <v>26099</v>
      </c>
      <c r="B25815" s="6"/>
      <c r="C25815" s="6" t="s">
        <v>26100</v>
      </c>
      <c r="D25815" s="6"/>
      <c r="E25815" s="6" t="s">
        <v>18740</v>
      </c>
      <c r="F25815" s="7">
        <v>38657</v>
      </c>
      <c r="G25815" s="8">
        <v>3324820</v>
      </c>
      <c r="H25815" s="8">
        <v>3324820</v>
      </c>
      <c r="I25815" s="8">
        <v>0</v>
      </c>
      <c r="J25815" s="8">
        <v>3324820</v>
      </c>
      <c r="K25815" s="9">
        <v>224.65</v>
      </c>
      <c r="L25815" s="6" t="s">
        <v>10</v>
      </c>
    </row>
    <row r="25816" spans="1:12">
      <c r="A25816" s="6" t="s">
        <v>26101</v>
      </c>
      <c r="B25816" s="6"/>
      <c r="C25816" s="6" t="s">
        <v>26102</v>
      </c>
      <c r="D25816" s="6"/>
      <c r="E25816" s="6" t="s">
        <v>18740</v>
      </c>
      <c r="F25816" s="7">
        <v>38657</v>
      </c>
      <c r="G25816" s="8">
        <v>530267</v>
      </c>
      <c r="H25816" s="8">
        <v>530267</v>
      </c>
      <c r="I25816" s="8">
        <v>0</v>
      </c>
      <c r="J25816" s="8">
        <v>530267</v>
      </c>
      <c r="K25816" s="9">
        <v>103.73</v>
      </c>
      <c r="L25816" s="6" t="s">
        <v>14</v>
      </c>
    </row>
    <row r="25817" spans="1:12">
      <c r="A25817" s="6" t="s">
        <v>26101</v>
      </c>
      <c r="B25817" s="6"/>
      <c r="C25817" s="6" t="s">
        <v>26103</v>
      </c>
      <c r="D25817" s="6"/>
      <c r="E25817" s="6" t="s">
        <v>18740</v>
      </c>
      <c r="F25817" s="7">
        <v>38657</v>
      </c>
      <c r="G25817" s="8">
        <v>50864</v>
      </c>
      <c r="H25817" s="8">
        <v>50864</v>
      </c>
      <c r="I25817" s="8">
        <v>0</v>
      </c>
      <c r="J25817" s="8">
        <v>50864</v>
      </c>
      <c r="K25817" s="9">
        <v>9.9499999999999904</v>
      </c>
      <c r="L25817" s="6" t="s">
        <v>14</v>
      </c>
    </row>
    <row r="25818" spans="1:12">
      <c r="A25818" s="6" t="s">
        <v>26104</v>
      </c>
      <c r="B25818" s="6"/>
      <c r="C25818" s="6" t="s">
        <v>26105</v>
      </c>
      <c r="D25818" s="6"/>
      <c r="E25818" s="6" t="s">
        <v>9</v>
      </c>
      <c r="F25818" s="7">
        <v>38657</v>
      </c>
      <c r="G25818" s="8">
        <v>928568</v>
      </c>
      <c r="H25818" s="8">
        <v>928568</v>
      </c>
      <c r="I25818" s="8">
        <v>0</v>
      </c>
      <c r="J25818" s="8">
        <v>928568</v>
      </c>
      <c r="K25818" s="9">
        <v>28.31</v>
      </c>
      <c r="L25818" s="6" t="s">
        <v>10</v>
      </c>
    </row>
    <row r="25819" spans="1:12">
      <c r="A25819" s="6" t="s">
        <v>26106</v>
      </c>
      <c r="B25819" s="6"/>
      <c r="C25819" s="6" t="s">
        <v>26107</v>
      </c>
      <c r="D25819" s="6"/>
      <c r="E25819" s="6" t="s">
        <v>18740</v>
      </c>
      <c r="F25819" s="7">
        <v>38657</v>
      </c>
      <c r="G25819" s="8">
        <v>32450</v>
      </c>
      <c r="H25819" s="8">
        <v>32450</v>
      </c>
      <c r="I25819" s="8">
        <v>0</v>
      </c>
      <c r="J25819" s="8">
        <v>32450</v>
      </c>
      <c r="K25819" s="9">
        <v>1.1000000000000001</v>
      </c>
      <c r="L25819" s="6" t="s">
        <v>10</v>
      </c>
    </row>
    <row r="25820" spans="1:12">
      <c r="A25820" s="6" t="s">
        <v>26106</v>
      </c>
      <c r="B25820" s="6"/>
      <c r="C25820" s="6" t="s">
        <v>26108</v>
      </c>
      <c r="D25820" s="6"/>
      <c r="E25820" s="6" t="s">
        <v>18740</v>
      </c>
      <c r="F25820" s="7">
        <v>38657</v>
      </c>
      <c r="G25820" s="8">
        <v>10325</v>
      </c>
      <c r="H25820" s="8">
        <v>10325</v>
      </c>
      <c r="I25820" s="8">
        <v>0</v>
      </c>
      <c r="J25820" s="8">
        <v>10325</v>
      </c>
      <c r="K25820" s="9">
        <v>0.35</v>
      </c>
      <c r="L25820" s="6" t="s">
        <v>10</v>
      </c>
    </row>
    <row r="25821" spans="1:12">
      <c r="A25821" s="6" t="s">
        <v>26109</v>
      </c>
      <c r="B25821" s="6"/>
      <c r="C25821" s="6" t="s">
        <v>26110</v>
      </c>
      <c r="D25821" s="6"/>
      <c r="E25821" s="6" t="s">
        <v>18740</v>
      </c>
      <c r="F25821" s="7">
        <v>38657</v>
      </c>
      <c r="G25821" s="8">
        <v>1124</v>
      </c>
      <c r="H25821" s="8">
        <v>1124</v>
      </c>
      <c r="I25821" s="8">
        <v>0</v>
      </c>
      <c r="J25821" s="8">
        <v>1124</v>
      </c>
      <c r="K25821" s="9">
        <v>0.22</v>
      </c>
      <c r="L25821" s="6" t="s">
        <v>23</v>
      </c>
    </row>
    <row r="25822" spans="1:12">
      <c r="A25822" s="6" t="s">
        <v>26111</v>
      </c>
      <c r="B25822" s="6"/>
      <c r="C25822" s="6" t="s">
        <v>26112</v>
      </c>
      <c r="D25822" s="6"/>
      <c r="E25822" s="6" t="s">
        <v>18740</v>
      </c>
      <c r="F25822" s="7">
        <v>38657</v>
      </c>
      <c r="G25822" s="8">
        <v>159596</v>
      </c>
      <c r="H25822" s="8">
        <v>159596</v>
      </c>
      <c r="I25822" s="8">
        <v>0</v>
      </c>
      <c r="J25822" s="8">
        <v>159596</v>
      </c>
      <c r="K25822" s="9">
        <v>31.22</v>
      </c>
      <c r="L25822" s="6" t="s">
        <v>23</v>
      </c>
    </row>
    <row r="25823" spans="1:12">
      <c r="A25823" s="6" t="s">
        <v>26113</v>
      </c>
      <c r="B25823" s="6"/>
      <c r="C25823" s="6" t="s">
        <v>26114</v>
      </c>
      <c r="D25823" s="6"/>
      <c r="E25823" s="6" t="s">
        <v>18740</v>
      </c>
      <c r="F25823" s="7">
        <v>38657</v>
      </c>
      <c r="G25823" s="8">
        <v>173808</v>
      </c>
      <c r="H25823" s="8">
        <v>173808</v>
      </c>
      <c r="I25823" s="8">
        <v>0</v>
      </c>
      <c r="J25823" s="8">
        <v>173808</v>
      </c>
      <c r="K25823" s="9">
        <v>34</v>
      </c>
      <c r="L25823" s="6" t="s">
        <v>23</v>
      </c>
    </row>
    <row r="25824" spans="1:12">
      <c r="A25824" s="6" t="s">
        <v>26115</v>
      </c>
      <c r="B25824" s="6"/>
      <c r="C25824" s="6" t="s">
        <v>26116</v>
      </c>
      <c r="D25824" s="6"/>
      <c r="E25824" s="6" t="s">
        <v>9</v>
      </c>
      <c r="F25824" s="7">
        <v>38657</v>
      </c>
      <c r="G25824" s="8">
        <v>17052724</v>
      </c>
      <c r="H25824" s="8">
        <v>17052724</v>
      </c>
      <c r="I25824" s="8">
        <v>0</v>
      </c>
      <c r="J25824" s="8">
        <v>17052724</v>
      </c>
      <c r="K25824" s="9">
        <v>483.08</v>
      </c>
      <c r="L25824" s="6" t="s">
        <v>10</v>
      </c>
    </row>
    <row r="25825" spans="1:12">
      <c r="A25825" s="6" t="s">
        <v>26117</v>
      </c>
      <c r="B25825" s="6"/>
      <c r="C25825" s="6" t="s">
        <v>26118</v>
      </c>
      <c r="D25825" s="6"/>
      <c r="E25825" s="6" t="s">
        <v>18740</v>
      </c>
      <c r="F25825" s="7">
        <v>38657</v>
      </c>
      <c r="G25825" s="8">
        <v>193131</v>
      </c>
      <c r="H25825" s="8">
        <v>193131</v>
      </c>
      <c r="I25825" s="8">
        <v>0</v>
      </c>
      <c r="J25825" s="8">
        <v>193131</v>
      </c>
      <c r="K25825" s="9">
        <v>37.78</v>
      </c>
      <c r="L25825" s="6" t="s">
        <v>23</v>
      </c>
    </row>
    <row r="25826" spans="1:12">
      <c r="A25826" s="6" t="s">
        <v>26119</v>
      </c>
      <c r="B25826" s="6"/>
      <c r="C25826" s="6" t="s">
        <v>26120</v>
      </c>
      <c r="D25826" s="6"/>
      <c r="E25826" s="6" t="s">
        <v>9</v>
      </c>
      <c r="F25826" s="7">
        <v>38657</v>
      </c>
      <c r="G25826" s="8">
        <v>7023888</v>
      </c>
      <c r="H25826" s="8">
        <v>7023888</v>
      </c>
      <c r="I25826" s="8">
        <v>0</v>
      </c>
      <c r="J25826" s="8">
        <v>7023888</v>
      </c>
      <c r="K25826" s="9">
        <v>1374</v>
      </c>
      <c r="L25826" s="6" t="s">
        <v>14</v>
      </c>
    </row>
    <row r="25827" spans="1:12">
      <c r="A25827" s="6" t="s">
        <v>26121</v>
      </c>
      <c r="B25827" s="6"/>
      <c r="C25827" s="6" t="s">
        <v>26122</v>
      </c>
      <c r="D25827" s="6"/>
      <c r="E25827" s="6" t="s">
        <v>9</v>
      </c>
      <c r="F25827" s="7">
        <v>38657</v>
      </c>
      <c r="G25827" s="8">
        <v>13158288</v>
      </c>
      <c r="H25827" s="8">
        <v>13158288</v>
      </c>
      <c r="I25827" s="8">
        <v>0</v>
      </c>
      <c r="J25827" s="8">
        <v>13158288</v>
      </c>
      <c r="K25827" s="9">
        <v>2574</v>
      </c>
      <c r="L25827" s="6" t="s">
        <v>14</v>
      </c>
    </row>
    <row r="25828" spans="1:12">
      <c r="A25828" s="6" t="s">
        <v>26123</v>
      </c>
      <c r="B25828" s="6"/>
      <c r="C25828" s="6" t="s">
        <v>26124</v>
      </c>
      <c r="D25828" s="6"/>
      <c r="E25828" s="6" t="s">
        <v>9</v>
      </c>
      <c r="F25828" s="7">
        <v>38657</v>
      </c>
      <c r="G25828" s="8">
        <v>685008</v>
      </c>
      <c r="H25828" s="8">
        <v>685008</v>
      </c>
      <c r="I25828" s="8">
        <v>0</v>
      </c>
      <c r="J25828" s="8">
        <v>685008</v>
      </c>
      <c r="K25828" s="9">
        <v>134</v>
      </c>
      <c r="L25828" s="6" t="s">
        <v>14</v>
      </c>
    </row>
    <row r="25829" spans="1:12">
      <c r="A25829" s="6" t="s">
        <v>26125</v>
      </c>
      <c r="B25829" s="6"/>
      <c r="C25829" s="6" t="s">
        <v>26126</v>
      </c>
      <c r="D25829" s="6"/>
      <c r="E25829" s="6" t="s">
        <v>9</v>
      </c>
      <c r="F25829" s="7">
        <v>38657</v>
      </c>
      <c r="G25829" s="8">
        <v>1017288</v>
      </c>
      <c r="H25829" s="8">
        <v>1017288</v>
      </c>
      <c r="I25829" s="8">
        <v>0</v>
      </c>
      <c r="J25829" s="8">
        <v>1017288</v>
      </c>
      <c r="K25829" s="9">
        <v>199</v>
      </c>
      <c r="L25829" s="6" t="s">
        <v>14</v>
      </c>
    </row>
    <row r="25830" spans="1:12">
      <c r="A25830" s="6" t="s">
        <v>26127</v>
      </c>
      <c r="B25830" s="6"/>
      <c r="C25830" s="6" t="s">
        <v>26128</v>
      </c>
      <c r="D25830" s="6"/>
      <c r="E25830" s="6" t="s">
        <v>9</v>
      </c>
      <c r="F25830" s="7">
        <v>38657</v>
      </c>
      <c r="G25830" s="8">
        <v>204480</v>
      </c>
      <c r="H25830" s="8">
        <v>204480</v>
      </c>
      <c r="I25830" s="8">
        <v>0</v>
      </c>
      <c r="J25830" s="8">
        <v>204480</v>
      </c>
      <c r="K25830" s="9">
        <v>40</v>
      </c>
      <c r="L25830" s="6" t="s">
        <v>14</v>
      </c>
    </row>
    <row r="25831" spans="1:12">
      <c r="A25831" s="6" t="s">
        <v>26127</v>
      </c>
      <c r="B25831" s="6"/>
      <c r="C25831" s="6" t="s">
        <v>26129</v>
      </c>
      <c r="D25831" s="6"/>
      <c r="E25831" s="6" t="s">
        <v>9</v>
      </c>
      <c r="F25831" s="7">
        <v>38657</v>
      </c>
      <c r="G25831" s="8">
        <v>117576</v>
      </c>
      <c r="H25831" s="8">
        <v>117576</v>
      </c>
      <c r="I25831" s="8">
        <v>0</v>
      </c>
      <c r="J25831" s="8">
        <v>117576</v>
      </c>
      <c r="K25831" s="9">
        <v>23</v>
      </c>
      <c r="L25831" s="6" t="s">
        <v>14</v>
      </c>
    </row>
    <row r="25832" spans="1:12">
      <c r="A25832" s="6" t="s">
        <v>26127</v>
      </c>
      <c r="B25832" s="6"/>
      <c r="C25832" s="6" t="s">
        <v>26130</v>
      </c>
      <c r="D25832" s="6"/>
      <c r="E25832" s="6" t="s">
        <v>9</v>
      </c>
      <c r="F25832" s="7">
        <v>38657</v>
      </c>
      <c r="G25832" s="8">
        <v>362952</v>
      </c>
      <c r="H25832" s="8">
        <v>362952</v>
      </c>
      <c r="I25832" s="8">
        <v>0</v>
      </c>
      <c r="J25832" s="8">
        <v>362952</v>
      </c>
      <c r="K25832" s="9">
        <v>71</v>
      </c>
      <c r="L25832" s="6" t="s">
        <v>14</v>
      </c>
    </row>
    <row r="25833" spans="1:12">
      <c r="A25833" s="6" t="s">
        <v>26127</v>
      </c>
      <c r="B25833" s="6"/>
      <c r="C25833" s="6" t="s">
        <v>26131</v>
      </c>
      <c r="D25833" s="6"/>
      <c r="E25833" s="6" t="s">
        <v>9</v>
      </c>
      <c r="F25833" s="7">
        <v>38657</v>
      </c>
      <c r="G25833" s="8">
        <v>178920</v>
      </c>
      <c r="H25833" s="8">
        <v>178920</v>
      </c>
      <c r="I25833" s="8">
        <v>0</v>
      </c>
      <c r="J25833" s="8">
        <v>178920</v>
      </c>
      <c r="K25833" s="9">
        <v>35</v>
      </c>
      <c r="L25833" s="6" t="s">
        <v>14</v>
      </c>
    </row>
    <row r="25834" spans="1:12">
      <c r="A25834" s="6" t="s">
        <v>26127</v>
      </c>
      <c r="B25834" s="6"/>
      <c r="C25834" s="6" t="s">
        <v>26132</v>
      </c>
      <c r="D25834" s="6"/>
      <c r="E25834" s="6" t="s">
        <v>9</v>
      </c>
      <c r="F25834" s="7">
        <v>38657</v>
      </c>
      <c r="G25834" s="8">
        <v>2218608</v>
      </c>
      <c r="H25834" s="8">
        <v>2218608</v>
      </c>
      <c r="I25834" s="8">
        <v>0</v>
      </c>
      <c r="J25834" s="8">
        <v>2218608</v>
      </c>
      <c r="K25834" s="9">
        <v>434</v>
      </c>
      <c r="L25834" s="6" t="s">
        <v>14</v>
      </c>
    </row>
    <row r="25835" spans="1:12">
      <c r="A25835" s="6" t="s">
        <v>26127</v>
      </c>
      <c r="B25835" s="6"/>
      <c r="C25835" s="6" t="s">
        <v>26133</v>
      </c>
      <c r="D25835" s="6"/>
      <c r="E25835" s="6" t="s">
        <v>9</v>
      </c>
      <c r="F25835" s="7">
        <v>38657</v>
      </c>
      <c r="G25835" s="8">
        <v>1937448</v>
      </c>
      <c r="H25835" s="8">
        <v>1937448</v>
      </c>
      <c r="I25835" s="8">
        <v>0</v>
      </c>
      <c r="J25835" s="8">
        <v>1937448</v>
      </c>
      <c r="K25835" s="9">
        <v>379</v>
      </c>
      <c r="L25835" s="6" t="s">
        <v>14</v>
      </c>
    </row>
    <row r="25836" spans="1:12">
      <c r="A25836" s="6" t="s">
        <v>26127</v>
      </c>
      <c r="B25836" s="6"/>
      <c r="C25836" s="6" t="s">
        <v>26134</v>
      </c>
      <c r="D25836" s="6"/>
      <c r="E25836" s="6" t="s">
        <v>9</v>
      </c>
      <c r="F25836" s="7">
        <v>38657</v>
      </c>
      <c r="G25836" s="8">
        <v>281160</v>
      </c>
      <c r="H25836" s="8">
        <v>281160</v>
      </c>
      <c r="I25836" s="8">
        <v>0</v>
      </c>
      <c r="J25836" s="8">
        <v>281160</v>
      </c>
      <c r="K25836" s="9">
        <v>55</v>
      </c>
      <c r="L25836" s="6" t="s">
        <v>14</v>
      </c>
    </row>
    <row r="25837" spans="1:12">
      <c r="A25837" s="6" t="s">
        <v>26127</v>
      </c>
      <c r="B25837" s="6"/>
      <c r="C25837" s="6" t="s">
        <v>26135</v>
      </c>
      <c r="D25837" s="6"/>
      <c r="E25837" s="6" t="s">
        <v>9</v>
      </c>
      <c r="F25837" s="7">
        <v>38657</v>
      </c>
      <c r="G25837" s="8">
        <v>4830840</v>
      </c>
      <c r="H25837" s="8">
        <v>4830840</v>
      </c>
      <c r="I25837" s="8">
        <v>0</v>
      </c>
      <c r="J25837" s="8">
        <v>4830840</v>
      </c>
      <c r="K25837" s="9">
        <v>945</v>
      </c>
      <c r="L25837" s="6" t="s">
        <v>14</v>
      </c>
    </row>
    <row r="25838" spans="1:12">
      <c r="A25838" s="6" t="s">
        <v>26127</v>
      </c>
      <c r="B25838" s="6"/>
      <c r="C25838" s="6" t="s">
        <v>26136</v>
      </c>
      <c r="D25838" s="6"/>
      <c r="E25838" s="6" t="s">
        <v>9</v>
      </c>
      <c r="F25838" s="7">
        <v>38657</v>
      </c>
      <c r="G25838" s="8">
        <v>383400</v>
      </c>
      <c r="H25838" s="8">
        <v>383400</v>
      </c>
      <c r="I25838" s="8">
        <v>0</v>
      </c>
      <c r="J25838" s="8">
        <v>383400</v>
      </c>
      <c r="K25838" s="9">
        <v>75</v>
      </c>
      <c r="L25838" s="6" t="s">
        <v>14</v>
      </c>
    </row>
    <row r="25839" spans="1:12">
      <c r="A25839" s="6" t="s">
        <v>26127</v>
      </c>
      <c r="B25839" s="6"/>
      <c r="C25839" s="6" t="s">
        <v>26137</v>
      </c>
      <c r="D25839" s="6"/>
      <c r="E25839" s="6" t="s">
        <v>9</v>
      </c>
      <c r="F25839" s="7">
        <v>38657</v>
      </c>
      <c r="G25839" s="8">
        <v>5219352</v>
      </c>
      <c r="H25839" s="8">
        <v>5219352</v>
      </c>
      <c r="I25839" s="8">
        <v>0</v>
      </c>
      <c r="J25839" s="8">
        <v>5219352</v>
      </c>
      <c r="K25839" s="9">
        <v>1021</v>
      </c>
      <c r="L25839" s="6" t="s">
        <v>14</v>
      </c>
    </row>
    <row r="25840" spans="1:12">
      <c r="A25840" s="6" t="s">
        <v>26138</v>
      </c>
      <c r="B25840" s="6"/>
      <c r="C25840" s="6" t="s">
        <v>26139</v>
      </c>
      <c r="D25840" s="6"/>
      <c r="E25840" s="6" t="s">
        <v>18740</v>
      </c>
      <c r="F25840" s="7">
        <v>38657</v>
      </c>
      <c r="G25840" s="8">
        <v>51120</v>
      </c>
      <c r="H25840" s="8">
        <v>51120</v>
      </c>
      <c r="I25840" s="8">
        <v>0</v>
      </c>
      <c r="J25840" s="8">
        <v>51120</v>
      </c>
      <c r="K25840" s="9">
        <v>10</v>
      </c>
      <c r="L25840" s="6" t="s">
        <v>23</v>
      </c>
    </row>
    <row r="25841" spans="1:12" ht="18.75">
      <c r="A25841" s="19" t="s">
        <v>39170</v>
      </c>
      <c r="B25841" s="22"/>
      <c r="C25841" s="22" t="s">
        <v>26140</v>
      </c>
      <c r="D25841" s="22"/>
      <c r="E25841" s="22" t="s">
        <v>9</v>
      </c>
      <c r="F25841" s="23">
        <v>38657</v>
      </c>
      <c r="G25841" s="24">
        <v>15797200</v>
      </c>
      <c r="H25841" s="24">
        <v>15797200</v>
      </c>
      <c r="I25841" s="24">
        <v>0</v>
      </c>
      <c r="J25841" s="24">
        <v>15797200</v>
      </c>
      <c r="K25841" s="25">
        <v>541</v>
      </c>
      <c r="L25841" s="6" t="s">
        <v>10</v>
      </c>
    </row>
    <row r="25842" spans="1:12" ht="18.75">
      <c r="A25842" s="19" t="s">
        <v>39170</v>
      </c>
      <c r="B25842" s="22"/>
      <c r="C25842" s="22" t="s">
        <v>26141</v>
      </c>
      <c r="D25842" s="22"/>
      <c r="E25842" s="22" t="s">
        <v>9</v>
      </c>
      <c r="F25842" s="23">
        <v>38657</v>
      </c>
      <c r="G25842" s="24">
        <v>1696695</v>
      </c>
      <c r="H25842" s="24">
        <v>1696695</v>
      </c>
      <c r="I25842" s="24">
        <v>0</v>
      </c>
      <c r="J25842" s="24">
        <v>1696695</v>
      </c>
      <c r="K25842" s="25">
        <v>50.05</v>
      </c>
      <c r="L25842" s="6" t="s">
        <v>10</v>
      </c>
    </row>
    <row r="25843" spans="1:12" ht="18.75">
      <c r="A25843" s="19" t="s">
        <v>39170</v>
      </c>
      <c r="B25843" s="22"/>
      <c r="C25843" s="22" t="s">
        <v>26142</v>
      </c>
      <c r="D25843" s="22"/>
      <c r="E25843" s="22" t="s">
        <v>9</v>
      </c>
      <c r="F25843" s="23">
        <v>38657</v>
      </c>
      <c r="G25843" s="24">
        <v>6964416</v>
      </c>
      <c r="H25843" s="24">
        <v>6964416</v>
      </c>
      <c r="I25843" s="24">
        <v>0</v>
      </c>
      <c r="J25843" s="24">
        <v>6964416</v>
      </c>
      <c r="K25843" s="25">
        <v>205.44</v>
      </c>
      <c r="L25843" s="6" t="s">
        <v>10</v>
      </c>
    </row>
    <row r="25844" spans="1:12" ht="18.75">
      <c r="A25844" s="19" t="s">
        <v>39170</v>
      </c>
      <c r="B25844" s="22"/>
      <c r="C25844" s="22" t="s">
        <v>26143</v>
      </c>
      <c r="D25844" s="22"/>
      <c r="E25844" s="22" t="s">
        <v>9</v>
      </c>
      <c r="F25844" s="23">
        <v>38657</v>
      </c>
      <c r="G25844" s="24">
        <v>156599172</v>
      </c>
      <c r="H25844" s="24">
        <v>156599172</v>
      </c>
      <c r="I25844" s="24">
        <v>0</v>
      </c>
      <c r="J25844" s="24">
        <v>156599172</v>
      </c>
      <c r="K25844" s="25">
        <v>4243.88</v>
      </c>
      <c r="L25844" s="6" t="s">
        <v>10</v>
      </c>
    </row>
    <row r="25845" spans="1:12" ht="18.75">
      <c r="A25845" s="19" t="s">
        <v>39170</v>
      </c>
      <c r="B25845" s="22"/>
      <c r="C25845" s="22" t="s">
        <v>26144</v>
      </c>
      <c r="D25845" s="22"/>
      <c r="E25845" s="22" t="s">
        <v>9</v>
      </c>
      <c r="F25845" s="23">
        <v>38657</v>
      </c>
      <c r="G25845" s="24">
        <v>4237504</v>
      </c>
      <c r="H25845" s="24">
        <v>4237504</v>
      </c>
      <c r="I25845" s="24">
        <v>0</v>
      </c>
      <c r="J25845" s="24">
        <v>4237504</v>
      </c>
      <c r="K25845" s="25">
        <v>145.12</v>
      </c>
      <c r="L25845" s="6" t="s">
        <v>10</v>
      </c>
    </row>
    <row r="25846" spans="1:12" ht="18.75">
      <c r="A25846" s="19" t="s">
        <v>39170</v>
      </c>
      <c r="B25846" s="22"/>
      <c r="C25846" s="22" t="s">
        <v>26145</v>
      </c>
      <c r="D25846" s="22"/>
      <c r="E25846" s="22" t="s">
        <v>9</v>
      </c>
      <c r="F25846" s="23">
        <v>38657</v>
      </c>
      <c r="G25846" s="24">
        <v>2422724</v>
      </c>
      <c r="H25846" s="24">
        <v>2422724</v>
      </c>
      <c r="I25846" s="24">
        <v>0</v>
      </c>
      <c r="J25846" s="24">
        <v>2422724</v>
      </c>
      <c r="K25846" s="25">
        <v>82.97</v>
      </c>
      <c r="L25846" s="6" t="s">
        <v>10</v>
      </c>
    </row>
    <row r="25847" spans="1:12" ht="18.75">
      <c r="A25847" s="19" t="s">
        <v>39170</v>
      </c>
      <c r="B25847" s="22"/>
      <c r="C25847" s="22" t="s">
        <v>26146</v>
      </c>
      <c r="D25847" s="22"/>
      <c r="E25847" s="22" t="s">
        <v>9</v>
      </c>
      <c r="F25847" s="23">
        <v>43277</v>
      </c>
      <c r="G25847" s="24">
        <v>11673489</v>
      </c>
      <c r="H25847" s="24">
        <v>11673489</v>
      </c>
      <c r="I25847" s="24">
        <v>0</v>
      </c>
      <c r="J25847" s="24">
        <v>11673489</v>
      </c>
      <c r="K25847" s="25">
        <v>288.02</v>
      </c>
      <c r="L25847" s="6" t="s">
        <v>10</v>
      </c>
    </row>
    <row r="25848" spans="1:12" ht="18.75">
      <c r="A25848" s="19" t="s">
        <v>39170</v>
      </c>
      <c r="B25848" s="22"/>
      <c r="C25848" s="22" t="s">
        <v>26147</v>
      </c>
      <c r="D25848" s="22"/>
      <c r="E25848" s="22" t="s">
        <v>9</v>
      </c>
      <c r="F25848" s="23">
        <v>43277</v>
      </c>
      <c r="G25848" s="24">
        <v>8326511</v>
      </c>
      <c r="H25848" s="24">
        <v>8326511</v>
      </c>
      <c r="I25848" s="24">
        <v>0</v>
      </c>
      <c r="J25848" s="24">
        <v>8326511</v>
      </c>
      <c r="K25848" s="25">
        <v>205.44</v>
      </c>
      <c r="L25848" s="6" t="s">
        <v>10</v>
      </c>
    </row>
    <row r="25849" spans="1:12" ht="18.75">
      <c r="A25849" s="19" t="s">
        <v>39170</v>
      </c>
      <c r="B25849" s="22"/>
      <c r="C25849" s="22" t="s">
        <v>26148</v>
      </c>
      <c r="D25849" s="22"/>
      <c r="E25849" s="22" t="s">
        <v>9</v>
      </c>
      <c r="F25849" s="23">
        <v>43677</v>
      </c>
      <c r="G25849" s="24">
        <v>1</v>
      </c>
      <c r="H25849" s="24">
        <v>1</v>
      </c>
      <c r="I25849" s="24">
        <v>0</v>
      </c>
      <c r="J25849" s="24">
        <v>1</v>
      </c>
      <c r="K25849" s="25">
        <v>588.34</v>
      </c>
      <c r="L25849" s="6" t="s">
        <v>10</v>
      </c>
    </row>
    <row r="25850" spans="1:12">
      <c r="A25850" s="6" t="s">
        <v>26149</v>
      </c>
      <c r="B25850" s="6"/>
      <c r="C25850" s="6" t="s">
        <v>26150</v>
      </c>
      <c r="D25850" s="6"/>
      <c r="E25850" s="6" t="s">
        <v>25121</v>
      </c>
      <c r="F25850" s="7">
        <v>38657</v>
      </c>
      <c r="G25850" s="8">
        <v>3752974</v>
      </c>
      <c r="H25850" s="8">
        <v>3752974</v>
      </c>
      <c r="I25850" s="8">
        <v>0</v>
      </c>
      <c r="J25850" s="8">
        <v>3752974</v>
      </c>
      <c r="K25850" s="9">
        <v>734.15</v>
      </c>
      <c r="L25850" s="6" t="s">
        <v>23</v>
      </c>
    </row>
    <row r="25851" spans="1:12">
      <c r="A25851" s="6" t="s">
        <v>26149</v>
      </c>
      <c r="B25851" s="6"/>
      <c r="C25851" s="6" t="s">
        <v>26151</v>
      </c>
      <c r="D25851" s="6"/>
      <c r="E25851" s="6" t="s">
        <v>25121</v>
      </c>
      <c r="F25851" s="7">
        <v>38657</v>
      </c>
      <c r="G25851" s="8">
        <v>27018772</v>
      </c>
      <c r="H25851" s="8">
        <v>27018772</v>
      </c>
      <c r="I25851" s="8">
        <v>0</v>
      </c>
      <c r="J25851" s="8">
        <v>27018772</v>
      </c>
      <c r="K25851" s="9">
        <v>337.05</v>
      </c>
      <c r="L25851" s="6" t="s">
        <v>23</v>
      </c>
    </row>
    <row r="25852" spans="1:12">
      <c r="A25852" s="6" t="s">
        <v>26149</v>
      </c>
      <c r="B25852" s="6"/>
      <c r="C25852" s="6" t="s">
        <v>26152</v>
      </c>
      <c r="D25852" s="6"/>
      <c r="E25852" s="6" t="s">
        <v>25121</v>
      </c>
      <c r="F25852" s="7">
        <v>38657</v>
      </c>
      <c r="G25852" s="8">
        <v>23320074</v>
      </c>
      <c r="H25852" s="8">
        <v>23320074</v>
      </c>
      <c r="I25852" s="8">
        <v>0</v>
      </c>
      <c r="J25852" s="8">
        <v>23320074</v>
      </c>
      <c r="K25852" s="9">
        <v>290.91000000000003</v>
      </c>
      <c r="L25852" s="6" t="s">
        <v>23</v>
      </c>
    </row>
    <row r="25853" spans="1:12">
      <c r="A25853" s="6" t="s">
        <v>26149</v>
      </c>
      <c r="B25853" s="6"/>
      <c r="C25853" s="6" t="s">
        <v>26153</v>
      </c>
      <c r="D25853" s="6"/>
      <c r="E25853" s="6" t="s">
        <v>25121</v>
      </c>
      <c r="F25853" s="7">
        <v>38657</v>
      </c>
      <c r="G25853" s="8">
        <v>27018772</v>
      </c>
      <c r="H25853" s="8">
        <v>27018772</v>
      </c>
      <c r="I25853" s="8">
        <v>0</v>
      </c>
      <c r="J25853" s="8">
        <v>27018772</v>
      </c>
      <c r="K25853" s="9">
        <v>337.05</v>
      </c>
      <c r="L25853" s="6" t="s">
        <v>23</v>
      </c>
    </row>
    <row r="25854" spans="1:12">
      <c r="A25854" s="6" t="s">
        <v>26149</v>
      </c>
      <c r="B25854" s="6"/>
      <c r="C25854" s="6" t="s">
        <v>26154</v>
      </c>
      <c r="D25854" s="6"/>
      <c r="E25854" s="6" t="s">
        <v>25121</v>
      </c>
      <c r="F25854" s="7">
        <v>38657</v>
      </c>
      <c r="G25854" s="8">
        <v>25955015</v>
      </c>
      <c r="H25854" s="8">
        <v>25955015</v>
      </c>
      <c r="I25854" s="8">
        <v>0</v>
      </c>
      <c r="J25854" s="8">
        <v>25955015</v>
      </c>
      <c r="K25854" s="9">
        <v>323.77999999999901</v>
      </c>
      <c r="L25854" s="6" t="s">
        <v>23</v>
      </c>
    </row>
    <row r="25855" spans="1:12">
      <c r="A25855" s="6" t="s">
        <v>26155</v>
      </c>
      <c r="B25855" s="6"/>
      <c r="C25855" s="6" t="s">
        <v>26156</v>
      </c>
      <c r="D25855" s="6"/>
      <c r="E25855" s="6" t="s">
        <v>18740</v>
      </c>
      <c r="F25855" s="7">
        <v>38657</v>
      </c>
      <c r="G25855" s="8">
        <v>429408</v>
      </c>
      <c r="H25855" s="8">
        <v>429408</v>
      </c>
      <c r="I25855" s="8">
        <v>0</v>
      </c>
      <c r="J25855" s="8">
        <v>429408</v>
      </c>
      <c r="K25855" s="9">
        <v>84</v>
      </c>
      <c r="L25855" s="6" t="s">
        <v>23</v>
      </c>
    </row>
    <row r="25856" spans="1:12">
      <c r="A25856" s="6" t="s">
        <v>26157</v>
      </c>
      <c r="B25856" s="6"/>
      <c r="C25856" s="6" t="s">
        <v>26158</v>
      </c>
      <c r="D25856" s="6"/>
      <c r="E25856" s="6" t="s">
        <v>18740</v>
      </c>
      <c r="F25856" s="7">
        <v>38657</v>
      </c>
      <c r="G25856" s="8">
        <v>378288</v>
      </c>
      <c r="H25856" s="8">
        <v>378288</v>
      </c>
      <c r="I25856" s="8">
        <v>0</v>
      </c>
      <c r="J25856" s="8">
        <v>378288</v>
      </c>
      <c r="K25856" s="9">
        <v>74</v>
      </c>
      <c r="L25856" s="6" t="s">
        <v>23</v>
      </c>
    </row>
    <row r="25857" spans="1:12">
      <c r="A25857" s="6" t="s">
        <v>26159</v>
      </c>
      <c r="B25857" s="6"/>
      <c r="C25857" s="6" t="s">
        <v>26160</v>
      </c>
      <c r="D25857" s="6"/>
      <c r="E25857" s="6" t="s">
        <v>18740</v>
      </c>
      <c r="F25857" s="7">
        <v>38657</v>
      </c>
      <c r="G25857" s="8">
        <v>168696</v>
      </c>
      <c r="H25857" s="8">
        <v>168696</v>
      </c>
      <c r="I25857" s="8">
        <v>0</v>
      </c>
      <c r="J25857" s="8">
        <v>168696</v>
      </c>
      <c r="K25857" s="9">
        <v>33</v>
      </c>
      <c r="L25857" s="6" t="s">
        <v>23</v>
      </c>
    </row>
    <row r="25858" spans="1:12">
      <c r="A25858" s="6" t="s">
        <v>26161</v>
      </c>
      <c r="B25858" s="6"/>
      <c r="C25858" s="6" t="s">
        <v>26162</v>
      </c>
      <c r="D25858" s="6"/>
      <c r="E25858" s="6" t="s">
        <v>18740</v>
      </c>
      <c r="F25858" s="7">
        <v>38657</v>
      </c>
      <c r="G25858" s="8">
        <v>403848</v>
      </c>
      <c r="H25858" s="8">
        <v>403848</v>
      </c>
      <c r="I25858" s="8">
        <v>0</v>
      </c>
      <c r="J25858" s="8">
        <v>403848</v>
      </c>
      <c r="K25858" s="9">
        <v>79</v>
      </c>
      <c r="L25858" s="6" t="s">
        <v>23</v>
      </c>
    </row>
    <row r="25859" spans="1:12">
      <c r="A25859" s="6" t="s">
        <v>26161</v>
      </c>
      <c r="B25859" s="6"/>
      <c r="C25859" s="6" t="s">
        <v>26163</v>
      </c>
      <c r="D25859" s="6"/>
      <c r="E25859" s="6" t="s">
        <v>18740</v>
      </c>
      <c r="F25859" s="7">
        <v>38657</v>
      </c>
      <c r="G25859" s="8">
        <v>33790</v>
      </c>
      <c r="H25859" s="8">
        <v>33790</v>
      </c>
      <c r="I25859" s="8">
        <v>0</v>
      </c>
      <c r="J25859" s="8">
        <v>33790</v>
      </c>
      <c r="K25859" s="9">
        <v>6.61</v>
      </c>
      <c r="L25859" s="6" t="s">
        <v>23</v>
      </c>
    </row>
    <row r="25860" spans="1:12">
      <c r="A25860" s="6" t="s">
        <v>26161</v>
      </c>
      <c r="B25860" s="6"/>
      <c r="C25860" s="6" t="s">
        <v>26164</v>
      </c>
      <c r="D25860" s="6"/>
      <c r="E25860" s="6" t="s">
        <v>18740</v>
      </c>
      <c r="F25860" s="7">
        <v>38657</v>
      </c>
      <c r="G25860" s="8">
        <v>16869</v>
      </c>
      <c r="H25860" s="8">
        <v>16869</v>
      </c>
      <c r="I25860" s="8">
        <v>0</v>
      </c>
      <c r="J25860" s="8">
        <v>16869</v>
      </c>
      <c r="K25860" s="9">
        <v>3.3</v>
      </c>
      <c r="L25860" s="6" t="s">
        <v>23</v>
      </c>
    </row>
    <row r="25861" spans="1:12">
      <c r="A25861" s="6" t="s">
        <v>26165</v>
      </c>
      <c r="B25861" s="6"/>
      <c r="C25861" s="6" t="s">
        <v>26166</v>
      </c>
      <c r="D25861" s="6"/>
      <c r="E25861" s="6" t="s">
        <v>9</v>
      </c>
      <c r="F25861" s="7">
        <v>38657</v>
      </c>
      <c r="G25861" s="8">
        <v>383400</v>
      </c>
      <c r="H25861" s="8">
        <v>383400</v>
      </c>
      <c r="I25861" s="8">
        <v>0</v>
      </c>
      <c r="J25861" s="8">
        <v>383400</v>
      </c>
      <c r="K25861" s="9">
        <v>75</v>
      </c>
      <c r="L25861" s="6" t="s">
        <v>14</v>
      </c>
    </row>
    <row r="25862" spans="1:12">
      <c r="A25862" s="6" t="s">
        <v>26165</v>
      </c>
      <c r="B25862" s="6"/>
      <c r="C25862" s="6" t="s">
        <v>26167</v>
      </c>
      <c r="D25862" s="6"/>
      <c r="E25862" s="6" t="s">
        <v>9</v>
      </c>
      <c r="F25862" s="7">
        <v>38657</v>
      </c>
      <c r="G25862" s="8">
        <v>1211544</v>
      </c>
      <c r="H25862" s="8">
        <v>1211544</v>
      </c>
      <c r="I25862" s="8">
        <v>0</v>
      </c>
      <c r="J25862" s="8">
        <v>1211544</v>
      </c>
      <c r="K25862" s="9">
        <v>237</v>
      </c>
      <c r="L25862" s="6" t="s">
        <v>14</v>
      </c>
    </row>
    <row r="25863" spans="1:12">
      <c r="A25863" s="6" t="s">
        <v>26168</v>
      </c>
      <c r="B25863" s="6"/>
      <c r="C25863" s="6" t="s">
        <v>26169</v>
      </c>
      <c r="D25863" s="6"/>
      <c r="E25863" s="6" t="s">
        <v>18740</v>
      </c>
      <c r="F25863" s="7">
        <v>38657</v>
      </c>
      <c r="G25863" s="8">
        <v>1509600</v>
      </c>
      <c r="H25863" s="8">
        <v>1509600</v>
      </c>
      <c r="I25863" s="8">
        <v>0</v>
      </c>
      <c r="J25863" s="8">
        <v>1509600</v>
      </c>
      <c r="K25863" s="9">
        <v>148</v>
      </c>
      <c r="L25863" s="6" t="s">
        <v>10</v>
      </c>
    </row>
    <row r="25864" spans="1:12">
      <c r="A25864" s="6" t="s">
        <v>26170</v>
      </c>
      <c r="B25864" s="6"/>
      <c r="C25864" s="6" t="s">
        <v>26171</v>
      </c>
      <c r="D25864" s="6"/>
      <c r="E25864" s="6" t="s">
        <v>18740</v>
      </c>
      <c r="F25864" s="7">
        <v>38657</v>
      </c>
      <c r="G25864" s="8">
        <v>72956</v>
      </c>
      <c r="H25864" s="8">
        <v>72956</v>
      </c>
      <c r="I25864" s="8">
        <v>0</v>
      </c>
      <c r="J25864" s="8">
        <v>72956</v>
      </c>
      <c r="K25864" s="9">
        <v>7.93</v>
      </c>
      <c r="L25864" s="6" t="s">
        <v>10</v>
      </c>
    </row>
    <row r="25865" spans="1:12">
      <c r="A25865" s="6" t="s">
        <v>26170</v>
      </c>
      <c r="B25865" s="6"/>
      <c r="C25865" s="6" t="s">
        <v>26172</v>
      </c>
      <c r="D25865" s="6"/>
      <c r="E25865" s="6" t="s">
        <v>18740</v>
      </c>
      <c r="F25865" s="7">
        <v>38657</v>
      </c>
      <c r="G25865" s="8">
        <v>147200</v>
      </c>
      <c r="H25865" s="8">
        <v>147200</v>
      </c>
      <c r="I25865" s="8">
        <v>0</v>
      </c>
      <c r="J25865" s="8">
        <v>147200</v>
      </c>
      <c r="K25865" s="9">
        <v>16</v>
      </c>
      <c r="L25865" s="6" t="s">
        <v>10</v>
      </c>
    </row>
    <row r="25866" spans="1:12">
      <c r="A25866" s="6" t="s">
        <v>26173</v>
      </c>
      <c r="B25866" s="6"/>
      <c r="C25866" s="6" t="s">
        <v>26174</v>
      </c>
      <c r="D25866" s="6"/>
      <c r="E25866" s="6" t="s">
        <v>18740</v>
      </c>
      <c r="F25866" s="7">
        <v>38657</v>
      </c>
      <c r="G25866" s="8">
        <v>296496</v>
      </c>
      <c r="H25866" s="8">
        <v>296496</v>
      </c>
      <c r="I25866" s="8">
        <v>0</v>
      </c>
      <c r="J25866" s="8">
        <v>296496</v>
      </c>
      <c r="K25866" s="9">
        <v>58</v>
      </c>
      <c r="L25866" s="6" t="s">
        <v>23</v>
      </c>
    </row>
    <row r="25867" spans="1:12">
      <c r="A25867" s="6" t="s">
        <v>26175</v>
      </c>
      <c r="B25867" s="6"/>
      <c r="C25867" s="6" t="s">
        <v>26176</v>
      </c>
      <c r="D25867" s="6"/>
      <c r="E25867" s="6" t="s">
        <v>18740</v>
      </c>
      <c r="F25867" s="7">
        <v>38657</v>
      </c>
      <c r="G25867" s="8">
        <v>12166</v>
      </c>
      <c r="H25867" s="8">
        <v>12166</v>
      </c>
      <c r="I25867" s="8">
        <v>0</v>
      </c>
      <c r="J25867" s="8">
        <v>12166</v>
      </c>
      <c r="K25867" s="9">
        <v>2.38</v>
      </c>
      <c r="L25867" s="6" t="s">
        <v>23</v>
      </c>
    </row>
    <row r="25868" spans="1:12">
      <c r="A25868" s="6" t="s">
        <v>26177</v>
      </c>
      <c r="B25868" s="6"/>
      <c r="C25868" s="6" t="s">
        <v>26178</v>
      </c>
      <c r="D25868" s="6"/>
      <c r="E25868" s="6" t="s">
        <v>18740</v>
      </c>
      <c r="F25868" s="7">
        <v>38657</v>
      </c>
      <c r="G25868" s="8">
        <v>168696</v>
      </c>
      <c r="H25868" s="8">
        <v>168696</v>
      </c>
      <c r="I25868" s="8">
        <v>0</v>
      </c>
      <c r="J25868" s="8">
        <v>168696</v>
      </c>
      <c r="K25868" s="9">
        <v>33</v>
      </c>
      <c r="L25868" s="6" t="s">
        <v>23</v>
      </c>
    </row>
    <row r="25869" spans="1:12">
      <c r="A25869" s="6" t="s">
        <v>26179</v>
      </c>
      <c r="B25869" s="6"/>
      <c r="C25869" s="6" t="s">
        <v>26180</v>
      </c>
      <c r="D25869" s="6"/>
      <c r="E25869" s="6" t="s">
        <v>18740</v>
      </c>
      <c r="F25869" s="7">
        <v>38657</v>
      </c>
      <c r="G25869" s="8">
        <v>357840</v>
      </c>
      <c r="H25869" s="8">
        <v>357840</v>
      </c>
      <c r="I25869" s="8">
        <v>0</v>
      </c>
      <c r="J25869" s="8">
        <v>357840</v>
      </c>
      <c r="K25869" s="9">
        <v>70</v>
      </c>
      <c r="L25869" s="6" t="s">
        <v>23</v>
      </c>
    </row>
    <row r="25870" spans="1:12">
      <c r="A25870" s="6" t="s">
        <v>26181</v>
      </c>
      <c r="B25870" s="6"/>
      <c r="C25870" s="6" t="s">
        <v>26182</v>
      </c>
      <c r="D25870" s="6"/>
      <c r="E25870" s="6" t="s">
        <v>18740</v>
      </c>
      <c r="F25870" s="7">
        <v>40277</v>
      </c>
      <c r="G25870" s="8">
        <v>2469658</v>
      </c>
      <c r="H25870" s="8">
        <v>2469658</v>
      </c>
      <c r="I25870" s="8">
        <v>0</v>
      </c>
      <c r="J25870" s="8">
        <v>2469658</v>
      </c>
      <c r="K25870" s="9">
        <v>966.22</v>
      </c>
      <c r="L25870" s="6" t="s">
        <v>23</v>
      </c>
    </row>
    <row r="25871" spans="1:12">
      <c r="A25871" s="6" t="s">
        <v>26183</v>
      </c>
      <c r="B25871" s="6"/>
      <c r="C25871" s="6" t="s">
        <v>26184</v>
      </c>
      <c r="D25871" s="6"/>
      <c r="E25871" s="6" t="s">
        <v>18740</v>
      </c>
      <c r="F25871" s="7">
        <v>38657</v>
      </c>
      <c r="G25871" s="8">
        <v>5398525</v>
      </c>
      <c r="H25871" s="8">
        <v>5398525</v>
      </c>
      <c r="I25871" s="8">
        <v>0</v>
      </c>
      <c r="J25871" s="8">
        <v>5398525</v>
      </c>
      <c r="K25871" s="9">
        <v>161.15</v>
      </c>
      <c r="L25871" s="6" t="s">
        <v>10</v>
      </c>
    </row>
    <row r="25872" spans="1:12">
      <c r="A25872" s="6" t="s">
        <v>26183</v>
      </c>
      <c r="B25872" s="6"/>
      <c r="C25872" s="6" t="s">
        <v>26185</v>
      </c>
      <c r="D25872" s="6"/>
      <c r="E25872" s="6" t="s">
        <v>18740</v>
      </c>
      <c r="F25872" s="7">
        <v>38657</v>
      </c>
      <c r="G25872" s="8">
        <v>1540143</v>
      </c>
      <c r="H25872" s="8">
        <v>1540143</v>
      </c>
      <c r="I25872" s="8">
        <v>0</v>
      </c>
      <c r="J25872" s="8">
        <v>1540143</v>
      </c>
      <c r="K25872" s="9">
        <v>301.27999999999901</v>
      </c>
      <c r="L25872" s="6" t="s">
        <v>23</v>
      </c>
    </row>
    <row r="25873" spans="1:12">
      <c r="A25873" s="6" t="s">
        <v>26186</v>
      </c>
      <c r="B25873" s="6"/>
      <c r="C25873" s="6" t="s">
        <v>26187</v>
      </c>
      <c r="D25873" s="6"/>
      <c r="E25873" s="6" t="s">
        <v>18740</v>
      </c>
      <c r="F25873" s="7">
        <v>38657</v>
      </c>
      <c r="G25873" s="8">
        <v>117576</v>
      </c>
      <c r="H25873" s="8">
        <v>117576</v>
      </c>
      <c r="I25873" s="8">
        <v>0</v>
      </c>
      <c r="J25873" s="8">
        <v>117576</v>
      </c>
      <c r="K25873" s="9">
        <v>23</v>
      </c>
      <c r="L25873" s="6" t="s">
        <v>23</v>
      </c>
    </row>
    <row r="25874" spans="1:12">
      <c r="A25874" s="6" t="s">
        <v>26188</v>
      </c>
      <c r="B25874" s="6"/>
      <c r="C25874" s="6" t="s">
        <v>26189</v>
      </c>
      <c r="D25874" s="6"/>
      <c r="E25874" s="6" t="s">
        <v>18740</v>
      </c>
      <c r="F25874" s="7">
        <v>38657</v>
      </c>
      <c r="G25874" s="8">
        <v>50404</v>
      </c>
      <c r="H25874" s="8">
        <v>50404</v>
      </c>
      <c r="I25874" s="8">
        <v>0</v>
      </c>
      <c r="J25874" s="8">
        <v>50404</v>
      </c>
      <c r="K25874" s="9">
        <v>9.86</v>
      </c>
      <c r="L25874" s="6" t="s">
        <v>23</v>
      </c>
    </row>
    <row r="25875" spans="1:12">
      <c r="A25875" s="6" t="s">
        <v>26188</v>
      </c>
      <c r="B25875" s="6"/>
      <c r="C25875" s="6" t="s">
        <v>26190</v>
      </c>
      <c r="D25875" s="6"/>
      <c r="E25875" s="6" t="s">
        <v>18740</v>
      </c>
      <c r="F25875" s="7">
        <v>38657</v>
      </c>
      <c r="G25875" s="8">
        <v>332944</v>
      </c>
      <c r="H25875" s="8">
        <v>332944</v>
      </c>
      <c r="I25875" s="8">
        <v>0</v>
      </c>
      <c r="J25875" s="8">
        <v>332944</v>
      </c>
      <c r="K25875" s="9">
        <v>65.13</v>
      </c>
      <c r="L25875" s="6" t="s">
        <v>23</v>
      </c>
    </row>
    <row r="25876" spans="1:12">
      <c r="A25876" s="6" t="s">
        <v>26191</v>
      </c>
      <c r="B25876" s="6"/>
      <c r="C25876" s="6" t="s">
        <v>26192</v>
      </c>
      <c r="D25876" s="6"/>
      <c r="E25876" s="6" t="s">
        <v>9</v>
      </c>
      <c r="F25876" s="7">
        <v>38657</v>
      </c>
      <c r="G25876" s="8">
        <v>3205224</v>
      </c>
      <c r="H25876" s="8">
        <v>3205224</v>
      </c>
      <c r="I25876" s="8">
        <v>0</v>
      </c>
      <c r="J25876" s="8">
        <v>3205224</v>
      </c>
      <c r="K25876" s="9">
        <v>627</v>
      </c>
      <c r="L25876" s="6" t="s">
        <v>14</v>
      </c>
    </row>
    <row r="25877" spans="1:12">
      <c r="A25877" s="6" t="s">
        <v>26193</v>
      </c>
      <c r="B25877" s="6"/>
      <c r="C25877" s="6" t="s">
        <v>26194</v>
      </c>
      <c r="D25877" s="6"/>
      <c r="E25877" s="6" t="s">
        <v>18740</v>
      </c>
      <c r="F25877" s="7">
        <v>38657</v>
      </c>
      <c r="G25877" s="8">
        <v>189144</v>
      </c>
      <c r="H25877" s="8">
        <v>189144</v>
      </c>
      <c r="I25877" s="8">
        <v>0</v>
      </c>
      <c r="J25877" s="8">
        <v>189144</v>
      </c>
      <c r="K25877" s="9">
        <v>37</v>
      </c>
      <c r="L25877" s="6" t="s">
        <v>23</v>
      </c>
    </row>
    <row r="25878" spans="1:12">
      <c r="A25878" s="6" t="s">
        <v>26195</v>
      </c>
      <c r="B25878" s="6"/>
      <c r="C25878" s="6" t="s">
        <v>26196</v>
      </c>
      <c r="D25878" s="6"/>
      <c r="E25878" s="6" t="s">
        <v>18740</v>
      </c>
      <c r="F25878" s="7">
        <v>38657</v>
      </c>
      <c r="G25878" s="8">
        <v>92016</v>
      </c>
      <c r="H25878" s="8">
        <v>92016</v>
      </c>
      <c r="I25878" s="8">
        <v>0</v>
      </c>
      <c r="J25878" s="8">
        <v>92016</v>
      </c>
      <c r="K25878" s="9">
        <v>18</v>
      </c>
      <c r="L25878" s="6" t="s">
        <v>23</v>
      </c>
    </row>
    <row r="25879" spans="1:12">
      <c r="A25879" s="6" t="s">
        <v>26197</v>
      </c>
      <c r="B25879" s="6"/>
      <c r="C25879" s="6" t="s">
        <v>26198</v>
      </c>
      <c r="D25879" s="6"/>
      <c r="E25879" s="6" t="s">
        <v>18740</v>
      </c>
      <c r="F25879" s="7">
        <v>38657</v>
      </c>
      <c r="G25879" s="8">
        <v>168696</v>
      </c>
      <c r="H25879" s="8">
        <v>168696</v>
      </c>
      <c r="I25879" s="8">
        <v>0</v>
      </c>
      <c r="J25879" s="8">
        <v>168696</v>
      </c>
      <c r="K25879" s="9">
        <v>33</v>
      </c>
      <c r="L25879" s="6" t="s">
        <v>23</v>
      </c>
    </row>
    <row r="25880" spans="1:12">
      <c r="A25880" s="6" t="s">
        <v>26199</v>
      </c>
      <c r="B25880" s="6"/>
      <c r="C25880" s="6" t="s">
        <v>26200</v>
      </c>
      <c r="D25880" s="6"/>
      <c r="E25880" s="6" t="s">
        <v>18740</v>
      </c>
      <c r="F25880" s="7">
        <v>38657</v>
      </c>
      <c r="G25880" s="8">
        <v>24844</v>
      </c>
      <c r="H25880" s="8">
        <v>24844</v>
      </c>
      <c r="I25880" s="8">
        <v>0</v>
      </c>
      <c r="J25880" s="8">
        <v>24844</v>
      </c>
      <c r="K25880" s="9">
        <v>4.8600000000000003</v>
      </c>
      <c r="L25880" s="6" t="s">
        <v>23</v>
      </c>
    </row>
    <row r="25881" spans="1:12">
      <c r="A25881" s="6" t="s">
        <v>26201</v>
      </c>
      <c r="B25881" s="6"/>
      <c r="C25881" s="6" t="s">
        <v>26202</v>
      </c>
      <c r="D25881" s="6"/>
      <c r="E25881" s="6" t="s">
        <v>18740</v>
      </c>
      <c r="F25881" s="7">
        <v>38657</v>
      </c>
      <c r="G25881" s="8">
        <v>8966490</v>
      </c>
      <c r="H25881" s="8">
        <v>8966490</v>
      </c>
      <c r="I25881" s="8">
        <v>0</v>
      </c>
      <c r="J25881" s="8">
        <v>8966490</v>
      </c>
      <c r="K25881" s="9">
        <v>216.06</v>
      </c>
      <c r="L25881" s="6" t="s">
        <v>10</v>
      </c>
    </row>
    <row r="25882" spans="1:12">
      <c r="A25882" s="6" t="s">
        <v>26203</v>
      </c>
      <c r="B25882" s="6"/>
      <c r="C25882" s="6" t="s">
        <v>26204</v>
      </c>
      <c r="D25882" s="6"/>
      <c r="E25882" s="6" t="s">
        <v>18740</v>
      </c>
      <c r="F25882" s="7">
        <v>38657</v>
      </c>
      <c r="G25882" s="8">
        <v>173808</v>
      </c>
      <c r="H25882" s="8">
        <v>173808</v>
      </c>
      <c r="I25882" s="8">
        <v>0</v>
      </c>
      <c r="J25882" s="8">
        <v>173808</v>
      </c>
      <c r="K25882" s="9">
        <v>34</v>
      </c>
      <c r="L25882" s="6" t="s">
        <v>23</v>
      </c>
    </row>
    <row r="25883" spans="1:12">
      <c r="A25883" s="6" t="s">
        <v>26205</v>
      </c>
      <c r="B25883" s="6"/>
      <c r="C25883" s="6" t="s">
        <v>26206</v>
      </c>
      <c r="D25883" s="6"/>
      <c r="E25883" s="6" t="s">
        <v>18740</v>
      </c>
      <c r="F25883" s="7">
        <v>38657</v>
      </c>
      <c r="G25883" s="8">
        <v>173808</v>
      </c>
      <c r="H25883" s="8">
        <v>173808</v>
      </c>
      <c r="I25883" s="8">
        <v>0</v>
      </c>
      <c r="J25883" s="8">
        <v>173808</v>
      </c>
      <c r="K25883" s="9">
        <v>34</v>
      </c>
      <c r="L25883" s="6" t="s">
        <v>23</v>
      </c>
    </row>
    <row r="25884" spans="1:12">
      <c r="A25884" s="6" t="s">
        <v>26207</v>
      </c>
      <c r="B25884" s="6"/>
      <c r="C25884" s="6" t="s">
        <v>26208</v>
      </c>
      <c r="D25884" s="6"/>
      <c r="E25884" s="6" t="s">
        <v>9</v>
      </c>
      <c r="F25884" s="7">
        <v>38657</v>
      </c>
      <c r="G25884" s="8">
        <v>2423088</v>
      </c>
      <c r="H25884" s="8">
        <v>2423088</v>
      </c>
      <c r="I25884" s="8">
        <v>0</v>
      </c>
      <c r="J25884" s="8">
        <v>2423088</v>
      </c>
      <c r="K25884" s="9">
        <v>474</v>
      </c>
      <c r="L25884" s="6" t="s">
        <v>14</v>
      </c>
    </row>
    <row r="25885" spans="1:12">
      <c r="A25885" s="6" t="s">
        <v>26209</v>
      </c>
      <c r="B25885" s="6"/>
      <c r="C25885" s="6" t="s">
        <v>26210</v>
      </c>
      <c r="D25885" s="6"/>
      <c r="E25885" s="6" t="s">
        <v>18740</v>
      </c>
      <c r="F25885" s="7">
        <v>38657</v>
      </c>
      <c r="G25885" s="8">
        <v>30467</v>
      </c>
      <c r="H25885" s="8">
        <v>30467</v>
      </c>
      <c r="I25885" s="8">
        <v>0</v>
      </c>
      <c r="J25885" s="8">
        <v>30467</v>
      </c>
      <c r="K25885" s="9">
        <v>5.96</v>
      </c>
      <c r="L25885" s="6" t="s">
        <v>23</v>
      </c>
    </row>
    <row r="25886" spans="1:12">
      <c r="A25886" s="6" t="s">
        <v>26211</v>
      </c>
      <c r="B25886" s="6"/>
      <c r="C25886" s="6" t="s">
        <v>26212</v>
      </c>
      <c r="D25886" s="6"/>
      <c r="E25886" s="6" t="s">
        <v>18740</v>
      </c>
      <c r="F25886" s="7">
        <v>38657</v>
      </c>
      <c r="G25886" s="8">
        <v>37624</v>
      </c>
      <c r="H25886" s="8">
        <v>37624</v>
      </c>
      <c r="I25886" s="8">
        <v>0</v>
      </c>
      <c r="J25886" s="8">
        <v>37624</v>
      </c>
      <c r="K25886" s="9">
        <v>7.36</v>
      </c>
      <c r="L25886" s="6" t="s">
        <v>23</v>
      </c>
    </row>
    <row r="25887" spans="1:12">
      <c r="A25887" s="6" t="s">
        <v>26213</v>
      </c>
      <c r="B25887" s="6"/>
      <c r="C25887" s="6" t="s">
        <v>26214</v>
      </c>
      <c r="D25887" s="6"/>
      <c r="E25887" s="6" t="s">
        <v>18740</v>
      </c>
      <c r="F25887" s="7">
        <v>38657</v>
      </c>
      <c r="G25887" s="8">
        <v>17994</v>
      </c>
      <c r="H25887" s="8">
        <v>17994</v>
      </c>
      <c r="I25887" s="8">
        <v>0</v>
      </c>
      <c r="J25887" s="8">
        <v>17994</v>
      </c>
      <c r="K25887" s="9">
        <v>3.52</v>
      </c>
      <c r="L25887" s="6" t="s">
        <v>23</v>
      </c>
    </row>
    <row r="25888" spans="1:12">
      <c r="A25888" s="6" t="s">
        <v>26215</v>
      </c>
      <c r="B25888" s="6"/>
      <c r="C25888" s="6" t="s">
        <v>26216</v>
      </c>
      <c r="D25888" s="6"/>
      <c r="E25888" s="6" t="s">
        <v>18740</v>
      </c>
      <c r="F25888" s="7">
        <v>38657</v>
      </c>
      <c r="G25888" s="8">
        <v>352728</v>
      </c>
      <c r="H25888" s="8">
        <v>352728</v>
      </c>
      <c r="I25888" s="8">
        <v>0</v>
      </c>
      <c r="J25888" s="8">
        <v>352728</v>
      </c>
      <c r="K25888" s="9">
        <v>69</v>
      </c>
      <c r="L25888" s="6" t="s">
        <v>23</v>
      </c>
    </row>
    <row r="25889" spans="1:12">
      <c r="A25889" s="6" t="s">
        <v>26217</v>
      </c>
      <c r="B25889" s="6"/>
      <c r="C25889" s="6" t="s">
        <v>26218</v>
      </c>
      <c r="D25889" s="6"/>
      <c r="E25889" s="6" t="s">
        <v>9</v>
      </c>
      <c r="F25889" s="7">
        <v>38657</v>
      </c>
      <c r="G25889" s="8">
        <v>4363194</v>
      </c>
      <c r="H25889" s="8">
        <v>4363194</v>
      </c>
      <c r="I25889" s="8">
        <v>0</v>
      </c>
      <c r="J25889" s="8">
        <v>4363194</v>
      </c>
      <c r="K25889" s="9">
        <v>853.52</v>
      </c>
      <c r="L25889" s="6" t="s">
        <v>23</v>
      </c>
    </row>
    <row r="25890" spans="1:12">
      <c r="A25890" s="6" t="s">
        <v>26219</v>
      </c>
      <c r="B25890" s="6"/>
      <c r="C25890" s="6" t="s">
        <v>26220</v>
      </c>
      <c r="D25890" s="6"/>
      <c r="E25890" s="6" t="s">
        <v>18740</v>
      </c>
      <c r="F25890" s="7">
        <v>38657</v>
      </c>
      <c r="G25890" s="8">
        <v>491927</v>
      </c>
      <c r="H25890" s="8">
        <v>491927</v>
      </c>
      <c r="I25890" s="8">
        <v>0</v>
      </c>
      <c r="J25890" s="8">
        <v>491927</v>
      </c>
      <c r="K25890" s="9">
        <v>96.23</v>
      </c>
      <c r="L25890" s="6" t="s">
        <v>23</v>
      </c>
    </row>
    <row r="25891" spans="1:12">
      <c r="A25891" s="6" t="s">
        <v>26221</v>
      </c>
      <c r="B25891" s="6"/>
      <c r="C25891" s="6" t="s">
        <v>26222</v>
      </c>
      <c r="D25891" s="6"/>
      <c r="E25891" s="6" t="s">
        <v>9</v>
      </c>
      <c r="F25891" s="7">
        <v>38657</v>
      </c>
      <c r="G25891" s="8">
        <v>2878056</v>
      </c>
      <c r="H25891" s="8">
        <v>2878056</v>
      </c>
      <c r="I25891" s="8">
        <v>0</v>
      </c>
      <c r="J25891" s="8">
        <v>2878056</v>
      </c>
      <c r="K25891" s="9">
        <v>563</v>
      </c>
      <c r="L25891" s="6" t="s">
        <v>14</v>
      </c>
    </row>
    <row r="25892" spans="1:12">
      <c r="A25892" s="6" t="s">
        <v>26221</v>
      </c>
      <c r="B25892" s="6"/>
      <c r="C25892" s="6" t="s">
        <v>26223</v>
      </c>
      <c r="D25892" s="6"/>
      <c r="E25892" s="6" t="s">
        <v>9</v>
      </c>
      <c r="F25892" s="7">
        <v>38657</v>
      </c>
      <c r="G25892" s="8">
        <v>3133656</v>
      </c>
      <c r="H25892" s="8">
        <v>3133656</v>
      </c>
      <c r="I25892" s="8">
        <v>0</v>
      </c>
      <c r="J25892" s="8">
        <v>3133656</v>
      </c>
      <c r="K25892" s="9">
        <v>613</v>
      </c>
      <c r="L25892" s="6" t="s">
        <v>14</v>
      </c>
    </row>
    <row r="25893" spans="1:12">
      <c r="A25893" s="6" t="s">
        <v>26224</v>
      </c>
      <c r="B25893" s="6"/>
      <c r="C25893" s="6" t="s">
        <v>26225</v>
      </c>
      <c r="D25893" s="6"/>
      <c r="E25893" s="6" t="s">
        <v>18740</v>
      </c>
      <c r="F25893" s="7">
        <v>38657</v>
      </c>
      <c r="G25893" s="8">
        <v>26940</v>
      </c>
      <c r="H25893" s="8">
        <v>26940</v>
      </c>
      <c r="I25893" s="8">
        <v>0</v>
      </c>
      <c r="J25893" s="8">
        <v>26940</v>
      </c>
      <c r="K25893" s="9">
        <v>5.27</v>
      </c>
      <c r="L25893" s="6" t="s">
        <v>23</v>
      </c>
    </row>
    <row r="25894" spans="1:12">
      <c r="A25894" s="6" t="s">
        <v>26226</v>
      </c>
      <c r="B25894" s="6"/>
      <c r="C25894" s="6" t="s">
        <v>26227</v>
      </c>
      <c r="D25894" s="6"/>
      <c r="E25894" s="6" t="s">
        <v>18740</v>
      </c>
      <c r="F25894" s="7">
        <v>38657</v>
      </c>
      <c r="G25894" s="8">
        <v>9964619</v>
      </c>
      <c r="H25894" s="8">
        <v>9964619</v>
      </c>
      <c r="I25894" s="8">
        <v>0</v>
      </c>
      <c r="J25894" s="8">
        <v>9964619</v>
      </c>
      <c r="K25894" s="9">
        <v>162</v>
      </c>
      <c r="L25894" s="6" t="s">
        <v>23</v>
      </c>
    </row>
    <row r="25895" spans="1:12">
      <c r="A25895" s="6" t="s">
        <v>26226</v>
      </c>
      <c r="B25895" s="6"/>
      <c r="C25895" s="6" t="s">
        <v>26228</v>
      </c>
      <c r="D25895" s="6"/>
      <c r="E25895" s="6" t="s">
        <v>18740</v>
      </c>
      <c r="F25895" s="7">
        <v>38657</v>
      </c>
      <c r="G25895" s="8">
        <v>1045670</v>
      </c>
      <c r="H25895" s="8">
        <v>1045670</v>
      </c>
      <c r="I25895" s="8">
        <v>0</v>
      </c>
      <c r="J25895" s="8">
        <v>1045670</v>
      </c>
      <c r="K25895" s="9">
        <v>17</v>
      </c>
      <c r="L25895" s="6" t="s">
        <v>23</v>
      </c>
    </row>
    <row r="25896" spans="1:12">
      <c r="A25896" s="6" t="s">
        <v>26226</v>
      </c>
      <c r="B25896" s="6"/>
      <c r="C25896" s="6" t="s">
        <v>26229</v>
      </c>
      <c r="D25896" s="6"/>
      <c r="E25896" s="6" t="s">
        <v>18740</v>
      </c>
      <c r="F25896" s="7">
        <v>38657</v>
      </c>
      <c r="G25896" s="8">
        <v>1</v>
      </c>
      <c r="H25896" s="8">
        <v>1</v>
      </c>
      <c r="I25896" s="8">
        <v>0</v>
      </c>
      <c r="J25896" s="8">
        <v>1</v>
      </c>
      <c r="K25896" s="9">
        <v>218</v>
      </c>
      <c r="L25896" s="6" t="s">
        <v>51</v>
      </c>
    </row>
    <row r="25897" spans="1:12">
      <c r="A25897" s="6" t="s">
        <v>26226</v>
      </c>
      <c r="B25897" s="6"/>
      <c r="C25897" s="6" t="s">
        <v>26230</v>
      </c>
      <c r="D25897" s="6"/>
      <c r="E25897" s="6" t="s">
        <v>18740</v>
      </c>
      <c r="F25897" s="7">
        <v>44151</v>
      </c>
      <c r="G25897" s="8">
        <v>271275</v>
      </c>
      <c r="H25897" s="8">
        <v>271275</v>
      </c>
      <c r="I25897" s="8">
        <v>0</v>
      </c>
      <c r="J25897" s="8">
        <v>271275</v>
      </c>
      <c r="K25897" s="9">
        <v>8.07</v>
      </c>
      <c r="L25897" s="6" t="s">
        <v>10</v>
      </c>
    </row>
    <row r="25898" spans="1:12">
      <c r="A25898" s="6" t="s">
        <v>26226</v>
      </c>
      <c r="B25898" s="6"/>
      <c r="C25898" s="6" t="s">
        <v>26230</v>
      </c>
      <c r="D25898" s="6" t="s">
        <v>26231</v>
      </c>
      <c r="E25898" s="6" t="s">
        <v>18740</v>
      </c>
      <c r="F25898" s="7"/>
      <c r="G25898" s="8">
        <v>0</v>
      </c>
      <c r="H25898" s="8">
        <v>0</v>
      </c>
      <c r="I25898" s="8">
        <v>0</v>
      </c>
      <c r="J25898" s="8">
        <v>-271275</v>
      </c>
      <c r="K25898" s="9"/>
      <c r="L25898" s="6"/>
    </row>
    <row r="25899" spans="1:12">
      <c r="A25899" s="6" t="s">
        <v>26226</v>
      </c>
      <c r="B25899" s="6"/>
      <c r="C25899" s="6" t="s">
        <v>26232</v>
      </c>
      <c r="D25899" s="6"/>
      <c r="E25899" s="6" t="s">
        <v>18740</v>
      </c>
      <c r="F25899" s="7">
        <v>44151</v>
      </c>
      <c r="G25899" s="8">
        <v>458930</v>
      </c>
      <c r="H25899" s="8">
        <v>458930</v>
      </c>
      <c r="I25899" s="8">
        <v>0</v>
      </c>
      <c r="J25899" s="8">
        <v>458930</v>
      </c>
      <c r="K25899" s="9">
        <v>13.22</v>
      </c>
      <c r="L25899" s="6" t="s">
        <v>10</v>
      </c>
    </row>
    <row r="25900" spans="1:12">
      <c r="A25900" s="6" t="s">
        <v>26226</v>
      </c>
      <c r="B25900" s="6"/>
      <c r="C25900" s="6" t="s">
        <v>26232</v>
      </c>
      <c r="D25900" s="6" t="s">
        <v>26233</v>
      </c>
      <c r="E25900" s="6" t="s">
        <v>18740</v>
      </c>
      <c r="F25900" s="7"/>
      <c r="G25900" s="8">
        <v>0</v>
      </c>
      <c r="H25900" s="8">
        <v>0</v>
      </c>
      <c r="I25900" s="8">
        <v>0</v>
      </c>
      <c r="J25900" s="8">
        <v>-458930</v>
      </c>
      <c r="K25900" s="9"/>
      <c r="L25900" s="6"/>
    </row>
    <row r="25901" spans="1:12">
      <c r="A25901" s="6" t="s">
        <v>26234</v>
      </c>
      <c r="B25901" s="6"/>
      <c r="C25901" s="6" t="s">
        <v>26235</v>
      </c>
      <c r="D25901" s="6"/>
      <c r="E25901" s="6" t="s">
        <v>9</v>
      </c>
      <c r="F25901" s="7">
        <v>38657</v>
      </c>
      <c r="G25901" s="8">
        <v>1246765</v>
      </c>
      <c r="H25901" s="8">
        <v>1246765</v>
      </c>
      <c r="I25901" s="8">
        <v>0</v>
      </c>
      <c r="J25901" s="8">
        <v>1246765</v>
      </c>
      <c r="K25901" s="9">
        <v>243.89</v>
      </c>
      <c r="L25901" s="6" t="s">
        <v>14</v>
      </c>
    </row>
    <row r="25902" spans="1:12">
      <c r="A25902" s="6" t="s">
        <v>26236</v>
      </c>
      <c r="B25902" s="6"/>
      <c r="C25902" s="6" t="s">
        <v>26237</v>
      </c>
      <c r="D25902" s="6"/>
      <c r="E25902" s="6" t="s">
        <v>18740</v>
      </c>
      <c r="F25902" s="7">
        <v>38657</v>
      </c>
      <c r="G25902" s="8">
        <v>3071809</v>
      </c>
      <c r="H25902" s="8">
        <v>3071809</v>
      </c>
      <c r="I25902" s="8">
        <v>0</v>
      </c>
      <c r="J25902" s="8">
        <v>3071809</v>
      </c>
      <c r="K25902" s="9">
        <v>49.94</v>
      </c>
      <c r="L25902" s="6" t="s">
        <v>23</v>
      </c>
    </row>
    <row r="25903" spans="1:12">
      <c r="A25903" s="6" t="s">
        <v>26236</v>
      </c>
      <c r="B25903" s="6"/>
      <c r="C25903" s="6" t="s">
        <v>26238</v>
      </c>
      <c r="D25903" s="6"/>
      <c r="E25903" s="6" t="s">
        <v>18740</v>
      </c>
      <c r="F25903" s="7">
        <v>38657</v>
      </c>
      <c r="G25903" s="8">
        <v>1226</v>
      </c>
      <c r="H25903" s="8">
        <v>1226</v>
      </c>
      <c r="I25903" s="8">
        <v>0</v>
      </c>
      <c r="J25903" s="8">
        <v>1226</v>
      </c>
      <c r="K25903" s="9">
        <v>0.24</v>
      </c>
      <c r="L25903" s="6" t="s">
        <v>23</v>
      </c>
    </row>
    <row r="25904" spans="1:12">
      <c r="A25904" s="6" t="s">
        <v>26239</v>
      </c>
      <c r="B25904" s="6"/>
      <c r="C25904" s="6" t="s">
        <v>26240</v>
      </c>
      <c r="D25904" s="6"/>
      <c r="E25904" s="6" t="s">
        <v>9</v>
      </c>
      <c r="F25904" s="7">
        <v>38657</v>
      </c>
      <c r="G25904" s="8">
        <v>150540000</v>
      </c>
      <c r="H25904" s="8">
        <v>150540000</v>
      </c>
      <c r="I25904" s="8">
        <v>0</v>
      </c>
      <c r="J25904" s="8">
        <v>150540000</v>
      </c>
      <c r="K25904" s="9">
        <v>3010.8</v>
      </c>
      <c r="L25904" s="6" t="s">
        <v>10</v>
      </c>
    </row>
    <row r="25905" spans="1:12">
      <c r="A25905" s="6" t="s">
        <v>26239</v>
      </c>
      <c r="B25905" s="6"/>
      <c r="C25905" s="6" t="s">
        <v>26241</v>
      </c>
      <c r="D25905" s="6"/>
      <c r="E25905" s="6" t="s">
        <v>9</v>
      </c>
      <c r="F25905" s="7">
        <v>38657</v>
      </c>
      <c r="G25905" s="8">
        <v>457275</v>
      </c>
      <c r="H25905" s="8">
        <v>457275</v>
      </c>
      <c r="I25905" s="8">
        <v>0</v>
      </c>
      <c r="J25905" s="8">
        <v>457275</v>
      </c>
      <c r="K25905" s="9">
        <v>14.07</v>
      </c>
      <c r="L25905" s="6" t="s">
        <v>10</v>
      </c>
    </row>
    <row r="25906" spans="1:12">
      <c r="A25906" s="6" t="s">
        <v>26239</v>
      </c>
      <c r="B25906" s="6"/>
      <c r="C25906" s="6" t="s">
        <v>26242</v>
      </c>
      <c r="D25906" s="6"/>
      <c r="E25906" s="6" t="s">
        <v>9</v>
      </c>
      <c r="F25906" s="7">
        <v>38657</v>
      </c>
      <c r="G25906" s="8">
        <v>265526500</v>
      </c>
      <c r="H25906" s="8">
        <v>265526500</v>
      </c>
      <c r="I25906" s="8">
        <v>0</v>
      </c>
      <c r="J25906" s="8">
        <v>265526500</v>
      </c>
      <c r="K25906" s="9">
        <v>5310.53</v>
      </c>
      <c r="L25906" s="6" t="s">
        <v>10</v>
      </c>
    </row>
    <row r="25907" spans="1:12">
      <c r="A25907" s="6" t="s">
        <v>26239</v>
      </c>
      <c r="B25907" s="6"/>
      <c r="C25907" s="6" t="s">
        <v>26243</v>
      </c>
      <c r="D25907" s="6"/>
      <c r="E25907" s="6" t="s">
        <v>9</v>
      </c>
      <c r="F25907" s="7">
        <v>38657</v>
      </c>
      <c r="G25907" s="8">
        <v>5694000</v>
      </c>
      <c r="H25907" s="8">
        <v>5694000</v>
      </c>
      <c r="I25907" s="8">
        <v>0</v>
      </c>
      <c r="J25907" s="8">
        <v>5694000</v>
      </c>
      <c r="K25907" s="9">
        <v>175.2</v>
      </c>
      <c r="L25907" s="6" t="s">
        <v>10</v>
      </c>
    </row>
    <row r="25908" spans="1:12">
      <c r="A25908" s="6" t="s">
        <v>26239</v>
      </c>
      <c r="B25908" s="6"/>
      <c r="C25908" s="6" t="s">
        <v>26244</v>
      </c>
      <c r="D25908" s="6"/>
      <c r="E25908" s="6" t="s">
        <v>9</v>
      </c>
      <c r="F25908" s="7">
        <v>38657</v>
      </c>
      <c r="G25908" s="8">
        <v>14281500</v>
      </c>
      <c r="H25908" s="8">
        <v>14281500</v>
      </c>
      <c r="I25908" s="8">
        <v>0</v>
      </c>
      <c r="J25908" s="8">
        <v>14281500</v>
      </c>
      <c r="K25908" s="9">
        <v>285.63</v>
      </c>
      <c r="L25908" s="6" t="s">
        <v>10</v>
      </c>
    </row>
    <row r="25909" spans="1:12">
      <c r="A25909" s="6" t="s">
        <v>26239</v>
      </c>
      <c r="B25909" s="6"/>
      <c r="C25909" s="6" t="s">
        <v>26245</v>
      </c>
      <c r="D25909" s="6"/>
      <c r="E25909" s="6" t="s">
        <v>9</v>
      </c>
      <c r="F25909" s="7">
        <v>38657</v>
      </c>
      <c r="G25909" s="8">
        <v>110213</v>
      </c>
      <c r="H25909" s="8">
        <v>110213</v>
      </c>
      <c r="I25909" s="8">
        <v>0</v>
      </c>
      <c r="J25909" s="8">
        <v>110213</v>
      </c>
      <c r="K25909" s="9">
        <v>3.07</v>
      </c>
      <c r="L25909" s="6" t="s">
        <v>10</v>
      </c>
    </row>
    <row r="25910" spans="1:12">
      <c r="A25910" s="6" t="s">
        <v>26239</v>
      </c>
      <c r="B25910" s="6"/>
      <c r="C25910" s="6" t="s">
        <v>26246</v>
      </c>
      <c r="D25910" s="6"/>
      <c r="E25910" s="6" t="s">
        <v>9</v>
      </c>
      <c r="F25910" s="7">
        <v>38657</v>
      </c>
      <c r="G25910" s="8">
        <v>7650000</v>
      </c>
      <c r="H25910" s="8">
        <v>7650000</v>
      </c>
      <c r="I25910" s="8">
        <v>0</v>
      </c>
      <c r="J25910" s="8">
        <v>7650000</v>
      </c>
      <c r="K25910" s="9">
        <v>153</v>
      </c>
      <c r="L25910" s="6" t="s">
        <v>10</v>
      </c>
    </row>
    <row r="25911" spans="1:12">
      <c r="A25911" s="6" t="s">
        <v>26247</v>
      </c>
      <c r="B25911" s="6"/>
      <c r="C25911" s="6" t="s">
        <v>26248</v>
      </c>
      <c r="D25911" s="6"/>
      <c r="E25911" s="6" t="s">
        <v>18740</v>
      </c>
      <c r="F25911" s="7">
        <v>38657</v>
      </c>
      <c r="G25911" s="8">
        <v>294400</v>
      </c>
      <c r="H25911" s="8">
        <v>294400</v>
      </c>
      <c r="I25911" s="8">
        <v>0</v>
      </c>
      <c r="J25911" s="8">
        <v>294400</v>
      </c>
      <c r="K25911" s="9">
        <v>32</v>
      </c>
      <c r="L25911" s="6" t="s">
        <v>10</v>
      </c>
    </row>
    <row r="25912" spans="1:12">
      <c r="A25912" s="6" t="s">
        <v>26249</v>
      </c>
      <c r="B25912" s="6"/>
      <c r="C25912" s="6" t="s">
        <v>26250</v>
      </c>
      <c r="D25912" s="6"/>
      <c r="E25912" s="6" t="s">
        <v>9</v>
      </c>
      <c r="F25912" s="7">
        <v>38657</v>
      </c>
      <c r="G25912" s="8">
        <v>6982992</v>
      </c>
      <c r="H25912" s="8">
        <v>6982992</v>
      </c>
      <c r="I25912" s="8">
        <v>0</v>
      </c>
      <c r="J25912" s="8">
        <v>6982992</v>
      </c>
      <c r="K25912" s="9">
        <v>1366</v>
      </c>
      <c r="L25912" s="6" t="s">
        <v>14</v>
      </c>
    </row>
    <row r="25913" spans="1:12">
      <c r="A25913" s="6" t="s">
        <v>26251</v>
      </c>
      <c r="B25913" s="6"/>
      <c r="C25913" s="6" t="s">
        <v>26252</v>
      </c>
      <c r="D25913" s="6"/>
      <c r="E25913" s="6" t="s">
        <v>18740</v>
      </c>
      <c r="F25913" s="7">
        <v>38657</v>
      </c>
      <c r="G25913" s="8">
        <v>313472</v>
      </c>
      <c r="H25913" s="8">
        <v>313472</v>
      </c>
      <c r="I25913" s="8">
        <v>0</v>
      </c>
      <c r="J25913" s="8">
        <v>313472</v>
      </c>
      <c r="K25913" s="9">
        <v>24.49</v>
      </c>
      <c r="L25913" s="6" t="s">
        <v>10</v>
      </c>
    </row>
    <row r="25914" spans="1:12">
      <c r="A25914" s="6" t="s">
        <v>26253</v>
      </c>
      <c r="B25914" s="6"/>
      <c r="C25914" s="6" t="s">
        <v>26254</v>
      </c>
      <c r="D25914" s="6"/>
      <c r="E25914" s="6" t="s">
        <v>18740</v>
      </c>
      <c r="F25914" s="7">
        <v>38657</v>
      </c>
      <c r="G25914" s="8">
        <v>26928</v>
      </c>
      <c r="H25914" s="8">
        <v>26928</v>
      </c>
      <c r="I25914" s="8">
        <v>0</v>
      </c>
      <c r="J25914" s="8">
        <v>26928</v>
      </c>
      <c r="K25914" s="9">
        <v>1.98</v>
      </c>
      <c r="L25914" s="6" t="s">
        <v>10</v>
      </c>
    </row>
    <row r="25915" spans="1:12">
      <c r="A25915" s="6" t="s">
        <v>26255</v>
      </c>
      <c r="B25915" s="6"/>
      <c r="C25915" s="6" t="s">
        <v>26256</v>
      </c>
      <c r="D25915" s="6"/>
      <c r="E25915" s="6" t="s">
        <v>9</v>
      </c>
      <c r="F25915" s="7">
        <v>38657</v>
      </c>
      <c r="G25915" s="8">
        <v>9008896</v>
      </c>
      <c r="H25915" s="8">
        <v>9008896</v>
      </c>
      <c r="I25915" s="8">
        <v>0</v>
      </c>
      <c r="J25915" s="8">
        <v>9008896</v>
      </c>
      <c r="K25915" s="9">
        <v>202.53</v>
      </c>
      <c r="L25915" s="6" t="s">
        <v>10</v>
      </c>
    </row>
    <row r="25916" spans="1:12">
      <c r="A25916" s="6" t="s">
        <v>26255</v>
      </c>
      <c r="B25916" s="6"/>
      <c r="C25916" s="6" t="s">
        <v>26257</v>
      </c>
      <c r="D25916" s="6"/>
      <c r="E25916" s="6" t="s">
        <v>9</v>
      </c>
      <c r="F25916" s="7">
        <v>38657</v>
      </c>
      <c r="G25916" s="8">
        <v>8991104</v>
      </c>
      <c r="H25916" s="8">
        <v>8991104</v>
      </c>
      <c r="I25916" s="8">
        <v>0</v>
      </c>
      <c r="J25916" s="8">
        <v>8991104</v>
      </c>
      <c r="K25916" s="9">
        <v>202.13</v>
      </c>
      <c r="L25916" s="6" t="s">
        <v>10</v>
      </c>
    </row>
    <row r="25917" spans="1:12">
      <c r="A25917" s="6" t="s">
        <v>26258</v>
      </c>
      <c r="B25917" s="6"/>
      <c r="C25917" s="6" t="s">
        <v>26259</v>
      </c>
      <c r="D25917" s="6"/>
      <c r="E25917" s="6" t="s">
        <v>18740</v>
      </c>
      <c r="F25917" s="7">
        <v>38657</v>
      </c>
      <c r="G25917" s="8">
        <v>909000</v>
      </c>
      <c r="H25917" s="8">
        <v>909000</v>
      </c>
      <c r="I25917" s="8">
        <v>0</v>
      </c>
      <c r="J25917" s="8">
        <v>909000</v>
      </c>
      <c r="K25917" s="9">
        <v>36.36</v>
      </c>
      <c r="L25917" s="6" t="s">
        <v>10</v>
      </c>
    </row>
    <row r="25918" spans="1:12">
      <c r="A25918" s="6" t="s">
        <v>26260</v>
      </c>
      <c r="B25918" s="6"/>
      <c r="C25918" s="6" t="s">
        <v>26261</v>
      </c>
      <c r="D25918" s="6"/>
      <c r="E25918" s="6" t="s">
        <v>18740</v>
      </c>
      <c r="F25918" s="7">
        <v>38657</v>
      </c>
      <c r="G25918" s="8">
        <v>1283112</v>
      </c>
      <c r="H25918" s="8">
        <v>1283112</v>
      </c>
      <c r="I25918" s="8">
        <v>0</v>
      </c>
      <c r="J25918" s="8">
        <v>1283112</v>
      </c>
      <c r="K25918" s="9">
        <v>251</v>
      </c>
      <c r="L25918" s="6" t="s">
        <v>23</v>
      </c>
    </row>
    <row r="25919" spans="1:12">
      <c r="A25919" s="6" t="s">
        <v>26262</v>
      </c>
      <c r="B25919" s="6"/>
      <c r="C25919" s="6" t="s">
        <v>26263</v>
      </c>
      <c r="D25919" s="6"/>
      <c r="E25919" s="6" t="s">
        <v>18740</v>
      </c>
      <c r="F25919" s="7">
        <v>38657</v>
      </c>
      <c r="G25919" s="8">
        <v>224532</v>
      </c>
      <c r="H25919" s="8">
        <v>224532</v>
      </c>
      <c r="I25919" s="8">
        <v>0</v>
      </c>
      <c r="J25919" s="8">
        <v>224532</v>
      </c>
      <c r="K25919" s="9">
        <v>9.24</v>
      </c>
      <c r="L25919" s="6" t="s">
        <v>10</v>
      </c>
    </row>
    <row r="25920" spans="1:12">
      <c r="A25920" s="6" t="s">
        <v>26264</v>
      </c>
      <c r="B25920" s="6"/>
      <c r="C25920" s="6" t="s">
        <v>26265</v>
      </c>
      <c r="D25920" s="6"/>
      <c r="E25920" s="6" t="s">
        <v>25121</v>
      </c>
      <c r="F25920" s="7">
        <v>38657</v>
      </c>
      <c r="G25920" s="8">
        <v>156580</v>
      </c>
      <c r="H25920" s="8">
        <v>156580</v>
      </c>
      <c r="I25920" s="8">
        <v>0</v>
      </c>
      <c r="J25920" s="8">
        <v>156580</v>
      </c>
      <c r="K25920" s="9">
        <v>30.63</v>
      </c>
      <c r="L25920" s="6" t="s">
        <v>23</v>
      </c>
    </row>
    <row r="25921" spans="1:12">
      <c r="A25921" s="6" t="s">
        <v>26266</v>
      </c>
      <c r="B25921" s="6"/>
      <c r="C25921" s="6" t="s">
        <v>26267</v>
      </c>
      <c r="D25921" s="6"/>
      <c r="E25921" s="6" t="s">
        <v>18740</v>
      </c>
      <c r="F25921" s="7">
        <v>38657</v>
      </c>
      <c r="G25921" s="8">
        <v>413094800</v>
      </c>
      <c r="H25921" s="8">
        <v>413094800</v>
      </c>
      <c r="I25921" s="8">
        <v>0</v>
      </c>
      <c r="J25921" s="8">
        <v>413094800</v>
      </c>
      <c r="K25921" s="9">
        <v>10814</v>
      </c>
      <c r="L25921" s="6" t="s">
        <v>1694</v>
      </c>
    </row>
    <row r="25922" spans="1:12">
      <c r="A25922" s="6" t="s">
        <v>26268</v>
      </c>
      <c r="B25922" s="6"/>
      <c r="C25922" s="6" t="s">
        <v>26269</v>
      </c>
      <c r="D25922" s="6"/>
      <c r="E25922" s="6" t="s">
        <v>18740</v>
      </c>
      <c r="F25922" s="7">
        <v>38657</v>
      </c>
      <c r="G25922" s="8">
        <v>3421476</v>
      </c>
      <c r="H25922" s="8">
        <v>3421476</v>
      </c>
      <c r="I25922" s="8">
        <v>0</v>
      </c>
      <c r="J25922" s="8">
        <v>3421476</v>
      </c>
      <c r="K25922" s="9">
        <v>112.92</v>
      </c>
      <c r="L25922" s="6" t="s">
        <v>10</v>
      </c>
    </row>
    <row r="25923" spans="1:12">
      <c r="A25923" s="6" t="s">
        <v>26268</v>
      </c>
      <c r="B25923" s="6"/>
      <c r="C25923" s="6" t="s">
        <v>26270</v>
      </c>
      <c r="D25923" s="6"/>
      <c r="E25923" s="6" t="s">
        <v>18740</v>
      </c>
      <c r="F25923" s="7">
        <v>38657</v>
      </c>
      <c r="G25923" s="8">
        <v>46056</v>
      </c>
      <c r="H25923" s="8">
        <v>46056</v>
      </c>
      <c r="I25923" s="8">
        <v>0</v>
      </c>
      <c r="J25923" s="8">
        <v>46056</v>
      </c>
      <c r="K25923" s="9">
        <v>1.52</v>
      </c>
      <c r="L25923" s="6" t="s">
        <v>10</v>
      </c>
    </row>
    <row r="25924" spans="1:12">
      <c r="A25924" s="6" t="s">
        <v>26271</v>
      </c>
      <c r="B25924" s="6"/>
      <c r="C25924" s="6" t="s">
        <v>26272</v>
      </c>
      <c r="D25924" s="6"/>
      <c r="E25924" s="6" t="s">
        <v>18740</v>
      </c>
      <c r="F25924" s="7">
        <v>38657</v>
      </c>
      <c r="G25924" s="8">
        <v>36448</v>
      </c>
      <c r="H25924" s="8">
        <v>36448</v>
      </c>
      <c r="I25924" s="8">
        <v>0</v>
      </c>
      <c r="J25924" s="8">
        <v>36448</v>
      </c>
      <c r="K25924" s="9">
        <v>7.13</v>
      </c>
      <c r="L25924" s="6" t="s">
        <v>23</v>
      </c>
    </row>
    <row r="25925" spans="1:12">
      <c r="A25925" s="6" t="s">
        <v>26273</v>
      </c>
      <c r="B25925" s="6"/>
      <c r="C25925" s="6" t="s">
        <v>26274</v>
      </c>
      <c r="D25925" s="6"/>
      <c r="E25925" s="6" t="s">
        <v>18740</v>
      </c>
      <c r="F25925" s="7">
        <v>38657</v>
      </c>
      <c r="G25925" s="8">
        <v>138024</v>
      </c>
      <c r="H25925" s="8">
        <v>138024</v>
      </c>
      <c r="I25925" s="8">
        <v>0</v>
      </c>
      <c r="J25925" s="8">
        <v>138024</v>
      </c>
      <c r="K25925" s="9">
        <v>27</v>
      </c>
      <c r="L25925" s="6" t="s">
        <v>23</v>
      </c>
    </row>
    <row r="25926" spans="1:12">
      <c r="A25926" s="6" t="s">
        <v>26275</v>
      </c>
      <c r="B25926" s="6"/>
      <c r="C25926" s="6" t="s">
        <v>26276</v>
      </c>
      <c r="D25926" s="6"/>
      <c r="E25926" s="6" t="s">
        <v>18740</v>
      </c>
      <c r="F25926" s="7">
        <v>38657</v>
      </c>
      <c r="G25926" s="8">
        <v>165360</v>
      </c>
      <c r="H25926" s="8">
        <v>165360</v>
      </c>
      <c r="I25926" s="8">
        <v>0</v>
      </c>
      <c r="J25926" s="8">
        <v>165360</v>
      </c>
      <c r="K25926" s="9">
        <v>13.78</v>
      </c>
      <c r="L25926" s="6" t="s">
        <v>10</v>
      </c>
    </row>
    <row r="25927" spans="1:12">
      <c r="A25927" s="6" t="s">
        <v>26277</v>
      </c>
      <c r="B25927" s="6"/>
      <c r="C25927" s="6" t="s">
        <v>26278</v>
      </c>
      <c r="D25927" s="6"/>
      <c r="E25927" s="6" t="s">
        <v>18740</v>
      </c>
      <c r="F25927" s="7">
        <v>38657</v>
      </c>
      <c r="G25927" s="8">
        <v>1180195</v>
      </c>
      <c r="H25927" s="8">
        <v>1180195</v>
      </c>
      <c r="I25927" s="8">
        <v>0</v>
      </c>
      <c r="J25927" s="8">
        <v>1180195</v>
      </c>
      <c r="K25927" s="9">
        <v>61.15</v>
      </c>
      <c r="L25927" s="6" t="s">
        <v>10</v>
      </c>
    </row>
    <row r="25928" spans="1:12">
      <c r="A25928" s="6" t="s">
        <v>26279</v>
      </c>
      <c r="B25928" s="6"/>
      <c r="C25928" s="6" t="s">
        <v>26280</v>
      </c>
      <c r="D25928" s="6"/>
      <c r="E25928" s="6" t="s">
        <v>18740</v>
      </c>
      <c r="F25928" s="7">
        <v>38657</v>
      </c>
      <c r="G25928" s="8">
        <v>505400</v>
      </c>
      <c r="H25928" s="8">
        <v>505400</v>
      </c>
      <c r="I25928" s="8">
        <v>0</v>
      </c>
      <c r="J25928" s="8">
        <v>505400</v>
      </c>
      <c r="K25928" s="9">
        <v>19</v>
      </c>
      <c r="L25928" s="6" t="s">
        <v>10</v>
      </c>
    </row>
    <row r="25929" spans="1:12">
      <c r="A25929" s="6" t="s">
        <v>26279</v>
      </c>
      <c r="B25929" s="6"/>
      <c r="C25929" s="6" t="s">
        <v>26281</v>
      </c>
      <c r="D25929" s="6"/>
      <c r="E25929" s="6" t="s">
        <v>18740</v>
      </c>
      <c r="F25929" s="7">
        <v>38657</v>
      </c>
      <c r="G25929" s="8">
        <v>299000</v>
      </c>
      <c r="H25929" s="8">
        <v>299000</v>
      </c>
      <c r="I25929" s="8">
        <v>0</v>
      </c>
      <c r="J25929" s="8">
        <v>299000</v>
      </c>
      <c r="K25929" s="9">
        <v>13</v>
      </c>
      <c r="L25929" s="6" t="s">
        <v>10</v>
      </c>
    </row>
    <row r="25930" spans="1:12">
      <c r="A25930" s="6" t="s">
        <v>26282</v>
      </c>
      <c r="B25930" s="6"/>
      <c r="C25930" s="6" t="s">
        <v>26283</v>
      </c>
      <c r="D25930" s="6"/>
      <c r="E25930" s="6" t="s">
        <v>9</v>
      </c>
      <c r="F25930" s="7">
        <v>38657</v>
      </c>
      <c r="G25930" s="8">
        <v>362952</v>
      </c>
      <c r="H25930" s="8">
        <v>362952</v>
      </c>
      <c r="I25930" s="8">
        <v>0</v>
      </c>
      <c r="J25930" s="8">
        <v>362952</v>
      </c>
      <c r="K25930" s="9">
        <v>71</v>
      </c>
      <c r="L25930" s="6" t="s">
        <v>14</v>
      </c>
    </row>
    <row r="25931" spans="1:12">
      <c r="A25931" s="6" t="s">
        <v>26284</v>
      </c>
      <c r="B25931" s="6"/>
      <c r="C25931" s="6" t="s">
        <v>26285</v>
      </c>
      <c r="D25931" s="6"/>
      <c r="E25931" s="6" t="s">
        <v>9</v>
      </c>
      <c r="F25931" s="7">
        <v>38657</v>
      </c>
      <c r="G25931" s="8">
        <v>45100000</v>
      </c>
      <c r="H25931" s="8">
        <v>45100000</v>
      </c>
      <c r="I25931" s="8">
        <v>0</v>
      </c>
      <c r="J25931" s="8">
        <v>45100000</v>
      </c>
      <c r="K25931" s="9">
        <v>902</v>
      </c>
      <c r="L25931" s="6" t="s">
        <v>10</v>
      </c>
    </row>
    <row r="25932" spans="1:12">
      <c r="A25932" s="6" t="s">
        <v>26284</v>
      </c>
      <c r="B25932" s="6"/>
      <c r="C25932" s="6" t="s">
        <v>26286</v>
      </c>
      <c r="D25932" s="6"/>
      <c r="E25932" s="6" t="s">
        <v>9</v>
      </c>
      <c r="F25932" s="7">
        <v>38657</v>
      </c>
      <c r="G25932" s="8">
        <v>3150000</v>
      </c>
      <c r="H25932" s="8">
        <v>3150000</v>
      </c>
      <c r="I25932" s="8">
        <v>0</v>
      </c>
      <c r="J25932" s="8">
        <v>3150000</v>
      </c>
      <c r="K25932" s="9">
        <v>63</v>
      </c>
      <c r="L25932" s="6" t="s">
        <v>10</v>
      </c>
    </row>
    <row r="25933" spans="1:12">
      <c r="A25933" s="6" t="s">
        <v>26284</v>
      </c>
      <c r="B25933" s="6"/>
      <c r="C25933" s="6" t="s">
        <v>26287</v>
      </c>
      <c r="D25933" s="6"/>
      <c r="E25933" s="6" t="s">
        <v>9</v>
      </c>
      <c r="F25933" s="7">
        <v>38657</v>
      </c>
      <c r="G25933" s="8">
        <v>17700000</v>
      </c>
      <c r="H25933" s="8">
        <v>17700000</v>
      </c>
      <c r="I25933" s="8">
        <v>0</v>
      </c>
      <c r="J25933" s="8">
        <v>17700000</v>
      </c>
      <c r="K25933" s="9">
        <v>354</v>
      </c>
      <c r="L25933" s="6" t="s">
        <v>10</v>
      </c>
    </row>
    <row r="25934" spans="1:12">
      <c r="A25934" s="6" t="s">
        <v>26284</v>
      </c>
      <c r="B25934" s="6"/>
      <c r="C25934" s="6" t="s">
        <v>26288</v>
      </c>
      <c r="D25934" s="6"/>
      <c r="E25934" s="6" t="s">
        <v>9</v>
      </c>
      <c r="F25934" s="7">
        <v>38657</v>
      </c>
      <c r="G25934" s="8">
        <v>21800000</v>
      </c>
      <c r="H25934" s="8">
        <v>21800000</v>
      </c>
      <c r="I25934" s="8">
        <v>0</v>
      </c>
      <c r="J25934" s="8">
        <v>21800000</v>
      </c>
      <c r="K25934" s="9">
        <v>436</v>
      </c>
      <c r="L25934" s="6" t="s">
        <v>10</v>
      </c>
    </row>
    <row r="25935" spans="1:12">
      <c r="A25935" s="6" t="s">
        <v>26289</v>
      </c>
      <c r="B25935" s="6"/>
      <c r="C25935" s="6" t="s">
        <v>26290</v>
      </c>
      <c r="D25935" s="6"/>
      <c r="E25935" s="6" t="s">
        <v>18740</v>
      </c>
      <c r="F25935" s="7">
        <v>38657</v>
      </c>
      <c r="G25935" s="8">
        <v>40896</v>
      </c>
      <c r="H25935" s="8">
        <v>40896</v>
      </c>
      <c r="I25935" s="8">
        <v>0</v>
      </c>
      <c r="J25935" s="8">
        <v>40896</v>
      </c>
      <c r="K25935" s="9">
        <v>8</v>
      </c>
      <c r="L25935" s="6" t="s">
        <v>23</v>
      </c>
    </row>
    <row r="25936" spans="1:12">
      <c r="A25936" s="6" t="s">
        <v>26291</v>
      </c>
      <c r="B25936" s="6"/>
      <c r="C25936" s="6" t="s">
        <v>26292</v>
      </c>
      <c r="D25936" s="6"/>
      <c r="E25936" s="6" t="s">
        <v>18740</v>
      </c>
      <c r="F25936" s="7">
        <v>38657</v>
      </c>
      <c r="G25936" s="8">
        <v>76680</v>
      </c>
      <c r="H25936" s="8">
        <v>76680</v>
      </c>
      <c r="I25936" s="8">
        <v>0</v>
      </c>
      <c r="J25936" s="8">
        <v>76680</v>
      </c>
      <c r="K25936" s="9">
        <v>15</v>
      </c>
      <c r="L25936" s="6" t="s">
        <v>23</v>
      </c>
    </row>
    <row r="25937" spans="1:12">
      <c r="A25937" s="6" t="s">
        <v>26293</v>
      </c>
      <c r="B25937" s="6"/>
      <c r="C25937" s="6" t="s">
        <v>26294</v>
      </c>
      <c r="D25937" s="6"/>
      <c r="E25937" s="6" t="s">
        <v>18740</v>
      </c>
      <c r="F25937" s="7">
        <v>38657</v>
      </c>
      <c r="G25937" s="8">
        <v>335720</v>
      </c>
      <c r="H25937" s="8">
        <v>335720</v>
      </c>
      <c r="I25937" s="8">
        <v>0</v>
      </c>
      <c r="J25937" s="8">
        <v>335720</v>
      </c>
      <c r="K25937" s="9">
        <v>7.7</v>
      </c>
      <c r="L25937" s="6" t="s">
        <v>10</v>
      </c>
    </row>
    <row r="25938" spans="1:12">
      <c r="A25938" s="6" t="s">
        <v>26295</v>
      </c>
      <c r="B25938" s="6"/>
      <c r="C25938" s="6" t="s">
        <v>26296</v>
      </c>
      <c r="D25938" s="6"/>
      <c r="E25938" s="6" t="s">
        <v>18740</v>
      </c>
      <c r="F25938" s="7">
        <v>38657</v>
      </c>
      <c r="G25938" s="8">
        <v>1030200</v>
      </c>
      <c r="H25938" s="8">
        <v>1030200</v>
      </c>
      <c r="I25938" s="8">
        <v>0</v>
      </c>
      <c r="J25938" s="8">
        <v>1030200</v>
      </c>
      <c r="K25938" s="9">
        <v>34</v>
      </c>
      <c r="L25938" s="6" t="s">
        <v>10</v>
      </c>
    </row>
    <row r="25939" spans="1:12">
      <c r="A25939" s="6" t="s">
        <v>26297</v>
      </c>
      <c r="B25939" s="6"/>
      <c r="C25939" s="6" t="s">
        <v>26298</v>
      </c>
      <c r="D25939" s="6"/>
      <c r="E25939" s="6" t="s">
        <v>9</v>
      </c>
      <c r="F25939" s="7">
        <v>38657</v>
      </c>
      <c r="G25939" s="8">
        <v>2080584</v>
      </c>
      <c r="H25939" s="8">
        <v>2080584</v>
      </c>
      <c r="I25939" s="8">
        <v>0</v>
      </c>
      <c r="J25939" s="8">
        <v>2080584</v>
      </c>
      <c r="K25939" s="9">
        <v>407</v>
      </c>
      <c r="L25939" s="6" t="s">
        <v>14</v>
      </c>
    </row>
    <row r="25940" spans="1:12">
      <c r="A25940" s="6" t="s">
        <v>26299</v>
      </c>
      <c r="B25940" s="6"/>
      <c r="C25940" s="6" t="s">
        <v>26300</v>
      </c>
      <c r="D25940" s="6"/>
      <c r="E25940" s="6" t="s">
        <v>18740</v>
      </c>
      <c r="F25940" s="7">
        <v>38657</v>
      </c>
      <c r="G25940" s="8">
        <v>61344</v>
      </c>
      <c r="H25940" s="8">
        <v>61344</v>
      </c>
      <c r="I25940" s="8">
        <v>0</v>
      </c>
      <c r="J25940" s="8">
        <v>61344</v>
      </c>
      <c r="K25940" s="9">
        <v>12</v>
      </c>
      <c r="L25940" s="6" t="s">
        <v>23</v>
      </c>
    </row>
    <row r="25941" spans="1:12">
      <c r="A25941" s="6" t="s">
        <v>26301</v>
      </c>
      <c r="B25941" s="6"/>
      <c r="C25941" s="6" t="s">
        <v>26302</v>
      </c>
      <c r="D25941" s="6"/>
      <c r="E25941" s="6" t="s">
        <v>18740</v>
      </c>
      <c r="F25941" s="7">
        <v>38657</v>
      </c>
      <c r="G25941" s="8">
        <v>22901</v>
      </c>
      <c r="H25941" s="8">
        <v>22901</v>
      </c>
      <c r="I25941" s="8">
        <v>0</v>
      </c>
      <c r="J25941" s="8">
        <v>22901</v>
      </c>
      <c r="K25941" s="9">
        <v>4.4800000000000004</v>
      </c>
      <c r="L25941" s="6" t="s">
        <v>23</v>
      </c>
    </row>
    <row r="25942" spans="1:12">
      <c r="A25942" s="6" t="s">
        <v>26303</v>
      </c>
      <c r="B25942" s="6"/>
      <c r="C25942" s="6" t="s">
        <v>26304</v>
      </c>
      <c r="D25942" s="6"/>
      <c r="E25942" s="6" t="s">
        <v>18740</v>
      </c>
      <c r="F25942" s="7">
        <v>38657</v>
      </c>
      <c r="G25942" s="8">
        <v>23924</v>
      </c>
      <c r="H25942" s="8">
        <v>23924</v>
      </c>
      <c r="I25942" s="8">
        <v>0</v>
      </c>
      <c r="J25942" s="8">
        <v>23924</v>
      </c>
      <c r="K25942" s="9">
        <v>4.68</v>
      </c>
      <c r="L25942" s="6" t="s">
        <v>23</v>
      </c>
    </row>
    <row r="25943" spans="1:12">
      <c r="A25943" s="6" t="s">
        <v>26305</v>
      </c>
      <c r="B25943" s="6"/>
      <c r="C25943" s="6" t="s">
        <v>26306</v>
      </c>
      <c r="D25943" s="6"/>
      <c r="E25943" s="6" t="s">
        <v>18740</v>
      </c>
      <c r="F25943" s="7">
        <v>38657</v>
      </c>
      <c r="G25943" s="8">
        <v>22134</v>
      </c>
      <c r="H25943" s="8">
        <v>22134</v>
      </c>
      <c r="I25943" s="8">
        <v>0</v>
      </c>
      <c r="J25943" s="8">
        <v>22134</v>
      </c>
      <c r="K25943" s="9">
        <v>4.33</v>
      </c>
      <c r="L25943" s="6" t="s">
        <v>23</v>
      </c>
    </row>
    <row r="25944" spans="1:12">
      <c r="A25944" s="6" t="s">
        <v>26307</v>
      </c>
      <c r="B25944" s="6"/>
      <c r="C25944" s="6" t="s">
        <v>26308</v>
      </c>
      <c r="D25944" s="6"/>
      <c r="E25944" s="6" t="s">
        <v>18740</v>
      </c>
      <c r="F25944" s="7">
        <v>38657</v>
      </c>
      <c r="G25944" s="8">
        <v>71568</v>
      </c>
      <c r="H25944" s="8">
        <v>71568</v>
      </c>
      <c r="I25944" s="8">
        <v>0</v>
      </c>
      <c r="J25944" s="8">
        <v>71568</v>
      </c>
      <c r="K25944" s="9">
        <v>14</v>
      </c>
      <c r="L25944" s="6" t="s">
        <v>23</v>
      </c>
    </row>
    <row r="25945" spans="1:12">
      <c r="A25945" s="6" t="s">
        <v>26307</v>
      </c>
      <c r="B25945" s="6"/>
      <c r="C25945" s="6" t="s">
        <v>26309</v>
      </c>
      <c r="D25945" s="6"/>
      <c r="E25945" s="6" t="s">
        <v>18740</v>
      </c>
      <c r="F25945" s="7">
        <v>38657</v>
      </c>
      <c r="G25945" s="8">
        <v>61344</v>
      </c>
      <c r="H25945" s="8">
        <v>61344</v>
      </c>
      <c r="I25945" s="8">
        <v>0</v>
      </c>
      <c r="J25945" s="8">
        <v>61344</v>
      </c>
      <c r="K25945" s="9">
        <v>12</v>
      </c>
      <c r="L25945" s="6" t="s">
        <v>23</v>
      </c>
    </row>
    <row r="25946" spans="1:12">
      <c r="A25946" s="6" t="s">
        <v>26310</v>
      </c>
      <c r="B25946" s="6"/>
      <c r="C25946" s="6" t="s">
        <v>26311</v>
      </c>
      <c r="D25946" s="6" t="s">
        <v>26312</v>
      </c>
      <c r="E25946" s="6" t="s">
        <v>9</v>
      </c>
      <c r="F25946" s="7"/>
      <c r="G25946" s="8">
        <v>0</v>
      </c>
      <c r="H25946" s="8">
        <v>0</v>
      </c>
      <c r="I25946" s="8">
        <v>0</v>
      </c>
      <c r="J25946" s="8">
        <v>14296500</v>
      </c>
      <c r="K25946" s="9"/>
      <c r="L25946" s="6"/>
    </row>
    <row r="25947" spans="1:12">
      <c r="A25947" s="6" t="s">
        <v>26310</v>
      </c>
      <c r="B25947" s="6"/>
      <c r="C25947" s="6" t="s">
        <v>26311</v>
      </c>
      <c r="D25947" s="6" t="s">
        <v>26312</v>
      </c>
      <c r="E25947" s="6" t="s">
        <v>9</v>
      </c>
      <c r="F25947" s="7"/>
      <c r="G25947" s="8">
        <v>0</v>
      </c>
      <c r="H25947" s="8">
        <v>0</v>
      </c>
      <c r="I25947" s="8">
        <v>0</v>
      </c>
      <c r="J25947" s="8">
        <v>317700</v>
      </c>
      <c r="K25947" s="9"/>
      <c r="L25947" s="6"/>
    </row>
    <row r="25948" spans="1:12">
      <c r="A25948" s="6" t="s">
        <v>26310</v>
      </c>
      <c r="B25948" s="6"/>
      <c r="C25948" s="6" t="s">
        <v>26311</v>
      </c>
      <c r="D25948" s="6" t="s">
        <v>26312</v>
      </c>
      <c r="E25948" s="6" t="s">
        <v>9</v>
      </c>
      <c r="F25948" s="7"/>
      <c r="G25948" s="8">
        <v>0</v>
      </c>
      <c r="H25948" s="8">
        <v>0</v>
      </c>
      <c r="I25948" s="8">
        <v>0</v>
      </c>
      <c r="J25948" s="8">
        <v>126727000</v>
      </c>
      <c r="K25948" s="9"/>
      <c r="L25948" s="6"/>
    </row>
    <row r="25949" spans="1:12">
      <c r="A25949" s="6" t="s">
        <v>26310</v>
      </c>
      <c r="B25949" s="6"/>
      <c r="C25949" s="6" t="s">
        <v>26311</v>
      </c>
      <c r="D25949" s="6" t="s">
        <v>26312</v>
      </c>
      <c r="E25949" s="6" t="s">
        <v>9</v>
      </c>
      <c r="F25949" s="7"/>
      <c r="G25949" s="8">
        <v>0</v>
      </c>
      <c r="H25949" s="8">
        <v>0</v>
      </c>
      <c r="I25949" s="8">
        <v>0</v>
      </c>
      <c r="J25949" s="8">
        <v>208799500</v>
      </c>
      <c r="K25949" s="9"/>
      <c r="L25949" s="6"/>
    </row>
    <row r="25950" spans="1:12">
      <c r="A25950" s="6" t="s">
        <v>26313</v>
      </c>
      <c r="B25950" s="6"/>
      <c r="C25950" s="6" t="s">
        <v>26314</v>
      </c>
      <c r="D25950" s="6"/>
      <c r="E25950" s="6" t="s">
        <v>18740</v>
      </c>
      <c r="F25950" s="7">
        <v>38657</v>
      </c>
      <c r="G25950" s="8">
        <v>97128</v>
      </c>
      <c r="H25950" s="8">
        <v>97128</v>
      </c>
      <c r="I25950" s="8">
        <v>0</v>
      </c>
      <c r="J25950" s="8">
        <v>97128</v>
      </c>
      <c r="K25950" s="9">
        <v>19</v>
      </c>
      <c r="L25950" s="6" t="s">
        <v>23</v>
      </c>
    </row>
    <row r="25951" spans="1:12">
      <c r="A25951" s="6" t="s">
        <v>26315</v>
      </c>
      <c r="B25951" s="6"/>
      <c r="C25951" s="6" t="s">
        <v>26316</v>
      </c>
      <c r="D25951" s="6"/>
      <c r="E25951" s="6" t="s">
        <v>18740</v>
      </c>
      <c r="F25951" s="7">
        <v>38657</v>
      </c>
      <c r="G25951" s="8">
        <v>1963008</v>
      </c>
      <c r="H25951" s="8">
        <v>1963008</v>
      </c>
      <c r="I25951" s="8">
        <v>0</v>
      </c>
      <c r="J25951" s="8">
        <v>1963008</v>
      </c>
      <c r="K25951" s="9">
        <v>384</v>
      </c>
      <c r="L25951" s="6" t="s">
        <v>23</v>
      </c>
    </row>
    <row r="25952" spans="1:12">
      <c r="A25952" s="6" t="s">
        <v>26317</v>
      </c>
      <c r="B25952" s="6"/>
      <c r="C25952" s="6" t="s">
        <v>26318</v>
      </c>
      <c r="D25952" s="6"/>
      <c r="E25952" s="6" t="s">
        <v>18740</v>
      </c>
      <c r="F25952" s="7">
        <v>38657</v>
      </c>
      <c r="G25952" s="8">
        <v>567432</v>
      </c>
      <c r="H25952" s="8">
        <v>567432</v>
      </c>
      <c r="I25952" s="8">
        <v>0</v>
      </c>
      <c r="J25952" s="8">
        <v>567432</v>
      </c>
      <c r="K25952" s="9">
        <v>111</v>
      </c>
      <c r="L25952" s="6" t="s">
        <v>23</v>
      </c>
    </row>
    <row r="25953" spans="1:12">
      <c r="A25953" s="6" t="s">
        <v>26319</v>
      </c>
      <c r="B25953" s="6"/>
      <c r="C25953" s="6" t="s">
        <v>26320</v>
      </c>
      <c r="D25953" s="6"/>
      <c r="E25953" s="6" t="s">
        <v>18740</v>
      </c>
      <c r="F25953" s="7">
        <v>38657</v>
      </c>
      <c r="G25953" s="8">
        <v>5894136</v>
      </c>
      <c r="H25953" s="8">
        <v>5894136</v>
      </c>
      <c r="I25953" s="8">
        <v>0</v>
      </c>
      <c r="J25953" s="8">
        <v>5894136</v>
      </c>
      <c r="K25953" s="9">
        <v>1153</v>
      </c>
      <c r="L25953" s="6" t="s">
        <v>23</v>
      </c>
    </row>
    <row r="25954" spans="1:12">
      <c r="A25954" s="6" t="s">
        <v>26321</v>
      </c>
      <c r="B25954" s="6"/>
      <c r="C25954" s="6" t="s">
        <v>26322</v>
      </c>
      <c r="D25954" s="6"/>
      <c r="E25954" s="6" t="s">
        <v>9</v>
      </c>
      <c r="F25954" s="7">
        <v>38657</v>
      </c>
      <c r="G25954" s="8">
        <v>7837300</v>
      </c>
      <c r="H25954" s="8">
        <v>7837300</v>
      </c>
      <c r="I25954" s="8">
        <v>0</v>
      </c>
      <c r="J25954" s="8">
        <v>7837300</v>
      </c>
      <c r="K25954" s="9">
        <v>181</v>
      </c>
      <c r="L25954" s="6" t="s">
        <v>1694</v>
      </c>
    </row>
    <row r="25955" spans="1:12">
      <c r="A25955" s="6" t="s">
        <v>26321</v>
      </c>
      <c r="B25955" s="6"/>
      <c r="C25955" s="6" t="s">
        <v>26323</v>
      </c>
      <c r="D25955" s="6"/>
      <c r="E25955" s="6" t="s">
        <v>9</v>
      </c>
      <c r="F25955" s="7">
        <v>38657</v>
      </c>
      <c r="G25955" s="8">
        <v>5715600</v>
      </c>
      <c r="H25955" s="8">
        <v>5715600</v>
      </c>
      <c r="I25955" s="8">
        <v>0</v>
      </c>
      <c r="J25955" s="8">
        <v>5715600</v>
      </c>
      <c r="K25955" s="9">
        <v>132</v>
      </c>
      <c r="L25955" s="6" t="s">
        <v>1694</v>
      </c>
    </row>
    <row r="25956" spans="1:12">
      <c r="A25956" s="6" t="s">
        <v>26321</v>
      </c>
      <c r="B25956" s="6"/>
      <c r="C25956" s="6" t="s">
        <v>26324</v>
      </c>
      <c r="D25956" s="6"/>
      <c r="E25956" s="6" t="s">
        <v>9</v>
      </c>
      <c r="F25956" s="7">
        <v>38657</v>
      </c>
      <c r="G25956" s="8">
        <v>34466800</v>
      </c>
      <c r="H25956" s="8">
        <v>34466800</v>
      </c>
      <c r="I25956" s="8">
        <v>0</v>
      </c>
      <c r="J25956" s="8">
        <v>34466800</v>
      </c>
      <c r="K25956" s="9">
        <v>796</v>
      </c>
      <c r="L25956" s="6" t="s">
        <v>1694</v>
      </c>
    </row>
    <row r="25957" spans="1:12">
      <c r="A25957" s="6" t="s">
        <v>26321</v>
      </c>
      <c r="B25957" s="6"/>
      <c r="C25957" s="6" t="s">
        <v>26325</v>
      </c>
      <c r="D25957" s="6"/>
      <c r="E25957" s="6" t="s">
        <v>9</v>
      </c>
      <c r="F25957" s="7">
        <v>38657</v>
      </c>
      <c r="G25957" s="8">
        <v>19571600</v>
      </c>
      <c r="H25957" s="8">
        <v>19571600</v>
      </c>
      <c r="I25957" s="8">
        <v>0</v>
      </c>
      <c r="J25957" s="8">
        <v>19571600</v>
      </c>
      <c r="K25957" s="9">
        <v>452</v>
      </c>
      <c r="L25957" s="6" t="s">
        <v>1694</v>
      </c>
    </row>
    <row r="25958" spans="1:12">
      <c r="A25958" s="6" t="s">
        <v>26321</v>
      </c>
      <c r="B25958" s="6"/>
      <c r="C25958" s="6" t="s">
        <v>26326</v>
      </c>
      <c r="D25958" s="6"/>
      <c r="E25958" s="6" t="s">
        <v>9</v>
      </c>
      <c r="F25958" s="7">
        <v>38657</v>
      </c>
      <c r="G25958" s="8">
        <v>8053800</v>
      </c>
      <c r="H25958" s="8">
        <v>8053800</v>
      </c>
      <c r="I25958" s="8">
        <v>0</v>
      </c>
      <c r="J25958" s="8">
        <v>8053800</v>
      </c>
      <c r="K25958" s="9">
        <v>186</v>
      </c>
      <c r="L25958" s="6" t="s">
        <v>1694</v>
      </c>
    </row>
    <row r="25959" spans="1:12">
      <c r="A25959" s="6" t="s">
        <v>26321</v>
      </c>
      <c r="B25959" s="6"/>
      <c r="C25959" s="6" t="s">
        <v>26327</v>
      </c>
      <c r="D25959" s="6"/>
      <c r="E25959" s="6" t="s">
        <v>9</v>
      </c>
      <c r="F25959" s="7">
        <v>38657</v>
      </c>
      <c r="G25959" s="8">
        <v>4200100</v>
      </c>
      <c r="H25959" s="8">
        <v>4200100</v>
      </c>
      <c r="I25959" s="8">
        <v>0</v>
      </c>
      <c r="J25959" s="8">
        <v>4200100</v>
      </c>
      <c r="K25959" s="9">
        <v>97</v>
      </c>
      <c r="L25959" s="6" t="s">
        <v>1694</v>
      </c>
    </row>
    <row r="25960" spans="1:12">
      <c r="A25960" s="6" t="s">
        <v>26321</v>
      </c>
      <c r="B25960" s="6"/>
      <c r="C25960" s="6" t="s">
        <v>26328</v>
      </c>
      <c r="D25960" s="6"/>
      <c r="E25960" s="6" t="s">
        <v>9</v>
      </c>
      <c r="F25960" s="7">
        <v>38657</v>
      </c>
      <c r="G25960" s="8">
        <v>14981800</v>
      </c>
      <c r="H25960" s="8">
        <v>14981800</v>
      </c>
      <c r="I25960" s="8">
        <v>0</v>
      </c>
      <c r="J25960" s="8">
        <v>14981800</v>
      </c>
      <c r="K25960" s="9">
        <v>346</v>
      </c>
      <c r="L25960" s="6" t="s">
        <v>1694</v>
      </c>
    </row>
    <row r="25961" spans="1:12">
      <c r="A25961" s="6" t="s">
        <v>26321</v>
      </c>
      <c r="B25961" s="6"/>
      <c r="C25961" s="6" t="s">
        <v>26329</v>
      </c>
      <c r="D25961" s="6"/>
      <c r="E25961" s="6" t="s">
        <v>9</v>
      </c>
      <c r="F25961" s="7">
        <v>38657</v>
      </c>
      <c r="G25961" s="8">
        <v>420354</v>
      </c>
      <c r="H25961" s="8">
        <v>420354</v>
      </c>
      <c r="I25961" s="8">
        <v>0</v>
      </c>
      <c r="J25961" s="8">
        <v>420354</v>
      </c>
      <c r="K25961" s="9">
        <v>10.89</v>
      </c>
      <c r="L25961" s="6" t="s">
        <v>1694</v>
      </c>
    </row>
    <row r="25962" spans="1:12">
      <c r="A25962" s="6" t="s">
        <v>26321</v>
      </c>
      <c r="B25962" s="6"/>
      <c r="C25962" s="6" t="s">
        <v>26330</v>
      </c>
      <c r="D25962" s="6"/>
      <c r="E25962" s="6" t="s">
        <v>9</v>
      </c>
      <c r="F25962" s="7">
        <v>38657</v>
      </c>
      <c r="G25962" s="8">
        <v>1016251</v>
      </c>
      <c r="H25962" s="8">
        <v>1016251</v>
      </c>
      <c r="I25962" s="8">
        <v>0</v>
      </c>
      <c r="J25962" s="8">
        <v>1016251</v>
      </c>
      <c r="K25962" s="9">
        <v>23.47</v>
      </c>
      <c r="L25962" s="6" t="s">
        <v>1694</v>
      </c>
    </row>
    <row r="25963" spans="1:12">
      <c r="A25963" s="6" t="s">
        <v>26321</v>
      </c>
      <c r="B25963" s="6"/>
      <c r="C25963" s="6" t="s">
        <v>26331</v>
      </c>
      <c r="D25963" s="6"/>
      <c r="E25963" s="6" t="s">
        <v>9</v>
      </c>
      <c r="F25963" s="7">
        <v>38657</v>
      </c>
      <c r="G25963" s="8">
        <v>21270259</v>
      </c>
      <c r="H25963" s="8">
        <v>21270259</v>
      </c>
      <c r="I25963" s="8">
        <v>0</v>
      </c>
      <c r="J25963" s="8">
        <v>21270259</v>
      </c>
      <c r="K25963" s="9">
        <v>491.23</v>
      </c>
      <c r="L25963" s="6" t="s">
        <v>1694</v>
      </c>
    </row>
    <row r="25964" spans="1:12">
      <c r="A25964" s="6" t="s">
        <v>26321</v>
      </c>
      <c r="B25964" s="6"/>
      <c r="C25964" s="6" t="s">
        <v>26332</v>
      </c>
      <c r="D25964" s="6"/>
      <c r="E25964" s="6" t="s">
        <v>9</v>
      </c>
      <c r="F25964" s="7">
        <v>38657</v>
      </c>
      <c r="G25964" s="8">
        <v>40052500</v>
      </c>
      <c r="H25964" s="8">
        <v>40052500</v>
      </c>
      <c r="I25964" s="8">
        <v>0</v>
      </c>
      <c r="J25964" s="8">
        <v>40052500</v>
      </c>
      <c r="K25964" s="9">
        <v>925</v>
      </c>
      <c r="L25964" s="6" t="s">
        <v>1694</v>
      </c>
    </row>
    <row r="25965" spans="1:12">
      <c r="A25965" s="6" t="s">
        <v>26321</v>
      </c>
      <c r="B25965" s="6"/>
      <c r="C25965" s="6" t="s">
        <v>26333</v>
      </c>
      <c r="D25965" s="6"/>
      <c r="E25965" s="6" t="s">
        <v>9</v>
      </c>
      <c r="F25965" s="7">
        <v>38657</v>
      </c>
      <c r="G25965" s="8">
        <v>916661000</v>
      </c>
      <c r="H25965" s="8">
        <v>916661000</v>
      </c>
      <c r="I25965" s="8">
        <v>0</v>
      </c>
      <c r="J25965" s="8">
        <v>916661000</v>
      </c>
      <c r="K25965" s="9">
        <v>21170</v>
      </c>
      <c r="L25965" s="6" t="s">
        <v>1694</v>
      </c>
    </row>
    <row r="25966" spans="1:12">
      <c r="A25966" s="6" t="s">
        <v>26321</v>
      </c>
      <c r="B25966" s="6"/>
      <c r="C25966" s="6" t="s">
        <v>26334</v>
      </c>
      <c r="D25966" s="6"/>
      <c r="E25966" s="6" t="s">
        <v>9</v>
      </c>
      <c r="F25966" s="7">
        <v>38657</v>
      </c>
      <c r="G25966" s="8">
        <v>85777300</v>
      </c>
      <c r="H25966" s="8">
        <v>85777300</v>
      </c>
      <c r="I25966" s="8">
        <v>0</v>
      </c>
      <c r="J25966" s="8">
        <v>85777300</v>
      </c>
      <c r="K25966" s="9">
        <v>1981</v>
      </c>
      <c r="L25966" s="6" t="s">
        <v>1694</v>
      </c>
    </row>
    <row r="25967" spans="1:12">
      <c r="A25967" s="6" t="s">
        <v>26321</v>
      </c>
      <c r="B25967" s="6"/>
      <c r="C25967" s="6" t="s">
        <v>26335</v>
      </c>
      <c r="D25967" s="6"/>
      <c r="E25967" s="6" t="s">
        <v>9</v>
      </c>
      <c r="F25967" s="7">
        <v>38657</v>
      </c>
      <c r="G25967" s="8">
        <v>3058279</v>
      </c>
      <c r="H25967" s="8">
        <v>3058279</v>
      </c>
      <c r="I25967" s="8">
        <v>0</v>
      </c>
      <c r="J25967" s="8">
        <v>3058279</v>
      </c>
      <c r="K25967" s="9">
        <v>70.63</v>
      </c>
      <c r="L25967" s="6" t="s">
        <v>1694</v>
      </c>
    </row>
    <row r="25968" spans="1:12">
      <c r="A25968" s="6" t="s">
        <v>26321</v>
      </c>
      <c r="B25968" s="6"/>
      <c r="C25968" s="6" t="s">
        <v>26336</v>
      </c>
      <c r="D25968" s="6"/>
      <c r="E25968" s="6" t="s">
        <v>9</v>
      </c>
      <c r="F25968" s="7">
        <v>38657</v>
      </c>
      <c r="G25968" s="8">
        <v>11301300</v>
      </c>
      <c r="H25968" s="8">
        <v>11301300</v>
      </c>
      <c r="I25968" s="8">
        <v>0</v>
      </c>
      <c r="J25968" s="8">
        <v>11301300</v>
      </c>
      <c r="K25968" s="9">
        <v>261</v>
      </c>
      <c r="L25968" s="6" t="s">
        <v>1694</v>
      </c>
    </row>
    <row r="25969" spans="1:12">
      <c r="A25969" s="6" t="s">
        <v>26321</v>
      </c>
      <c r="B25969" s="6"/>
      <c r="C25969" s="6" t="s">
        <v>26337</v>
      </c>
      <c r="D25969" s="6"/>
      <c r="E25969" s="6" t="s">
        <v>9</v>
      </c>
      <c r="F25969" s="7">
        <v>38657</v>
      </c>
      <c r="G25969" s="8">
        <v>19323924</v>
      </c>
      <c r="H25969" s="8">
        <v>19323924</v>
      </c>
      <c r="I25969" s="8">
        <v>0</v>
      </c>
      <c r="J25969" s="8">
        <v>19323924</v>
      </c>
      <c r="K25969" s="9">
        <v>446.28</v>
      </c>
      <c r="L25969" s="6" t="s">
        <v>1694</v>
      </c>
    </row>
    <row r="25970" spans="1:12">
      <c r="A25970" s="6" t="s">
        <v>26321</v>
      </c>
      <c r="B25970" s="6"/>
      <c r="C25970" s="6" t="s">
        <v>26338</v>
      </c>
      <c r="D25970" s="6"/>
      <c r="E25970" s="6" t="s">
        <v>9</v>
      </c>
      <c r="F25970" s="7">
        <v>38657</v>
      </c>
      <c r="G25970" s="8">
        <v>6711500</v>
      </c>
      <c r="H25970" s="8">
        <v>6711500</v>
      </c>
      <c r="I25970" s="8">
        <v>0</v>
      </c>
      <c r="J25970" s="8">
        <v>6711500</v>
      </c>
      <c r="K25970" s="9">
        <v>155</v>
      </c>
      <c r="L25970" s="6" t="s">
        <v>1694</v>
      </c>
    </row>
    <row r="25971" spans="1:12">
      <c r="A25971" s="6" t="s">
        <v>26321</v>
      </c>
      <c r="B25971" s="6"/>
      <c r="C25971" s="6" t="s">
        <v>26339</v>
      </c>
      <c r="D25971" s="6"/>
      <c r="E25971" s="6" t="s">
        <v>9</v>
      </c>
      <c r="F25971" s="7">
        <v>38657</v>
      </c>
      <c r="G25971" s="8">
        <v>31912100</v>
      </c>
      <c r="H25971" s="8">
        <v>31912100</v>
      </c>
      <c r="I25971" s="8">
        <v>0</v>
      </c>
      <c r="J25971" s="8">
        <v>31912100</v>
      </c>
      <c r="K25971" s="9">
        <v>737</v>
      </c>
      <c r="L25971" s="6" t="s">
        <v>1694</v>
      </c>
    </row>
    <row r="25972" spans="1:12">
      <c r="A25972" s="6" t="s">
        <v>26321</v>
      </c>
      <c r="B25972" s="6"/>
      <c r="C25972" s="6" t="s">
        <v>26340</v>
      </c>
      <c r="D25972" s="6"/>
      <c r="E25972" s="6" t="s">
        <v>9</v>
      </c>
      <c r="F25972" s="7">
        <v>38657</v>
      </c>
      <c r="G25972" s="8">
        <v>38926700</v>
      </c>
      <c r="H25972" s="8">
        <v>38926700</v>
      </c>
      <c r="I25972" s="8">
        <v>0</v>
      </c>
      <c r="J25972" s="8">
        <v>38926700</v>
      </c>
      <c r="K25972" s="9">
        <v>899</v>
      </c>
      <c r="L25972" s="6" t="s">
        <v>1694</v>
      </c>
    </row>
    <row r="25973" spans="1:12">
      <c r="A25973" s="20" t="s">
        <v>39171</v>
      </c>
      <c r="B25973" s="22"/>
      <c r="C25973" s="22" t="s">
        <v>26341</v>
      </c>
      <c r="D25973" s="22"/>
      <c r="E25973" s="22" t="s">
        <v>9</v>
      </c>
      <c r="F25973" s="23">
        <v>38657</v>
      </c>
      <c r="G25973" s="24">
        <v>63680904</v>
      </c>
      <c r="H25973" s="24">
        <v>63680904</v>
      </c>
      <c r="I25973" s="24">
        <v>0</v>
      </c>
      <c r="J25973" s="24">
        <v>63680904</v>
      </c>
      <c r="K25973" s="25">
        <v>2101.6799999999898</v>
      </c>
      <c r="L25973" s="6" t="s">
        <v>10</v>
      </c>
    </row>
    <row r="25974" spans="1:12">
      <c r="A25974" s="6" t="s">
        <v>26342</v>
      </c>
      <c r="B25974" s="6"/>
      <c r="C25974" s="6" t="s">
        <v>26343</v>
      </c>
      <c r="D25974" s="6"/>
      <c r="E25974" s="6" t="s">
        <v>18740</v>
      </c>
      <c r="F25974" s="7">
        <v>38657</v>
      </c>
      <c r="G25974" s="8">
        <v>187</v>
      </c>
      <c r="H25974" s="8">
        <v>187</v>
      </c>
      <c r="I25974" s="8">
        <v>0</v>
      </c>
      <c r="J25974" s="8">
        <v>187</v>
      </c>
      <c r="K25974" s="9">
        <v>11</v>
      </c>
      <c r="L25974" s="6" t="s">
        <v>16860</v>
      </c>
    </row>
    <row r="25975" spans="1:12">
      <c r="A25975" s="6" t="s">
        <v>26344</v>
      </c>
      <c r="B25975" s="6"/>
      <c r="C25975" s="6" t="s">
        <v>26345</v>
      </c>
      <c r="D25975" s="6"/>
      <c r="E25975" s="6" t="s">
        <v>18740</v>
      </c>
      <c r="F25975" s="7">
        <v>38657</v>
      </c>
      <c r="G25975" s="8">
        <v>408</v>
      </c>
      <c r="H25975" s="8">
        <v>408</v>
      </c>
      <c r="I25975" s="8">
        <v>0</v>
      </c>
      <c r="J25975" s="8">
        <v>408</v>
      </c>
      <c r="K25975" s="9">
        <v>24</v>
      </c>
      <c r="L25975" s="6" t="s">
        <v>16860</v>
      </c>
    </row>
    <row r="25976" spans="1:12">
      <c r="A25976" s="6" t="s">
        <v>26346</v>
      </c>
      <c r="B25976" s="6"/>
      <c r="C25976" s="6" t="s">
        <v>26347</v>
      </c>
      <c r="D25976" s="6"/>
      <c r="E25976" s="6" t="s">
        <v>9</v>
      </c>
      <c r="F25976" s="7">
        <v>38657</v>
      </c>
      <c r="G25976" s="8">
        <v>992706</v>
      </c>
      <c r="H25976" s="8">
        <v>992706</v>
      </c>
      <c r="I25976" s="8">
        <v>0</v>
      </c>
      <c r="J25976" s="8">
        <v>992706</v>
      </c>
      <c r="K25976" s="9">
        <v>69.42</v>
      </c>
      <c r="L25976" s="6" t="s">
        <v>10</v>
      </c>
    </row>
    <row r="25977" spans="1:12">
      <c r="A25977" s="6" t="s">
        <v>26346</v>
      </c>
      <c r="B25977" s="6"/>
      <c r="C25977" s="6" t="s">
        <v>26348</v>
      </c>
      <c r="D25977" s="6"/>
      <c r="E25977" s="6" t="s">
        <v>9</v>
      </c>
      <c r="F25977" s="7">
        <v>38657</v>
      </c>
      <c r="G25977" s="8">
        <v>2259400</v>
      </c>
      <c r="H25977" s="8">
        <v>2259400</v>
      </c>
      <c r="I25977" s="8">
        <v>0</v>
      </c>
      <c r="J25977" s="8">
        <v>2259400</v>
      </c>
      <c r="K25977" s="9">
        <v>158</v>
      </c>
      <c r="L25977" s="6" t="s">
        <v>10</v>
      </c>
    </row>
    <row r="25978" spans="1:12">
      <c r="A25978" s="6" t="s">
        <v>26346</v>
      </c>
      <c r="B25978" s="6"/>
      <c r="C25978" s="6" t="s">
        <v>26349</v>
      </c>
      <c r="D25978" s="6"/>
      <c r="E25978" s="6" t="s">
        <v>9</v>
      </c>
      <c r="F25978" s="7">
        <v>38657</v>
      </c>
      <c r="G25978" s="8">
        <v>2386670</v>
      </c>
      <c r="H25978" s="8">
        <v>2386670</v>
      </c>
      <c r="I25978" s="8">
        <v>0</v>
      </c>
      <c r="J25978" s="8">
        <v>2386670</v>
      </c>
      <c r="K25978" s="9">
        <v>166.9</v>
      </c>
      <c r="L25978" s="6" t="s">
        <v>10</v>
      </c>
    </row>
    <row r="25979" spans="1:12">
      <c r="A25979" s="6" t="s">
        <v>26346</v>
      </c>
      <c r="B25979" s="6"/>
      <c r="C25979" s="6" t="s">
        <v>26350</v>
      </c>
      <c r="D25979" s="6"/>
      <c r="E25979" s="6" t="s">
        <v>9</v>
      </c>
      <c r="F25979" s="7">
        <v>38657</v>
      </c>
      <c r="G25979" s="8">
        <v>4533100</v>
      </c>
      <c r="H25979" s="8">
        <v>4533100</v>
      </c>
      <c r="I25979" s="8">
        <v>0</v>
      </c>
      <c r="J25979" s="8">
        <v>4533100</v>
      </c>
      <c r="K25979" s="9">
        <v>317</v>
      </c>
      <c r="L25979" s="6" t="s">
        <v>10</v>
      </c>
    </row>
    <row r="25980" spans="1:12">
      <c r="A25980" s="6" t="s">
        <v>26346</v>
      </c>
      <c r="B25980" s="6"/>
      <c r="C25980" s="6" t="s">
        <v>26351</v>
      </c>
      <c r="D25980" s="6"/>
      <c r="E25980" s="6" t="s">
        <v>9</v>
      </c>
      <c r="F25980" s="7">
        <v>38657</v>
      </c>
      <c r="G25980" s="8">
        <v>657800</v>
      </c>
      <c r="H25980" s="8">
        <v>657800</v>
      </c>
      <c r="I25980" s="8">
        <v>0</v>
      </c>
      <c r="J25980" s="8">
        <v>657800</v>
      </c>
      <c r="K25980" s="9">
        <v>46</v>
      </c>
      <c r="L25980" s="6" t="s">
        <v>10</v>
      </c>
    </row>
    <row r="25981" spans="1:12">
      <c r="A25981" s="6" t="s">
        <v>26346</v>
      </c>
      <c r="B25981" s="6"/>
      <c r="C25981" s="6" t="s">
        <v>26352</v>
      </c>
      <c r="D25981" s="6"/>
      <c r="E25981" s="6" t="s">
        <v>9</v>
      </c>
      <c r="F25981" s="7">
        <v>38657</v>
      </c>
      <c r="G25981" s="8">
        <v>2073500</v>
      </c>
      <c r="H25981" s="8">
        <v>2073500</v>
      </c>
      <c r="I25981" s="8">
        <v>0</v>
      </c>
      <c r="J25981" s="8">
        <v>2073500</v>
      </c>
      <c r="K25981" s="9">
        <v>145</v>
      </c>
      <c r="L25981" s="6" t="s">
        <v>10</v>
      </c>
    </row>
    <row r="25982" spans="1:12">
      <c r="A25982" s="6" t="s">
        <v>26346</v>
      </c>
      <c r="B25982" s="6"/>
      <c r="C25982" s="6" t="s">
        <v>26353</v>
      </c>
      <c r="D25982" s="6"/>
      <c r="E25982" s="6" t="s">
        <v>9</v>
      </c>
      <c r="F25982" s="7">
        <v>38657</v>
      </c>
      <c r="G25982" s="8">
        <v>2831400</v>
      </c>
      <c r="H25982" s="8">
        <v>2831400</v>
      </c>
      <c r="I25982" s="8">
        <v>0</v>
      </c>
      <c r="J25982" s="8">
        <v>2831400</v>
      </c>
      <c r="K25982" s="9">
        <v>198</v>
      </c>
      <c r="L25982" s="6" t="s">
        <v>10</v>
      </c>
    </row>
    <row r="25983" spans="1:12">
      <c r="A25983" s="6" t="s">
        <v>26354</v>
      </c>
      <c r="B25983" s="6"/>
      <c r="C25983" s="6" t="s">
        <v>26355</v>
      </c>
      <c r="D25983" s="6"/>
      <c r="E25983" s="6" t="s">
        <v>18740</v>
      </c>
      <c r="F25983" s="7">
        <v>38657</v>
      </c>
      <c r="G25983" s="8">
        <v>3213</v>
      </c>
      <c r="H25983" s="8">
        <v>3213</v>
      </c>
      <c r="I25983" s="8">
        <v>0</v>
      </c>
      <c r="J25983" s="8">
        <v>3213</v>
      </c>
      <c r="K25983" s="9">
        <v>189</v>
      </c>
      <c r="L25983" s="6" t="s">
        <v>16860</v>
      </c>
    </row>
    <row r="25984" spans="1:12">
      <c r="A25984" s="6" t="s">
        <v>26354</v>
      </c>
      <c r="B25984" s="6"/>
      <c r="C25984" s="6" t="s">
        <v>26356</v>
      </c>
      <c r="D25984" s="6"/>
      <c r="E25984" s="6" t="s">
        <v>18740</v>
      </c>
      <c r="F25984" s="7">
        <v>38657</v>
      </c>
      <c r="G25984" s="8">
        <v>248863</v>
      </c>
      <c r="H25984" s="8">
        <v>248863</v>
      </c>
      <c r="I25984" s="8">
        <v>0</v>
      </c>
      <c r="J25984" s="8">
        <v>248863</v>
      </c>
      <c r="K25984" s="9">
        <v>14639</v>
      </c>
      <c r="L25984" s="6" t="s">
        <v>16860</v>
      </c>
    </row>
    <row r="25985" spans="1:12">
      <c r="A25985" s="6" t="s">
        <v>26354</v>
      </c>
      <c r="B25985" s="6"/>
      <c r="C25985" s="6" t="s">
        <v>26357</v>
      </c>
      <c r="D25985" s="6"/>
      <c r="E25985" s="6" t="s">
        <v>18740</v>
      </c>
      <c r="F25985" s="7">
        <v>38657</v>
      </c>
      <c r="G25985" s="8">
        <v>986</v>
      </c>
      <c r="H25985" s="8">
        <v>986</v>
      </c>
      <c r="I25985" s="8">
        <v>0</v>
      </c>
      <c r="J25985" s="8">
        <v>986</v>
      </c>
      <c r="K25985" s="9">
        <v>58</v>
      </c>
      <c r="L25985" s="6" t="s">
        <v>16860</v>
      </c>
    </row>
    <row r="25986" spans="1:12">
      <c r="A25986" s="6" t="s">
        <v>26354</v>
      </c>
      <c r="B25986" s="6"/>
      <c r="C25986" s="6" t="s">
        <v>26358</v>
      </c>
      <c r="D25986" s="6"/>
      <c r="E25986" s="6" t="s">
        <v>18740</v>
      </c>
      <c r="F25986" s="7">
        <v>38657</v>
      </c>
      <c r="G25986" s="8">
        <v>221</v>
      </c>
      <c r="H25986" s="8">
        <v>221</v>
      </c>
      <c r="I25986" s="8">
        <v>0</v>
      </c>
      <c r="J25986" s="8">
        <v>221</v>
      </c>
      <c r="K25986" s="9">
        <v>13</v>
      </c>
      <c r="L25986" s="6" t="s">
        <v>16860</v>
      </c>
    </row>
    <row r="25987" spans="1:12">
      <c r="A25987" s="6" t="s">
        <v>26359</v>
      </c>
      <c r="B25987" s="6"/>
      <c r="C25987" s="6" t="s">
        <v>26360</v>
      </c>
      <c r="D25987" s="6"/>
      <c r="E25987" s="6" t="s">
        <v>18740</v>
      </c>
      <c r="F25987" s="7">
        <v>38657</v>
      </c>
      <c r="G25987" s="8">
        <v>521424</v>
      </c>
      <c r="H25987" s="8">
        <v>521424</v>
      </c>
      <c r="I25987" s="8">
        <v>0</v>
      </c>
      <c r="J25987" s="8">
        <v>521424</v>
      </c>
      <c r="K25987" s="9">
        <v>102</v>
      </c>
      <c r="L25987" s="6" t="s">
        <v>23</v>
      </c>
    </row>
    <row r="25988" spans="1:12">
      <c r="A25988" s="6" t="s">
        <v>26361</v>
      </c>
      <c r="B25988" s="6"/>
      <c r="C25988" s="6" t="s">
        <v>26362</v>
      </c>
      <c r="D25988" s="6"/>
      <c r="E25988" s="6" t="s">
        <v>9</v>
      </c>
      <c r="F25988" s="7">
        <v>38657</v>
      </c>
      <c r="G25988" s="8">
        <v>31651000</v>
      </c>
      <c r="H25988" s="8">
        <v>31651000</v>
      </c>
      <c r="I25988" s="8">
        <v>0</v>
      </c>
      <c r="J25988" s="8">
        <v>31651000</v>
      </c>
      <c r="K25988" s="9">
        <v>1021</v>
      </c>
      <c r="L25988" s="6" t="s">
        <v>10</v>
      </c>
    </row>
    <row r="25989" spans="1:12">
      <c r="A25989" s="6" t="s">
        <v>26361</v>
      </c>
      <c r="B25989" s="6"/>
      <c r="C25989" s="6" t="s">
        <v>26363</v>
      </c>
      <c r="D25989" s="6"/>
      <c r="E25989" s="6" t="s">
        <v>9</v>
      </c>
      <c r="F25989" s="7">
        <v>38657</v>
      </c>
      <c r="G25989" s="8">
        <v>32832800</v>
      </c>
      <c r="H25989" s="8">
        <v>32832800</v>
      </c>
      <c r="I25989" s="8">
        <v>0</v>
      </c>
      <c r="J25989" s="8">
        <v>32832800</v>
      </c>
      <c r="K25989" s="9">
        <v>1001</v>
      </c>
      <c r="L25989" s="6" t="s">
        <v>10</v>
      </c>
    </row>
    <row r="25990" spans="1:12">
      <c r="A25990" s="6" t="s">
        <v>26364</v>
      </c>
      <c r="B25990" s="6"/>
      <c r="C25990" s="6" t="s">
        <v>26365</v>
      </c>
      <c r="D25990" s="6"/>
      <c r="E25990" s="6" t="s">
        <v>9</v>
      </c>
      <c r="F25990" s="7">
        <v>38657</v>
      </c>
      <c r="G25990" s="8">
        <v>114004450</v>
      </c>
      <c r="H25990" s="8">
        <v>114004450</v>
      </c>
      <c r="I25990" s="8">
        <v>0</v>
      </c>
      <c r="J25990" s="8">
        <v>114004450</v>
      </c>
      <c r="K25990" s="9">
        <v>22301.34</v>
      </c>
      <c r="L25990" s="6" t="s">
        <v>14</v>
      </c>
    </row>
    <row r="25991" spans="1:12">
      <c r="A25991" s="6" t="s">
        <v>26364</v>
      </c>
      <c r="B25991" s="6"/>
      <c r="C25991" s="6" t="s">
        <v>26366</v>
      </c>
      <c r="D25991" s="6"/>
      <c r="E25991" s="6" t="s">
        <v>9</v>
      </c>
      <c r="F25991" s="7">
        <v>38657</v>
      </c>
      <c r="G25991" s="8">
        <v>26320921</v>
      </c>
      <c r="H25991" s="8">
        <v>26320921</v>
      </c>
      <c r="I25991" s="8">
        <v>0</v>
      </c>
      <c r="J25991" s="8">
        <v>26320921</v>
      </c>
      <c r="K25991" s="9">
        <v>5148.8500000000004</v>
      </c>
      <c r="L25991" s="6" t="s">
        <v>14</v>
      </c>
    </row>
    <row r="25992" spans="1:12">
      <c r="A25992" s="6" t="s">
        <v>26364</v>
      </c>
      <c r="B25992" s="6"/>
      <c r="C25992" s="6" t="s">
        <v>26367</v>
      </c>
      <c r="D25992" s="6"/>
      <c r="E25992" s="6" t="s">
        <v>9</v>
      </c>
      <c r="F25992" s="7">
        <v>38657</v>
      </c>
      <c r="G25992" s="8">
        <v>28110888</v>
      </c>
      <c r="H25992" s="8">
        <v>28110888</v>
      </c>
      <c r="I25992" s="8">
        <v>0</v>
      </c>
      <c r="J25992" s="8">
        <v>28110888</v>
      </c>
      <c r="K25992" s="9">
        <v>5499</v>
      </c>
      <c r="L25992" s="6" t="s">
        <v>14</v>
      </c>
    </row>
    <row r="25993" spans="1:12">
      <c r="A25993" s="6" t="s">
        <v>26368</v>
      </c>
      <c r="B25993" s="6"/>
      <c r="C25993" s="6" t="s">
        <v>26369</v>
      </c>
      <c r="D25993" s="6"/>
      <c r="E25993" s="6" t="s">
        <v>18740</v>
      </c>
      <c r="F25993" s="7">
        <v>38657</v>
      </c>
      <c r="G25993" s="8">
        <v>14346879</v>
      </c>
      <c r="H25993" s="8">
        <v>14346879</v>
      </c>
      <c r="I25993" s="8">
        <v>0</v>
      </c>
      <c r="J25993" s="8">
        <v>14346879</v>
      </c>
      <c r="K25993" s="9">
        <v>2806.51</v>
      </c>
      <c r="L25993" s="6" t="s">
        <v>23</v>
      </c>
    </row>
    <row r="25994" spans="1:12">
      <c r="A25994" s="6" t="s">
        <v>26368</v>
      </c>
      <c r="B25994" s="6"/>
      <c r="C25994" s="6" t="s">
        <v>26370</v>
      </c>
      <c r="D25994" s="6"/>
      <c r="E25994" s="6" t="s">
        <v>18740</v>
      </c>
      <c r="F25994" s="7">
        <v>38657</v>
      </c>
      <c r="G25994" s="8">
        <v>184032</v>
      </c>
      <c r="H25994" s="8">
        <v>184032</v>
      </c>
      <c r="I25994" s="8">
        <v>0</v>
      </c>
      <c r="J25994" s="8">
        <v>184032</v>
      </c>
      <c r="K25994" s="9">
        <v>36</v>
      </c>
      <c r="L25994" s="6" t="s">
        <v>1842</v>
      </c>
    </row>
    <row r="25995" spans="1:12">
      <c r="A25995" s="6" t="s">
        <v>26368</v>
      </c>
      <c r="B25995" s="6"/>
      <c r="C25995" s="6" t="s">
        <v>26371</v>
      </c>
      <c r="D25995" s="6"/>
      <c r="E25995" s="6" t="s">
        <v>18740</v>
      </c>
      <c r="F25995" s="7">
        <v>38657</v>
      </c>
      <c r="G25995" s="8">
        <v>557208</v>
      </c>
      <c r="H25995" s="8">
        <v>557208</v>
      </c>
      <c r="I25995" s="8">
        <v>0</v>
      </c>
      <c r="J25995" s="8">
        <v>557208</v>
      </c>
      <c r="K25995" s="9">
        <v>109</v>
      </c>
      <c r="L25995" s="6" t="s">
        <v>1842</v>
      </c>
    </row>
    <row r="25996" spans="1:12">
      <c r="A25996" s="6" t="s">
        <v>26368</v>
      </c>
      <c r="B25996" s="6"/>
      <c r="C25996" s="6" t="s">
        <v>26372</v>
      </c>
      <c r="D25996" s="6"/>
      <c r="E25996" s="6" t="s">
        <v>18740</v>
      </c>
      <c r="F25996" s="7">
        <v>38657</v>
      </c>
      <c r="G25996" s="8">
        <v>976392</v>
      </c>
      <c r="H25996" s="8">
        <v>976392</v>
      </c>
      <c r="I25996" s="8">
        <v>0</v>
      </c>
      <c r="J25996" s="8">
        <v>976392</v>
      </c>
      <c r="K25996" s="9">
        <v>191</v>
      </c>
      <c r="L25996" s="6" t="s">
        <v>1842</v>
      </c>
    </row>
    <row r="25997" spans="1:12">
      <c r="A25997" s="6" t="s">
        <v>26368</v>
      </c>
      <c r="B25997" s="6"/>
      <c r="C25997" s="6" t="s">
        <v>26373</v>
      </c>
      <c r="D25997" s="6"/>
      <c r="E25997" s="6" t="s">
        <v>18740</v>
      </c>
      <c r="F25997" s="7">
        <v>38657</v>
      </c>
      <c r="G25997" s="8">
        <v>97128</v>
      </c>
      <c r="H25997" s="8">
        <v>97128</v>
      </c>
      <c r="I25997" s="8">
        <v>0</v>
      </c>
      <c r="J25997" s="8">
        <v>97128</v>
      </c>
      <c r="K25997" s="9">
        <v>19</v>
      </c>
      <c r="L25997" s="6" t="s">
        <v>1842</v>
      </c>
    </row>
    <row r="25998" spans="1:12">
      <c r="A25998" s="6" t="s">
        <v>26368</v>
      </c>
      <c r="B25998" s="6"/>
      <c r="C25998" s="6" t="s">
        <v>26374</v>
      </c>
      <c r="D25998" s="6"/>
      <c r="E25998" s="6" t="s">
        <v>18740</v>
      </c>
      <c r="F25998" s="7">
        <v>38657</v>
      </c>
      <c r="G25998" s="8">
        <v>1012176</v>
      </c>
      <c r="H25998" s="8">
        <v>1012176</v>
      </c>
      <c r="I25998" s="8">
        <v>0</v>
      </c>
      <c r="J25998" s="8">
        <v>1012176</v>
      </c>
      <c r="K25998" s="9">
        <v>198</v>
      </c>
      <c r="L25998" s="6" t="s">
        <v>23</v>
      </c>
    </row>
    <row r="25999" spans="1:12">
      <c r="A25999" s="6" t="s">
        <v>26368</v>
      </c>
      <c r="B25999" s="6"/>
      <c r="C25999" s="6" t="s">
        <v>26375</v>
      </c>
      <c r="D25999" s="6"/>
      <c r="E25999" s="6" t="s">
        <v>18740</v>
      </c>
      <c r="F25999" s="7">
        <v>38657</v>
      </c>
      <c r="G25999" s="8">
        <v>50659</v>
      </c>
      <c r="H25999" s="8">
        <v>50659</v>
      </c>
      <c r="I25999" s="8">
        <v>0</v>
      </c>
      <c r="J25999" s="8">
        <v>50659</v>
      </c>
      <c r="K25999" s="9">
        <v>9.91</v>
      </c>
      <c r="L25999" s="6" t="s">
        <v>23</v>
      </c>
    </row>
    <row r="26000" spans="1:12">
      <c r="A26000" s="6" t="s">
        <v>26368</v>
      </c>
      <c r="B26000" s="6"/>
      <c r="C26000" s="6" t="s">
        <v>26376</v>
      </c>
      <c r="D26000" s="6"/>
      <c r="E26000" s="6" t="s">
        <v>18740</v>
      </c>
      <c r="F26000" s="7">
        <v>38657</v>
      </c>
      <c r="G26000" s="8">
        <v>536760</v>
      </c>
      <c r="H26000" s="8">
        <v>536760</v>
      </c>
      <c r="I26000" s="8">
        <v>0</v>
      </c>
      <c r="J26000" s="8">
        <v>536760</v>
      </c>
      <c r="K26000" s="9">
        <v>105</v>
      </c>
      <c r="L26000" s="6" t="s">
        <v>23</v>
      </c>
    </row>
    <row r="26001" spans="1:12">
      <c r="A26001" s="6" t="s">
        <v>26368</v>
      </c>
      <c r="B26001" s="6"/>
      <c r="C26001" s="6" t="s">
        <v>26377</v>
      </c>
      <c r="D26001" s="6"/>
      <c r="E26001" s="6" t="s">
        <v>18740</v>
      </c>
      <c r="F26001" s="7">
        <v>38657</v>
      </c>
      <c r="G26001" s="8">
        <v>419184</v>
      </c>
      <c r="H26001" s="8">
        <v>419184</v>
      </c>
      <c r="I26001" s="8">
        <v>0</v>
      </c>
      <c r="J26001" s="8">
        <v>419184</v>
      </c>
      <c r="K26001" s="9">
        <v>82</v>
      </c>
      <c r="L26001" s="6" t="s">
        <v>23</v>
      </c>
    </row>
    <row r="26002" spans="1:12">
      <c r="A26002" s="6" t="s">
        <v>26368</v>
      </c>
      <c r="B26002" s="6"/>
      <c r="C26002" s="6" t="s">
        <v>26378</v>
      </c>
      <c r="D26002" s="6"/>
      <c r="E26002" s="6" t="s">
        <v>18740</v>
      </c>
      <c r="F26002" s="7">
        <v>38657</v>
      </c>
      <c r="G26002" s="8">
        <v>235152</v>
      </c>
      <c r="H26002" s="8">
        <v>235152</v>
      </c>
      <c r="I26002" s="8">
        <v>0</v>
      </c>
      <c r="J26002" s="8">
        <v>235152</v>
      </c>
      <c r="K26002" s="9">
        <v>46</v>
      </c>
      <c r="L26002" s="6" t="s">
        <v>23</v>
      </c>
    </row>
    <row r="26003" spans="1:12">
      <c r="A26003" s="6" t="s">
        <v>26368</v>
      </c>
      <c r="B26003" s="6"/>
      <c r="C26003" s="6" t="s">
        <v>26379</v>
      </c>
      <c r="D26003" s="6"/>
      <c r="E26003" s="6" t="s">
        <v>18740</v>
      </c>
      <c r="F26003" s="7">
        <v>38657</v>
      </c>
      <c r="G26003" s="8">
        <v>337392</v>
      </c>
      <c r="H26003" s="8">
        <v>337392</v>
      </c>
      <c r="I26003" s="8">
        <v>0</v>
      </c>
      <c r="J26003" s="8">
        <v>337392</v>
      </c>
      <c r="K26003" s="9">
        <v>66</v>
      </c>
      <c r="L26003" s="6" t="s">
        <v>23</v>
      </c>
    </row>
    <row r="26004" spans="1:12">
      <c r="A26004" s="6" t="s">
        <v>26368</v>
      </c>
      <c r="B26004" s="6"/>
      <c r="C26004" s="6" t="s">
        <v>26380</v>
      </c>
      <c r="D26004" s="6"/>
      <c r="E26004" s="6" t="s">
        <v>18740</v>
      </c>
      <c r="F26004" s="7">
        <v>38657</v>
      </c>
      <c r="G26004" s="8">
        <v>945720</v>
      </c>
      <c r="H26004" s="8">
        <v>945720</v>
      </c>
      <c r="I26004" s="8">
        <v>0</v>
      </c>
      <c r="J26004" s="8">
        <v>945720</v>
      </c>
      <c r="K26004" s="9">
        <v>185</v>
      </c>
      <c r="L26004" s="6" t="s">
        <v>1842</v>
      </c>
    </row>
    <row r="26005" spans="1:12">
      <c r="A26005" s="6" t="s">
        <v>26368</v>
      </c>
      <c r="B26005" s="6"/>
      <c r="C26005" s="6" t="s">
        <v>26381</v>
      </c>
      <c r="D26005" s="6"/>
      <c r="E26005" s="6" t="s">
        <v>18740</v>
      </c>
      <c r="F26005" s="7">
        <v>38657</v>
      </c>
      <c r="G26005" s="8">
        <v>587880</v>
      </c>
      <c r="H26005" s="8">
        <v>587880</v>
      </c>
      <c r="I26005" s="8">
        <v>0</v>
      </c>
      <c r="J26005" s="8">
        <v>587880</v>
      </c>
      <c r="K26005" s="9">
        <v>115</v>
      </c>
      <c r="L26005" s="6" t="s">
        <v>23</v>
      </c>
    </row>
    <row r="26006" spans="1:12">
      <c r="A26006" s="6" t="s">
        <v>26368</v>
      </c>
      <c r="B26006" s="6"/>
      <c r="C26006" s="6" t="s">
        <v>26382</v>
      </c>
      <c r="D26006" s="6"/>
      <c r="E26006" s="6" t="s">
        <v>18740</v>
      </c>
      <c r="F26006" s="7">
        <v>38657</v>
      </c>
      <c r="G26006" s="8">
        <v>521424</v>
      </c>
      <c r="H26006" s="8">
        <v>521424</v>
      </c>
      <c r="I26006" s="8">
        <v>0</v>
      </c>
      <c r="J26006" s="8">
        <v>521424</v>
      </c>
      <c r="K26006" s="9">
        <v>102</v>
      </c>
      <c r="L26006" s="6" t="s">
        <v>23</v>
      </c>
    </row>
    <row r="26007" spans="1:12">
      <c r="A26007" s="6" t="s">
        <v>26368</v>
      </c>
      <c r="B26007" s="6"/>
      <c r="C26007" s="6" t="s">
        <v>26383</v>
      </c>
      <c r="D26007" s="6"/>
      <c r="E26007" s="6" t="s">
        <v>18740</v>
      </c>
      <c r="F26007" s="7">
        <v>38657</v>
      </c>
      <c r="G26007" s="8">
        <v>368064</v>
      </c>
      <c r="H26007" s="8">
        <v>368064</v>
      </c>
      <c r="I26007" s="8">
        <v>0</v>
      </c>
      <c r="J26007" s="8">
        <v>368064</v>
      </c>
      <c r="K26007" s="9">
        <v>72</v>
      </c>
      <c r="L26007" s="6" t="s">
        <v>23</v>
      </c>
    </row>
    <row r="26008" spans="1:12">
      <c r="A26008" s="6" t="s">
        <v>26368</v>
      </c>
      <c r="B26008" s="6"/>
      <c r="C26008" s="6" t="s">
        <v>26384</v>
      </c>
      <c r="D26008" s="6"/>
      <c r="E26008" s="6" t="s">
        <v>18740</v>
      </c>
      <c r="F26008" s="7">
        <v>38657</v>
      </c>
      <c r="G26008" s="8">
        <v>132912</v>
      </c>
      <c r="H26008" s="8">
        <v>132912</v>
      </c>
      <c r="I26008" s="8">
        <v>0</v>
      </c>
      <c r="J26008" s="8">
        <v>132912</v>
      </c>
      <c r="K26008" s="9">
        <v>26</v>
      </c>
      <c r="L26008" s="6" t="s">
        <v>1842</v>
      </c>
    </row>
    <row r="26009" spans="1:12">
      <c r="A26009" s="6" t="s">
        <v>26368</v>
      </c>
      <c r="B26009" s="6"/>
      <c r="C26009" s="6" t="s">
        <v>26385</v>
      </c>
      <c r="D26009" s="6"/>
      <c r="E26009" s="6" t="s">
        <v>18740</v>
      </c>
      <c r="F26009" s="7">
        <v>38657</v>
      </c>
      <c r="G26009" s="8">
        <v>388512</v>
      </c>
      <c r="H26009" s="8">
        <v>388512</v>
      </c>
      <c r="I26009" s="8">
        <v>0</v>
      </c>
      <c r="J26009" s="8">
        <v>388512</v>
      </c>
      <c r="K26009" s="9">
        <v>76</v>
      </c>
      <c r="L26009" s="6" t="s">
        <v>1842</v>
      </c>
    </row>
    <row r="26010" spans="1:12">
      <c r="A26010" s="6" t="s">
        <v>26368</v>
      </c>
      <c r="B26010" s="6"/>
      <c r="C26010" s="6" t="s">
        <v>26386</v>
      </c>
      <c r="D26010" s="6"/>
      <c r="E26010" s="6" t="s">
        <v>18740</v>
      </c>
      <c r="F26010" s="7">
        <v>38657</v>
      </c>
      <c r="G26010" s="8">
        <v>33790</v>
      </c>
      <c r="H26010" s="8">
        <v>33790</v>
      </c>
      <c r="I26010" s="8">
        <v>0</v>
      </c>
      <c r="J26010" s="8">
        <v>33790</v>
      </c>
      <c r="K26010" s="9">
        <v>6.61</v>
      </c>
      <c r="L26010" s="6" t="s">
        <v>1842</v>
      </c>
    </row>
    <row r="26011" spans="1:12">
      <c r="A26011" s="6" t="s">
        <v>26368</v>
      </c>
      <c r="B26011" s="6"/>
      <c r="C26011" s="6" t="s">
        <v>26387</v>
      </c>
      <c r="D26011" s="6"/>
      <c r="E26011" s="6" t="s">
        <v>18740</v>
      </c>
      <c r="F26011" s="7">
        <v>38657</v>
      </c>
      <c r="G26011" s="8">
        <v>654336</v>
      </c>
      <c r="H26011" s="8">
        <v>654336</v>
      </c>
      <c r="I26011" s="8">
        <v>0</v>
      </c>
      <c r="J26011" s="8">
        <v>654336</v>
      </c>
      <c r="K26011" s="9">
        <v>128</v>
      </c>
      <c r="L26011" s="6" t="s">
        <v>1842</v>
      </c>
    </row>
    <row r="26012" spans="1:12">
      <c r="A26012" s="6" t="s">
        <v>26368</v>
      </c>
      <c r="B26012" s="6"/>
      <c r="C26012" s="6" t="s">
        <v>26388</v>
      </c>
      <c r="D26012" s="6"/>
      <c r="E26012" s="6" t="s">
        <v>18740</v>
      </c>
      <c r="F26012" s="7">
        <v>38657</v>
      </c>
      <c r="G26012" s="8">
        <v>66456</v>
      </c>
      <c r="H26012" s="8">
        <v>66456</v>
      </c>
      <c r="I26012" s="8">
        <v>0</v>
      </c>
      <c r="J26012" s="8">
        <v>66456</v>
      </c>
      <c r="K26012" s="9">
        <v>13</v>
      </c>
      <c r="L26012" s="6" t="s">
        <v>1842</v>
      </c>
    </row>
    <row r="26013" spans="1:12">
      <c r="A26013" s="6" t="s">
        <v>26368</v>
      </c>
      <c r="B26013" s="6"/>
      <c r="C26013" s="6" t="s">
        <v>26389</v>
      </c>
      <c r="D26013" s="6"/>
      <c r="E26013" s="6" t="s">
        <v>18740</v>
      </c>
      <c r="F26013" s="7">
        <v>38657</v>
      </c>
      <c r="G26013" s="8">
        <v>117576</v>
      </c>
      <c r="H26013" s="8">
        <v>117576</v>
      </c>
      <c r="I26013" s="8">
        <v>0</v>
      </c>
      <c r="J26013" s="8">
        <v>117576</v>
      </c>
      <c r="K26013" s="9">
        <v>23</v>
      </c>
      <c r="L26013" s="6" t="s">
        <v>1842</v>
      </c>
    </row>
    <row r="26014" spans="1:12">
      <c r="A26014" s="6" t="s">
        <v>26368</v>
      </c>
      <c r="B26014" s="6"/>
      <c r="C26014" s="6" t="s">
        <v>26390</v>
      </c>
      <c r="D26014" s="6"/>
      <c r="E26014" s="6" t="s">
        <v>18740</v>
      </c>
      <c r="F26014" s="7">
        <v>38657</v>
      </c>
      <c r="G26014" s="8">
        <v>148248</v>
      </c>
      <c r="H26014" s="8">
        <v>148248</v>
      </c>
      <c r="I26014" s="8">
        <v>0</v>
      </c>
      <c r="J26014" s="8">
        <v>148248</v>
      </c>
      <c r="K26014" s="9">
        <v>29</v>
      </c>
      <c r="L26014" s="6" t="s">
        <v>1842</v>
      </c>
    </row>
    <row r="26015" spans="1:12">
      <c r="A26015" s="6" t="s">
        <v>26391</v>
      </c>
      <c r="B26015" s="6"/>
      <c r="C26015" s="6" t="s">
        <v>26392</v>
      </c>
      <c r="D26015" s="6"/>
      <c r="E26015" s="6" t="s">
        <v>18740</v>
      </c>
      <c r="F26015" s="7">
        <v>38657</v>
      </c>
      <c r="G26015" s="8">
        <v>230040</v>
      </c>
      <c r="H26015" s="8">
        <v>230040</v>
      </c>
      <c r="I26015" s="8">
        <v>0</v>
      </c>
      <c r="J26015" s="8">
        <v>230040</v>
      </c>
      <c r="K26015" s="9">
        <v>45</v>
      </c>
      <c r="L26015" s="6" t="s">
        <v>23</v>
      </c>
    </row>
    <row r="26016" spans="1:12">
      <c r="A26016" s="6" t="s">
        <v>26393</v>
      </c>
      <c r="B26016" s="6"/>
      <c r="C26016" s="6" t="s">
        <v>26394</v>
      </c>
      <c r="D26016" s="6"/>
      <c r="E26016" s="6" t="s">
        <v>18740</v>
      </c>
      <c r="F26016" s="7">
        <v>38657</v>
      </c>
      <c r="G26016" s="8">
        <v>5334202</v>
      </c>
      <c r="H26016" s="8">
        <v>5334202</v>
      </c>
      <c r="I26016" s="8">
        <v>0</v>
      </c>
      <c r="J26016" s="8">
        <v>5334202</v>
      </c>
      <c r="K26016" s="9">
        <v>321</v>
      </c>
      <c r="L26016" s="6" t="s">
        <v>4773</v>
      </c>
    </row>
    <row r="26017" spans="1:12">
      <c r="A26017" s="6" t="s">
        <v>26393</v>
      </c>
      <c r="B26017" s="6"/>
      <c r="C26017" s="6" t="s">
        <v>26395</v>
      </c>
      <c r="D26017" s="6"/>
      <c r="E26017" s="6" t="s">
        <v>18740</v>
      </c>
      <c r="F26017" s="7">
        <v>38657</v>
      </c>
      <c r="G26017" s="8">
        <v>249262</v>
      </c>
      <c r="H26017" s="8">
        <v>249262</v>
      </c>
      <c r="I26017" s="8">
        <v>0</v>
      </c>
      <c r="J26017" s="8">
        <v>249262</v>
      </c>
      <c r="K26017" s="9">
        <v>15</v>
      </c>
      <c r="L26017" s="6" t="s">
        <v>4773</v>
      </c>
    </row>
    <row r="26018" spans="1:12">
      <c r="A26018" s="6" t="s">
        <v>26396</v>
      </c>
      <c r="B26018" s="6"/>
      <c r="C26018" s="6" t="s">
        <v>26397</v>
      </c>
      <c r="D26018" s="6"/>
      <c r="E26018" s="6" t="s">
        <v>9</v>
      </c>
      <c r="F26018" s="7">
        <v>38657</v>
      </c>
      <c r="G26018" s="8">
        <v>3762</v>
      </c>
      <c r="H26018" s="8">
        <v>3762</v>
      </c>
      <c r="I26018" s="8">
        <v>0</v>
      </c>
      <c r="J26018" s="8">
        <v>3762</v>
      </c>
      <c r="K26018" s="9">
        <v>33</v>
      </c>
      <c r="L26018" s="6" t="s">
        <v>4773</v>
      </c>
    </row>
    <row r="26019" spans="1:12">
      <c r="A26019" s="6" t="s">
        <v>26396</v>
      </c>
      <c r="B26019" s="6"/>
      <c r="C26019" s="6" t="s">
        <v>26398</v>
      </c>
      <c r="D26019" s="6"/>
      <c r="E26019" s="6" t="s">
        <v>9</v>
      </c>
      <c r="F26019" s="7">
        <v>38657</v>
      </c>
      <c r="G26019" s="8">
        <v>2622</v>
      </c>
      <c r="H26019" s="8">
        <v>2622</v>
      </c>
      <c r="I26019" s="8">
        <v>0</v>
      </c>
      <c r="J26019" s="8">
        <v>2622</v>
      </c>
      <c r="K26019" s="9">
        <v>23</v>
      </c>
      <c r="L26019" s="6" t="s">
        <v>4773</v>
      </c>
    </row>
    <row r="26020" spans="1:12">
      <c r="A26020" s="6" t="s">
        <v>26399</v>
      </c>
      <c r="B26020" s="6"/>
      <c r="C26020" s="6" t="s">
        <v>26400</v>
      </c>
      <c r="D26020" s="6"/>
      <c r="E26020" s="6" t="s">
        <v>18740</v>
      </c>
      <c r="F26020" s="7">
        <v>38657</v>
      </c>
      <c r="G26020" s="8">
        <v>2162</v>
      </c>
      <c r="H26020" s="8">
        <v>2162</v>
      </c>
      <c r="I26020" s="8">
        <v>0</v>
      </c>
      <c r="J26020" s="8">
        <v>2162</v>
      </c>
      <c r="K26020" s="9">
        <v>46</v>
      </c>
      <c r="L26020" s="6" t="s">
        <v>1842</v>
      </c>
    </row>
    <row r="26021" spans="1:12">
      <c r="A26021" s="6" t="s">
        <v>26401</v>
      </c>
      <c r="B26021" s="6"/>
      <c r="C26021" s="6" t="s">
        <v>26402</v>
      </c>
      <c r="D26021" s="6"/>
      <c r="E26021" s="6" t="s">
        <v>18740</v>
      </c>
      <c r="F26021" s="7">
        <v>38657</v>
      </c>
      <c r="G26021" s="8">
        <v>61344</v>
      </c>
      <c r="H26021" s="8">
        <v>61344</v>
      </c>
      <c r="I26021" s="8">
        <v>0</v>
      </c>
      <c r="J26021" s="8">
        <v>61344</v>
      </c>
      <c r="K26021" s="9">
        <v>12</v>
      </c>
      <c r="L26021" s="6" t="s">
        <v>4773</v>
      </c>
    </row>
    <row r="26022" spans="1:12">
      <c r="A26022" s="6" t="s">
        <v>26403</v>
      </c>
      <c r="B26022" s="6"/>
      <c r="C26022" s="6" t="s">
        <v>26404</v>
      </c>
      <c r="D26022" s="6"/>
      <c r="E26022" s="6" t="s">
        <v>18740</v>
      </c>
      <c r="F26022" s="7">
        <v>38657</v>
      </c>
      <c r="G26022" s="8">
        <v>141</v>
      </c>
      <c r="H26022" s="8">
        <v>141</v>
      </c>
      <c r="I26022" s="8">
        <v>0</v>
      </c>
      <c r="J26022" s="8">
        <v>141</v>
      </c>
      <c r="K26022" s="9">
        <v>1.24</v>
      </c>
      <c r="L26022" s="6" t="s">
        <v>4773</v>
      </c>
    </row>
    <row r="26023" spans="1:12">
      <c r="A26023" s="6" t="s">
        <v>26403</v>
      </c>
      <c r="B26023" s="6"/>
      <c r="C26023" s="6" t="s">
        <v>26405</v>
      </c>
      <c r="D26023" s="6"/>
      <c r="E26023" s="6" t="s">
        <v>18740</v>
      </c>
      <c r="F26023" s="7">
        <v>38657</v>
      </c>
      <c r="G26023" s="8">
        <v>3534</v>
      </c>
      <c r="H26023" s="8">
        <v>3534</v>
      </c>
      <c r="I26023" s="8">
        <v>0</v>
      </c>
      <c r="J26023" s="8">
        <v>3534</v>
      </c>
      <c r="K26023" s="9">
        <v>31</v>
      </c>
      <c r="L26023" s="6" t="s">
        <v>4773</v>
      </c>
    </row>
    <row r="26024" spans="1:12">
      <c r="A26024" s="6" t="s">
        <v>26406</v>
      </c>
      <c r="B26024" s="6"/>
      <c r="C26024" s="6" t="s">
        <v>26407</v>
      </c>
      <c r="D26024" s="6"/>
      <c r="E26024" s="6" t="s">
        <v>9</v>
      </c>
      <c r="F26024" s="7">
        <v>38657</v>
      </c>
      <c r="G26024" s="8">
        <v>2397528</v>
      </c>
      <c r="H26024" s="8">
        <v>2397528</v>
      </c>
      <c r="I26024" s="8">
        <v>0</v>
      </c>
      <c r="J26024" s="8">
        <v>2397528</v>
      </c>
      <c r="K26024" s="9">
        <v>469</v>
      </c>
      <c r="L26024" s="6" t="s">
        <v>14</v>
      </c>
    </row>
    <row r="26025" spans="1:12">
      <c r="A26025" s="6" t="s">
        <v>26406</v>
      </c>
      <c r="B26025" s="6"/>
      <c r="C26025" s="6" t="s">
        <v>26408</v>
      </c>
      <c r="D26025" s="6"/>
      <c r="E26025" s="6" t="s">
        <v>9</v>
      </c>
      <c r="F26025" s="7">
        <v>38657</v>
      </c>
      <c r="G26025" s="8">
        <v>1502928</v>
      </c>
      <c r="H26025" s="8">
        <v>1502928</v>
      </c>
      <c r="I26025" s="8">
        <v>0</v>
      </c>
      <c r="J26025" s="8">
        <v>1502928</v>
      </c>
      <c r="K26025" s="9">
        <v>294</v>
      </c>
      <c r="L26025" s="6" t="s">
        <v>14</v>
      </c>
    </row>
    <row r="26026" spans="1:12">
      <c r="A26026" s="6" t="s">
        <v>26406</v>
      </c>
      <c r="B26026" s="6"/>
      <c r="C26026" s="6" t="s">
        <v>26409</v>
      </c>
      <c r="D26026" s="6"/>
      <c r="E26026" s="6" t="s">
        <v>9</v>
      </c>
      <c r="F26026" s="7">
        <v>38657</v>
      </c>
      <c r="G26026" s="8">
        <v>766800</v>
      </c>
      <c r="H26026" s="8">
        <v>766800</v>
      </c>
      <c r="I26026" s="8">
        <v>0</v>
      </c>
      <c r="J26026" s="8">
        <v>766800</v>
      </c>
      <c r="K26026" s="9">
        <v>150</v>
      </c>
      <c r="L26026" s="6" t="s">
        <v>14</v>
      </c>
    </row>
    <row r="26027" spans="1:12">
      <c r="A26027" s="6" t="s">
        <v>26406</v>
      </c>
      <c r="B26027" s="6"/>
      <c r="C26027" s="6" t="s">
        <v>26410</v>
      </c>
      <c r="D26027" s="6"/>
      <c r="E26027" s="6" t="s">
        <v>9</v>
      </c>
      <c r="F26027" s="7">
        <v>38657</v>
      </c>
      <c r="G26027" s="8">
        <v>3486384</v>
      </c>
      <c r="H26027" s="8">
        <v>3486384</v>
      </c>
      <c r="I26027" s="8">
        <v>0</v>
      </c>
      <c r="J26027" s="8">
        <v>3486384</v>
      </c>
      <c r="K26027" s="9">
        <v>682</v>
      </c>
      <c r="L26027" s="6" t="s">
        <v>14</v>
      </c>
    </row>
    <row r="26028" spans="1:12">
      <c r="A26028" s="6" t="s">
        <v>26406</v>
      </c>
      <c r="B26028" s="6"/>
      <c r="C26028" s="6" t="s">
        <v>26411</v>
      </c>
      <c r="D26028" s="6"/>
      <c r="E26028" s="6" t="s">
        <v>9</v>
      </c>
      <c r="F26028" s="7">
        <v>38657</v>
      </c>
      <c r="G26028" s="8">
        <v>628776</v>
      </c>
      <c r="H26028" s="8">
        <v>628776</v>
      </c>
      <c r="I26028" s="8">
        <v>0</v>
      </c>
      <c r="J26028" s="8">
        <v>628776</v>
      </c>
      <c r="K26028" s="9">
        <v>123</v>
      </c>
      <c r="L26028" s="6" t="s">
        <v>14</v>
      </c>
    </row>
    <row r="26029" spans="1:12">
      <c r="A26029" s="6" t="s">
        <v>26406</v>
      </c>
      <c r="B26029" s="6"/>
      <c r="C26029" s="6" t="s">
        <v>26412</v>
      </c>
      <c r="D26029" s="6"/>
      <c r="E26029" s="6" t="s">
        <v>9</v>
      </c>
      <c r="F26029" s="7">
        <v>38657</v>
      </c>
      <c r="G26029" s="8">
        <v>332280</v>
      </c>
      <c r="H26029" s="8">
        <v>332280</v>
      </c>
      <c r="I26029" s="8">
        <v>0</v>
      </c>
      <c r="J26029" s="8">
        <v>332280</v>
      </c>
      <c r="K26029" s="9">
        <v>65</v>
      </c>
      <c r="L26029" s="6" t="s">
        <v>14</v>
      </c>
    </row>
    <row r="26030" spans="1:12">
      <c r="A26030" s="6" t="s">
        <v>26406</v>
      </c>
      <c r="B26030" s="6"/>
      <c r="C26030" s="6" t="s">
        <v>26413</v>
      </c>
      <c r="D26030" s="6"/>
      <c r="E26030" s="6" t="s">
        <v>9</v>
      </c>
      <c r="F26030" s="7">
        <v>38657</v>
      </c>
      <c r="G26030" s="8">
        <v>8992008</v>
      </c>
      <c r="H26030" s="8">
        <v>8992008</v>
      </c>
      <c r="I26030" s="8">
        <v>0</v>
      </c>
      <c r="J26030" s="8">
        <v>8992008</v>
      </c>
      <c r="K26030" s="9">
        <v>1759</v>
      </c>
      <c r="L26030" s="6" t="s">
        <v>14</v>
      </c>
    </row>
    <row r="26031" spans="1:12">
      <c r="A26031" s="6" t="s">
        <v>26406</v>
      </c>
      <c r="B26031" s="6"/>
      <c r="C26031" s="6" t="s">
        <v>26414</v>
      </c>
      <c r="D26031" s="6"/>
      <c r="E26031" s="6" t="s">
        <v>9</v>
      </c>
      <c r="F26031" s="7">
        <v>38657</v>
      </c>
      <c r="G26031" s="8">
        <v>419184</v>
      </c>
      <c r="H26031" s="8">
        <v>419184</v>
      </c>
      <c r="I26031" s="8">
        <v>0</v>
      </c>
      <c r="J26031" s="8">
        <v>419184</v>
      </c>
      <c r="K26031" s="9">
        <v>82</v>
      </c>
      <c r="L26031" s="6" t="s">
        <v>14</v>
      </c>
    </row>
    <row r="26032" spans="1:12">
      <c r="A26032" s="6" t="s">
        <v>26406</v>
      </c>
      <c r="B26032" s="6"/>
      <c r="C26032" s="6" t="s">
        <v>26415</v>
      </c>
      <c r="D26032" s="6"/>
      <c r="E26032" s="6" t="s">
        <v>9</v>
      </c>
      <c r="F26032" s="7">
        <v>38657</v>
      </c>
      <c r="G26032" s="8">
        <v>393624</v>
      </c>
      <c r="H26032" s="8">
        <v>393624</v>
      </c>
      <c r="I26032" s="8">
        <v>0</v>
      </c>
      <c r="J26032" s="8">
        <v>393624</v>
      </c>
      <c r="K26032" s="9">
        <v>77</v>
      </c>
      <c r="L26032" s="6" t="s">
        <v>14</v>
      </c>
    </row>
    <row r="26033" spans="1:12">
      <c r="A26033" s="6" t="s">
        <v>26406</v>
      </c>
      <c r="B26033" s="6"/>
      <c r="C26033" s="6" t="s">
        <v>26416</v>
      </c>
      <c r="D26033" s="6"/>
      <c r="E26033" s="6" t="s">
        <v>9</v>
      </c>
      <c r="F26033" s="7">
        <v>38657</v>
      </c>
      <c r="G26033" s="8">
        <v>2765592</v>
      </c>
      <c r="H26033" s="8">
        <v>2765592</v>
      </c>
      <c r="I26033" s="8">
        <v>0</v>
      </c>
      <c r="J26033" s="8">
        <v>2765592</v>
      </c>
      <c r="K26033" s="9">
        <v>541</v>
      </c>
      <c r="L26033" s="6" t="s">
        <v>14</v>
      </c>
    </row>
    <row r="26034" spans="1:12">
      <c r="A26034" s="6" t="s">
        <v>26406</v>
      </c>
      <c r="B26034" s="6"/>
      <c r="C26034" s="6" t="s">
        <v>26417</v>
      </c>
      <c r="D26034" s="6"/>
      <c r="E26034" s="6" t="s">
        <v>9</v>
      </c>
      <c r="F26034" s="7">
        <v>38657</v>
      </c>
      <c r="G26034" s="8">
        <v>485640</v>
      </c>
      <c r="H26034" s="8">
        <v>485640</v>
      </c>
      <c r="I26034" s="8">
        <v>0</v>
      </c>
      <c r="J26034" s="8">
        <v>485640</v>
      </c>
      <c r="K26034" s="9">
        <v>95</v>
      </c>
      <c r="L26034" s="6" t="s">
        <v>14</v>
      </c>
    </row>
    <row r="26035" spans="1:12">
      <c r="A26035" s="6" t="s">
        <v>26406</v>
      </c>
      <c r="B26035" s="6"/>
      <c r="C26035" s="6" t="s">
        <v>26418</v>
      </c>
      <c r="D26035" s="6"/>
      <c r="E26035" s="6" t="s">
        <v>9</v>
      </c>
      <c r="F26035" s="7">
        <v>38657</v>
      </c>
      <c r="G26035" s="8">
        <v>485640</v>
      </c>
      <c r="H26035" s="8">
        <v>485640</v>
      </c>
      <c r="I26035" s="8">
        <v>0</v>
      </c>
      <c r="J26035" s="8">
        <v>485640</v>
      </c>
      <c r="K26035" s="9">
        <v>95</v>
      </c>
      <c r="L26035" s="6" t="s">
        <v>14</v>
      </c>
    </row>
    <row r="26036" spans="1:12">
      <c r="A26036" s="6" t="s">
        <v>26406</v>
      </c>
      <c r="B26036" s="6"/>
      <c r="C26036" s="6" t="s">
        <v>26419</v>
      </c>
      <c r="D26036" s="6"/>
      <c r="E26036" s="6" t="s">
        <v>9</v>
      </c>
      <c r="F26036" s="7">
        <v>38657</v>
      </c>
      <c r="G26036" s="8">
        <v>3102984</v>
      </c>
      <c r="H26036" s="8">
        <v>3102984</v>
      </c>
      <c r="I26036" s="8">
        <v>0</v>
      </c>
      <c r="J26036" s="8">
        <v>3102984</v>
      </c>
      <c r="K26036" s="9">
        <v>607</v>
      </c>
      <c r="L26036" s="6" t="s">
        <v>14</v>
      </c>
    </row>
    <row r="26037" spans="1:12">
      <c r="A26037" s="6" t="s">
        <v>26406</v>
      </c>
      <c r="B26037" s="6"/>
      <c r="C26037" s="6" t="s">
        <v>26420</v>
      </c>
      <c r="D26037" s="6"/>
      <c r="E26037" s="6" t="s">
        <v>9</v>
      </c>
      <c r="F26037" s="7">
        <v>38657</v>
      </c>
      <c r="G26037" s="8">
        <v>2479320</v>
      </c>
      <c r="H26037" s="8">
        <v>2479320</v>
      </c>
      <c r="I26037" s="8">
        <v>0</v>
      </c>
      <c r="J26037" s="8">
        <v>2479320</v>
      </c>
      <c r="K26037" s="9">
        <v>485</v>
      </c>
      <c r="L26037" s="6" t="s">
        <v>14</v>
      </c>
    </row>
    <row r="26038" spans="1:12">
      <c r="A26038" s="6" t="s">
        <v>26406</v>
      </c>
      <c r="B26038" s="6"/>
      <c r="C26038" s="6" t="s">
        <v>26421</v>
      </c>
      <c r="D26038" s="6"/>
      <c r="E26038" s="6" t="s">
        <v>9</v>
      </c>
      <c r="F26038" s="7">
        <v>38657</v>
      </c>
      <c r="G26038" s="8">
        <v>546984</v>
      </c>
      <c r="H26038" s="8">
        <v>546984</v>
      </c>
      <c r="I26038" s="8">
        <v>0</v>
      </c>
      <c r="J26038" s="8">
        <v>546984</v>
      </c>
      <c r="K26038" s="9">
        <v>107</v>
      </c>
      <c r="L26038" s="6" t="s">
        <v>14</v>
      </c>
    </row>
    <row r="26039" spans="1:12">
      <c r="A26039" s="6" t="s">
        <v>26406</v>
      </c>
      <c r="B26039" s="6"/>
      <c r="C26039" s="6" t="s">
        <v>26422</v>
      </c>
      <c r="D26039" s="6"/>
      <c r="E26039" s="6" t="s">
        <v>9</v>
      </c>
      <c r="F26039" s="7">
        <v>38657</v>
      </c>
      <c r="G26039" s="8">
        <v>97128</v>
      </c>
      <c r="H26039" s="8">
        <v>97128</v>
      </c>
      <c r="I26039" s="8">
        <v>0</v>
      </c>
      <c r="J26039" s="8">
        <v>97128</v>
      </c>
      <c r="K26039" s="9">
        <v>19</v>
      </c>
      <c r="L26039" s="6" t="s">
        <v>14</v>
      </c>
    </row>
    <row r="26040" spans="1:12">
      <c r="A26040" s="6" t="s">
        <v>26406</v>
      </c>
      <c r="B26040" s="6"/>
      <c r="C26040" s="6" t="s">
        <v>26423</v>
      </c>
      <c r="D26040" s="6"/>
      <c r="E26040" s="6" t="s">
        <v>9</v>
      </c>
      <c r="F26040" s="7">
        <v>38657</v>
      </c>
      <c r="G26040" s="8">
        <v>4513896</v>
      </c>
      <c r="H26040" s="8">
        <v>4513896</v>
      </c>
      <c r="I26040" s="8">
        <v>0</v>
      </c>
      <c r="J26040" s="8">
        <v>4513896</v>
      </c>
      <c r="K26040" s="9">
        <v>883</v>
      </c>
      <c r="L26040" s="6" t="s">
        <v>14</v>
      </c>
    </row>
    <row r="26041" spans="1:12">
      <c r="A26041" s="6" t="s">
        <v>26406</v>
      </c>
      <c r="B26041" s="6"/>
      <c r="C26041" s="6" t="s">
        <v>26424</v>
      </c>
      <c r="D26041" s="6"/>
      <c r="E26041" s="6" t="s">
        <v>9</v>
      </c>
      <c r="F26041" s="7">
        <v>38657</v>
      </c>
      <c r="G26041" s="8">
        <v>3517056</v>
      </c>
      <c r="H26041" s="8">
        <v>3517056</v>
      </c>
      <c r="I26041" s="8">
        <v>0</v>
      </c>
      <c r="J26041" s="8">
        <v>3517056</v>
      </c>
      <c r="K26041" s="9">
        <v>688</v>
      </c>
      <c r="L26041" s="6" t="s">
        <v>14</v>
      </c>
    </row>
    <row r="26042" spans="1:12">
      <c r="A26042" s="6" t="s">
        <v>26406</v>
      </c>
      <c r="B26042" s="6"/>
      <c r="C26042" s="6" t="s">
        <v>26425</v>
      </c>
      <c r="D26042" s="6"/>
      <c r="E26042" s="6" t="s">
        <v>9</v>
      </c>
      <c r="F26042" s="7">
        <v>38657</v>
      </c>
      <c r="G26042" s="8">
        <v>1753416</v>
      </c>
      <c r="H26042" s="8">
        <v>1753416</v>
      </c>
      <c r="I26042" s="8">
        <v>0</v>
      </c>
      <c r="J26042" s="8">
        <v>1753416</v>
      </c>
      <c r="K26042" s="9">
        <v>343</v>
      </c>
      <c r="L26042" s="6" t="s">
        <v>14</v>
      </c>
    </row>
    <row r="26043" spans="1:12">
      <c r="A26043" s="6" t="s">
        <v>26406</v>
      </c>
      <c r="B26043" s="6"/>
      <c r="C26043" s="6" t="s">
        <v>26426</v>
      </c>
      <c r="D26043" s="6"/>
      <c r="E26043" s="6" t="s">
        <v>9</v>
      </c>
      <c r="F26043" s="7">
        <v>38657</v>
      </c>
      <c r="G26043" s="8">
        <v>1492704</v>
      </c>
      <c r="H26043" s="8">
        <v>1492704</v>
      </c>
      <c r="I26043" s="8">
        <v>0</v>
      </c>
      <c r="J26043" s="8">
        <v>1492704</v>
      </c>
      <c r="K26043" s="9">
        <v>292</v>
      </c>
      <c r="L26043" s="6" t="s">
        <v>14</v>
      </c>
    </row>
    <row r="26044" spans="1:12">
      <c r="A26044" s="6" t="s">
        <v>26406</v>
      </c>
      <c r="B26044" s="6"/>
      <c r="C26044" s="6" t="s">
        <v>26427</v>
      </c>
      <c r="D26044" s="6"/>
      <c r="E26044" s="6" t="s">
        <v>9</v>
      </c>
      <c r="F26044" s="7">
        <v>38657</v>
      </c>
      <c r="G26044" s="8">
        <v>1441584</v>
      </c>
      <c r="H26044" s="8">
        <v>1441584</v>
      </c>
      <c r="I26044" s="8">
        <v>0</v>
      </c>
      <c r="J26044" s="8">
        <v>1441584</v>
      </c>
      <c r="K26044" s="9">
        <v>282</v>
      </c>
      <c r="L26044" s="6" t="s">
        <v>14</v>
      </c>
    </row>
    <row r="26045" spans="1:12">
      <c r="A26045" s="6" t="s">
        <v>26406</v>
      </c>
      <c r="B26045" s="6"/>
      <c r="C26045" s="6" t="s">
        <v>26428</v>
      </c>
      <c r="D26045" s="6"/>
      <c r="E26045" s="6" t="s">
        <v>9</v>
      </c>
      <c r="F26045" s="7">
        <v>38657</v>
      </c>
      <c r="G26045" s="8">
        <v>2970072</v>
      </c>
      <c r="H26045" s="8">
        <v>2970072</v>
      </c>
      <c r="I26045" s="8">
        <v>0</v>
      </c>
      <c r="J26045" s="8">
        <v>2970072</v>
      </c>
      <c r="K26045" s="9">
        <v>581</v>
      </c>
      <c r="L26045" s="6" t="s">
        <v>14</v>
      </c>
    </row>
    <row r="26046" spans="1:12">
      <c r="A26046" s="6" t="s">
        <v>26406</v>
      </c>
      <c r="B26046" s="6"/>
      <c r="C26046" s="6" t="s">
        <v>26429</v>
      </c>
      <c r="D26046" s="6"/>
      <c r="E26046" s="6" t="s">
        <v>9</v>
      </c>
      <c r="F26046" s="7">
        <v>38657</v>
      </c>
      <c r="G26046" s="8">
        <v>1492704</v>
      </c>
      <c r="H26046" s="8">
        <v>1492704</v>
      </c>
      <c r="I26046" s="8">
        <v>0</v>
      </c>
      <c r="J26046" s="8">
        <v>1492704</v>
      </c>
      <c r="K26046" s="9">
        <v>292</v>
      </c>
      <c r="L26046" s="6" t="s">
        <v>14</v>
      </c>
    </row>
    <row r="26047" spans="1:12">
      <c r="A26047" s="6" t="s">
        <v>26406</v>
      </c>
      <c r="B26047" s="6"/>
      <c r="C26047" s="6" t="s">
        <v>26430</v>
      </c>
      <c r="D26047" s="6"/>
      <c r="E26047" s="6" t="s">
        <v>9</v>
      </c>
      <c r="F26047" s="7">
        <v>38657</v>
      </c>
      <c r="G26047" s="8">
        <v>1487592</v>
      </c>
      <c r="H26047" s="8">
        <v>1487592</v>
      </c>
      <c r="I26047" s="8">
        <v>0</v>
      </c>
      <c r="J26047" s="8">
        <v>1487592</v>
      </c>
      <c r="K26047" s="9">
        <v>291</v>
      </c>
      <c r="L26047" s="6" t="s">
        <v>14</v>
      </c>
    </row>
    <row r="26048" spans="1:12">
      <c r="A26048" s="6" t="s">
        <v>26406</v>
      </c>
      <c r="B26048" s="6"/>
      <c r="C26048" s="6" t="s">
        <v>26431</v>
      </c>
      <c r="D26048" s="6"/>
      <c r="E26048" s="6" t="s">
        <v>9</v>
      </c>
      <c r="F26048" s="7">
        <v>38657</v>
      </c>
      <c r="G26048" s="8">
        <v>3379032</v>
      </c>
      <c r="H26048" s="8">
        <v>3379032</v>
      </c>
      <c r="I26048" s="8">
        <v>0</v>
      </c>
      <c r="J26048" s="8">
        <v>3379032</v>
      </c>
      <c r="K26048" s="9">
        <v>661</v>
      </c>
      <c r="L26048" s="6" t="s">
        <v>14</v>
      </c>
    </row>
    <row r="26049" spans="1:12">
      <c r="A26049" s="6" t="s">
        <v>26406</v>
      </c>
      <c r="B26049" s="6"/>
      <c r="C26049" s="6" t="s">
        <v>26432</v>
      </c>
      <c r="D26049" s="6"/>
      <c r="E26049" s="6" t="s">
        <v>9</v>
      </c>
      <c r="F26049" s="7">
        <v>38657</v>
      </c>
      <c r="G26049" s="8">
        <v>1451808</v>
      </c>
      <c r="H26049" s="8">
        <v>1451808</v>
      </c>
      <c r="I26049" s="8">
        <v>0</v>
      </c>
      <c r="J26049" s="8">
        <v>1451808</v>
      </c>
      <c r="K26049" s="9">
        <v>284</v>
      </c>
      <c r="L26049" s="6" t="s">
        <v>14</v>
      </c>
    </row>
    <row r="26050" spans="1:12">
      <c r="A26050" s="6" t="s">
        <v>26406</v>
      </c>
      <c r="B26050" s="6"/>
      <c r="C26050" s="6" t="s">
        <v>26433</v>
      </c>
      <c r="D26050" s="6"/>
      <c r="E26050" s="6" t="s">
        <v>9</v>
      </c>
      <c r="F26050" s="7">
        <v>38657</v>
      </c>
      <c r="G26050" s="8">
        <v>1446696</v>
      </c>
      <c r="H26050" s="8">
        <v>1446696</v>
      </c>
      <c r="I26050" s="8">
        <v>0</v>
      </c>
      <c r="J26050" s="8">
        <v>1446696</v>
      </c>
      <c r="K26050" s="9">
        <v>283</v>
      </c>
      <c r="L26050" s="6" t="s">
        <v>14</v>
      </c>
    </row>
    <row r="26051" spans="1:12">
      <c r="A26051" s="6" t="s">
        <v>26406</v>
      </c>
      <c r="B26051" s="6"/>
      <c r="C26051" s="6" t="s">
        <v>26434</v>
      </c>
      <c r="D26051" s="6"/>
      <c r="E26051" s="6" t="s">
        <v>9</v>
      </c>
      <c r="F26051" s="7">
        <v>38657</v>
      </c>
      <c r="G26051" s="8">
        <v>1359792</v>
      </c>
      <c r="H26051" s="8">
        <v>1359792</v>
      </c>
      <c r="I26051" s="8">
        <v>0</v>
      </c>
      <c r="J26051" s="8">
        <v>1359792</v>
      </c>
      <c r="K26051" s="9">
        <v>266</v>
      </c>
      <c r="L26051" s="6" t="s">
        <v>14</v>
      </c>
    </row>
    <row r="26052" spans="1:12">
      <c r="A26052" s="6" t="s">
        <v>26406</v>
      </c>
      <c r="B26052" s="6"/>
      <c r="C26052" s="6" t="s">
        <v>26435</v>
      </c>
      <c r="D26052" s="6"/>
      <c r="E26052" s="6" t="s">
        <v>9</v>
      </c>
      <c r="F26052" s="7">
        <v>38657</v>
      </c>
      <c r="G26052" s="8">
        <v>1594944</v>
      </c>
      <c r="H26052" s="8">
        <v>1594944</v>
      </c>
      <c r="I26052" s="8">
        <v>0</v>
      </c>
      <c r="J26052" s="8">
        <v>1594944</v>
      </c>
      <c r="K26052" s="9">
        <v>312</v>
      </c>
      <c r="L26052" s="6" t="s">
        <v>14</v>
      </c>
    </row>
    <row r="26053" spans="1:12">
      <c r="A26053" s="6" t="s">
        <v>26406</v>
      </c>
      <c r="B26053" s="6"/>
      <c r="C26053" s="6" t="s">
        <v>26436</v>
      </c>
      <c r="D26053" s="6"/>
      <c r="E26053" s="6" t="s">
        <v>9</v>
      </c>
      <c r="F26053" s="7">
        <v>38657</v>
      </c>
      <c r="G26053" s="8">
        <v>1456920</v>
      </c>
      <c r="H26053" s="8">
        <v>1456920</v>
      </c>
      <c r="I26053" s="8">
        <v>0</v>
      </c>
      <c r="J26053" s="8">
        <v>1456920</v>
      </c>
      <c r="K26053" s="9">
        <v>285</v>
      </c>
      <c r="L26053" s="6" t="s">
        <v>14</v>
      </c>
    </row>
    <row r="26054" spans="1:12">
      <c r="A26054" s="6" t="s">
        <v>26406</v>
      </c>
      <c r="B26054" s="6"/>
      <c r="C26054" s="6" t="s">
        <v>26437</v>
      </c>
      <c r="D26054" s="6"/>
      <c r="E26054" s="6" t="s">
        <v>9</v>
      </c>
      <c r="F26054" s="7">
        <v>38657</v>
      </c>
      <c r="G26054" s="8">
        <v>1472256</v>
      </c>
      <c r="H26054" s="8">
        <v>1472256</v>
      </c>
      <c r="I26054" s="8">
        <v>0</v>
      </c>
      <c r="J26054" s="8">
        <v>1472256</v>
      </c>
      <c r="K26054" s="9">
        <v>288</v>
      </c>
      <c r="L26054" s="6" t="s">
        <v>14</v>
      </c>
    </row>
    <row r="26055" spans="1:12">
      <c r="A26055" s="6" t="s">
        <v>26406</v>
      </c>
      <c r="B26055" s="6"/>
      <c r="C26055" s="6" t="s">
        <v>26438</v>
      </c>
      <c r="D26055" s="6"/>
      <c r="E26055" s="6" t="s">
        <v>9</v>
      </c>
      <c r="F26055" s="7">
        <v>38657</v>
      </c>
      <c r="G26055" s="8">
        <v>1426248</v>
      </c>
      <c r="H26055" s="8">
        <v>1426248</v>
      </c>
      <c r="I26055" s="8">
        <v>0</v>
      </c>
      <c r="J26055" s="8">
        <v>1426248</v>
      </c>
      <c r="K26055" s="9">
        <v>279</v>
      </c>
      <c r="L26055" s="6" t="s">
        <v>14</v>
      </c>
    </row>
    <row r="26056" spans="1:12">
      <c r="A26056" s="6" t="s">
        <v>26406</v>
      </c>
      <c r="B26056" s="6"/>
      <c r="C26056" s="6" t="s">
        <v>26439</v>
      </c>
      <c r="D26056" s="6"/>
      <c r="E26056" s="6" t="s">
        <v>9</v>
      </c>
      <c r="F26056" s="7">
        <v>38657</v>
      </c>
      <c r="G26056" s="8">
        <v>4115160</v>
      </c>
      <c r="H26056" s="8">
        <v>4115160</v>
      </c>
      <c r="I26056" s="8">
        <v>0</v>
      </c>
      <c r="J26056" s="8">
        <v>4115160</v>
      </c>
      <c r="K26056" s="9">
        <v>805</v>
      </c>
      <c r="L26056" s="6" t="s">
        <v>14</v>
      </c>
    </row>
    <row r="26057" spans="1:12">
      <c r="A26057" s="6" t="s">
        <v>26406</v>
      </c>
      <c r="B26057" s="6"/>
      <c r="C26057" s="6" t="s">
        <v>26440</v>
      </c>
      <c r="D26057" s="6"/>
      <c r="E26057" s="6" t="s">
        <v>9</v>
      </c>
      <c r="F26057" s="7">
        <v>38657</v>
      </c>
      <c r="G26057" s="8">
        <v>3271680</v>
      </c>
      <c r="H26057" s="8">
        <v>3271680</v>
      </c>
      <c r="I26057" s="8">
        <v>0</v>
      </c>
      <c r="J26057" s="8">
        <v>3271680</v>
      </c>
      <c r="K26057" s="9">
        <v>640</v>
      </c>
      <c r="L26057" s="6" t="s">
        <v>14</v>
      </c>
    </row>
    <row r="26058" spans="1:12">
      <c r="A26058" s="6" t="s">
        <v>26406</v>
      </c>
      <c r="B26058" s="6"/>
      <c r="C26058" s="6" t="s">
        <v>26441</v>
      </c>
      <c r="D26058" s="6"/>
      <c r="E26058" s="6" t="s">
        <v>9</v>
      </c>
      <c r="F26058" s="7">
        <v>38657</v>
      </c>
      <c r="G26058" s="8">
        <v>1840320</v>
      </c>
      <c r="H26058" s="8">
        <v>1840320</v>
      </c>
      <c r="I26058" s="8">
        <v>0</v>
      </c>
      <c r="J26058" s="8">
        <v>1840320</v>
      </c>
      <c r="K26058" s="9">
        <v>360</v>
      </c>
      <c r="L26058" s="6" t="s">
        <v>14</v>
      </c>
    </row>
    <row r="26059" spans="1:12">
      <c r="A26059" s="6" t="s">
        <v>26406</v>
      </c>
      <c r="B26059" s="6"/>
      <c r="C26059" s="6" t="s">
        <v>26442</v>
      </c>
      <c r="D26059" s="6"/>
      <c r="E26059" s="6" t="s">
        <v>9</v>
      </c>
      <c r="F26059" s="7">
        <v>38657</v>
      </c>
      <c r="G26059" s="8">
        <v>1467144</v>
      </c>
      <c r="H26059" s="8">
        <v>1467144</v>
      </c>
      <c r="I26059" s="8">
        <v>0</v>
      </c>
      <c r="J26059" s="8">
        <v>1467144</v>
      </c>
      <c r="K26059" s="9">
        <v>287</v>
      </c>
      <c r="L26059" s="6" t="s">
        <v>14</v>
      </c>
    </row>
    <row r="26060" spans="1:12">
      <c r="A26060" s="6" t="s">
        <v>26406</v>
      </c>
      <c r="B26060" s="6"/>
      <c r="C26060" s="6" t="s">
        <v>26443</v>
      </c>
      <c r="D26060" s="6"/>
      <c r="E26060" s="6" t="s">
        <v>9</v>
      </c>
      <c r="F26060" s="7">
        <v>38657</v>
      </c>
      <c r="G26060" s="8">
        <v>5173344</v>
      </c>
      <c r="H26060" s="8">
        <v>5173344</v>
      </c>
      <c r="I26060" s="8">
        <v>0</v>
      </c>
      <c r="J26060" s="8">
        <v>5173344</v>
      </c>
      <c r="K26060" s="9">
        <v>1012</v>
      </c>
      <c r="L26060" s="6" t="s">
        <v>14</v>
      </c>
    </row>
    <row r="26061" spans="1:12">
      <c r="A26061" s="6" t="s">
        <v>26406</v>
      </c>
      <c r="B26061" s="6"/>
      <c r="C26061" s="6" t="s">
        <v>26444</v>
      </c>
      <c r="D26061" s="6"/>
      <c r="E26061" s="6" t="s">
        <v>9</v>
      </c>
      <c r="F26061" s="7">
        <v>38657</v>
      </c>
      <c r="G26061" s="8">
        <v>2075472</v>
      </c>
      <c r="H26061" s="8">
        <v>2075472</v>
      </c>
      <c r="I26061" s="8">
        <v>0</v>
      </c>
      <c r="J26061" s="8">
        <v>2075472</v>
      </c>
      <c r="K26061" s="9">
        <v>406</v>
      </c>
      <c r="L26061" s="6" t="s">
        <v>14</v>
      </c>
    </row>
    <row r="26062" spans="1:12">
      <c r="A26062" s="6" t="s">
        <v>26406</v>
      </c>
      <c r="B26062" s="6"/>
      <c r="C26062" s="6" t="s">
        <v>26445</v>
      </c>
      <c r="D26062" s="6"/>
      <c r="E26062" s="6" t="s">
        <v>9</v>
      </c>
      <c r="F26062" s="7">
        <v>38657</v>
      </c>
      <c r="G26062" s="8">
        <v>3169440</v>
      </c>
      <c r="H26062" s="8">
        <v>3169440</v>
      </c>
      <c r="I26062" s="8">
        <v>0</v>
      </c>
      <c r="J26062" s="8">
        <v>3169440</v>
      </c>
      <c r="K26062" s="9">
        <v>620</v>
      </c>
      <c r="L26062" s="6" t="s">
        <v>14</v>
      </c>
    </row>
    <row r="26063" spans="1:12">
      <c r="A26063" s="6" t="s">
        <v>26406</v>
      </c>
      <c r="B26063" s="6"/>
      <c r="C26063" s="6" t="s">
        <v>26446</v>
      </c>
      <c r="D26063" s="6"/>
      <c r="E26063" s="6" t="s">
        <v>9</v>
      </c>
      <c r="F26063" s="7">
        <v>38657</v>
      </c>
      <c r="G26063" s="8">
        <v>2816712</v>
      </c>
      <c r="H26063" s="8">
        <v>2816712</v>
      </c>
      <c r="I26063" s="8">
        <v>0</v>
      </c>
      <c r="J26063" s="8">
        <v>2816712</v>
      </c>
      <c r="K26063" s="9">
        <v>551</v>
      </c>
      <c r="L26063" s="6" t="s">
        <v>14</v>
      </c>
    </row>
    <row r="26064" spans="1:12">
      <c r="A26064" s="6" t="s">
        <v>26406</v>
      </c>
      <c r="B26064" s="6"/>
      <c r="C26064" s="6" t="s">
        <v>26447</v>
      </c>
      <c r="D26064" s="6"/>
      <c r="E26064" s="6" t="s">
        <v>9</v>
      </c>
      <c r="F26064" s="7">
        <v>38657</v>
      </c>
      <c r="G26064" s="8">
        <v>3333024</v>
      </c>
      <c r="H26064" s="8">
        <v>3333024</v>
      </c>
      <c r="I26064" s="8">
        <v>0</v>
      </c>
      <c r="J26064" s="8">
        <v>3333024</v>
      </c>
      <c r="K26064" s="9">
        <v>652</v>
      </c>
      <c r="L26064" s="6" t="s">
        <v>14</v>
      </c>
    </row>
    <row r="26065" spans="1:12">
      <c r="A26065" s="6" t="s">
        <v>26406</v>
      </c>
      <c r="B26065" s="6"/>
      <c r="C26065" s="6" t="s">
        <v>26448</v>
      </c>
      <c r="D26065" s="6"/>
      <c r="E26065" s="6" t="s">
        <v>9</v>
      </c>
      <c r="F26065" s="7">
        <v>38657</v>
      </c>
      <c r="G26065" s="8">
        <v>1518264</v>
      </c>
      <c r="H26065" s="8">
        <v>1518264</v>
      </c>
      <c r="I26065" s="8">
        <v>0</v>
      </c>
      <c r="J26065" s="8">
        <v>1518264</v>
      </c>
      <c r="K26065" s="9">
        <v>297</v>
      </c>
      <c r="L26065" s="6" t="s">
        <v>14</v>
      </c>
    </row>
    <row r="26066" spans="1:12">
      <c r="A26066" s="6" t="s">
        <v>26406</v>
      </c>
      <c r="B26066" s="6"/>
      <c r="C26066" s="6" t="s">
        <v>26449</v>
      </c>
      <c r="D26066" s="6"/>
      <c r="E26066" s="6" t="s">
        <v>9</v>
      </c>
      <c r="F26066" s="7">
        <v>38657</v>
      </c>
      <c r="G26066" s="8">
        <v>587880</v>
      </c>
      <c r="H26066" s="8">
        <v>587880</v>
      </c>
      <c r="I26066" s="8">
        <v>0</v>
      </c>
      <c r="J26066" s="8">
        <v>587880</v>
      </c>
      <c r="K26066" s="9">
        <v>115</v>
      </c>
      <c r="L26066" s="6" t="s">
        <v>14</v>
      </c>
    </row>
    <row r="26067" spans="1:12">
      <c r="A26067" s="6" t="s">
        <v>26406</v>
      </c>
      <c r="B26067" s="6"/>
      <c r="C26067" s="6" t="s">
        <v>26450</v>
      </c>
      <c r="D26067" s="6"/>
      <c r="E26067" s="6" t="s">
        <v>9</v>
      </c>
      <c r="F26067" s="7">
        <v>38657</v>
      </c>
      <c r="G26067" s="8">
        <v>20908</v>
      </c>
      <c r="H26067" s="8">
        <v>20908</v>
      </c>
      <c r="I26067" s="8">
        <v>0</v>
      </c>
      <c r="J26067" s="8">
        <v>20908</v>
      </c>
      <c r="K26067" s="9">
        <v>4.09</v>
      </c>
      <c r="L26067" s="6" t="s">
        <v>14</v>
      </c>
    </row>
    <row r="26068" spans="1:12">
      <c r="A26068" s="6" t="s">
        <v>26406</v>
      </c>
      <c r="B26068" s="6"/>
      <c r="C26068" s="6" t="s">
        <v>26451</v>
      </c>
      <c r="D26068" s="6"/>
      <c r="E26068" s="6" t="s">
        <v>9</v>
      </c>
      <c r="F26068" s="7">
        <v>38657</v>
      </c>
      <c r="G26068" s="8">
        <v>4519008</v>
      </c>
      <c r="H26068" s="8">
        <v>4519008</v>
      </c>
      <c r="I26068" s="8">
        <v>0</v>
      </c>
      <c r="J26068" s="8">
        <v>4519008</v>
      </c>
      <c r="K26068" s="9">
        <v>884</v>
      </c>
      <c r="L26068" s="6" t="s">
        <v>14</v>
      </c>
    </row>
    <row r="26069" spans="1:12">
      <c r="A26069" s="6" t="s">
        <v>26406</v>
      </c>
      <c r="B26069" s="6"/>
      <c r="C26069" s="6" t="s">
        <v>26452</v>
      </c>
      <c r="D26069" s="6"/>
      <c r="E26069" s="6" t="s">
        <v>9</v>
      </c>
      <c r="F26069" s="7">
        <v>38657</v>
      </c>
      <c r="G26069" s="8">
        <v>1206432</v>
      </c>
      <c r="H26069" s="8">
        <v>1206432</v>
      </c>
      <c r="I26069" s="8">
        <v>0</v>
      </c>
      <c r="J26069" s="8">
        <v>1206432</v>
      </c>
      <c r="K26069" s="9">
        <v>236</v>
      </c>
      <c r="L26069" s="6" t="s">
        <v>14</v>
      </c>
    </row>
    <row r="26070" spans="1:12">
      <c r="A26070" s="6" t="s">
        <v>26406</v>
      </c>
      <c r="B26070" s="6"/>
      <c r="C26070" s="6" t="s">
        <v>26453</v>
      </c>
      <c r="D26070" s="6"/>
      <c r="E26070" s="6" t="s">
        <v>9</v>
      </c>
      <c r="F26070" s="7">
        <v>38657</v>
      </c>
      <c r="G26070" s="8">
        <v>1702296</v>
      </c>
      <c r="H26070" s="8">
        <v>1702296</v>
      </c>
      <c r="I26070" s="8">
        <v>0</v>
      </c>
      <c r="J26070" s="8">
        <v>1702296</v>
      </c>
      <c r="K26070" s="9">
        <v>333</v>
      </c>
      <c r="L26070" s="6" t="s">
        <v>14</v>
      </c>
    </row>
    <row r="26071" spans="1:12">
      <c r="A26071" s="6" t="s">
        <v>26406</v>
      </c>
      <c r="B26071" s="6"/>
      <c r="C26071" s="6" t="s">
        <v>26454</v>
      </c>
      <c r="D26071" s="6"/>
      <c r="E26071" s="6" t="s">
        <v>9</v>
      </c>
      <c r="F26071" s="7">
        <v>38657</v>
      </c>
      <c r="G26071" s="8">
        <v>3808440</v>
      </c>
      <c r="H26071" s="8">
        <v>3808440</v>
      </c>
      <c r="I26071" s="8">
        <v>0</v>
      </c>
      <c r="J26071" s="8">
        <v>3808440</v>
      </c>
      <c r="K26071" s="9">
        <v>745</v>
      </c>
      <c r="L26071" s="6" t="s">
        <v>14</v>
      </c>
    </row>
    <row r="26072" spans="1:12">
      <c r="A26072" s="6" t="s">
        <v>26406</v>
      </c>
      <c r="B26072" s="6"/>
      <c r="C26072" s="6" t="s">
        <v>26455</v>
      </c>
      <c r="D26072" s="6"/>
      <c r="E26072" s="6" t="s">
        <v>9</v>
      </c>
      <c r="F26072" s="7">
        <v>38657</v>
      </c>
      <c r="G26072" s="8">
        <v>720792</v>
      </c>
      <c r="H26072" s="8">
        <v>720792</v>
      </c>
      <c r="I26072" s="8">
        <v>0</v>
      </c>
      <c r="J26072" s="8">
        <v>720792</v>
      </c>
      <c r="K26072" s="9">
        <v>141</v>
      </c>
      <c r="L26072" s="6" t="s">
        <v>14</v>
      </c>
    </row>
    <row r="26073" spans="1:12">
      <c r="A26073" s="6" t="s">
        <v>26406</v>
      </c>
      <c r="B26073" s="6"/>
      <c r="C26073" s="6" t="s">
        <v>26456</v>
      </c>
      <c r="D26073" s="6"/>
      <c r="E26073" s="6" t="s">
        <v>9</v>
      </c>
      <c r="F26073" s="7">
        <v>38657</v>
      </c>
      <c r="G26073" s="8">
        <v>7591320</v>
      </c>
      <c r="H26073" s="8">
        <v>7591320</v>
      </c>
      <c r="I26073" s="8">
        <v>0</v>
      </c>
      <c r="J26073" s="8">
        <v>7591320</v>
      </c>
      <c r="K26073" s="9">
        <v>1485</v>
      </c>
      <c r="L26073" s="6" t="s">
        <v>14</v>
      </c>
    </row>
    <row r="26074" spans="1:12">
      <c r="A26074" s="6" t="s">
        <v>26406</v>
      </c>
      <c r="B26074" s="6"/>
      <c r="C26074" s="6" t="s">
        <v>26457</v>
      </c>
      <c r="D26074" s="6"/>
      <c r="E26074" s="6" t="s">
        <v>9</v>
      </c>
      <c r="F26074" s="7">
        <v>38657</v>
      </c>
      <c r="G26074" s="8">
        <v>7698672</v>
      </c>
      <c r="H26074" s="8">
        <v>7698672</v>
      </c>
      <c r="I26074" s="8">
        <v>0</v>
      </c>
      <c r="J26074" s="8">
        <v>7698672</v>
      </c>
      <c r="K26074" s="9">
        <v>1506</v>
      </c>
      <c r="L26074" s="6" t="s">
        <v>14</v>
      </c>
    </row>
    <row r="26075" spans="1:12">
      <c r="A26075" s="6" t="s">
        <v>26406</v>
      </c>
      <c r="B26075" s="6"/>
      <c r="C26075" s="6" t="s">
        <v>26458</v>
      </c>
      <c r="D26075" s="6"/>
      <c r="E26075" s="6" t="s">
        <v>9</v>
      </c>
      <c r="F26075" s="7">
        <v>38657</v>
      </c>
      <c r="G26075" s="8">
        <v>6195744</v>
      </c>
      <c r="H26075" s="8">
        <v>6195744</v>
      </c>
      <c r="I26075" s="8">
        <v>0</v>
      </c>
      <c r="J26075" s="8">
        <v>6195744</v>
      </c>
      <c r="K26075" s="9">
        <v>1212</v>
      </c>
      <c r="L26075" s="6" t="s">
        <v>14</v>
      </c>
    </row>
    <row r="26076" spans="1:12">
      <c r="A26076" s="6" t="s">
        <v>26406</v>
      </c>
      <c r="B26076" s="6"/>
      <c r="C26076" s="6" t="s">
        <v>26459</v>
      </c>
      <c r="D26076" s="6"/>
      <c r="E26076" s="6" t="s">
        <v>9</v>
      </c>
      <c r="F26076" s="7">
        <v>38657</v>
      </c>
      <c r="G26076" s="8">
        <v>2351520</v>
      </c>
      <c r="H26076" s="8">
        <v>2351520</v>
      </c>
      <c r="I26076" s="8">
        <v>0</v>
      </c>
      <c r="J26076" s="8">
        <v>2351520</v>
      </c>
      <c r="K26076" s="9">
        <v>460</v>
      </c>
      <c r="L26076" s="6" t="s">
        <v>14</v>
      </c>
    </row>
    <row r="26077" spans="1:12">
      <c r="A26077" s="6" t="s">
        <v>26406</v>
      </c>
      <c r="B26077" s="6"/>
      <c r="C26077" s="6" t="s">
        <v>26460</v>
      </c>
      <c r="D26077" s="6"/>
      <c r="E26077" s="6" t="s">
        <v>9</v>
      </c>
      <c r="F26077" s="7">
        <v>38657</v>
      </c>
      <c r="G26077" s="8">
        <v>1753416</v>
      </c>
      <c r="H26077" s="8">
        <v>1753416</v>
      </c>
      <c r="I26077" s="8">
        <v>0</v>
      </c>
      <c r="J26077" s="8">
        <v>1753416</v>
      </c>
      <c r="K26077" s="9">
        <v>343</v>
      </c>
      <c r="L26077" s="6" t="s">
        <v>14</v>
      </c>
    </row>
    <row r="26078" spans="1:12">
      <c r="A26078" s="6" t="s">
        <v>26406</v>
      </c>
      <c r="B26078" s="6"/>
      <c r="C26078" s="6" t="s">
        <v>26461</v>
      </c>
      <c r="D26078" s="6"/>
      <c r="E26078" s="6" t="s">
        <v>9</v>
      </c>
      <c r="F26078" s="7">
        <v>38657</v>
      </c>
      <c r="G26078" s="8">
        <v>1533600</v>
      </c>
      <c r="H26078" s="8">
        <v>1533600</v>
      </c>
      <c r="I26078" s="8">
        <v>0</v>
      </c>
      <c r="J26078" s="8">
        <v>1533600</v>
      </c>
      <c r="K26078" s="9">
        <v>300</v>
      </c>
      <c r="L26078" s="6" t="s">
        <v>14</v>
      </c>
    </row>
    <row r="26079" spans="1:12">
      <c r="A26079" s="6" t="s">
        <v>26406</v>
      </c>
      <c r="B26079" s="6"/>
      <c r="C26079" s="6" t="s">
        <v>26462</v>
      </c>
      <c r="D26079" s="6"/>
      <c r="E26079" s="6" t="s">
        <v>9</v>
      </c>
      <c r="F26079" s="7">
        <v>38657</v>
      </c>
      <c r="G26079" s="8">
        <v>454968</v>
      </c>
      <c r="H26079" s="8">
        <v>454968</v>
      </c>
      <c r="I26079" s="8">
        <v>0</v>
      </c>
      <c r="J26079" s="8">
        <v>454968</v>
      </c>
      <c r="K26079" s="9">
        <v>89</v>
      </c>
      <c r="L26079" s="6" t="s">
        <v>14</v>
      </c>
    </row>
    <row r="26080" spans="1:12">
      <c r="A26080" s="6" t="s">
        <v>26406</v>
      </c>
      <c r="B26080" s="6"/>
      <c r="C26080" s="6" t="s">
        <v>26463</v>
      </c>
      <c r="D26080" s="6"/>
      <c r="E26080" s="6" t="s">
        <v>9</v>
      </c>
      <c r="F26080" s="7">
        <v>38657</v>
      </c>
      <c r="G26080" s="8">
        <v>3036528</v>
      </c>
      <c r="H26080" s="8">
        <v>3036528</v>
      </c>
      <c r="I26080" s="8">
        <v>0</v>
      </c>
      <c r="J26080" s="8">
        <v>3036528</v>
      </c>
      <c r="K26080" s="9">
        <v>594</v>
      </c>
      <c r="L26080" s="6" t="s">
        <v>14</v>
      </c>
    </row>
    <row r="26081" spans="1:12">
      <c r="A26081" s="6" t="s">
        <v>26406</v>
      </c>
      <c r="B26081" s="6"/>
      <c r="C26081" s="6" t="s">
        <v>26464</v>
      </c>
      <c r="D26081" s="6"/>
      <c r="E26081" s="6" t="s">
        <v>9</v>
      </c>
      <c r="F26081" s="7">
        <v>38657</v>
      </c>
      <c r="G26081" s="8">
        <v>2683800</v>
      </c>
      <c r="H26081" s="8">
        <v>2683800</v>
      </c>
      <c r="I26081" s="8">
        <v>0</v>
      </c>
      <c r="J26081" s="8">
        <v>2683800</v>
      </c>
      <c r="K26081" s="9">
        <v>525</v>
      </c>
      <c r="L26081" s="6" t="s">
        <v>14</v>
      </c>
    </row>
    <row r="26082" spans="1:12">
      <c r="A26082" s="6" t="s">
        <v>26406</v>
      </c>
      <c r="B26082" s="6"/>
      <c r="C26082" s="6" t="s">
        <v>26465</v>
      </c>
      <c r="D26082" s="6"/>
      <c r="E26082" s="6" t="s">
        <v>9</v>
      </c>
      <c r="F26082" s="7">
        <v>38657</v>
      </c>
      <c r="G26082" s="8">
        <v>14288040</v>
      </c>
      <c r="H26082" s="8">
        <v>14288040</v>
      </c>
      <c r="I26082" s="8">
        <v>0</v>
      </c>
      <c r="J26082" s="8">
        <v>14288040</v>
      </c>
      <c r="K26082" s="9">
        <v>2795</v>
      </c>
      <c r="L26082" s="6" t="s">
        <v>14</v>
      </c>
    </row>
    <row r="26083" spans="1:12">
      <c r="A26083" s="6" t="s">
        <v>26406</v>
      </c>
      <c r="B26083" s="6"/>
      <c r="C26083" s="6" t="s">
        <v>26466</v>
      </c>
      <c r="D26083" s="6"/>
      <c r="E26083" s="6" t="s">
        <v>9</v>
      </c>
      <c r="F26083" s="7">
        <v>38657</v>
      </c>
      <c r="G26083" s="8">
        <v>7591320</v>
      </c>
      <c r="H26083" s="8">
        <v>7591320</v>
      </c>
      <c r="I26083" s="8">
        <v>0</v>
      </c>
      <c r="J26083" s="8">
        <v>7591320</v>
      </c>
      <c r="K26083" s="9">
        <v>1485</v>
      </c>
      <c r="L26083" s="6" t="s">
        <v>14</v>
      </c>
    </row>
    <row r="26084" spans="1:12">
      <c r="A26084" s="6" t="s">
        <v>26406</v>
      </c>
      <c r="B26084" s="6"/>
      <c r="C26084" s="6" t="s">
        <v>26467</v>
      </c>
      <c r="D26084" s="6"/>
      <c r="E26084" s="6" t="s">
        <v>9</v>
      </c>
      <c r="F26084" s="7">
        <v>38657</v>
      </c>
      <c r="G26084" s="8">
        <v>7734456</v>
      </c>
      <c r="H26084" s="8">
        <v>7734456</v>
      </c>
      <c r="I26084" s="8">
        <v>0</v>
      </c>
      <c r="J26084" s="8">
        <v>7734456</v>
      </c>
      <c r="K26084" s="9">
        <v>1513</v>
      </c>
      <c r="L26084" s="6" t="s">
        <v>14</v>
      </c>
    </row>
    <row r="26085" spans="1:12">
      <c r="A26085" s="6" t="s">
        <v>26406</v>
      </c>
      <c r="B26085" s="6"/>
      <c r="C26085" s="6" t="s">
        <v>26468</v>
      </c>
      <c r="D26085" s="6"/>
      <c r="E26085" s="6" t="s">
        <v>9</v>
      </c>
      <c r="F26085" s="7">
        <v>38657</v>
      </c>
      <c r="G26085" s="8">
        <v>6073056</v>
      </c>
      <c r="H26085" s="8">
        <v>6073056</v>
      </c>
      <c r="I26085" s="8">
        <v>0</v>
      </c>
      <c r="J26085" s="8">
        <v>6073056</v>
      </c>
      <c r="K26085" s="9">
        <v>1188</v>
      </c>
      <c r="L26085" s="6" t="s">
        <v>14</v>
      </c>
    </row>
    <row r="26086" spans="1:12">
      <c r="A26086" s="6" t="s">
        <v>26406</v>
      </c>
      <c r="B26086" s="6"/>
      <c r="C26086" s="6" t="s">
        <v>26469</v>
      </c>
      <c r="D26086" s="6"/>
      <c r="E26086" s="6" t="s">
        <v>9</v>
      </c>
      <c r="F26086" s="7">
        <v>38657</v>
      </c>
      <c r="G26086" s="8">
        <v>3307464</v>
      </c>
      <c r="H26086" s="8">
        <v>3307464</v>
      </c>
      <c r="I26086" s="8">
        <v>0</v>
      </c>
      <c r="J26086" s="8">
        <v>3307464</v>
      </c>
      <c r="K26086" s="9">
        <v>647</v>
      </c>
      <c r="L26086" s="6" t="s">
        <v>14</v>
      </c>
    </row>
    <row r="26087" spans="1:12">
      <c r="A26087" s="6" t="s">
        <v>26406</v>
      </c>
      <c r="B26087" s="6"/>
      <c r="C26087" s="6" t="s">
        <v>26470</v>
      </c>
      <c r="D26087" s="6"/>
      <c r="E26087" s="6" t="s">
        <v>9</v>
      </c>
      <c r="F26087" s="7">
        <v>38657</v>
      </c>
      <c r="G26087" s="8">
        <v>1625616</v>
      </c>
      <c r="H26087" s="8">
        <v>1625616</v>
      </c>
      <c r="I26087" s="8">
        <v>0</v>
      </c>
      <c r="J26087" s="8">
        <v>1625616</v>
      </c>
      <c r="K26087" s="9">
        <v>318</v>
      </c>
      <c r="L26087" s="6" t="s">
        <v>14</v>
      </c>
    </row>
    <row r="26088" spans="1:12">
      <c r="A26088" s="6" t="s">
        <v>26406</v>
      </c>
      <c r="B26088" s="6"/>
      <c r="C26088" s="6" t="s">
        <v>26471</v>
      </c>
      <c r="D26088" s="6"/>
      <c r="E26088" s="6" t="s">
        <v>9</v>
      </c>
      <c r="F26088" s="7">
        <v>38657</v>
      </c>
      <c r="G26088" s="8">
        <v>4278744</v>
      </c>
      <c r="H26088" s="8">
        <v>4278744</v>
      </c>
      <c r="I26088" s="8">
        <v>0</v>
      </c>
      <c r="J26088" s="8">
        <v>4278744</v>
      </c>
      <c r="K26088" s="9">
        <v>837</v>
      </c>
      <c r="L26088" s="6" t="s">
        <v>14</v>
      </c>
    </row>
    <row r="26089" spans="1:12">
      <c r="A26089" s="6" t="s">
        <v>26406</v>
      </c>
      <c r="B26089" s="6"/>
      <c r="C26089" s="6" t="s">
        <v>26472</v>
      </c>
      <c r="D26089" s="6"/>
      <c r="E26089" s="6" t="s">
        <v>9</v>
      </c>
      <c r="F26089" s="7">
        <v>38657</v>
      </c>
      <c r="G26089" s="8">
        <v>8613720</v>
      </c>
      <c r="H26089" s="8">
        <v>8613720</v>
      </c>
      <c r="I26089" s="8">
        <v>0</v>
      </c>
      <c r="J26089" s="8">
        <v>8613720</v>
      </c>
      <c r="K26089" s="9">
        <v>1685</v>
      </c>
      <c r="L26089" s="6" t="s">
        <v>14</v>
      </c>
    </row>
    <row r="26090" spans="1:12">
      <c r="A26090" s="6" t="s">
        <v>26406</v>
      </c>
      <c r="B26090" s="6"/>
      <c r="C26090" s="6" t="s">
        <v>26473</v>
      </c>
      <c r="D26090" s="6"/>
      <c r="E26090" s="6" t="s">
        <v>9</v>
      </c>
      <c r="F26090" s="7">
        <v>38657</v>
      </c>
      <c r="G26090" s="8">
        <v>6660936</v>
      </c>
      <c r="H26090" s="8">
        <v>6660936</v>
      </c>
      <c r="I26090" s="8">
        <v>0</v>
      </c>
      <c r="J26090" s="8">
        <v>6660936</v>
      </c>
      <c r="K26090" s="9">
        <v>1303</v>
      </c>
      <c r="L26090" s="6" t="s">
        <v>14</v>
      </c>
    </row>
    <row r="26091" spans="1:12">
      <c r="A26091" s="6" t="s">
        <v>26406</v>
      </c>
      <c r="B26091" s="6"/>
      <c r="C26091" s="6" t="s">
        <v>26474</v>
      </c>
      <c r="D26091" s="6"/>
      <c r="E26091" s="6" t="s">
        <v>9</v>
      </c>
      <c r="F26091" s="7">
        <v>38657</v>
      </c>
      <c r="G26091" s="8">
        <v>8603496</v>
      </c>
      <c r="H26091" s="8">
        <v>8603496</v>
      </c>
      <c r="I26091" s="8">
        <v>0</v>
      </c>
      <c r="J26091" s="8">
        <v>8603496</v>
      </c>
      <c r="K26091" s="9">
        <v>1683</v>
      </c>
      <c r="L26091" s="6" t="s">
        <v>14</v>
      </c>
    </row>
    <row r="26092" spans="1:12">
      <c r="A26092" s="6" t="s">
        <v>26406</v>
      </c>
      <c r="B26092" s="6"/>
      <c r="C26092" s="6" t="s">
        <v>26475</v>
      </c>
      <c r="D26092" s="6"/>
      <c r="E26092" s="6" t="s">
        <v>9</v>
      </c>
      <c r="F26092" s="7">
        <v>38657</v>
      </c>
      <c r="G26092" s="8">
        <v>3455712</v>
      </c>
      <c r="H26092" s="8">
        <v>3455712</v>
      </c>
      <c r="I26092" s="8">
        <v>0</v>
      </c>
      <c r="J26092" s="8">
        <v>3455712</v>
      </c>
      <c r="K26092" s="9">
        <v>676</v>
      </c>
      <c r="L26092" s="6" t="s">
        <v>14</v>
      </c>
    </row>
    <row r="26093" spans="1:12">
      <c r="A26093" s="6" t="s">
        <v>26406</v>
      </c>
      <c r="B26093" s="6"/>
      <c r="C26093" s="6" t="s">
        <v>26476</v>
      </c>
      <c r="D26093" s="6"/>
      <c r="E26093" s="6" t="s">
        <v>9</v>
      </c>
      <c r="F26093" s="7">
        <v>38657</v>
      </c>
      <c r="G26093" s="8">
        <v>3159216</v>
      </c>
      <c r="H26093" s="8">
        <v>3159216</v>
      </c>
      <c r="I26093" s="8">
        <v>0</v>
      </c>
      <c r="J26093" s="8">
        <v>3159216</v>
      </c>
      <c r="K26093" s="9">
        <v>618</v>
      </c>
      <c r="L26093" s="6" t="s">
        <v>14</v>
      </c>
    </row>
    <row r="26094" spans="1:12">
      <c r="A26094" s="6" t="s">
        <v>26406</v>
      </c>
      <c r="B26094" s="6"/>
      <c r="C26094" s="6" t="s">
        <v>26477</v>
      </c>
      <c r="D26094" s="6"/>
      <c r="E26094" s="6" t="s">
        <v>9</v>
      </c>
      <c r="F26094" s="7">
        <v>38657</v>
      </c>
      <c r="G26094" s="8">
        <v>3563064</v>
      </c>
      <c r="H26094" s="8">
        <v>3563064</v>
      </c>
      <c r="I26094" s="8">
        <v>0</v>
      </c>
      <c r="J26094" s="8">
        <v>3563064</v>
      </c>
      <c r="K26094" s="9">
        <v>697</v>
      </c>
      <c r="L26094" s="6" t="s">
        <v>14</v>
      </c>
    </row>
    <row r="26095" spans="1:12">
      <c r="A26095" s="6" t="s">
        <v>26406</v>
      </c>
      <c r="B26095" s="6"/>
      <c r="C26095" s="6" t="s">
        <v>26478</v>
      </c>
      <c r="D26095" s="6"/>
      <c r="E26095" s="6" t="s">
        <v>9</v>
      </c>
      <c r="F26095" s="7">
        <v>38657</v>
      </c>
      <c r="G26095" s="8">
        <v>11144160</v>
      </c>
      <c r="H26095" s="8">
        <v>11144160</v>
      </c>
      <c r="I26095" s="8">
        <v>0</v>
      </c>
      <c r="J26095" s="8">
        <v>11144160</v>
      </c>
      <c r="K26095" s="9">
        <v>2180</v>
      </c>
      <c r="L26095" s="6" t="s">
        <v>14</v>
      </c>
    </row>
    <row r="26096" spans="1:12">
      <c r="A26096" s="6" t="s">
        <v>26406</v>
      </c>
      <c r="B26096" s="6"/>
      <c r="C26096" s="6" t="s">
        <v>26479</v>
      </c>
      <c r="D26096" s="6"/>
      <c r="E26096" s="6" t="s">
        <v>9</v>
      </c>
      <c r="F26096" s="7">
        <v>38657</v>
      </c>
      <c r="G26096" s="8">
        <v>4186728</v>
      </c>
      <c r="H26096" s="8">
        <v>4186728</v>
      </c>
      <c r="I26096" s="8">
        <v>0</v>
      </c>
      <c r="J26096" s="8">
        <v>4186728</v>
      </c>
      <c r="K26096" s="9">
        <v>819</v>
      </c>
      <c r="L26096" s="6" t="s">
        <v>14</v>
      </c>
    </row>
    <row r="26097" spans="1:12">
      <c r="A26097" s="6" t="s">
        <v>26406</v>
      </c>
      <c r="B26097" s="6"/>
      <c r="C26097" s="6" t="s">
        <v>26480</v>
      </c>
      <c r="D26097" s="6"/>
      <c r="E26097" s="6" t="s">
        <v>9</v>
      </c>
      <c r="F26097" s="7">
        <v>38657</v>
      </c>
      <c r="G26097" s="8">
        <v>8721072</v>
      </c>
      <c r="H26097" s="8">
        <v>8721072</v>
      </c>
      <c r="I26097" s="8">
        <v>0</v>
      </c>
      <c r="J26097" s="8">
        <v>8721072</v>
      </c>
      <c r="K26097" s="9">
        <v>1706</v>
      </c>
      <c r="L26097" s="6" t="s">
        <v>14</v>
      </c>
    </row>
    <row r="26098" spans="1:12">
      <c r="A26098" s="6" t="s">
        <v>26406</v>
      </c>
      <c r="B26098" s="6"/>
      <c r="C26098" s="6" t="s">
        <v>26481</v>
      </c>
      <c r="D26098" s="6"/>
      <c r="E26098" s="6" t="s">
        <v>9</v>
      </c>
      <c r="F26098" s="7">
        <v>38657</v>
      </c>
      <c r="G26098" s="8">
        <v>6604704</v>
      </c>
      <c r="H26098" s="8">
        <v>6604704</v>
      </c>
      <c r="I26098" s="8">
        <v>0</v>
      </c>
      <c r="J26098" s="8">
        <v>6604704</v>
      </c>
      <c r="K26098" s="9">
        <v>1292</v>
      </c>
      <c r="L26098" s="6" t="s">
        <v>14</v>
      </c>
    </row>
    <row r="26099" spans="1:12">
      <c r="A26099" s="6" t="s">
        <v>26406</v>
      </c>
      <c r="B26099" s="6"/>
      <c r="C26099" s="6" t="s">
        <v>26482</v>
      </c>
      <c r="D26099" s="6"/>
      <c r="E26099" s="6" t="s">
        <v>9</v>
      </c>
      <c r="F26099" s="7">
        <v>38657</v>
      </c>
      <c r="G26099" s="8">
        <v>15279768</v>
      </c>
      <c r="H26099" s="8">
        <v>15279768</v>
      </c>
      <c r="I26099" s="8">
        <v>0</v>
      </c>
      <c r="J26099" s="8">
        <v>15279768</v>
      </c>
      <c r="K26099" s="9">
        <v>2989</v>
      </c>
      <c r="L26099" s="6" t="s">
        <v>14</v>
      </c>
    </row>
    <row r="26100" spans="1:12">
      <c r="A26100" s="6" t="s">
        <v>26406</v>
      </c>
      <c r="B26100" s="6"/>
      <c r="C26100" s="6" t="s">
        <v>26483</v>
      </c>
      <c r="D26100" s="6"/>
      <c r="E26100" s="6" t="s">
        <v>9</v>
      </c>
      <c r="F26100" s="7">
        <v>38657</v>
      </c>
      <c r="G26100" s="8">
        <v>5735664</v>
      </c>
      <c r="H26100" s="8">
        <v>5735664</v>
      </c>
      <c r="I26100" s="8">
        <v>0</v>
      </c>
      <c r="J26100" s="8">
        <v>5735664</v>
      </c>
      <c r="K26100" s="9">
        <v>1122</v>
      </c>
      <c r="L26100" s="6" t="s">
        <v>14</v>
      </c>
    </row>
    <row r="26101" spans="1:12">
      <c r="A26101" s="6" t="s">
        <v>26406</v>
      </c>
      <c r="B26101" s="6"/>
      <c r="C26101" s="6" t="s">
        <v>26484</v>
      </c>
      <c r="D26101" s="6"/>
      <c r="E26101" s="6" t="s">
        <v>9</v>
      </c>
      <c r="F26101" s="7">
        <v>38657</v>
      </c>
      <c r="G26101" s="8">
        <v>11676523</v>
      </c>
      <c r="H26101" s="8">
        <v>11676523</v>
      </c>
      <c r="I26101" s="8">
        <v>0</v>
      </c>
      <c r="J26101" s="8">
        <v>11676523</v>
      </c>
      <c r="K26101" s="9">
        <v>2284.14</v>
      </c>
      <c r="L26101" s="6" t="s">
        <v>14</v>
      </c>
    </row>
    <row r="26102" spans="1:12">
      <c r="A26102" s="6" t="s">
        <v>26406</v>
      </c>
      <c r="B26102" s="6"/>
      <c r="C26102" s="6" t="s">
        <v>26485</v>
      </c>
      <c r="D26102" s="6"/>
      <c r="E26102" s="6" t="s">
        <v>9</v>
      </c>
      <c r="F26102" s="7">
        <v>38657</v>
      </c>
      <c r="G26102" s="8">
        <v>26101309</v>
      </c>
      <c r="H26102" s="8">
        <v>26101309</v>
      </c>
      <c r="I26102" s="8">
        <v>0</v>
      </c>
      <c r="J26102" s="8">
        <v>26101309</v>
      </c>
      <c r="K26102" s="9">
        <v>5105.8900000000003</v>
      </c>
      <c r="L26102" s="6" t="s">
        <v>14</v>
      </c>
    </row>
    <row r="26103" spans="1:12">
      <c r="A26103" s="6" t="s">
        <v>26406</v>
      </c>
      <c r="B26103" s="6"/>
      <c r="C26103" s="6" t="s">
        <v>26486</v>
      </c>
      <c r="D26103" s="6"/>
      <c r="E26103" s="6" t="s">
        <v>9</v>
      </c>
      <c r="F26103" s="7">
        <v>38657</v>
      </c>
      <c r="G26103" s="8">
        <v>1870992</v>
      </c>
      <c r="H26103" s="8">
        <v>1870992</v>
      </c>
      <c r="I26103" s="8">
        <v>0</v>
      </c>
      <c r="J26103" s="8">
        <v>1870992</v>
      </c>
      <c r="K26103" s="9">
        <v>366</v>
      </c>
      <c r="L26103" s="6" t="s">
        <v>14</v>
      </c>
    </row>
    <row r="26104" spans="1:12">
      <c r="A26104" s="6" t="s">
        <v>26406</v>
      </c>
      <c r="B26104" s="6"/>
      <c r="C26104" s="6" t="s">
        <v>26487</v>
      </c>
      <c r="D26104" s="6"/>
      <c r="E26104" s="6" t="s">
        <v>9</v>
      </c>
      <c r="F26104" s="7">
        <v>38657</v>
      </c>
      <c r="G26104" s="8">
        <v>28851821</v>
      </c>
      <c r="H26104" s="8">
        <v>28851821</v>
      </c>
      <c r="I26104" s="8">
        <v>0</v>
      </c>
      <c r="J26104" s="8">
        <v>28851821</v>
      </c>
      <c r="K26104" s="9">
        <v>5643.94</v>
      </c>
      <c r="L26104" s="6" t="s">
        <v>14</v>
      </c>
    </row>
    <row r="26105" spans="1:12">
      <c r="A26105" s="6" t="s">
        <v>26406</v>
      </c>
      <c r="B26105" s="6"/>
      <c r="C26105" s="6" t="s">
        <v>26488</v>
      </c>
      <c r="D26105" s="6"/>
      <c r="E26105" s="6" t="s">
        <v>9</v>
      </c>
      <c r="F26105" s="7">
        <v>38657</v>
      </c>
      <c r="G26105" s="8">
        <v>3926016</v>
      </c>
      <c r="H26105" s="8">
        <v>3926016</v>
      </c>
      <c r="I26105" s="8">
        <v>0</v>
      </c>
      <c r="J26105" s="8">
        <v>3926016</v>
      </c>
      <c r="K26105" s="9">
        <v>768</v>
      </c>
      <c r="L26105" s="6" t="s">
        <v>14</v>
      </c>
    </row>
    <row r="26106" spans="1:12">
      <c r="A26106" s="6" t="s">
        <v>26406</v>
      </c>
      <c r="B26106" s="6"/>
      <c r="C26106" s="6" t="s">
        <v>26489</v>
      </c>
      <c r="D26106" s="6"/>
      <c r="E26106" s="6" t="s">
        <v>9</v>
      </c>
      <c r="F26106" s="7">
        <v>38657</v>
      </c>
      <c r="G26106" s="8">
        <v>1753416</v>
      </c>
      <c r="H26106" s="8">
        <v>1753416</v>
      </c>
      <c r="I26106" s="8">
        <v>0</v>
      </c>
      <c r="J26106" s="8">
        <v>1753416</v>
      </c>
      <c r="K26106" s="9">
        <v>343</v>
      </c>
      <c r="L26106" s="6" t="s">
        <v>14</v>
      </c>
    </row>
    <row r="26107" spans="1:12">
      <c r="A26107" s="6" t="s">
        <v>26406</v>
      </c>
      <c r="B26107" s="6"/>
      <c r="C26107" s="6" t="s">
        <v>26490</v>
      </c>
      <c r="D26107" s="6"/>
      <c r="E26107" s="6" t="s">
        <v>9</v>
      </c>
      <c r="F26107" s="7">
        <v>38657</v>
      </c>
      <c r="G26107" s="8">
        <v>961056</v>
      </c>
      <c r="H26107" s="8">
        <v>961056</v>
      </c>
      <c r="I26107" s="8">
        <v>0</v>
      </c>
      <c r="J26107" s="8">
        <v>961056</v>
      </c>
      <c r="K26107" s="9">
        <v>188</v>
      </c>
      <c r="L26107" s="6" t="s">
        <v>14</v>
      </c>
    </row>
    <row r="26108" spans="1:12">
      <c r="A26108" s="6" t="s">
        <v>26406</v>
      </c>
      <c r="B26108" s="6"/>
      <c r="C26108" s="6" t="s">
        <v>26491</v>
      </c>
      <c r="D26108" s="6"/>
      <c r="E26108" s="6" t="s">
        <v>9</v>
      </c>
      <c r="F26108" s="7">
        <v>38657</v>
      </c>
      <c r="G26108" s="8">
        <v>1722744</v>
      </c>
      <c r="H26108" s="8">
        <v>1722744</v>
      </c>
      <c r="I26108" s="8">
        <v>0</v>
      </c>
      <c r="J26108" s="8">
        <v>1722744</v>
      </c>
      <c r="K26108" s="9">
        <v>337</v>
      </c>
      <c r="L26108" s="6" t="s">
        <v>14</v>
      </c>
    </row>
    <row r="26109" spans="1:12">
      <c r="A26109" s="6" t="s">
        <v>26406</v>
      </c>
      <c r="B26109" s="6"/>
      <c r="C26109" s="6" t="s">
        <v>26492</v>
      </c>
      <c r="D26109" s="6"/>
      <c r="E26109" s="6" t="s">
        <v>9</v>
      </c>
      <c r="F26109" s="7">
        <v>38657</v>
      </c>
      <c r="G26109" s="8">
        <v>11128824</v>
      </c>
      <c r="H26109" s="8">
        <v>11128824</v>
      </c>
      <c r="I26109" s="8">
        <v>0</v>
      </c>
      <c r="J26109" s="8">
        <v>11128824</v>
      </c>
      <c r="K26109" s="9">
        <v>2177</v>
      </c>
      <c r="L26109" s="6" t="s">
        <v>14</v>
      </c>
    </row>
    <row r="26110" spans="1:12">
      <c r="A26110" s="6" t="s">
        <v>26406</v>
      </c>
      <c r="B26110" s="6"/>
      <c r="C26110" s="6" t="s">
        <v>26493</v>
      </c>
      <c r="D26110" s="6"/>
      <c r="E26110" s="6" t="s">
        <v>9</v>
      </c>
      <c r="F26110" s="7">
        <v>38657</v>
      </c>
      <c r="G26110" s="8">
        <v>3956688</v>
      </c>
      <c r="H26110" s="8">
        <v>3956688</v>
      </c>
      <c r="I26110" s="8">
        <v>0</v>
      </c>
      <c r="J26110" s="8">
        <v>3956688</v>
      </c>
      <c r="K26110" s="9">
        <v>774</v>
      </c>
      <c r="L26110" s="6" t="s">
        <v>14</v>
      </c>
    </row>
    <row r="26111" spans="1:12">
      <c r="A26111" s="6" t="s">
        <v>26406</v>
      </c>
      <c r="B26111" s="6"/>
      <c r="C26111" s="6" t="s">
        <v>26494</v>
      </c>
      <c r="D26111" s="6"/>
      <c r="E26111" s="6" t="s">
        <v>9</v>
      </c>
      <c r="F26111" s="7">
        <v>38657</v>
      </c>
      <c r="G26111" s="8">
        <v>2147040</v>
      </c>
      <c r="H26111" s="8">
        <v>2147040</v>
      </c>
      <c r="I26111" s="8">
        <v>0</v>
      </c>
      <c r="J26111" s="8">
        <v>2147040</v>
      </c>
      <c r="K26111" s="9">
        <v>420</v>
      </c>
      <c r="L26111" s="6" t="s">
        <v>14</v>
      </c>
    </row>
    <row r="26112" spans="1:12">
      <c r="A26112" s="6" t="s">
        <v>26406</v>
      </c>
      <c r="B26112" s="6"/>
      <c r="C26112" s="6" t="s">
        <v>26495</v>
      </c>
      <c r="D26112" s="6"/>
      <c r="E26112" s="6" t="s">
        <v>9</v>
      </c>
      <c r="F26112" s="7">
        <v>38657</v>
      </c>
      <c r="G26112" s="8">
        <v>2136816</v>
      </c>
      <c r="H26112" s="8">
        <v>2136816</v>
      </c>
      <c r="I26112" s="8">
        <v>0</v>
      </c>
      <c r="J26112" s="8">
        <v>2136816</v>
      </c>
      <c r="K26112" s="9">
        <v>418</v>
      </c>
      <c r="L26112" s="6" t="s">
        <v>14</v>
      </c>
    </row>
    <row r="26113" spans="1:12">
      <c r="A26113" s="6" t="s">
        <v>26406</v>
      </c>
      <c r="B26113" s="6"/>
      <c r="C26113" s="6" t="s">
        <v>26496</v>
      </c>
      <c r="D26113" s="6"/>
      <c r="E26113" s="6" t="s">
        <v>9</v>
      </c>
      <c r="F26113" s="7">
        <v>38657</v>
      </c>
      <c r="G26113" s="8">
        <v>11047032</v>
      </c>
      <c r="H26113" s="8">
        <v>11047032</v>
      </c>
      <c r="I26113" s="8">
        <v>0</v>
      </c>
      <c r="J26113" s="8">
        <v>11047032</v>
      </c>
      <c r="K26113" s="9">
        <v>2161</v>
      </c>
      <c r="L26113" s="6" t="s">
        <v>14</v>
      </c>
    </row>
    <row r="26114" spans="1:12">
      <c r="A26114" s="6" t="s">
        <v>26406</v>
      </c>
      <c r="B26114" s="6"/>
      <c r="C26114" s="6" t="s">
        <v>26497</v>
      </c>
      <c r="D26114" s="6"/>
      <c r="E26114" s="6" t="s">
        <v>9</v>
      </c>
      <c r="F26114" s="7">
        <v>38657</v>
      </c>
      <c r="G26114" s="8">
        <v>2740032</v>
      </c>
      <c r="H26114" s="8">
        <v>2740032</v>
      </c>
      <c r="I26114" s="8">
        <v>0</v>
      </c>
      <c r="J26114" s="8">
        <v>2740032</v>
      </c>
      <c r="K26114" s="9">
        <v>536</v>
      </c>
      <c r="L26114" s="6" t="s">
        <v>14</v>
      </c>
    </row>
    <row r="26115" spans="1:12">
      <c r="A26115" s="6" t="s">
        <v>26406</v>
      </c>
      <c r="B26115" s="6"/>
      <c r="C26115" s="6" t="s">
        <v>26498</v>
      </c>
      <c r="D26115" s="6"/>
      <c r="E26115" s="6" t="s">
        <v>9</v>
      </c>
      <c r="F26115" s="7">
        <v>38657</v>
      </c>
      <c r="G26115" s="8">
        <v>3404592</v>
      </c>
      <c r="H26115" s="8">
        <v>3404592</v>
      </c>
      <c r="I26115" s="8">
        <v>0</v>
      </c>
      <c r="J26115" s="8">
        <v>3404592</v>
      </c>
      <c r="K26115" s="9">
        <v>666</v>
      </c>
      <c r="L26115" s="6" t="s">
        <v>14</v>
      </c>
    </row>
    <row r="26116" spans="1:12">
      <c r="A26116" s="6" t="s">
        <v>26406</v>
      </c>
      <c r="B26116" s="6"/>
      <c r="C26116" s="6" t="s">
        <v>26499</v>
      </c>
      <c r="D26116" s="6"/>
      <c r="E26116" s="6" t="s">
        <v>9</v>
      </c>
      <c r="F26116" s="7">
        <v>38657</v>
      </c>
      <c r="G26116" s="8">
        <v>3200112</v>
      </c>
      <c r="H26116" s="8">
        <v>3200112</v>
      </c>
      <c r="I26116" s="8">
        <v>0</v>
      </c>
      <c r="J26116" s="8">
        <v>3200112</v>
      </c>
      <c r="K26116" s="9">
        <v>626</v>
      </c>
      <c r="L26116" s="6" t="s">
        <v>14</v>
      </c>
    </row>
    <row r="26117" spans="1:12">
      <c r="A26117" s="6" t="s">
        <v>26406</v>
      </c>
      <c r="B26117" s="6"/>
      <c r="C26117" s="6" t="s">
        <v>26500</v>
      </c>
      <c r="D26117" s="6"/>
      <c r="E26117" s="6" t="s">
        <v>9</v>
      </c>
      <c r="F26117" s="7">
        <v>38657</v>
      </c>
      <c r="G26117" s="8">
        <v>3665304</v>
      </c>
      <c r="H26117" s="8">
        <v>3665304</v>
      </c>
      <c r="I26117" s="8">
        <v>0</v>
      </c>
      <c r="J26117" s="8">
        <v>3665304</v>
      </c>
      <c r="K26117" s="9">
        <v>717</v>
      </c>
      <c r="L26117" s="6" t="s">
        <v>14</v>
      </c>
    </row>
    <row r="26118" spans="1:12">
      <c r="A26118" s="6" t="s">
        <v>26406</v>
      </c>
      <c r="B26118" s="6"/>
      <c r="C26118" s="6" t="s">
        <v>26501</v>
      </c>
      <c r="D26118" s="6"/>
      <c r="E26118" s="6" t="s">
        <v>9</v>
      </c>
      <c r="F26118" s="7">
        <v>38657</v>
      </c>
      <c r="G26118" s="8">
        <v>5050656</v>
      </c>
      <c r="H26118" s="8">
        <v>5050656</v>
      </c>
      <c r="I26118" s="8">
        <v>0</v>
      </c>
      <c r="J26118" s="8">
        <v>5050656</v>
      </c>
      <c r="K26118" s="9">
        <v>988</v>
      </c>
      <c r="L26118" s="6" t="s">
        <v>14</v>
      </c>
    </row>
    <row r="26119" spans="1:12">
      <c r="A26119" s="6" t="s">
        <v>26406</v>
      </c>
      <c r="B26119" s="6"/>
      <c r="C26119" s="6" t="s">
        <v>26502</v>
      </c>
      <c r="D26119" s="6"/>
      <c r="E26119" s="6" t="s">
        <v>9</v>
      </c>
      <c r="F26119" s="7">
        <v>38657</v>
      </c>
      <c r="G26119" s="8">
        <v>5776560</v>
      </c>
      <c r="H26119" s="8">
        <v>5776560</v>
      </c>
      <c r="I26119" s="8">
        <v>0</v>
      </c>
      <c r="J26119" s="8">
        <v>5776560</v>
      </c>
      <c r="K26119" s="9">
        <v>1130</v>
      </c>
      <c r="L26119" s="6" t="s">
        <v>14</v>
      </c>
    </row>
    <row r="26120" spans="1:12">
      <c r="A26120" s="6" t="s">
        <v>26406</v>
      </c>
      <c r="B26120" s="6"/>
      <c r="C26120" s="6" t="s">
        <v>26503</v>
      </c>
      <c r="D26120" s="6"/>
      <c r="E26120" s="6" t="s">
        <v>9</v>
      </c>
      <c r="F26120" s="7">
        <v>38657</v>
      </c>
      <c r="G26120" s="8">
        <v>4478112</v>
      </c>
      <c r="H26120" s="8">
        <v>4478112</v>
      </c>
      <c r="I26120" s="8">
        <v>0</v>
      </c>
      <c r="J26120" s="8">
        <v>4478112</v>
      </c>
      <c r="K26120" s="9">
        <v>876</v>
      </c>
      <c r="L26120" s="6" t="s">
        <v>14</v>
      </c>
    </row>
    <row r="26121" spans="1:12">
      <c r="A26121" s="6" t="s">
        <v>26406</v>
      </c>
      <c r="B26121" s="6"/>
      <c r="C26121" s="6" t="s">
        <v>26504</v>
      </c>
      <c r="D26121" s="6"/>
      <c r="E26121" s="6" t="s">
        <v>9</v>
      </c>
      <c r="F26121" s="7">
        <v>38657</v>
      </c>
      <c r="G26121" s="8">
        <v>5040432</v>
      </c>
      <c r="H26121" s="8">
        <v>5040432</v>
      </c>
      <c r="I26121" s="8">
        <v>0</v>
      </c>
      <c r="J26121" s="8">
        <v>5040432</v>
      </c>
      <c r="K26121" s="9">
        <v>986</v>
      </c>
      <c r="L26121" s="6" t="s">
        <v>14</v>
      </c>
    </row>
    <row r="26122" spans="1:12">
      <c r="A26122" s="6" t="s">
        <v>26406</v>
      </c>
      <c r="B26122" s="6"/>
      <c r="C26122" s="6" t="s">
        <v>26505</v>
      </c>
      <c r="D26122" s="6"/>
      <c r="E26122" s="6" t="s">
        <v>9</v>
      </c>
      <c r="F26122" s="7">
        <v>38657</v>
      </c>
      <c r="G26122" s="8">
        <v>7678224</v>
      </c>
      <c r="H26122" s="8">
        <v>7678224</v>
      </c>
      <c r="I26122" s="8">
        <v>0</v>
      </c>
      <c r="J26122" s="8">
        <v>7678224</v>
      </c>
      <c r="K26122" s="9">
        <v>1502</v>
      </c>
      <c r="L26122" s="6" t="s">
        <v>14</v>
      </c>
    </row>
    <row r="26123" spans="1:12">
      <c r="A26123" s="6" t="s">
        <v>26406</v>
      </c>
      <c r="B26123" s="6"/>
      <c r="C26123" s="6" t="s">
        <v>26506</v>
      </c>
      <c r="D26123" s="6"/>
      <c r="E26123" s="6" t="s">
        <v>9</v>
      </c>
      <c r="F26123" s="7">
        <v>38657</v>
      </c>
      <c r="G26123" s="8">
        <v>7611768</v>
      </c>
      <c r="H26123" s="8">
        <v>7611768</v>
      </c>
      <c r="I26123" s="8">
        <v>0</v>
      </c>
      <c r="J26123" s="8">
        <v>7611768</v>
      </c>
      <c r="K26123" s="9">
        <v>1489</v>
      </c>
      <c r="L26123" s="6" t="s">
        <v>14</v>
      </c>
    </row>
    <row r="26124" spans="1:12">
      <c r="A26124" s="6" t="s">
        <v>26406</v>
      </c>
      <c r="B26124" s="6"/>
      <c r="C26124" s="6" t="s">
        <v>26507</v>
      </c>
      <c r="D26124" s="6"/>
      <c r="E26124" s="6" t="s">
        <v>9</v>
      </c>
      <c r="F26124" s="7">
        <v>38657</v>
      </c>
      <c r="G26124" s="8">
        <v>9569664</v>
      </c>
      <c r="H26124" s="8">
        <v>9569664</v>
      </c>
      <c r="I26124" s="8">
        <v>0</v>
      </c>
      <c r="J26124" s="8">
        <v>9569664</v>
      </c>
      <c r="K26124" s="9">
        <v>1872</v>
      </c>
      <c r="L26124" s="6" t="s">
        <v>14</v>
      </c>
    </row>
    <row r="26125" spans="1:12">
      <c r="A26125" s="6" t="s">
        <v>26406</v>
      </c>
      <c r="B26125" s="6"/>
      <c r="C26125" s="6" t="s">
        <v>26508</v>
      </c>
      <c r="D26125" s="6"/>
      <c r="E26125" s="6" t="s">
        <v>9</v>
      </c>
      <c r="F26125" s="7">
        <v>38657</v>
      </c>
      <c r="G26125" s="8">
        <v>2857608</v>
      </c>
      <c r="H26125" s="8">
        <v>2857608</v>
      </c>
      <c r="I26125" s="8">
        <v>0</v>
      </c>
      <c r="J26125" s="8">
        <v>2857608</v>
      </c>
      <c r="K26125" s="9">
        <v>559</v>
      </c>
      <c r="L26125" s="6" t="s">
        <v>14</v>
      </c>
    </row>
    <row r="26126" spans="1:12">
      <c r="A26126" s="6" t="s">
        <v>26406</v>
      </c>
      <c r="B26126" s="6"/>
      <c r="C26126" s="6" t="s">
        <v>26509</v>
      </c>
      <c r="D26126" s="6"/>
      <c r="E26126" s="6" t="s">
        <v>9</v>
      </c>
      <c r="F26126" s="7">
        <v>38657</v>
      </c>
      <c r="G26126" s="8">
        <v>4202064</v>
      </c>
      <c r="H26126" s="8">
        <v>4202064</v>
      </c>
      <c r="I26126" s="8">
        <v>0</v>
      </c>
      <c r="J26126" s="8">
        <v>4202064</v>
      </c>
      <c r="K26126" s="9">
        <v>822</v>
      </c>
      <c r="L26126" s="6" t="s">
        <v>14</v>
      </c>
    </row>
    <row r="26127" spans="1:12">
      <c r="A26127" s="6" t="s">
        <v>26406</v>
      </c>
      <c r="B26127" s="6"/>
      <c r="C26127" s="6" t="s">
        <v>26510</v>
      </c>
      <c r="D26127" s="6"/>
      <c r="E26127" s="6" t="s">
        <v>9</v>
      </c>
      <c r="F26127" s="7">
        <v>38657</v>
      </c>
      <c r="G26127" s="8">
        <v>7253928</v>
      </c>
      <c r="H26127" s="8">
        <v>7253928</v>
      </c>
      <c r="I26127" s="8">
        <v>0</v>
      </c>
      <c r="J26127" s="8">
        <v>7253928</v>
      </c>
      <c r="K26127" s="9">
        <v>1419</v>
      </c>
      <c r="L26127" s="6" t="s">
        <v>14</v>
      </c>
    </row>
    <row r="26128" spans="1:12">
      <c r="A26128" s="6" t="s">
        <v>26406</v>
      </c>
      <c r="B26128" s="6"/>
      <c r="C26128" s="6" t="s">
        <v>26511</v>
      </c>
      <c r="D26128" s="6"/>
      <c r="E26128" s="6" t="s">
        <v>9</v>
      </c>
      <c r="F26128" s="7">
        <v>38657</v>
      </c>
      <c r="G26128" s="8">
        <v>4437216</v>
      </c>
      <c r="H26128" s="8">
        <v>4437216</v>
      </c>
      <c r="I26128" s="8">
        <v>0</v>
      </c>
      <c r="J26128" s="8">
        <v>4437216</v>
      </c>
      <c r="K26128" s="9">
        <v>868</v>
      </c>
      <c r="L26128" s="6" t="s">
        <v>14</v>
      </c>
    </row>
    <row r="26129" spans="1:12">
      <c r="A26129" s="6" t="s">
        <v>26406</v>
      </c>
      <c r="B26129" s="6"/>
      <c r="C26129" s="6" t="s">
        <v>26512</v>
      </c>
      <c r="D26129" s="6"/>
      <c r="E26129" s="6" t="s">
        <v>9</v>
      </c>
      <c r="F26129" s="7">
        <v>38657</v>
      </c>
      <c r="G26129" s="8">
        <v>1584720</v>
      </c>
      <c r="H26129" s="8">
        <v>1584720</v>
      </c>
      <c r="I26129" s="8">
        <v>0</v>
      </c>
      <c r="J26129" s="8">
        <v>1584720</v>
      </c>
      <c r="K26129" s="9">
        <v>310</v>
      </c>
      <c r="L26129" s="6" t="s">
        <v>14</v>
      </c>
    </row>
    <row r="26130" spans="1:12">
      <c r="A26130" s="6" t="s">
        <v>26406</v>
      </c>
      <c r="B26130" s="6"/>
      <c r="C26130" s="6" t="s">
        <v>26513</v>
      </c>
      <c r="D26130" s="6"/>
      <c r="E26130" s="6" t="s">
        <v>9</v>
      </c>
      <c r="F26130" s="7">
        <v>38657</v>
      </c>
      <c r="G26130" s="8">
        <v>3491496</v>
      </c>
      <c r="H26130" s="8">
        <v>3491496</v>
      </c>
      <c r="I26130" s="8">
        <v>0</v>
      </c>
      <c r="J26130" s="8">
        <v>3491496</v>
      </c>
      <c r="K26130" s="9">
        <v>683</v>
      </c>
      <c r="L26130" s="6" t="s">
        <v>14</v>
      </c>
    </row>
    <row r="26131" spans="1:12">
      <c r="A26131" s="6" t="s">
        <v>26406</v>
      </c>
      <c r="B26131" s="6"/>
      <c r="C26131" s="6" t="s">
        <v>26514</v>
      </c>
      <c r="D26131" s="6"/>
      <c r="E26131" s="6" t="s">
        <v>9</v>
      </c>
      <c r="F26131" s="7">
        <v>38657</v>
      </c>
      <c r="G26131" s="8">
        <v>5612976</v>
      </c>
      <c r="H26131" s="8">
        <v>5612976</v>
      </c>
      <c r="I26131" s="8">
        <v>0</v>
      </c>
      <c r="J26131" s="8">
        <v>5612976</v>
      </c>
      <c r="K26131" s="9">
        <v>1098</v>
      </c>
      <c r="L26131" s="6" t="s">
        <v>14</v>
      </c>
    </row>
    <row r="26132" spans="1:12">
      <c r="A26132" s="6" t="s">
        <v>26406</v>
      </c>
      <c r="B26132" s="6"/>
      <c r="C26132" s="6" t="s">
        <v>26515</v>
      </c>
      <c r="D26132" s="6"/>
      <c r="E26132" s="6" t="s">
        <v>9</v>
      </c>
      <c r="F26132" s="7">
        <v>38657</v>
      </c>
      <c r="G26132" s="8">
        <v>2218608</v>
      </c>
      <c r="H26132" s="8">
        <v>2218608</v>
      </c>
      <c r="I26132" s="8">
        <v>0</v>
      </c>
      <c r="J26132" s="8">
        <v>2218608</v>
      </c>
      <c r="K26132" s="9">
        <v>434</v>
      </c>
      <c r="L26132" s="6" t="s">
        <v>14</v>
      </c>
    </row>
    <row r="26133" spans="1:12">
      <c r="A26133" s="6" t="s">
        <v>26406</v>
      </c>
      <c r="B26133" s="6"/>
      <c r="C26133" s="6" t="s">
        <v>26516</v>
      </c>
      <c r="D26133" s="6"/>
      <c r="E26133" s="6" t="s">
        <v>9</v>
      </c>
      <c r="F26133" s="7">
        <v>38657</v>
      </c>
      <c r="G26133" s="8">
        <v>1605168</v>
      </c>
      <c r="H26133" s="8">
        <v>1605168</v>
      </c>
      <c r="I26133" s="8">
        <v>0</v>
      </c>
      <c r="J26133" s="8">
        <v>1605168</v>
      </c>
      <c r="K26133" s="9">
        <v>314</v>
      </c>
      <c r="L26133" s="6" t="s">
        <v>14</v>
      </c>
    </row>
    <row r="26134" spans="1:12">
      <c r="A26134" s="6" t="s">
        <v>26406</v>
      </c>
      <c r="B26134" s="6"/>
      <c r="C26134" s="6" t="s">
        <v>26517</v>
      </c>
      <c r="D26134" s="6"/>
      <c r="E26134" s="6" t="s">
        <v>9</v>
      </c>
      <c r="F26134" s="7">
        <v>38657</v>
      </c>
      <c r="G26134" s="8">
        <v>1231992</v>
      </c>
      <c r="H26134" s="8">
        <v>1231992</v>
      </c>
      <c r="I26134" s="8">
        <v>0</v>
      </c>
      <c r="J26134" s="8">
        <v>1231992</v>
      </c>
      <c r="K26134" s="9">
        <v>241</v>
      </c>
      <c r="L26134" s="6" t="s">
        <v>14</v>
      </c>
    </row>
    <row r="26135" spans="1:12">
      <c r="A26135" s="6" t="s">
        <v>26406</v>
      </c>
      <c r="B26135" s="6"/>
      <c r="C26135" s="6" t="s">
        <v>26518</v>
      </c>
      <c r="D26135" s="6"/>
      <c r="E26135" s="6" t="s">
        <v>9</v>
      </c>
      <c r="F26135" s="7">
        <v>38657</v>
      </c>
      <c r="G26135" s="8">
        <v>454968</v>
      </c>
      <c r="H26135" s="8">
        <v>454968</v>
      </c>
      <c r="I26135" s="8">
        <v>0</v>
      </c>
      <c r="J26135" s="8">
        <v>454968</v>
      </c>
      <c r="K26135" s="9">
        <v>89</v>
      </c>
      <c r="L26135" s="6" t="s">
        <v>14</v>
      </c>
    </row>
    <row r="26136" spans="1:12">
      <c r="A26136" s="6" t="s">
        <v>26519</v>
      </c>
      <c r="B26136" s="6"/>
      <c r="C26136" s="6" t="s">
        <v>26520</v>
      </c>
      <c r="D26136" s="6"/>
      <c r="E26136" s="6" t="s">
        <v>18740</v>
      </c>
      <c r="F26136" s="7">
        <v>38657</v>
      </c>
      <c r="G26136" s="8">
        <v>1482</v>
      </c>
      <c r="H26136" s="8">
        <v>1482</v>
      </c>
      <c r="I26136" s="8">
        <v>0</v>
      </c>
      <c r="J26136" s="8">
        <v>1482</v>
      </c>
      <c r="K26136" s="9">
        <v>13</v>
      </c>
      <c r="L26136" s="6" t="s">
        <v>4773</v>
      </c>
    </row>
    <row r="26137" spans="1:12">
      <c r="A26137" s="6" t="s">
        <v>26521</v>
      </c>
      <c r="B26137" s="6"/>
      <c r="C26137" s="6" t="s">
        <v>26522</v>
      </c>
      <c r="D26137" s="6"/>
      <c r="E26137" s="6" t="s">
        <v>18740</v>
      </c>
      <c r="F26137" s="7">
        <v>38657</v>
      </c>
      <c r="G26137" s="8">
        <v>16530</v>
      </c>
      <c r="H26137" s="8">
        <v>16530</v>
      </c>
      <c r="I26137" s="8">
        <v>0</v>
      </c>
      <c r="J26137" s="8">
        <v>16530</v>
      </c>
      <c r="K26137" s="9">
        <v>145</v>
      </c>
      <c r="L26137" s="6" t="s">
        <v>4773</v>
      </c>
    </row>
    <row r="26138" spans="1:12">
      <c r="A26138" s="6" t="s">
        <v>26523</v>
      </c>
      <c r="B26138" s="6"/>
      <c r="C26138" s="6" t="s">
        <v>26524</v>
      </c>
      <c r="D26138" s="6"/>
      <c r="E26138" s="6" t="s">
        <v>18740</v>
      </c>
      <c r="F26138" s="7">
        <v>38657</v>
      </c>
      <c r="G26138" s="8">
        <v>2820</v>
      </c>
      <c r="H26138" s="8">
        <v>2820</v>
      </c>
      <c r="I26138" s="8">
        <v>0</v>
      </c>
      <c r="J26138" s="8">
        <v>2820</v>
      </c>
      <c r="K26138" s="9">
        <v>60</v>
      </c>
      <c r="L26138" s="6" t="s">
        <v>1842</v>
      </c>
    </row>
    <row r="26139" spans="1:12">
      <c r="A26139" s="6" t="s">
        <v>26523</v>
      </c>
      <c r="B26139" s="6"/>
      <c r="C26139" s="6" t="s">
        <v>26525</v>
      </c>
      <c r="D26139" s="6"/>
      <c r="E26139" s="6" t="s">
        <v>18740</v>
      </c>
      <c r="F26139" s="7">
        <v>38657</v>
      </c>
      <c r="G26139" s="8">
        <v>8789</v>
      </c>
      <c r="H26139" s="8">
        <v>8789</v>
      </c>
      <c r="I26139" s="8">
        <v>0</v>
      </c>
      <c r="J26139" s="8">
        <v>8789</v>
      </c>
      <c r="K26139" s="9">
        <v>187</v>
      </c>
      <c r="L26139" s="6" t="s">
        <v>1842</v>
      </c>
    </row>
    <row r="26140" spans="1:12">
      <c r="A26140" s="6" t="s">
        <v>26526</v>
      </c>
      <c r="B26140" s="6"/>
      <c r="C26140" s="6" t="s">
        <v>26527</v>
      </c>
      <c r="D26140" s="6"/>
      <c r="E26140" s="6" t="s">
        <v>18740</v>
      </c>
      <c r="F26140" s="7">
        <v>38657</v>
      </c>
      <c r="G26140" s="8">
        <v>6533</v>
      </c>
      <c r="H26140" s="8">
        <v>6533</v>
      </c>
      <c r="I26140" s="8">
        <v>0</v>
      </c>
      <c r="J26140" s="8">
        <v>6533</v>
      </c>
      <c r="K26140" s="9">
        <v>139</v>
      </c>
      <c r="L26140" s="6" t="s">
        <v>1842</v>
      </c>
    </row>
    <row r="26141" spans="1:12">
      <c r="A26141" s="6" t="s">
        <v>26528</v>
      </c>
      <c r="B26141" s="6"/>
      <c r="C26141" s="6" t="s">
        <v>26529</v>
      </c>
      <c r="D26141" s="6"/>
      <c r="E26141" s="6" t="s">
        <v>18740</v>
      </c>
      <c r="F26141" s="7">
        <v>38657</v>
      </c>
      <c r="G26141" s="8">
        <v>15510</v>
      </c>
      <c r="H26141" s="8">
        <v>15510</v>
      </c>
      <c r="I26141" s="8">
        <v>0</v>
      </c>
      <c r="J26141" s="8">
        <v>15510</v>
      </c>
      <c r="K26141" s="9">
        <v>330</v>
      </c>
      <c r="L26141" s="6" t="s">
        <v>1842</v>
      </c>
    </row>
    <row r="26142" spans="1:12">
      <c r="A26142" s="6" t="s">
        <v>26530</v>
      </c>
      <c r="B26142" s="6"/>
      <c r="C26142" s="6" t="s">
        <v>26531</v>
      </c>
      <c r="D26142" s="6"/>
      <c r="E26142" s="6" t="s">
        <v>18740</v>
      </c>
      <c r="F26142" s="7">
        <v>38657</v>
      </c>
      <c r="G26142" s="8">
        <v>89</v>
      </c>
      <c r="H26142" s="8">
        <v>89</v>
      </c>
      <c r="I26142" s="8">
        <v>0</v>
      </c>
      <c r="J26142" s="8">
        <v>89</v>
      </c>
      <c r="K26142" s="9">
        <v>1.91</v>
      </c>
      <c r="L26142" s="6" t="s">
        <v>1842</v>
      </c>
    </row>
    <row r="26143" spans="1:12">
      <c r="A26143" s="6" t="s">
        <v>26532</v>
      </c>
      <c r="B26143" s="6"/>
      <c r="C26143" s="6" t="s">
        <v>26533</v>
      </c>
      <c r="D26143" s="6"/>
      <c r="E26143" s="6" t="s">
        <v>9</v>
      </c>
      <c r="F26143" s="7">
        <v>38657</v>
      </c>
      <c r="G26143" s="8">
        <v>663336</v>
      </c>
      <c r="H26143" s="8">
        <v>663336</v>
      </c>
      <c r="I26143" s="8">
        <v>0</v>
      </c>
      <c r="J26143" s="8">
        <v>663336</v>
      </c>
      <c r="K26143" s="9">
        <v>19.920000000000002</v>
      </c>
      <c r="L26143" s="6" t="s">
        <v>10</v>
      </c>
    </row>
    <row r="26144" spans="1:12">
      <c r="A26144" s="6" t="s">
        <v>26532</v>
      </c>
      <c r="B26144" s="6"/>
      <c r="C26144" s="6" t="s">
        <v>26534</v>
      </c>
      <c r="D26144" s="6"/>
      <c r="E26144" s="6" t="s">
        <v>9</v>
      </c>
      <c r="F26144" s="7">
        <v>38657</v>
      </c>
      <c r="G26144" s="8">
        <v>4005657</v>
      </c>
      <c r="H26144" s="8">
        <v>4005657</v>
      </c>
      <c r="I26144" s="8">
        <v>0</v>
      </c>
      <c r="J26144" s="8">
        <v>4005657</v>
      </c>
      <c r="K26144" s="9">
        <v>120.29</v>
      </c>
      <c r="L26144" s="6" t="s">
        <v>10</v>
      </c>
    </row>
    <row r="26145" spans="1:12">
      <c r="A26145" s="6" t="s">
        <v>26532</v>
      </c>
      <c r="B26145" s="6"/>
      <c r="C26145" s="6" t="s">
        <v>26535</v>
      </c>
      <c r="D26145" s="6"/>
      <c r="E26145" s="6" t="s">
        <v>9</v>
      </c>
      <c r="F26145" s="7">
        <v>38657</v>
      </c>
      <c r="G26145" s="8">
        <v>5660334</v>
      </c>
      <c r="H26145" s="8">
        <v>5660334</v>
      </c>
      <c r="I26145" s="8">
        <v>0</v>
      </c>
      <c r="J26145" s="8">
        <v>5660334</v>
      </c>
      <c r="K26145" s="9">
        <v>169.98</v>
      </c>
      <c r="L26145" s="6" t="s">
        <v>10</v>
      </c>
    </row>
    <row r="26146" spans="1:12">
      <c r="A26146" s="6" t="s">
        <v>26536</v>
      </c>
      <c r="B26146" s="6"/>
      <c r="C26146" s="6" t="s">
        <v>26537</v>
      </c>
      <c r="D26146" s="6"/>
      <c r="E26146" s="6" t="s">
        <v>18740</v>
      </c>
      <c r="F26146" s="7">
        <v>38657</v>
      </c>
      <c r="G26146" s="8">
        <v>6345</v>
      </c>
      <c r="H26146" s="8">
        <v>6345</v>
      </c>
      <c r="I26146" s="8">
        <v>0</v>
      </c>
      <c r="J26146" s="8">
        <v>6345</v>
      </c>
      <c r="K26146" s="9">
        <v>135</v>
      </c>
      <c r="L26146" s="6" t="s">
        <v>1842</v>
      </c>
    </row>
    <row r="26147" spans="1:12">
      <c r="A26147" s="6" t="s">
        <v>26538</v>
      </c>
      <c r="B26147" s="6"/>
      <c r="C26147" s="6" t="s">
        <v>26539</v>
      </c>
      <c r="D26147" s="6"/>
      <c r="E26147" s="6" t="s">
        <v>18740</v>
      </c>
      <c r="F26147" s="7">
        <v>38657</v>
      </c>
      <c r="G26147" s="8">
        <v>465</v>
      </c>
      <c r="H26147" s="8">
        <v>465</v>
      </c>
      <c r="I26147" s="8">
        <v>0</v>
      </c>
      <c r="J26147" s="8">
        <v>465</v>
      </c>
      <c r="K26147" s="9">
        <v>9.91</v>
      </c>
      <c r="L26147" s="6" t="s">
        <v>1842</v>
      </c>
    </row>
    <row r="26148" spans="1:12">
      <c r="A26148" s="6" t="s">
        <v>26540</v>
      </c>
      <c r="B26148" s="6"/>
      <c r="C26148" s="6" t="s">
        <v>26541</v>
      </c>
      <c r="D26148" s="6"/>
      <c r="E26148" s="6" t="s">
        <v>18740</v>
      </c>
      <c r="F26148" s="7">
        <v>38657</v>
      </c>
      <c r="G26148" s="8">
        <v>923000</v>
      </c>
      <c r="H26148" s="8">
        <v>923000</v>
      </c>
      <c r="I26148" s="8">
        <v>0</v>
      </c>
      <c r="J26148" s="8">
        <v>923000</v>
      </c>
      <c r="K26148" s="9">
        <v>71</v>
      </c>
      <c r="L26148" s="6" t="s">
        <v>10</v>
      </c>
    </row>
    <row r="26149" spans="1:12">
      <c r="A26149" s="6" t="s">
        <v>26542</v>
      </c>
      <c r="B26149" s="6"/>
      <c r="C26149" s="6" t="s">
        <v>26543</v>
      </c>
      <c r="D26149" s="6"/>
      <c r="E26149" s="6" t="s">
        <v>18740</v>
      </c>
      <c r="F26149" s="7">
        <v>38657</v>
      </c>
      <c r="G26149" s="8">
        <v>5734</v>
      </c>
      <c r="H26149" s="8">
        <v>5734</v>
      </c>
      <c r="I26149" s="8">
        <v>0</v>
      </c>
      <c r="J26149" s="8">
        <v>5734</v>
      </c>
      <c r="K26149" s="9">
        <v>122</v>
      </c>
      <c r="L26149" s="6" t="s">
        <v>1842</v>
      </c>
    </row>
    <row r="26150" spans="1:12">
      <c r="A26150" s="6" t="s">
        <v>26544</v>
      </c>
      <c r="B26150" s="6"/>
      <c r="C26150" s="6" t="s">
        <v>26545</v>
      </c>
      <c r="D26150" s="6"/>
      <c r="E26150" s="6" t="s">
        <v>18740</v>
      </c>
      <c r="F26150" s="7">
        <v>38657</v>
      </c>
      <c r="G26150" s="8">
        <v>3713</v>
      </c>
      <c r="H26150" s="8">
        <v>3713</v>
      </c>
      <c r="I26150" s="8">
        <v>0</v>
      </c>
      <c r="J26150" s="8">
        <v>3713</v>
      </c>
      <c r="K26150" s="9">
        <v>79</v>
      </c>
      <c r="L26150" s="6" t="s">
        <v>1842</v>
      </c>
    </row>
    <row r="26151" spans="1:12">
      <c r="A26151" s="6" t="s">
        <v>26546</v>
      </c>
      <c r="B26151" s="6"/>
      <c r="C26151" s="6" t="s">
        <v>26547</v>
      </c>
      <c r="D26151" s="6"/>
      <c r="E26151" s="6" t="s">
        <v>18740</v>
      </c>
      <c r="F26151" s="7">
        <v>38657</v>
      </c>
      <c r="G26151" s="8">
        <v>49</v>
      </c>
      <c r="H26151" s="8">
        <v>49</v>
      </c>
      <c r="I26151" s="8">
        <v>0</v>
      </c>
      <c r="J26151" s="8">
        <v>49</v>
      </c>
      <c r="K26151" s="9">
        <v>2.94</v>
      </c>
      <c r="L26151" s="6" t="s">
        <v>16860</v>
      </c>
    </row>
    <row r="26152" spans="1:12">
      <c r="A26152" s="6" t="s">
        <v>26548</v>
      </c>
      <c r="B26152" s="6"/>
      <c r="C26152" s="6" t="s">
        <v>26549</v>
      </c>
      <c r="D26152" s="6"/>
      <c r="E26152" s="6" t="s">
        <v>18740</v>
      </c>
      <c r="F26152" s="7">
        <v>38657</v>
      </c>
      <c r="G26152" s="8">
        <v>3366</v>
      </c>
      <c r="H26152" s="8">
        <v>3366</v>
      </c>
      <c r="I26152" s="8">
        <v>0</v>
      </c>
      <c r="J26152" s="8">
        <v>3366</v>
      </c>
      <c r="K26152" s="9">
        <v>198</v>
      </c>
      <c r="L26152" s="6" t="s">
        <v>16860</v>
      </c>
    </row>
    <row r="26153" spans="1:12">
      <c r="A26153" s="6" t="s">
        <v>26550</v>
      </c>
      <c r="B26153" s="6"/>
      <c r="C26153" s="6" t="s">
        <v>26551</v>
      </c>
      <c r="D26153" s="6"/>
      <c r="E26153" s="6" t="s">
        <v>18740</v>
      </c>
      <c r="F26153" s="7">
        <v>32233</v>
      </c>
      <c r="G26153" s="8">
        <v>11118</v>
      </c>
      <c r="H26153" s="8">
        <v>11118</v>
      </c>
      <c r="I26153" s="8">
        <v>0</v>
      </c>
      <c r="J26153" s="8">
        <v>11118</v>
      </c>
      <c r="K26153" s="9">
        <v>654</v>
      </c>
      <c r="L26153" s="6" t="s">
        <v>16860</v>
      </c>
    </row>
    <row r="26154" spans="1:12">
      <c r="A26154" s="6" t="s">
        <v>26550</v>
      </c>
      <c r="B26154" s="6"/>
      <c r="C26154" s="6" t="s">
        <v>26552</v>
      </c>
      <c r="D26154" s="6"/>
      <c r="E26154" s="6" t="s">
        <v>18740</v>
      </c>
      <c r="F26154" s="7">
        <v>32233</v>
      </c>
      <c r="G26154" s="8">
        <v>9044</v>
      </c>
      <c r="H26154" s="8">
        <v>9044</v>
      </c>
      <c r="I26154" s="8">
        <v>0</v>
      </c>
      <c r="J26154" s="8">
        <v>9044</v>
      </c>
      <c r="K26154" s="9">
        <v>532</v>
      </c>
      <c r="L26154" s="6" t="s">
        <v>16860</v>
      </c>
    </row>
    <row r="26155" spans="1:12">
      <c r="A26155" s="6" t="s">
        <v>26553</v>
      </c>
      <c r="B26155" s="6"/>
      <c r="C26155" s="6" t="s">
        <v>26554</v>
      </c>
      <c r="D26155" s="6"/>
      <c r="E26155" s="6" t="s">
        <v>18740</v>
      </c>
      <c r="F26155" s="7">
        <v>38657</v>
      </c>
      <c r="G26155" s="8">
        <v>24684</v>
      </c>
      <c r="H26155" s="8">
        <v>24684</v>
      </c>
      <c r="I26155" s="8">
        <v>0</v>
      </c>
      <c r="J26155" s="8">
        <v>24684</v>
      </c>
      <c r="K26155" s="9">
        <v>1452</v>
      </c>
      <c r="L26155" s="6" t="s">
        <v>16860</v>
      </c>
    </row>
    <row r="26156" spans="1:12">
      <c r="A26156" s="6" t="s">
        <v>26553</v>
      </c>
      <c r="B26156" s="6"/>
      <c r="C26156" s="6" t="s">
        <v>26555</v>
      </c>
      <c r="D26156" s="6"/>
      <c r="E26156" s="6" t="s">
        <v>18740</v>
      </c>
      <c r="F26156" s="7">
        <v>38657</v>
      </c>
      <c r="G26156" s="8">
        <v>16439</v>
      </c>
      <c r="H26156" s="8">
        <v>16439</v>
      </c>
      <c r="I26156" s="8">
        <v>0</v>
      </c>
      <c r="J26156" s="8">
        <v>16439</v>
      </c>
      <c r="K26156" s="9">
        <v>967</v>
      </c>
      <c r="L26156" s="6" t="s">
        <v>16860</v>
      </c>
    </row>
    <row r="26157" spans="1:12">
      <c r="A26157" s="6" t="s">
        <v>26553</v>
      </c>
      <c r="B26157" s="6"/>
      <c r="C26157" s="6" t="s">
        <v>26556</v>
      </c>
      <c r="D26157" s="6"/>
      <c r="E26157" s="6" t="s">
        <v>18740</v>
      </c>
      <c r="F26157" s="7">
        <v>38657</v>
      </c>
      <c r="G26157" s="8">
        <v>13804</v>
      </c>
      <c r="H26157" s="8">
        <v>13804</v>
      </c>
      <c r="I26157" s="8">
        <v>0</v>
      </c>
      <c r="J26157" s="8">
        <v>13804</v>
      </c>
      <c r="K26157" s="9">
        <v>812</v>
      </c>
      <c r="L26157" s="6" t="s">
        <v>16860</v>
      </c>
    </row>
    <row r="26158" spans="1:12">
      <c r="A26158" s="6" t="s">
        <v>26553</v>
      </c>
      <c r="B26158" s="6"/>
      <c r="C26158" s="6" t="s">
        <v>26557</v>
      </c>
      <c r="D26158" s="6"/>
      <c r="E26158" s="6" t="s">
        <v>18740</v>
      </c>
      <c r="F26158" s="7">
        <v>38657</v>
      </c>
      <c r="G26158" s="8">
        <v>130322</v>
      </c>
      <c r="H26158" s="8">
        <v>130322</v>
      </c>
      <c r="I26158" s="8">
        <v>0</v>
      </c>
      <c r="J26158" s="8">
        <v>130322</v>
      </c>
      <c r="K26158" s="9">
        <v>7666</v>
      </c>
      <c r="L26158" s="6" t="s">
        <v>16860</v>
      </c>
    </row>
    <row r="26159" spans="1:12">
      <c r="A26159" s="6" t="s">
        <v>26553</v>
      </c>
      <c r="B26159" s="6"/>
      <c r="C26159" s="6" t="s">
        <v>26558</v>
      </c>
      <c r="D26159" s="6"/>
      <c r="E26159" s="6" t="s">
        <v>18740</v>
      </c>
      <c r="F26159" s="7">
        <v>38657</v>
      </c>
      <c r="G26159" s="8">
        <v>22423</v>
      </c>
      <c r="H26159" s="8">
        <v>22423</v>
      </c>
      <c r="I26159" s="8">
        <v>0</v>
      </c>
      <c r="J26159" s="8">
        <v>22423</v>
      </c>
      <c r="K26159" s="9">
        <v>1319</v>
      </c>
      <c r="L26159" s="6" t="s">
        <v>16860</v>
      </c>
    </row>
    <row r="26160" spans="1:12">
      <c r="A26160" s="6" t="s">
        <v>26559</v>
      </c>
      <c r="B26160" s="6"/>
      <c r="C26160" s="6" t="s">
        <v>26560</v>
      </c>
      <c r="D26160" s="6"/>
      <c r="E26160" s="6" t="s">
        <v>9</v>
      </c>
      <c r="F26160" s="7">
        <v>38657</v>
      </c>
      <c r="G26160" s="8">
        <v>78998456</v>
      </c>
      <c r="H26160" s="8">
        <v>78998456</v>
      </c>
      <c r="I26160" s="8">
        <v>0</v>
      </c>
      <c r="J26160" s="8">
        <v>78998456</v>
      </c>
      <c r="K26160" s="9">
        <v>5808.71</v>
      </c>
      <c r="L26160" s="6" t="s">
        <v>10</v>
      </c>
    </row>
    <row r="26161" spans="1:12">
      <c r="A26161" s="6" t="s">
        <v>26559</v>
      </c>
      <c r="B26161" s="6"/>
      <c r="C26161" s="6" t="s">
        <v>26561</v>
      </c>
      <c r="D26161" s="6"/>
      <c r="E26161" s="6" t="s">
        <v>9</v>
      </c>
      <c r="F26161" s="7">
        <v>38657</v>
      </c>
      <c r="G26161" s="8">
        <v>91434296</v>
      </c>
      <c r="H26161" s="8">
        <v>91434296</v>
      </c>
      <c r="I26161" s="8">
        <v>0</v>
      </c>
      <c r="J26161" s="8">
        <v>91434296</v>
      </c>
      <c r="K26161" s="9">
        <v>6723.11</v>
      </c>
      <c r="L26161" s="6" t="s">
        <v>10</v>
      </c>
    </row>
    <row r="26162" spans="1:12">
      <c r="A26162" s="6" t="s">
        <v>26559</v>
      </c>
      <c r="B26162" s="6"/>
      <c r="C26162" s="6" t="s">
        <v>26562</v>
      </c>
      <c r="D26162" s="6"/>
      <c r="E26162" s="6" t="s">
        <v>9</v>
      </c>
      <c r="F26162" s="7">
        <v>38657</v>
      </c>
      <c r="G26162" s="8">
        <v>29263498</v>
      </c>
      <c r="H26162" s="8">
        <v>29263498</v>
      </c>
      <c r="I26162" s="8">
        <v>0</v>
      </c>
      <c r="J26162" s="8">
        <v>29263498</v>
      </c>
      <c r="K26162" s="9">
        <v>968.99</v>
      </c>
      <c r="L26162" s="6" t="s">
        <v>10</v>
      </c>
    </row>
    <row r="26163" spans="1:12">
      <c r="A26163" s="6" t="s">
        <v>26559</v>
      </c>
      <c r="B26163" s="6"/>
      <c r="C26163" s="6" t="s">
        <v>26563</v>
      </c>
      <c r="D26163" s="6"/>
      <c r="E26163" s="6" t="s">
        <v>9</v>
      </c>
      <c r="F26163" s="7">
        <v>38657</v>
      </c>
      <c r="G26163" s="8">
        <v>131875120</v>
      </c>
      <c r="H26163" s="8">
        <v>131875120</v>
      </c>
      <c r="I26163" s="8">
        <v>0</v>
      </c>
      <c r="J26163" s="8">
        <v>131875120</v>
      </c>
      <c r="K26163" s="9">
        <v>3878.68</v>
      </c>
      <c r="L26163" s="6" t="s">
        <v>10</v>
      </c>
    </row>
    <row r="26164" spans="1:12">
      <c r="A26164" s="6" t="s">
        <v>26559</v>
      </c>
      <c r="B26164" s="6"/>
      <c r="C26164" s="6" t="s">
        <v>26564</v>
      </c>
      <c r="D26164" s="6"/>
      <c r="E26164" s="6" t="s">
        <v>9</v>
      </c>
      <c r="F26164" s="7">
        <v>38657</v>
      </c>
      <c r="G26164" s="8">
        <v>1623780</v>
      </c>
      <c r="H26164" s="8">
        <v>1623780</v>
      </c>
      <c r="I26164" s="8">
        <v>0</v>
      </c>
      <c r="J26164" s="8">
        <v>1623780</v>
      </c>
      <c r="K26164" s="9">
        <v>58.2</v>
      </c>
      <c r="L26164" s="6" t="s">
        <v>10</v>
      </c>
    </row>
    <row r="26165" spans="1:12">
      <c r="A26165" s="6" t="s">
        <v>26559</v>
      </c>
      <c r="B26165" s="6"/>
      <c r="C26165" s="6" t="s">
        <v>26565</v>
      </c>
      <c r="D26165" s="6"/>
      <c r="E26165" s="6" t="s">
        <v>9</v>
      </c>
      <c r="F26165" s="7">
        <v>38657</v>
      </c>
      <c r="G26165" s="8">
        <v>39041280</v>
      </c>
      <c r="H26165" s="8">
        <v>39041280</v>
      </c>
      <c r="I26165" s="8">
        <v>0</v>
      </c>
      <c r="J26165" s="8">
        <v>39041280</v>
      </c>
      <c r="K26165" s="9">
        <v>1084.48</v>
      </c>
      <c r="L26165" s="6" t="s">
        <v>10</v>
      </c>
    </row>
    <row r="26166" spans="1:12">
      <c r="A26166" s="6" t="s">
        <v>26566</v>
      </c>
      <c r="B26166" s="6"/>
      <c r="C26166" s="6" t="s">
        <v>26567</v>
      </c>
      <c r="D26166" s="6"/>
      <c r="E26166" s="6" t="s">
        <v>18740</v>
      </c>
      <c r="F26166" s="7">
        <v>38657</v>
      </c>
      <c r="G26166" s="8">
        <v>321232</v>
      </c>
      <c r="H26166" s="8">
        <v>321232</v>
      </c>
      <c r="I26166" s="8">
        <v>0</v>
      </c>
      <c r="J26166" s="8">
        <v>321232</v>
      </c>
      <c r="K26166" s="9">
        <v>18896</v>
      </c>
      <c r="L26166" s="6" t="s">
        <v>16860</v>
      </c>
    </row>
    <row r="26167" spans="1:12">
      <c r="A26167" s="6" t="s">
        <v>26566</v>
      </c>
      <c r="B26167" s="6"/>
      <c r="C26167" s="6" t="s">
        <v>26568</v>
      </c>
      <c r="D26167" s="6"/>
      <c r="E26167" s="6" t="s">
        <v>18740</v>
      </c>
      <c r="F26167" s="7">
        <v>38657</v>
      </c>
      <c r="G26167" s="8">
        <v>29206</v>
      </c>
      <c r="H26167" s="8">
        <v>29206</v>
      </c>
      <c r="I26167" s="8">
        <v>0</v>
      </c>
      <c r="J26167" s="8">
        <v>29206</v>
      </c>
      <c r="K26167" s="9">
        <v>1718</v>
      </c>
      <c r="L26167" s="6" t="s">
        <v>16860</v>
      </c>
    </row>
    <row r="26168" spans="1:12">
      <c r="A26168" s="6" t="s">
        <v>26566</v>
      </c>
      <c r="B26168" s="6"/>
      <c r="C26168" s="6" t="s">
        <v>26569</v>
      </c>
      <c r="D26168" s="6"/>
      <c r="E26168" s="6" t="s">
        <v>18740</v>
      </c>
      <c r="F26168" s="7">
        <v>38657</v>
      </c>
      <c r="G26168" s="8">
        <v>44948</v>
      </c>
      <c r="H26168" s="8">
        <v>44948</v>
      </c>
      <c r="I26168" s="8">
        <v>0</v>
      </c>
      <c r="J26168" s="8">
        <v>44948</v>
      </c>
      <c r="K26168" s="9">
        <v>2644</v>
      </c>
      <c r="L26168" s="6" t="s">
        <v>16860</v>
      </c>
    </row>
    <row r="26169" spans="1:12">
      <c r="A26169" s="6" t="s">
        <v>26566</v>
      </c>
      <c r="B26169" s="6"/>
      <c r="C26169" s="6" t="s">
        <v>26570</v>
      </c>
      <c r="D26169" s="6"/>
      <c r="E26169" s="6" t="s">
        <v>18740</v>
      </c>
      <c r="F26169" s="7">
        <v>38657</v>
      </c>
      <c r="G26169" s="8">
        <v>81532</v>
      </c>
      <c r="H26169" s="8">
        <v>81532</v>
      </c>
      <c r="I26169" s="8">
        <v>0</v>
      </c>
      <c r="J26169" s="8">
        <v>81532</v>
      </c>
      <c r="K26169" s="9">
        <v>4796</v>
      </c>
      <c r="L26169" s="6" t="s">
        <v>16860</v>
      </c>
    </row>
    <row r="26170" spans="1:12">
      <c r="A26170" s="6" t="s">
        <v>26566</v>
      </c>
      <c r="B26170" s="6"/>
      <c r="C26170" s="6" t="s">
        <v>26571</v>
      </c>
      <c r="D26170" s="6"/>
      <c r="E26170" s="6" t="s">
        <v>18740</v>
      </c>
      <c r="F26170" s="7">
        <v>38657</v>
      </c>
      <c r="G26170" s="8">
        <v>88842</v>
      </c>
      <c r="H26170" s="8">
        <v>88842</v>
      </c>
      <c r="I26170" s="8">
        <v>0</v>
      </c>
      <c r="J26170" s="8">
        <v>88842</v>
      </c>
      <c r="K26170" s="9">
        <v>5226</v>
      </c>
      <c r="L26170" s="6" t="s">
        <v>16860</v>
      </c>
    </row>
    <row r="26171" spans="1:12">
      <c r="A26171" s="6" t="s">
        <v>26566</v>
      </c>
      <c r="B26171" s="6"/>
      <c r="C26171" s="6" t="s">
        <v>26572</v>
      </c>
      <c r="D26171" s="6"/>
      <c r="E26171" s="6" t="s">
        <v>18740</v>
      </c>
      <c r="F26171" s="7"/>
      <c r="G26171" s="8">
        <v>1003</v>
      </c>
      <c r="H26171" s="8">
        <v>1003</v>
      </c>
      <c r="I26171" s="8">
        <v>0</v>
      </c>
      <c r="J26171" s="8">
        <v>1003</v>
      </c>
      <c r="K26171" s="9">
        <v>59</v>
      </c>
      <c r="L26171" s="6" t="s">
        <v>16860</v>
      </c>
    </row>
    <row r="26172" spans="1:12">
      <c r="A26172" s="6" t="s">
        <v>26566</v>
      </c>
      <c r="B26172" s="6"/>
      <c r="C26172" s="6" t="s">
        <v>26573</v>
      </c>
      <c r="D26172" s="6"/>
      <c r="E26172" s="6" t="s">
        <v>18740</v>
      </c>
      <c r="F26172" s="7"/>
      <c r="G26172" s="8">
        <v>323</v>
      </c>
      <c r="H26172" s="8">
        <v>323</v>
      </c>
      <c r="I26172" s="8">
        <v>0</v>
      </c>
      <c r="J26172" s="8">
        <v>323</v>
      </c>
      <c r="K26172" s="9">
        <v>19</v>
      </c>
      <c r="L26172" s="6" t="s">
        <v>16860</v>
      </c>
    </row>
    <row r="26173" spans="1:12">
      <c r="A26173" s="6" t="s">
        <v>26574</v>
      </c>
      <c r="B26173" s="6"/>
      <c r="C26173" s="6" t="s">
        <v>26575</v>
      </c>
      <c r="D26173" s="6"/>
      <c r="E26173" s="6" t="s">
        <v>18740</v>
      </c>
      <c r="F26173" s="7">
        <v>38657</v>
      </c>
      <c r="G26173" s="8">
        <v>59449</v>
      </c>
      <c r="H26173" s="8">
        <v>59449</v>
      </c>
      <c r="I26173" s="8">
        <v>0</v>
      </c>
      <c r="J26173" s="8">
        <v>59449</v>
      </c>
      <c r="K26173" s="9">
        <v>3497</v>
      </c>
      <c r="L26173" s="6" t="s">
        <v>16860</v>
      </c>
    </row>
    <row r="26174" spans="1:12">
      <c r="A26174" s="6" t="s">
        <v>26574</v>
      </c>
      <c r="B26174" s="6"/>
      <c r="C26174" s="6" t="s">
        <v>26576</v>
      </c>
      <c r="D26174" s="6"/>
      <c r="E26174" s="6" t="s">
        <v>18740</v>
      </c>
      <c r="F26174" s="7">
        <v>38657</v>
      </c>
      <c r="G26174" s="8">
        <v>59568</v>
      </c>
      <c r="H26174" s="8">
        <v>59568</v>
      </c>
      <c r="I26174" s="8">
        <v>0</v>
      </c>
      <c r="J26174" s="8">
        <v>59568</v>
      </c>
      <c r="K26174" s="9">
        <v>3504</v>
      </c>
      <c r="L26174" s="6" t="s">
        <v>16860</v>
      </c>
    </row>
    <row r="26175" spans="1:12">
      <c r="A26175" s="6" t="s">
        <v>26574</v>
      </c>
      <c r="B26175" s="6"/>
      <c r="C26175" s="6" t="s">
        <v>26577</v>
      </c>
      <c r="D26175" s="6"/>
      <c r="E26175" s="6" t="s">
        <v>18740</v>
      </c>
      <c r="F26175" s="7">
        <v>38657</v>
      </c>
      <c r="G26175" s="8">
        <v>44948</v>
      </c>
      <c r="H26175" s="8">
        <v>44948</v>
      </c>
      <c r="I26175" s="8">
        <v>0</v>
      </c>
      <c r="J26175" s="8">
        <v>44948</v>
      </c>
      <c r="K26175" s="9">
        <v>2644</v>
      </c>
      <c r="L26175" s="6" t="s">
        <v>16860</v>
      </c>
    </row>
    <row r="26176" spans="1:12">
      <c r="A26176" s="6" t="s">
        <v>26578</v>
      </c>
      <c r="B26176" s="6"/>
      <c r="C26176" s="6" t="s">
        <v>26579</v>
      </c>
      <c r="D26176" s="6"/>
      <c r="E26176" s="6" t="s">
        <v>18740</v>
      </c>
      <c r="F26176" s="7">
        <v>38657</v>
      </c>
      <c r="G26176" s="8">
        <v>22</v>
      </c>
      <c r="H26176" s="8">
        <v>22</v>
      </c>
      <c r="I26176" s="8">
        <v>0</v>
      </c>
      <c r="J26176" s="8">
        <v>22</v>
      </c>
      <c r="K26176" s="9">
        <v>1.3</v>
      </c>
      <c r="L26176" s="6" t="s">
        <v>16860</v>
      </c>
    </row>
    <row r="26177" spans="1:12">
      <c r="A26177" s="6" t="s">
        <v>26580</v>
      </c>
      <c r="B26177" s="6"/>
      <c r="C26177" s="6" t="s">
        <v>26581</v>
      </c>
      <c r="D26177" s="6"/>
      <c r="E26177" s="6" t="s">
        <v>18740</v>
      </c>
      <c r="F26177" s="7">
        <v>38657</v>
      </c>
      <c r="G26177" s="8">
        <v>73559</v>
      </c>
      <c r="H26177" s="8">
        <v>73559</v>
      </c>
      <c r="I26177" s="8">
        <v>0</v>
      </c>
      <c r="J26177" s="8">
        <v>73559</v>
      </c>
      <c r="K26177" s="9">
        <v>4327</v>
      </c>
      <c r="L26177" s="6" t="s">
        <v>16860</v>
      </c>
    </row>
    <row r="26178" spans="1:12">
      <c r="A26178" s="6" t="s">
        <v>26582</v>
      </c>
      <c r="B26178" s="6"/>
      <c r="C26178" s="6" t="s">
        <v>26583</v>
      </c>
      <c r="D26178" s="6"/>
      <c r="E26178" s="6" t="s">
        <v>18740</v>
      </c>
      <c r="F26178" s="7">
        <v>38657</v>
      </c>
      <c r="G26178" s="8">
        <v>13260</v>
      </c>
      <c r="H26178" s="8">
        <v>13260</v>
      </c>
      <c r="I26178" s="8">
        <v>0</v>
      </c>
      <c r="J26178" s="8">
        <v>13260</v>
      </c>
      <c r="K26178" s="9">
        <v>780</v>
      </c>
      <c r="L26178" s="6" t="s">
        <v>16860</v>
      </c>
    </row>
    <row r="26179" spans="1:12">
      <c r="A26179" s="6" t="s">
        <v>26582</v>
      </c>
      <c r="B26179" s="6"/>
      <c r="C26179" s="6" t="s">
        <v>26584</v>
      </c>
      <c r="D26179" s="6"/>
      <c r="E26179" s="6" t="s">
        <v>18740</v>
      </c>
      <c r="F26179" s="7">
        <v>38657</v>
      </c>
      <c r="G26179" s="8">
        <v>4437</v>
      </c>
      <c r="H26179" s="8">
        <v>4437</v>
      </c>
      <c r="I26179" s="8">
        <v>0</v>
      </c>
      <c r="J26179" s="8">
        <v>4437</v>
      </c>
      <c r="K26179" s="9">
        <v>261</v>
      </c>
      <c r="L26179" s="6" t="s">
        <v>16860</v>
      </c>
    </row>
    <row r="26180" spans="1:12">
      <c r="A26180" s="6" t="s">
        <v>26585</v>
      </c>
      <c r="B26180" s="6"/>
      <c r="C26180" s="6" t="s">
        <v>26586</v>
      </c>
      <c r="D26180" s="6"/>
      <c r="E26180" s="6" t="s">
        <v>18740</v>
      </c>
      <c r="F26180" s="7">
        <v>38657</v>
      </c>
      <c r="G26180" s="8">
        <v>3876</v>
      </c>
      <c r="H26180" s="8">
        <v>3876</v>
      </c>
      <c r="I26180" s="8">
        <v>0</v>
      </c>
      <c r="J26180" s="8">
        <v>3876</v>
      </c>
      <c r="K26180" s="9">
        <v>228</v>
      </c>
      <c r="L26180" s="6" t="s">
        <v>16860</v>
      </c>
    </row>
    <row r="26181" spans="1:12">
      <c r="A26181" s="6" t="s">
        <v>26585</v>
      </c>
      <c r="B26181" s="6"/>
      <c r="C26181" s="6" t="s">
        <v>26587</v>
      </c>
      <c r="D26181" s="6"/>
      <c r="E26181" s="6" t="s">
        <v>18740</v>
      </c>
      <c r="F26181" s="7">
        <v>38657</v>
      </c>
      <c r="G26181" s="8">
        <v>1020</v>
      </c>
      <c r="H26181" s="8">
        <v>1020</v>
      </c>
      <c r="I26181" s="8">
        <v>0</v>
      </c>
      <c r="J26181" s="8">
        <v>1020</v>
      </c>
      <c r="K26181" s="9">
        <v>60</v>
      </c>
      <c r="L26181" s="6" t="s">
        <v>16860</v>
      </c>
    </row>
    <row r="26182" spans="1:12">
      <c r="A26182" s="6" t="s">
        <v>26585</v>
      </c>
      <c r="B26182" s="6"/>
      <c r="C26182" s="6" t="s">
        <v>26588</v>
      </c>
      <c r="D26182" s="6"/>
      <c r="E26182" s="6" t="s">
        <v>18740</v>
      </c>
      <c r="F26182" s="7">
        <v>38657</v>
      </c>
      <c r="G26182" s="8">
        <v>1836</v>
      </c>
      <c r="H26182" s="8">
        <v>1836</v>
      </c>
      <c r="I26182" s="8">
        <v>0</v>
      </c>
      <c r="J26182" s="8">
        <v>1836</v>
      </c>
      <c r="K26182" s="9">
        <v>108</v>
      </c>
      <c r="L26182" s="6" t="s">
        <v>16860</v>
      </c>
    </row>
    <row r="26183" spans="1:12">
      <c r="A26183" s="6" t="s">
        <v>26585</v>
      </c>
      <c r="B26183" s="6"/>
      <c r="C26183" s="6" t="s">
        <v>26589</v>
      </c>
      <c r="D26183" s="6"/>
      <c r="E26183" s="6" t="s">
        <v>18740</v>
      </c>
      <c r="F26183" s="7">
        <v>38657</v>
      </c>
      <c r="G26183" s="8">
        <v>1598</v>
      </c>
      <c r="H26183" s="8">
        <v>1598</v>
      </c>
      <c r="I26183" s="8">
        <v>0</v>
      </c>
      <c r="J26183" s="8">
        <v>1598</v>
      </c>
      <c r="K26183" s="9">
        <v>94</v>
      </c>
      <c r="L26183" s="6" t="s">
        <v>16860</v>
      </c>
    </row>
    <row r="26184" spans="1:12">
      <c r="A26184" s="6" t="s">
        <v>26585</v>
      </c>
      <c r="B26184" s="6"/>
      <c r="C26184" s="6" t="s">
        <v>26590</v>
      </c>
      <c r="D26184" s="6"/>
      <c r="E26184" s="6" t="s">
        <v>18740</v>
      </c>
      <c r="F26184" s="7">
        <v>38657</v>
      </c>
      <c r="G26184" s="8">
        <v>340</v>
      </c>
      <c r="H26184" s="8">
        <v>340</v>
      </c>
      <c r="I26184" s="8">
        <v>0</v>
      </c>
      <c r="J26184" s="8">
        <v>340</v>
      </c>
      <c r="K26184" s="9">
        <v>20</v>
      </c>
      <c r="L26184" s="6" t="s">
        <v>16860</v>
      </c>
    </row>
    <row r="26185" spans="1:12">
      <c r="A26185" s="6" t="s">
        <v>26591</v>
      </c>
      <c r="B26185" s="6"/>
      <c r="C26185" s="6" t="s">
        <v>26592</v>
      </c>
      <c r="D26185" s="6"/>
      <c r="E26185" s="6" t="s">
        <v>9</v>
      </c>
      <c r="F26185" s="7">
        <v>38657</v>
      </c>
      <c r="G26185" s="8">
        <v>3072000</v>
      </c>
      <c r="H26185" s="8">
        <v>3072000</v>
      </c>
      <c r="I26185" s="8">
        <v>0</v>
      </c>
      <c r="J26185" s="8">
        <v>3072000</v>
      </c>
      <c r="K26185" s="9">
        <v>48</v>
      </c>
      <c r="L26185" s="6" t="s">
        <v>10</v>
      </c>
    </row>
    <row r="26186" spans="1:12">
      <c r="A26186" s="6" t="s">
        <v>26591</v>
      </c>
      <c r="B26186" s="6"/>
      <c r="C26186" s="6" t="s">
        <v>26593</v>
      </c>
      <c r="D26186" s="6"/>
      <c r="E26186" s="6" t="s">
        <v>9</v>
      </c>
      <c r="F26186" s="7">
        <v>38657</v>
      </c>
      <c r="G26186" s="8">
        <v>13387500</v>
      </c>
      <c r="H26186" s="8">
        <v>13387500</v>
      </c>
      <c r="I26186" s="8">
        <v>0</v>
      </c>
      <c r="J26186" s="8">
        <v>13387500</v>
      </c>
      <c r="K26186" s="9">
        <v>357</v>
      </c>
      <c r="L26186" s="6" t="s">
        <v>10</v>
      </c>
    </row>
    <row r="26187" spans="1:12">
      <c r="A26187" s="6" t="s">
        <v>26591</v>
      </c>
      <c r="B26187" s="6"/>
      <c r="C26187" s="6" t="s">
        <v>26594</v>
      </c>
      <c r="D26187" s="6"/>
      <c r="E26187" s="6" t="s">
        <v>9</v>
      </c>
      <c r="F26187" s="7">
        <v>38657</v>
      </c>
      <c r="G26187" s="8">
        <v>25275000</v>
      </c>
      <c r="H26187" s="8">
        <v>25275000</v>
      </c>
      <c r="I26187" s="8">
        <v>0</v>
      </c>
      <c r="J26187" s="8">
        <v>25275000</v>
      </c>
      <c r="K26187" s="9">
        <v>674</v>
      </c>
      <c r="L26187" s="6" t="s">
        <v>10</v>
      </c>
    </row>
    <row r="26188" spans="1:12">
      <c r="A26188" s="6" t="s">
        <v>26591</v>
      </c>
      <c r="B26188" s="6"/>
      <c r="C26188" s="6" t="s">
        <v>26595</v>
      </c>
      <c r="D26188" s="6"/>
      <c r="E26188" s="6" t="s">
        <v>9</v>
      </c>
      <c r="F26188" s="7">
        <v>38657</v>
      </c>
      <c r="G26188" s="8">
        <v>24037500</v>
      </c>
      <c r="H26188" s="8">
        <v>24037500</v>
      </c>
      <c r="I26188" s="8">
        <v>0</v>
      </c>
      <c r="J26188" s="8">
        <v>24037500</v>
      </c>
      <c r="K26188" s="9">
        <v>641</v>
      </c>
      <c r="L26188" s="6" t="s">
        <v>10</v>
      </c>
    </row>
    <row r="26189" spans="1:12">
      <c r="A26189" s="6" t="s">
        <v>26591</v>
      </c>
      <c r="B26189" s="6"/>
      <c r="C26189" s="6" t="s">
        <v>26596</v>
      </c>
      <c r="D26189" s="6"/>
      <c r="E26189" s="6" t="s">
        <v>9</v>
      </c>
      <c r="F26189" s="7">
        <v>38657</v>
      </c>
      <c r="G26189" s="8">
        <v>12112500</v>
      </c>
      <c r="H26189" s="8">
        <v>12112500</v>
      </c>
      <c r="I26189" s="8">
        <v>0</v>
      </c>
      <c r="J26189" s="8">
        <v>12112500</v>
      </c>
      <c r="K26189" s="9">
        <v>323</v>
      </c>
      <c r="L26189" s="6" t="s">
        <v>10</v>
      </c>
    </row>
    <row r="26190" spans="1:12">
      <c r="A26190" s="6" t="s">
        <v>26591</v>
      </c>
      <c r="B26190" s="6"/>
      <c r="C26190" s="6" t="s">
        <v>26597</v>
      </c>
      <c r="D26190" s="6"/>
      <c r="E26190" s="6" t="s">
        <v>9</v>
      </c>
      <c r="F26190" s="7">
        <v>38657</v>
      </c>
      <c r="G26190" s="8">
        <v>13012500</v>
      </c>
      <c r="H26190" s="8">
        <v>13012500</v>
      </c>
      <c r="I26190" s="8">
        <v>0</v>
      </c>
      <c r="J26190" s="8">
        <v>13012500</v>
      </c>
      <c r="K26190" s="9">
        <v>347</v>
      </c>
      <c r="L26190" s="6" t="s">
        <v>10</v>
      </c>
    </row>
    <row r="26191" spans="1:12">
      <c r="A26191" s="6" t="s">
        <v>26591</v>
      </c>
      <c r="B26191" s="6"/>
      <c r="C26191" s="6" t="s">
        <v>26598</v>
      </c>
      <c r="D26191" s="6"/>
      <c r="E26191" s="6" t="s">
        <v>9</v>
      </c>
      <c r="F26191" s="7">
        <v>38657</v>
      </c>
      <c r="G26191" s="8">
        <v>11512500</v>
      </c>
      <c r="H26191" s="8">
        <v>11512500</v>
      </c>
      <c r="I26191" s="8">
        <v>0</v>
      </c>
      <c r="J26191" s="8">
        <v>11512500</v>
      </c>
      <c r="K26191" s="9">
        <v>307</v>
      </c>
      <c r="L26191" s="6" t="s">
        <v>10</v>
      </c>
    </row>
    <row r="26192" spans="1:12">
      <c r="A26192" s="6" t="s">
        <v>26591</v>
      </c>
      <c r="B26192" s="6"/>
      <c r="C26192" s="6" t="s">
        <v>26599</v>
      </c>
      <c r="D26192" s="6"/>
      <c r="E26192" s="6" t="s">
        <v>9</v>
      </c>
      <c r="F26192" s="7">
        <v>38657</v>
      </c>
      <c r="G26192" s="8">
        <v>24412500</v>
      </c>
      <c r="H26192" s="8">
        <v>24412500</v>
      </c>
      <c r="I26192" s="8">
        <v>0</v>
      </c>
      <c r="J26192" s="8">
        <v>24412500</v>
      </c>
      <c r="K26192" s="9">
        <v>651</v>
      </c>
      <c r="L26192" s="6" t="s">
        <v>10</v>
      </c>
    </row>
    <row r="26193" spans="1:12">
      <c r="A26193" s="6" t="s">
        <v>26591</v>
      </c>
      <c r="B26193" s="6"/>
      <c r="C26193" s="6" t="s">
        <v>26600</v>
      </c>
      <c r="D26193" s="6"/>
      <c r="E26193" s="6" t="s">
        <v>9</v>
      </c>
      <c r="F26193" s="7">
        <v>38657</v>
      </c>
      <c r="G26193" s="8">
        <v>24900000</v>
      </c>
      <c r="H26193" s="8">
        <v>24900000</v>
      </c>
      <c r="I26193" s="8">
        <v>0</v>
      </c>
      <c r="J26193" s="8">
        <v>24900000</v>
      </c>
      <c r="K26193" s="9">
        <v>664</v>
      </c>
      <c r="L26193" s="6" t="s">
        <v>10</v>
      </c>
    </row>
    <row r="26194" spans="1:12">
      <c r="A26194" s="6" t="s">
        <v>26591</v>
      </c>
      <c r="B26194" s="6"/>
      <c r="C26194" s="6" t="s">
        <v>26601</v>
      </c>
      <c r="D26194" s="6"/>
      <c r="E26194" s="6" t="s">
        <v>9</v>
      </c>
      <c r="F26194" s="7">
        <v>38657</v>
      </c>
      <c r="G26194" s="8">
        <v>22312500</v>
      </c>
      <c r="H26194" s="8">
        <v>22312500</v>
      </c>
      <c r="I26194" s="8">
        <v>0</v>
      </c>
      <c r="J26194" s="8">
        <v>22312500</v>
      </c>
      <c r="K26194" s="9">
        <v>595</v>
      </c>
      <c r="L26194" s="6" t="s">
        <v>10</v>
      </c>
    </row>
    <row r="26195" spans="1:12">
      <c r="A26195" s="6" t="s">
        <v>26591</v>
      </c>
      <c r="B26195" s="6"/>
      <c r="C26195" s="6" t="s">
        <v>26602</v>
      </c>
      <c r="D26195" s="6"/>
      <c r="E26195" s="6" t="s">
        <v>9</v>
      </c>
      <c r="F26195" s="7">
        <v>38657</v>
      </c>
      <c r="G26195" s="8">
        <v>11137500</v>
      </c>
      <c r="H26195" s="8">
        <v>11137500</v>
      </c>
      <c r="I26195" s="8">
        <v>0</v>
      </c>
      <c r="J26195" s="8">
        <v>11137500</v>
      </c>
      <c r="K26195" s="9">
        <v>297</v>
      </c>
      <c r="L26195" s="6" t="s">
        <v>10</v>
      </c>
    </row>
    <row r="26196" spans="1:12">
      <c r="A26196" s="6" t="s">
        <v>26591</v>
      </c>
      <c r="B26196" s="6"/>
      <c r="C26196" s="6" t="s">
        <v>26603</v>
      </c>
      <c r="D26196" s="6"/>
      <c r="E26196" s="6" t="s">
        <v>9</v>
      </c>
      <c r="F26196" s="7">
        <v>38657</v>
      </c>
      <c r="G26196" s="8">
        <v>4352000</v>
      </c>
      <c r="H26196" s="8">
        <v>4352000</v>
      </c>
      <c r="I26196" s="8">
        <v>0</v>
      </c>
      <c r="J26196" s="8">
        <v>4352000</v>
      </c>
      <c r="K26196" s="9">
        <v>68</v>
      </c>
      <c r="L26196" s="6" t="s">
        <v>10</v>
      </c>
    </row>
    <row r="26197" spans="1:12">
      <c r="A26197" s="6" t="s">
        <v>26591</v>
      </c>
      <c r="B26197" s="6"/>
      <c r="C26197" s="6" t="s">
        <v>26604</v>
      </c>
      <c r="D26197" s="6"/>
      <c r="E26197" s="6" t="s">
        <v>9</v>
      </c>
      <c r="F26197" s="7">
        <v>38657</v>
      </c>
      <c r="G26197" s="8">
        <v>34950000</v>
      </c>
      <c r="H26197" s="8">
        <v>34950000</v>
      </c>
      <c r="I26197" s="8">
        <v>0</v>
      </c>
      <c r="J26197" s="8">
        <v>34950000</v>
      </c>
      <c r="K26197" s="9">
        <v>932</v>
      </c>
      <c r="L26197" s="6" t="s">
        <v>10</v>
      </c>
    </row>
    <row r="26198" spans="1:12">
      <c r="A26198" s="6" t="s">
        <v>26591</v>
      </c>
      <c r="B26198" s="6"/>
      <c r="C26198" s="6" t="s">
        <v>26605</v>
      </c>
      <c r="D26198" s="6"/>
      <c r="E26198" s="6" t="s">
        <v>9</v>
      </c>
      <c r="F26198" s="7">
        <v>38657</v>
      </c>
      <c r="G26198" s="8">
        <v>36091200</v>
      </c>
      <c r="H26198" s="8">
        <v>36091200</v>
      </c>
      <c r="I26198" s="8">
        <v>0</v>
      </c>
      <c r="J26198" s="8">
        <v>36091200</v>
      </c>
      <c r="K26198" s="9">
        <v>876</v>
      </c>
      <c r="L26198" s="6" t="s">
        <v>10</v>
      </c>
    </row>
    <row r="26199" spans="1:12">
      <c r="A26199" s="6" t="s">
        <v>26591</v>
      </c>
      <c r="B26199" s="6"/>
      <c r="C26199" s="6" t="s">
        <v>26606</v>
      </c>
      <c r="D26199" s="6"/>
      <c r="E26199" s="6" t="s">
        <v>9</v>
      </c>
      <c r="F26199" s="7">
        <v>38657</v>
      </c>
      <c r="G26199" s="8">
        <v>31394400</v>
      </c>
      <c r="H26199" s="8">
        <v>31394400</v>
      </c>
      <c r="I26199" s="8">
        <v>0</v>
      </c>
      <c r="J26199" s="8">
        <v>31394400</v>
      </c>
      <c r="K26199" s="9">
        <v>762</v>
      </c>
      <c r="L26199" s="6" t="s">
        <v>10</v>
      </c>
    </row>
    <row r="26200" spans="1:12">
      <c r="A26200" s="6" t="s">
        <v>26591</v>
      </c>
      <c r="B26200" s="6"/>
      <c r="C26200" s="6" t="s">
        <v>26607</v>
      </c>
      <c r="D26200" s="6"/>
      <c r="E26200" s="6" t="s">
        <v>9</v>
      </c>
      <c r="F26200" s="7">
        <v>38657</v>
      </c>
      <c r="G26200" s="8">
        <v>34319600</v>
      </c>
      <c r="H26200" s="8">
        <v>34319600</v>
      </c>
      <c r="I26200" s="8">
        <v>0</v>
      </c>
      <c r="J26200" s="8">
        <v>34319600</v>
      </c>
      <c r="K26200" s="9">
        <v>833</v>
      </c>
      <c r="L26200" s="6" t="s">
        <v>10</v>
      </c>
    </row>
    <row r="26201" spans="1:12">
      <c r="A26201" s="6" t="s">
        <v>26591</v>
      </c>
      <c r="B26201" s="6"/>
      <c r="C26201" s="6" t="s">
        <v>26608</v>
      </c>
      <c r="D26201" s="6"/>
      <c r="E26201" s="6" t="s">
        <v>9</v>
      </c>
      <c r="F26201" s="7">
        <v>38657</v>
      </c>
      <c r="G26201" s="8">
        <v>33536800</v>
      </c>
      <c r="H26201" s="8">
        <v>33536800</v>
      </c>
      <c r="I26201" s="8">
        <v>0</v>
      </c>
      <c r="J26201" s="8">
        <v>33536800</v>
      </c>
      <c r="K26201" s="9">
        <v>814</v>
      </c>
      <c r="L26201" s="6" t="s">
        <v>10</v>
      </c>
    </row>
    <row r="26202" spans="1:12">
      <c r="A26202" s="6" t="s">
        <v>26591</v>
      </c>
      <c r="B26202" s="6"/>
      <c r="C26202" s="6" t="s">
        <v>26609</v>
      </c>
      <c r="D26202" s="6"/>
      <c r="E26202" s="6" t="s">
        <v>9</v>
      </c>
      <c r="F26202" s="7">
        <v>38657</v>
      </c>
      <c r="G26202" s="8">
        <v>29664000</v>
      </c>
      <c r="H26202" s="8">
        <v>29664000</v>
      </c>
      <c r="I26202" s="8">
        <v>0</v>
      </c>
      <c r="J26202" s="8">
        <v>29664000</v>
      </c>
      <c r="K26202" s="9">
        <v>720</v>
      </c>
      <c r="L26202" s="6" t="s">
        <v>10</v>
      </c>
    </row>
    <row r="26203" spans="1:12">
      <c r="A26203" s="6" t="s">
        <v>26591</v>
      </c>
      <c r="B26203" s="6"/>
      <c r="C26203" s="6" t="s">
        <v>26610</v>
      </c>
      <c r="D26203" s="6"/>
      <c r="E26203" s="6" t="s">
        <v>9</v>
      </c>
      <c r="F26203" s="7">
        <v>38657</v>
      </c>
      <c r="G26203" s="8">
        <v>33990000</v>
      </c>
      <c r="H26203" s="8">
        <v>33990000</v>
      </c>
      <c r="I26203" s="8">
        <v>0</v>
      </c>
      <c r="J26203" s="8">
        <v>33990000</v>
      </c>
      <c r="K26203" s="9">
        <v>825</v>
      </c>
      <c r="L26203" s="6" t="s">
        <v>10</v>
      </c>
    </row>
    <row r="26204" spans="1:12">
      <c r="A26204" s="6" t="s">
        <v>26591</v>
      </c>
      <c r="B26204" s="6"/>
      <c r="C26204" s="6" t="s">
        <v>26611</v>
      </c>
      <c r="D26204" s="6"/>
      <c r="E26204" s="6" t="s">
        <v>9</v>
      </c>
      <c r="F26204" s="7">
        <v>38657</v>
      </c>
      <c r="G26204" s="8">
        <v>7745600</v>
      </c>
      <c r="H26204" s="8">
        <v>7745600</v>
      </c>
      <c r="I26204" s="8">
        <v>0</v>
      </c>
      <c r="J26204" s="8">
        <v>7745600</v>
      </c>
      <c r="K26204" s="9">
        <v>188</v>
      </c>
      <c r="L26204" s="6" t="s">
        <v>10</v>
      </c>
    </row>
    <row r="26205" spans="1:12">
      <c r="A26205" s="6" t="s">
        <v>26591</v>
      </c>
      <c r="B26205" s="6"/>
      <c r="C26205" s="6" t="s">
        <v>26612</v>
      </c>
      <c r="D26205" s="6"/>
      <c r="E26205" s="6" t="s">
        <v>9</v>
      </c>
      <c r="F26205" s="7">
        <v>38657</v>
      </c>
      <c r="G26205" s="8">
        <v>4985200</v>
      </c>
      <c r="H26205" s="8">
        <v>4985200</v>
      </c>
      <c r="I26205" s="8">
        <v>0</v>
      </c>
      <c r="J26205" s="8">
        <v>4985200</v>
      </c>
      <c r="K26205" s="9">
        <v>121</v>
      </c>
      <c r="L26205" s="6" t="s">
        <v>10</v>
      </c>
    </row>
    <row r="26206" spans="1:12">
      <c r="A26206" s="6" t="s">
        <v>26591</v>
      </c>
      <c r="B26206" s="6"/>
      <c r="C26206" s="6" t="s">
        <v>26613</v>
      </c>
      <c r="D26206" s="6"/>
      <c r="E26206" s="6" t="s">
        <v>9</v>
      </c>
      <c r="F26206" s="7">
        <v>38657</v>
      </c>
      <c r="G26206" s="8">
        <v>24431600</v>
      </c>
      <c r="H26206" s="8">
        <v>24431600</v>
      </c>
      <c r="I26206" s="8">
        <v>0</v>
      </c>
      <c r="J26206" s="8">
        <v>24431600</v>
      </c>
      <c r="K26206" s="9">
        <v>593</v>
      </c>
      <c r="L26206" s="6" t="s">
        <v>10</v>
      </c>
    </row>
    <row r="26207" spans="1:12">
      <c r="A26207" s="6" t="s">
        <v>26591</v>
      </c>
      <c r="B26207" s="6"/>
      <c r="C26207" s="6" t="s">
        <v>26614</v>
      </c>
      <c r="D26207" s="6"/>
      <c r="E26207" s="6" t="s">
        <v>9</v>
      </c>
      <c r="F26207" s="7">
        <v>38657</v>
      </c>
      <c r="G26207" s="8">
        <v>40128000</v>
      </c>
      <c r="H26207" s="8">
        <v>40128000</v>
      </c>
      <c r="I26207" s="8">
        <v>0</v>
      </c>
      <c r="J26207" s="8">
        <v>40128000</v>
      </c>
      <c r="K26207" s="9">
        <v>627</v>
      </c>
      <c r="L26207" s="6" t="s">
        <v>10</v>
      </c>
    </row>
    <row r="26208" spans="1:12">
      <c r="A26208" s="6" t="s">
        <v>26591</v>
      </c>
      <c r="B26208" s="6"/>
      <c r="C26208" s="6" t="s">
        <v>26615</v>
      </c>
      <c r="D26208" s="6"/>
      <c r="E26208" s="6" t="s">
        <v>9</v>
      </c>
      <c r="F26208" s="7">
        <v>38657</v>
      </c>
      <c r="G26208" s="8">
        <v>15408800</v>
      </c>
      <c r="H26208" s="8">
        <v>15408800</v>
      </c>
      <c r="I26208" s="8">
        <v>0</v>
      </c>
      <c r="J26208" s="8">
        <v>15408800</v>
      </c>
      <c r="K26208" s="9">
        <v>374</v>
      </c>
      <c r="L26208" s="6" t="s">
        <v>10</v>
      </c>
    </row>
    <row r="26209" spans="1:12">
      <c r="A26209" s="6" t="s">
        <v>26591</v>
      </c>
      <c r="B26209" s="6"/>
      <c r="C26209" s="6" t="s">
        <v>26616</v>
      </c>
      <c r="D26209" s="6"/>
      <c r="E26209" s="6" t="s">
        <v>9</v>
      </c>
      <c r="F26209" s="7">
        <v>38657</v>
      </c>
      <c r="G26209" s="8">
        <v>18704800</v>
      </c>
      <c r="H26209" s="8">
        <v>18704800</v>
      </c>
      <c r="I26209" s="8">
        <v>0</v>
      </c>
      <c r="J26209" s="8">
        <v>18704800</v>
      </c>
      <c r="K26209" s="9">
        <v>454</v>
      </c>
      <c r="L26209" s="6" t="s">
        <v>10</v>
      </c>
    </row>
    <row r="26210" spans="1:12">
      <c r="A26210" s="6" t="s">
        <v>26591</v>
      </c>
      <c r="B26210" s="6"/>
      <c r="C26210" s="6" t="s">
        <v>26617</v>
      </c>
      <c r="D26210" s="6"/>
      <c r="E26210" s="6" t="s">
        <v>9</v>
      </c>
      <c r="F26210" s="7">
        <v>38657</v>
      </c>
      <c r="G26210" s="8">
        <v>11700800</v>
      </c>
      <c r="H26210" s="8">
        <v>11700800</v>
      </c>
      <c r="I26210" s="8">
        <v>0</v>
      </c>
      <c r="J26210" s="8">
        <v>11700800</v>
      </c>
      <c r="K26210" s="9">
        <v>284</v>
      </c>
      <c r="L26210" s="6" t="s">
        <v>10</v>
      </c>
    </row>
    <row r="26211" spans="1:12">
      <c r="A26211" s="6" t="s">
        <v>26591</v>
      </c>
      <c r="B26211" s="6"/>
      <c r="C26211" s="6" t="s">
        <v>26618</v>
      </c>
      <c r="D26211" s="6"/>
      <c r="E26211" s="6" t="s">
        <v>9</v>
      </c>
      <c r="F26211" s="7">
        <v>38657</v>
      </c>
      <c r="G26211" s="8">
        <v>11072000</v>
      </c>
      <c r="H26211" s="8">
        <v>11072000</v>
      </c>
      <c r="I26211" s="8">
        <v>0</v>
      </c>
      <c r="J26211" s="8">
        <v>11072000</v>
      </c>
      <c r="K26211" s="9">
        <v>173</v>
      </c>
      <c r="L26211" s="6" t="s">
        <v>10</v>
      </c>
    </row>
    <row r="26212" spans="1:12">
      <c r="A26212" s="6" t="s">
        <v>26591</v>
      </c>
      <c r="B26212" s="6"/>
      <c r="C26212" s="6" t="s">
        <v>26619</v>
      </c>
      <c r="D26212" s="6"/>
      <c r="E26212" s="6" t="s">
        <v>9</v>
      </c>
      <c r="F26212" s="7">
        <v>38657</v>
      </c>
      <c r="G26212" s="8">
        <v>18176000</v>
      </c>
      <c r="H26212" s="8">
        <v>18176000</v>
      </c>
      <c r="I26212" s="8">
        <v>0</v>
      </c>
      <c r="J26212" s="8">
        <v>18176000</v>
      </c>
      <c r="K26212" s="9">
        <v>284</v>
      </c>
      <c r="L26212" s="6" t="s">
        <v>10</v>
      </c>
    </row>
    <row r="26213" spans="1:12">
      <c r="A26213" s="6" t="s">
        <v>26591</v>
      </c>
      <c r="B26213" s="6"/>
      <c r="C26213" s="6" t="s">
        <v>26620</v>
      </c>
      <c r="D26213" s="6"/>
      <c r="E26213" s="6" t="s">
        <v>9</v>
      </c>
      <c r="F26213" s="7">
        <v>38657</v>
      </c>
      <c r="G26213" s="8">
        <v>2512500</v>
      </c>
      <c r="H26213" s="8">
        <v>2512500</v>
      </c>
      <c r="I26213" s="8">
        <v>0</v>
      </c>
      <c r="J26213" s="8">
        <v>2512500</v>
      </c>
      <c r="K26213" s="9">
        <v>67</v>
      </c>
      <c r="L26213" s="6" t="s">
        <v>10</v>
      </c>
    </row>
    <row r="26214" spans="1:12">
      <c r="A26214" s="6" t="s">
        <v>26591</v>
      </c>
      <c r="B26214" s="6"/>
      <c r="C26214" s="6" t="s">
        <v>26621</v>
      </c>
      <c r="D26214" s="6"/>
      <c r="E26214" s="6" t="s">
        <v>9</v>
      </c>
      <c r="F26214" s="7">
        <v>38657</v>
      </c>
      <c r="G26214" s="8">
        <v>4950000</v>
      </c>
      <c r="H26214" s="8">
        <v>4950000</v>
      </c>
      <c r="I26214" s="8">
        <v>0</v>
      </c>
      <c r="J26214" s="8">
        <v>4950000</v>
      </c>
      <c r="K26214" s="9">
        <v>132</v>
      </c>
      <c r="L26214" s="6" t="s">
        <v>10</v>
      </c>
    </row>
    <row r="26215" spans="1:12">
      <c r="A26215" s="6" t="s">
        <v>26591</v>
      </c>
      <c r="B26215" s="6"/>
      <c r="C26215" s="6" t="s">
        <v>26622</v>
      </c>
      <c r="D26215" s="6"/>
      <c r="E26215" s="6" t="s">
        <v>9</v>
      </c>
      <c r="F26215" s="7">
        <v>38657</v>
      </c>
      <c r="G26215" s="8">
        <v>3862500</v>
      </c>
      <c r="H26215" s="8">
        <v>3862500</v>
      </c>
      <c r="I26215" s="8">
        <v>0</v>
      </c>
      <c r="J26215" s="8">
        <v>3862500</v>
      </c>
      <c r="K26215" s="9">
        <v>103</v>
      </c>
      <c r="L26215" s="6" t="s">
        <v>10</v>
      </c>
    </row>
    <row r="26216" spans="1:12">
      <c r="A26216" s="6" t="s">
        <v>26591</v>
      </c>
      <c r="B26216" s="6"/>
      <c r="C26216" s="6" t="s">
        <v>26623</v>
      </c>
      <c r="D26216" s="6"/>
      <c r="E26216" s="6" t="s">
        <v>9</v>
      </c>
      <c r="F26216" s="7">
        <v>38657</v>
      </c>
      <c r="G26216" s="8">
        <v>7650000</v>
      </c>
      <c r="H26216" s="8">
        <v>7650000</v>
      </c>
      <c r="I26216" s="8">
        <v>0</v>
      </c>
      <c r="J26216" s="8">
        <v>7650000</v>
      </c>
      <c r="K26216" s="9">
        <v>204</v>
      </c>
      <c r="L26216" s="6" t="s">
        <v>10</v>
      </c>
    </row>
    <row r="26217" spans="1:12">
      <c r="A26217" s="6" t="s">
        <v>26591</v>
      </c>
      <c r="B26217" s="6"/>
      <c r="C26217" s="6" t="s">
        <v>26624</v>
      </c>
      <c r="D26217" s="6"/>
      <c r="E26217" s="6" t="s">
        <v>9</v>
      </c>
      <c r="F26217" s="7">
        <v>38657</v>
      </c>
      <c r="G26217" s="8">
        <v>13762500</v>
      </c>
      <c r="H26217" s="8">
        <v>13762500</v>
      </c>
      <c r="I26217" s="8">
        <v>0</v>
      </c>
      <c r="J26217" s="8">
        <v>13762500</v>
      </c>
      <c r="K26217" s="9">
        <v>367</v>
      </c>
      <c r="L26217" s="6" t="s">
        <v>10</v>
      </c>
    </row>
    <row r="26218" spans="1:12">
      <c r="A26218" s="6" t="s">
        <v>26591</v>
      </c>
      <c r="B26218" s="6"/>
      <c r="C26218" s="6" t="s">
        <v>26625</v>
      </c>
      <c r="D26218" s="6"/>
      <c r="E26218" s="6" t="s">
        <v>9</v>
      </c>
      <c r="F26218" s="7">
        <v>38657</v>
      </c>
      <c r="G26218" s="8">
        <v>13725000</v>
      </c>
      <c r="H26218" s="8">
        <v>13725000</v>
      </c>
      <c r="I26218" s="8">
        <v>0</v>
      </c>
      <c r="J26218" s="8">
        <v>13725000</v>
      </c>
      <c r="K26218" s="9">
        <v>366</v>
      </c>
      <c r="L26218" s="6" t="s">
        <v>10</v>
      </c>
    </row>
    <row r="26219" spans="1:12">
      <c r="A26219" s="6" t="s">
        <v>26626</v>
      </c>
      <c r="B26219" s="6"/>
      <c r="C26219" s="6" t="s">
        <v>26627</v>
      </c>
      <c r="D26219" s="6"/>
      <c r="E26219" s="6" t="s">
        <v>18740</v>
      </c>
      <c r="F26219" s="7">
        <v>38657</v>
      </c>
      <c r="G26219" s="8">
        <v>5270</v>
      </c>
      <c r="H26219" s="8">
        <v>5270</v>
      </c>
      <c r="I26219" s="8">
        <v>0</v>
      </c>
      <c r="J26219" s="8">
        <v>5270</v>
      </c>
      <c r="K26219" s="9">
        <v>310</v>
      </c>
      <c r="L26219" s="6" t="s">
        <v>16860</v>
      </c>
    </row>
    <row r="26220" spans="1:12">
      <c r="A26220" s="6" t="s">
        <v>26626</v>
      </c>
      <c r="B26220" s="6"/>
      <c r="C26220" s="6" t="s">
        <v>26628</v>
      </c>
      <c r="D26220" s="6"/>
      <c r="E26220" s="6" t="s">
        <v>18740</v>
      </c>
      <c r="F26220" s="7">
        <v>38657</v>
      </c>
      <c r="G26220" s="8">
        <v>4896</v>
      </c>
      <c r="H26220" s="8">
        <v>4896</v>
      </c>
      <c r="I26220" s="8">
        <v>0</v>
      </c>
      <c r="J26220" s="8">
        <v>4896</v>
      </c>
      <c r="K26220" s="9">
        <v>288</v>
      </c>
      <c r="L26220" s="6" t="s">
        <v>16860</v>
      </c>
    </row>
    <row r="26221" spans="1:12">
      <c r="A26221" s="6" t="s">
        <v>26629</v>
      </c>
      <c r="B26221" s="6"/>
      <c r="C26221" s="6" t="s">
        <v>26630</v>
      </c>
      <c r="D26221" s="6"/>
      <c r="E26221" s="6" t="s">
        <v>18740</v>
      </c>
      <c r="F26221" s="7">
        <v>38657</v>
      </c>
      <c r="G26221" s="8">
        <v>105706</v>
      </c>
      <c r="H26221" s="8">
        <v>105706</v>
      </c>
      <c r="I26221" s="8">
        <v>0</v>
      </c>
      <c r="J26221" s="8">
        <v>105706</v>
      </c>
      <c r="K26221" s="9">
        <v>6218</v>
      </c>
      <c r="L26221" s="6" t="s">
        <v>16860</v>
      </c>
    </row>
    <row r="26222" spans="1:12">
      <c r="A26222" s="6" t="s">
        <v>26629</v>
      </c>
      <c r="B26222" s="6"/>
      <c r="C26222" s="6" t="s">
        <v>26631</v>
      </c>
      <c r="D26222" s="6"/>
      <c r="E26222" s="6" t="s">
        <v>18740</v>
      </c>
      <c r="F26222" s="7">
        <v>38657</v>
      </c>
      <c r="G26222" s="8">
        <v>105706</v>
      </c>
      <c r="H26222" s="8">
        <v>105706</v>
      </c>
      <c r="I26222" s="8">
        <v>0</v>
      </c>
      <c r="J26222" s="8">
        <v>105706</v>
      </c>
      <c r="K26222" s="9">
        <v>6218</v>
      </c>
      <c r="L26222" s="6" t="s">
        <v>16860</v>
      </c>
    </row>
    <row r="26223" spans="1:12">
      <c r="A26223" s="6" t="s">
        <v>26632</v>
      </c>
      <c r="B26223" s="6"/>
      <c r="C26223" s="6" t="s">
        <v>26633</v>
      </c>
      <c r="D26223" s="6"/>
      <c r="E26223" s="6" t="s">
        <v>18740</v>
      </c>
      <c r="F26223" s="7">
        <v>38657</v>
      </c>
      <c r="G26223" s="8">
        <v>561</v>
      </c>
      <c r="H26223" s="8">
        <v>561</v>
      </c>
      <c r="I26223" s="8">
        <v>0</v>
      </c>
      <c r="J26223" s="8">
        <v>561</v>
      </c>
      <c r="K26223" s="9">
        <v>33</v>
      </c>
      <c r="L26223" s="6" t="s">
        <v>16860</v>
      </c>
    </row>
    <row r="26224" spans="1:12">
      <c r="A26224" s="6" t="s">
        <v>26634</v>
      </c>
      <c r="B26224" s="6"/>
      <c r="C26224" s="6" t="s">
        <v>26635</v>
      </c>
      <c r="D26224" s="6"/>
      <c r="E26224" s="6" t="s">
        <v>18740</v>
      </c>
      <c r="F26224" s="7">
        <v>38657</v>
      </c>
      <c r="G26224" s="8">
        <v>24583000</v>
      </c>
      <c r="H26224" s="8">
        <v>24583000</v>
      </c>
      <c r="I26224" s="8">
        <v>0</v>
      </c>
      <c r="J26224" s="8">
        <v>24583000</v>
      </c>
      <c r="K26224" s="9">
        <v>793</v>
      </c>
      <c r="L26224" s="6" t="s">
        <v>10</v>
      </c>
    </row>
    <row r="26225" spans="1:12">
      <c r="A26225" s="6" t="s">
        <v>26636</v>
      </c>
      <c r="B26225" s="6"/>
      <c r="C26225" s="6" t="s">
        <v>26637</v>
      </c>
      <c r="D26225" s="6"/>
      <c r="E26225" s="6" t="s">
        <v>18740</v>
      </c>
      <c r="F26225" s="7">
        <v>38657</v>
      </c>
      <c r="G26225" s="8">
        <v>41</v>
      </c>
      <c r="H26225" s="8">
        <v>41</v>
      </c>
      <c r="I26225" s="8">
        <v>0</v>
      </c>
      <c r="J26225" s="8">
        <v>41</v>
      </c>
      <c r="K26225" s="9">
        <v>2.4700000000000002</v>
      </c>
      <c r="L26225" s="6" t="s">
        <v>16860</v>
      </c>
    </row>
    <row r="26226" spans="1:12">
      <c r="A26226" s="6" t="s">
        <v>26636</v>
      </c>
      <c r="B26226" s="6"/>
      <c r="C26226" s="6" t="s">
        <v>26638</v>
      </c>
      <c r="D26226" s="6"/>
      <c r="E26226" s="6" t="s">
        <v>18740</v>
      </c>
      <c r="F26226" s="7">
        <v>38657</v>
      </c>
      <c r="G26226" s="8">
        <v>1887</v>
      </c>
      <c r="H26226" s="8">
        <v>1887</v>
      </c>
      <c r="I26226" s="8">
        <v>0</v>
      </c>
      <c r="J26226" s="8">
        <v>1887</v>
      </c>
      <c r="K26226" s="9">
        <v>111</v>
      </c>
      <c r="L26226" s="6" t="s">
        <v>16860</v>
      </c>
    </row>
    <row r="26227" spans="1:12">
      <c r="A26227" s="6" t="s">
        <v>26636</v>
      </c>
      <c r="B26227" s="6"/>
      <c r="C26227" s="6" t="s">
        <v>26639</v>
      </c>
      <c r="D26227" s="6"/>
      <c r="E26227" s="6" t="s">
        <v>18740</v>
      </c>
      <c r="F26227" s="7">
        <v>38657</v>
      </c>
      <c r="G26227" s="8">
        <v>646</v>
      </c>
      <c r="H26227" s="8">
        <v>646</v>
      </c>
      <c r="I26227" s="8">
        <v>0</v>
      </c>
      <c r="J26227" s="8">
        <v>646</v>
      </c>
      <c r="K26227" s="9">
        <v>38</v>
      </c>
      <c r="L26227" s="6" t="s">
        <v>16860</v>
      </c>
    </row>
    <row r="26228" spans="1:12">
      <c r="A26228" s="6" t="s">
        <v>26636</v>
      </c>
      <c r="B26228" s="6"/>
      <c r="C26228" s="6" t="s">
        <v>26640</v>
      </c>
      <c r="D26228" s="6"/>
      <c r="E26228" s="6" t="s">
        <v>18740</v>
      </c>
      <c r="F26228" s="7">
        <v>38657</v>
      </c>
      <c r="G26228" s="8">
        <v>3485</v>
      </c>
      <c r="H26228" s="8">
        <v>3485</v>
      </c>
      <c r="I26228" s="8">
        <v>0</v>
      </c>
      <c r="J26228" s="8">
        <v>3485</v>
      </c>
      <c r="K26228" s="9">
        <v>205</v>
      </c>
      <c r="L26228" s="6" t="s">
        <v>16860</v>
      </c>
    </row>
    <row r="26229" spans="1:12">
      <c r="A26229" s="6" t="s">
        <v>26636</v>
      </c>
      <c r="B26229" s="6"/>
      <c r="C26229" s="6" t="s">
        <v>26641</v>
      </c>
      <c r="D26229" s="6"/>
      <c r="E26229" s="6" t="s">
        <v>18740</v>
      </c>
      <c r="F26229" s="7">
        <v>38657</v>
      </c>
      <c r="G26229" s="8">
        <v>3077</v>
      </c>
      <c r="H26229" s="8">
        <v>3077</v>
      </c>
      <c r="I26229" s="8">
        <v>0</v>
      </c>
      <c r="J26229" s="8">
        <v>3077</v>
      </c>
      <c r="K26229" s="9">
        <v>181</v>
      </c>
      <c r="L26229" s="6" t="s">
        <v>16860</v>
      </c>
    </row>
    <row r="26230" spans="1:12">
      <c r="A26230" s="6" t="s">
        <v>26636</v>
      </c>
      <c r="B26230" s="6"/>
      <c r="C26230" s="6" t="s">
        <v>26642</v>
      </c>
      <c r="D26230" s="6"/>
      <c r="E26230" s="6" t="s">
        <v>18740</v>
      </c>
      <c r="F26230" s="7">
        <v>38657</v>
      </c>
      <c r="G26230" s="8">
        <v>1360</v>
      </c>
      <c r="H26230" s="8">
        <v>1360</v>
      </c>
      <c r="I26230" s="8">
        <v>0</v>
      </c>
      <c r="J26230" s="8">
        <v>1360</v>
      </c>
      <c r="K26230" s="9">
        <v>80</v>
      </c>
      <c r="L26230" s="6" t="s">
        <v>16860</v>
      </c>
    </row>
    <row r="26231" spans="1:12">
      <c r="A26231" s="6" t="s">
        <v>26636</v>
      </c>
      <c r="B26231" s="6"/>
      <c r="C26231" s="6" t="s">
        <v>26643</v>
      </c>
      <c r="D26231" s="6"/>
      <c r="E26231" s="6" t="s">
        <v>18740</v>
      </c>
      <c r="F26231" s="7">
        <v>38657</v>
      </c>
      <c r="G26231" s="8">
        <v>5</v>
      </c>
      <c r="H26231" s="8">
        <v>5</v>
      </c>
      <c r="I26231" s="8">
        <v>0</v>
      </c>
      <c r="J26231" s="8">
        <v>5</v>
      </c>
      <c r="K26231" s="9">
        <v>0.35</v>
      </c>
      <c r="L26231" s="6" t="s">
        <v>16860</v>
      </c>
    </row>
    <row r="26232" spans="1:12">
      <c r="A26232" s="6" t="s">
        <v>26644</v>
      </c>
      <c r="B26232" s="6"/>
      <c r="C26232" s="6" t="s">
        <v>26645</v>
      </c>
      <c r="D26232" s="6"/>
      <c r="E26232" s="6" t="s">
        <v>18740</v>
      </c>
      <c r="F26232" s="7">
        <v>38657</v>
      </c>
      <c r="G26232" s="8">
        <v>4080</v>
      </c>
      <c r="H26232" s="8">
        <v>4080</v>
      </c>
      <c r="I26232" s="8">
        <v>0</v>
      </c>
      <c r="J26232" s="8">
        <v>4080</v>
      </c>
      <c r="K26232" s="9">
        <v>240</v>
      </c>
      <c r="L26232" s="6" t="s">
        <v>16860</v>
      </c>
    </row>
    <row r="26233" spans="1:12">
      <c r="A26233" s="6" t="s">
        <v>26644</v>
      </c>
      <c r="B26233" s="6"/>
      <c r="C26233" s="6" t="s">
        <v>26646</v>
      </c>
      <c r="D26233" s="6"/>
      <c r="E26233" s="6" t="s">
        <v>18740</v>
      </c>
      <c r="F26233" s="7">
        <v>38657</v>
      </c>
      <c r="G26233" s="8">
        <v>153</v>
      </c>
      <c r="H26233" s="8">
        <v>153</v>
      </c>
      <c r="I26233" s="8">
        <v>0</v>
      </c>
      <c r="J26233" s="8">
        <v>153</v>
      </c>
      <c r="K26233" s="9">
        <v>9.0500000000000007</v>
      </c>
      <c r="L26233" s="6" t="s">
        <v>16860</v>
      </c>
    </row>
    <row r="26234" spans="1:12">
      <c r="A26234" s="6" t="s">
        <v>26644</v>
      </c>
      <c r="B26234" s="6"/>
      <c r="C26234" s="6" t="s">
        <v>26647</v>
      </c>
      <c r="D26234" s="6"/>
      <c r="E26234" s="6" t="s">
        <v>18740</v>
      </c>
      <c r="F26234" s="7">
        <v>38657</v>
      </c>
      <c r="G26234" s="8">
        <v>4335</v>
      </c>
      <c r="H26234" s="8">
        <v>4335</v>
      </c>
      <c r="I26234" s="8">
        <v>0</v>
      </c>
      <c r="J26234" s="8">
        <v>4335</v>
      </c>
      <c r="K26234" s="9">
        <v>255</v>
      </c>
      <c r="L26234" s="6" t="s">
        <v>16860</v>
      </c>
    </row>
    <row r="26235" spans="1:12">
      <c r="A26235" s="6" t="s">
        <v>26644</v>
      </c>
      <c r="B26235" s="6"/>
      <c r="C26235" s="6" t="s">
        <v>26648</v>
      </c>
      <c r="D26235" s="6"/>
      <c r="E26235" s="6" t="s">
        <v>18740</v>
      </c>
      <c r="F26235" s="7">
        <v>38657</v>
      </c>
      <c r="G26235" s="8">
        <v>221</v>
      </c>
      <c r="H26235" s="8">
        <v>221</v>
      </c>
      <c r="I26235" s="8">
        <v>0</v>
      </c>
      <c r="J26235" s="8">
        <v>221</v>
      </c>
      <c r="K26235" s="9">
        <v>13</v>
      </c>
      <c r="L26235" s="6" t="s">
        <v>16860</v>
      </c>
    </row>
    <row r="26236" spans="1:12">
      <c r="A26236" s="6" t="s">
        <v>26644</v>
      </c>
      <c r="B26236" s="6"/>
      <c r="C26236" s="6" t="s">
        <v>26649</v>
      </c>
      <c r="D26236" s="6"/>
      <c r="E26236" s="6" t="s">
        <v>18740</v>
      </c>
      <c r="F26236" s="7">
        <v>38657</v>
      </c>
      <c r="G26236" s="8">
        <v>61</v>
      </c>
      <c r="H26236" s="8">
        <v>61</v>
      </c>
      <c r="I26236" s="8">
        <v>0</v>
      </c>
      <c r="J26236" s="8">
        <v>61</v>
      </c>
      <c r="K26236" s="9">
        <v>3.6</v>
      </c>
      <c r="L26236" s="6" t="s">
        <v>16860</v>
      </c>
    </row>
    <row r="26237" spans="1:12">
      <c r="A26237" s="6" t="s">
        <v>26644</v>
      </c>
      <c r="B26237" s="6"/>
      <c r="C26237" s="6" t="s">
        <v>26650</v>
      </c>
      <c r="D26237" s="6"/>
      <c r="E26237" s="6" t="s">
        <v>18740</v>
      </c>
      <c r="F26237" s="7">
        <v>38657</v>
      </c>
      <c r="G26237" s="8">
        <v>3740</v>
      </c>
      <c r="H26237" s="8">
        <v>3740</v>
      </c>
      <c r="I26237" s="8">
        <v>0</v>
      </c>
      <c r="J26237" s="8">
        <v>3740</v>
      </c>
      <c r="K26237" s="9">
        <v>220</v>
      </c>
      <c r="L26237" s="6" t="s">
        <v>16860</v>
      </c>
    </row>
    <row r="26238" spans="1:12">
      <c r="A26238" s="6" t="s">
        <v>26644</v>
      </c>
      <c r="B26238" s="6"/>
      <c r="C26238" s="6" t="s">
        <v>26651</v>
      </c>
      <c r="D26238" s="6"/>
      <c r="E26238" s="6" t="s">
        <v>18740</v>
      </c>
      <c r="F26238" s="7">
        <v>38657</v>
      </c>
      <c r="G26238" s="8">
        <v>75</v>
      </c>
      <c r="H26238" s="8">
        <v>75</v>
      </c>
      <c r="I26238" s="8">
        <v>0</v>
      </c>
      <c r="J26238" s="8">
        <v>75</v>
      </c>
      <c r="K26238" s="9">
        <v>4.4400000000000004</v>
      </c>
      <c r="L26238" s="6" t="s">
        <v>16860</v>
      </c>
    </row>
    <row r="26239" spans="1:12">
      <c r="A26239" s="6" t="s">
        <v>26644</v>
      </c>
      <c r="B26239" s="6"/>
      <c r="C26239" s="6" t="s">
        <v>26652</v>
      </c>
      <c r="D26239" s="6"/>
      <c r="E26239" s="6" t="s">
        <v>18740</v>
      </c>
      <c r="F26239" s="7">
        <v>38657</v>
      </c>
      <c r="G26239" s="8">
        <v>14</v>
      </c>
      <c r="H26239" s="8">
        <v>14</v>
      </c>
      <c r="I26239" s="8">
        <v>0</v>
      </c>
      <c r="J26239" s="8">
        <v>14</v>
      </c>
      <c r="K26239" s="9">
        <v>0.86</v>
      </c>
      <c r="L26239" s="6" t="s">
        <v>16860</v>
      </c>
    </row>
    <row r="26240" spans="1:12">
      <c r="A26240" s="6" t="s">
        <v>26644</v>
      </c>
      <c r="B26240" s="6"/>
      <c r="C26240" s="6" t="s">
        <v>26653</v>
      </c>
      <c r="D26240" s="6"/>
      <c r="E26240" s="6" t="s">
        <v>18740</v>
      </c>
      <c r="F26240" s="7">
        <v>38657</v>
      </c>
      <c r="G26240" s="8">
        <v>2380</v>
      </c>
      <c r="H26240" s="8">
        <v>2380</v>
      </c>
      <c r="I26240" s="8">
        <v>0</v>
      </c>
      <c r="J26240" s="8">
        <v>2380</v>
      </c>
      <c r="K26240" s="9">
        <v>140</v>
      </c>
      <c r="L26240" s="6" t="s">
        <v>16860</v>
      </c>
    </row>
    <row r="26241" spans="1:12">
      <c r="A26241" s="6" t="s">
        <v>26644</v>
      </c>
      <c r="B26241" s="6"/>
      <c r="C26241" s="6" t="s">
        <v>26654</v>
      </c>
      <c r="D26241" s="6"/>
      <c r="E26241" s="6" t="s">
        <v>18740</v>
      </c>
      <c r="F26241" s="7">
        <v>38657</v>
      </c>
      <c r="G26241" s="8">
        <v>7820</v>
      </c>
      <c r="H26241" s="8">
        <v>7820</v>
      </c>
      <c r="I26241" s="8">
        <v>0</v>
      </c>
      <c r="J26241" s="8">
        <v>7820</v>
      </c>
      <c r="K26241" s="9">
        <v>460</v>
      </c>
      <c r="L26241" s="6" t="s">
        <v>16860</v>
      </c>
    </row>
    <row r="26242" spans="1:12">
      <c r="A26242" s="6" t="s">
        <v>26644</v>
      </c>
      <c r="B26242" s="6"/>
      <c r="C26242" s="6" t="s">
        <v>26655</v>
      </c>
      <c r="D26242" s="6"/>
      <c r="E26242" s="6" t="s">
        <v>18740</v>
      </c>
      <c r="F26242" s="7">
        <v>38657</v>
      </c>
      <c r="G26242" s="8">
        <v>56</v>
      </c>
      <c r="H26242" s="8">
        <v>56</v>
      </c>
      <c r="I26242" s="8">
        <v>0</v>
      </c>
      <c r="J26242" s="8">
        <v>56</v>
      </c>
      <c r="K26242" s="9">
        <v>3.33</v>
      </c>
      <c r="L26242" s="6" t="s">
        <v>16860</v>
      </c>
    </row>
    <row r="26243" spans="1:12">
      <c r="A26243" s="6" t="s">
        <v>26644</v>
      </c>
      <c r="B26243" s="6"/>
      <c r="C26243" s="6" t="s">
        <v>26656</v>
      </c>
      <c r="D26243" s="6"/>
      <c r="E26243" s="6" t="s">
        <v>18740</v>
      </c>
      <c r="F26243" s="7">
        <v>38657</v>
      </c>
      <c r="G26243" s="8">
        <v>26</v>
      </c>
      <c r="H26243" s="8">
        <v>26</v>
      </c>
      <c r="I26243" s="8">
        <v>0</v>
      </c>
      <c r="J26243" s="8">
        <v>26</v>
      </c>
      <c r="K26243" s="9">
        <v>1.55</v>
      </c>
      <c r="L26243" s="6" t="s">
        <v>16860</v>
      </c>
    </row>
    <row r="26244" spans="1:12">
      <c r="A26244" s="6" t="s">
        <v>26644</v>
      </c>
      <c r="B26244" s="6"/>
      <c r="C26244" s="6" t="s">
        <v>26657</v>
      </c>
      <c r="D26244" s="6"/>
      <c r="E26244" s="6" t="s">
        <v>18740</v>
      </c>
      <c r="F26244" s="7">
        <v>38657</v>
      </c>
      <c r="G26244" s="8">
        <v>1054</v>
      </c>
      <c r="H26244" s="8">
        <v>1054</v>
      </c>
      <c r="I26244" s="8">
        <v>0</v>
      </c>
      <c r="J26244" s="8">
        <v>1054</v>
      </c>
      <c r="K26244" s="9">
        <v>62</v>
      </c>
      <c r="L26244" s="6" t="s">
        <v>16860</v>
      </c>
    </row>
    <row r="26245" spans="1:12">
      <c r="A26245" s="6" t="s">
        <v>26644</v>
      </c>
      <c r="B26245" s="6"/>
      <c r="C26245" s="6" t="s">
        <v>26658</v>
      </c>
      <c r="D26245" s="6"/>
      <c r="E26245" s="6" t="s">
        <v>18740</v>
      </c>
      <c r="F26245" s="7">
        <v>38657</v>
      </c>
      <c r="G26245" s="8">
        <v>1224</v>
      </c>
      <c r="H26245" s="8">
        <v>1224</v>
      </c>
      <c r="I26245" s="8">
        <v>0</v>
      </c>
      <c r="J26245" s="8">
        <v>1224</v>
      </c>
      <c r="K26245" s="9">
        <v>72</v>
      </c>
      <c r="L26245" s="6" t="s">
        <v>16860</v>
      </c>
    </row>
    <row r="26246" spans="1:12">
      <c r="A26246" s="6" t="s">
        <v>26659</v>
      </c>
      <c r="B26246" s="6"/>
      <c r="C26246" s="6" t="s">
        <v>26660</v>
      </c>
      <c r="D26246" s="6"/>
      <c r="E26246" s="6" t="s">
        <v>18740</v>
      </c>
      <c r="F26246" s="7">
        <v>38657</v>
      </c>
      <c r="G26246" s="8">
        <v>2992</v>
      </c>
      <c r="H26246" s="8">
        <v>2992</v>
      </c>
      <c r="I26246" s="8">
        <v>0</v>
      </c>
      <c r="J26246" s="8">
        <v>2992</v>
      </c>
      <c r="K26246" s="9">
        <v>176</v>
      </c>
      <c r="L26246" s="6" t="s">
        <v>16860</v>
      </c>
    </row>
    <row r="26247" spans="1:12">
      <c r="A26247" s="6" t="s">
        <v>26661</v>
      </c>
      <c r="B26247" s="6"/>
      <c r="C26247" s="6" t="s">
        <v>26662</v>
      </c>
      <c r="D26247" s="6"/>
      <c r="E26247" s="6" t="s">
        <v>18740</v>
      </c>
      <c r="F26247" s="7">
        <v>38657</v>
      </c>
      <c r="G26247" s="8">
        <v>255</v>
      </c>
      <c r="H26247" s="8">
        <v>255</v>
      </c>
      <c r="I26247" s="8">
        <v>0</v>
      </c>
      <c r="J26247" s="8">
        <v>255</v>
      </c>
      <c r="K26247" s="9">
        <v>15</v>
      </c>
      <c r="L26247" s="6" t="s">
        <v>16860</v>
      </c>
    </row>
    <row r="26248" spans="1:12">
      <c r="A26248" s="6" t="s">
        <v>26663</v>
      </c>
      <c r="B26248" s="6"/>
      <c r="C26248" s="6" t="s">
        <v>26664</v>
      </c>
      <c r="D26248" s="6"/>
      <c r="E26248" s="6" t="s">
        <v>18740</v>
      </c>
      <c r="F26248" s="7">
        <v>38657</v>
      </c>
      <c r="G26248" s="8">
        <v>38159180</v>
      </c>
      <c r="H26248" s="8">
        <v>38159180</v>
      </c>
      <c r="I26248" s="8">
        <v>0</v>
      </c>
      <c r="J26248" s="8">
        <v>38159180</v>
      </c>
      <c r="K26248" s="10">
        <v>1139</v>
      </c>
      <c r="L26248" s="6" t="s">
        <v>10</v>
      </c>
    </row>
    <row r="26249" spans="1:12">
      <c r="A26249" s="6" t="s">
        <v>26665</v>
      </c>
      <c r="B26249" s="6"/>
      <c r="C26249" s="6" t="s">
        <v>26666</v>
      </c>
      <c r="D26249" s="6"/>
      <c r="E26249" s="6" t="s">
        <v>18740</v>
      </c>
      <c r="F26249" s="7">
        <v>38657</v>
      </c>
      <c r="G26249" s="8">
        <v>41</v>
      </c>
      <c r="H26249" s="8">
        <v>41</v>
      </c>
      <c r="I26249" s="8">
        <v>0</v>
      </c>
      <c r="J26249" s="8">
        <v>41</v>
      </c>
      <c r="K26249" s="9">
        <v>2.4500000000000002</v>
      </c>
      <c r="L26249" s="6" t="s">
        <v>16860</v>
      </c>
    </row>
    <row r="26250" spans="1:12">
      <c r="A26250" s="6" t="s">
        <v>26667</v>
      </c>
      <c r="B26250" s="6"/>
      <c r="C26250" s="6" t="s">
        <v>26668</v>
      </c>
      <c r="D26250" s="6"/>
      <c r="E26250" s="6" t="s">
        <v>18740</v>
      </c>
      <c r="F26250" s="7">
        <v>38657</v>
      </c>
      <c r="G26250" s="8">
        <v>680</v>
      </c>
      <c r="H26250" s="8">
        <v>680</v>
      </c>
      <c r="I26250" s="8">
        <v>0</v>
      </c>
      <c r="J26250" s="8">
        <v>680</v>
      </c>
      <c r="K26250" s="9">
        <v>40</v>
      </c>
      <c r="L26250" s="6" t="s">
        <v>16860</v>
      </c>
    </row>
    <row r="26251" spans="1:12">
      <c r="A26251" s="6" t="s">
        <v>26667</v>
      </c>
      <c r="B26251" s="6"/>
      <c r="C26251" s="6" t="s">
        <v>26669</v>
      </c>
      <c r="D26251" s="6"/>
      <c r="E26251" s="6" t="s">
        <v>18740</v>
      </c>
      <c r="F26251" s="7">
        <v>38657</v>
      </c>
      <c r="G26251" s="8">
        <v>1938</v>
      </c>
      <c r="H26251" s="8">
        <v>1938</v>
      </c>
      <c r="I26251" s="8">
        <v>0</v>
      </c>
      <c r="J26251" s="8">
        <v>1938</v>
      </c>
      <c r="K26251" s="9">
        <v>114</v>
      </c>
      <c r="L26251" s="6" t="s">
        <v>16860</v>
      </c>
    </row>
    <row r="26252" spans="1:12">
      <c r="A26252" s="6" t="s">
        <v>26667</v>
      </c>
      <c r="B26252" s="6"/>
      <c r="C26252" s="6" t="s">
        <v>26670</v>
      </c>
      <c r="D26252" s="6"/>
      <c r="E26252" s="6" t="s">
        <v>18740</v>
      </c>
      <c r="F26252" s="7">
        <v>38657</v>
      </c>
      <c r="G26252" s="8">
        <v>2006</v>
      </c>
      <c r="H26252" s="8">
        <v>2006</v>
      </c>
      <c r="I26252" s="8">
        <v>0</v>
      </c>
      <c r="J26252" s="8">
        <v>2006</v>
      </c>
      <c r="K26252" s="9">
        <v>118</v>
      </c>
      <c r="L26252" s="6" t="s">
        <v>16860</v>
      </c>
    </row>
    <row r="26253" spans="1:12">
      <c r="A26253" s="6" t="s">
        <v>26671</v>
      </c>
      <c r="B26253" s="6"/>
      <c r="C26253" s="6" t="s">
        <v>26672</v>
      </c>
      <c r="D26253" s="6"/>
      <c r="E26253" s="6" t="s">
        <v>18740</v>
      </c>
      <c r="F26253" s="7">
        <v>38657</v>
      </c>
      <c r="G26253" s="8">
        <v>5219</v>
      </c>
      <c r="H26253" s="8">
        <v>5219</v>
      </c>
      <c r="I26253" s="8">
        <v>0</v>
      </c>
      <c r="J26253" s="8">
        <v>5219</v>
      </c>
      <c r="K26253" s="9">
        <v>307</v>
      </c>
      <c r="L26253" s="6" t="s">
        <v>16860</v>
      </c>
    </row>
    <row r="26254" spans="1:12">
      <c r="A26254" s="6" t="s">
        <v>26671</v>
      </c>
      <c r="B26254" s="6"/>
      <c r="C26254" s="6" t="s">
        <v>26673</v>
      </c>
      <c r="D26254" s="6"/>
      <c r="E26254" s="6" t="s">
        <v>18740</v>
      </c>
      <c r="F26254" s="7">
        <v>38657</v>
      </c>
      <c r="G26254" s="8">
        <v>782</v>
      </c>
      <c r="H26254" s="8">
        <v>782</v>
      </c>
      <c r="I26254" s="8">
        <v>0</v>
      </c>
      <c r="J26254" s="8">
        <v>782</v>
      </c>
      <c r="K26254" s="9">
        <v>46</v>
      </c>
      <c r="L26254" s="6" t="s">
        <v>16860</v>
      </c>
    </row>
    <row r="26255" spans="1:12">
      <c r="A26255" s="6" t="s">
        <v>26671</v>
      </c>
      <c r="B26255" s="6"/>
      <c r="C26255" s="6" t="s">
        <v>26674</v>
      </c>
      <c r="D26255" s="6"/>
      <c r="E26255" s="6" t="s">
        <v>18740</v>
      </c>
      <c r="F26255" s="7">
        <v>38657</v>
      </c>
      <c r="G26255" s="8">
        <v>493</v>
      </c>
      <c r="H26255" s="8">
        <v>493</v>
      </c>
      <c r="I26255" s="8">
        <v>0</v>
      </c>
      <c r="J26255" s="8">
        <v>493</v>
      </c>
      <c r="K26255" s="9">
        <v>29</v>
      </c>
      <c r="L26255" s="6" t="s">
        <v>16860</v>
      </c>
    </row>
    <row r="26256" spans="1:12">
      <c r="A26256" s="6" t="s">
        <v>26671</v>
      </c>
      <c r="B26256" s="6"/>
      <c r="C26256" s="6" t="s">
        <v>26675</v>
      </c>
      <c r="D26256" s="6"/>
      <c r="E26256" s="6" t="s">
        <v>18740</v>
      </c>
      <c r="F26256" s="7">
        <v>38657</v>
      </c>
      <c r="G26256" s="8">
        <v>1496</v>
      </c>
      <c r="H26256" s="8">
        <v>1496</v>
      </c>
      <c r="I26256" s="8">
        <v>0</v>
      </c>
      <c r="J26256" s="8">
        <v>1496</v>
      </c>
      <c r="K26256" s="9">
        <v>88</v>
      </c>
      <c r="L26256" s="6" t="s">
        <v>16860</v>
      </c>
    </row>
    <row r="26257" spans="1:12">
      <c r="A26257" s="6" t="s">
        <v>26671</v>
      </c>
      <c r="B26257" s="6"/>
      <c r="C26257" s="6" t="s">
        <v>26676</v>
      </c>
      <c r="D26257" s="6"/>
      <c r="E26257" s="6" t="s">
        <v>18740</v>
      </c>
      <c r="F26257" s="7">
        <v>38657</v>
      </c>
      <c r="G26257" s="8">
        <v>6069</v>
      </c>
      <c r="H26257" s="8">
        <v>6069</v>
      </c>
      <c r="I26257" s="8">
        <v>0</v>
      </c>
      <c r="J26257" s="8">
        <v>6069</v>
      </c>
      <c r="K26257" s="9">
        <v>357</v>
      </c>
      <c r="L26257" s="6" t="s">
        <v>16860</v>
      </c>
    </row>
    <row r="26258" spans="1:12">
      <c r="A26258" s="6" t="s">
        <v>26671</v>
      </c>
      <c r="B26258" s="6"/>
      <c r="C26258" s="6" t="s">
        <v>26677</v>
      </c>
      <c r="D26258" s="6"/>
      <c r="E26258" s="6" t="s">
        <v>18740</v>
      </c>
      <c r="F26258" s="7">
        <v>38657</v>
      </c>
      <c r="G26258" s="8">
        <v>6630</v>
      </c>
      <c r="H26258" s="8">
        <v>6630</v>
      </c>
      <c r="I26258" s="8">
        <v>0</v>
      </c>
      <c r="J26258" s="8">
        <v>6630</v>
      </c>
      <c r="K26258" s="9">
        <v>390</v>
      </c>
      <c r="L26258" s="6" t="s">
        <v>16860</v>
      </c>
    </row>
    <row r="26259" spans="1:12">
      <c r="A26259" s="6" t="s">
        <v>26671</v>
      </c>
      <c r="B26259" s="6"/>
      <c r="C26259" s="6" t="s">
        <v>26678</v>
      </c>
      <c r="D26259" s="6"/>
      <c r="E26259" s="6" t="s">
        <v>18740</v>
      </c>
      <c r="F26259" s="7">
        <v>38657</v>
      </c>
      <c r="G26259" s="8">
        <v>6953</v>
      </c>
      <c r="H26259" s="8">
        <v>6953</v>
      </c>
      <c r="I26259" s="8">
        <v>0</v>
      </c>
      <c r="J26259" s="8">
        <v>6953</v>
      </c>
      <c r="K26259" s="9">
        <v>409</v>
      </c>
      <c r="L26259" s="6" t="s">
        <v>16860</v>
      </c>
    </row>
    <row r="26260" spans="1:12">
      <c r="A26260" s="6" t="s">
        <v>26671</v>
      </c>
      <c r="B26260" s="6"/>
      <c r="C26260" s="6" t="s">
        <v>26679</v>
      </c>
      <c r="D26260" s="6"/>
      <c r="E26260" s="6" t="s">
        <v>18740</v>
      </c>
      <c r="F26260" s="7">
        <v>38657</v>
      </c>
      <c r="G26260" s="8">
        <v>2346</v>
      </c>
      <c r="H26260" s="8">
        <v>2346</v>
      </c>
      <c r="I26260" s="8">
        <v>0</v>
      </c>
      <c r="J26260" s="8">
        <v>2346</v>
      </c>
      <c r="K26260" s="9">
        <v>138</v>
      </c>
      <c r="L26260" s="6" t="s">
        <v>16860</v>
      </c>
    </row>
    <row r="26261" spans="1:12">
      <c r="A26261" s="6" t="s">
        <v>26671</v>
      </c>
      <c r="B26261" s="6"/>
      <c r="C26261" s="6" t="s">
        <v>26680</v>
      </c>
      <c r="D26261" s="6"/>
      <c r="E26261" s="6" t="s">
        <v>18740</v>
      </c>
      <c r="F26261" s="7">
        <v>38657</v>
      </c>
      <c r="G26261" s="8">
        <v>2295</v>
      </c>
      <c r="H26261" s="8">
        <v>2295</v>
      </c>
      <c r="I26261" s="8">
        <v>0</v>
      </c>
      <c r="J26261" s="8">
        <v>2295</v>
      </c>
      <c r="K26261" s="9">
        <v>135</v>
      </c>
      <c r="L26261" s="6" t="s">
        <v>16860</v>
      </c>
    </row>
    <row r="26262" spans="1:12">
      <c r="A26262" s="6" t="s">
        <v>26671</v>
      </c>
      <c r="B26262" s="6"/>
      <c r="C26262" s="6" t="s">
        <v>26681</v>
      </c>
      <c r="D26262" s="6"/>
      <c r="E26262" s="6" t="s">
        <v>18740</v>
      </c>
      <c r="F26262" s="7">
        <v>38657</v>
      </c>
      <c r="G26262" s="8">
        <v>9265</v>
      </c>
      <c r="H26262" s="8">
        <v>9265</v>
      </c>
      <c r="I26262" s="8">
        <v>0</v>
      </c>
      <c r="J26262" s="8">
        <v>9265</v>
      </c>
      <c r="K26262" s="9">
        <v>545</v>
      </c>
      <c r="L26262" s="6" t="s">
        <v>16860</v>
      </c>
    </row>
    <row r="26263" spans="1:12">
      <c r="A26263" s="6" t="s">
        <v>26682</v>
      </c>
      <c r="B26263" s="6"/>
      <c r="C26263" s="6" t="s">
        <v>26683</v>
      </c>
      <c r="D26263" s="6"/>
      <c r="E26263" s="6" t="s">
        <v>18740</v>
      </c>
      <c r="F26263" s="7">
        <v>38657</v>
      </c>
      <c r="G26263" s="8">
        <v>1683</v>
      </c>
      <c r="H26263" s="8">
        <v>1683</v>
      </c>
      <c r="I26263" s="8">
        <v>0</v>
      </c>
      <c r="J26263" s="8">
        <v>1683</v>
      </c>
      <c r="K26263" s="9">
        <v>99</v>
      </c>
      <c r="L26263" s="6" t="s">
        <v>16860</v>
      </c>
    </row>
    <row r="26264" spans="1:12">
      <c r="A26264" s="6" t="s">
        <v>26682</v>
      </c>
      <c r="B26264" s="6"/>
      <c r="C26264" s="6" t="s">
        <v>26684</v>
      </c>
      <c r="D26264" s="6"/>
      <c r="E26264" s="6" t="s">
        <v>18740</v>
      </c>
      <c r="F26264" s="7">
        <v>38657</v>
      </c>
      <c r="G26264" s="8">
        <v>5899</v>
      </c>
      <c r="H26264" s="8">
        <v>5899</v>
      </c>
      <c r="I26264" s="8">
        <v>0</v>
      </c>
      <c r="J26264" s="8">
        <v>5899</v>
      </c>
      <c r="K26264" s="9">
        <v>347</v>
      </c>
      <c r="L26264" s="6" t="s">
        <v>16860</v>
      </c>
    </row>
    <row r="26265" spans="1:12">
      <c r="A26265" s="6" t="s">
        <v>26682</v>
      </c>
      <c r="B26265" s="6"/>
      <c r="C26265" s="6" t="s">
        <v>26685</v>
      </c>
      <c r="D26265" s="6"/>
      <c r="E26265" s="6" t="s">
        <v>18740</v>
      </c>
      <c r="F26265" s="7">
        <v>38657</v>
      </c>
      <c r="G26265" s="8">
        <v>6953</v>
      </c>
      <c r="H26265" s="8">
        <v>6953</v>
      </c>
      <c r="I26265" s="8">
        <v>0</v>
      </c>
      <c r="J26265" s="8">
        <v>6953</v>
      </c>
      <c r="K26265" s="9">
        <v>409</v>
      </c>
      <c r="L26265" s="6" t="s">
        <v>16860</v>
      </c>
    </row>
    <row r="26266" spans="1:12">
      <c r="A26266" s="6" t="s">
        <v>26682</v>
      </c>
      <c r="B26266" s="6"/>
      <c r="C26266" s="6" t="s">
        <v>26686</v>
      </c>
      <c r="D26266" s="6"/>
      <c r="E26266" s="6" t="s">
        <v>18740</v>
      </c>
      <c r="F26266" s="7">
        <v>38657</v>
      </c>
      <c r="G26266" s="8">
        <v>1054</v>
      </c>
      <c r="H26266" s="8">
        <v>1054</v>
      </c>
      <c r="I26266" s="8">
        <v>0</v>
      </c>
      <c r="J26266" s="8">
        <v>1054</v>
      </c>
      <c r="K26266" s="9">
        <v>62</v>
      </c>
      <c r="L26266" s="6" t="s">
        <v>16860</v>
      </c>
    </row>
    <row r="26267" spans="1:12">
      <c r="A26267" s="6" t="s">
        <v>26682</v>
      </c>
      <c r="B26267" s="6"/>
      <c r="C26267" s="6" t="s">
        <v>26687</v>
      </c>
      <c r="D26267" s="6"/>
      <c r="E26267" s="6" t="s">
        <v>18740</v>
      </c>
      <c r="F26267" s="7">
        <v>38657</v>
      </c>
      <c r="G26267" s="8">
        <v>5270</v>
      </c>
      <c r="H26267" s="8">
        <v>5270</v>
      </c>
      <c r="I26267" s="8">
        <v>0</v>
      </c>
      <c r="J26267" s="8">
        <v>5270</v>
      </c>
      <c r="K26267" s="9">
        <v>310</v>
      </c>
      <c r="L26267" s="6" t="s">
        <v>16860</v>
      </c>
    </row>
    <row r="26268" spans="1:12">
      <c r="A26268" s="6" t="s">
        <v>26682</v>
      </c>
      <c r="B26268" s="6"/>
      <c r="C26268" s="6" t="s">
        <v>26688</v>
      </c>
      <c r="D26268" s="6"/>
      <c r="E26268" s="6" t="s">
        <v>18740</v>
      </c>
      <c r="F26268" s="7">
        <v>38657</v>
      </c>
      <c r="G26268" s="8">
        <v>2737</v>
      </c>
      <c r="H26268" s="8">
        <v>2737</v>
      </c>
      <c r="I26268" s="8">
        <v>0</v>
      </c>
      <c r="J26268" s="8">
        <v>2737</v>
      </c>
      <c r="K26268" s="9">
        <v>161</v>
      </c>
      <c r="L26268" s="6" t="s">
        <v>16860</v>
      </c>
    </row>
    <row r="26269" spans="1:12">
      <c r="A26269" s="6" t="s">
        <v>26682</v>
      </c>
      <c r="B26269" s="6"/>
      <c r="C26269" s="6" t="s">
        <v>26689</v>
      </c>
      <c r="D26269" s="6"/>
      <c r="E26269" s="6" t="s">
        <v>18740</v>
      </c>
      <c r="F26269" s="7">
        <v>38657</v>
      </c>
      <c r="G26269" s="8">
        <v>3638</v>
      </c>
      <c r="H26269" s="8">
        <v>3638</v>
      </c>
      <c r="I26269" s="8">
        <v>0</v>
      </c>
      <c r="J26269" s="8">
        <v>3638</v>
      </c>
      <c r="K26269" s="9">
        <v>214</v>
      </c>
      <c r="L26269" s="6" t="s">
        <v>16860</v>
      </c>
    </row>
    <row r="26270" spans="1:12">
      <c r="A26270" s="6" t="s">
        <v>26682</v>
      </c>
      <c r="B26270" s="6"/>
      <c r="C26270" s="6" t="s">
        <v>26690</v>
      </c>
      <c r="D26270" s="6"/>
      <c r="E26270" s="6" t="s">
        <v>18740</v>
      </c>
      <c r="F26270" s="7">
        <v>38657</v>
      </c>
      <c r="G26270" s="8">
        <v>4930</v>
      </c>
      <c r="H26270" s="8">
        <v>4930</v>
      </c>
      <c r="I26270" s="8">
        <v>0</v>
      </c>
      <c r="J26270" s="8">
        <v>4930</v>
      </c>
      <c r="K26270" s="9">
        <v>290</v>
      </c>
      <c r="L26270" s="6" t="s">
        <v>16860</v>
      </c>
    </row>
    <row r="26271" spans="1:12">
      <c r="A26271" s="6" t="s">
        <v>26682</v>
      </c>
      <c r="B26271" s="6"/>
      <c r="C26271" s="6" t="s">
        <v>26691</v>
      </c>
      <c r="D26271" s="6"/>
      <c r="E26271" s="6" t="s">
        <v>18740</v>
      </c>
      <c r="F26271" s="7">
        <v>38657</v>
      </c>
      <c r="G26271" s="8">
        <v>6324</v>
      </c>
      <c r="H26271" s="8">
        <v>6324</v>
      </c>
      <c r="I26271" s="8">
        <v>0</v>
      </c>
      <c r="J26271" s="8">
        <v>6324</v>
      </c>
      <c r="K26271" s="9">
        <v>372</v>
      </c>
      <c r="L26271" s="6" t="s">
        <v>16860</v>
      </c>
    </row>
    <row r="26272" spans="1:12">
      <c r="A26272" s="6" t="s">
        <v>26692</v>
      </c>
      <c r="B26272" s="6"/>
      <c r="C26272" s="6" t="s">
        <v>26693</v>
      </c>
      <c r="D26272" s="6"/>
      <c r="E26272" s="6" t="s">
        <v>18740</v>
      </c>
      <c r="F26272" s="7">
        <v>38657</v>
      </c>
      <c r="G26272" s="8">
        <v>544</v>
      </c>
      <c r="H26272" s="8">
        <v>544</v>
      </c>
      <c r="I26272" s="8">
        <v>0</v>
      </c>
      <c r="J26272" s="8">
        <v>544</v>
      </c>
      <c r="K26272" s="9">
        <v>32</v>
      </c>
      <c r="L26272" s="6" t="s">
        <v>16860</v>
      </c>
    </row>
    <row r="26273" spans="1:12">
      <c r="A26273" s="6" t="s">
        <v>26694</v>
      </c>
      <c r="B26273" s="6"/>
      <c r="C26273" s="6" t="s">
        <v>26695</v>
      </c>
      <c r="D26273" s="6"/>
      <c r="E26273" s="6" t="s">
        <v>18740</v>
      </c>
      <c r="F26273" s="7">
        <v>38657</v>
      </c>
      <c r="G26273" s="8">
        <v>2261</v>
      </c>
      <c r="H26273" s="8">
        <v>2261</v>
      </c>
      <c r="I26273" s="8">
        <v>0</v>
      </c>
      <c r="J26273" s="8">
        <v>2261</v>
      </c>
      <c r="K26273" s="9">
        <v>133</v>
      </c>
      <c r="L26273" s="6" t="s">
        <v>16860</v>
      </c>
    </row>
    <row r="26274" spans="1:12">
      <c r="A26274" s="6" t="s">
        <v>26694</v>
      </c>
      <c r="B26274" s="6"/>
      <c r="C26274" s="6" t="s">
        <v>26696</v>
      </c>
      <c r="D26274" s="6"/>
      <c r="E26274" s="6" t="s">
        <v>18740</v>
      </c>
      <c r="F26274" s="7">
        <v>38657</v>
      </c>
      <c r="G26274" s="8">
        <v>5576</v>
      </c>
      <c r="H26274" s="8">
        <v>5576</v>
      </c>
      <c r="I26274" s="8">
        <v>0</v>
      </c>
      <c r="J26274" s="8">
        <v>5576</v>
      </c>
      <c r="K26274" s="9">
        <v>328</v>
      </c>
      <c r="L26274" s="6" t="s">
        <v>16860</v>
      </c>
    </row>
    <row r="26275" spans="1:12">
      <c r="A26275" s="6" t="s">
        <v>26697</v>
      </c>
      <c r="B26275" s="6"/>
      <c r="C26275" s="6" t="s">
        <v>26698</v>
      </c>
      <c r="D26275" s="6"/>
      <c r="E26275" s="6" t="s">
        <v>18740</v>
      </c>
      <c r="F26275" s="7">
        <v>38657</v>
      </c>
      <c r="G26275" s="8">
        <v>2567</v>
      </c>
      <c r="H26275" s="8">
        <v>2567</v>
      </c>
      <c r="I26275" s="8">
        <v>0</v>
      </c>
      <c r="J26275" s="8">
        <v>2567</v>
      </c>
      <c r="K26275" s="9">
        <v>151</v>
      </c>
      <c r="L26275" s="6" t="s">
        <v>16860</v>
      </c>
    </row>
    <row r="26276" spans="1:12">
      <c r="A26276" s="6" t="s">
        <v>26699</v>
      </c>
      <c r="B26276" s="6"/>
      <c r="C26276" s="6" t="s">
        <v>26700</v>
      </c>
      <c r="D26276" s="6"/>
      <c r="E26276" s="6" t="s">
        <v>18740</v>
      </c>
      <c r="F26276" s="7">
        <v>38657</v>
      </c>
      <c r="G26276" s="8">
        <v>57018</v>
      </c>
      <c r="H26276" s="8">
        <v>57018</v>
      </c>
      <c r="I26276" s="8">
        <v>0</v>
      </c>
      <c r="J26276" s="8">
        <v>57018</v>
      </c>
      <c r="K26276" s="9">
        <v>3354</v>
      </c>
      <c r="L26276" s="6" t="s">
        <v>16860</v>
      </c>
    </row>
    <row r="26277" spans="1:12">
      <c r="A26277" s="6" t="s">
        <v>26699</v>
      </c>
      <c r="B26277" s="6"/>
      <c r="C26277" s="6" t="s">
        <v>26701</v>
      </c>
      <c r="D26277" s="6"/>
      <c r="E26277" s="6" t="s">
        <v>18740</v>
      </c>
      <c r="F26277" s="7">
        <v>38657</v>
      </c>
      <c r="G26277" s="8">
        <v>74783</v>
      </c>
      <c r="H26277" s="8">
        <v>74783</v>
      </c>
      <c r="I26277" s="8">
        <v>0</v>
      </c>
      <c r="J26277" s="8">
        <v>74783</v>
      </c>
      <c r="K26277" s="9">
        <v>4399</v>
      </c>
      <c r="L26277" s="6" t="s">
        <v>16860</v>
      </c>
    </row>
    <row r="26278" spans="1:12">
      <c r="A26278" s="6" t="s">
        <v>26699</v>
      </c>
      <c r="B26278" s="6"/>
      <c r="C26278" s="6" t="s">
        <v>26702</v>
      </c>
      <c r="D26278" s="6"/>
      <c r="E26278" s="6" t="s">
        <v>18740</v>
      </c>
      <c r="F26278" s="7">
        <v>38657</v>
      </c>
      <c r="G26278" s="8">
        <v>8262</v>
      </c>
      <c r="H26278" s="8">
        <v>8262</v>
      </c>
      <c r="I26278" s="8">
        <v>0</v>
      </c>
      <c r="J26278" s="8">
        <v>8262</v>
      </c>
      <c r="K26278" s="9">
        <v>486</v>
      </c>
      <c r="L26278" s="6" t="s">
        <v>16860</v>
      </c>
    </row>
    <row r="26279" spans="1:12">
      <c r="A26279" s="6" t="s">
        <v>26699</v>
      </c>
      <c r="B26279" s="6"/>
      <c r="C26279" s="6" t="s">
        <v>26703</v>
      </c>
      <c r="D26279" s="6"/>
      <c r="E26279" s="6" t="s">
        <v>18740</v>
      </c>
      <c r="F26279" s="7">
        <v>38657</v>
      </c>
      <c r="G26279" s="8">
        <v>2703</v>
      </c>
      <c r="H26279" s="8">
        <v>2703</v>
      </c>
      <c r="I26279" s="8">
        <v>0</v>
      </c>
      <c r="J26279" s="8">
        <v>2703</v>
      </c>
      <c r="K26279" s="9">
        <v>159</v>
      </c>
      <c r="L26279" s="6" t="s">
        <v>16860</v>
      </c>
    </row>
    <row r="26280" spans="1:12">
      <c r="A26280" s="6" t="s">
        <v>26704</v>
      </c>
      <c r="B26280" s="6"/>
      <c r="C26280" s="6" t="s">
        <v>26705</v>
      </c>
      <c r="D26280" s="6"/>
      <c r="E26280" s="6" t="s">
        <v>18740</v>
      </c>
      <c r="F26280" s="7">
        <v>38657</v>
      </c>
      <c r="G26280" s="8">
        <v>1615</v>
      </c>
      <c r="H26280" s="8">
        <v>1615</v>
      </c>
      <c r="I26280" s="8">
        <v>0</v>
      </c>
      <c r="J26280" s="8">
        <v>1615</v>
      </c>
      <c r="K26280" s="9">
        <v>95</v>
      </c>
      <c r="L26280" s="6" t="s">
        <v>16860</v>
      </c>
    </row>
    <row r="26281" spans="1:12">
      <c r="A26281" s="6" t="s">
        <v>26704</v>
      </c>
      <c r="B26281" s="6"/>
      <c r="C26281" s="6" t="s">
        <v>26706</v>
      </c>
      <c r="D26281" s="6"/>
      <c r="E26281" s="6" t="s">
        <v>18740</v>
      </c>
      <c r="F26281" s="7">
        <v>38657</v>
      </c>
      <c r="G26281" s="8">
        <v>2074</v>
      </c>
      <c r="H26281" s="8">
        <v>2074</v>
      </c>
      <c r="I26281" s="8">
        <v>0</v>
      </c>
      <c r="J26281" s="8">
        <v>2074</v>
      </c>
      <c r="K26281" s="9">
        <v>122</v>
      </c>
      <c r="L26281" s="6" t="s">
        <v>16860</v>
      </c>
    </row>
    <row r="26282" spans="1:12">
      <c r="A26282" s="6" t="s">
        <v>26704</v>
      </c>
      <c r="B26282" s="6"/>
      <c r="C26282" s="6" t="s">
        <v>26707</v>
      </c>
      <c r="D26282" s="6"/>
      <c r="E26282" s="6" t="s">
        <v>18740</v>
      </c>
      <c r="F26282" s="7">
        <v>38657</v>
      </c>
      <c r="G26282" s="8">
        <v>2346</v>
      </c>
      <c r="H26282" s="8">
        <v>2346</v>
      </c>
      <c r="I26282" s="8">
        <v>0</v>
      </c>
      <c r="J26282" s="8">
        <v>2346</v>
      </c>
      <c r="K26282" s="9">
        <v>138</v>
      </c>
      <c r="L26282" s="6" t="s">
        <v>16860</v>
      </c>
    </row>
    <row r="26283" spans="1:12">
      <c r="A26283" s="6" t="s">
        <v>26704</v>
      </c>
      <c r="B26283" s="6"/>
      <c r="C26283" s="6" t="s">
        <v>26708</v>
      </c>
      <c r="D26283" s="6"/>
      <c r="E26283" s="6" t="s">
        <v>18740</v>
      </c>
      <c r="F26283" s="7">
        <v>38657</v>
      </c>
      <c r="G26283" s="8">
        <v>612</v>
      </c>
      <c r="H26283" s="8">
        <v>612</v>
      </c>
      <c r="I26283" s="8">
        <v>0</v>
      </c>
      <c r="J26283" s="8">
        <v>612</v>
      </c>
      <c r="K26283" s="9">
        <v>36</v>
      </c>
      <c r="L26283" s="6" t="s">
        <v>16860</v>
      </c>
    </row>
    <row r="26284" spans="1:12">
      <c r="A26284" s="6" t="s">
        <v>26704</v>
      </c>
      <c r="B26284" s="6"/>
      <c r="C26284" s="6" t="s">
        <v>26709</v>
      </c>
      <c r="D26284" s="6"/>
      <c r="E26284" s="6" t="s">
        <v>18740</v>
      </c>
      <c r="F26284" s="7">
        <v>38657</v>
      </c>
      <c r="G26284" s="8">
        <v>612</v>
      </c>
      <c r="H26284" s="8">
        <v>612</v>
      </c>
      <c r="I26284" s="8">
        <v>0</v>
      </c>
      <c r="J26284" s="8">
        <v>612</v>
      </c>
      <c r="K26284" s="9">
        <v>36</v>
      </c>
      <c r="L26284" s="6" t="s">
        <v>16860</v>
      </c>
    </row>
    <row r="26285" spans="1:12">
      <c r="A26285" s="6" t="s">
        <v>26704</v>
      </c>
      <c r="B26285" s="6"/>
      <c r="C26285" s="6" t="s">
        <v>26710</v>
      </c>
      <c r="D26285" s="6"/>
      <c r="E26285" s="6" t="s">
        <v>18740</v>
      </c>
      <c r="F26285" s="7">
        <v>38657</v>
      </c>
      <c r="G26285" s="8">
        <v>3978</v>
      </c>
      <c r="H26285" s="8">
        <v>3978</v>
      </c>
      <c r="I26285" s="8">
        <v>0</v>
      </c>
      <c r="J26285" s="8">
        <v>3978</v>
      </c>
      <c r="K26285" s="9">
        <v>234</v>
      </c>
      <c r="L26285" s="6" t="s">
        <v>16860</v>
      </c>
    </row>
    <row r="26286" spans="1:12">
      <c r="A26286" s="6" t="s">
        <v>26704</v>
      </c>
      <c r="B26286" s="6"/>
      <c r="C26286" s="6" t="s">
        <v>26711</v>
      </c>
      <c r="D26286" s="6"/>
      <c r="E26286" s="6" t="s">
        <v>18740</v>
      </c>
      <c r="F26286" s="7"/>
      <c r="G26286" s="8">
        <v>94980</v>
      </c>
      <c r="H26286" s="8">
        <v>94980</v>
      </c>
      <c r="I26286" s="8">
        <v>0</v>
      </c>
      <c r="J26286" s="8">
        <v>94980</v>
      </c>
      <c r="K26286" s="9">
        <v>18.579999999999899</v>
      </c>
      <c r="L26286" s="6" t="s">
        <v>23</v>
      </c>
    </row>
    <row r="26287" spans="1:12">
      <c r="A26287" s="6" t="s">
        <v>26704</v>
      </c>
      <c r="B26287" s="6"/>
      <c r="C26287" s="6" t="s">
        <v>26712</v>
      </c>
      <c r="D26287" s="6"/>
      <c r="E26287" s="6" t="s">
        <v>18740</v>
      </c>
      <c r="F26287" s="7">
        <v>38657</v>
      </c>
      <c r="G26287" s="8">
        <v>1445</v>
      </c>
      <c r="H26287" s="8">
        <v>1445</v>
      </c>
      <c r="I26287" s="8">
        <v>0</v>
      </c>
      <c r="J26287" s="8">
        <v>1445</v>
      </c>
      <c r="K26287" s="9">
        <v>85</v>
      </c>
      <c r="L26287" s="6" t="s">
        <v>16860</v>
      </c>
    </row>
    <row r="26288" spans="1:12">
      <c r="A26288" s="6" t="s">
        <v>26704</v>
      </c>
      <c r="B26288" s="6"/>
      <c r="C26288" s="6" t="s">
        <v>26713</v>
      </c>
      <c r="D26288" s="6"/>
      <c r="E26288" s="6" t="s">
        <v>18740</v>
      </c>
      <c r="F26288" s="7">
        <v>38657</v>
      </c>
      <c r="G26288" s="8">
        <v>4369</v>
      </c>
      <c r="H26288" s="8">
        <v>4369</v>
      </c>
      <c r="I26288" s="8">
        <v>0</v>
      </c>
      <c r="J26288" s="8">
        <v>4369</v>
      </c>
      <c r="K26288" s="9">
        <v>257</v>
      </c>
      <c r="L26288" s="6" t="s">
        <v>16860</v>
      </c>
    </row>
    <row r="26289" spans="1:12">
      <c r="A26289" s="6" t="s">
        <v>26704</v>
      </c>
      <c r="B26289" s="6"/>
      <c r="C26289" s="6" t="s">
        <v>26714</v>
      </c>
      <c r="D26289" s="6"/>
      <c r="E26289" s="6" t="s">
        <v>18740</v>
      </c>
      <c r="F26289" s="7">
        <v>38657</v>
      </c>
      <c r="G26289" s="8">
        <v>3706</v>
      </c>
      <c r="H26289" s="8">
        <v>3706</v>
      </c>
      <c r="I26289" s="8">
        <v>0</v>
      </c>
      <c r="J26289" s="8">
        <v>3706</v>
      </c>
      <c r="K26289" s="9">
        <v>218</v>
      </c>
      <c r="L26289" s="6" t="s">
        <v>16860</v>
      </c>
    </row>
    <row r="26290" spans="1:12">
      <c r="A26290" s="6" t="s">
        <v>26704</v>
      </c>
      <c r="B26290" s="6"/>
      <c r="C26290" s="6" t="s">
        <v>26715</v>
      </c>
      <c r="D26290" s="6"/>
      <c r="E26290" s="6" t="s">
        <v>18740</v>
      </c>
      <c r="F26290" s="7">
        <v>38657</v>
      </c>
      <c r="G26290" s="8">
        <v>1955</v>
      </c>
      <c r="H26290" s="8">
        <v>1955</v>
      </c>
      <c r="I26290" s="8">
        <v>0</v>
      </c>
      <c r="J26290" s="8">
        <v>1955</v>
      </c>
      <c r="K26290" s="9">
        <v>115</v>
      </c>
      <c r="L26290" s="6" t="s">
        <v>16860</v>
      </c>
    </row>
    <row r="26291" spans="1:12">
      <c r="A26291" s="6" t="s">
        <v>26704</v>
      </c>
      <c r="B26291" s="6"/>
      <c r="C26291" s="6" t="s">
        <v>26716</v>
      </c>
      <c r="D26291" s="6"/>
      <c r="E26291" s="6" t="s">
        <v>18740</v>
      </c>
      <c r="F26291" s="7">
        <v>38657</v>
      </c>
      <c r="G26291" s="8">
        <v>1564</v>
      </c>
      <c r="H26291" s="8">
        <v>1564</v>
      </c>
      <c r="I26291" s="8">
        <v>0</v>
      </c>
      <c r="J26291" s="8">
        <v>1564</v>
      </c>
      <c r="K26291" s="9">
        <v>92</v>
      </c>
      <c r="L26291" s="6" t="s">
        <v>16860</v>
      </c>
    </row>
    <row r="26292" spans="1:12">
      <c r="A26292" s="6" t="s">
        <v>26704</v>
      </c>
      <c r="B26292" s="6"/>
      <c r="C26292" s="6" t="s">
        <v>26717</v>
      </c>
      <c r="D26292" s="6"/>
      <c r="E26292" s="6" t="s">
        <v>18740</v>
      </c>
      <c r="F26292" s="7">
        <v>38657</v>
      </c>
      <c r="G26292" s="8">
        <v>10115</v>
      </c>
      <c r="H26292" s="8">
        <v>10115</v>
      </c>
      <c r="I26292" s="8">
        <v>0</v>
      </c>
      <c r="J26292" s="8">
        <v>10115</v>
      </c>
      <c r="K26292" s="9">
        <v>595</v>
      </c>
      <c r="L26292" s="6" t="s">
        <v>16860</v>
      </c>
    </row>
    <row r="26293" spans="1:12">
      <c r="A26293" s="6" t="s">
        <v>26704</v>
      </c>
      <c r="B26293" s="6"/>
      <c r="C26293" s="6" t="s">
        <v>26718</v>
      </c>
      <c r="D26293" s="6"/>
      <c r="E26293" s="6" t="s">
        <v>18740</v>
      </c>
      <c r="F26293" s="7">
        <v>38657</v>
      </c>
      <c r="G26293" s="8">
        <v>4930</v>
      </c>
      <c r="H26293" s="8">
        <v>4930</v>
      </c>
      <c r="I26293" s="8">
        <v>0</v>
      </c>
      <c r="J26293" s="8">
        <v>4930</v>
      </c>
      <c r="K26293" s="9">
        <v>290</v>
      </c>
      <c r="L26293" s="6" t="s">
        <v>16860</v>
      </c>
    </row>
    <row r="26294" spans="1:12">
      <c r="A26294" s="6" t="s">
        <v>26704</v>
      </c>
      <c r="B26294" s="6"/>
      <c r="C26294" s="6" t="s">
        <v>26719</v>
      </c>
      <c r="D26294" s="6"/>
      <c r="E26294" s="6" t="s">
        <v>18740</v>
      </c>
      <c r="F26294" s="7"/>
      <c r="G26294" s="8">
        <v>1683</v>
      </c>
      <c r="H26294" s="8">
        <v>1683</v>
      </c>
      <c r="I26294" s="8">
        <v>0</v>
      </c>
      <c r="J26294" s="8">
        <v>1683</v>
      </c>
      <c r="K26294" s="9">
        <v>99</v>
      </c>
      <c r="L26294" s="6" t="s">
        <v>16860</v>
      </c>
    </row>
    <row r="26295" spans="1:12">
      <c r="A26295" s="6" t="s">
        <v>26720</v>
      </c>
      <c r="B26295" s="6"/>
      <c r="C26295" s="6" t="s">
        <v>26721</v>
      </c>
      <c r="D26295" s="6"/>
      <c r="E26295" s="6" t="s">
        <v>18740</v>
      </c>
      <c r="F26295" s="7">
        <v>38657</v>
      </c>
      <c r="G26295" s="8">
        <v>1615</v>
      </c>
      <c r="H26295" s="8">
        <v>1615</v>
      </c>
      <c r="I26295" s="8">
        <v>0</v>
      </c>
      <c r="J26295" s="8">
        <v>1615</v>
      </c>
      <c r="K26295" s="9">
        <v>95</v>
      </c>
      <c r="L26295" s="6" t="s">
        <v>16860</v>
      </c>
    </row>
    <row r="26296" spans="1:12">
      <c r="A26296" s="6" t="s">
        <v>26722</v>
      </c>
      <c r="B26296" s="6"/>
      <c r="C26296" s="6" t="s">
        <v>26723</v>
      </c>
      <c r="D26296" s="6"/>
      <c r="E26296" s="6" t="s">
        <v>18740</v>
      </c>
      <c r="F26296" s="7">
        <v>38657</v>
      </c>
      <c r="G26296" s="8">
        <v>170</v>
      </c>
      <c r="H26296" s="8">
        <v>170</v>
      </c>
      <c r="I26296" s="8">
        <v>0</v>
      </c>
      <c r="J26296" s="8">
        <v>170</v>
      </c>
      <c r="K26296" s="9">
        <v>10</v>
      </c>
      <c r="L26296" s="6" t="s">
        <v>16860</v>
      </c>
    </row>
    <row r="26297" spans="1:12">
      <c r="A26297" s="6" t="s">
        <v>26724</v>
      </c>
      <c r="B26297" s="6"/>
      <c r="C26297" s="6" t="s">
        <v>26725</v>
      </c>
      <c r="D26297" s="6"/>
      <c r="E26297" s="6" t="s">
        <v>18740</v>
      </c>
      <c r="F26297" s="7">
        <v>38657</v>
      </c>
      <c r="G26297" s="8">
        <v>1734</v>
      </c>
      <c r="H26297" s="8">
        <v>1734</v>
      </c>
      <c r="I26297" s="8">
        <v>0</v>
      </c>
      <c r="J26297" s="8">
        <v>1734</v>
      </c>
      <c r="K26297" s="9">
        <v>102</v>
      </c>
      <c r="L26297" s="6" t="s">
        <v>16860</v>
      </c>
    </row>
    <row r="26298" spans="1:12">
      <c r="A26298" s="6" t="s">
        <v>26726</v>
      </c>
      <c r="B26298" s="6"/>
      <c r="C26298" s="6" t="s">
        <v>26727</v>
      </c>
      <c r="D26298" s="6"/>
      <c r="E26298" s="6" t="s">
        <v>18740</v>
      </c>
      <c r="F26298" s="7">
        <v>38657</v>
      </c>
      <c r="G26298" s="8">
        <v>3791</v>
      </c>
      <c r="H26298" s="8">
        <v>3791</v>
      </c>
      <c r="I26298" s="8">
        <v>0</v>
      </c>
      <c r="J26298" s="8">
        <v>3791</v>
      </c>
      <c r="K26298" s="9">
        <v>223</v>
      </c>
      <c r="L26298" s="6" t="s">
        <v>16860</v>
      </c>
    </row>
    <row r="26299" spans="1:12">
      <c r="A26299" s="6" t="s">
        <v>26728</v>
      </c>
      <c r="B26299" s="6"/>
      <c r="C26299" s="6" t="s">
        <v>26729</v>
      </c>
      <c r="D26299" s="6"/>
      <c r="E26299" s="6" t="s">
        <v>18740</v>
      </c>
      <c r="F26299" s="7">
        <v>38657</v>
      </c>
      <c r="G26299" s="8">
        <v>459</v>
      </c>
      <c r="H26299" s="8">
        <v>459</v>
      </c>
      <c r="I26299" s="8">
        <v>0</v>
      </c>
      <c r="J26299" s="8">
        <v>459</v>
      </c>
      <c r="K26299" s="9">
        <v>27</v>
      </c>
      <c r="L26299" s="6" t="s">
        <v>16860</v>
      </c>
    </row>
    <row r="26300" spans="1:12">
      <c r="A26300" s="6" t="s">
        <v>26728</v>
      </c>
      <c r="B26300" s="6"/>
      <c r="C26300" s="6" t="s">
        <v>26730</v>
      </c>
      <c r="D26300" s="6"/>
      <c r="E26300" s="6" t="s">
        <v>18740</v>
      </c>
      <c r="F26300" s="7">
        <v>38657</v>
      </c>
      <c r="G26300" s="8">
        <v>340</v>
      </c>
      <c r="H26300" s="8">
        <v>340</v>
      </c>
      <c r="I26300" s="8">
        <v>0</v>
      </c>
      <c r="J26300" s="8">
        <v>340</v>
      </c>
      <c r="K26300" s="9">
        <v>20</v>
      </c>
      <c r="L26300" s="6" t="s">
        <v>16860</v>
      </c>
    </row>
    <row r="26301" spans="1:12">
      <c r="A26301" s="6" t="s">
        <v>26731</v>
      </c>
      <c r="B26301" s="6"/>
      <c r="C26301" s="6" t="s">
        <v>26732</v>
      </c>
      <c r="D26301" s="6"/>
      <c r="E26301" s="6" t="s">
        <v>18740</v>
      </c>
      <c r="F26301" s="7">
        <v>38657</v>
      </c>
      <c r="G26301" s="8">
        <v>641811</v>
      </c>
      <c r="H26301" s="8">
        <v>641811</v>
      </c>
      <c r="I26301" s="8">
        <v>0</v>
      </c>
      <c r="J26301" s="8">
        <v>641811</v>
      </c>
      <c r="K26301" s="9">
        <v>125.55</v>
      </c>
      <c r="L26301" s="6" t="s">
        <v>6094</v>
      </c>
    </row>
    <row r="26302" spans="1:12">
      <c r="A26302" s="6" t="s">
        <v>26731</v>
      </c>
      <c r="B26302" s="6"/>
      <c r="C26302" s="6" t="s">
        <v>26733</v>
      </c>
      <c r="D26302" s="6"/>
      <c r="E26302" s="6" t="s">
        <v>18740</v>
      </c>
      <c r="F26302" s="7">
        <v>38657</v>
      </c>
      <c r="G26302" s="8">
        <v>2027112</v>
      </c>
      <c r="H26302" s="8">
        <v>2027112</v>
      </c>
      <c r="I26302" s="8">
        <v>0</v>
      </c>
      <c r="J26302" s="8">
        <v>2027112</v>
      </c>
      <c r="K26302" s="9">
        <v>396.54</v>
      </c>
      <c r="L26302" s="6" t="s">
        <v>6094</v>
      </c>
    </row>
    <row r="26303" spans="1:12">
      <c r="A26303" s="6" t="s">
        <v>26734</v>
      </c>
      <c r="B26303" s="6"/>
      <c r="C26303" s="6" t="s">
        <v>26735</v>
      </c>
      <c r="D26303" s="6"/>
      <c r="E26303" s="6" t="s">
        <v>18740</v>
      </c>
      <c r="F26303" s="7">
        <v>38657</v>
      </c>
      <c r="G26303" s="8">
        <v>3511944</v>
      </c>
      <c r="H26303" s="8">
        <v>3511944</v>
      </c>
      <c r="I26303" s="8">
        <v>0</v>
      </c>
      <c r="J26303" s="8">
        <v>3511944</v>
      </c>
      <c r="K26303" s="9">
        <v>687</v>
      </c>
      <c r="L26303" s="6" t="s">
        <v>6094</v>
      </c>
    </row>
    <row r="26304" spans="1:12">
      <c r="A26304" s="6" t="s">
        <v>26736</v>
      </c>
      <c r="B26304" s="6"/>
      <c r="C26304" s="6" t="s">
        <v>26737</v>
      </c>
      <c r="D26304" s="6"/>
      <c r="E26304" s="6" t="s">
        <v>18740</v>
      </c>
      <c r="F26304" s="7">
        <v>38657</v>
      </c>
      <c r="G26304" s="8">
        <v>230040</v>
      </c>
      <c r="H26304" s="8">
        <v>230040</v>
      </c>
      <c r="I26304" s="8">
        <v>0</v>
      </c>
      <c r="J26304" s="8">
        <v>230040</v>
      </c>
      <c r="K26304" s="9">
        <v>45</v>
      </c>
      <c r="L26304" s="6" t="s">
        <v>6094</v>
      </c>
    </row>
    <row r="26305" spans="1:12">
      <c r="A26305" s="6" t="s">
        <v>26738</v>
      </c>
      <c r="B26305" s="6"/>
      <c r="C26305" s="6" t="s">
        <v>26739</v>
      </c>
      <c r="D26305" s="6"/>
      <c r="E26305" s="6" t="s">
        <v>18740</v>
      </c>
      <c r="F26305" s="7">
        <v>38657</v>
      </c>
      <c r="G26305" s="8">
        <v>357840</v>
      </c>
      <c r="H26305" s="8">
        <v>357840</v>
      </c>
      <c r="I26305" s="8">
        <v>0</v>
      </c>
      <c r="J26305" s="8">
        <v>357840</v>
      </c>
      <c r="K26305" s="9">
        <v>70</v>
      </c>
      <c r="L26305" s="6" t="s">
        <v>6094</v>
      </c>
    </row>
    <row r="26306" spans="1:12">
      <c r="A26306" s="6" t="s">
        <v>26740</v>
      </c>
      <c r="B26306" s="6"/>
      <c r="C26306" s="6" t="s">
        <v>26741</v>
      </c>
      <c r="D26306" s="6"/>
      <c r="E26306" s="6" t="s">
        <v>18740</v>
      </c>
      <c r="F26306" s="7">
        <v>38657</v>
      </c>
      <c r="G26306" s="8">
        <v>9354960</v>
      </c>
      <c r="H26306" s="8">
        <v>9354960</v>
      </c>
      <c r="I26306" s="8">
        <v>0</v>
      </c>
      <c r="J26306" s="8">
        <v>9354960</v>
      </c>
      <c r="K26306" s="9">
        <v>1830</v>
      </c>
      <c r="L26306" s="6" t="s">
        <v>6094</v>
      </c>
    </row>
    <row r="26307" spans="1:12">
      <c r="A26307" s="6" t="s">
        <v>26742</v>
      </c>
      <c r="B26307" s="6"/>
      <c r="C26307" s="6" t="s">
        <v>26743</v>
      </c>
      <c r="D26307" s="6"/>
      <c r="E26307" s="6" t="s">
        <v>18740</v>
      </c>
      <c r="F26307" s="7">
        <v>38657</v>
      </c>
      <c r="G26307" s="8">
        <v>3077424</v>
      </c>
      <c r="H26307" s="8">
        <v>3077424</v>
      </c>
      <c r="I26307" s="8">
        <v>0</v>
      </c>
      <c r="J26307" s="8">
        <v>3077424</v>
      </c>
      <c r="K26307" s="9">
        <v>602</v>
      </c>
      <c r="L26307" s="6" t="s">
        <v>6094</v>
      </c>
    </row>
    <row r="26308" spans="1:12">
      <c r="A26308" s="6" t="s">
        <v>26744</v>
      </c>
      <c r="B26308" s="6"/>
      <c r="C26308" s="6" t="s">
        <v>26745</v>
      </c>
      <c r="D26308" s="6"/>
      <c r="E26308" s="6" t="s">
        <v>18740</v>
      </c>
      <c r="F26308" s="7">
        <v>38657</v>
      </c>
      <c r="G26308" s="8">
        <v>1528488</v>
      </c>
      <c r="H26308" s="8">
        <v>1528488</v>
      </c>
      <c r="I26308" s="8">
        <v>0</v>
      </c>
      <c r="J26308" s="8">
        <v>1528488</v>
      </c>
      <c r="K26308" s="9">
        <v>299</v>
      </c>
      <c r="L26308" s="6" t="s">
        <v>6094</v>
      </c>
    </row>
    <row r="26309" spans="1:12">
      <c r="A26309" s="6" t="s">
        <v>26746</v>
      </c>
      <c r="B26309" s="6"/>
      <c r="C26309" s="6" t="s">
        <v>26747</v>
      </c>
      <c r="D26309" s="6"/>
      <c r="E26309" s="6" t="s">
        <v>18740</v>
      </c>
      <c r="F26309" s="7">
        <v>38657</v>
      </c>
      <c r="G26309" s="8">
        <v>1656288</v>
      </c>
      <c r="H26309" s="8">
        <v>1656288</v>
      </c>
      <c r="I26309" s="8">
        <v>0</v>
      </c>
      <c r="J26309" s="8">
        <v>1656288</v>
      </c>
      <c r="K26309" s="9">
        <v>324</v>
      </c>
      <c r="L26309" s="6" t="s">
        <v>6094</v>
      </c>
    </row>
    <row r="26310" spans="1:12">
      <c r="A26310" s="6" t="s">
        <v>26748</v>
      </c>
      <c r="B26310" s="6"/>
      <c r="C26310" s="6" t="s">
        <v>26749</v>
      </c>
      <c r="D26310" s="6"/>
      <c r="E26310" s="6" t="s">
        <v>18740</v>
      </c>
      <c r="F26310" s="7">
        <v>38657</v>
      </c>
      <c r="G26310" s="8">
        <v>777024</v>
      </c>
      <c r="H26310" s="8">
        <v>777024</v>
      </c>
      <c r="I26310" s="8">
        <v>0</v>
      </c>
      <c r="J26310" s="8">
        <v>777024</v>
      </c>
      <c r="K26310" s="9">
        <v>152</v>
      </c>
      <c r="L26310" s="6" t="s">
        <v>6094</v>
      </c>
    </row>
    <row r="26311" spans="1:12">
      <c r="A26311" s="6" t="s">
        <v>26750</v>
      </c>
      <c r="B26311" s="6"/>
      <c r="C26311" s="6" t="s">
        <v>26751</v>
      </c>
      <c r="D26311" s="6"/>
      <c r="E26311" s="6" t="s">
        <v>18740</v>
      </c>
      <c r="F26311" s="7">
        <v>38657</v>
      </c>
      <c r="G26311" s="8">
        <v>61344</v>
      </c>
      <c r="H26311" s="8">
        <v>61344</v>
      </c>
      <c r="I26311" s="8">
        <v>0</v>
      </c>
      <c r="J26311" s="8">
        <v>61344</v>
      </c>
      <c r="K26311" s="9">
        <v>12</v>
      </c>
      <c r="L26311" s="6" t="s">
        <v>6094</v>
      </c>
    </row>
    <row r="26312" spans="1:12">
      <c r="A26312" s="6" t="s">
        <v>26752</v>
      </c>
      <c r="B26312" s="6"/>
      <c r="C26312" s="6" t="s">
        <v>26753</v>
      </c>
      <c r="D26312" s="6"/>
      <c r="E26312" s="6" t="s">
        <v>18740</v>
      </c>
      <c r="F26312" s="7">
        <v>38657</v>
      </c>
      <c r="G26312" s="8">
        <v>2147040</v>
      </c>
      <c r="H26312" s="8">
        <v>2147040</v>
      </c>
      <c r="I26312" s="8">
        <v>0</v>
      </c>
      <c r="J26312" s="8">
        <v>2147040</v>
      </c>
      <c r="K26312" s="9">
        <v>420</v>
      </c>
      <c r="L26312" s="6" t="s">
        <v>6094</v>
      </c>
    </row>
    <row r="26313" spans="1:12">
      <c r="A26313" s="6" t="s">
        <v>26754</v>
      </c>
      <c r="B26313" s="6"/>
      <c r="C26313" s="6" t="s">
        <v>26755</v>
      </c>
      <c r="D26313" s="6"/>
      <c r="E26313" s="6" t="s">
        <v>18740</v>
      </c>
      <c r="F26313" s="7">
        <v>38657</v>
      </c>
      <c r="G26313" s="8">
        <v>1973232</v>
      </c>
      <c r="H26313" s="8">
        <v>1973232</v>
      </c>
      <c r="I26313" s="8">
        <v>0</v>
      </c>
      <c r="J26313" s="8">
        <v>1973232</v>
      </c>
      <c r="K26313" s="9">
        <v>386</v>
      </c>
      <c r="L26313" s="6" t="s">
        <v>6094</v>
      </c>
    </row>
    <row r="26314" spans="1:12">
      <c r="A26314" s="6" t="s">
        <v>26756</v>
      </c>
      <c r="B26314" s="6"/>
      <c r="C26314" s="6" t="s">
        <v>26757</v>
      </c>
      <c r="D26314" s="6"/>
      <c r="E26314" s="6" t="s">
        <v>18740</v>
      </c>
      <c r="F26314" s="7">
        <v>38657</v>
      </c>
      <c r="G26314" s="8">
        <v>444744</v>
      </c>
      <c r="H26314" s="8">
        <v>444744</v>
      </c>
      <c r="I26314" s="8">
        <v>0</v>
      </c>
      <c r="J26314" s="8">
        <v>444744</v>
      </c>
      <c r="K26314" s="9">
        <v>87</v>
      </c>
      <c r="L26314" s="6" t="s">
        <v>6094</v>
      </c>
    </row>
    <row r="26315" spans="1:12">
      <c r="A26315" s="6" t="s">
        <v>26758</v>
      </c>
      <c r="B26315" s="6"/>
      <c r="C26315" s="6" t="s">
        <v>26759</v>
      </c>
      <c r="D26315" s="6"/>
      <c r="E26315" s="6" t="s">
        <v>18740</v>
      </c>
      <c r="F26315" s="7">
        <v>38657</v>
      </c>
      <c r="G26315" s="8">
        <v>500976</v>
      </c>
      <c r="H26315" s="8">
        <v>500976</v>
      </c>
      <c r="I26315" s="8">
        <v>0</v>
      </c>
      <c r="J26315" s="8">
        <v>500976</v>
      </c>
      <c r="K26315" s="9">
        <v>98</v>
      </c>
      <c r="L26315" s="6" t="s">
        <v>6094</v>
      </c>
    </row>
    <row r="26316" spans="1:12">
      <c r="A26316" s="6" t="s">
        <v>26760</v>
      </c>
      <c r="B26316" s="6"/>
      <c r="C26316" s="6" t="s">
        <v>26761</v>
      </c>
      <c r="D26316" s="6"/>
      <c r="E26316" s="6" t="s">
        <v>25121</v>
      </c>
      <c r="F26316" s="7">
        <v>38657</v>
      </c>
      <c r="G26316" s="8">
        <v>305550</v>
      </c>
      <c r="H26316" s="8">
        <v>305550</v>
      </c>
      <c r="I26316" s="8">
        <v>0</v>
      </c>
      <c r="J26316" s="8">
        <v>305550</v>
      </c>
      <c r="K26316" s="9">
        <v>20.37</v>
      </c>
      <c r="L26316" s="6" t="s">
        <v>10</v>
      </c>
    </row>
    <row r="26317" spans="1:12">
      <c r="A26317" s="6" t="s">
        <v>26760</v>
      </c>
      <c r="B26317" s="6"/>
      <c r="C26317" s="6" t="s">
        <v>26762</v>
      </c>
      <c r="D26317" s="6"/>
      <c r="E26317" s="6" t="s">
        <v>25121</v>
      </c>
      <c r="F26317" s="7">
        <v>38657</v>
      </c>
      <c r="G26317" s="8">
        <v>786750</v>
      </c>
      <c r="H26317" s="8">
        <v>786750</v>
      </c>
      <c r="I26317" s="8">
        <v>0</v>
      </c>
      <c r="J26317" s="8">
        <v>786750</v>
      </c>
      <c r="K26317" s="9">
        <v>52.45</v>
      </c>
      <c r="L26317" s="6" t="s">
        <v>10</v>
      </c>
    </row>
    <row r="26318" spans="1:12">
      <c r="A26318" s="6" t="s">
        <v>26760</v>
      </c>
      <c r="B26318" s="6"/>
      <c r="C26318" s="6" t="s">
        <v>26763</v>
      </c>
      <c r="D26318" s="6"/>
      <c r="E26318" s="6" t="s">
        <v>25121</v>
      </c>
      <c r="F26318" s="7">
        <v>38657</v>
      </c>
      <c r="G26318" s="8">
        <v>108560</v>
      </c>
      <c r="H26318" s="8">
        <v>108560</v>
      </c>
      <c r="I26318" s="8">
        <v>0</v>
      </c>
      <c r="J26318" s="8">
        <v>108560</v>
      </c>
      <c r="K26318" s="9">
        <v>9.44</v>
      </c>
      <c r="L26318" s="6" t="s">
        <v>10</v>
      </c>
    </row>
    <row r="26319" spans="1:12">
      <c r="A26319" s="6" t="s">
        <v>26760</v>
      </c>
      <c r="B26319" s="6"/>
      <c r="C26319" s="6" t="s">
        <v>26764</v>
      </c>
      <c r="D26319" s="6"/>
      <c r="E26319" s="6" t="s">
        <v>25121</v>
      </c>
      <c r="F26319" s="7">
        <v>38657</v>
      </c>
      <c r="G26319" s="8">
        <v>284700</v>
      </c>
      <c r="H26319" s="8">
        <v>284700</v>
      </c>
      <c r="I26319" s="8">
        <v>0</v>
      </c>
      <c r="J26319" s="8">
        <v>284700</v>
      </c>
      <c r="K26319" s="9">
        <v>18.98</v>
      </c>
      <c r="L26319" s="6" t="s">
        <v>10</v>
      </c>
    </row>
    <row r="26320" spans="1:12">
      <c r="A26320" s="6" t="s">
        <v>26760</v>
      </c>
      <c r="B26320" s="6"/>
      <c r="C26320" s="6" t="s">
        <v>26765</v>
      </c>
      <c r="D26320" s="6"/>
      <c r="E26320" s="6" t="s">
        <v>25121</v>
      </c>
      <c r="F26320" s="7">
        <v>38657</v>
      </c>
      <c r="G26320" s="8">
        <v>1646685</v>
      </c>
      <c r="H26320" s="8">
        <v>1646685</v>
      </c>
      <c r="I26320" s="8">
        <v>0</v>
      </c>
      <c r="J26320" s="8">
        <v>1646685</v>
      </c>
      <c r="K26320" s="9">
        <v>143.19</v>
      </c>
      <c r="L26320" s="6" t="s">
        <v>10</v>
      </c>
    </row>
    <row r="26321" spans="1:12">
      <c r="A26321" s="6" t="s">
        <v>26760</v>
      </c>
      <c r="B26321" s="6"/>
      <c r="C26321" s="6" t="s">
        <v>26766</v>
      </c>
      <c r="D26321" s="6"/>
      <c r="E26321" s="6" t="s">
        <v>25121</v>
      </c>
      <c r="F26321" s="7">
        <v>38657</v>
      </c>
      <c r="G26321" s="8">
        <v>570400</v>
      </c>
      <c r="H26321" s="8">
        <v>570400</v>
      </c>
      <c r="I26321" s="8">
        <v>0</v>
      </c>
      <c r="J26321" s="8">
        <v>570400</v>
      </c>
      <c r="K26321" s="9">
        <v>49.6</v>
      </c>
      <c r="L26321" s="6" t="s">
        <v>10</v>
      </c>
    </row>
    <row r="26322" spans="1:12">
      <c r="A26322" s="6" t="s">
        <v>26760</v>
      </c>
      <c r="B26322" s="6"/>
      <c r="C26322" s="6" t="s">
        <v>26767</v>
      </c>
      <c r="D26322" s="6"/>
      <c r="E26322" s="6" t="s">
        <v>25121</v>
      </c>
      <c r="F26322" s="7">
        <v>38657</v>
      </c>
      <c r="G26322" s="8">
        <v>495000</v>
      </c>
      <c r="H26322" s="8">
        <v>495000</v>
      </c>
      <c r="I26322" s="8">
        <v>0</v>
      </c>
      <c r="J26322" s="8">
        <v>495000</v>
      </c>
      <c r="K26322" s="9">
        <v>33</v>
      </c>
      <c r="L26322" s="6" t="s">
        <v>10</v>
      </c>
    </row>
    <row r="26323" spans="1:12">
      <c r="A26323" s="6" t="s">
        <v>26768</v>
      </c>
      <c r="B26323" s="6"/>
      <c r="C26323" s="6" t="s">
        <v>26769</v>
      </c>
      <c r="D26323" s="6"/>
      <c r="E26323" s="6" t="s">
        <v>9</v>
      </c>
      <c r="F26323" s="7">
        <v>40089</v>
      </c>
      <c r="G26323" s="8">
        <v>3920904</v>
      </c>
      <c r="H26323" s="8">
        <v>3920904</v>
      </c>
      <c r="I26323" s="8">
        <v>0</v>
      </c>
      <c r="J26323" s="8">
        <v>3920904</v>
      </c>
      <c r="K26323" s="9">
        <v>767</v>
      </c>
      <c r="L26323" s="6" t="s">
        <v>23</v>
      </c>
    </row>
    <row r="26324" spans="1:12">
      <c r="A26324" s="6" t="s">
        <v>26768</v>
      </c>
      <c r="B26324" s="6"/>
      <c r="C26324" s="6" t="s">
        <v>26770</v>
      </c>
      <c r="D26324" s="6"/>
      <c r="E26324" s="6" t="s">
        <v>9</v>
      </c>
      <c r="F26324" s="7">
        <v>40089</v>
      </c>
      <c r="G26324" s="8">
        <v>5065992</v>
      </c>
      <c r="H26324" s="8">
        <v>5065992</v>
      </c>
      <c r="I26324" s="8">
        <v>0</v>
      </c>
      <c r="J26324" s="8">
        <v>5065992</v>
      </c>
      <c r="K26324" s="9">
        <v>991</v>
      </c>
      <c r="L26324" s="6" t="s">
        <v>23</v>
      </c>
    </row>
    <row r="26325" spans="1:12">
      <c r="A26325" s="6" t="s">
        <v>26768</v>
      </c>
      <c r="B26325" s="6"/>
      <c r="C26325" s="6" t="s">
        <v>26771</v>
      </c>
      <c r="D26325" s="6"/>
      <c r="E26325" s="6" t="s">
        <v>9</v>
      </c>
      <c r="F26325" s="7">
        <v>40089</v>
      </c>
      <c r="G26325" s="8">
        <v>2208384</v>
      </c>
      <c r="H26325" s="8">
        <v>2208384</v>
      </c>
      <c r="I26325" s="8">
        <v>0</v>
      </c>
      <c r="J26325" s="8">
        <v>2208384</v>
      </c>
      <c r="K26325" s="9">
        <v>432</v>
      </c>
      <c r="L26325" s="6" t="s">
        <v>23</v>
      </c>
    </row>
    <row r="26326" spans="1:12">
      <c r="A26326" s="6" t="s">
        <v>26768</v>
      </c>
      <c r="B26326" s="6"/>
      <c r="C26326" s="6" t="s">
        <v>26772</v>
      </c>
      <c r="D26326" s="6"/>
      <c r="E26326" s="6" t="s">
        <v>9</v>
      </c>
      <c r="F26326" s="7">
        <v>40089</v>
      </c>
      <c r="G26326" s="8">
        <v>5009760</v>
      </c>
      <c r="H26326" s="8">
        <v>5009760</v>
      </c>
      <c r="I26326" s="8">
        <v>0</v>
      </c>
      <c r="J26326" s="8">
        <v>5009760</v>
      </c>
      <c r="K26326" s="9">
        <v>980</v>
      </c>
      <c r="L26326" s="6" t="s">
        <v>23</v>
      </c>
    </row>
    <row r="26327" spans="1:12">
      <c r="A26327" s="6" t="s">
        <v>26768</v>
      </c>
      <c r="B26327" s="6"/>
      <c r="C26327" s="6" t="s">
        <v>26773</v>
      </c>
      <c r="D26327" s="6"/>
      <c r="E26327" s="6" t="s">
        <v>9</v>
      </c>
      <c r="F26327" s="7">
        <v>40089</v>
      </c>
      <c r="G26327" s="8">
        <v>5009760</v>
      </c>
      <c r="H26327" s="8">
        <v>5009760</v>
      </c>
      <c r="I26327" s="8">
        <v>0</v>
      </c>
      <c r="J26327" s="8">
        <v>5009760</v>
      </c>
      <c r="K26327" s="9">
        <v>980</v>
      </c>
      <c r="L26327" s="6" t="s">
        <v>23</v>
      </c>
    </row>
    <row r="26328" spans="1:12">
      <c r="A26328" s="6" t="s">
        <v>26768</v>
      </c>
      <c r="B26328" s="6"/>
      <c r="C26328" s="6" t="s">
        <v>26774</v>
      </c>
      <c r="D26328" s="6"/>
      <c r="E26328" s="6" t="s">
        <v>9</v>
      </c>
      <c r="F26328" s="7">
        <v>40089</v>
      </c>
      <c r="G26328" s="8">
        <v>5009760</v>
      </c>
      <c r="H26328" s="8">
        <v>5009760</v>
      </c>
      <c r="I26328" s="8">
        <v>0</v>
      </c>
      <c r="J26328" s="8">
        <v>5009760</v>
      </c>
      <c r="K26328" s="9">
        <v>980</v>
      </c>
      <c r="L26328" s="6" t="s">
        <v>23</v>
      </c>
    </row>
    <row r="26329" spans="1:12">
      <c r="A26329" s="6" t="s">
        <v>26768</v>
      </c>
      <c r="B26329" s="6"/>
      <c r="C26329" s="6" t="s">
        <v>26775</v>
      </c>
      <c r="D26329" s="6"/>
      <c r="E26329" s="6" t="s">
        <v>9</v>
      </c>
      <c r="F26329" s="7">
        <v>40089</v>
      </c>
      <c r="G26329" s="8">
        <v>5009760</v>
      </c>
      <c r="H26329" s="8">
        <v>5009760</v>
      </c>
      <c r="I26329" s="8">
        <v>0</v>
      </c>
      <c r="J26329" s="8">
        <v>5009760</v>
      </c>
      <c r="K26329" s="9">
        <v>980</v>
      </c>
      <c r="L26329" s="6" t="s">
        <v>23</v>
      </c>
    </row>
    <row r="26330" spans="1:12">
      <c r="A26330" s="6" t="s">
        <v>26768</v>
      </c>
      <c r="B26330" s="6"/>
      <c r="C26330" s="6" t="s">
        <v>26776</v>
      </c>
      <c r="D26330" s="6"/>
      <c r="E26330" s="6" t="s">
        <v>9</v>
      </c>
      <c r="F26330" s="7">
        <v>40089</v>
      </c>
      <c r="G26330" s="8">
        <v>5065992</v>
      </c>
      <c r="H26330" s="8">
        <v>5065992</v>
      </c>
      <c r="I26330" s="8">
        <v>0</v>
      </c>
      <c r="J26330" s="8">
        <v>5065992</v>
      </c>
      <c r="K26330" s="9">
        <v>991</v>
      </c>
      <c r="L26330" s="6" t="s">
        <v>23</v>
      </c>
    </row>
    <row r="26331" spans="1:12">
      <c r="A26331" s="6" t="s">
        <v>26768</v>
      </c>
      <c r="B26331" s="6"/>
      <c r="C26331" s="6" t="s">
        <v>26777</v>
      </c>
      <c r="D26331" s="6"/>
      <c r="E26331" s="6" t="s">
        <v>9</v>
      </c>
      <c r="F26331" s="7">
        <v>40089</v>
      </c>
      <c r="G26331" s="8">
        <v>3798216</v>
      </c>
      <c r="H26331" s="8">
        <v>3798216</v>
      </c>
      <c r="I26331" s="8">
        <v>0</v>
      </c>
      <c r="J26331" s="8">
        <v>3798216</v>
      </c>
      <c r="K26331" s="9">
        <v>743</v>
      </c>
      <c r="L26331" s="6" t="s">
        <v>23</v>
      </c>
    </row>
    <row r="26332" spans="1:12">
      <c r="A26332" s="6" t="s">
        <v>26768</v>
      </c>
      <c r="B26332" s="6"/>
      <c r="C26332" s="6" t="s">
        <v>26778</v>
      </c>
      <c r="D26332" s="6"/>
      <c r="E26332" s="6" t="s">
        <v>9</v>
      </c>
      <c r="F26332" s="7">
        <v>40089</v>
      </c>
      <c r="G26332" s="8">
        <v>4104936</v>
      </c>
      <c r="H26332" s="8">
        <v>4104936</v>
      </c>
      <c r="I26332" s="8">
        <v>0</v>
      </c>
      <c r="J26332" s="8">
        <v>4104936</v>
      </c>
      <c r="K26332" s="9">
        <v>803</v>
      </c>
      <c r="L26332" s="6" t="s">
        <v>23</v>
      </c>
    </row>
    <row r="26333" spans="1:12">
      <c r="A26333" s="6" t="s">
        <v>26768</v>
      </c>
      <c r="B26333" s="6"/>
      <c r="C26333" s="6" t="s">
        <v>26779</v>
      </c>
      <c r="D26333" s="6"/>
      <c r="E26333" s="6" t="s">
        <v>9</v>
      </c>
      <c r="F26333" s="7">
        <v>40089</v>
      </c>
      <c r="G26333" s="8">
        <v>4002696</v>
      </c>
      <c r="H26333" s="8">
        <v>4002696</v>
      </c>
      <c r="I26333" s="8">
        <v>0</v>
      </c>
      <c r="J26333" s="8">
        <v>4002696</v>
      </c>
      <c r="K26333" s="9">
        <v>783</v>
      </c>
      <c r="L26333" s="6" t="s">
        <v>23</v>
      </c>
    </row>
    <row r="26334" spans="1:12">
      <c r="A26334" s="6" t="s">
        <v>26780</v>
      </c>
      <c r="B26334" s="6"/>
      <c r="C26334" s="6" t="s">
        <v>26781</v>
      </c>
      <c r="D26334" s="6"/>
      <c r="E26334" s="6" t="s">
        <v>18740</v>
      </c>
      <c r="F26334" s="7">
        <v>38657</v>
      </c>
      <c r="G26334" s="8">
        <v>1257552</v>
      </c>
      <c r="H26334" s="8">
        <v>1257552</v>
      </c>
      <c r="I26334" s="8">
        <v>0</v>
      </c>
      <c r="J26334" s="8">
        <v>1257552</v>
      </c>
      <c r="K26334" s="9">
        <v>246</v>
      </c>
      <c r="L26334" s="6" t="s">
        <v>6094</v>
      </c>
    </row>
    <row r="26335" spans="1:12">
      <c r="A26335" s="6" t="s">
        <v>26782</v>
      </c>
      <c r="B26335" s="6"/>
      <c r="C26335" s="6" t="s">
        <v>26783</v>
      </c>
      <c r="D26335" s="6"/>
      <c r="E26335" s="6" t="s">
        <v>18740</v>
      </c>
      <c r="F26335" s="7">
        <v>38657</v>
      </c>
      <c r="G26335" s="8">
        <v>3834000</v>
      </c>
      <c r="H26335" s="8">
        <v>3834000</v>
      </c>
      <c r="I26335" s="8">
        <v>0</v>
      </c>
      <c r="J26335" s="8">
        <v>3834000</v>
      </c>
      <c r="K26335" s="9">
        <v>750</v>
      </c>
      <c r="L26335" s="6" t="s">
        <v>6094</v>
      </c>
    </row>
    <row r="26336" spans="1:12">
      <c r="A26336" s="6" t="s">
        <v>26784</v>
      </c>
      <c r="B26336" s="6"/>
      <c r="C26336" s="6" t="s">
        <v>26785</v>
      </c>
      <c r="D26336" s="6"/>
      <c r="E26336" s="6" t="s">
        <v>18740</v>
      </c>
      <c r="F26336" s="7">
        <v>38657</v>
      </c>
      <c r="G26336" s="8">
        <v>3333024</v>
      </c>
      <c r="H26336" s="8">
        <v>3333024</v>
      </c>
      <c r="I26336" s="8">
        <v>0</v>
      </c>
      <c r="J26336" s="8">
        <v>3333024</v>
      </c>
      <c r="K26336" s="9">
        <v>652</v>
      </c>
      <c r="L26336" s="6" t="s">
        <v>6094</v>
      </c>
    </row>
    <row r="26337" spans="1:12">
      <c r="A26337" s="6" t="s">
        <v>26786</v>
      </c>
      <c r="B26337" s="6"/>
      <c r="C26337" s="6" t="s">
        <v>26787</v>
      </c>
      <c r="D26337" s="6"/>
      <c r="E26337" s="6" t="s">
        <v>18740</v>
      </c>
      <c r="F26337" s="7">
        <v>38657</v>
      </c>
      <c r="G26337" s="8">
        <v>2525328</v>
      </c>
      <c r="H26337" s="8">
        <v>2525328</v>
      </c>
      <c r="I26337" s="8">
        <v>0</v>
      </c>
      <c r="J26337" s="8">
        <v>2525328</v>
      </c>
      <c r="K26337" s="9">
        <v>494</v>
      </c>
      <c r="L26337" s="6" t="s">
        <v>6094</v>
      </c>
    </row>
    <row r="26338" spans="1:12">
      <c r="A26338" s="6" t="s">
        <v>26788</v>
      </c>
      <c r="B26338" s="6"/>
      <c r="C26338" s="6" t="s">
        <v>26789</v>
      </c>
      <c r="D26338" s="6"/>
      <c r="E26338" s="6" t="s">
        <v>18740</v>
      </c>
      <c r="F26338" s="7">
        <v>38657</v>
      </c>
      <c r="G26338" s="8">
        <v>3992472</v>
      </c>
      <c r="H26338" s="8">
        <v>3992472</v>
      </c>
      <c r="I26338" s="8">
        <v>0</v>
      </c>
      <c r="J26338" s="8">
        <v>3992472</v>
      </c>
      <c r="K26338" s="9">
        <v>781</v>
      </c>
      <c r="L26338" s="6" t="s">
        <v>6094</v>
      </c>
    </row>
    <row r="26339" spans="1:12">
      <c r="A26339" s="6" t="s">
        <v>26790</v>
      </c>
      <c r="B26339" s="6"/>
      <c r="C26339" s="6" t="s">
        <v>26791</v>
      </c>
      <c r="D26339" s="6"/>
      <c r="E26339" s="6" t="s">
        <v>18740</v>
      </c>
      <c r="F26339" s="7">
        <v>38657</v>
      </c>
      <c r="G26339" s="8">
        <v>26991</v>
      </c>
      <c r="H26339" s="8">
        <v>26991</v>
      </c>
      <c r="I26339" s="8">
        <v>0</v>
      </c>
      <c r="J26339" s="8">
        <v>26991</v>
      </c>
      <c r="K26339" s="9">
        <v>5.28</v>
      </c>
      <c r="L26339" s="6" t="s">
        <v>6094</v>
      </c>
    </row>
    <row r="26340" spans="1:12">
      <c r="A26340" s="6" t="s">
        <v>26792</v>
      </c>
      <c r="B26340" s="6"/>
      <c r="C26340" s="6" t="s">
        <v>26793</v>
      </c>
      <c r="D26340" s="6"/>
      <c r="E26340" s="6" t="s">
        <v>18740</v>
      </c>
      <c r="F26340" s="7">
        <v>38657</v>
      </c>
      <c r="G26340" s="8">
        <v>1605168</v>
      </c>
      <c r="H26340" s="8">
        <v>1605168</v>
      </c>
      <c r="I26340" s="8">
        <v>0</v>
      </c>
      <c r="J26340" s="8">
        <v>1605168</v>
      </c>
      <c r="K26340" s="9">
        <v>314</v>
      </c>
      <c r="L26340" s="6" t="s">
        <v>6094</v>
      </c>
    </row>
    <row r="26341" spans="1:12">
      <c r="A26341" s="6" t="s">
        <v>26794</v>
      </c>
      <c r="B26341" s="6"/>
      <c r="C26341" s="6" t="s">
        <v>26795</v>
      </c>
      <c r="D26341" s="6"/>
      <c r="E26341" s="6" t="s">
        <v>18740</v>
      </c>
      <c r="F26341" s="7">
        <v>38657</v>
      </c>
      <c r="G26341" s="8">
        <v>746352</v>
      </c>
      <c r="H26341" s="8">
        <v>746352</v>
      </c>
      <c r="I26341" s="8">
        <v>0</v>
      </c>
      <c r="J26341" s="8">
        <v>746352</v>
      </c>
      <c r="K26341" s="9">
        <v>146</v>
      </c>
      <c r="L26341" s="6" t="s">
        <v>6094</v>
      </c>
    </row>
    <row r="26342" spans="1:12">
      <c r="A26342" s="6" t="s">
        <v>26796</v>
      </c>
      <c r="B26342" s="6"/>
      <c r="C26342" s="6" t="s">
        <v>26797</v>
      </c>
      <c r="D26342" s="6"/>
      <c r="E26342" s="6" t="s">
        <v>18740</v>
      </c>
      <c r="F26342" s="7">
        <v>38657</v>
      </c>
      <c r="G26342" s="8">
        <v>3235896</v>
      </c>
      <c r="H26342" s="8">
        <v>3235896</v>
      </c>
      <c r="I26342" s="8">
        <v>0</v>
      </c>
      <c r="J26342" s="8">
        <v>3235896</v>
      </c>
      <c r="K26342" s="9">
        <v>633</v>
      </c>
      <c r="L26342" s="6" t="s">
        <v>6094</v>
      </c>
    </row>
    <row r="26343" spans="1:12">
      <c r="A26343" s="6" t="s">
        <v>26798</v>
      </c>
      <c r="B26343" s="6"/>
      <c r="C26343" s="6" t="s">
        <v>26799</v>
      </c>
      <c r="D26343" s="6"/>
      <c r="E26343" s="6" t="s">
        <v>18740</v>
      </c>
      <c r="F26343" s="7">
        <v>38657</v>
      </c>
      <c r="G26343" s="8">
        <v>577656</v>
      </c>
      <c r="H26343" s="8">
        <v>577656</v>
      </c>
      <c r="I26343" s="8">
        <v>0</v>
      </c>
      <c r="J26343" s="8">
        <v>577656</v>
      </c>
      <c r="K26343" s="9">
        <v>113</v>
      </c>
      <c r="L26343" s="6" t="s">
        <v>6094</v>
      </c>
    </row>
    <row r="26344" spans="1:12">
      <c r="A26344" s="6" t="s">
        <v>26800</v>
      </c>
      <c r="B26344" s="6"/>
      <c r="C26344" s="6" t="s">
        <v>26801</v>
      </c>
      <c r="D26344" s="6"/>
      <c r="E26344" s="6" t="s">
        <v>9</v>
      </c>
      <c r="F26344" s="7">
        <v>38657</v>
      </c>
      <c r="G26344" s="8">
        <v>1129752</v>
      </c>
      <c r="H26344" s="8">
        <v>1129752</v>
      </c>
      <c r="I26344" s="8">
        <v>0</v>
      </c>
      <c r="J26344" s="8">
        <v>1129752</v>
      </c>
      <c r="K26344" s="9">
        <v>221</v>
      </c>
      <c r="L26344" s="6" t="s">
        <v>14</v>
      </c>
    </row>
    <row r="26345" spans="1:12">
      <c r="A26345" s="6" t="s">
        <v>26800</v>
      </c>
      <c r="B26345" s="6"/>
      <c r="C26345" s="6" t="s">
        <v>26802</v>
      </c>
      <c r="D26345" s="6"/>
      <c r="E26345" s="6" t="s">
        <v>9</v>
      </c>
      <c r="F26345" s="7">
        <v>38657</v>
      </c>
      <c r="G26345" s="8">
        <v>1421136</v>
      </c>
      <c r="H26345" s="8">
        <v>1421136</v>
      </c>
      <c r="I26345" s="8">
        <v>0</v>
      </c>
      <c r="J26345" s="8">
        <v>1421136</v>
      </c>
      <c r="K26345" s="9">
        <v>278</v>
      </c>
      <c r="L26345" s="6" t="s">
        <v>14</v>
      </c>
    </row>
    <row r="26346" spans="1:12">
      <c r="A26346" s="6" t="s">
        <v>26800</v>
      </c>
      <c r="B26346" s="6"/>
      <c r="C26346" s="6" t="s">
        <v>26803</v>
      </c>
      <c r="D26346" s="6"/>
      <c r="E26346" s="6" t="s">
        <v>9</v>
      </c>
      <c r="F26346" s="7">
        <v>38657</v>
      </c>
      <c r="G26346" s="8">
        <v>3578400</v>
      </c>
      <c r="H26346" s="8">
        <v>3578400</v>
      </c>
      <c r="I26346" s="8">
        <v>0</v>
      </c>
      <c r="J26346" s="8">
        <v>3578400</v>
      </c>
      <c r="K26346" s="9">
        <v>700</v>
      </c>
      <c r="L26346" s="6" t="s">
        <v>14</v>
      </c>
    </row>
    <row r="26347" spans="1:12">
      <c r="A26347" s="6" t="s">
        <v>26800</v>
      </c>
      <c r="B26347" s="6"/>
      <c r="C26347" s="6" t="s">
        <v>26804</v>
      </c>
      <c r="D26347" s="6"/>
      <c r="E26347" s="6" t="s">
        <v>9</v>
      </c>
      <c r="F26347" s="7">
        <v>38657</v>
      </c>
      <c r="G26347" s="8">
        <v>1114416</v>
      </c>
      <c r="H26347" s="8">
        <v>1114416</v>
      </c>
      <c r="I26347" s="8">
        <v>0</v>
      </c>
      <c r="J26347" s="8">
        <v>1114416</v>
      </c>
      <c r="K26347" s="9">
        <v>218</v>
      </c>
      <c r="L26347" s="6" t="s">
        <v>14</v>
      </c>
    </row>
    <row r="26348" spans="1:12">
      <c r="A26348" s="6" t="s">
        <v>26800</v>
      </c>
      <c r="B26348" s="6"/>
      <c r="C26348" s="6" t="s">
        <v>26805</v>
      </c>
      <c r="D26348" s="6"/>
      <c r="E26348" s="6" t="s">
        <v>9</v>
      </c>
      <c r="F26348" s="7">
        <v>38657</v>
      </c>
      <c r="G26348" s="8">
        <v>654336</v>
      </c>
      <c r="H26348" s="8">
        <v>654336</v>
      </c>
      <c r="I26348" s="8">
        <v>0</v>
      </c>
      <c r="J26348" s="8">
        <v>654336</v>
      </c>
      <c r="K26348" s="9">
        <v>128</v>
      </c>
      <c r="L26348" s="6" t="s">
        <v>14</v>
      </c>
    </row>
    <row r="26349" spans="1:12">
      <c r="A26349" s="6" t="s">
        <v>26806</v>
      </c>
      <c r="B26349" s="6"/>
      <c r="C26349" s="6" t="s">
        <v>26807</v>
      </c>
      <c r="D26349" s="6"/>
      <c r="E26349" s="6" t="s">
        <v>18740</v>
      </c>
      <c r="F26349" s="7">
        <v>38657</v>
      </c>
      <c r="G26349" s="8">
        <v>209592</v>
      </c>
      <c r="H26349" s="8">
        <v>209592</v>
      </c>
      <c r="I26349" s="8">
        <v>0</v>
      </c>
      <c r="J26349" s="8">
        <v>209592</v>
      </c>
      <c r="K26349" s="9">
        <v>41</v>
      </c>
      <c r="L26349" s="6" t="s">
        <v>6094</v>
      </c>
    </row>
    <row r="26350" spans="1:12">
      <c r="A26350" s="6" t="s">
        <v>26808</v>
      </c>
      <c r="B26350" s="6"/>
      <c r="C26350" s="6" t="s">
        <v>26809</v>
      </c>
      <c r="D26350" s="6"/>
      <c r="E26350" s="6" t="s">
        <v>18740</v>
      </c>
      <c r="F26350" s="7">
        <v>38657</v>
      </c>
      <c r="G26350" s="8">
        <v>184032</v>
      </c>
      <c r="H26350" s="8">
        <v>184032</v>
      </c>
      <c r="I26350" s="8">
        <v>0</v>
      </c>
      <c r="J26350" s="8">
        <v>184032</v>
      </c>
      <c r="K26350" s="9">
        <v>36</v>
      </c>
      <c r="L26350" s="6" t="s">
        <v>6094</v>
      </c>
    </row>
    <row r="26351" spans="1:12">
      <c r="A26351" s="6" t="s">
        <v>26810</v>
      </c>
      <c r="B26351" s="6"/>
      <c r="C26351" s="6" t="s">
        <v>26811</v>
      </c>
      <c r="D26351" s="6"/>
      <c r="E26351" s="6" t="s">
        <v>18740</v>
      </c>
      <c r="F26351" s="7">
        <v>38657</v>
      </c>
      <c r="G26351" s="8">
        <v>5081328</v>
      </c>
      <c r="H26351" s="8">
        <v>5081328</v>
      </c>
      <c r="I26351" s="8">
        <v>0</v>
      </c>
      <c r="J26351" s="8">
        <v>5081328</v>
      </c>
      <c r="K26351" s="9">
        <v>994</v>
      </c>
      <c r="L26351" s="6" t="s">
        <v>6094</v>
      </c>
    </row>
    <row r="26352" spans="1:12">
      <c r="A26352" s="6" t="s">
        <v>26812</v>
      </c>
      <c r="B26352" s="6"/>
      <c r="C26352" s="6" t="s">
        <v>26813</v>
      </c>
      <c r="D26352" s="6"/>
      <c r="E26352" s="6" t="s">
        <v>18740</v>
      </c>
      <c r="F26352" s="7">
        <v>38657</v>
      </c>
      <c r="G26352" s="8">
        <v>107352</v>
      </c>
      <c r="H26352" s="8">
        <v>107352</v>
      </c>
      <c r="I26352" s="8">
        <v>0</v>
      </c>
      <c r="J26352" s="8">
        <v>107352</v>
      </c>
      <c r="K26352" s="9">
        <v>21</v>
      </c>
      <c r="L26352" s="6" t="s">
        <v>6094</v>
      </c>
    </row>
    <row r="26353" spans="1:12">
      <c r="A26353" s="6" t="s">
        <v>26814</v>
      </c>
      <c r="B26353" s="6"/>
      <c r="C26353" s="6" t="s">
        <v>26815</v>
      </c>
      <c r="D26353" s="6"/>
      <c r="E26353" s="6" t="s">
        <v>18740</v>
      </c>
      <c r="F26353" s="7">
        <v>38657</v>
      </c>
      <c r="G26353" s="8">
        <v>3874896</v>
      </c>
      <c r="H26353" s="8">
        <v>3874896</v>
      </c>
      <c r="I26353" s="8">
        <v>0</v>
      </c>
      <c r="J26353" s="8">
        <v>3874896</v>
      </c>
      <c r="K26353" s="9">
        <v>758</v>
      </c>
      <c r="L26353" s="6" t="s">
        <v>6094</v>
      </c>
    </row>
    <row r="26354" spans="1:12">
      <c r="A26354" s="6" t="s">
        <v>26816</v>
      </c>
      <c r="B26354" s="6"/>
      <c r="C26354" s="6" t="s">
        <v>26817</v>
      </c>
      <c r="D26354" s="6"/>
      <c r="E26354" s="6" t="s">
        <v>18740</v>
      </c>
      <c r="F26354" s="7">
        <v>38657</v>
      </c>
      <c r="G26354" s="8">
        <v>51120</v>
      </c>
      <c r="H26354" s="8">
        <v>51120</v>
      </c>
      <c r="I26354" s="8">
        <v>0</v>
      </c>
      <c r="J26354" s="8">
        <v>51120</v>
      </c>
      <c r="K26354" s="9">
        <v>10</v>
      </c>
      <c r="L26354" s="6" t="s">
        <v>6094</v>
      </c>
    </row>
    <row r="26355" spans="1:12">
      <c r="A26355" s="6" t="s">
        <v>26818</v>
      </c>
      <c r="B26355" s="6"/>
      <c r="C26355" s="6" t="s">
        <v>26819</v>
      </c>
      <c r="D26355" s="6"/>
      <c r="E26355" s="6" t="s">
        <v>18740</v>
      </c>
      <c r="F26355" s="7">
        <v>38657</v>
      </c>
      <c r="G26355" s="8">
        <v>460080</v>
      </c>
      <c r="H26355" s="8">
        <v>460080</v>
      </c>
      <c r="I26355" s="8">
        <v>0</v>
      </c>
      <c r="J26355" s="8">
        <v>460080</v>
      </c>
      <c r="K26355" s="9">
        <v>90</v>
      </c>
      <c r="L26355" s="6" t="s">
        <v>6094</v>
      </c>
    </row>
    <row r="26356" spans="1:12">
      <c r="A26356" s="6" t="s">
        <v>26820</v>
      </c>
      <c r="B26356" s="6"/>
      <c r="C26356" s="6" t="s">
        <v>26821</v>
      </c>
      <c r="D26356" s="6"/>
      <c r="E26356" s="6" t="s">
        <v>18740</v>
      </c>
      <c r="F26356" s="7">
        <v>38657</v>
      </c>
      <c r="G26356" s="8">
        <v>2602008</v>
      </c>
      <c r="H26356" s="8">
        <v>2602008</v>
      </c>
      <c r="I26356" s="8">
        <v>0</v>
      </c>
      <c r="J26356" s="8">
        <v>2602008</v>
      </c>
      <c r="K26356" s="9">
        <v>509</v>
      </c>
      <c r="L26356" s="6" t="s">
        <v>6094</v>
      </c>
    </row>
    <row r="26357" spans="1:12">
      <c r="A26357" s="6" t="s">
        <v>26822</v>
      </c>
      <c r="B26357" s="6"/>
      <c r="C26357" s="6" t="s">
        <v>26823</v>
      </c>
      <c r="D26357" s="6"/>
      <c r="E26357" s="6" t="s">
        <v>18740</v>
      </c>
      <c r="F26357" s="7">
        <v>38657</v>
      </c>
      <c r="G26357" s="8">
        <v>342504</v>
      </c>
      <c r="H26357" s="8">
        <v>342504</v>
      </c>
      <c r="I26357" s="8">
        <v>0</v>
      </c>
      <c r="J26357" s="8">
        <v>342504</v>
      </c>
      <c r="K26357" s="9">
        <v>67</v>
      </c>
      <c r="L26357" s="6" t="s">
        <v>6094</v>
      </c>
    </row>
    <row r="26358" spans="1:12">
      <c r="A26358" s="6" t="s">
        <v>26824</v>
      </c>
      <c r="B26358" s="6"/>
      <c r="C26358" s="6" t="s">
        <v>26825</v>
      </c>
      <c r="D26358" s="6"/>
      <c r="E26358" s="6" t="s">
        <v>18740</v>
      </c>
      <c r="F26358" s="7">
        <v>38657</v>
      </c>
      <c r="G26358" s="8">
        <v>168696</v>
      </c>
      <c r="H26358" s="8">
        <v>168696</v>
      </c>
      <c r="I26358" s="8">
        <v>0</v>
      </c>
      <c r="J26358" s="8">
        <v>168696</v>
      </c>
      <c r="K26358" s="9">
        <v>33</v>
      </c>
      <c r="L26358" s="6" t="s">
        <v>6094</v>
      </c>
    </row>
    <row r="26359" spans="1:12">
      <c r="A26359" s="6" t="s">
        <v>26826</v>
      </c>
      <c r="B26359" s="6"/>
      <c r="C26359" s="6" t="s">
        <v>26827</v>
      </c>
      <c r="D26359" s="6"/>
      <c r="E26359" s="6" t="s">
        <v>9</v>
      </c>
      <c r="F26359" s="7">
        <v>38657</v>
      </c>
      <c r="G26359" s="8">
        <v>587880</v>
      </c>
      <c r="H26359" s="8">
        <v>587880</v>
      </c>
      <c r="I26359" s="8">
        <v>0</v>
      </c>
      <c r="J26359" s="8">
        <v>587880</v>
      </c>
      <c r="K26359" s="9">
        <v>115</v>
      </c>
      <c r="L26359" s="6" t="s">
        <v>14</v>
      </c>
    </row>
    <row r="26360" spans="1:12">
      <c r="A26360" s="6" t="s">
        <v>26826</v>
      </c>
      <c r="B26360" s="6"/>
      <c r="C26360" s="6" t="s">
        <v>26828</v>
      </c>
      <c r="D26360" s="6"/>
      <c r="E26360" s="6" t="s">
        <v>9</v>
      </c>
      <c r="F26360" s="7">
        <v>38657</v>
      </c>
      <c r="G26360" s="8">
        <v>235152</v>
      </c>
      <c r="H26360" s="8">
        <v>235152</v>
      </c>
      <c r="I26360" s="8">
        <v>0</v>
      </c>
      <c r="J26360" s="8">
        <v>235152</v>
      </c>
      <c r="K26360" s="9">
        <v>46</v>
      </c>
      <c r="L26360" s="6" t="s">
        <v>14</v>
      </c>
    </row>
    <row r="26361" spans="1:12">
      <c r="A26361" s="6" t="s">
        <v>26826</v>
      </c>
      <c r="B26361" s="6"/>
      <c r="C26361" s="6" t="s">
        <v>26829</v>
      </c>
      <c r="D26361" s="6"/>
      <c r="E26361" s="6" t="s">
        <v>9</v>
      </c>
      <c r="F26361" s="7">
        <v>38657</v>
      </c>
      <c r="G26361" s="8">
        <v>3056976</v>
      </c>
      <c r="H26361" s="8">
        <v>3056976</v>
      </c>
      <c r="I26361" s="8">
        <v>0</v>
      </c>
      <c r="J26361" s="8">
        <v>3056976</v>
      </c>
      <c r="K26361" s="9">
        <v>598</v>
      </c>
      <c r="L26361" s="6" t="s">
        <v>14</v>
      </c>
    </row>
    <row r="26362" spans="1:12">
      <c r="A26362" s="6" t="s">
        <v>26826</v>
      </c>
      <c r="B26362" s="6"/>
      <c r="C26362" s="6" t="s">
        <v>26830</v>
      </c>
      <c r="D26362" s="6"/>
      <c r="E26362" s="6" t="s">
        <v>9</v>
      </c>
      <c r="F26362" s="7">
        <v>38657</v>
      </c>
      <c r="G26362" s="8">
        <v>2029464</v>
      </c>
      <c r="H26362" s="8">
        <v>2029464</v>
      </c>
      <c r="I26362" s="8">
        <v>0</v>
      </c>
      <c r="J26362" s="8">
        <v>2029464</v>
      </c>
      <c r="K26362" s="9">
        <v>397</v>
      </c>
      <c r="L26362" s="6" t="s">
        <v>14</v>
      </c>
    </row>
    <row r="26363" spans="1:12">
      <c r="A26363" s="6" t="s">
        <v>26826</v>
      </c>
      <c r="B26363" s="6"/>
      <c r="C26363" s="6" t="s">
        <v>26831</v>
      </c>
      <c r="D26363" s="6"/>
      <c r="E26363" s="6" t="s">
        <v>9</v>
      </c>
      <c r="F26363" s="7">
        <v>38657</v>
      </c>
      <c r="G26363" s="8">
        <v>828144</v>
      </c>
      <c r="H26363" s="8">
        <v>828144</v>
      </c>
      <c r="I26363" s="8">
        <v>0</v>
      </c>
      <c r="J26363" s="8">
        <v>828144</v>
      </c>
      <c r="K26363" s="9">
        <v>162</v>
      </c>
      <c r="L26363" s="6" t="s">
        <v>14</v>
      </c>
    </row>
    <row r="26364" spans="1:12">
      <c r="A26364" s="6" t="s">
        <v>26832</v>
      </c>
      <c r="B26364" s="6"/>
      <c r="C26364" s="6" t="s">
        <v>26833</v>
      </c>
      <c r="D26364" s="6"/>
      <c r="E26364" s="6" t="s">
        <v>18740</v>
      </c>
      <c r="F26364" s="7">
        <v>38657</v>
      </c>
      <c r="G26364" s="8">
        <v>112464</v>
      </c>
      <c r="H26364" s="8">
        <v>112464</v>
      </c>
      <c r="I26364" s="8">
        <v>0</v>
      </c>
      <c r="J26364" s="8">
        <v>112464</v>
      </c>
      <c r="K26364" s="9">
        <v>22</v>
      </c>
      <c r="L26364" s="6" t="s">
        <v>6094</v>
      </c>
    </row>
    <row r="26365" spans="1:12">
      <c r="A26365" s="6" t="s">
        <v>26834</v>
      </c>
      <c r="B26365" s="6"/>
      <c r="C26365" s="6" t="s">
        <v>26835</v>
      </c>
      <c r="D26365" s="6"/>
      <c r="E26365" s="6" t="s">
        <v>18740</v>
      </c>
      <c r="F26365" s="7">
        <v>38657</v>
      </c>
      <c r="G26365" s="8">
        <v>541872</v>
      </c>
      <c r="H26365" s="8">
        <v>541872</v>
      </c>
      <c r="I26365" s="8">
        <v>0</v>
      </c>
      <c r="J26365" s="8">
        <v>541872</v>
      </c>
      <c r="K26365" s="9">
        <v>106</v>
      </c>
      <c r="L26365" s="6" t="s">
        <v>6094</v>
      </c>
    </row>
    <row r="26366" spans="1:12">
      <c r="A26366" s="6" t="s">
        <v>26836</v>
      </c>
      <c r="B26366" s="6"/>
      <c r="C26366" s="6" t="s">
        <v>26837</v>
      </c>
      <c r="D26366" s="6"/>
      <c r="E26366" s="6" t="s">
        <v>18740</v>
      </c>
      <c r="F26366" s="7">
        <v>38657</v>
      </c>
      <c r="G26366" s="8">
        <v>1456920</v>
      </c>
      <c r="H26366" s="8">
        <v>1456920</v>
      </c>
      <c r="I26366" s="8">
        <v>0</v>
      </c>
      <c r="J26366" s="8">
        <v>1456920</v>
      </c>
      <c r="K26366" s="9">
        <v>285</v>
      </c>
      <c r="L26366" s="6" t="s">
        <v>6094</v>
      </c>
    </row>
    <row r="26367" spans="1:12">
      <c r="A26367" s="6" t="s">
        <v>26838</v>
      </c>
      <c r="B26367" s="6"/>
      <c r="C26367" s="6" t="s">
        <v>26839</v>
      </c>
      <c r="D26367" s="6"/>
      <c r="E26367" s="6" t="s">
        <v>18740</v>
      </c>
      <c r="F26367" s="7">
        <v>38657</v>
      </c>
      <c r="G26367" s="8">
        <v>342504</v>
      </c>
      <c r="H26367" s="8">
        <v>342504</v>
      </c>
      <c r="I26367" s="8">
        <v>0</v>
      </c>
      <c r="J26367" s="8">
        <v>342504</v>
      </c>
      <c r="K26367" s="9">
        <v>67</v>
      </c>
      <c r="L26367" s="6" t="s">
        <v>6094</v>
      </c>
    </row>
    <row r="26368" spans="1:12">
      <c r="A26368" s="6" t="s">
        <v>26840</v>
      </c>
      <c r="B26368" s="6"/>
      <c r="C26368" s="6" t="s">
        <v>26841</v>
      </c>
      <c r="D26368" s="6"/>
      <c r="E26368" s="6" t="s">
        <v>18740</v>
      </c>
      <c r="F26368" s="7">
        <v>38657</v>
      </c>
      <c r="G26368" s="8">
        <v>628776</v>
      </c>
      <c r="H26368" s="8">
        <v>628776</v>
      </c>
      <c r="I26368" s="8">
        <v>0</v>
      </c>
      <c r="J26368" s="8">
        <v>628776</v>
      </c>
      <c r="K26368" s="9">
        <v>123</v>
      </c>
      <c r="L26368" s="6" t="s">
        <v>6094</v>
      </c>
    </row>
    <row r="26369" spans="1:12">
      <c r="A26369" s="6" t="s">
        <v>26842</v>
      </c>
      <c r="B26369" s="6"/>
      <c r="C26369" s="6" t="s">
        <v>26843</v>
      </c>
      <c r="D26369" s="6"/>
      <c r="E26369" s="6" t="s">
        <v>18740</v>
      </c>
      <c r="F26369" s="7">
        <v>38657</v>
      </c>
      <c r="G26369" s="8">
        <v>639000</v>
      </c>
      <c r="H26369" s="8">
        <v>639000</v>
      </c>
      <c r="I26369" s="8">
        <v>0</v>
      </c>
      <c r="J26369" s="8">
        <v>639000</v>
      </c>
      <c r="K26369" s="9">
        <v>125</v>
      </c>
      <c r="L26369" s="6" t="s">
        <v>6094</v>
      </c>
    </row>
    <row r="26370" spans="1:12">
      <c r="A26370" s="6" t="s">
        <v>26844</v>
      </c>
      <c r="B26370" s="6"/>
      <c r="C26370" s="6" t="s">
        <v>26845</v>
      </c>
      <c r="D26370" s="6"/>
      <c r="E26370" s="6" t="s">
        <v>18740</v>
      </c>
      <c r="F26370" s="7">
        <v>38657</v>
      </c>
      <c r="G26370" s="8">
        <v>332280</v>
      </c>
      <c r="H26370" s="8">
        <v>332280</v>
      </c>
      <c r="I26370" s="8">
        <v>0</v>
      </c>
      <c r="J26370" s="8">
        <v>332280</v>
      </c>
      <c r="K26370" s="9">
        <v>65</v>
      </c>
      <c r="L26370" s="6" t="s">
        <v>6094</v>
      </c>
    </row>
    <row r="26371" spans="1:12">
      <c r="A26371" s="6" t="s">
        <v>26846</v>
      </c>
      <c r="B26371" s="6"/>
      <c r="C26371" s="6" t="s">
        <v>26847</v>
      </c>
      <c r="D26371" s="6"/>
      <c r="E26371" s="6" t="s">
        <v>18740</v>
      </c>
      <c r="F26371" s="7">
        <v>38657</v>
      </c>
      <c r="G26371" s="8">
        <v>500976</v>
      </c>
      <c r="H26371" s="8">
        <v>500976</v>
      </c>
      <c r="I26371" s="8">
        <v>0</v>
      </c>
      <c r="J26371" s="8">
        <v>500976</v>
      </c>
      <c r="K26371" s="9">
        <v>98</v>
      </c>
      <c r="L26371" s="6" t="s">
        <v>6094</v>
      </c>
    </row>
    <row r="26372" spans="1:12">
      <c r="A26372" s="6" t="s">
        <v>26848</v>
      </c>
      <c r="B26372" s="6"/>
      <c r="C26372" s="6" t="s">
        <v>26849</v>
      </c>
      <c r="D26372" s="6"/>
      <c r="E26372" s="6" t="s">
        <v>18740</v>
      </c>
      <c r="F26372" s="7">
        <v>38657</v>
      </c>
      <c r="G26372" s="8">
        <v>1451808</v>
      </c>
      <c r="H26372" s="8">
        <v>1451808</v>
      </c>
      <c r="I26372" s="8">
        <v>0</v>
      </c>
      <c r="J26372" s="8">
        <v>1451808</v>
      </c>
      <c r="K26372" s="9">
        <v>284</v>
      </c>
      <c r="L26372" s="6" t="s">
        <v>6094</v>
      </c>
    </row>
    <row r="26373" spans="1:12">
      <c r="A26373" s="6" t="s">
        <v>26848</v>
      </c>
      <c r="B26373" s="6"/>
      <c r="C26373" s="6" t="s">
        <v>26850</v>
      </c>
      <c r="D26373" s="6"/>
      <c r="E26373" s="6" t="s">
        <v>18740</v>
      </c>
      <c r="F26373" s="7">
        <v>38657</v>
      </c>
      <c r="G26373" s="8">
        <v>25151</v>
      </c>
      <c r="H26373" s="8">
        <v>25151</v>
      </c>
      <c r="I26373" s="8">
        <v>0</v>
      </c>
      <c r="J26373" s="8">
        <v>25151</v>
      </c>
      <c r="K26373" s="9">
        <v>4.92</v>
      </c>
      <c r="L26373" s="6" t="s">
        <v>6094</v>
      </c>
    </row>
    <row r="26374" spans="1:12">
      <c r="A26374" s="6" t="s">
        <v>26848</v>
      </c>
      <c r="B26374" s="6"/>
      <c r="C26374" s="6" t="s">
        <v>26851</v>
      </c>
      <c r="D26374" s="6"/>
      <c r="E26374" s="6" t="s">
        <v>18740</v>
      </c>
      <c r="F26374" s="7">
        <v>38657</v>
      </c>
      <c r="G26374" s="8">
        <v>25151</v>
      </c>
      <c r="H26374" s="8">
        <v>25151</v>
      </c>
      <c r="I26374" s="8">
        <v>0</v>
      </c>
      <c r="J26374" s="8">
        <v>25151</v>
      </c>
      <c r="K26374" s="9">
        <v>4.92</v>
      </c>
      <c r="L26374" s="6" t="s">
        <v>6094</v>
      </c>
    </row>
    <row r="26375" spans="1:12">
      <c r="A26375" s="6" t="s">
        <v>26848</v>
      </c>
      <c r="B26375" s="6"/>
      <c r="C26375" s="6" t="s">
        <v>26852</v>
      </c>
      <c r="D26375" s="6"/>
      <c r="E26375" s="6" t="s">
        <v>18740</v>
      </c>
      <c r="F26375" s="7">
        <v>38657</v>
      </c>
      <c r="G26375" s="8">
        <v>25151</v>
      </c>
      <c r="H26375" s="8">
        <v>25151</v>
      </c>
      <c r="I26375" s="8">
        <v>0</v>
      </c>
      <c r="J26375" s="8">
        <v>25151</v>
      </c>
      <c r="K26375" s="9">
        <v>4.92</v>
      </c>
      <c r="L26375" s="6" t="s">
        <v>6094</v>
      </c>
    </row>
    <row r="26376" spans="1:12">
      <c r="A26376" s="6" t="s">
        <v>26848</v>
      </c>
      <c r="B26376" s="6"/>
      <c r="C26376" s="6" t="s">
        <v>26853</v>
      </c>
      <c r="D26376" s="6"/>
      <c r="E26376" s="6" t="s">
        <v>18740</v>
      </c>
      <c r="F26376" s="7">
        <v>38657</v>
      </c>
      <c r="G26376" s="8">
        <v>25151</v>
      </c>
      <c r="H26376" s="8">
        <v>25151</v>
      </c>
      <c r="I26376" s="8">
        <v>0</v>
      </c>
      <c r="J26376" s="8">
        <v>25151</v>
      </c>
      <c r="K26376" s="9">
        <v>4.92</v>
      </c>
      <c r="L26376" s="6" t="s">
        <v>6094</v>
      </c>
    </row>
    <row r="26377" spans="1:12">
      <c r="A26377" s="6" t="s">
        <v>26848</v>
      </c>
      <c r="B26377" s="6"/>
      <c r="C26377" s="6" t="s">
        <v>26854</v>
      </c>
      <c r="D26377" s="6"/>
      <c r="E26377" s="6" t="s">
        <v>18740</v>
      </c>
      <c r="F26377" s="7">
        <v>38657</v>
      </c>
      <c r="G26377" s="8">
        <v>25151</v>
      </c>
      <c r="H26377" s="8">
        <v>25151</v>
      </c>
      <c r="I26377" s="8">
        <v>0</v>
      </c>
      <c r="J26377" s="8">
        <v>25151</v>
      </c>
      <c r="K26377" s="9">
        <v>4.92</v>
      </c>
      <c r="L26377" s="6" t="s">
        <v>6094</v>
      </c>
    </row>
    <row r="26378" spans="1:12">
      <c r="A26378" s="6" t="s">
        <v>26848</v>
      </c>
      <c r="B26378" s="6"/>
      <c r="C26378" s="6" t="s">
        <v>26855</v>
      </c>
      <c r="D26378" s="6"/>
      <c r="E26378" s="6" t="s">
        <v>18740</v>
      </c>
      <c r="F26378" s="7">
        <v>38657</v>
      </c>
      <c r="G26378" s="8">
        <v>25151</v>
      </c>
      <c r="H26378" s="8">
        <v>25151</v>
      </c>
      <c r="I26378" s="8">
        <v>0</v>
      </c>
      <c r="J26378" s="8">
        <v>25151</v>
      </c>
      <c r="K26378" s="9">
        <v>4.92</v>
      </c>
      <c r="L26378" s="6" t="s">
        <v>6094</v>
      </c>
    </row>
    <row r="26379" spans="1:12">
      <c r="A26379" s="6" t="s">
        <v>26848</v>
      </c>
      <c r="B26379" s="6"/>
      <c r="C26379" s="6" t="s">
        <v>26856</v>
      </c>
      <c r="D26379" s="6"/>
      <c r="E26379" s="6" t="s">
        <v>18740</v>
      </c>
      <c r="F26379" s="7">
        <v>38657</v>
      </c>
      <c r="G26379" s="8">
        <v>36653</v>
      </c>
      <c r="H26379" s="8">
        <v>36653</v>
      </c>
      <c r="I26379" s="8">
        <v>0</v>
      </c>
      <c r="J26379" s="8">
        <v>36653</v>
      </c>
      <c r="K26379" s="9">
        <v>7.17</v>
      </c>
      <c r="L26379" s="6" t="s">
        <v>6094</v>
      </c>
    </row>
    <row r="26380" spans="1:12">
      <c r="A26380" s="6" t="s">
        <v>26848</v>
      </c>
      <c r="B26380" s="6"/>
      <c r="C26380" s="6" t="s">
        <v>26857</v>
      </c>
      <c r="D26380" s="6"/>
      <c r="E26380" s="6" t="s">
        <v>18740</v>
      </c>
      <c r="F26380" s="7">
        <v>38657</v>
      </c>
      <c r="G26380" s="8">
        <v>25151</v>
      </c>
      <c r="H26380" s="8">
        <v>25151</v>
      </c>
      <c r="I26380" s="8">
        <v>0</v>
      </c>
      <c r="J26380" s="8">
        <v>25151</v>
      </c>
      <c r="K26380" s="9">
        <v>4.92</v>
      </c>
      <c r="L26380" s="6" t="s">
        <v>6094</v>
      </c>
    </row>
    <row r="26381" spans="1:12">
      <c r="A26381" s="6" t="s">
        <v>26848</v>
      </c>
      <c r="B26381" s="6"/>
      <c r="C26381" s="6" t="s">
        <v>26858</v>
      </c>
      <c r="D26381" s="6"/>
      <c r="E26381" s="6" t="s">
        <v>18740</v>
      </c>
      <c r="F26381" s="7">
        <v>38657</v>
      </c>
      <c r="G26381" s="8">
        <v>25151</v>
      </c>
      <c r="H26381" s="8">
        <v>25151</v>
      </c>
      <c r="I26381" s="8">
        <v>0</v>
      </c>
      <c r="J26381" s="8">
        <v>25151</v>
      </c>
      <c r="K26381" s="9">
        <v>4.92</v>
      </c>
      <c r="L26381" s="6" t="s">
        <v>6094</v>
      </c>
    </row>
    <row r="26382" spans="1:12">
      <c r="A26382" s="6" t="s">
        <v>26848</v>
      </c>
      <c r="B26382" s="6"/>
      <c r="C26382" s="6" t="s">
        <v>26859</v>
      </c>
      <c r="D26382" s="6"/>
      <c r="E26382" s="6" t="s">
        <v>18740</v>
      </c>
      <c r="F26382" s="7">
        <v>38657</v>
      </c>
      <c r="G26382" s="8">
        <v>25151</v>
      </c>
      <c r="H26382" s="8">
        <v>25151</v>
      </c>
      <c r="I26382" s="8">
        <v>0</v>
      </c>
      <c r="J26382" s="8">
        <v>25151</v>
      </c>
      <c r="K26382" s="9">
        <v>4.92</v>
      </c>
      <c r="L26382" s="6" t="s">
        <v>6094</v>
      </c>
    </row>
    <row r="26383" spans="1:12">
      <c r="A26383" s="6" t="s">
        <v>26848</v>
      </c>
      <c r="B26383" s="6"/>
      <c r="C26383" s="6" t="s">
        <v>26860</v>
      </c>
      <c r="D26383" s="6"/>
      <c r="E26383" s="6" t="s">
        <v>18740</v>
      </c>
      <c r="F26383" s="7">
        <v>38657</v>
      </c>
      <c r="G26383" s="8">
        <v>1917000</v>
      </c>
      <c r="H26383" s="8">
        <v>1917000</v>
      </c>
      <c r="I26383" s="8">
        <v>0</v>
      </c>
      <c r="J26383" s="8">
        <v>1917000</v>
      </c>
      <c r="K26383" s="9">
        <v>375</v>
      </c>
      <c r="L26383" s="6" t="s">
        <v>6094</v>
      </c>
    </row>
    <row r="26384" spans="1:12">
      <c r="A26384" s="6" t="s">
        <v>26848</v>
      </c>
      <c r="B26384" s="6"/>
      <c r="C26384" s="6" t="s">
        <v>26861</v>
      </c>
      <c r="D26384" s="6"/>
      <c r="E26384" s="6" t="s">
        <v>18740</v>
      </c>
      <c r="F26384" s="7">
        <v>38657</v>
      </c>
      <c r="G26384" s="8">
        <v>25151</v>
      </c>
      <c r="H26384" s="8">
        <v>25151</v>
      </c>
      <c r="I26384" s="8">
        <v>0</v>
      </c>
      <c r="J26384" s="8">
        <v>25151</v>
      </c>
      <c r="K26384" s="9">
        <v>4.92</v>
      </c>
      <c r="L26384" s="6" t="s">
        <v>6094</v>
      </c>
    </row>
    <row r="26385" spans="1:12">
      <c r="A26385" s="6" t="s">
        <v>26848</v>
      </c>
      <c r="B26385" s="6"/>
      <c r="C26385" s="6" t="s">
        <v>26862</v>
      </c>
      <c r="D26385" s="6"/>
      <c r="E26385" s="6" t="s">
        <v>18740</v>
      </c>
      <c r="F26385" s="7">
        <v>38657</v>
      </c>
      <c r="G26385" s="8">
        <v>25151</v>
      </c>
      <c r="H26385" s="8">
        <v>25151</v>
      </c>
      <c r="I26385" s="8">
        <v>0</v>
      </c>
      <c r="J26385" s="8">
        <v>25151</v>
      </c>
      <c r="K26385" s="9">
        <v>4.92</v>
      </c>
      <c r="L26385" s="6" t="s">
        <v>6094</v>
      </c>
    </row>
    <row r="26386" spans="1:12">
      <c r="A26386" s="6" t="s">
        <v>26848</v>
      </c>
      <c r="B26386" s="6"/>
      <c r="C26386" s="6" t="s">
        <v>26863</v>
      </c>
      <c r="D26386" s="6"/>
      <c r="E26386" s="6" t="s">
        <v>18740</v>
      </c>
      <c r="F26386" s="7">
        <v>38657</v>
      </c>
      <c r="G26386" s="8">
        <v>19732</v>
      </c>
      <c r="H26386" s="8">
        <v>19732</v>
      </c>
      <c r="I26386" s="8">
        <v>0</v>
      </c>
      <c r="J26386" s="8">
        <v>19732</v>
      </c>
      <c r="K26386" s="9">
        <v>3.86</v>
      </c>
      <c r="L26386" s="6" t="s">
        <v>6094</v>
      </c>
    </row>
    <row r="26387" spans="1:12">
      <c r="A26387" s="6" t="s">
        <v>26848</v>
      </c>
      <c r="B26387" s="6"/>
      <c r="C26387" s="6" t="s">
        <v>26864</v>
      </c>
      <c r="D26387" s="6"/>
      <c r="E26387" s="6" t="s">
        <v>18740</v>
      </c>
      <c r="F26387" s="7">
        <v>38657</v>
      </c>
      <c r="G26387" s="8">
        <v>46468</v>
      </c>
      <c r="H26387" s="8">
        <v>46468</v>
      </c>
      <c r="I26387" s="8">
        <v>0</v>
      </c>
      <c r="J26387" s="8">
        <v>46468</v>
      </c>
      <c r="K26387" s="9">
        <v>9.09</v>
      </c>
      <c r="L26387" s="6" t="s">
        <v>6094</v>
      </c>
    </row>
    <row r="26388" spans="1:12">
      <c r="A26388" s="6" t="s">
        <v>26848</v>
      </c>
      <c r="B26388" s="6"/>
      <c r="C26388" s="6" t="s">
        <v>26865</v>
      </c>
      <c r="D26388" s="6"/>
      <c r="E26388" s="6" t="s">
        <v>18740</v>
      </c>
      <c r="F26388" s="7">
        <v>38657</v>
      </c>
      <c r="G26388" s="8">
        <v>235152</v>
      </c>
      <c r="H26388" s="8">
        <v>235152</v>
      </c>
      <c r="I26388" s="8">
        <v>0</v>
      </c>
      <c r="J26388" s="8">
        <v>235152</v>
      </c>
      <c r="K26388" s="9">
        <v>46</v>
      </c>
      <c r="L26388" s="6" t="s">
        <v>6094</v>
      </c>
    </row>
    <row r="26389" spans="1:12">
      <c r="A26389" s="6" t="s">
        <v>26848</v>
      </c>
      <c r="B26389" s="6"/>
      <c r="C26389" s="6" t="s">
        <v>26866</v>
      </c>
      <c r="D26389" s="6"/>
      <c r="E26389" s="6" t="s">
        <v>18740</v>
      </c>
      <c r="F26389" s="7">
        <v>38657</v>
      </c>
      <c r="G26389" s="8">
        <v>255600</v>
      </c>
      <c r="H26389" s="8">
        <v>255600</v>
      </c>
      <c r="I26389" s="8">
        <v>0</v>
      </c>
      <c r="J26389" s="8">
        <v>255600</v>
      </c>
      <c r="K26389" s="9">
        <v>50</v>
      </c>
      <c r="L26389" s="6" t="s">
        <v>6094</v>
      </c>
    </row>
    <row r="26390" spans="1:12">
      <c r="A26390" s="6" t="s">
        <v>26848</v>
      </c>
      <c r="B26390" s="6"/>
      <c r="C26390" s="6" t="s">
        <v>26867</v>
      </c>
      <c r="D26390" s="6"/>
      <c r="E26390" s="6" t="s">
        <v>18740</v>
      </c>
      <c r="F26390" s="7">
        <v>38657</v>
      </c>
      <c r="G26390" s="8">
        <v>32614</v>
      </c>
      <c r="H26390" s="8">
        <v>32614</v>
      </c>
      <c r="I26390" s="8">
        <v>0</v>
      </c>
      <c r="J26390" s="8">
        <v>32614</v>
      </c>
      <c r="K26390" s="9">
        <v>6.38</v>
      </c>
      <c r="L26390" s="6" t="s">
        <v>6094</v>
      </c>
    </row>
    <row r="26391" spans="1:12">
      <c r="A26391" s="6" t="s">
        <v>26848</v>
      </c>
      <c r="B26391" s="6"/>
      <c r="C26391" s="6" t="s">
        <v>26868</v>
      </c>
      <c r="D26391" s="6"/>
      <c r="E26391" s="6" t="s">
        <v>18740</v>
      </c>
      <c r="F26391" s="7">
        <v>38657</v>
      </c>
      <c r="G26391" s="8">
        <v>40538</v>
      </c>
      <c r="H26391" s="8">
        <v>40538</v>
      </c>
      <c r="I26391" s="8">
        <v>0</v>
      </c>
      <c r="J26391" s="8">
        <v>40538</v>
      </c>
      <c r="K26391" s="9">
        <v>7.93</v>
      </c>
      <c r="L26391" s="6" t="s">
        <v>6094</v>
      </c>
    </row>
    <row r="26392" spans="1:12">
      <c r="A26392" s="6" t="s">
        <v>26848</v>
      </c>
      <c r="B26392" s="6"/>
      <c r="C26392" s="6" t="s">
        <v>26869</v>
      </c>
      <c r="D26392" s="6"/>
      <c r="E26392" s="6" t="s">
        <v>18740</v>
      </c>
      <c r="F26392" s="7">
        <v>38657</v>
      </c>
      <c r="G26392" s="8">
        <v>25151</v>
      </c>
      <c r="H26392" s="8">
        <v>25151</v>
      </c>
      <c r="I26392" s="8">
        <v>0</v>
      </c>
      <c r="J26392" s="8">
        <v>25151</v>
      </c>
      <c r="K26392" s="9">
        <v>4.92</v>
      </c>
      <c r="L26392" s="6" t="s">
        <v>6094</v>
      </c>
    </row>
    <row r="26393" spans="1:12">
      <c r="A26393" s="6" t="s">
        <v>26848</v>
      </c>
      <c r="B26393" s="6"/>
      <c r="C26393" s="6" t="s">
        <v>26870</v>
      </c>
      <c r="D26393" s="6"/>
      <c r="E26393" s="6" t="s">
        <v>18740</v>
      </c>
      <c r="F26393" s="7">
        <v>38657</v>
      </c>
      <c r="G26393" s="8">
        <v>36295</v>
      </c>
      <c r="H26393" s="8">
        <v>36295</v>
      </c>
      <c r="I26393" s="8">
        <v>0</v>
      </c>
      <c r="J26393" s="8">
        <v>36295</v>
      </c>
      <c r="K26393" s="9">
        <v>7.1</v>
      </c>
      <c r="L26393" s="6" t="s">
        <v>6094</v>
      </c>
    </row>
    <row r="26394" spans="1:12">
      <c r="A26394" s="6" t="s">
        <v>26871</v>
      </c>
      <c r="B26394" s="6"/>
      <c r="C26394" s="6" t="s">
        <v>26872</v>
      </c>
      <c r="D26394" s="6"/>
      <c r="E26394" s="6" t="s">
        <v>18740</v>
      </c>
      <c r="F26394" s="7">
        <v>38657</v>
      </c>
      <c r="G26394" s="8">
        <v>204480</v>
      </c>
      <c r="H26394" s="8">
        <v>204480</v>
      </c>
      <c r="I26394" s="8">
        <v>0</v>
      </c>
      <c r="J26394" s="8">
        <v>204480</v>
      </c>
      <c r="K26394" s="9">
        <v>40</v>
      </c>
      <c r="L26394" s="6" t="s">
        <v>6094</v>
      </c>
    </row>
    <row r="26395" spans="1:12">
      <c r="A26395" s="6" t="s">
        <v>26873</v>
      </c>
      <c r="B26395" s="6"/>
      <c r="C26395" s="6" t="s">
        <v>26874</v>
      </c>
      <c r="D26395" s="6"/>
      <c r="E26395" s="6" t="s">
        <v>9</v>
      </c>
      <c r="F26395" s="7">
        <v>38657</v>
      </c>
      <c r="G26395" s="8">
        <v>557208</v>
      </c>
      <c r="H26395" s="8">
        <v>557208</v>
      </c>
      <c r="I26395" s="8">
        <v>0</v>
      </c>
      <c r="J26395" s="8">
        <v>557208</v>
      </c>
      <c r="K26395" s="9">
        <v>109</v>
      </c>
      <c r="L26395" s="6" t="s">
        <v>14</v>
      </c>
    </row>
    <row r="26396" spans="1:12">
      <c r="A26396" s="6" t="s">
        <v>26873</v>
      </c>
      <c r="B26396" s="6"/>
      <c r="C26396" s="6" t="s">
        <v>26875</v>
      </c>
      <c r="D26396" s="6"/>
      <c r="E26396" s="6" t="s">
        <v>9</v>
      </c>
      <c r="F26396" s="7">
        <v>38657</v>
      </c>
      <c r="G26396" s="8">
        <v>514727</v>
      </c>
      <c r="H26396" s="8">
        <v>514727</v>
      </c>
      <c r="I26396" s="8">
        <v>0</v>
      </c>
      <c r="J26396" s="8">
        <v>514727</v>
      </c>
      <c r="K26396" s="9">
        <v>100.69</v>
      </c>
      <c r="L26396" s="6" t="s">
        <v>14</v>
      </c>
    </row>
    <row r="26397" spans="1:12">
      <c r="A26397" s="6" t="s">
        <v>26873</v>
      </c>
      <c r="B26397" s="6"/>
      <c r="C26397" s="6" t="s">
        <v>26876</v>
      </c>
      <c r="D26397" s="6"/>
      <c r="E26397" s="6" t="s">
        <v>9</v>
      </c>
      <c r="F26397" s="7">
        <v>38657</v>
      </c>
      <c r="G26397" s="8">
        <v>741240</v>
      </c>
      <c r="H26397" s="8">
        <v>741240</v>
      </c>
      <c r="I26397" s="8">
        <v>0</v>
      </c>
      <c r="J26397" s="8">
        <v>741240</v>
      </c>
      <c r="K26397" s="9">
        <v>145</v>
      </c>
      <c r="L26397" s="6" t="s">
        <v>14</v>
      </c>
    </row>
    <row r="26398" spans="1:12">
      <c r="A26398" s="6" t="s">
        <v>26873</v>
      </c>
      <c r="B26398" s="6"/>
      <c r="C26398" s="6" t="s">
        <v>26877</v>
      </c>
      <c r="D26398" s="6"/>
      <c r="E26398" s="6" t="s">
        <v>9</v>
      </c>
      <c r="F26398" s="7">
        <v>38657</v>
      </c>
      <c r="G26398" s="8">
        <v>168696</v>
      </c>
      <c r="H26398" s="8">
        <v>168696</v>
      </c>
      <c r="I26398" s="8">
        <v>0</v>
      </c>
      <c r="J26398" s="8">
        <v>168696</v>
      </c>
      <c r="K26398" s="9">
        <v>33</v>
      </c>
      <c r="L26398" s="6" t="s">
        <v>14</v>
      </c>
    </row>
    <row r="26399" spans="1:12">
      <c r="A26399" s="6" t="s">
        <v>26873</v>
      </c>
      <c r="B26399" s="6"/>
      <c r="C26399" s="6" t="s">
        <v>26878</v>
      </c>
      <c r="D26399" s="6"/>
      <c r="E26399" s="6" t="s">
        <v>9</v>
      </c>
      <c r="F26399" s="7">
        <v>38657</v>
      </c>
      <c r="G26399" s="8">
        <v>2479320</v>
      </c>
      <c r="H26399" s="8">
        <v>2479320</v>
      </c>
      <c r="I26399" s="8">
        <v>0</v>
      </c>
      <c r="J26399" s="8">
        <v>2479320</v>
      </c>
      <c r="K26399" s="9">
        <v>485</v>
      </c>
      <c r="L26399" s="6" t="s">
        <v>14</v>
      </c>
    </row>
    <row r="26400" spans="1:12">
      <c r="A26400" s="6" t="s">
        <v>26873</v>
      </c>
      <c r="B26400" s="6"/>
      <c r="C26400" s="6" t="s">
        <v>26879</v>
      </c>
      <c r="D26400" s="6"/>
      <c r="E26400" s="6" t="s">
        <v>9</v>
      </c>
      <c r="F26400" s="7">
        <v>38657</v>
      </c>
      <c r="G26400" s="8">
        <v>44321</v>
      </c>
      <c r="H26400" s="8">
        <v>44321</v>
      </c>
      <c r="I26400" s="8">
        <v>0</v>
      </c>
      <c r="J26400" s="8">
        <v>44321</v>
      </c>
      <c r="K26400" s="9">
        <v>8.67</v>
      </c>
      <c r="L26400" s="6" t="s">
        <v>14</v>
      </c>
    </row>
    <row r="26401" spans="1:12">
      <c r="A26401" s="6" t="s">
        <v>26873</v>
      </c>
      <c r="B26401" s="6"/>
      <c r="C26401" s="6" t="s">
        <v>26880</v>
      </c>
      <c r="D26401" s="6"/>
      <c r="E26401" s="6" t="s">
        <v>9</v>
      </c>
      <c r="F26401" s="7">
        <v>38657</v>
      </c>
      <c r="G26401" s="8">
        <v>9518544</v>
      </c>
      <c r="H26401" s="8">
        <v>9518544</v>
      </c>
      <c r="I26401" s="8">
        <v>0</v>
      </c>
      <c r="J26401" s="8">
        <v>9518544</v>
      </c>
      <c r="K26401" s="9">
        <v>1862</v>
      </c>
      <c r="L26401" s="6" t="s">
        <v>14</v>
      </c>
    </row>
    <row r="26402" spans="1:12">
      <c r="A26402" s="6" t="s">
        <v>26881</v>
      </c>
      <c r="B26402" s="6"/>
      <c r="C26402" s="6" t="s">
        <v>26882</v>
      </c>
      <c r="D26402" s="6"/>
      <c r="E26402" s="6" t="s">
        <v>18740</v>
      </c>
      <c r="F26402" s="7">
        <v>38657</v>
      </c>
      <c r="G26402" s="8">
        <v>1206432</v>
      </c>
      <c r="H26402" s="8">
        <v>1206432</v>
      </c>
      <c r="I26402" s="8">
        <v>0</v>
      </c>
      <c r="J26402" s="8">
        <v>1206432</v>
      </c>
      <c r="K26402" s="9">
        <v>236</v>
      </c>
      <c r="L26402" s="6" t="s">
        <v>6094</v>
      </c>
    </row>
    <row r="26403" spans="1:12">
      <c r="A26403" s="6" t="s">
        <v>26883</v>
      </c>
      <c r="B26403" s="6"/>
      <c r="C26403" s="6" t="s">
        <v>26884</v>
      </c>
      <c r="D26403" s="6"/>
      <c r="E26403" s="6" t="s">
        <v>18740</v>
      </c>
      <c r="F26403" s="7">
        <v>38657</v>
      </c>
      <c r="G26403" s="8">
        <v>2039688</v>
      </c>
      <c r="H26403" s="8">
        <v>2039688</v>
      </c>
      <c r="I26403" s="8">
        <v>0</v>
      </c>
      <c r="J26403" s="8">
        <v>2039688</v>
      </c>
      <c r="K26403" s="9">
        <v>399</v>
      </c>
      <c r="L26403" s="6" t="s">
        <v>6094</v>
      </c>
    </row>
    <row r="26404" spans="1:12">
      <c r="A26404" s="6" t="s">
        <v>26885</v>
      </c>
      <c r="B26404" s="6"/>
      <c r="C26404" s="6" t="s">
        <v>26886</v>
      </c>
      <c r="D26404" s="6"/>
      <c r="E26404" s="6" t="s">
        <v>18740</v>
      </c>
      <c r="F26404" s="7">
        <v>38657</v>
      </c>
      <c r="G26404" s="8">
        <v>286272</v>
      </c>
      <c r="H26404" s="8">
        <v>286272</v>
      </c>
      <c r="I26404" s="8">
        <v>0</v>
      </c>
      <c r="J26404" s="8">
        <v>286272</v>
      </c>
      <c r="K26404" s="9">
        <v>56</v>
      </c>
      <c r="L26404" s="6" t="s">
        <v>6094</v>
      </c>
    </row>
    <row r="26405" spans="1:12">
      <c r="A26405" s="6" t="s">
        <v>26887</v>
      </c>
      <c r="B26405" s="6"/>
      <c r="C26405" s="6" t="s">
        <v>26888</v>
      </c>
      <c r="D26405" s="6"/>
      <c r="E26405" s="6" t="s">
        <v>18740</v>
      </c>
      <c r="F26405" s="7">
        <v>38657</v>
      </c>
      <c r="G26405" s="8">
        <v>127800</v>
      </c>
      <c r="H26405" s="8">
        <v>127800</v>
      </c>
      <c r="I26405" s="8">
        <v>0</v>
      </c>
      <c r="J26405" s="8">
        <v>127800</v>
      </c>
      <c r="K26405" s="9">
        <v>25</v>
      </c>
      <c r="L26405" s="6" t="s">
        <v>6094</v>
      </c>
    </row>
    <row r="26406" spans="1:12">
      <c r="A26406" s="6" t="s">
        <v>26889</v>
      </c>
      <c r="B26406" s="6"/>
      <c r="C26406" s="6" t="s">
        <v>26890</v>
      </c>
      <c r="D26406" s="6"/>
      <c r="E26406" s="6" t="s">
        <v>18740</v>
      </c>
      <c r="F26406" s="7">
        <v>38657</v>
      </c>
      <c r="G26406" s="8">
        <v>86904</v>
      </c>
      <c r="H26406" s="8">
        <v>86904</v>
      </c>
      <c r="I26406" s="8">
        <v>0</v>
      </c>
      <c r="J26406" s="8">
        <v>86904</v>
      </c>
      <c r="K26406" s="9">
        <v>17</v>
      </c>
      <c r="L26406" s="6" t="s">
        <v>6094</v>
      </c>
    </row>
    <row r="26407" spans="1:12">
      <c r="A26407" s="6" t="s">
        <v>26891</v>
      </c>
      <c r="B26407" s="6"/>
      <c r="C26407" s="6" t="s">
        <v>26892</v>
      </c>
      <c r="D26407" s="6"/>
      <c r="E26407" s="6" t="s">
        <v>18740</v>
      </c>
      <c r="F26407" s="7">
        <v>38657</v>
      </c>
      <c r="G26407" s="8">
        <v>56232</v>
      </c>
      <c r="H26407" s="8">
        <v>56232</v>
      </c>
      <c r="I26407" s="8">
        <v>0</v>
      </c>
      <c r="J26407" s="8">
        <v>56232</v>
      </c>
      <c r="K26407" s="9">
        <v>11</v>
      </c>
      <c r="L26407" s="6" t="s">
        <v>6094</v>
      </c>
    </row>
    <row r="26408" spans="1:12">
      <c r="A26408" s="6" t="s">
        <v>26893</v>
      </c>
      <c r="B26408" s="6"/>
      <c r="C26408" s="6" t="s">
        <v>26894</v>
      </c>
      <c r="D26408" s="6"/>
      <c r="E26408" s="6" t="s">
        <v>18740</v>
      </c>
      <c r="F26408" s="7">
        <v>38657</v>
      </c>
      <c r="G26408" s="8">
        <v>102240</v>
      </c>
      <c r="H26408" s="8">
        <v>102240</v>
      </c>
      <c r="I26408" s="8">
        <v>0</v>
      </c>
      <c r="J26408" s="8">
        <v>102240</v>
      </c>
      <c r="K26408" s="9">
        <v>20</v>
      </c>
      <c r="L26408" s="6" t="s">
        <v>6094</v>
      </c>
    </row>
    <row r="26409" spans="1:12">
      <c r="A26409" s="6" t="s">
        <v>26895</v>
      </c>
      <c r="B26409" s="6"/>
      <c r="C26409" s="6" t="s">
        <v>26896</v>
      </c>
      <c r="D26409" s="6"/>
      <c r="E26409" s="6" t="s">
        <v>18740</v>
      </c>
      <c r="F26409" s="7">
        <v>38657</v>
      </c>
      <c r="G26409" s="8">
        <v>1784088</v>
      </c>
      <c r="H26409" s="8">
        <v>1784088</v>
      </c>
      <c r="I26409" s="8">
        <v>0</v>
      </c>
      <c r="J26409" s="8">
        <v>1784088</v>
      </c>
      <c r="K26409" s="9">
        <v>349</v>
      </c>
      <c r="L26409" s="6" t="s">
        <v>6094</v>
      </c>
    </row>
    <row r="26410" spans="1:12">
      <c r="A26410" s="6" t="s">
        <v>26897</v>
      </c>
      <c r="B26410" s="6"/>
      <c r="C26410" s="6" t="s">
        <v>26898</v>
      </c>
      <c r="D26410" s="6"/>
      <c r="E26410" s="6" t="s">
        <v>18740</v>
      </c>
      <c r="F26410" s="7">
        <v>38657</v>
      </c>
      <c r="G26410" s="8">
        <v>1896552</v>
      </c>
      <c r="H26410" s="8">
        <v>1896552</v>
      </c>
      <c r="I26410" s="8">
        <v>0</v>
      </c>
      <c r="J26410" s="8">
        <v>1896552</v>
      </c>
      <c r="K26410" s="9">
        <v>371</v>
      </c>
      <c r="L26410" s="6" t="s">
        <v>6094</v>
      </c>
    </row>
    <row r="26411" spans="1:12">
      <c r="A26411" s="6" t="s">
        <v>26899</v>
      </c>
      <c r="B26411" s="6"/>
      <c r="C26411" s="6" t="s">
        <v>26900</v>
      </c>
      <c r="D26411" s="6"/>
      <c r="E26411" s="6" t="s">
        <v>18740</v>
      </c>
      <c r="F26411" s="7">
        <v>38657</v>
      </c>
      <c r="G26411" s="8">
        <v>3430152</v>
      </c>
      <c r="H26411" s="8">
        <v>3430152</v>
      </c>
      <c r="I26411" s="8">
        <v>0</v>
      </c>
      <c r="J26411" s="8">
        <v>3430152</v>
      </c>
      <c r="K26411" s="9">
        <v>671</v>
      </c>
      <c r="L26411" s="6" t="s">
        <v>6094</v>
      </c>
    </row>
    <row r="26412" spans="1:12">
      <c r="A26412" s="6" t="s">
        <v>26901</v>
      </c>
      <c r="B26412" s="6"/>
      <c r="C26412" s="6" t="s">
        <v>26902</v>
      </c>
      <c r="D26412" s="6"/>
      <c r="E26412" s="6" t="s">
        <v>9</v>
      </c>
      <c r="F26412" s="7">
        <v>38657</v>
      </c>
      <c r="G26412" s="8">
        <v>5910494</v>
      </c>
      <c r="H26412" s="8">
        <v>5910494</v>
      </c>
      <c r="I26412" s="8">
        <v>0</v>
      </c>
      <c r="J26412" s="8">
        <v>5910494</v>
      </c>
      <c r="K26412" s="9">
        <v>1156.2</v>
      </c>
      <c r="L26412" s="6" t="s">
        <v>14</v>
      </c>
    </row>
    <row r="26413" spans="1:12">
      <c r="A26413" s="6" t="s">
        <v>26903</v>
      </c>
      <c r="B26413" s="6"/>
      <c r="C26413" s="6" t="s">
        <v>26904</v>
      </c>
      <c r="D26413" s="6"/>
      <c r="E26413" s="6" t="s">
        <v>18740</v>
      </c>
      <c r="F26413" s="7">
        <v>38657</v>
      </c>
      <c r="G26413" s="8">
        <v>3854448</v>
      </c>
      <c r="H26413" s="8">
        <v>3854448</v>
      </c>
      <c r="I26413" s="8">
        <v>0</v>
      </c>
      <c r="J26413" s="8">
        <v>3854448</v>
      </c>
      <c r="K26413" s="9">
        <v>754</v>
      </c>
      <c r="L26413" s="6" t="s">
        <v>6094</v>
      </c>
    </row>
    <row r="26414" spans="1:12">
      <c r="A26414" s="6" t="s">
        <v>26905</v>
      </c>
      <c r="B26414" s="6"/>
      <c r="C26414" s="6" t="s">
        <v>26906</v>
      </c>
      <c r="D26414" s="6"/>
      <c r="E26414" s="6" t="s">
        <v>18740</v>
      </c>
      <c r="F26414" s="7">
        <v>38657</v>
      </c>
      <c r="G26414" s="8">
        <v>1727856</v>
      </c>
      <c r="H26414" s="8">
        <v>1727856</v>
      </c>
      <c r="I26414" s="8">
        <v>0</v>
      </c>
      <c r="J26414" s="8">
        <v>1727856</v>
      </c>
      <c r="K26414" s="9">
        <v>338</v>
      </c>
      <c r="L26414" s="6" t="s">
        <v>6094</v>
      </c>
    </row>
    <row r="26415" spans="1:12">
      <c r="A26415" s="6" t="s">
        <v>26907</v>
      </c>
      <c r="B26415" s="6"/>
      <c r="C26415" s="6" t="s">
        <v>26908</v>
      </c>
      <c r="D26415" s="6"/>
      <c r="E26415" s="6" t="s">
        <v>18740</v>
      </c>
      <c r="F26415" s="7">
        <v>38657</v>
      </c>
      <c r="G26415" s="8">
        <v>194256</v>
      </c>
      <c r="H26415" s="8">
        <v>194256</v>
      </c>
      <c r="I26415" s="8">
        <v>0</v>
      </c>
      <c r="J26415" s="8">
        <v>194256</v>
      </c>
      <c r="K26415" s="9">
        <v>38</v>
      </c>
      <c r="L26415" s="6" t="s">
        <v>6094</v>
      </c>
    </row>
    <row r="26416" spans="1:12">
      <c r="A26416" s="6" t="s">
        <v>26909</v>
      </c>
      <c r="B26416" s="6"/>
      <c r="C26416" s="6" t="s">
        <v>26910</v>
      </c>
      <c r="D26416" s="6"/>
      <c r="E26416" s="6" t="s">
        <v>18740</v>
      </c>
      <c r="F26416" s="7">
        <v>38657</v>
      </c>
      <c r="G26416" s="8">
        <v>178920</v>
      </c>
      <c r="H26416" s="8">
        <v>178920</v>
      </c>
      <c r="I26416" s="8">
        <v>0</v>
      </c>
      <c r="J26416" s="8">
        <v>178920</v>
      </c>
      <c r="K26416" s="9">
        <v>35</v>
      </c>
      <c r="L26416" s="6" t="s">
        <v>6094</v>
      </c>
    </row>
    <row r="26417" spans="1:12">
      <c r="A26417" s="6" t="s">
        <v>26911</v>
      </c>
      <c r="B26417" s="6"/>
      <c r="C26417" s="6" t="s">
        <v>26912</v>
      </c>
      <c r="D26417" s="6"/>
      <c r="E26417" s="6" t="s">
        <v>18740</v>
      </c>
      <c r="F26417" s="7">
        <v>38657</v>
      </c>
      <c r="G26417" s="8">
        <v>925272</v>
      </c>
      <c r="H26417" s="8">
        <v>925272</v>
      </c>
      <c r="I26417" s="8">
        <v>0</v>
      </c>
      <c r="J26417" s="8">
        <v>925272</v>
      </c>
      <c r="K26417" s="9">
        <v>181</v>
      </c>
      <c r="L26417" s="6" t="s">
        <v>6094</v>
      </c>
    </row>
    <row r="26418" spans="1:12">
      <c r="A26418" s="6" t="s">
        <v>26913</v>
      </c>
      <c r="B26418" s="6"/>
      <c r="C26418" s="6" t="s">
        <v>26914</v>
      </c>
      <c r="D26418" s="6"/>
      <c r="E26418" s="6" t="s">
        <v>18740</v>
      </c>
      <c r="F26418" s="7">
        <v>38657</v>
      </c>
      <c r="G26418" s="8">
        <v>4294</v>
      </c>
      <c r="H26418" s="8">
        <v>4294</v>
      </c>
      <c r="I26418" s="8">
        <v>0</v>
      </c>
      <c r="J26418" s="8">
        <v>4294</v>
      </c>
      <c r="K26418" s="9">
        <v>0.84</v>
      </c>
      <c r="L26418" s="6" t="s">
        <v>6094</v>
      </c>
    </row>
    <row r="26419" spans="1:12">
      <c r="A26419" s="6" t="s">
        <v>26913</v>
      </c>
      <c r="B26419" s="6"/>
      <c r="C26419" s="6" t="s">
        <v>26915</v>
      </c>
      <c r="D26419" s="6"/>
      <c r="E26419" s="6" t="s">
        <v>18740</v>
      </c>
      <c r="F26419" s="7">
        <v>38657</v>
      </c>
      <c r="G26419" s="8">
        <v>306</v>
      </c>
      <c r="H26419" s="8">
        <v>306</v>
      </c>
      <c r="I26419" s="8">
        <v>0</v>
      </c>
      <c r="J26419" s="8">
        <v>306</v>
      </c>
      <c r="K26419" s="9">
        <v>0.06</v>
      </c>
      <c r="L26419" s="6" t="s">
        <v>6094</v>
      </c>
    </row>
    <row r="26420" spans="1:12">
      <c r="A26420" s="6" t="s">
        <v>26916</v>
      </c>
      <c r="B26420" s="6"/>
      <c r="C26420" s="6" t="s">
        <v>26917</v>
      </c>
      <c r="D26420" s="6"/>
      <c r="E26420" s="6" t="s">
        <v>18740</v>
      </c>
      <c r="F26420" s="7">
        <v>38657</v>
      </c>
      <c r="G26420" s="8">
        <v>403848</v>
      </c>
      <c r="H26420" s="8">
        <v>403848</v>
      </c>
      <c r="I26420" s="8">
        <v>0</v>
      </c>
      <c r="J26420" s="8">
        <v>403848</v>
      </c>
      <c r="K26420" s="9">
        <v>79</v>
      </c>
      <c r="L26420" s="6" t="s">
        <v>6094</v>
      </c>
    </row>
    <row r="26421" spans="1:12">
      <c r="A26421" s="6" t="s">
        <v>26918</v>
      </c>
      <c r="B26421" s="6"/>
      <c r="C26421" s="6" t="s">
        <v>26919</v>
      </c>
      <c r="D26421" s="6"/>
      <c r="E26421" s="6" t="s">
        <v>18740</v>
      </c>
      <c r="F26421" s="7">
        <v>38657</v>
      </c>
      <c r="G26421" s="8">
        <v>71568</v>
      </c>
      <c r="H26421" s="8">
        <v>71568</v>
      </c>
      <c r="I26421" s="8">
        <v>0</v>
      </c>
      <c r="J26421" s="8">
        <v>71568</v>
      </c>
      <c r="K26421" s="9">
        <v>14</v>
      </c>
      <c r="L26421" s="6" t="s">
        <v>6094</v>
      </c>
    </row>
    <row r="26422" spans="1:12">
      <c r="A26422" s="6" t="s">
        <v>26918</v>
      </c>
      <c r="B26422" s="6"/>
      <c r="C26422" s="6" t="s">
        <v>26920</v>
      </c>
      <c r="D26422" s="6"/>
      <c r="E26422" s="6" t="s">
        <v>18740</v>
      </c>
      <c r="F26422" s="7">
        <v>38657</v>
      </c>
      <c r="G26422" s="8">
        <v>2029464</v>
      </c>
      <c r="H26422" s="8">
        <v>2029464</v>
      </c>
      <c r="I26422" s="8">
        <v>0</v>
      </c>
      <c r="J26422" s="8">
        <v>2029464</v>
      </c>
      <c r="K26422" s="9">
        <v>397</v>
      </c>
      <c r="L26422" s="6" t="s">
        <v>6094</v>
      </c>
    </row>
    <row r="26423" spans="1:12">
      <c r="A26423" s="6" t="s">
        <v>26918</v>
      </c>
      <c r="B26423" s="6"/>
      <c r="C26423" s="6" t="s">
        <v>26921</v>
      </c>
      <c r="D26423" s="6"/>
      <c r="E26423" s="6" t="s">
        <v>18740</v>
      </c>
      <c r="F26423" s="7">
        <v>38657</v>
      </c>
      <c r="G26423" s="8">
        <v>1630728</v>
      </c>
      <c r="H26423" s="8">
        <v>1630728</v>
      </c>
      <c r="I26423" s="8">
        <v>0</v>
      </c>
      <c r="J26423" s="8">
        <v>1630728</v>
      </c>
      <c r="K26423" s="9">
        <v>319</v>
      </c>
      <c r="L26423" s="6" t="s">
        <v>6094</v>
      </c>
    </row>
    <row r="26424" spans="1:12">
      <c r="A26424" s="6" t="s">
        <v>26922</v>
      </c>
      <c r="B26424" s="6"/>
      <c r="C26424" s="6" t="s">
        <v>26923</v>
      </c>
      <c r="D26424" s="6"/>
      <c r="E26424" s="6" t="s">
        <v>18740</v>
      </c>
      <c r="F26424" s="7">
        <v>38657</v>
      </c>
      <c r="G26424" s="8">
        <v>938716</v>
      </c>
      <c r="H26424" s="8">
        <v>938716</v>
      </c>
      <c r="I26424" s="8">
        <v>0</v>
      </c>
      <c r="J26424" s="8">
        <v>938716</v>
      </c>
      <c r="K26424" s="9">
        <v>183.63</v>
      </c>
      <c r="L26424" s="6" t="s">
        <v>6094</v>
      </c>
    </row>
    <row r="26425" spans="1:12">
      <c r="A26425" s="6" t="s">
        <v>26922</v>
      </c>
      <c r="B26425" s="6"/>
      <c r="C26425" s="6" t="s">
        <v>26924</v>
      </c>
      <c r="D26425" s="6"/>
      <c r="E26425" s="6" t="s">
        <v>18740</v>
      </c>
      <c r="F26425" s="7">
        <v>38657</v>
      </c>
      <c r="G26425" s="8">
        <v>250488</v>
      </c>
      <c r="H26425" s="8">
        <v>250488</v>
      </c>
      <c r="I26425" s="8">
        <v>0</v>
      </c>
      <c r="J26425" s="8">
        <v>250488</v>
      </c>
      <c r="K26425" s="9">
        <v>49</v>
      </c>
      <c r="L26425" s="6" t="s">
        <v>6094</v>
      </c>
    </row>
    <row r="26426" spans="1:12">
      <c r="A26426" s="6" t="s">
        <v>26925</v>
      </c>
      <c r="B26426" s="6"/>
      <c r="C26426" s="6" t="s">
        <v>26926</v>
      </c>
      <c r="D26426" s="6"/>
      <c r="E26426" s="6" t="s">
        <v>9</v>
      </c>
      <c r="F26426" s="7">
        <v>38657</v>
      </c>
      <c r="G26426" s="8">
        <v>199368</v>
      </c>
      <c r="H26426" s="8">
        <v>199368</v>
      </c>
      <c r="I26426" s="8">
        <v>0</v>
      </c>
      <c r="J26426" s="8">
        <v>199368</v>
      </c>
      <c r="K26426" s="9">
        <v>39</v>
      </c>
      <c r="L26426" s="6" t="s">
        <v>6094</v>
      </c>
    </row>
    <row r="26427" spans="1:12">
      <c r="A26427" s="6" t="s">
        <v>26925</v>
      </c>
      <c r="B26427" s="6"/>
      <c r="C26427" s="6" t="s">
        <v>26927</v>
      </c>
      <c r="D26427" s="6"/>
      <c r="E26427" s="6" t="s">
        <v>9</v>
      </c>
      <c r="F26427" s="7">
        <v>38657</v>
      </c>
      <c r="G26427" s="8">
        <v>76680</v>
      </c>
      <c r="H26427" s="8">
        <v>76680</v>
      </c>
      <c r="I26427" s="8">
        <v>0</v>
      </c>
      <c r="J26427" s="8">
        <v>76680</v>
      </c>
      <c r="K26427" s="9">
        <v>15</v>
      </c>
      <c r="L26427" s="6" t="s">
        <v>6094</v>
      </c>
    </row>
    <row r="26428" spans="1:12">
      <c r="A26428" s="6" t="s">
        <v>26925</v>
      </c>
      <c r="B26428" s="6"/>
      <c r="C26428" s="6" t="s">
        <v>26928</v>
      </c>
      <c r="D26428" s="6"/>
      <c r="E26428" s="6" t="s">
        <v>9</v>
      </c>
      <c r="F26428" s="7">
        <v>38657</v>
      </c>
      <c r="G26428" s="8">
        <v>9457</v>
      </c>
      <c r="H26428" s="8">
        <v>9457</v>
      </c>
      <c r="I26428" s="8">
        <v>0</v>
      </c>
      <c r="J26428" s="8">
        <v>9457</v>
      </c>
      <c r="K26428" s="9">
        <v>1.85</v>
      </c>
      <c r="L26428" s="6" t="s">
        <v>6094</v>
      </c>
    </row>
    <row r="26429" spans="1:12">
      <c r="A26429" s="6" t="s">
        <v>26929</v>
      </c>
      <c r="B26429" s="6"/>
      <c r="C26429" s="6" t="s">
        <v>26930</v>
      </c>
      <c r="D26429" s="6"/>
      <c r="E26429" s="6" t="s">
        <v>18740</v>
      </c>
      <c r="F26429" s="7">
        <v>38657</v>
      </c>
      <c r="G26429" s="8">
        <v>1487592</v>
      </c>
      <c r="H26429" s="8">
        <v>1487592</v>
      </c>
      <c r="I26429" s="8">
        <v>0</v>
      </c>
      <c r="J26429" s="8">
        <v>1487592</v>
      </c>
      <c r="K26429" s="9">
        <v>291</v>
      </c>
      <c r="L26429" s="6" t="s">
        <v>6094</v>
      </c>
    </row>
    <row r="26430" spans="1:12">
      <c r="A26430" s="6" t="s">
        <v>26931</v>
      </c>
      <c r="B26430" s="6"/>
      <c r="C26430" s="6" t="s">
        <v>26932</v>
      </c>
      <c r="D26430" s="6"/>
      <c r="E26430" s="6" t="s">
        <v>18740</v>
      </c>
      <c r="F26430" s="7">
        <v>38657</v>
      </c>
      <c r="G26430" s="8">
        <v>448117</v>
      </c>
      <c r="H26430" s="8">
        <v>448117</v>
      </c>
      <c r="I26430" s="8">
        <v>0</v>
      </c>
      <c r="J26430" s="8">
        <v>448117</v>
      </c>
      <c r="K26430" s="9">
        <v>87.66</v>
      </c>
      <c r="L26430" s="6" t="s">
        <v>6094</v>
      </c>
    </row>
    <row r="26431" spans="1:12">
      <c r="A26431" s="6" t="s">
        <v>26933</v>
      </c>
      <c r="B26431" s="6"/>
      <c r="C26431" s="6" t="s">
        <v>26934</v>
      </c>
      <c r="D26431" s="6"/>
      <c r="E26431" s="6" t="s">
        <v>18740</v>
      </c>
      <c r="F26431" s="7">
        <v>40157</v>
      </c>
      <c r="G26431" s="8">
        <v>2852496</v>
      </c>
      <c r="H26431" s="8">
        <v>2852496</v>
      </c>
      <c r="I26431" s="8">
        <v>0</v>
      </c>
      <c r="J26431" s="8">
        <v>2852496</v>
      </c>
      <c r="K26431" s="9">
        <v>558</v>
      </c>
      <c r="L26431" s="6" t="s">
        <v>6094</v>
      </c>
    </row>
    <row r="26432" spans="1:12">
      <c r="A26432" s="6" t="s">
        <v>26933</v>
      </c>
      <c r="B26432" s="6"/>
      <c r="C26432" s="6" t="s">
        <v>26935</v>
      </c>
      <c r="D26432" s="6"/>
      <c r="E26432" s="6" t="s">
        <v>18740</v>
      </c>
      <c r="F26432" s="7">
        <v>40070</v>
      </c>
      <c r="G26432" s="8">
        <v>6047496</v>
      </c>
      <c r="H26432" s="8">
        <v>6047496</v>
      </c>
      <c r="I26432" s="8">
        <v>0</v>
      </c>
      <c r="J26432" s="8">
        <v>6047496</v>
      </c>
      <c r="K26432" s="9">
        <v>1183</v>
      </c>
      <c r="L26432" s="6" t="s">
        <v>6094</v>
      </c>
    </row>
    <row r="26433" spans="1:12">
      <c r="A26433" s="6" t="s">
        <v>26936</v>
      </c>
      <c r="B26433" s="6"/>
      <c r="C26433" s="6" t="s">
        <v>26937</v>
      </c>
      <c r="D26433" s="6"/>
      <c r="E26433" s="6" t="s">
        <v>18740</v>
      </c>
      <c r="F26433" s="7">
        <v>38657</v>
      </c>
      <c r="G26433" s="8">
        <v>25202</v>
      </c>
      <c r="H26433" s="8">
        <v>25202</v>
      </c>
      <c r="I26433" s="8">
        <v>0</v>
      </c>
      <c r="J26433" s="8">
        <v>25202</v>
      </c>
      <c r="K26433" s="9">
        <v>4.93</v>
      </c>
      <c r="L26433" s="6" t="s">
        <v>6094</v>
      </c>
    </row>
    <row r="26434" spans="1:12">
      <c r="A26434" s="6" t="s">
        <v>26938</v>
      </c>
      <c r="B26434" s="6"/>
      <c r="C26434" s="6" t="s">
        <v>26939</v>
      </c>
      <c r="D26434" s="6"/>
      <c r="E26434" s="6" t="s">
        <v>18740</v>
      </c>
      <c r="F26434" s="7">
        <v>38657</v>
      </c>
      <c r="G26434" s="8">
        <v>56232</v>
      </c>
      <c r="H26434" s="8">
        <v>56232</v>
      </c>
      <c r="I26434" s="8">
        <v>0</v>
      </c>
      <c r="J26434" s="8">
        <v>56232</v>
      </c>
      <c r="K26434" s="9">
        <v>11</v>
      </c>
      <c r="L26434" s="6" t="s">
        <v>6094</v>
      </c>
    </row>
    <row r="26435" spans="1:12">
      <c r="A26435" s="6" t="s">
        <v>26938</v>
      </c>
      <c r="B26435" s="6"/>
      <c r="C26435" s="6" t="s">
        <v>26940</v>
      </c>
      <c r="D26435" s="6"/>
      <c r="E26435" s="6" t="s">
        <v>18740</v>
      </c>
      <c r="F26435" s="7">
        <v>38657</v>
      </c>
      <c r="G26435" s="8">
        <v>44014</v>
      </c>
      <c r="H26435" s="8">
        <v>44014</v>
      </c>
      <c r="I26435" s="8">
        <v>0</v>
      </c>
      <c r="J26435" s="8">
        <v>44014</v>
      </c>
      <c r="K26435" s="9">
        <v>8.61</v>
      </c>
      <c r="L26435" s="6" t="s">
        <v>6094</v>
      </c>
    </row>
    <row r="26436" spans="1:12">
      <c r="A26436" s="6" t="s">
        <v>26941</v>
      </c>
      <c r="B26436" s="6"/>
      <c r="C26436" s="6" t="s">
        <v>26942</v>
      </c>
      <c r="D26436" s="6"/>
      <c r="E26436" s="6" t="s">
        <v>18740</v>
      </c>
      <c r="F26436" s="7">
        <v>38657</v>
      </c>
      <c r="G26436" s="8">
        <v>86904</v>
      </c>
      <c r="H26436" s="8">
        <v>86904</v>
      </c>
      <c r="I26436" s="8">
        <v>0</v>
      </c>
      <c r="J26436" s="8">
        <v>86904</v>
      </c>
      <c r="K26436" s="9">
        <v>17</v>
      </c>
      <c r="L26436" s="6" t="s">
        <v>6094</v>
      </c>
    </row>
    <row r="26437" spans="1:12">
      <c r="A26437" s="6" t="s">
        <v>26943</v>
      </c>
      <c r="B26437" s="6"/>
      <c r="C26437" s="6" t="s">
        <v>26944</v>
      </c>
      <c r="D26437" s="6"/>
      <c r="E26437" s="6" t="s">
        <v>18740</v>
      </c>
      <c r="F26437" s="7"/>
      <c r="G26437" s="8">
        <v>521424</v>
      </c>
      <c r="H26437" s="8">
        <v>521424</v>
      </c>
      <c r="I26437" s="8">
        <v>0</v>
      </c>
      <c r="J26437" s="8">
        <v>521424</v>
      </c>
      <c r="K26437" s="9">
        <v>102</v>
      </c>
      <c r="L26437" s="6" t="s">
        <v>6094</v>
      </c>
    </row>
    <row r="26438" spans="1:12">
      <c r="A26438" s="6" t="s">
        <v>26943</v>
      </c>
      <c r="B26438" s="6"/>
      <c r="C26438" s="6" t="s">
        <v>26945</v>
      </c>
      <c r="D26438" s="6"/>
      <c r="E26438" s="6" t="s">
        <v>18740</v>
      </c>
      <c r="F26438" s="7"/>
      <c r="G26438" s="8">
        <v>388512</v>
      </c>
      <c r="H26438" s="8">
        <v>388512</v>
      </c>
      <c r="I26438" s="8">
        <v>0</v>
      </c>
      <c r="J26438" s="8">
        <v>388512</v>
      </c>
      <c r="K26438" s="9">
        <v>76</v>
      </c>
      <c r="L26438" s="6" t="s">
        <v>23</v>
      </c>
    </row>
    <row r="26439" spans="1:12">
      <c r="A26439" s="6" t="s">
        <v>26943</v>
      </c>
      <c r="B26439" s="6"/>
      <c r="C26439" s="6" t="s">
        <v>26946</v>
      </c>
      <c r="D26439" s="6"/>
      <c r="E26439" s="6" t="s">
        <v>18740</v>
      </c>
      <c r="F26439" s="7"/>
      <c r="G26439" s="8">
        <v>1738080</v>
      </c>
      <c r="H26439" s="8">
        <v>1738080</v>
      </c>
      <c r="I26439" s="8">
        <v>0</v>
      </c>
      <c r="J26439" s="8">
        <v>1738080</v>
      </c>
      <c r="K26439" s="9">
        <v>340</v>
      </c>
      <c r="L26439" s="6" t="s">
        <v>6094</v>
      </c>
    </row>
    <row r="26440" spans="1:12">
      <c r="A26440" s="6" t="s">
        <v>26943</v>
      </c>
      <c r="B26440" s="6"/>
      <c r="C26440" s="6" t="s">
        <v>26947</v>
      </c>
      <c r="D26440" s="6"/>
      <c r="E26440" s="6" t="s">
        <v>18740</v>
      </c>
      <c r="F26440" s="7"/>
      <c r="G26440" s="8">
        <v>5132448</v>
      </c>
      <c r="H26440" s="8">
        <v>5132448</v>
      </c>
      <c r="I26440" s="8">
        <v>0</v>
      </c>
      <c r="J26440" s="8">
        <v>5132448</v>
      </c>
      <c r="K26440" s="9">
        <v>1004</v>
      </c>
      <c r="L26440" s="6" t="s">
        <v>6094</v>
      </c>
    </row>
    <row r="26441" spans="1:12">
      <c r="A26441" s="6" t="s">
        <v>26943</v>
      </c>
      <c r="B26441" s="6"/>
      <c r="C26441" s="6" t="s">
        <v>26948</v>
      </c>
      <c r="D26441" s="6"/>
      <c r="E26441" s="6" t="s">
        <v>18740</v>
      </c>
      <c r="F26441" s="7">
        <v>38657</v>
      </c>
      <c r="G26441" s="8">
        <v>388512</v>
      </c>
      <c r="H26441" s="8">
        <v>388512</v>
      </c>
      <c r="I26441" s="8">
        <v>0</v>
      </c>
      <c r="J26441" s="8">
        <v>388512</v>
      </c>
      <c r="K26441" s="9">
        <v>76</v>
      </c>
      <c r="L26441" s="6" t="s">
        <v>6094</v>
      </c>
    </row>
    <row r="26442" spans="1:12">
      <c r="A26442" s="6" t="s">
        <v>26943</v>
      </c>
      <c r="B26442" s="6"/>
      <c r="C26442" s="6" t="s">
        <v>26949</v>
      </c>
      <c r="D26442" s="6"/>
      <c r="E26442" s="6" t="s">
        <v>18740</v>
      </c>
      <c r="F26442" s="7">
        <v>38657</v>
      </c>
      <c r="G26442" s="8">
        <v>1012176</v>
      </c>
      <c r="H26442" s="8">
        <v>1012176</v>
      </c>
      <c r="I26442" s="8">
        <v>0</v>
      </c>
      <c r="J26442" s="8">
        <v>1012176</v>
      </c>
      <c r="K26442" s="9">
        <v>198</v>
      </c>
      <c r="L26442" s="6" t="s">
        <v>23</v>
      </c>
    </row>
    <row r="26443" spans="1:12">
      <c r="A26443" s="6" t="s">
        <v>26943</v>
      </c>
      <c r="B26443" s="6"/>
      <c r="C26443" s="6" t="s">
        <v>26950</v>
      </c>
      <c r="D26443" s="6"/>
      <c r="E26443" s="6" t="s">
        <v>18740</v>
      </c>
      <c r="F26443" s="7">
        <v>38657</v>
      </c>
      <c r="G26443" s="8">
        <v>843480</v>
      </c>
      <c r="H26443" s="8">
        <v>843480</v>
      </c>
      <c r="I26443" s="8">
        <v>0</v>
      </c>
      <c r="J26443" s="8">
        <v>843480</v>
      </c>
      <c r="K26443" s="9">
        <v>165</v>
      </c>
      <c r="L26443" s="6" t="s">
        <v>6094</v>
      </c>
    </row>
    <row r="26444" spans="1:12">
      <c r="A26444" s="6" t="s">
        <v>26943</v>
      </c>
      <c r="B26444" s="6"/>
      <c r="C26444" s="6" t="s">
        <v>26951</v>
      </c>
      <c r="D26444" s="6"/>
      <c r="E26444" s="6" t="s">
        <v>18740</v>
      </c>
      <c r="F26444" s="7"/>
      <c r="G26444" s="8">
        <v>337392</v>
      </c>
      <c r="H26444" s="8">
        <v>337392</v>
      </c>
      <c r="I26444" s="8">
        <v>0</v>
      </c>
      <c r="J26444" s="8">
        <v>337392</v>
      </c>
      <c r="K26444" s="9">
        <v>66</v>
      </c>
      <c r="L26444" s="6" t="s">
        <v>6094</v>
      </c>
    </row>
    <row r="26445" spans="1:12">
      <c r="A26445" s="6" t="s">
        <v>26943</v>
      </c>
      <c r="B26445" s="6"/>
      <c r="C26445" s="6" t="s">
        <v>26952</v>
      </c>
      <c r="D26445" s="6"/>
      <c r="E26445" s="6" t="s">
        <v>18740</v>
      </c>
      <c r="F26445" s="7"/>
      <c r="G26445" s="8">
        <v>388512</v>
      </c>
      <c r="H26445" s="8">
        <v>388512</v>
      </c>
      <c r="I26445" s="8">
        <v>0</v>
      </c>
      <c r="J26445" s="8">
        <v>388512</v>
      </c>
      <c r="K26445" s="9">
        <v>76</v>
      </c>
      <c r="L26445" s="6" t="s">
        <v>6094</v>
      </c>
    </row>
    <row r="26446" spans="1:12">
      <c r="A26446" s="6" t="s">
        <v>26943</v>
      </c>
      <c r="B26446" s="6"/>
      <c r="C26446" s="6" t="s">
        <v>26953</v>
      </c>
      <c r="D26446" s="6"/>
      <c r="E26446" s="6" t="s">
        <v>18740</v>
      </c>
      <c r="F26446" s="7"/>
      <c r="G26446" s="8">
        <v>1283112</v>
      </c>
      <c r="H26446" s="8">
        <v>1283112</v>
      </c>
      <c r="I26446" s="8">
        <v>0</v>
      </c>
      <c r="J26446" s="8">
        <v>1283112</v>
      </c>
      <c r="K26446" s="9">
        <v>251</v>
      </c>
      <c r="L26446" s="6" t="s">
        <v>23</v>
      </c>
    </row>
    <row r="26447" spans="1:12">
      <c r="A26447" s="6" t="s">
        <v>26943</v>
      </c>
      <c r="B26447" s="6"/>
      <c r="C26447" s="6" t="s">
        <v>26954</v>
      </c>
      <c r="D26447" s="6"/>
      <c r="E26447" s="6" t="s">
        <v>18740</v>
      </c>
      <c r="F26447" s="7">
        <v>38657</v>
      </c>
      <c r="G26447" s="8">
        <v>1451808</v>
      </c>
      <c r="H26447" s="8">
        <v>1451808</v>
      </c>
      <c r="I26447" s="8">
        <v>0</v>
      </c>
      <c r="J26447" s="8">
        <v>1451808</v>
      </c>
      <c r="K26447" s="9">
        <v>284</v>
      </c>
      <c r="L26447" s="6" t="s">
        <v>6094</v>
      </c>
    </row>
    <row r="26448" spans="1:12">
      <c r="A26448" s="6" t="s">
        <v>26943</v>
      </c>
      <c r="B26448" s="6"/>
      <c r="C26448" s="6" t="s">
        <v>26955</v>
      </c>
      <c r="D26448" s="6"/>
      <c r="E26448" s="6" t="s">
        <v>18740</v>
      </c>
      <c r="F26448" s="7"/>
      <c r="G26448" s="8">
        <v>1533600</v>
      </c>
      <c r="H26448" s="8">
        <v>1533600</v>
      </c>
      <c r="I26448" s="8">
        <v>0</v>
      </c>
      <c r="J26448" s="8">
        <v>1533600</v>
      </c>
      <c r="K26448" s="9">
        <v>300</v>
      </c>
      <c r="L26448" s="6" t="s">
        <v>6094</v>
      </c>
    </row>
    <row r="26449" spans="1:12">
      <c r="A26449" s="6" t="s">
        <v>26943</v>
      </c>
      <c r="B26449" s="6"/>
      <c r="C26449" s="6" t="s">
        <v>26956</v>
      </c>
      <c r="D26449" s="6"/>
      <c r="E26449" s="6" t="s">
        <v>18740</v>
      </c>
      <c r="F26449" s="7"/>
      <c r="G26449" s="8">
        <v>1196208</v>
      </c>
      <c r="H26449" s="8">
        <v>1196208</v>
      </c>
      <c r="I26449" s="8">
        <v>0</v>
      </c>
      <c r="J26449" s="8">
        <v>1196208</v>
      </c>
      <c r="K26449" s="9">
        <v>234</v>
      </c>
      <c r="L26449" s="6" t="s">
        <v>6094</v>
      </c>
    </row>
    <row r="26450" spans="1:12">
      <c r="A26450" s="6" t="s">
        <v>26943</v>
      </c>
      <c r="B26450" s="6"/>
      <c r="C26450" s="6" t="s">
        <v>26957</v>
      </c>
      <c r="D26450" s="6"/>
      <c r="E26450" s="6" t="s">
        <v>18740</v>
      </c>
      <c r="F26450" s="7"/>
      <c r="G26450" s="8">
        <v>1518264</v>
      </c>
      <c r="H26450" s="8">
        <v>1518264</v>
      </c>
      <c r="I26450" s="8">
        <v>0</v>
      </c>
      <c r="J26450" s="8">
        <v>1518264</v>
      </c>
      <c r="K26450" s="9">
        <v>297</v>
      </c>
      <c r="L26450" s="6" t="s">
        <v>6094</v>
      </c>
    </row>
    <row r="26451" spans="1:12">
      <c r="A26451" s="6" t="s">
        <v>26943</v>
      </c>
      <c r="B26451" s="6"/>
      <c r="C26451" s="6" t="s">
        <v>26958</v>
      </c>
      <c r="D26451" s="6"/>
      <c r="E26451" s="6" t="s">
        <v>18740</v>
      </c>
      <c r="F26451" s="7"/>
      <c r="G26451" s="8">
        <v>337392</v>
      </c>
      <c r="H26451" s="8">
        <v>337392</v>
      </c>
      <c r="I26451" s="8">
        <v>0</v>
      </c>
      <c r="J26451" s="8">
        <v>337392</v>
      </c>
      <c r="K26451" s="9">
        <v>66</v>
      </c>
      <c r="L26451" s="6" t="s">
        <v>6094</v>
      </c>
    </row>
    <row r="26452" spans="1:12">
      <c r="A26452" s="6" t="s">
        <v>26959</v>
      </c>
      <c r="B26452" s="6"/>
      <c r="C26452" s="6" t="s">
        <v>26960</v>
      </c>
      <c r="D26452" s="6"/>
      <c r="E26452" s="6" t="s">
        <v>18740</v>
      </c>
      <c r="F26452" s="7">
        <v>38657</v>
      </c>
      <c r="G26452" s="8">
        <v>1001952</v>
      </c>
      <c r="H26452" s="8">
        <v>1001952</v>
      </c>
      <c r="I26452" s="8">
        <v>0</v>
      </c>
      <c r="J26452" s="8">
        <v>1001952</v>
      </c>
      <c r="K26452" s="9">
        <v>196</v>
      </c>
      <c r="L26452" s="6" t="s">
        <v>6094</v>
      </c>
    </row>
    <row r="26453" spans="1:12">
      <c r="A26453" s="6" t="s">
        <v>26961</v>
      </c>
      <c r="B26453" s="6"/>
      <c r="C26453" s="6" t="s">
        <v>26962</v>
      </c>
      <c r="D26453" s="6"/>
      <c r="E26453" s="6" t="s">
        <v>18740</v>
      </c>
      <c r="F26453" s="7">
        <v>38657</v>
      </c>
      <c r="G26453" s="8">
        <v>4467888</v>
      </c>
      <c r="H26453" s="8">
        <v>4467888</v>
      </c>
      <c r="I26453" s="8">
        <v>0</v>
      </c>
      <c r="J26453" s="8">
        <v>4467888</v>
      </c>
      <c r="K26453" s="9">
        <v>874</v>
      </c>
      <c r="L26453" s="6" t="s">
        <v>6094</v>
      </c>
    </row>
    <row r="26454" spans="1:12">
      <c r="A26454" s="6" t="s">
        <v>26963</v>
      </c>
      <c r="B26454" s="6"/>
      <c r="C26454" s="6" t="s">
        <v>26964</v>
      </c>
      <c r="D26454" s="6"/>
      <c r="E26454" s="6" t="s">
        <v>18740</v>
      </c>
      <c r="F26454" s="7">
        <v>38657</v>
      </c>
      <c r="G26454" s="8">
        <v>9958176</v>
      </c>
      <c r="H26454" s="8">
        <v>9958176</v>
      </c>
      <c r="I26454" s="8">
        <v>0</v>
      </c>
      <c r="J26454" s="8">
        <v>9958176</v>
      </c>
      <c r="K26454" s="9">
        <v>1948</v>
      </c>
      <c r="L26454" s="6" t="s">
        <v>6094</v>
      </c>
    </row>
    <row r="26455" spans="1:12">
      <c r="A26455" s="6" t="s">
        <v>26965</v>
      </c>
      <c r="B26455" s="6"/>
      <c r="C26455" s="6" t="s">
        <v>26966</v>
      </c>
      <c r="D26455" s="6"/>
      <c r="E26455" s="6" t="s">
        <v>18740</v>
      </c>
      <c r="F26455" s="7">
        <v>38657</v>
      </c>
      <c r="G26455" s="8">
        <v>3568176</v>
      </c>
      <c r="H26455" s="8">
        <v>3568176</v>
      </c>
      <c r="I26455" s="8">
        <v>0</v>
      </c>
      <c r="J26455" s="8">
        <v>3568176</v>
      </c>
      <c r="K26455" s="9">
        <v>698</v>
      </c>
      <c r="L26455" s="6" t="s">
        <v>6094</v>
      </c>
    </row>
    <row r="26456" spans="1:12">
      <c r="A26456" s="6" t="s">
        <v>26967</v>
      </c>
      <c r="B26456" s="6"/>
      <c r="C26456" s="6" t="s">
        <v>26968</v>
      </c>
      <c r="D26456" s="6"/>
      <c r="E26456" s="6" t="s">
        <v>18740</v>
      </c>
      <c r="F26456" s="7">
        <v>38657</v>
      </c>
      <c r="G26456" s="8">
        <v>44781</v>
      </c>
      <c r="H26456" s="8">
        <v>44781</v>
      </c>
      <c r="I26456" s="8">
        <v>0</v>
      </c>
      <c r="J26456" s="8">
        <v>44781</v>
      </c>
      <c r="K26456" s="9">
        <v>8.76</v>
      </c>
      <c r="L26456" s="6" t="s">
        <v>6094</v>
      </c>
    </row>
    <row r="26457" spans="1:12">
      <c r="A26457" s="6" t="s">
        <v>26969</v>
      </c>
      <c r="B26457" s="6"/>
      <c r="C26457" s="6" t="s">
        <v>26970</v>
      </c>
      <c r="D26457" s="6"/>
      <c r="E26457" s="6" t="s">
        <v>18740</v>
      </c>
      <c r="F26457" s="7">
        <v>38657</v>
      </c>
      <c r="G26457" s="8">
        <v>1523376</v>
      </c>
      <c r="H26457" s="8">
        <v>1523376</v>
      </c>
      <c r="I26457" s="8">
        <v>0</v>
      </c>
      <c r="J26457" s="8">
        <v>1523376</v>
      </c>
      <c r="K26457" s="9">
        <v>298</v>
      </c>
      <c r="L26457" s="6" t="s">
        <v>6094</v>
      </c>
    </row>
    <row r="26458" spans="1:12">
      <c r="A26458" s="6" t="s">
        <v>26971</v>
      </c>
      <c r="B26458" s="6"/>
      <c r="C26458" s="6" t="s">
        <v>26972</v>
      </c>
      <c r="D26458" s="6"/>
      <c r="E26458" s="6" t="s">
        <v>18740</v>
      </c>
      <c r="F26458" s="7">
        <v>38657</v>
      </c>
      <c r="G26458" s="8">
        <v>1375128</v>
      </c>
      <c r="H26458" s="8">
        <v>1375128</v>
      </c>
      <c r="I26458" s="8">
        <v>0</v>
      </c>
      <c r="J26458" s="8">
        <v>1375128</v>
      </c>
      <c r="K26458" s="9">
        <v>269</v>
      </c>
      <c r="L26458" s="6" t="s">
        <v>6094</v>
      </c>
    </row>
    <row r="26459" spans="1:12">
      <c r="A26459" s="6" t="s">
        <v>26973</v>
      </c>
      <c r="B26459" s="6"/>
      <c r="C26459" s="6" t="s">
        <v>26974</v>
      </c>
      <c r="D26459" s="6"/>
      <c r="E26459" s="6" t="s">
        <v>18740</v>
      </c>
      <c r="F26459" s="7">
        <v>38657</v>
      </c>
      <c r="G26459" s="8">
        <v>674784</v>
      </c>
      <c r="H26459" s="8">
        <v>674784</v>
      </c>
      <c r="I26459" s="8">
        <v>0</v>
      </c>
      <c r="J26459" s="8">
        <v>674784</v>
      </c>
      <c r="K26459" s="9">
        <v>132</v>
      </c>
      <c r="L26459" s="6" t="s">
        <v>6094</v>
      </c>
    </row>
    <row r="26460" spans="1:12">
      <c r="A26460" s="6" t="s">
        <v>26973</v>
      </c>
      <c r="B26460" s="6"/>
      <c r="C26460" s="6" t="s">
        <v>26975</v>
      </c>
      <c r="D26460" s="6"/>
      <c r="E26460" s="6" t="s">
        <v>18740</v>
      </c>
      <c r="F26460" s="7">
        <v>38657</v>
      </c>
      <c r="G26460" s="8">
        <v>705456</v>
      </c>
      <c r="H26460" s="8">
        <v>705456</v>
      </c>
      <c r="I26460" s="8">
        <v>0</v>
      </c>
      <c r="J26460" s="8">
        <v>705456</v>
      </c>
      <c r="K26460" s="9">
        <v>138</v>
      </c>
      <c r="L26460" s="6" t="s">
        <v>6094</v>
      </c>
    </row>
    <row r="26461" spans="1:12">
      <c r="A26461" s="6" t="s">
        <v>26973</v>
      </c>
      <c r="B26461" s="6"/>
      <c r="C26461" s="6" t="s">
        <v>26976</v>
      </c>
      <c r="D26461" s="6"/>
      <c r="E26461" s="6" t="s">
        <v>18740</v>
      </c>
      <c r="F26461" s="7">
        <v>38657</v>
      </c>
      <c r="G26461" s="8">
        <v>674784</v>
      </c>
      <c r="H26461" s="8">
        <v>674784</v>
      </c>
      <c r="I26461" s="8">
        <v>0</v>
      </c>
      <c r="J26461" s="8">
        <v>674784</v>
      </c>
      <c r="K26461" s="9">
        <v>132</v>
      </c>
      <c r="L26461" s="6" t="s">
        <v>6094</v>
      </c>
    </row>
    <row r="26462" spans="1:12">
      <c r="A26462" s="6" t="s">
        <v>26973</v>
      </c>
      <c r="B26462" s="6"/>
      <c r="C26462" s="6" t="s">
        <v>26977</v>
      </c>
      <c r="D26462" s="6"/>
      <c r="E26462" s="6" t="s">
        <v>18740</v>
      </c>
      <c r="F26462" s="7">
        <v>38657</v>
      </c>
      <c r="G26462" s="8">
        <v>214704</v>
      </c>
      <c r="H26462" s="8">
        <v>214704</v>
      </c>
      <c r="I26462" s="8">
        <v>0</v>
      </c>
      <c r="J26462" s="8">
        <v>214704</v>
      </c>
      <c r="K26462" s="9">
        <v>42</v>
      </c>
      <c r="L26462" s="6" t="s">
        <v>6094</v>
      </c>
    </row>
    <row r="26463" spans="1:12">
      <c r="A26463" s="6" t="s">
        <v>26973</v>
      </c>
      <c r="B26463" s="6"/>
      <c r="C26463" s="6" t="s">
        <v>26978</v>
      </c>
      <c r="D26463" s="6"/>
      <c r="E26463" s="6" t="s">
        <v>18740</v>
      </c>
      <c r="F26463" s="7">
        <v>38657</v>
      </c>
      <c r="G26463" s="8">
        <v>199368</v>
      </c>
      <c r="H26463" s="8">
        <v>199368</v>
      </c>
      <c r="I26463" s="8">
        <v>0</v>
      </c>
      <c r="J26463" s="8">
        <v>199368</v>
      </c>
      <c r="K26463" s="9">
        <v>39</v>
      </c>
      <c r="L26463" s="6" t="s">
        <v>6094</v>
      </c>
    </row>
    <row r="26464" spans="1:12">
      <c r="A26464" s="6" t="s">
        <v>26973</v>
      </c>
      <c r="B26464" s="6"/>
      <c r="C26464" s="6" t="s">
        <v>26979</v>
      </c>
      <c r="D26464" s="6"/>
      <c r="E26464" s="6" t="s">
        <v>18740</v>
      </c>
      <c r="F26464" s="7">
        <v>38657</v>
      </c>
      <c r="G26464" s="8">
        <v>434520</v>
      </c>
      <c r="H26464" s="8">
        <v>434520</v>
      </c>
      <c r="I26464" s="8">
        <v>0</v>
      </c>
      <c r="J26464" s="8">
        <v>434520</v>
      </c>
      <c r="K26464" s="9">
        <v>85</v>
      </c>
      <c r="L26464" s="6" t="s">
        <v>6094</v>
      </c>
    </row>
    <row r="26465" spans="1:12">
      <c r="A26465" s="6" t="s">
        <v>26973</v>
      </c>
      <c r="B26465" s="6"/>
      <c r="C26465" s="6" t="s">
        <v>26980</v>
      </c>
      <c r="D26465" s="6"/>
      <c r="E26465" s="6" t="s">
        <v>18740</v>
      </c>
      <c r="F26465" s="7">
        <v>38657</v>
      </c>
      <c r="G26465" s="8">
        <v>50659</v>
      </c>
      <c r="H26465" s="8">
        <v>50659</v>
      </c>
      <c r="I26465" s="8">
        <v>0</v>
      </c>
      <c r="J26465" s="8">
        <v>50659</v>
      </c>
      <c r="K26465" s="9">
        <v>9.91</v>
      </c>
      <c r="L26465" s="6" t="s">
        <v>6094</v>
      </c>
    </row>
    <row r="26466" spans="1:12">
      <c r="A26466" s="6" t="s">
        <v>26973</v>
      </c>
      <c r="B26466" s="6"/>
      <c r="C26466" s="6" t="s">
        <v>26981</v>
      </c>
      <c r="D26466" s="6"/>
      <c r="E26466" s="6" t="s">
        <v>18740</v>
      </c>
      <c r="F26466" s="7">
        <v>38657</v>
      </c>
      <c r="G26466" s="8">
        <v>132912</v>
      </c>
      <c r="H26466" s="8">
        <v>132912</v>
      </c>
      <c r="I26466" s="8">
        <v>0</v>
      </c>
      <c r="J26466" s="8">
        <v>132912</v>
      </c>
      <c r="K26466" s="9">
        <v>26</v>
      </c>
      <c r="L26466" s="6" t="s">
        <v>6094</v>
      </c>
    </row>
    <row r="26467" spans="1:12">
      <c r="A26467" s="6" t="s">
        <v>26973</v>
      </c>
      <c r="B26467" s="6"/>
      <c r="C26467" s="6" t="s">
        <v>26982</v>
      </c>
      <c r="D26467" s="6"/>
      <c r="E26467" s="6" t="s">
        <v>18740</v>
      </c>
      <c r="F26467" s="7">
        <v>38657</v>
      </c>
      <c r="G26467" s="8">
        <v>148248</v>
      </c>
      <c r="H26467" s="8">
        <v>148248</v>
      </c>
      <c r="I26467" s="8">
        <v>0</v>
      </c>
      <c r="J26467" s="8">
        <v>148248</v>
      </c>
      <c r="K26467" s="9">
        <v>29</v>
      </c>
      <c r="L26467" s="6" t="s">
        <v>6094</v>
      </c>
    </row>
    <row r="26468" spans="1:12">
      <c r="A26468" s="6" t="s">
        <v>26973</v>
      </c>
      <c r="B26468" s="6"/>
      <c r="C26468" s="6" t="s">
        <v>26983</v>
      </c>
      <c r="D26468" s="6"/>
      <c r="E26468" s="6" t="s">
        <v>18740</v>
      </c>
      <c r="F26468" s="7">
        <v>38657</v>
      </c>
      <c r="G26468" s="8">
        <v>16869</v>
      </c>
      <c r="H26468" s="8">
        <v>16869</v>
      </c>
      <c r="I26468" s="8">
        <v>0</v>
      </c>
      <c r="J26468" s="8">
        <v>16869</v>
      </c>
      <c r="K26468" s="9">
        <v>3.3</v>
      </c>
      <c r="L26468" s="6" t="s">
        <v>6094</v>
      </c>
    </row>
    <row r="26469" spans="1:12">
      <c r="A26469" s="6" t="s">
        <v>26984</v>
      </c>
      <c r="B26469" s="6"/>
      <c r="C26469" s="6" t="s">
        <v>26985</v>
      </c>
      <c r="D26469" s="6"/>
      <c r="E26469" s="6" t="s">
        <v>18740</v>
      </c>
      <c r="F26469" s="7">
        <v>38657</v>
      </c>
      <c r="G26469" s="8">
        <v>2346408</v>
      </c>
      <c r="H26469" s="8">
        <v>2346408</v>
      </c>
      <c r="I26469" s="8">
        <v>0</v>
      </c>
      <c r="J26469" s="8">
        <v>2346408</v>
      </c>
      <c r="K26469" s="9">
        <v>459</v>
      </c>
      <c r="L26469" s="6" t="s">
        <v>6094</v>
      </c>
    </row>
    <row r="26470" spans="1:12">
      <c r="A26470" s="6" t="s">
        <v>26986</v>
      </c>
      <c r="B26470" s="6"/>
      <c r="C26470" s="6" t="s">
        <v>26987</v>
      </c>
      <c r="D26470" s="6"/>
      <c r="E26470" s="6" t="s">
        <v>18740</v>
      </c>
      <c r="F26470" s="7">
        <v>38657</v>
      </c>
      <c r="G26470" s="8">
        <v>1518264</v>
      </c>
      <c r="H26470" s="8">
        <v>1518264</v>
      </c>
      <c r="I26470" s="8">
        <v>0</v>
      </c>
      <c r="J26470" s="8">
        <v>1518264</v>
      </c>
      <c r="K26470" s="9">
        <v>297</v>
      </c>
      <c r="L26470" s="6" t="s">
        <v>6094</v>
      </c>
    </row>
    <row r="26471" spans="1:12">
      <c r="A26471" s="6" t="s">
        <v>26988</v>
      </c>
      <c r="B26471" s="6"/>
      <c r="C26471" s="6" t="s">
        <v>26989</v>
      </c>
      <c r="D26471" s="6"/>
      <c r="E26471" s="6" t="s">
        <v>18740</v>
      </c>
      <c r="F26471" s="7">
        <v>38657</v>
      </c>
      <c r="G26471" s="8">
        <v>362952</v>
      </c>
      <c r="H26471" s="8">
        <v>362952</v>
      </c>
      <c r="I26471" s="8">
        <v>0</v>
      </c>
      <c r="J26471" s="8">
        <v>362952</v>
      </c>
      <c r="K26471" s="9">
        <v>71</v>
      </c>
      <c r="L26471" s="6" t="s">
        <v>6094</v>
      </c>
    </row>
    <row r="26472" spans="1:12">
      <c r="A26472" s="6" t="s">
        <v>26990</v>
      </c>
      <c r="B26472" s="6"/>
      <c r="C26472" s="6" t="s">
        <v>26991</v>
      </c>
      <c r="D26472" s="6"/>
      <c r="E26472" s="6" t="s">
        <v>18740</v>
      </c>
      <c r="F26472" s="7">
        <v>38657</v>
      </c>
      <c r="G26472" s="8">
        <v>2438424</v>
      </c>
      <c r="H26472" s="8">
        <v>2438424</v>
      </c>
      <c r="I26472" s="8">
        <v>0</v>
      </c>
      <c r="J26472" s="8">
        <v>2438424</v>
      </c>
      <c r="K26472" s="9">
        <v>477</v>
      </c>
      <c r="L26472" s="6" t="s">
        <v>6094</v>
      </c>
    </row>
    <row r="26473" spans="1:12">
      <c r="A26473" s="6" t="s">
        <v>26992</v>
      </c>
      <c r="B26473" s="6"/>
      <c r="C26473" s="6" t="s">
        <v>26993</v>
      </c>
      <c r="D26473" s="6"/>
      <c r="E26473" s="6" t="s">
        <v>18740</v>
      </c>
      <c r="F26473" s="7">
        <v>38657</v>
      </c>
      <c r="G26473" s="8">
        <v>1538712</v>
      </c>
      <c r="H26473" s="8">
        <v>1538712</v>
      </c>
      <c r="I26473" s="8">
        <v>0</v>
      </c>
      <c r="J26473" s="8">
        <v>1538712</v>
      </c>
      <c r="K26473" s="9">
        <v>301</v>
      </c>
      <c r="L26473" s="6" t="s">
        <v>6094</v>
      </c>
    </row>
    <row r="26474" spans="1:12">
      <c r="A26474" s="6" t="s">
        <v>26994</v>
      </c>
      <c r="B26474" s="6"/>
      <c r="C26474" s="6" t="s">
        <v>26995</v>
      </c>
      <c r="D26474" s="6"/>
      <c r="E26474" s="6" t="s">
        <v>18740</v>
      </c>
      <c r="F26474" s="7">
        <v>38657</v>
      </c>
      <c r="G26474" s="8">
        <v>13398552</v>
      </c>
      <c r="H26474" s="8">
        <v>13398552</v>
      </c>
      <c r="I26474" s="8">
        <v>0</v>
      </c>
      <c r="J26474" s="8">
        <v>13398552</v>
      </c>
      <c r="K26474" s="9">
        <v>2621</v>
      </c>
      <c r="L26474" s="6" t="s">
        <v>6094</v>
      </c>
    </row>
    <row r="26475" spans="1:12">
      <c r="A26475" s="6" t="s">
        <v>26996</v>
      </c>
      <c r="B26475" s="6"/>
      <c r="C26475" s="6" t="s">
        <v>26997</v>
      </c>
      <c r="D26475" s="6"/>
      <c r="E26475" s="6" t="s">
        <v>18740</v>
      </c>
      <c r="F26475" s="7">
        <v>38657</v>
      </c>
      <c r="G26475" s="8">
        <v>138024</v>
      </c>
      <c r="H26475" s="8">
        <v>138024</v>
      </c>
      <c r="I26475" s="8">
        <v>0</v>
      </c>
      <c r="J26475" s="8">
        <v>138024</v>
      </c>
      <c r="K26475" s="9">
        <v>27</v>
      </c>
      <c r="L26475" s="6" t="s">
        <v>6094</v>
      </c>
    </row>
    <row r="26476" spans="1:12">
      <c r="A26476" s="6" t="s">
        <v>26998</v>
      </c>
      <c r="B26476" s="6"/>
      <c r="C26476" s="6" t="s">
        <v>26999</v>
      </c>
      <c r="D26476" s="6"/>
      <c r="E26476" s="6" t="s">
        <v>18740</v>
      </c>
      <c r="F26476" s="7">
        <v>38657</v>
      </c>
      <c r="G26476" s="8">
        <v>3471048</v>
      </c>
      <c r="H26476" s="8">
        <v>3471048</v>
      </c>
      <c r="I26476" s="8">
        <v>0</v>
      </c>
      <c r="J26476" s="8">
        <v>3471048</v>
      </c>
      <c r="K26476" s="9">
        <v>679</v>
      </c>
      <c r="L26476" s="6" t="s">
        <v>6094</v>
      </c>
    </row>
    <row r="26477" spans="1:12">
      <c r="A26477" s="6" t="s">
        <v>27000</v>
      </c>
      <c r="B26477" s="6"/>
      <c r="C26477" s="6" t="s">
        <v>27001</v>
      </c>
      <c r="D26477" s="6"/>
      <c r="E26477" s="6" t="s">
        <v>18740</v>
      </c>
      <c r="F26477" s="7">
        <v>38657</v>
      </c>
      <c r="G26477" s="8">
        <v>603216</v>
      </c>
      <c r="H26477" s="8">
        <v>603216</v>
      </c>
      <c r="I26477" s="8">
        <v>0</v>
      </c>
      <c r="J26477" s="8">
        <v>603216</v>
      </c>
      <c r="K26477" s="9">
        <v>118</v>
      </c>
      <c r="L26477" s="6" t="s">
        <v>6094</v>
      </c>
    </row>
    <row r="26478" spans="1:12">
      <c r="A26478" s="6" t="s">
        <v>27002</v>
      </c>
      <c r="B26478" s="6"/>
      <c r="C26478" s="6" t="s">
        <v>27003</v>
      </c>
      <c r="D26478" s="6"/>
      <c r="E26478" s="6" t="s">
        <v>18740</v>
      </c>
      <c r="F26478" s="7">
        <v>38657</v>
      </c>
      <c r="G26478" s="8">
        <v>373176</v>
      </c>
      <c r="H26478" s="8">
        <v>373176</v>
      </c>
      <c r="I26478" s="8">
        <v>0</v>
      </c>
      <c r="J26478" s="8">
        <v>373176</v>
      </c>
      <c r="K26478" s="9">
        <v>73</v>
      </c>
      <c r="L26478" s="6" t="s">
        <v>6094</v>
      </c>
    </row>
    <row r="26479" spans="1:12">
      <c r="A26479" s="6" t="s">
        <v>27004</v>
      </c>
      <c r="B26479" s="6"/>
      <c r="C26479" s="6" t="s">
        <v>27005</v>
      </c>
      <c r="D26479" s="6"/>
      <c r="E26479" s="6" t="s">
        <v>18740</v>
      </c>
      <c r="F26479" s="7">
        <v>38657</v>
      </c>
      <c r="G26479" s="8">
        <v>608328</v>
      </c>
      <c r="H26479" s="8">
        <v>608328</v>
      </c>
      <c r="I26479" s="8">
        <v>0</v>
      </c>
      <c r="J26479" s="8">
        <v>608328</v>
      </c>
      <c r="K26479" s="9">
        <v>119</v>
      </c>
      <c r="L26479" s="6" t="s">
        <v>6094</v>
      </c>
    </row>
    <row r="26480" spans="1:12">
      <c r="A26480" s="6" t="s">
        <v>27006</v>
      </c>
      <c r="B26480" s="6"/>
      <c r="C26480" s="6" t="s">
        <v>27007</v>
      </c>
      <c r="D26480" s="6"/>
      <c r="E26480" s="6" t="s">
        <v>18740</v>
      </c>
      <c r="F26480" s="7">
        <v>38657</v>
      </c>
      <c r="G26480" s="8">
        <v>117576</v>
      </c>
      <c r="H26480" s="8">
        <v>117576</v>
      </c>
      <c r="I26480" s="8">
        <v>0</v>
      </c>
      <c r="J26480" s="8">
        <v>117576</v>
      </c>
      <c r="K26480" s="9">
        <v>23</v>
      </c>
      <c r="L26480" s="6" t="s">
        <v>6094</v>
      </c>
    </row>
    <row r="26481" spans="1:12">
      <c r="A26481" s="6" t="s">
        <v>27008</v>
      </c>
      <c r="B26481" s="6"/>
      <c r="C26481" s="6" t="s">
        <v>27009</v>
      </c>
      <c r="D26481" s="6"/>
      <c r="E26481" s="6" t="s">
        <v>18740</v>
      </c>
      <c r="F26481" s="7">
        <v>38657</v>
      </c>
      <c r="G26481" s="8">
        <v>81792</v>
      </c>
      <c r="H26481" s="8">
        <v>81792</v>
      </c>
      <c r="I26481" s="8">
        <v>0</v>
      </c>
      <c r="J26481" s="8">
        <v>81792</v>
      </c>
      <c r="K26481" s="9">
        <v>16</v>
      </c>
      <c r="L26481" s="6" t="s">
        <v>6094</v>
      </c>
    </row>
    <row r="26482" spans="1:12">
      <c r="A26482" s="6" t="s">
        <v>27010</v>
      </c>
      <c r="B26482" s="6"/>
      <c r="C26482" s="6" t="s">
        <v>27011</v>
      </c>
      <c r="D26482" s="6"/>
      <c r="E26482" s="6" t="s">
        <v>18740</v>
      </c>
      <c r="F26482" s="7">
        <v>38657</v>
      </c>
      <c r="G26482" s="8">
        <v>224928</v>
      </c>
      <c r="H26482" s="8">
        <v>224928</v>
      </c>
      <c r="I26482" s="8">
        <v>0</v>
      </c>
      <c r="J26482" s="8">
        <v>224928</v>
      </c>
      <c r="K26482" s="9">
        <v>44</v>
      </c>
      <c r="L26482" s="6" t="s">
        <v>6094</v>
      </c>
    </row>
    <row r="26483" spans="1:12">
      <c r="A26483" s="6" t="s">
        <v>27012</v>
      </c>
      <c r="B26483" s="6"/>
      <c r="C26483" s="6" t="s">
        <v>27013</v>
      </c>
      <c r="D26483" s="6"/>
      <c r="E26483" s="6" t="s">
        <v>18740</v>
      </c>
      <c r="F26483" s="7">
        <v>38657</v>
      </c>
      <c r="G26483" s="8">
        <v>173808</v>
      </c>
      <c r="H26483" s="8">
        <v>173808</v>
      </c>
      <c r="I26483" s="8">
        <v>0</v>
      </c>
      <c r="J26483" s="8">
        <v>173808</v>
      </c>
      <c r="K26483" s="9">
        <v>34</v>
      </c>
      <c r="L26483" s="6" t="s">
        <v>6094</v>
      </c>
    </row>
    <row r="26484" spans="1:12">
      <c r="A26484" s="6" t="s">
        <v>27014</v>
      </c>
      <c r="B26484" s="6"/>
      <c r="C26484" s="6" t="s">
        <v>27015</v>
      </c>
      <c r="D26484" s="6"/>
      <c r="E26484" s="6" t="s">
        <v>18740</v>
      </c>
      <c r="F26484" s="7">
        <v>38657</v>
      </c>
      <c r="G26484" s="8">
        <v>56232</v>
      </c>
      <c r="H26484" s="8">
        <v>56232</v>
      </c>
      <c r="I26484" s="8">
        <v>0</v>
      </c>
      <c r="J26484" s="8">
        <v>56232</v>
      </c>
      <c r="K26484" s="9">
        <v>11</v>
      </c>
      <c r="L26484" s="6" t="s">
        <v>6094</v>
      </c>
    </row>
    <row r="26485" spans="1:12">
      <c r="A26485" s="6" t="s">
        <v>27016</v>
      </c>
      <c r="B26485" s="6"/>
      <c r="C26485" s="6" t="s">
        <v>27017</v>
      </c>
      <c r="D26485" s="6"/>
      <c r="E26485" s="6" t="s">
        <v>18740</v>
      </c>
      <c r="F26485" s="7">
        <v>38657</v>
      </c>
      <c r="G26485" s="8">
        <v>1702296</v>
      </c>
      <c r="H26485" s="8">
        <v>1702296</v>
      </c>
      <c r="I26485" s="8">
        <v>0</v>
      </c>
      <c r="J26485" s="8">
        <v>1702296</v>
      </c>
      <c r="K26485" s="9">
        <v>333</v>
      </c>
      <c r="L26485" s="6" t="s">
        <v>6094</v>
      </c>
    </row>
    <row r="26486" spans="1:12">
      <c r="A26486" s="6" t="s">
        <v>27018</v>
      </c>
      <c r="B26486" s="6"/>
      <c r="C26486" s="6" t="s">
        <v>27019</v>
      </c>
      <c r="D26486" s="6"/>
      <c r="E26486" s="6" t="s">
        <v>18740</v>
      </c>
      <c r="F26486" s="7">
        <v>38657</v>
      </c>
      <c r="G26486" s="8">
        <v>250488</v>
      </c>
      <c r="H26486" s="8">
        <v>250488</v>
      </c>
      <c r="I26486" s="8">
        <v>0</v>
      </c>
      <c r="J26486" s="8">
        <v>250488</v>
      </c>
      <c r="K26486" s="9">
        <v>49</v>
      </c>
      <c r="L26486" s="6" t="s">
        <v>6094</v>
      </c>
    </row>
    <row r="26487" spans="1:12">
      <c r="A26487" s="6" t="s">
        <v>27020</v>
      </c>
      <c r="B26487" s="6"/>
      <c r="C26487" s="6" t="s">
        <v>27021</v>
      </c>
      <c r="D26487" s="6"/>
      <c r="E26487" s="6" t="s">
        <v>18740</v>
      </c>
      <c r="F26487" s="7">
        <v>38657</v>
      </c>
      <c r="G26487" s="8">
        <v>1242216</v>
      </c>
      <c r="H26487" s="8">
        <v>1242216</v>
      </c>
      <c r="I26487" s="8">
        <v>0</v>
      </c>
      <c r="J26487" s="8">
        <v>1242216</v>
      </c>
      <c r="K26487" s="9">
        <v>243</v>
      </c>
      <c r="L26487" s="6" t="s">
        <v>6094</v>
      </c>
    </row>
    <row r="26488" spans="1:12">
      <c r="A26488" s="6" t="s">
        <v>27022</v>
      </c>
      <c r="B26488" s="6"/>
      <c r="C26488" s="6" t="s">
        <v>27023</v>
      </c>
      <c r="D26488" s="6"/>
      <c r="E26488" s="6" t="s">
        <v>18740</v>
      </c>
      <c r="F26488" s="7">
        <v>38657</v>
      </c>
      <c r="G26488" s="8">
        <v>184032</v>
      </c>
      <c r="H26488" s="8">
        <v>184032</v>
      </c>
      <c r="I26488" s="8">
        <v>0</v>
      </c>
      <c r="J26488" s="8">
        <v>184032</v>
      </c>
      <c r="K26488" s="9">
        <v>36</v>
      </c>
      <c r="L26488" s="6" t="s">
        <v>6094</v>
      </c>
    </row>
    <row r="26489" spans="1:12">
      <c r="A26489" s="6" t="s">
        <v>27024</v>
      </c>
      <c r="B26489" s="6"/>
      <c r="C26489" s="6" t="s">
        <v>27025</v>
      </c>
      <c r="D26489" s="6"/>
      <c r="E26489" s="6" t="s">
        <v>18740</v>
      </c>
      <c r="F26489" s="7">
        <v>38657</v>
      </c>
      <c r="G26489" s="8">
        <v>731016</v>
      </c>
      <c r="H26489" s="8">
        <v>731016</v>
      </c>
      <c r="I26489" s="8">
        <v>0</v>
      </c>
      <c r="J26489" s="8">
        <v>731016</v>
      </c>
      <c r="K26489" s="9">
        <v>143</v>
      </c>
      <c r="L26489" s="6" t="s">
        <v>6094</v>
      </c>
    </row>
    <row r="26490" spans="1:12">
      <c r="A26490" s="6" t="s">
        <v>27026</v>
      </c>
      <c r="B26490" s="6"/>
      <c r="C26490" s="6" t="s">
        <v>27027</v>
      </c>
      <c r="D26490" s="6"/>
      <c r="E26490" s="6" t="s">
        <v>18740</v>
      </c>
      <c r="F26490" s="7">
        <v>38657</v>
      </c>
      <c r="G26490" s="8">
        <v>2279952</v>
      </c>
      <c r="H26490" s="8">
        <v>2279952</v>
      </c>
      <c r="I26490" s="8">
        <v>0</v>
      </c>
      <c r="J26490" s="8">
        <v>2279952</v>
      </c>
      <c r="K26490" s="9">
        <v>446</v>
      </c>
      <c r="L26490" s="6" t="s">
        <v>6094</v>
      </c>
    </row>
    <row r="26491" spans="1:12">
      <c r="A26491" s="6" t="s">
        <v>27028</v>
      </c>
      <c r="B26491" s="6"/>
      <c r="C26491" s="6" t="s">
        <v>27029</v>
      </c>
      <c r="D26491" s="6"/>
      <c r="E26491" s="6" t="s">
        <v>18740</v>
      </c>
      <c r="F26491" s="7">
        <v>38657</v>
      </c>
      <c r="G26491" s="8">
        <v>1569384</v>
      </c>
      <c r="H26491" s="8">
        <v>1569384</v>
      </c>
      <c r="I26491" s="8">
        <v>0</v>
      </c>
      <c r="J26491" s="8">
        <v>1569384</v>
      </c>
      <c r="K26491" s="9">
        <v>307</v>
      </c>
      <c r="L26491" s="6" t="s">
        <v>6094</v>
      </c>
    </row>
    <row r="26492" spans="1:12">
      <c r="A26492" s="6" t="s">
        <v>27028</v>
      </c>
      <c r="B26492" s="6"/>
      <c r="C26492" s="6" t="s">
        <v>27030</v>
      </c>
      <c r="D26492" s="6"/>
      <c r="E26492" s="6" t="s">
        <v>18740</v>
      </c>
      <c r="F26492" s="7">
        <v>38657</v>
      </c>
      <c r="G26492" s="8">
        <v>2325960</v>
      </c>
      <c r="H26492" s="8">
        <v>2325960</v>
      </c>
      <c r="I26492" s="8">
        <v>0</v>
      </c>
      <c r="J26492" s="8">
        <v>2325960</v>
      </c>
      <c r="K26492" s="9">
        <v>455</v>
      </c>
      <c r="L26492" s="6" t="s">
        <v>6094</v>
      </c>
    </row>
    <row r="26493" spans="1:12">
      <c r="A26493" s="6" t="s">
        <v>27031</v>
      </c>
      <c r="B26493" s="6"/>
      <c r="C26493" s="6" t="s">
        <v>27032</v>
      </c>
      <c r="D26493" s="6"/>
      <c r="E26493" s="6" t="s">
        <v>9</v>
      </c>
      <c r="F26493" s="7">
        <v>38657</v>
      </c>
      <c r="G26493" s="8">
        <v>82247580</v>
      </c>
      <c r="H26493" s="8">
        <v>82247580</v>
      </c>
      <c r="I26493" s="8">
        <v>0</v>
      </c>
      <c r="J26493" s="8">
        <v>82247580</v>
      </c>
      <c r="K26493" s="9">
        <v>2885.88</v>
      </c>
      <c r="L26493" s="6" t="s">
        <v>10</v>
      </c>
    </row>
    <row r="26494" spans="1:12">
      <c r="A26494" s="6" t="s">
        <v>27033</v>
      </c>
      <c r="B26494" s="6"/>
      <c r="C26494" s="6" t="s">
        <v>27034</v>
      </c>
      <c r="D26494" s="6"/>
      <c r="E26494" s="6" t="s">
        <v>18740</v>
      </c>
      <c r="F26494" s="7">
        <v>38657</v>
      </c>
      <c r="G26494" s="8">
        <v>557208</v>
      </c>
      <c r="H26494" s="8">
        <v>557208</v>
      </c>
      <c r="I26494" s="8">
        <v>0</v>
      </c>
      <c r="J26494" s="8">
        <v>557208</v>
      </c>
      <c r="K26494" s="9">
        <v>109</v>
      </c>
      <c r="L26494" s="6" t="s">
        <v>6094</v>
      </c>
    </row>
    <row r="26495" spans="1:12">
      <c r="A26495" s="6" t="s">
        <v>27035</v>
      </c>
      <c r="B26495" s="6"/>
      <c r="C26495" s="6" t="s">
        <v>27036</v>
      </c>
      <c r="D26495" s="6"/>
      <c r="E26495" s="6" t="s">
        <v>18740</v>
      </c>
      <c r="F26495" s="7">
        <v>38657</v>
      </c>
      <c r="G26495" s="8">
        <v>828144</v>
      </c>
      <c r="H26495" s="8">
        <v>828144</v>
      </c>
      <c r="I26495" s="8">
        <v>0</v>
      </c>
      <c r="J26495" s="8">
        <v>828144</v>
      </c>
      <c r="K26495" s="9">
        <v>162</v>
      </c>
      <c r="L26495" s="6" t="s">
        <v>6094</v>
      </c>
    </row>
    <row r="26496" spans="1:12">
      <c r="A26496" s="6" t="s">
        <v>27035</v>
      </c>
      <c r="B26496" s="6"/>
      <c r="C26496" s="6" t="s">
        <v>27037</v>
      </c>
      <c r="D26496" s="6"/>
      <c r="E26496" s="6" t="s">
        <v>18740</v>
      </c>
      <c r="F26496" s="7">
        <v>38657</v>
      </c>
      <c r="G26496" s="8">
        <v>961056</v>
      </c>
      <c r="H26496" s="8">
        <v>961056</v>
      </c>
      <c r="I26496" s="8">
        <v>0</v>
      </c>
      <c r="J26496" s="8">
        <v>961056</v>
      </c>
      <c r="K26496" s="9">
        <v>188</v>
      </c>
      <c r="L26496" s="6" t="s">
        <v>6094</v>
      </c>
    </row>
    <row r="26497" spans="1:12">
      <c r="A26497" s="6" t="s">
        <v>27038</v>
      </c>
      <c r="B26497" s="6"/>
      <c r="C26497" s="6" t="s">
        <v>27039</v>
      </c>
      <c r="D26497" s="6"/>
      <c r="E26497" s="6" t="s">
        <v>18740</v>
      </c>
      <c r="F26497" s="7">
        <v>38657</v>
      </c>
      <c r="G26497" s="8">
        <v>403848</v>
      </c>
      <c r="H26497" s="8">
        <v>403848</v>
      </c>
      <c r="I26497" s="8">
        <v>0</v>
      </c>
      <c r="J26497" s="8">
        <v>403848</v>
      </c>
      <c r="K26497" s="9">
        <v>79</v>
      </c>
      <c r="L26497" s="6" t="s">
        <v>6094</v>
      </c>
    </row>
    <row r="26498" spans="1:12">
      <c r="A26498" s="6" t="s">
        <v>27038</v>
      </c>
      <c r="B26498" s="6"/>
      <c r="C26498" s="6" t="s">
        <v>27040</v>
      </c>
      <c r="D26498" s="6"/>
      <c r="E26498" s="6" t="s">
        <v>18740</v>
      </c>
      <c r="F26498" s="7">
        <v>38657</v>
      </c>
      <c r="G26498" s="8">
        <v>388512</v>
      </c>
      <c r="H26498" s="8">
        <v>388512</v>
      </c>
      <c r="I26498" s="8">
        <v>0</v>
      </c>
      <c r="J26498" s="8">
        <v>388512</v>
      </c>
      <c r="K26498" s="9">
        <v>76</v>
      </c>
      <c r="L26498" s="6" t="s">
        <v>6094</v>
      </c>
    </row>
    <row r="26499" spans="1:12">
      <c r="A26499" s="6" t="s">
        <v>27038</v>
      </c>
      <c r="B26499" s="6"/>
      <c r="C26499" s="6" t="s">
        <v>27041</v>
      </c>
      <c r="D26499" s="6"/>
      <c r="E26499" s="6" t="s">
        <v>18740</v>
      </c>
      <c r="F26499" s="7">
        <v>38657</v>
      </c>
      <c r="G26499" s="8">
        <v>536760</v>
      </c>
      <c r="H26499" s="8">
        <v>536760</v>
      </c>
      <c r="I26499" s="8">
        <v>0</v>
      </c>
      <c r="J26499" s="8">
        <v>536760</v>
      </c>
      <c r="K26499" s="9">
        <v>105</v>
      </c>
      <c r="L26499" s="6" t="s">
        <v>6094</v>
      </c>
    </row>
    <row r="26500" spans="1:12">
      <c r="A26500" s="6" t="s">
        <v>27038</v>
      </c>
      <c r="B26500" s="6"/>
      <c r="C26500" s="6" t="s">
        <v>27042</v>
      </c>
      <c r="D26500" s="6"/>
      <c r="E26500" s="6" t="s">
        <v>18740</v>
      </c>
      <c r="F26500" s="7"/>
      <c r="G26500" s="8">
        <v>470304</v>
      </c>
      <c r="H26500" s="8">
        <v>470304</v>
      </c>
      <c r="I26500" s="8">
        <v>0</v>
      </c>
      <c r="J26500" s="8">
        <v>470304</v>
      </c>
      <c r="K26500" s="9">
        <v>92</v>
      </c>
      <c r="L26500" s="6" t="s">
        <v>6094</v>
      </c>
    </row>
    <row r="26501" spans="1:12">
      <c r="A26501" s="6" t="s">
        <v>27038</v>
      </c>
      <c r="B26501" s="6"/>
      <c r="C26501" s="6" t="s">
        <v>27043</v>
      </c>
      <c r="D26501" s="6"/>
      <c r="E26501" s="6" t="s">
        <v>18740</v>
      </c>
      <c r="F26501" s="7">
        <v>38657</v>
      </c>
      <c r="G26501" s="8">
        <v>1635840</v>
      </c>
      <c r="H26501" s="8">
        <v>1635840</v>
      </c>
      <c r="I26501" s="8">
        <v>0</v>
      </c>
      <c r="J26501" s="8">
        <v>1635840</v>
      </c>
      <c r="K26501" s="9">
        <v>320</v>
      </c>
      <c r="L26501" s="6" t="s">
        <v>6094</v>
      </c>
    </row>
    <row r="26502" spans="1:12">
      <c r="A26502" s="6" t="s">
        <v>27038</v>
      </c>
      <c r="B26502" s="6"/>
      <c r="C26502" s="6" t="s">
        <v>27044</v>
      </c>
      <c r="D26502" s="6"/>
      <c r="E26502" s="6" t="s">
        <v>18740</v>
      </c>
      <c r="F26502" s="7">
        <v>41957</v>
      </c>
      <c r="G26502" s="8">
        <v>168696</v>
      </c>
      <c r="H26502" s="8">
        <v>168696</v>
      </c>
      <c r="I26502" s="8">
        <v>0</v>
      </c>
      <c r="J26502" s="8">
        <v>168696</v>
      </c>
      <c r="K26502" s="9">
        <v>33</v>
      </c>
      <c r="L26502" s="6" t="s">
        <v>6094</v>
      </c>
    </row>
    <row r="26503" spans="1:12">
      <c r="A26503" s="6" t="s">
        <v>27038</v>
      </c>
      <c r="B26503" s="6"/>
      <c r="C26503" s="6" t="s">
        <v>27045</v>
      </c>
      <c r="D26503" s="6"/>
      <c r="E26503" s="6" t="s">
        <v>18740</v>
      </c>
      <c r="F26503" s="7">
        <v>44000</v>
      </c>
      <c r="G26503" s="8">
        <v>1</v>
      </c>
      <c r="H26503" s="8">
        <v>1</v>
      </c>
      <c r="I26503" s="8">
        <v>0</v>
      </c>
      <c r="J26503" s="8">
        <v>1</v>
      </c>
      <c r="K26503" s="9">
        <v>57</v>
      </c>
      <c r="L26503" s="6" t="s">
        <v>6094</v>
      </c>
    </row>
    <row r="26504" spans="1:12">
      <c r="A26504" s="6" t="s">
        <v>27046</v>
      </c>
      <c r="B26504" s="6"/>
      <c r="C26504" s="6" t="s">
        <v>27047</v>
      </c>
      <c r="D26504" s="6"/>
      <c r="E26504" s="6" t="s">
        <v>9</v>
      </c>
      <c r="F26504" s="7">
        <v>38657</v>
      </c>
      <c r="G26504" s="8">
        <v>295524</v>
      </c>
      <c r="H26504" s="8">
        <v>295524</v>
      </c>
      <c r="I26504" s="8">
        <v>0</v>
      </c>
      <c r="J26504" s="8">
        <v>295524</v>
      </c>
      <c r="K26504" s="9">
        <v>57.81</v>
      </c>
      <c r="L26504" s="6" t="s">
        <v>6094</v>
      </c>
    </row>
    <row r="26505" spans="1:12">
      <c r="A26505" s="6" t="s">
        <v>27046</v>
      </c>
      <c r="B26505" s="6"/>
      <c r="C26505" s="6" t="s">
        <v>27048</v>
      </c>
      <c r="D26505" s="6"/>
      <c r="E26505" s="6" t="s">
        <v>9</v>
      </c>
      <c r="F26505" s="7">
        <v>38657</v>
      </c>
      <c r="G26505" s="8">
        <v>214346</v>
      </c>
      <c r="H26505" s="8">
        <v>214346</v>
      </c>
      <c r="I26505" s="8">
        <v>0</v>
      </c>
      <c r="J26505" s="8">
        <v>214346</v>
      </c>
      <c r="K26505" s="9">
        <v>41.93</v>
      </c>
      <c r="L26505" s="6" t="s">
        <v>6094</v>
      </c>
    </row>
    <row r="26506" spans="1:12">
      <c r="A26506" s="6" t="s">
        <v>27046</v>
      </c>
      <c r="B26506" s="6"/>
      <c r="C26506" s="6" t="s">
        <v>27049</v>
      </c>
      <c r="D26506" s="6"/>
      <c r="E26506" s="6" t="s">
        <v>9</v>
      </c>
      <c r="F26506" s="7">
        <v>38657</v>
      </c>
      <c r="G26506" s="8">
        <v>139046</v>
      </c>
      <c r="H26506" s="8">
        <v>139046</v>
      </c>
      <c r="I26506" s="8">
        <v>0</v>
      </c>
      <c r="J26506" s="8">
        <v>139046</v>
      </c>
      <c r="K26506" s="9">
        <v>27.2</v>
      </c>
      <c r="L26506" s="6" t="s">
        <v>6094</v>
      </c>
    </row>
    <row r="26507" spans="1:12">
      <c r="A26507" s="6" t="s">
        <v>27046</v>
      </c>
      <c r="B26507" s="6"/>
      <c r="C26507" s="6" t="s">
        <v>27050</v>
      </c>
      <c r="D26507" s="6"/>
      <c r="E26507" s="6" t="s">
        <v>9</v>
      </c>
      <c r="F26507" s="7">
        <v>38657</v>
      </c>
      <c r="G26507" s="8">
        <v>3053499</v>
      </c>
      <c r="H26507" s="8">
        <v>3053499</v>
      </c>
      <c r="I26507" s="8">
        <v>0</v>
      </c>
      <c r="J26507" s="8">
        <v>3053499</v>
      </c>
      <c r="K26507" s="9">
        <v>597.32000000000005</v>
      </c>
      <c r="L26507" s="6" t="s">
        <v>6094</v>
      </c>
    </row>
    <row r="26508" spans="1:12">
      <c r="A26508" s="6" t="s">
        <v>27046</v>
      </c>
      <c r="B26508" s="6"/>
      <c r="C26508" s="6" t="s">
        <v>27051</v>
      </c>
      <c r="D26508" s="6"/>
      <c r="E26508" s="6" t="s">
        <v>9</v>
      </c>
      <c r="F26508" s="7">
        <v>38657</v>
      </c>
      <c r="G26508" s="8">
        <v>1778976</v>
      </c>
      <c r="H26508" s="8">
        <v>1778976</v>
      </c>
      <c r="I26508" s="8">
        <v>0</v>
      </c>
      <c r="J26508" s="8">
        <v>1778976</v>
      </c>
      <c r="K26508" s="9">
        <v>348</v>
      </c>
      <c r="L26508" s="6" t="s">
        <v>6094</v>
      </c>
    </row>
    <row r="26509" spans="1:12">
      <c r="A26509" s="6" t="s">
        <v>27046</v>
      </c>
      <c r="B26509" s="6"/>
      <c r="C26509" s="6" t="s">
        <v>27052</v>
      </c>
      <c r="D26509" s="6"/>
      <c r="E26509" s="6" t="s">
        <v>9</v>
      </c>
      <c r="F26509" s="7">
        <v>38657</v>
      </c>
      <c r="G26509" s="8">
        <v>127800</v>
      </c>
      <c r="H26509" s="8">
        <v>127800</v>
      </c>
      <c r="I26509" s="8">
        <v>0</v>
      </c>
      <c r="J26509" s="8">
        <v>127800</v>
      </c>
      <c r="K26509" s="9">
        <v>25</v>
      </c>
      <c r="L26509" s="6" t="s">
        <v>6094</v>
      </c>
    </row>
    <row r="26510" spans="1:12">
      <c r="A26510" s="6" t="s">
        <v>27053</v>
      </c>
      <c r="B26510" s="6"/>
      <c r="C26510" s="6" t="s">
        <v>27054</v>
      </c>
      <c r="D26510" s="6"/>
      <c r="E26510" s="6" t="s">
        <v>18740</v>
      </c>
      <c r="F26510" s="7">
        <v>38657</v>
      </c>
      <c r="G26510" s="8">
        <v>6103728</v>
      </c>
      <c r="H26510" s="8">
        <v>6103728</v>
      </c>
      <c r="I26510" s="8">
        <v>0</v>
      </c>
      <c r="J26510" s="8">
        <v>6103728</v>
      </c>
      <c r="K26510" s="9">
        <v>1194</v>
      </c>
      <c r="L26510" s="6" t="s">
        <v>6094</v>
      </c>
    </row>
    <row r="26511" spans="1:12">
      <c r="A26511" s="6" t="s">
        <v>27055</v>
      </c>
      <c r="B26511" s="6"/>
      <c r="C26511" s="6" t="s">
        <v>27056</v>
      </c>
      <c r="D26511" s="6"/>
      <c r="E26511" s="6" t="s">
        <v>18740</v>
      </c>
      <c r="F26511" s="7">
        <v>38657</v>
      </c>
      <c r="G26511" s="8">
        <v>265824</v>
      </c>
      <c r="H26511" s="8">
        <v>265824</v>
      </c>
      <c r="I26511" s="8">
        <v>0</v>
      </c>
      <c r="J26511" s="8">
        <v>265824</v>
      </c>
      <c r="K26511" s="9">
        <v>52</v>
      </c>
      <c r="L26511" s="6" t="s">
        <v>6094</v>
      </c>
    </row>
    <row r="26512" spans="1:12">
      <c r="A26512" s="6" t="s">
        <v>27057</v>
      </c>
      <c r="B26512" s="6"/>
      <c r="C26512" s="6" t="s">
        <v>27058</v>
      </c>
      <c r="D26512" s="6"/>
      <c r="E26512" s="6" t="s">
        <v>18740</v>
      </c>
      <c r="F26512" s="7">
        <v>38657</v>
      </c>
      <c r="G26512" s="8">
        <v>50659</v>
      </c>
      <c r="H26512" s="8">
        <v>50659</v>
      </c>
      <c r="I26512" s="8">
        <v>0</v>
      </c>
      <c r="J26512" s="8">
        <v>50659</v>
      </c>
      <c r="K26512" s="9">
        <v>9.91</v>
      </c>
      <c r="L26512" s="6" t="s">
        <v>6094</v>
      </c>
    </row>
    <row r="26513" spans="1:12">
      <c r="A26513" s="6" t="s">
        <v>27059</v>
      </c>
      <c r="B26513" s="6"/>
      <c r="C26513" s="6" t="s">
        <v>27060</v>
      </c>
      <c r="D26513" s="6"/>
      <c r="E26513" s="6" t="s">
        <v>18740</v>
      </c>
      <c r="F26513" s="7">
        <v>38657</v>
      </c>
      <c r="G26513" s="8">
        <v>148248</v>
      </c>
      <c r="H26513" s="8">
        <v>148248</v>
      </c>
      <c r="I26513" s="8">
        <v>0</v>
      </c>
      <c r="J26513" s="8">
        <v>148248</v>
      </c>
      <c r="K26513" s="9">
        <v>29</v>
      </c>
      <c r="L26513" s="6" t="s">
        <v>6094</v>
      </c>
    </row>
    <row r="26514" spans="1:12">
      <c r="A26514" s="6" t="s">
        <v>27059</v>
      </c>
      <c r="B26514" s="6"/>
      <c r="C26514" s="6" t="s">
        <v>27061</v>
      </c>
      <c r="D26514" s="6"/>
      <c r="E26514" s="6" t="s">
        <v>18740</v>
      </c>
      <c r="F26514" s="7">
        <v>38657</v>
      </c>
      <c r="G26514" s="8">
        <v>33790</v>
      </c>
      <c r="H26514" s="8">
        <v>33790</v>
      </c>
      <c r="I26514" s="8">
        <v>0</v>
      </c>
      <c r="J26514" s="8">
        <v>33790</v>
      </c>
      <c r="K26514" s="9">
        <v>6.61</v>
      </c>
      <c r="L26514" s="6" t="s">
        <v>6094</v>
      </c>
    </row>
    <row r="26515" spans="1:12">
      <c r="A26515" s="6" t="s">
        <v>27062</v>
      </c>
      <c r="B26515" s="6"/>
      <c r="C26515" s="6" t="s">
        <v>27063</v>
      </c>
      <c r="D26515" s="6"/>
      <c r="E26515" s="6" t="s">
        <v>18740</v>
      </c>
      <c r="F26515" s="7">
        <v>38657</v>
      </c>
      <c r="G26515" s="8">
        <v>66456</v>
      </c>
      <c r="H26515" s="8">
        <v>66456</v>
      </c>
      <c r="I26515" s="8">
        <v>0</v>
      </c>
      <c r="J26515" s="8">
        <v>66456</v>
      </c>
      <c r="K26515" s="9">
        <v>13</v>
      </c>
      <c r="L26515" s="6" t="s">
        <v>6094</v>
      </c>
    </row>
    <row r="26516" spans="1:12">
      <c r="A26516" s="6" t="s">
        <v>27064</v>
      </c>
      <c r="B26516" s="6"/>
      <c r="C26516" s="6" t="s">
        <v>27065</v>
      </c>
      <c r="D26516" s="6"/>
      <c r="E26516" s="6" t="s">
        <v>18740</v>
      </c>
      <c r="F26516" s="7">
        <v>38657</v>
      </c>
      <c r="G26516" s="8">
        <v>2581560</v>
      </c>
      <c r="H26516" s="8">
        <v>2581560</v>
      </c>
      <c r="I26516" s="8">
        <v>0</v>
      </c>
      <c r="J26516" s="8">
        <v>2581560</v>
      </c>
      <c r="K26516" s="9">
        <v>505</v>
      </c>
      <c r="L26516" s="6" t="s">
        <v>6094</v>
      </c>
    </row>
    <row r="26517" spans="1:12">
      <c r="A26517" s="6" t="s">
        <v>27066</v>
      </c>
      <c r="B26517" s="6"/>
      <c r="C26517" s="6" t="s">
        <v>27067</v>
      </c>
      <c r="D26517" s="6"/>
      <c r="E26517" s="6" t="s">
        <v>9</v>
      </c>
      <c r="F26517" s="7">
        <v>38657</v>
      </c>
      <c r="G26517" s="8">
        <v>26772900</v>
      </c>
      <c r="H26517" s="8">
        <v>26772900</v>
      </c>
      <c r="I26517" s="8">
        <v>0</v>
      </c>
      <c r="J26517" s="8">
        <v>26772900</v>
      </c>
      <c r="K26517" s="9">
        <v>671</v>
      </c>
      <c r="L26517" s="6" t="s">
        <v>1694</v>
      </c>
    </row>
    <row r="26518" spans="1:12">
      <c r="A26518" s="6" t="s">
        <v>27066</v>
      </c>
      <c r="B26518" s="6"/>
      <c r="C26518" s="6" t="s">
        <v>27068</v>
      </c>
      <c r="D26518" s="6"/>
      <c r="E26518" s="6" t="s">
        <v>9</v>
      </c>
      <c r="F26518" s="7">
        <v>38657</v>
      </c>
      <c r="G26518" s="8">
        <v>40338900</v>
      </c>
      <c r="H26518" s="8">
        <v>40338900</v>
      </c>
      <c r="I26518" s="8">
        <v>0</v>
      </c>
      <c r="J26518" s="8">
        <v>40338900</v>
      </c>
      <c r="K26518" s="9">
        <v>1011</v>
      </c>
      <c r="L26518" s="6" t="s">
        <v>1694</v>
      </c>
    </row>
    <row r="26519" spans="1:12">
      <c r="A26519" s="6" t="s">
        <v>27066</v>
      </c>
      <c r="B26519" s="6"/>
      <c r="C26519" s="6" t="s">
        <v>27069</v>
      </c>
      <c r="D26519" s="6"/>
      <c r="E26519" s="6" t="s">
        <v>9</v>
      </c>
      <c r="F26519" s="7">
        <v>38657</v>
      </c>
      <c r="G26519" s="8">
        <v>40338900</v>
      </c>
      <c r="H26519" s="8">
        <v>40338900</v>
      </c>
      <c r="I26519" s="8">
        <v>0</v>
      </c>
      <c r="J26519" s="8">
        <v>40338900</v>
      </c>
      <c r="K26519" s="9">
        <v>1011</v>
      </c>
      <c r="L26519" s="6" t="s">
        <v>1694</v>
      </c>
    </row>
    <row r="26520" spans="1:12">
      <c r="A26520" s="6" t="s">
        <v>27066</v>
      </c>
      <c r="B26520" s="6"/>
      <c r="C26520" s="6" t="s">
        <v>27070</v>
      </c>
      <c r="D26520" s="6"/>
      <c r="E26520" s="6" t="s">
        <v>9</v>
      </c>
      <c r="F26520" s="7">
        <v>38657</v>
      </c>
      <c r="G26520" s="8">
        <v>40338900</v>
      </c>
      <c r="H26520" s="8">
        <v>40338900</v>
      </c>
      <c r="I26520" s="8">
        <v>0</v>
      </c>
      <c r="J26520" s="8">
        <v>40338900</v>
      </c>
      <c r="K26520" s="9">
        <v>1011</v>
      </c>
      <c r="L26520" s="6" t="s">
        <v>1694</v>
      </c>
    </row>
    <row r="26521" spans="1:12">
      <c r="A26521" s="6" t="s">
        <v>27066</v>
      </c>
      <c r="B26521" s="6"/>
      <c r="C26521" s="6" t="s">
        <v>27071</v>
      </c>
      <c r="D26521" s="6"/>
      <c r="E26521" s="6" t="s">
        <v>9</v>
      </c>
      <c r="F26521" s="7">
        <v>38657</v>
      </c>
      <c r="G26521" s="8">
        <v>40338900</v>
      </c>
      <c r="H26521" s="8">
        <v>40338900</v>
      </c>
      <c r="I26521" s="8">
        <v>0</v>
      </c>
      <c r="J26521" s="8">
        <v>40338900</v>
      </c>
      <c r="K26521" s="9">
        <v>1011</v>
      </c>
      <c r="L26521" s="6" t="s">
        <v>1694</v>
      </c>
    </row>
    <row r="26522" spans="1:12">
      <c r="A26522" s="6" t="s">
        <v>27066</v>
      </c>
      <c r="B26522" s="6"/>
      <c r="C26522" s="6" t="s">
        <v>27072</v>
      </c>
      <c r="D26522" s="6"/>
      <c r="E26522" s="6" t="s">
        <v>9</v>
      </c>
      <c r="F26522" s="7">
        <v>38657</v>
      </c>
      <c r="G26522" s="8">
        <v>40338900</v>
      </c>
      <c r="H26522" s="8">
        <v>40338900</v>
      </c>
      <c r="I26522" s="8">
        <v>0</v>
      </c>
      <c r="J26522" s="8">
        <v>40338900</v>
      </c>
      <c r="K26522" s="9">
        <v>1011</v>
      </c>
      <c r="L26522" s="6" t="s">
        <v>1694</v>
      </c>
    </row>
    <row r="26523" spans="1:12">
      <c r="A26523" s="6" t="s">
        <v>27066</v>
      </c>
      <c r="B26523" s="6"/>
      <c r="C26523" s="6" t="s">
        <v>27073</v>
      </c>
      <c r="D26523" s="6"/>
      <c r="E26523" s="6" t="s">
        <v>9</v>
      </c>
      <c r="F26523" s="7">
        <v>38657</v>
      </c>
      <c r="G26523" s="8">
        <v>40338900</v>
      </c>
      <c r="H26523" s="8">
        <v>40338900</v>
      </c>
      <c r="I26523" s="8">
        <v>0</v>
      </c>
      <c r="J26523" s="8">
        <v>40338900</v>
      </c>
      <c r="K26523" s="9">
        <v>1011</v>
      </c>
      <c r="L26523" s="6" t="s">
        <v>1694</v>
      </c>
    </row>
    <row r="26524" spans="1:12">
      <c r="A26524" s="6" t="s">
        <v>27066</v>
      </c>
      <c r="B26524" s="6"/>
      <c r="C26524" s="6" t="s">
        <v>27074</v>
      </c>
      <c r="D26524" s="6"/>
      <c r="E26524" s="6" t="s">
        <v>9</v>
      </c>
      <c r="F26524" s="7">
        <v>38657</v>
      </c>
      <c r="G26524" s="8">
        <v>40338900</v>
      </c>
      <c r="H26524" s="8">
        <v>40338900</v>
      </c>
      <c r="I26524" s="8">
        <v>0</v>
      </c>
      <c r="J26524" s="8">
        <v>40338900</v>
      </c>
      <c r="K26524" s="9">
        <v>1011</v>
      </c>
      <c r="L26524" s="6" t="s">
        <v>1694</v>
      </c>
    </row>
    <row r="26525" spans="1:12">
      <c r="A26525" s="6" t="s">
        <v>27066</v>
      </c>
      <c r="B26525" s="6"/>
      <c r="C26525" s="6" t="s">
        <v>27075</v>
      </c>
      <c r="D26525" s="6"/>
      <c r="E26525" s="6" t="s">
        <v>9</v>
      </c>
      <c r="F26525" s="7">
        <v>38657</v>
      </c>
      <c r="G26525" s="8">
        <v>20149500</v>
      </c>
      <c r="H26525" s="8">
        <v>20149500</v>
      </c>
      <c r="I26525" s="8">
        <v>0</v>
      </c>
      <c r="J26525" s="8">
        <v>20149500</v>
      </c>
      <c r="K26525" s="9">
        <v>505</v>
      </c>
      <c r="L26525" s="6" t="s">
        <v>1694</v>
      </c>
    </row>
    <row r="26526" spans="1:12">
      <c r="A26526" s="6" t="s">
        <v>27066</v>
      </c>
      <c r="B26526" s="6"/>
      <c r="C26526" s="6" t="s">
        <v>27076</v>
      </c>
      <c r="D26526" s="6"/>
      <c r="E26526" s="6" t="s">
        <v>9</v>
      </c>
      <c r="F26526" s="7">
        <v>38657</v>
      </c>
      <c r="G26526" s="8">
        <v>20149500</v>
      </c>
      <c r="H26526" s="8">
        <v>20149500</v>
      </c>
      <c r="I26526" s="8">
        <v>0</v>
      </c>
      <c r="J26526" s="8">
        <v>20149500</v>
      </c>
      <c r="K26526" s="9">
        <v>505</v>
      </c>
      <c r="L26526" s="6" t="s">
        <v>1694</v>
      </c>
    </row>
    <row r="26527" spans="1:12">
      <c r="A26527" s="6" t="s">
        <v>27066</v>
      </c>
      <c r="B26527" s="6"/>
      <c r="C26527" s="6" t="s">
        <v>27077</v>
      </c>
      <c r="D26527" s="6"/>
      <c r="E26527" s="6" t="s">
        <v>9</v>
      </c>
      <c r="F26527" s="7">
        <v>38657</v>
      </c>
      <c r="G26527" s="8">
        <v>39540900</v>
      </c>
      <c r="H26527" s="8">
        <v>39540900</v>
      </c>
      <c r="I26527" s="8">
        <v>0</v>
      </c>
      <c r="J26527" s="8">
        <v>39540900</v>
      </c>
      <c r="K26527" s="9">
        <v>991</v>
      </c>
      <c r="L26527" s="6" t="s">
        <v>1694</v>
      </c>
    </row>
    <row r="26528" spans="1:12">
      <c r="A26528" s="6" t="s">
        <v>27066</v>
      </c>
      <c r="B26528" s="6"/>
      <c r="C26528" s="6" t="s">
        <v>27078</v>
      </c>
      <c r="D26528" s="6"/>
      <c r="E26528" s="6" t="s">
        <v>9</v>
      </c>
      <c r="F26528" s="7">
        <v>38657</v>
      </c>
      <c r="G26528" s="8">
        <v>37585800</v>
      </c>
      <c r="H26528" s="8">
        <v>37585800</v>
      </c>
      <c r="I26528" s="8">
        <v>0</v>
      </c>
      <c r="J26528" s="8">
        <v>37585800</v>
      </c>
      <c r="K26528" s="9">
        <v>942</v>
      </c>
      <c r="L26528" s="6" t="s">
        <v>1694</v>
      </c>
    </row>
    <row r="26529" spans="1:12">
      <c r="A26529" s="6" t="s">
        <v>27066</v>
      </c>
      <c r="B26529" s="6"/>
      <c r="C26529" s="6" t="s">
        <v>27079</v>
      </c>
      <c r="D26529" s="6"/>
      <c r="E26529" s="6" t="s">
        <v>9</v>
      </c>
      <c r="F26529" s="7">
        <v>38657</v>
      </c>
      <c r="G26529" s="8">
        <v>40338900</v>
      </c>
      <c r="H26529" s="8">
        <v>40338900</v>
      </c>
      <c r="I26529" s="8">
        <v>0</v>
      </c>
      <c r="J26529" s="8">
        <v>40338900</v>
      </c>
      <c r="K26529" s="9">
        <v>1011</v>
      </c>
      <c r="L26529" s="6" t="s">
        <v>1694</v>
      </c>
    </row>
    <row r="26530" spans="1:12">
      <c r="A26530" s="6" t="s">
        <v>27066</v>
      </c>
      <c r="B26530" s="6"/>
      <c r="C26530" s="6" t="s">
        <v>27080</v>
      </c>
      <c r="D26530" s="6"/>
      <c r="E26530" s="6" t="s">
        <v>9</v>
      </c>
      <c r="F26530" s="7">
        <v>38657</v>
      </c>
      <c r="G26530" s="8">
        <v>40338900</v>
      </c>
      <c r="H26530" s="8">
        <v>40338900</v>
      </c>
      <c r="I26530" s="8">
        <v>0</v>
      </c>
      <c r="J26530" s="8">
        <v>40338900</v>
      </c>
      <c r="K26530" s="9">
        <v>1011</v>
      </c>
      <c r="L26530" s="6" t="s">
        <v>1694</v>
      </c>
    </row>
    <row r="26531" spans="1:12">
      <c r="A26531" s="6" t="s">
        <v>27066</v>
      </c>
      <c r="B26531" s="6"/>
      <c r="C26531" s="6" t="s">
        <v>27081</v>
      </c>
      <c r="D26531" s="6"/>
      <c r="E26531" s="6" t="s">
        <v>9</v>
      </c>
      <c r="F26531" s="7">
        <v>38657</v>
      </c>
      <c r="G26531" s="8">
        <v>40338900</v>
      </c>
      <c r="H26531" s="8">
        <v>40338900</v>
      </c>
      <c r="I26531" s="8">
        <v>0</v>
      </c>
      <c r="J26531" s="8">
        <v>40338900</v>
      </c>
      <c r="K26531" s="9">
        <v>1011</v>
      </c>
      <c r="L26531" s="6" t="s">
        <v>1694</v>
      </c>
    </row>
    <row r="26532" spans="1:12">
      <c r="A26532" s="6" t="s">
        <v>27066</v>
      </c>
      <c r="B26532" s="6"/>
      <c r="C26532" s="6" t="s">
        <v>27082</v>
      </c>
      <c r="D26532" s="6"/>
      <c r="E26532" s="6" t="s">
        <v>9</v>
      </c>
      <c r="F26532" s="7">
        <v>38657</v>
      </c>
      <c r="G26532" s="8">
        <v>40338900</v>
      </c>
      <c r="H26532" s="8">
        <v>40338900</v>
      </c>
      <c r="I26532" s="8">
        <v>0</v>
      </c>
      <c r="J26532" s="8">
        <v>40338900</v>
      </c>
      <c r="K26532" s="9">
        <v>1011</v>
      </c>
      <c r="L26532" s="6" t="s">
        <v>1694</v>
      </c>
    </row>
    <row r="26533" spans="1:12">
      <c r="A26533" s="6" t="s">
        <v>27066</v>
      </c>
      <c r="B26533" s="6"/>
      <c r="C26533" s="6" t="s">
        <v>27083</v>
      </c>
      <c r="D26533" s="6"/>
      <c r="E26533" s="6" t="s">
        <v>9</v>
      </c>
      <c r="F26533" s="7">
        <v>38657</v>
      </c>
      <c r="G26533" s="8">
        <v>40338900</v>
      </c>
      <c r="H26533" s="8">
        <v>40338900</v>
      </c>
      <c r="I26533" s="8">
        <v>0</v>
      </c>
      <c r="J26533" s="8">
        <v>40338900</v>
      </c>
      <c r="K26533" s="9">
        <v>1011</v>
      </c>
      <c r="L26533" s="6" t="s">
        <v>1694</v>
      </c>
    </row>
    <row r="26534" spans="1:12">
      <c r="A26534" s="6" t="s">
        <v>27066</v>
      </c>
      <c r="B26534" s="6"/>
      <c r="C26534" s="6" t="s">
        <v>27084</v>
      </c>
      <c r="D26534" s="6"/>
      <c r="E26534" s="6" t="s">
        <v>9</v>
      </c>
      <c r="F26534" s="7">
        <v>38657</v>
      </c>
      <c r="G26534" s="8">
        <v>29246700</v>
      </c>
      <c r="H26534" s="8">
        <v>29246700</v>
      </c>
      <c r="I26534" s="8">
        <v>0</v>
      </c>
      <c r="J26534" s="8">
        <v>29246700</v>
      </c>
      <c r="K26534" s="9">
        <v>733</v>
      </c>
      <c r="L26534" s="6" t="s">
        <v>1694</v>
      </c>
    </row>
    <row r="26535" spans="1:12">
      <c r="A26535" s="6" t="s">
        <v>27066</v>
      </c>
      <c r="B26535" s="6"/>
      <c r="C26535" s="6" t="s">
        <v>27085</v>
      </c>
      <c r="D26535" s="6"/>
      <c r="E26535" s="6" t="s">
        <v>9</v>
      </c>
      <c r="F26535" s="7">
        <v>38657</v>
      </c>
      <c r="G26535" s="8">
        <v>29805300</v>
      </c>
      <c r="H26535" s="8">
        <v>29805300</v>
      </c>
      <c r="I26535" s="8">
        <v>0</v>
      </c>
      <c r="J26535" s="8">
        <v>29805300</v>
      </c>
      <c r="K26535" s="9">
        <v>747</v>
      </c>
      <c r="L26535" s="6" t="s">
        <v>1694</v>
      </c>
    </row>
    <row r="26536" spans="1:12">
      <c r="A26536" s="6" t="s">
        <v>27066</v>
      </c>
      <c r="B26536" s="6"/>
      <c r="C26536" s="6" t="s">
        <v>27086</v>
      </c>
      <c r="D26536" s="6"/>
      <c r="E26536" s="6" t="s">
        <v>9</v>
      </c>
      <c r="F26536" s="7">
        <v>38657</v>
      </c>
      <c r="G26536" s="8">
        <v>40338900</v>
      </c>
      <c r="H26536" s="8">
        <v>40338900</v>
      </c>
      <c r="I26536" s="8">
        <v>0</v>
      </c>
      <c r="J26536" s="8">
        <v>40338900</v>
      </c>
      <c r="K26536" s="9">
        <v>1011</v>
      </c>
      <c r="L26536" s="6" t="s">
        <v>1694</v>
      </c>
    </row>
    <row r="26537" spans="1:12">
      <c r="A26537" s="6" t="s">
        <v>27066</v>
      </c>
      <c r="B26537" s="6"/>
      <c r="C26537" s="6" t="s">
        <v>27087</v>
      </c>
      <c r="D26537" s="6"/>
      <c r="E26537" s="6" t="s">
        <v>9</v>
      </c>
      <c r="F26537" s="7">
        <v>38657</v>
      </c>
      <c r="G26537" s="8">
        <v>40338900</v>
      </c>
      <c r="H26537" s="8">
        <v>40338900</v>
      </c>
      <c r="I26537" s="8">
        <v>0</v>
      </c>
      <c r="J26537" s="8">
        <v>40338900</v>
      </c>
      <c r="K26537" s="9">
        <v>1011</v>
      </c>
      <c r="L26537" s="6" t="s">
        <v>1694</v>
      </c>
    </row>
    <row r="26538" spans="1:12">
      <c r="A26538" s="6" t="s">
        <v>27066</v>
      </c>
      <c r="B26538" s="6"/>
      <c r="C26538" s="6" t="s">
        <v>27088</v>
      </c>
      <c r="D26538" s="6"/>
      <c r="E26538" s="6" t="s">
        <v>9</v>
      </c>
      <c r="F26538" s="7">
        <v>38657</v>
      </c>
      <c r="G26538" s="8">
        <v>40338900</v>
      </c>
      <c r="H26538" s="8">
        <v>40338900</v>
      </c>
      <c r="I26538" s="8">
        <v>0</v>
      </c>
      <c r="J26538" s="8">
        <v>40338900</v>
      </c>
      <c r="K26538" s="9">
        <v>1011</v>
      </c>
      <c r="L26538" s="6" t="s">
        <v>1694</v>
      </c>
    </row>
    <row r="26539" spans="1:12">
      <c r="A26539" s="6" t="s">
        <v>27066</v>
      </c>
      <c r="B26539" s="6"/>
      <c r="C26539" s="6" t="s">
        <v>27089</v>
      </c>
      <c r="D26539" s="6"/>
      <c r="E26539" s="6" t="s">
        <v>9</v>
      </c>
      <c r="F26539" s="7">
        <v>38657</v>
      </c>
      <c r="G26539" s="8">
        <v>38104500</v>
      </c>
      <c r="H26539" s="8">
        <v>38104500</v>
      </c>
      <c r="I26539" s="8">
        <v>0</v>
      </c>
      <c r="J26539" s="8">
        <v>38104500</v>
      </c>
      <c r="K26539" s="9">
        <v>955</v>
      </c>
      <c r="L26539" s="6" t="s">
        <v>1694</v>
      </c>
    </row>
    <row r="26540" spans="1:12">
      <c r="A26540" s="6" t="s">
        <v>27066</v>
      </c>
      <c r="B26540" s="6"/>
      <c r="C26540" s="6" t="s">
        <v>27090</v>
      </c>
      <c r="D26540" s="6"/>
      <c r="E26540" s="6" t="s">
        <v>9</v>
      </c>
      <c r="F26540" s="7">
        <v>38657</v>
      </c>
      <c r="G26540" s="8">
        <v>40338900</v>
      </c>
      <c r="H26540" s="8">
        <v>40338900</v>
      </c>
      <c r="I26540" s="8">
        <v>0</v>
      </c>
      <c r="J26540" s="8">
        <v>40338900</v>
      </c>
      <c r="K26540" s="9">
        <v>1011</v>
      </c>
      <c r="L26540" s="6" t="s">
        <v>1694</v>
      </c>
    </row>
    <row r="26541" spans="1:12">
      <c r="A26541" s="6" t="s">
        <v>27066</v>
      </c>
      <c r="B26541" s="6"/>
      <c r="C26541" s="6" t="s">
        <v>27091</v>
      </c>
      <c r="D26541" s="6"/>
      <c r="E26541" s="6" t="s">
        <v>9</v>
      </c>
      <c r="F26541" s="7">
        <v>38657</v>
      </c>
      <c r="G26541" s="8">
        <v>20149500</v>
      </c>
      <c r="H26541" s="8">
        <v>20149500</v>
      </c>
      <c r="I26541" s="8">
        <v>0</v>
      </c>
      <c r="J26541" s="8">
        <v>20149500</v>
      </c>
      <c r="K26541" s="9">
        <v>505</v>
      </c>
      <c r="L26541" s="6" t="s">
        <v>1694</v>
      </c>
    </row>
    <row r="26542" spans="1:12">
      <c r="A26542" s="6" t="s">
        <v>27066</v>
      </c>
      <c r="B26542" s="6"/>
      <c r="C26542" s="6" t="s">
        <v>27092</v>
      </c>
      <c r="D26542" s="6"/>
      <c r="E26542" s="6" t="s">
        <v>9</v>
      </c>
      <c r="F26542" s="7">
        <v>38657</v>
      </c>
      <c r="G26542" s="8">
        <v>20149500</v>
      </c>
      <c r="H26542" s="8">
        <v>20149500</v>
      </c>
      <c r="I26542" s="8">
        <v>0</v>
      </c>
      <c r="J26542" s="8">
        <v>20149500</v>
      </c>
      <c r="K26542" s="9">
        <v>505</v>
      </c>
      <c r="L26542" s="6" t="s">
        <v>1694</v>
      </c>
    </row>
    <row r="26543" spans="1:12">
      <c r="A26543" s="6" t="s">
        <v>27066</v>
      </c>
      <c r="B26543" s="6"/>
      <c r="C26543" s="6" t="s">
        <v>27093</v>
      </c>
      <c r="D26543" s="6"/>
      <c r="E26543" s="6" t="s">
        <v>9</v>
      </c>
      <c r="F26543" s="7">
        <v>38657</v>
      </c>
      <c r="G26543" s="8">
        <v>20149500</v>
      </c>
      <c r="H26543" s="8">
        <v>20149500</v>
      </c>
      <c r="I26543" s="8">
        <v>0</v>
      </c>
      <c r="J26543" s="8">
        <v>20149500</v>
      </c>
      <c r="K26543" s="9">
        <v>505</v>
      </c>
      <c r="L26543" s="6" t="s">
        <v>1694</v>
      </c>
    </row>
    <row r="26544" spans="1:12">
      <c r="A26544" s="6" t="s">
        <v>27066</v>
      </c>
      <c r="B26544" s="6"/>
      <c r="C26544" s="6" t="s">
        <v>27094</v>
      </c>
      <c r="D26544" s="6"/>
      <c r="E26544" s="6" t="s">
        <v>9</v>
      </c>
      <c r="F26544" s="7">
        <v>38657</v>
      </c>
      <c r="G26544" s="8">
        <v>19351500</v>
      </c>
      <c r="H26544" s="8">
        <v>19351500</v>
      </c>
      <c r="I26544" s="8">
        <v>0</v>
      </c>
      <c r="J26544" s="8">
        <v>19351500</v>
      </c>
      <c r="K26544" s="9">
        <v>485</v>
      </c>
      <c r="L26544" s="6" t="s">
        <v>1694</v>
      </c>
    </row>
    <row r="26545" spans="1:12">
      <c r="A26545" s="6" t="s">
        <v>27066</v>
      </c>
      <c r="B26545" s="6"/>
      <c r="C26545" s="6" t="s">
        <v>27095</v>
      </c>
      <c r="D26545" s="6"/>
      <c r="E26545" s="6" t="s">
        <v>9</v>
      </c>
      <c r="F26545" s="7">
        <v>38657</v>
      </c>
      <c r="G26545" s="8">
        <v>40338900</v>
      </c>
      <c r="H26545" s="8">
        <v>40338900</v>
      </c>
      <c r="I26545" s="8">
        <v>0</v>
      </c>
      <c r="J26545" s="8">
        <v>40338900</v>
      </c>
      <c r="K26545" s="9">
        <v>1011</v>
      </c>
      <c r="L26545" s="6" t="s">
        <v>1694</v>
      </c>
    </row>
    <row r="26546" spans="1:12">
      <c r="A26546" s="6" t="s">
        <v>27066</v>
      </c>
      <c r="B26546" s="6"/>
      <c r="C26546" s="6" t="s">
        <v>27096</v>
      </c>
      <c r="D26546" s="6"/>
      <c r="E26546" s="6" t="s">
        <v>9</v>
      </c>
      <c r="F26546" s="7">
        <v>38657</v>
      </c>
      <c r="G26546" s="8">
        <v>40338900</v>
      </c>
      <c r="H26546" s="8">
        <v>40338900</v>
      </c>
      <c r="I26546" s="8">
        <v>0</v>
      </c>
      <c r="J26546" s="8">
        <v>40338900</v>
      </c>
      <c r="K26546" s="9">
        <v>1011</v>
      </c>
      <c r="L26546" s="6" t="s">
        <v>1694</v>
      </c>
    </row>
    <row r="26547" spans="1:12">
      <c r="A26547" s="6" t="s">
        <v>27066</v>
      </c>
      <c r="B26547" s="6"/>
      <c r="C26547" s="6" t="s">
        <v>27097</v>
      </c>
      <c r="D26547" s="6"/>
      <c r="E26547" s="6" t="s">
        <v>9</v>
      </c>
      <c r="F26547" s="7">
        <v>38657</v>
      </c>
      <c r="G26547" s="8">
        <v>40338900</v>
      </c>
      <c r="H26547" s="8">
        <v>40338900</v>
      </c>
      <c r="I26547" s="8">
        <v>0</v>
      </c>
      <c r="J26547" s="8">
        <v>40338900</v>
      </c>
      <c r="K26547" s="9">
        <v>1011</v>
      </c>
      <c r="L26547" s="6" t="s">
        <v>1694</v>
      </c>
    </row>
    <row r="26548" spans="1:12">
      <c r="A26548" s="6" t="s">
        <v>27066</v>
      </c>
      <c r="B26548" s="6"/>
      <c r="C26548" s="6" t="s">
        <v>27098</v>
      </c>
      <c r="D26548" s="6"/>
      <c r="E26548" s="6" t="s">
        <v>9</v>
      </c>
      <c r="F26548" s="7">
        <v>38657</v>
      </c>
      <c r="G26548" s="8">
        <v>40338900</v>
      </c>
      <c r="H26548" s="8">
        <v>40338900</v>
      </c>
      <c r="I26548" s="8">
        <v>0</v>
      </c>
      <c r="J26548" s="8">
        <v>40338900</v>
      </c>
      <c r="K26548" s="9">
        <v>1011</v>
      </c>
      <c r="L26548" s="6" t="s">
        <v>1694</v>
      </c>
    </row>
    <row r="26549" spans="1:12">
      <c r="A26549" s="6" t="s">
        <v>27066</v>
      </c>
      <c r="B26549" s="6"/>
      <c r="C26549" s="6" t="s">
        <v>27099</v>
      </c>
      <c r="D26549" s="6"/>
      <c r="E26549" s="6" t="s">
        <v>9</v>
      </c>
      <c r="F26549" s="7">
        <v>38657</v>
      </c>
      <c r="G26549" s="8">
        <v>40338900</v>
      </c>
      <c r="H26549" s="8">
        <v>40338900</v>
      </c>
      <c r="I26549" s="8">
        <v>0</v>
      </c>
      <c r="J26549" s="8">
        <v>40338900</v>
      </c>
      <c r="K26549" s="9">
        <v>1011</v>
      </c>
      <c r="L26549" s="6" t="s">
        <v>1694</v>
      </c>
    </row>
    <row r="26550" spans="1:12">
      <c r="A26550" s="6" t="s">
        <v>27066</v>
      </c>
      <c r="B26550" s="6"/>
      <c r="C26550" s="6" t="s">
        <v>27100</v>
      </c>
      <c r="D26550" s="6"/>
      <c r="E26550" s="6" t="s">
        <v>9</v>
      </c>
      <c r="F26550" s="7">
        <v>38657</v>
      </c>
      <c r="G26550" s="8">
        <v>38224200</v>
      </c>
      <c r="H26550" s="8">
        <v>38224200</v>
      </c>
      <c r="I26550" s="8">
        <v>0</v>
      </c>
      <c r="J26550" s="8">
        <v>38224200</v>
      </c>
      <c r="K26550" s="9">
        <v>958</v>
      </c>
      <c r="L26550" s="6" t="s">
        <v>1694</v>
      </c>
    </row>
    <row r="26551" spans="1:12">
      <c r="A26551" s="6" t="s">
        <v>27066</v>
      </c>
      <c r="B26551" s="6"/>
      <c r="C26551" s="6" t="s">
        <v>27101</v>
      </c>
      <c r="D26551" s="6"/>
      <c r="E26551" s="6" t="s">
        <v>9</v>
      </c>
      <c r="F26551" s="7">
        <v>38657</v>
      </c>
      <c r="G26551" s="8">
        <v>20149500</v>
      </c>
      <c r="H26551" s="8">
        <v>20149500</v>
      </c>
      <c r="I26551" s="8">
        <v>0</v>
      </c>
      <c r="J26551" s="8">
        <v>20149500</v>
      </c>
      <c r="K26551" s="9">
        <v>505</v>
      </c>
      <c r="L26551" s="6" t="s">
        <v>1694</v>
      </c>
    </row>
    <row r="26552" spans="1:12">
      <c r="A26552" s="6" t="s">
        <v>27066</v>
      </c>
      <c r="B26552" s="6"/>
      <c r="C26552" s="6" t="s">
        <v>27102</v>
      </c>
      <c r="D26552" s="6"/>
      <c r="E26552" s="6" t="s">
        <v>9</v>
      </c>
      <c r="F26552" s="7">
        <v>38657</v>
      </c>
      <c r="G26552" s="8">
        <v>20149500</v>
      </c>
      <c r="H26552" s="8">
        <v>20149500</v>
      </c>
      <c r="I26552" s="8">
        <v>0</v>
      </c>
      <c r="J26552" s="8">
        <v>20149500</v>
      </c>
      <c r="K26552" s="9">
        <v>505</v>
      </c>
      <c r="L26552" s="6" t="s">
        <v>1694</v>
      </c>
    </row>
    <row r="26553" spans="1:12">
      <c r="A26553" s="6" t="s">
        <v>27066</v>
      </c>
      <c r="B26553" s="6"/>
      <c r="C26553" s="6" t="s">
        <v>27103</v>
      </c>
      <c r="D26553" s="6"/>
      <c r="E26553" s="6" t="s">
        <v>9</v>
      </c>
      <c r="F26553" s="7">
        <v>38657</v>
      </c>
      <c r="G26553" s="8">
        <v>40338900</v>
      </c>
      <c r="H26553" s="8">
        <v>40338900</v>
      </c>
      <c r="I26553" s="8">
        <v>0</v>
      </c>
      <c r="J26553" s="8">
        <v>40338900</v>
      </c>
      <c r="K26553" s="9">
        <v>1011</v>
      </c>
      <c r="L26553" s="6" t="s">
        <v>1694</v>
      </c>
    </row>
    <row r="26554" spans="1:12">
      <c r="A26554" s="6" t="s">
        <v>27066</v>
      </c>
      <c r="B26554" s="6"/>
      <c r="C26554" s="6" t="s">
        <v>27104</v>
      </c>
      <c r="D26554" s="6"/>
      <c r="E26554" s="6" t="s">
        <v>9</v>
      </c>
      <c r="F26554" s="7">
        <v>38657</v>
      </c>
      <c r="G26554" s="8">
        <v>40338900</v>
      </c>
      <c r="H26554" s="8">
        <v>40338900</v>
      </c>
      <c r="I26554" s="8">
        <v>0</v>
      </c>
      <c r="J26554" s="8">
        <v>40338900</v>
      </c>
      <c r="K26554" s="9">
        <v>1011</v>
      </c>
      <c r="L26554" s="6" t="s">
        <v>1694</v>
      </c>
    </row>
    <row r="26555" spans="1:12">
      <c r="A26555" s="6" t="s">
        <v>27066</v>
      </c>
      <c r="B26555" s="6"/>
      <c r="C26555" s="6" t="s">
        <v>27105</v>
      </c>
      <c r="D26555" s="6"/>
      <c r="E26555" s="6" t="s">
        <v>9</v>
      </c>
      <c r="F26555" s="7">
        <v>38657</v>
      </c>
      <c r="G26555" s="8">
        <v>40338900</v>
      </c>
      <c r="H26555" s="8">
        <v>40338900</v>
      </c>
      <c r="I26555" s="8">
        <v>0</v>
      </c>
      <c r="J26555" s="8">
        <v>40338900</v>
      </c>
      <c r="K26555" s="9">
        <v>1011</v>
      </c>
      <c r="L26555" s="6" t="s">
        <v>1694</v>
      </c>
    </row>
    <row r="26556" spans="1:12">
      <c r="A26556" s="6" t="s">
        <v>27066</v>
      </c>
      <c r="B26556" s="6"/>
      <c r="C26556" s="6" t="s">
        <v>27106</v>
      </c>
      <c r="D26556" s="6"/>
      <c r="E26556" s="6" t="s">
        <v>9</v>
      </c>
      <c r="F26556" s="7">
        <v>38657</v>
      </c>
      <c r="G26556" s="8">
        <v>40338900</v>
      </c>
      <c r="H26556" s="8">
        <v>40338900</v>
      </c>
      <c r="I26556" s="8">
        <v>0</v>
      </c>
      <c r="J26556" s="8">
        <v>40338900</v>
      </c>
      <c r="K26556" s="9">
        <v>1011</v>
      </c>
      <c r="L26556" s="6" t="s">
        <v>1694</v>
      </c>
    </row>
    <row r="26557" spans="1:12">
      <c r="A26557" s="6" t="s">
        <v>27066</v>
      </c>
      <c r="B26557" s="6"/>
      <c r="C26557" s="6" t="s">
        <v>27107</v>
      </c>
      <c r="D26557" s="6"/>
      <c r="E26557" s="6" t="s">
        <v>9</v>
      </c>
      <c r="F26557" s="7">
        <v>38657</v>
      </c>
      <c r="G26557" s="8">
        <v>39540900</v>
      </c>
      <c r="H26557" s="8">
        <v>39540900</v>
      </c>
      <c r="I26557" s="8">
        <v>0</v>
      </c>
      <c r="J26557" s="8">
        <v>39540900</v>
      </c>
      <c r="K26557" s="9">
        <v>991</v>
      </c>
      <c r="L26557" s="6" t="s">
        <v>1694</v>
      </c>
    </row>
    <row r="26558" spans="1:12">
      <c r="A26558" s="6" t="s">
        <v>27066</v>
      </c>
      <c r="B26558" s="6"/>
      <c r="C26558" s="6" t="s">
        <v>27108</v>
      </c>
      <c r="D26558" s="6"/>
      <c r="E26558" s="6" t="s">
        <v>9</v>
      </c>
      <c r="F26558" s="7">
        <v>38657</v>
      </c>
      <c r="G26558" s="8">
        <v>40338900</v>
      </c>
      <c r="H26558" s="8">
        <v>40338900</v>
      </c>
      <c r="I26558" s="8">
        <v>0</v>
      </c>
      <c r="J26558" s="8">
        <v>40338900</v>
      </c>
      <c r="K26558" s="9">
        <v>1011</v>
      </c>
      <c r="L26558" s="6" t="s">
        <v>1694</v>
      </c>
    </row>
    <row r="26559" spans="1:12">
      <c r="A26559" s="6" t="s">
        <v>27066</v>
      </c>
      <c r="B26559" s="6"/>
      <c r="C26559" s="6" t="s">
        <v>27109</v>
      </c>
      <c r="D26559" s="6"/>
      <c r="E26559" s="6" t="s">
        <v>9</v>
      </c>
      <c r="F26559" s="7">
        <v>38657</v>
      </c>
      <c r="G26559" s="8">
        <v>40338900</v>
      </c>
      <c r="H26559" s="8">
        <v>40338900</v>
      </c>
      <c r="I26559" s="8">
        <v>0</v>
      </c>
      <c r="J26559" s="8">
        <v>40338900</v>
      </c>
      <c r="K26559" s="9">
        <v>1011</v>
      </c>
      <c r="L26559" s="6" t="s">
        <v>1694</v>
      </c>
    </row>
    <row r="26560" spans="1:12">
      <c r="A26560" s="6" t="s">
        <v>27066</v>
      </c>
      <c r="B26560" s="6"/>
      <c r="C26560" s="6" t="s">
        <v>27110</v>
      </c>
      <c r="D26560" s="6"/>
      <c r="E26560" s="6" t="s">
        <v>9</v>
      </c>
      <c r="F26560" s="7">
        <v>38657</v>
      </c>
      <c r="G26560" s="8">
        <v>13047300</v>
      </c>
      <c r="H26560" s="8">
        <v>13047300</v>
      </c>
      <c r="I26560" s="8">
        <v>0</v>
      </c>
      <c r="J26560" s="8">
        <v>13047300</v>
      </c>
      <c r="K26560" s="9">
        <v>327</v>
      </c>
      <c r="L26560" s="6" t="s">
        <v>1694</v>
      </c>
    </row>
    <row r="26561" spans="1:12">
      <c r="A26561" s="6" t="s">
        <v>27066</v>
      </c>
      <c r="B26561" s="6"/>
      <c r="C26561" s="6" t="s">
        <v>27111</v>
      </c>
      <c r="D26561" s="6"/>
      <c r="E26561" s="6" t="s">
        <v>9</v>
      </c>
      <c r="F26561" s="7">
        <v>38657</v>
      </c>
      <c r="G26561" s="8">
        <v>38742900</v>
      </c>
      <c r="H26561" s="8">
        <v>38742900</v>
      </c>
      <c r="I26561" s="8">
        <v>0</v>
      </c>
      <c r="J26561" s="8">
        <v>38742900</v>
      </c>
      <c r="K26561" s="9">
        <v>971</v>
      </c>
      <c r="L26561" s="6" t="s">
        <v>1694</v>
      </c>
    </row>
    <row r="26562" spans="1:12">
      <c r="A26562" s="6" t="s">
        <v>27066</v>
      </c>
      <c r="B26562" s="6"/>
      <c r="C26562" s="6" t="s">
        <v>27112</v>
      </c>
      <c r="D26562" s="6"/>
      <c r="E26562" s="6" t="s">
        <v>9</v>
      </c>
      <c r="F26562" s="7">
        <v>38657</v>
      </c>
      <c r="G26562" s="8">
        <v>27291600</v>
      </c>
      <c r="H26562" s="8">
        <v>27291600</v>
      </c>
      <c r="I26562" s="8">
        <v>0</v>
      </c>
      <c r="J26562" s="8">
        <v>27291600</v>
      </c>
      <c r="K26562" s="9">
        <v>684</v>
      </c>
      <c r="L26562" s="6" t="s">
        <v>1694</v>
      </c>
    </row>
    <row r="26563" spans="1:12">
      <c r="A26563" s="6" t="s">
        <v>27066</v>
      </c>
      <c r="B26563" s="6"/>
      <c r="C26563" s="6" t="s">
        <v>27113</v>
      </c>
      <c r="D26563" s="6"/>
      <c r="E26563" s="6" t="s">
        <v>9</v>
      </c>
      <c r="F26563" s="7">
        <v>38657</v>
      </c>
      <c r="G26563" s="8">
        <v>40338900</v>
      </c>
      <c r="H26563" s="8">
        <v>40338900</v>
      </c>
      <c r="I26563" s="8">
        <v>0</v>
      </c>
      <c r="J26563" s="8">
        <v>40338900</v>
      </c>
      <c r="K26563" s="9">
        <v>1011</v>
      </c>
      <c r="L26563" s="6" t="s">
        <v>1694</v>
      </c>
    </row>
    <row r="26564" spans="1:12">
      <c r="A26564" s="6" t="s">
        <v>27066</v>
      </c>
      <c r="B26564" s="6"/>
      <c r="C26564" s="6" t="s">
        <v>27114</v>
      </c>
      <c r="D26564" s="6"/>
      <c r="E26564" s="6" t="s">
        <v>9</v>
      </c>
      <c r="F26564" s="7">
        <v>38657</v>
      </c>
      <c r="G26564" s="8">
        <v>40338900</v>
      </c>
      <c r="H26564" s="8">
        <v>40338900</v>
      </c>
      <c r="I26564" s="8">
        <v>0</v>
      </c>
      <c r="J26564" s="8">
        <v>40338900</v>
      </c>
      <c r="K26564" s="9">
        <v>1011</v>
      </c>
      <c r="L26564" s="6" t="s">
        <v>1694</v>
      </c>
    </row>
    <row r="26565" spans="1:12">
      <c r="A26565" s="6" t="s">
        <v>27066</v>
      </c>
      <c r="B26565" s="6"/>
      <c r="C26565" s="6" t="s">
        <v>27115</v>
      </c>
      <c r="D26565" s="6"/>
      <c r="E26565" s="6" t="s">
        <v>9</v>
      </c>
      <c r="F26565" s="7">
        <v>38657</v>
      </c>
      <c r="G26565" s="8">
        <v>30204300</v>
      </c>
      <c r="H26565" s="8">
        <v>30204300</v>
      </c>
      <c r="I26565" s="8">
        <v>0</v>
      </c>
      <c r="J26565" s="8">
        <v>30204300</v>
      </c>
      <c r="K26565" s="9">
        <v>757</v>
      </c>
      <c r="L26565" s="6" t="s">
        <v>1694</v>
      </c>
    </row>
    <row r="26566" spans="1:12">
      <c r="A26566" s="6" t="s">
        <v>27066</v>
      </c>
      <c r="B26566" s="6"/>
      <c r="C26566" s="6" t="s">
        <v>27116</v>
      </c>
      <c r="D26566" s="6"/>
      <c r="E26566" s="6" t="s">
        <v>9</v>
      </c>
      <c r="F26566" s="7">
        <v>38657</v>
      </c>
      <c r="G26566" s="8">
        <v>42333900</v>
      </c>
      <c r="H26566" s="8">
        <v>42333900</v>
      </c>
      <c r="I26566" s="8">
        <v>0</v>
      </c>
      <c r="J26566" s="8">
        <v>42333900</v>
      </c>
      <c r="K26566" s="9">
        <v>1061</v>
      </c>
      <c r="L26566" s="6" t="s">
        <v>1694</v>
      </c>
    </row>
    <row r="26567" spans="1:12">
      <c r="A26567" s="6" t="s">
        <v>27066</v>
      </c>
      <c r="B26567" s="6"/>
      <c r="C26567" s="6" t="s">
        <v>27117</v>
      </c>
      <c r="D26567" s="6"/>
      <c r="E26567" s="6" t="s">
        <v>9</v>
      </c>
      <c r="F26567" s="7">
        <v>38657</v>
      </c>
      <c r="G26567" s="8">
        <v>37625700</v>
      </c>
      <c r="H26567" s="8">
        <v>37625700</v>
      </c>
      <c r="I26567" s="8">
        <v>0</v>
      </c>
      <c r="J26567" s="8">
        <v>37625700</v>
      </c>
      <c r="K26567" s="9">
        <v>943</v>
      </c>
      <c r="L26567" s="6" t="s">
        <v>1694</v>
      </c>
    </row>
    <row r="26568" spans="1:12">
      <c r="A26568" s="6" t="s">
        <v>27066</v>
      </c>
      <c r="B26568" s="6"/>
      <c r="C26568" s="6" t="s">
        <v>27118</v>
      </c>
      <c r="D26568" s="6"/>
      <c r="E26568" s="6" t="s">
        <v>9</v>
      </c>
      <c r="F26568" s="7">
        <v>38657</v>
      </c>
      <c r="G26568" s="8">
        <v>36827700</v>
      </c>
      <c r="H26568" s="8">
        <v>36827700</v>
      </c>
      <c r="I26568" s="8">
        <v>0</v>
      </c>
      <c r="J26568" s="8">
        <v>36827700</v>
      </c>
      <c r="K26568" s="9">
        <v>923</v>
      </c>
      <c r="L26568" s="6" t="s">
        <v>1694</v>
      </c>
    </row>
    <row r="26569" spans="1:12">
      <c r="A26569" s="6" t="s">
        <v>27066</v>
      </c>
      <c r="B26569" s="6"/>
      <c r="C26569" s="6" t="s">
        <v>27119</v>
      </c>
      <c r="D26569" s="6"/>
      <c r="E26569" s="6" t="s">
        <v>9</v>
      </c>
      <c r="F26569" s="7">
        <v>38657</v>
      </c>
      <c r="G26569" s="8">
        <v>37625700</v>
      </c>
      <c r="H26569" s="8">
        <v>37625700</v>
      </c>
      <c r="I26569" s="8">
        <v>0</v>
      </c>
      <c r="J26569" s="8">
        <v>37625700</v>
      </c>
      <c r="K26569" s="9">
        <v>943</v>
      </c>
      <c r="L26569" s="6" t="s">
        <v>1694</v>
      </c>
    </row>
    <row r="26570" spans="1:12">
      <c r="A26570" s="6" t="s">
        <v>27066</v>
      </c>
      <c r="B26570" s="6"/>
      <c r="C26570" s="6" t="s">
        <v>27120</v>
      </c>
      <c r="D26570" s="6"/>
      <c r="E26570" s="6" t="s">
        <v>9</v>
      </c>
      <c r="F26570" s="7">
        <v>38657</v>
      </c>
      <c r="G26570" s="8">
        <v>37625700</v>
      </c>
      <c r="H26570" s="8">
        <v>37625700</v>
      </c>
      <c r="I26570" s="8">
        <v>0</v>
      </c>
      <c r="J26570" s="8">
        <v>37625700</v>
      </c>
      <c r="K26570" s="9">
        <v>943</v>
      </c>
      <c r="L26570" s="6" t="s">
        <v>1694</v>
      </c>
    </row>
    <row r="26571" spans="1:12">
      <c r="A26571" s="6" t="s">
        <v>27066</v>
      </c>
      <c r="B26571" s="6"/>
      <c r="C26571" s="6" t="s">
        <v>27121</v>
      </c>
      <c r="D26571" s="6"/>
      <c r="E26571" s="6" t="s">
        <v>9</v>
      </c>
      <c r="F26571" s="7">
        <v>38657</v>
      </c>
      <c r="G26571" s="8">
        <v>37625700</v>
      </c>
      <c r="H26571" s="8">
        <v>37625700</v>
      </c>
      <c r="I26571" s="8">
        <v>0</v>
      </c>
      <c r="J26571" s="8">
        <v>37625700</v>
      </c>
      <c r="K26571" s="9">
        <v>943</v>
      </c>
      <c r="L26571" s="6" t="s">
        <v>1694</v>
      </c>
    </row>
    <row r="26572" spans="1:12">
      <c r="A26572" s="6" t="s">
        <v>27066</v>
      </c>
      <c r="B26572" s="6"/>
      <c r="C26572" s="6" t="s">
        <v>27122</v>
      </c>
      <c r="D26572" s="6"/>
      <c r="E26572" s="6" t="s">
        <v>9</v>
      </c>
      <c r="F26572" s="7">
        <v>38657</v>
      </c>
      <c r="G26572" s="8">
        <v>39700500</v>
      </c>
      <c r="H26572" s="8">
        <v>39700500</v>
      </c>
      <c r="I26572" s="8">
        <v>0</v>
      </c>
      <c r="J26572" s="8">
        <v>39700500</v>
      </c>
      <c r="K26572" s="9">
        <v>995</v>
      </c>
      <c r="L26572" s="6" t="s">
        <v>1694</v>
      </c>
    </row>
    <row r="26573" spans="1:12">
      <c r="A26573" s="6" t="s">
        <v>27066</v>
      </c>
      <c r="B26573" s="6"/>
      <c r="C26573" s="6" t="s">
        <v>27123</v>
      </c>
      <c r="D26573" s="6"/>
      <c r="E26573" s="6" t="s">
        <v>9</v>
      </c>
      <c r="F26573" s="7">
        <v>38657</v>
      </c>
      <c r="G26573" s="8">
        <v>37625700</v>
      </c>
      <c r="H26573" s="8">
        <v>37625700</v>
      </c>
      <c r="I26573" s="8">
        <v>0</v>
      </c>
      <c r="J26573" s="8">
        <v>37625700</v>
      </c>
      <c r="K26573" s="9">
        <v>943</v>
      </c>
      <c r="L26573" s="6" t="s">
        <v>1694</v>
      </c>
    </row>
    <row r="26574" spans="1:12">
      <c r="A26574" s="6" t="s">
        <v>27066</v>
      </c>
      <c r="B26574" s="6"/>
      <c r="C26574" s="6" t="s">
        <v>27124</v>
      </c>
      <c r="D26574" s="6"/>
      <c r="E26574" s="6" t="s">
        <v>9</v>
      </c>
      <c r="F26574" s="7">
        <v>38657</v>
      </c>
      <c r="G26574" s="8">
        <v>37346400</v>
      </c>
      <c r="H26574" s="8">
        <v>37346400</v>
      </c>
      <c r="I26574" s="8">
        <v>0</v>
      </c>
      <c r="J26574" s="8">
        <v>37346400</v>
      </c>
      <c r="K26574" s="9">
        <v>936</v>
      </c>
      <c r="L26574" s="6" t="s">
        <v>1694</v>
      </c>
    </row>
    <row r="26575" spans="1:12">
      <c r="A26575" s="6" t="s">
        <v>27066</v>
      </c>
      <c r="B26575" s="6"/>
      <c r="C26575" s="6" t="s">
        <v>27125</v>
      </c>
      <c r="D26575" s="6"/>
      <c r="E26575" s="6" t="s">
        <v>9</v>
      </c>
      <c r="F26575" s="7">
        <v>38657</v>
      </c>
      <c r="G26575" s="8">
        <v>21145200</v>
      </c>
      <c r="H26575" s="8">
        <v>21145200</v>
      </c>
      <c r="I26575" s="8">
        <v>0</v>
      </c>
      <c r="J26575" s="8">
        <v>21145200</v>
      </c>
      <c r="K26575" s="9">
        <v>526</v>
      </c>
      <c r="L26575" s="6" t="s">
        <v>1694</v>
      </c>
    </row>
    <row r="26576" spans="1:12">
      <c r="A26576" s="6" t="s">
        <v>27066</v>
      </c>
      <c r="B26576" s="6"/>
      <c r="C26576" s="6" t="s">
        <v>27126</v>
      </c>
      <c r="D26576" s="6"/>
      <c r="E26576" s="6" t="s">
        <v>9</v>
      </c>
      <c r="F26576" s="7">
        <v>38657</v>
      </c>
      <c r="G26576" s="8">
        <v>8427000</v>
      </c>
      <c r="H26576" s="8">
        <v>8427000</v>
      </c>
      <c r="I26576" s="8">
        <v>0</v>
      </c>
      <c r="J26576" s="8">
        <v>8427000</v>
      </c>
      <c r="K26576" s="9">
        <v>265</v>
      </c>
      <c r="L26576" s="6" t="s">
        <v>1694</v>
      </c>
    </row>
    <row r="26577" spans="1:12">
      <c r="A26577" s="6" t="s">
        <v>27066</v>
      </c>
      <c r="B26577" s="6"/>
      <c r="C26577" s="6" t="s">
        <v>27127</v>
      </c>
      <c r="D26577" s="6"/>
      <c r="E26577" s="6" t="s">
        <v>9</v>
      </c>
      <c r="F26577" s="7">
        <v>38657</v>
      </c>
      <c r="G26577" s="8">
        <v>2289600</v>
      </c>
      <c r="H26577" s="8">
        <v>2289600</v>
      </c>
      <c r="I26577" s="8">
        <v>0</v>
      </c>
      <c r="J26577" s="8">
        <v>2289600</v>
      </c>
      <c r="K26577" s="9">
        <v>72</v>
      </c>
      <c r="L26577" s="6" t="s">
        <v>1694</v>
      </c>
    </row>
    <row r="26578" spans="1:12">
      <c r="A26578" s="6" t="s">
        <v>27066</v>
      </c>
      <c r="B26578" s="6"/>
      <c r="C26578" s="6" t="s">
        <v>27128</v>
      </c>
      <c r="D26578" s="6"/>
      <c r="E26578" s="6" t="s">
        <v>9</v>
      </c>
      <c r="F26578" s="7">
        <v>38657</v>
      </c>
      <c r="G26578" s="8">
        <v>7854600</v>
      </c>
      <c r="H26578" s="8">
        <v>7854600</v>
      </c>
      <c r="I26578" s="8">
        <v>0</v>
      </c>
      <c r="J26578" s="8">
        <v>7854600</v>
      </c>
      <c r="K26578" s="9">
        <v>247</v>
      </c>
      <c r="L26578" s="6" t="s">
        <v>1694</v>
      </c>
    </row>
    <row r="26579" spans="1:12">
      <c r="A26579" s="6" t="s">
        <v>27066</v>
      </c>
      <c r="B26579" s="6"/>
      <c r="C26579" s="6" t="s">
        <v>27129</v>
      </c>
      <c r="D26579" s="6"/>
      <c r="E26579" s="6" t="s">
        <v>9</v>
      </c>
      <c r="F26579" s="7">
        <v>38657</v>
      </c>
      <c r="G26579" s="8">
        <v>3417000</v>
      </c>
      <c r="H26579" s="8">
        <v>3417000</v>
      </c>
      <c r="I26579" s="8">
        <v>0</v>
      </c>
      <c r="J26579" s="8">
        <v>3417000</v>
      </c>
      <c r="K26579" s="9">
        <v>85</v>
      </c>
      <c r="L26579" s="6" t="s">
        <v>1694</v>
      </c>
    </row>
    <row r="26580" spans="1:12">
      <c r="A26580" s="6" t="s">
        <v>27066</v>
      </c>
      <c r="B26580" s="6"/>
      <c r="C26580" s="6" t="s">
        <v>27130</v>
      </c>
      <c r="D26580" s="6"/>
      <c r="E26580" s="6" t="s">
        <v>9</v>
      </c>
      <c r="F26580" s="7">
        <v>38657</v>
      </c>
      <c r="G26580" s="8">
        <v>15678000</v>
      </c>
      <c r="H26580" s="8">
        <v>15678000</v>
      </c>
      <c r="I26580" s="8">
        <v>0</v>
      </c>
      <c r="J26580" s="8">
        <v>15678000</v>
      </c>
      <c r="K26580" s="9">
        <v>390</v>
      </c>
      <c r="L26580" s="6" t="s">
        <v>1694</v>
      </c>
    </row>
    <row r="26581" spans="1:12">
      <c r="A26581" s="6" t="s">
        <v>27066</v>
      </c>
      <c r="B26581" s="6"/>
      <c r="C26581" s="6" t="s">
        <v>27131</v>
      </c>
      <c r="D26581" s="6"/>
      <c r="E26581" s="6" t="s">
        <v>9</v>
      </c>
      <c r="F26581" s="7">
        <v>38657</v>
      </c>
      <c r="G26581" s="8">
        <v>8884200</v>
      </c>
      <c r="H26581" s="8">
        <v>8884200</v>
      </c>
      <c r="I26581" s="8">
        <v>0</v>
      </c>
      <c r="J26581" s="8">
        <v>8884200</v>
      </c>
      <c r="K26581" s="9">
        <v>221</v>
      </c>
      <c r="L26581" s="6" t="s">
        <v>1694</v>
      </c>
    </row>
    <row r="26582" spans="1:12">
      <c r="A26582" s="6" t="s">
        <v>27066</v>
      </c>
      <c r="B26582" s="6"/>
      <c r="C26582" s="6" t="s">
        <v>27132</v>
      </c>
      <c r="D26582" s="6"/>
      <c r="E26582" s="6" t="s">
        <v>9</v>
      </c>
      <c r="F26582" s="7">
        <v>38657</v>
      </c>
      <c r="G26582" s="8">
        <v>8884200</v>
      </c>
      <c r="H26582" s="8">
        <v>8884200</v>
      </c>
      <c r="I26582" s="8">
        <v>0</v>
      </c>
      <c r="J26582" s="8">
        <v>8884200</v>
      </c>
      <c r="K26582" s="9">
        <v>221</v>
      </c>
      <c r="L26582" s="6" t="s">
        <v>1694</v>
      </c>
    </row>
    <row r="26583" spans="1:12">
      <c r="A26583" s="6" t="s">
        <v>27066</v>
      </c>
      <c r="B26583" s="6"/>
      <c r="C26583" s="6" t="s">
        <v>27133</v>
      </c>
      <c r="D26583" s="6"/>
      <c r="E26583" s="6" t="s">
        <v>9</v>
      </c>
      <c r="F26583" s="7">
        <v>38657</v>
      </c>
      <c r="G26583" s="8">
        <v>39421200</v>
      </c>
      <c r="H26583" s="8">
        <v>39421200</v>
      </c>
      <c r="I26583" s="8">
        <v>0</v>
      </c>
      <c r="J26583" s="8">
        <v>39421200</v>
      </c>
      <c r="K26583" s="9">
        <v>988</v>
      </c>
      <c r="L26583" s="6" t="s">
        <v>1694</v>
      </c>
    </row>
    <row r="26584" spans="1:12">
      <c r="A26584" s="6" t="s">
        <v>27066</v>
      </c>
      <c r="B26584" s="6"/>
      <c r="C26584" s="6" t="s">
        <v>27134</v>
      </c>
      <c r="D26584" s="6"/>
      <c r="E26584" s="6" t="s">
        <v>9</v>
      </c>
      <c r="F26584" s="7">
        <v>38657</v>
      </c>
      <c r="G26584" s="8">
        <v>8884200</v>
      </c>
      <c r="H26584" s="8">
        <v>8884200</v>
      </c>
      <c r="I26584" s="8">
        <v>0</v>
      </c>
      <c r="J26584" s="8">
        <v>8884200</v>
      </c>
      <c r="K26584" s="9">
        <v>221</v>
      </c>
      <c r="L26584" s="6" t="s">
        <v>1694</v>
      </c>
    </row>
    <row r="26585" spans="1:12">
      <c r="A26585" s="6" t="s">
        <v>27066</v>
      </c>
      <c r="B26585" s="6"/>
      <c r="C26585" s="6" t="s">
        <v>27135</v>
      </c>
      <c r="D26585" s="6"/>
      <c r="E26585" s="6" t="s">
        <v>9</v>
      </c>
      <c r="F26585" s="7">
        <v>38657</v>
      </c>
      <c r="G26585" s="8">
        <v>8844000</v>
      </c>
      <c r="H26585" s="8">
        <v>8844000</v>
      </c>
      <c r="I26585" s="8">
        <v>0</v>
      </c>
      <c r="J26585" s="8">
        <v>8844000</v>
      </c>
      <c r="K26585" s="9">
        <v>220</v>
      </c>
      <c r="L26585" s="6" t="s">
        <v>1694</v>
      </c>
    </row>
    <row r="26586" spans="1:12">
      <c r="A26586" s="6" t="s">
        <v>27066</v>
      </c>
      <c r="B26586" s="6"/>
      <c r="C26586" s="6" t="s">
        <v>27136</v>
      </c>
      <c r="D26586" s="6"/>
      <c r="E26586" s="6" t="s">
        <v>9</v>
      </c>
      <c r="F26586" s="7">
        <v>38657</v>
      </c>
      <c r="G26586" s="8">
        <v>6271200</v>
      </c>
      <c r="H26586" s="8">
        <v>6271200</v>
      </c>
      <c r="I26586" s="8">
        <v>0</v>
      </c>
      <c r="J26586" s="8">
        <v>6271200</v>
      </c>
      <c r="K26586" s="9">
        <v>156</v>
      </c>
      <c r="L26586" s="6" t="s">
        <v>1694</v>
      </c>
    </row>
    <row r="26587" spans="1:12">
      <c r="A26587" s="6" t="s">
        <v>27066</v>
      </c>
      <c r="B26587" s="6"/>
      <c r="C26587" s="6" t="s">
        <v>27137</v>
      </c>
      <c r="D26587" s="6"/>
      <c r="E26587" s="6" t="s">
        <v>9</v>
      </c>
      <c r="F26587" s="7">
        <v>38657</v>
      </c>
      <c r="G26587" s="8">
        <v>29645700</v>
      </c>
      <c r="H26587" s="8">
        <v>29645700</v>
      </c>
      <c r="I26587" s="8">
        <v>0</v>
      </c>
      <c r="J26587" s="8">
        <v>29645700</v>
      </c>
      <c r="K26587" s="9">
        <v>743</v>
      </c>
      <c r="L26587" s="6" t="s">
        <v>1694</v>
      </c>
    </row>
    <row r="26588" spans="1:12">
      <c r="A26588" s="6" t="s">
        <v>27066</v>
      </c>
      <c r="B26588" s="6"/>
      <c r="C26588" s="6" t="s">
        <v>27138</v>
      </c>
      <c r="D26588" s="6"/>
      <c r="E26588" s="6" t="s">
        <v>9</v>
      </c>
      <c r="F26588" s="7">
        <v>38657</v>
      </c>
      <c r="G26588" s="8">
        <v>10094700</v>
      </c>
      <c r="H26588" s="8">
        <v>10094700</v>
      </c>
      <c r="I26588" s="8">
        <v>0</v>
      </c>
      <c r="J26588" s="8">
        <v>10094700</v>
      </c>
      <c r="K26588" s="9">
        <v>253</v>
      </c>
      <c r="L26588" s="6" t="s">
        <v>1694</v>
      </c>
    </row>
    <row r="26589" spans="1:12">
      <c r="A26589" s="6" t="s">
        <v>27066</v>
      </c>
      <c r="B26589" s="6"/>
      <c r="C26589" s="6" t="s">
        <v>27139</v>
      </c>
      <c r="D26589" s="6"/>
      <c r="E26589" s="6" t="s">
        <v>9</v>
      </c>
      <c r="F26589" s="7">
        <v>38657</v>
      </c>
      <c r="G26589" s="8">
        <v>11899200</v>
      </c>
      <c r="H26589" s="8">
        <v>11899200</v>
      </c>
      <c r="I26589" s="8">
        <v>0</v>
      </c>
      <c r="J26589" s="8">
        <v>11899200</v>
      </c>
      <c r="K26589" s="9">
        <v>296</v>
      </c>
      <c r="L26589" s="6" t="s">
        <v>1694</v>
      </c>
    </row>
    <row r="26590" spans="1:12">
      <c r="A26590" s="6" t="s">
        <v>27066</v>
      </c>
      <c r="B26590" s="6"/>
      <c r="C26590" s="6" t="s">
        <v>27140</v>
      </c>
      <c r="D26590" s="6"/>
      <c r="E26590" s="6" t="s">
        <v>9</v>
      </c>
      <c r="F26590" s="7">
        <v>38657</v>
      </c>
      <c r="G26590" s="8">
        <v>40338900</v>
      </c>
      <c r="H26590" s="8">
        <v>40338900</v>
      </c>
      <c r="I26590" s="8">
        <v>0</v>
      </c>
      <c r="J26590" s="8">
        <v>40338900</v>
      </c>
      <c r="K26590" s="9">
        <v>1011</v>
      </c>
      <c r="L26590" s="6" t="s">
        <v>1694</v>
      </c>
    </row>
    <row r="26591" spans="1:12">
      <c r="A26591" s="6" t="s">
        <v>27066</v>
      </c>
      <c r="B26591" s="6"/>
      <c r="C26591" s="6" t="s">
        <v>27141</v>
      </c>
      <c r="D26591" s="6"/>
      <c r="E26591" s="6" t="s">
        <v>9</v>
      </c>
      <c r="F26591" s="7">
        <v>38657</v>
      </c>
      <c r="G26591" s="8">
        <v>40338900</v>
      </c>
      <c r="H26591" s="8">
        <v>40338900</v>
      </c>
      <c r="I26591" s="8">
        <v>0</v>
      </c>
      <c r="J26591" s="8">
        <v>40338900</v>
      </c>
      <c r="K26591" s="9">
        <v>1011</v>
      </c>
      <c r="L26591" s="6" t="s">
        <v>1694</v>
      </c>
    </row>
    <row r="26592" spans="1:12">
      <c r="A26592" s="6" t="s">
        <v>27142</v>
      </c>
      <c r="B26592" s="6"/>
      <c r="C26592" s="6" t="s">
        <v>27143</v>
      </c>
      <c r="D26592" s="6"/>
      <c r="E26592" s="6" t="s">
        <v>9</v>
      </c>
      <c r="F26592" s="7">
        <v>38657</v>
      </c>
      <c r="G26592" s="8">
        <v>6576693</v>
      </c>
      <c r="H26592" s="8">
        <v>6576693</v>
      </c>
      <c r="I26592" s="8">
        <v>0</v>
      </c>
      <c r="J26592" s="8">
        <v>6576693</v>
      </c>
      <c r="K26592" s="9">
        <v>453.06</v>
      </c>
      <c r="L26592" s="6" t="s">
        <v>10</v>
      </c>
    </row>
    <row r="26593" spans="1:12">
      <c r="A26593" s="6" t="s">
        <v>27142</v>
      </c>
      <c r="B26593" s="6"/>
      <c r="C26593" s="6" t="s">
        <v>27144</v>
      </c>
      <c r="D26593" s="6"/>
      <c r="E26593" s="6" t="s">
        <v>9</v>
      </c>
      <c r="F26593" s="7">
        <v>38657</v>
      </c>
      <c r="G26593" s="8">
        <v>1819311</v>
      </c>
      <c r="H26593" s="8">
        <v>1819311</v>
      </c>
      <c r="I26593" s="8">
        <v>0</v>
      </c>
      <c r="J26593" s="8">
        <v>1819311</v>
      </c>
      <c r="K26593" s="9">
        <v>125.33</v>
      </c>
      <c r="L26593" s="6" t="s">
        <v>10</v>
      </c>
    </row>
    <row r="26594" spans="1:12">
      <c r="A26594" s="6" t="s">
        <v>27142</v>
      </c>
      <c r="B26594" s="6"/>
      <c r="C26594" s="6" t="s">
        <v>27145</v>
      </c>
      <c r="D26594" s="6"/>
      <c r="E26594" s="6" t="s">
        <v>9</v>
      </c>
      <c r="F26594" s="7">
        <v>38657</v>
      </c>
      <c r="G26594" s="8">
        <v>4339317</v>
      </c>
      <c r="H26594" s="8">
        <v>4339317</v>
      </c>
      <c r="I26594" s="8">
        <v>0</v>
      </c>
      <c r="J26594" s="8">
        <v>4339317</v>
      </c>
      <c r="K26594" s="9">
        <v>298.93</v>
      </c>
      <c r="L26594" s="6" t="s">
        <v>14</v>
      </c>
    </row>
    <row r="26595" spans="1:12">
      <c r="A26595" s="6" t="s">
        <v>27142</v>
      </c>
      <c r="B26595" s="6"/>
      <c r="C26595" s="6" t="s">
        <v>27146</v>
      </c>
      <c r="D26595" s="6"/>
      <c r="E26595" s="6" t="s">
        <v>9</v>
      </c>
      <c r="F26595" s="7">
        <v>38657</v>
      </c>
      <c r="G26595" s="8">
        <v>81726</v>
      </c>
      <c r="H26595" s="8">
        <v>81726</v>
      </c>
      <c r="I26595" s="8">
        <v>0</v>
      </c>
      <c r="J26595" s="8">
        <v>81726</v>
      </c>
      <c r="K26595" s="9">
        <v>5.63</v>
      </c>
      <c r="L26595" s="6" t="s">
        <v>10</v>
      </c>
    </row>
    <row r="26596" spans="1:12">
      <c r="A26596" s="6" t="s">
        <v>27147</v>
      </c>
      <c r="B26596" s="6"/>
      <c r="C26596" s="6" t="s">
        <v>27148</v>
      </c>
      <c r="D26596" s="6"/>
      <c r="E26596" s="6" t="s">
        <v>18740</v>
      </c>
      <c r="F26596" s="7">
        <v>38657</v>
      </c>
      <c r="G26596" s="8">
        <v>1431360</v>
      </c>
      <c r="H26596" s="8">
        <v>1431360</v>
      </c>
      <c r="I26596" s="8">
        <v>0</v>
      </c>
      <c r="J26596" s="8">
        <v>1431360</v>
      </c>
      <c r="K26596" s="9">
        <v>280</v>
      </c>
      <c r="L26596" s="6" t="s">
        <v>6094</v>
      </c>
    </row>
    <row r="26597" spans="1:12">
      <c r="A26597" s="6" t="s">
        <v>27149</v>
      </c>
      <c r="B26597" s="6"/>
      <c r="C26597" s="6" t="s">
        <v>27150</v>
      </c>
      <c r="D26597" s="6"/>
      <c r="E26597" s="6" t="s">
        <v>18740</v>
      </c>
      <c r="F26597" s="7">
        <v>38657</v>
      </c>
      <c r="G26597" s="8">
        <v>2106144</v>
      </c>
      <c r="H26597" s="8">
        <v>2106144</v>
      </c>
      <c r="I26597" s="8">
        <v>0</v>
      </c>
      <c r="J26597" s="8">
        <v>2106144</v>
      </c>
      <c r="K26597" s="9">
        <v>412</v>
      </c>
      <c r="L26597" s="6" t="s">
        <v>6094</v>
      </c>
    </row>
    <row r="26598" spans="1:12">
      <c r="A26598" s="6" t="s">
        <v>27151</v>
      </c>
      <c r="B26598" s="6"/>
      <c r="C26598" s="6" t="s">
        <v>27152</v>
      </c>
      <c r="D26598" s="6"/>
      <c r="E26598" s="6" t="s">
        <v>9</v>
      </c>
      <c r="F26598" s="7">
        <v>38657</v>
      </c>
      <c r="G26598" s="8">
        <v>5960592</v>
      </c>
      <c r="H26598" s="8">
        <v>5960592</v>
      </c>
      <c r="I26598" s="8">
        <v>0</v>
      </c>
      <c r="J26598" s="8">
        <v>5960592</v>
      </c>
      <c r="K26598" s="9">
        <v>1166</v>
      </c>
      <c r="L26598" s="6" t="s">
        <v>23</v>
      </c>
    </row>
    <row r="26599" spans="1:12">
      <c r="A26599" s="6" t="s">
        <v>27153</v>
      </c>
      <c r="B26599" s="6"/>
      <c r="C26599" s="6" t="s">
        <v>27154</v>
      </c>
      <c r="D26599" s="6"/>
      <c r="E26599" s="6" t="s">
        <v>9</v>
      </c>
      <c r="F26599" s="7">
        <v>38657</v>
      </c>
      <c r="G26599" s="8">
        <v>20585768</v>
      </c>
      <c r="H26599" s="8">
        <v>20585768</v>
      </c>
      <c r="I26599" s="8">
        <v>0</v>
      </c>
      <c r="J26599" s="8">
        <v>20585768</v>
      </c>
      <c r="K26599" s="9">
        <v>4026.95</v>
      </c>
      <c r="L26599" s="6" t="s">
        <v>23</v>
      </c>
    </row>
    <row r="26600" spans="1:12">
      <c r="A26600" s="6" t="s">
        <v>27153</v>
      </c>
      <c r="B26600" s="6"/>
      <c r="C26600" s="6" t="s">
        <v>27155</v>
      </c>
      <c r="D26600" s="6"/>
      <c r="E26600" s="6" t="s">
        <v>9</v>
      </c>
      <c r="F26600" s="7">
        <v>38657</v>
      </c>
      <c r="G26600" s="8">
        <v>46622462</v>
      </c>
      <c r="H26600" s="8">
        <v>46622462</v>
      </c>
      <c r="I26600" s="8">
        <v>0</v>
      </c>
      <c r="J26600" s="8">
        <v>46622462</v>
      </c>
      <c r="K26600" s="9">
        <v>9120.2000000000007</v>
      </c>
      <c r="L26600" s="6" t="s">
        <v>23</v>
      </c>
    </row>
    <row r="26601" spans="1:12">
      <c r="A26601" s="6" t="s">
        <v>27156</v>
      </c>
      <c r="B26601" s="6"/>
      <c r="C26601" s="6" t="s">
        <v>27157</v>
      </c>
      <c r="D26601" s="6"/>
      <c r="E26601" s="6" t="s">
        <v>9</v>
      </c>
      <c r="F26601" s="7">
        <v>38657</v>
      </c>
      <c r="G26601" s="8">
        <v>9452842</v>
      </c>
      <c r="H26601" s="8">
        <v>9452842</v>
      </c>
      <c r="I26601" s="8">
        <v>0</v>
      </c>
      <c r="J26601" s="8">
        <v>9452842</v>
      </c>
      <c r="K26601" s="9">
        <v>355.37</v>
      </c>
      <c r="L26601" s="6" t="s">
        <v>10</v>
      </c>
    </row>
    <row r="26602" spans="1:12">
      <c r="A26602" s="6" t="s">
        <v>27156</v>
      </c>
      <c r="B26602" s="6"/>
      <c r="C26602" s="6" t="s">
        <v>27158</v>
      </c>
      <c r="D26602" s="6"/>
      <c r="E26602" s="6" t="s">
        <v>9</v>
      </c>
      <c r="F26602" s="7">
        <v>38657</v>
      </c>
      <c r="G26602" s="8">
        <v>263606</v>
      </c>
      <c r="H26602" s="8">
        <v>263606</v>
      </c>
      <c r="I26602" s="8">
        <v>0</v>
      </c>
      <c r="J26602" s="8">
        <v>263606</v>
      </c>
      <c r="K26602" s="9">
        <v>9.91</v>
      </c>
      <c r="L26602" s="6" t="s">
        <v>10</v>
      </c>
    </row>
    <row r="26603" spans="1:12">
      <c r="A26603" s="6" t="s">
        <v>27156</v>
      </c>
      <c r="B26603" s="6"/>
      <c r="C26603" s="6" t="s">
        <v>27159</v>
      </c>
      <c r="D26603" s="6"/>
      <c r="E26603" s="6" t="s">
        <v>9</v>
      </c>
      <c r="F26603" s="7">
        <v>38657</v>
      </c>
      <c r="G26603" s="8">
        <v>87780</v>
      </c>
      <c r="H26603" s="8">
        <v>87780</v>
      </c>
      <c r="I26603" s="8">
        <v>0</v>
      </c>
      <c r="J26603" s="8">
        <v>87780</v>
      </c>
      <c r="K26603" s="9">
        <v>3.3</v>
      </c>
      <c r="L26603" s="6" t="s">
        <v>10</v>
      </c>
    </row>
    <row r="26604" spans="1:12">
      <c r="A26604" s="6" t="s">
        <v>27156</v>
      </c>
      <c r="B26604" s="6"/>
      <c r="C26604" s="6" t="s">
        <v>27160</v>
      </c>
      <c r="D26604" s="6"/>
      <c r="E26604" s="6" t="s">
        <v>9</v>
      </c>
      <c r="F26604" s="7">
        <v>38657</v>
      </c>
      <c r="G26604" s="8">
        <v>9969680</v>
      </c>
      <c r="H26604" s="8">
        <v>9969680</v>
      </c>
      <c r="I26604" s="8">
        <v>0</v>
      </c>
      <c r="J26604" s="8">
        <v>9969680</v>
      </c>
      <c r="K26604" s="9">
        <v>374.8</v>
      </c>
      <c r="L26604" s="6" t="s">
        <v>10</v>
      </c>
    </row>
    <row r="26605" spans="1:12">
      <c r="A26605" s="6" t="s">
        <v>27156</v>
      </c>
      <c r="B26605" s="6"/>
      <c r="C26605" s="6" t="s">
        <v>27161</v>
      </c>
      <c r="D26605" s="6"/>
      <c r="E26605" s="6" t="s">
        <v>9</v>
      </c>
      <c r="F26605" s="7">
        <v>38657</v>
      </c>
      <c r="G26605" s="8">
        <v>10620582</v>
      </c>
      <c r="H26605" s="8">
        <v>10620582</v>
      </c>
      <c r="I26605" s="8">
        <v>0</v>
      </c>
      <c r="J26605" s="8">
        <v>10620582</v>
      </c>
      <c r="K26605" s="9">
        <v>399.27</v>
      </c>
      <c r="L26605" s="6" t="s">
        <v>10</v>
      </c>
    </row>
    <row r="26606" spans="1:12">
      <c r="A26606" s="6" t="s">
        <v>27156</v>
      </c>
      <c r="B26606" s="6"/>
      <c r="C26606" s="6" t="s">
        <v>27162</v>
      </c>
      <c r="D26606" s="6"/>
      <c r="E26606" s="6" t="s">
        <v>9</v>
      </c>
      <c r="F26606" s="7">
        <v>38657</v>
      </c>
      <c r="G26606" s="8">
        <v>12123216</v>
      </c>
      <c r="H26606" s="8">
        <v>12123216</v>
      </c>
      <c r="I26606" s="8">
        <v>0</v>
      </c>
      <c r="J26606" s="8">
        <v>12123216</v>
      </c>
      <c r="K26606" s="9">
        <v>455.76</v>
      </c>
      <c r="L26606" s="6" t="s">
        <v>10</v>
      </c>
    </row>
    <row r="26607" spans="1:12">
      <c r="A26607" s="6" t="s">
        <v>27156</v>
      </c>
      <c r="B26607" s="6"/>
      <c r="C26607" s="6" t="s">
        <v>27163</v>
      </c>
      <c r="D26607" s="6"/>
      <c r="E26607" s="6" t="s">
        <v>9</v>
      </c>
      <c r="F26607" s="7">
        <v>38657</v>
      </c>
      <c r="G26607" s="8">
        <v>14094808</v>
      </c>
      <c r="H26607" s="8">
        <v>14094808</v>
      </c>
      <c r="I26607" s="8">
        <v>0</v>
      </c>
      <c r="J26607" s="8">
        <v>14094808</v>
      </c>
      <c r="K26607" s="9">
        <v>529.88</v>
      </c>
      <c r="L26607" s="6" t="s">
        <v>10</v>
      </c>
    </row>
    <row r="26608" spans="1:12">
      <c r="A26608" s="6" t="s">
        <v>27156</v>
      </c>
      <c r="B26608" s="6"/>
      <c r="C26608" s="6" t="s">
        <v>27164</v>
      </c>
      <c r="D26608" s="6"/>
      <c r="E26608" s="6" t="s">
        <v>9</v>
      </c>
      <c r="F26608" s="7">
        <v>38657</v>
      </c>
      <c r="G26608" s="8">
        <v>9190832</v>
      </c>
      <c r="H26608" s="8">
        <v>9190832</v>
      </c>
      <c r="I26608" s="8">
        <v>0</v>
      </c>
      <c r="J26608" s="8">
        <v>9190832</v>
      </c>
      <c r="K26608" s="9">
        <v>345.52</v>
      </c>
      <c r="L26608" s="6" t="s">
        <v>10</v>
      </c>
    </row>
    <row r="26609" spans="1:12">
      <c r="A26609" s="6" t="s">
        <v>27156</v>
      </c>
      <c r="B26609" s="6"/>
      <c r="C26609" s="6" t="s">
        <v>27165</v>
      </c>
      <c r="D26609" s="6"/>
      <c r="E26609" s="6" t="s">
        <v>9</v>
      </c>
      <c r="F26609" s="7">
        <v>38657</v>
      </c>
      <c r="G26609" s="8">
        <v>97241354</v>
      </c>
      <c r="H26609" s="8">
        <v>97241354</v>
      </c>
      <c r="I26609" s="8">
        <v>0</v>
      </c>
      <c r="J26609" s="8">
        <v>97241354</v>
      </c>
      <c r="K26609" s="9">
        <v>3655.69</v>
      </c>
      <c r="L26609" s="6" t="s">
        <v>10</v>
      </c>
    </row>
    <row r="26610" spans="1:12">
      <c r="A26610" s="6" t="s">
        <v>27156</v>
      </c>
      <c r="B26610" s="6"/>
      <c r="C26610" s="6" t="s">
        <v>27166</v>
      </c>
      <c r="D26610" s="6"/>
      <c r="E26610" s="6" t="s">
        <v>9</v>
      </c>
      <c r="F26610" s="7">
        <v>38657</v>
      </c>
      <c r="G26610" s="8">
        <v>611800</v>
      </c>
      <c r="H26610" s="8">
        <v>611800</v>
      </c>
      <c r="I26610" s="8">
        <v>0</v>
      </c>
      <c r="J26610" s="8">
        <v>611800</v>
      </c>
      <c r="K26610" s="9">
        <v>23</v>
      </c>
      <c r="L26610" s="6" t="s">
        <v>10</v>
      </c>
    </row>
    <row r="26611" spans="1:12">
      <c r="A26611" s="6" t="s">
        <v>27156</v>
      </c>
      <c r="B26611" s="6"/>
      <c r="C26611" s="6" t="s">
        <v>27167</v>
      </c>
      <c r="D26611" s="6"/>
      <c r="E26611" s="6" t="s">
        <v>9</v>
      </c>
      <c r="F26611" s="7">
        <v>38657</v>
      </c>
      <c r="G26611" s="8">
        <v>105336</v>
      </c>
      <c r="H26611" s="8">
        <v>105336</v>
      </c>
      <c r="I26611" s="8">
        <v>0</v>
      </c>
      <c r="J26611" s="8">
        <v>105336</v>
      </c>
      <c r="K26611" s="9">
        <v>3.96</v>
      </c>
      <c r="L26611" s="6" t="s">
        <v>10</v>
      </c>
    </row>
    <row r="26612" spans="1:12">
      <c r="A26612" s="6" t="s">
        <v>27168</v>
      </c>
      <c r="B26612" s="6"/>
      <c r="C26612" s="6" t="s">
        <v>27169</v>
      </c>
      <c r="D26612" s="6"/>
      <c r="E26612" s="6" t="s">
        <v>9</v>
      </c>
      <c r="F26612" s="7">
        <v>38657</v>
      </c>
      <c r="G26612" s="8">
        <v>68508698</v>
      </c>
      <c r="H26612" s="8">
        <v>68508698</v>
      </c>
      <c r="I26612" s="8">
        <v>0</v>
      </c>
      <c r="J26612" s="8">
        <v>68508698</v>
      </c>
      <c r="K26612" s="9">
        <v>4127.03</v>
      </c>
      <c r="L26612" s="6" t="s">
        <v>10</v>
      </c>
    </row>
    <row r="26613" spans="1:12">
      <c r="A26613" s="6" t="s">
        <v>27170</v>
      </c>
      <c r="B26613" s="6"/>
      <c r="C26613" s="6" t="s">
        <v>27171</v>
      </c>
      <c r="D26613" s="6"/>
      <c r="E26613" s="6" t="s">
        <v>18740</v>
      </c>
      <c r="F26613" s="7">
        <v>39616</v>
      </c>
      <c r="G26613" s="8">
        <v>935496</v>
      </c>
      <c r="H26613" s="8">
        <v>935496</v>
      </c>
      <c r="I26613" s="8">
        <v>0</v>
      </c>
      <c r="J26613" s="8">
        <v>935496</v>
      </c>
      <c r="K26613" s="9">
        <v>183</v>
      </c>
      <c r="L26613" s="6" t="s">
        <v>6094</v>
      </c>
    </row>
    <row r="26614" spans="1:12">
      <c r="A26614" s="6" t="s">
        <v>27172</v>
      </c>
      <c r="B26614" s="6"/>
      <c r="C26614" s="6" t="s">
        <v>27173</v>
      </c>
      <c r="D26614" s="6"/>
      <c r="E26614" s="6" t="s">
        <v>9</v>
      </c>
      <c r="F26614" s="7">
        <v>39525</v>
      </c>
      <c r="G26614" s="8">
        <v>21265</v>
      </c>
      <c r="H26614" s="8">
        <v>21265</v>
      </c>
      <c r="I26614" s="8">
        <v>0</v>
      </c>
      <c r="J26614" s="8">
        <v>21265</v>
      </c>
      <c r="K26614" s="9">
        <v>4.16</v>
      </c>
      <c r="L26614" s="6" t="s">
        <v>14</v>
      </c>
    </row>
    <row r="26615" spans="1:12">
      <c r="A26615" s="6" t="s">
        <v>27172</v>
      </c>
      <c r="B26615" s="6"/>
      <c r="C26615" s="6" t="s">
        <v>27174</v>
      </c>
      <c r="D26615" s="6"/>
      <c r="E26615" s="6" t="s">
        <v>9</v>
      </c>
      <c r="F26615" s="7">
        <v>39525</v>
      </c>
      <c r="G26615" s="8">
        <v>393624</v>
      </c>
      <c r="H26615" s="8">
        <v>393624</v>
      </c>
      <c r="I26615" s="8">
        <v>0</v>
      </c>
      <c r="J26615" s="8">
        <v>393624</v>
      </c>
      <c r="K26615" s="9">
        <v>77</v>
      </c>
      <c r="L26615" s="6" t="s">
        <v>14</v>
      </c>
    </row>
    <row r="26616" spans="1:12">
      <c r="A26616" s="6" t="s">
        <v>27172</v>
      </c>
      <c r="B26616" s="6"/>
      <c r="C26616" s="6" t="s">
        <v>27175</v>
      </c>
      <c r="D26616" s="6"/>
      <c r="E26616" s="6" t="s">
        <v>9</v>
      </c>
      <c r="F26616" s="7">
        <v>39525</v>
      </c>
      <c r="G26616" s="8">
        <v>235152</v>
      </c>
      <c r="H26616" s="8">
        <v>235152</v>
      </c>
      <c r="I26616" s="8">
        <v>0</v>
      </c>
      <c r="J26616" s="8">
        <v>235152</v>
      </c>
      <c r="K26616" s="9">
        <v>46</v>
      </c>
      <c r="L26616" s="6" t="s">
        <v>14</v>
      </c>
    </row>
    <row r="26617" spans="1:12">
      <c r="A26617" s="6" t="s">
        <v>27172</v>
      </c>
      <c r="B26617" s="6"/>
      <c r="C26617" s="6" t="s">
        <v>27176</v>
      </c>
      <c r="D26617" s="6"/>
      <c r="E26617" s="6" t="s">
        <v>9</v>
      </c>
      <c r="F26617" s="7">
        <v>39575</v>
      </c>
      <c r="G26617" s="8">
        <v>56232</v>
      </c>
      <c r="H26617" s="8">
        <v>56232</v>
      </c>
      <c r="I26617" s="8">
        <v>0</v>
      </c>
      <c r="J26617" s="8">
        <v>56232</v>
      </c>
      <c r="K26617" s="9">
        <v>11</v>
      </c>
      <c r="L26617" s="6" t="s">
        <v>14</v>
      </c>
    </row>
    <row r="26618" spans="1:12">
      <c r="A26618" s="6" t="s">
        <v>27177</v>
      </c>
      <c r="B26618" s="6"/>
      <c r="C26618" s="6" t="s">
        <v>27178</v>
      </c>
      <c r="D26618" s="6"/>
      <c r="E26618" s="6" t="s">
        <v>25121</v>
      </c>
      <c r="F26618" s="7">
        <v>39616</v>
      </c>
      <c r="G26618" s="8">
        <v>194256</v>
      </c>
      <c r="H26618" s="8">
        <v>194256</v>
      </c>
      <c r="I26618" s="8">
        <v>0</v>
      </c>
      <c r="J26618" s="8">
        <v>194256</v>
      </c>
      <c r="K26618" s="9">
        <v>38</v>
      </c>
      <c r="L26618" s="6" t="s">
        <v>23</v>
      </c>
    </row>
    <row r="26619" spans="1:12">
      <c r="A26619" s="6" t="s">
        <v>27179</v>
      </c>
      <c r="B26619" s="6"/>
      <c r="C26619" s="6" t="s">
        <v>27180</v>
      </c>
      <c r="D26619" s="6"/>
      <c r="E26619" s="6" t="s">
        <v>9</v>
      </c>
      <c r="F26619" s="7">
        <v>38657</v>
      </c>
      <c r="G26619" s="8">
        <v>15029000</v>
      </c>
      <c r="H26619" s="8">
        <v>15029000</v>
      </c>
      <c r="I26619" s="8">
        <v>0</v>
      </c>
      <c r="J26619" s="8">
        <v>15029000</v>
      </c>
      <c r="K26619" s="9">
        <v>1130</v>
      </c>
      <c r="L26619" s="6" t="s">
        <v>10</v>
      </c>
    </row>
    <row r="26620" spans="1:12">
      <c r="A26620" s="6" t="s">
        <v>27179</v>
      </c>
      <c r="B26620" s="6"/>
      <c r="C26620" s="6" t="s">
        <v>27181</v>
      </c>
      <c r="D26620" s="6"/>
      <c r="E26620" s="6" t="s">
        <v>9</v>
      </c>
      <c r="F26620" s="7">
        <v>38657</v>
      </c>
      <c r="G26620" s="8">
        <v>27517700</v>
      </c>
      <c r="H26620" s="8">
        <v>27517700</v>
      </c>
      <c r="I26620" s="8">
        <v>0</v>
      </c>
      <c r="J26620" s="8">
        <v>27517700</v>
      </c>
      <c r="K26620" s="9">
        <v>2069</v>
      </c>
      <c r="L26620" s="6" t="s">
        <v>10</v>
      </c>
    </row>
    <row r="26621" spans="1:12">
      <c r="A26621" s="6" t="s">
        <v>27179</v>
      </c>
      <c r="B26621" s="6"/>
      <c r="C26621" s="6" t="s">
        <v>27182</v>
      </c>
      <c r="D26621" s="6"/>
      <c r="E26621" s="6" t="s">
        <v>9</v>
      </c>
      <c r="F26621" s="7">
        <v>38657</v>
      </c>
      <c r="G26621" s="8">
        <v>12608400</v>
      </c>
      <c r="H26621" s="8">
        <v>12608400</v>
      </c>
      <c r="I26621" s="8">
        <v>0</v>
      </c>
      <c r="J26621" s="8">
        <v>12608400</v>
      </c>
      <c r="K26621" s="9">
        <v>948</v>
      </c>
      <c r="L26621" s="6" t="s">
        <v>10</v>
      </c>
    </row>
    <row r="26622" spans="1:12">
      <c r="A26622" s="6" t="s">
        <v>27183</v>
      </c>
      <c r="B26622" s="6"/>
      <c r="C26622" s="6" t="s">
        <v>27184</v>
      </c>
      <c r="D26622" s="6"/>
      <c r="E26622" s="11" t="s">
        <v>18740</v>
      </c>
      <c r="F26622" s="7">
        <v>38657</v>
      </c>
      <c r="G26622" s="8">
        <v>1630790</v>
      </c>
      <c r="H26622" s="8">
        <v>1630790</v>
      </c>
      <c r="I26622" s="8">
        <v>0</v>
      </c>
      <c r="J26622" s="8">
        <v>1630790</v>
      </c>
      <c r="K26622" s="9">
        <v>3856</v>
      </c>
      <c r="L26622" s="6" t="s">
        <v>23</v>
      </c>
    </row>
    <row r="26623" spans="1:12">
      <c r="A26623" s="6" t="s">
        <v>27183</v>
      </c>
      <c r="B26623" s="6"/>
      <c r="C26623" s="6" t="s">
        <v>27185</v>
      </c>
      <c r="D26623" s="6"/>
      <c r="E26623" s="11" t="s">
        <v>18740</v>
      </c>
      <c r="F26623" s="7">
        <v>39826</v>
      </c>
      <c r="G26623" s="8">
        <v>2817510</v>
      </c>
      <c r="H26623" s="8">
        <v>2817510</v>
      </c>
      <c r="I26623" s="8">
        <v>0</v>
      </c>
      <c r="J26623" s="8">
        <v>2817510</v>
      </c>
      <c r="K26623" s="9">
        <v>6662</v>
      </c>
      <c r="L26623" s="6" t="s">
        <v>23</v>
      </c>
    </row>
    <row r="26624" spans="1:12">
      <c r="A26624" s="6" t="s">
        <v>27186</v>
      </c>
      <c r="B26624" s="6"/>
      <c r="C26624" s="6" t="s">
        <v>27187</v>
      </c>
      <c r="D26624" s="6"/>
      <c r="E26624" s="6" t="s">
        <v>9</v>
      </c>
      <c r="F26624" s="7">
        <v>39438</v>
      </c>
      <c r="G26624" s="8">
        <v>485640</v>
      </c>
      <c r="H26624" s="8">
        <v>485640</v>
      </c>
      <c r="I26624" s="8">
        <v>0</v>
      </c>
      <c r="J26624" s="8">
        <v>485640</v>
      </c>
      <c r="K26624" s="9">
        <v>95</v>
      </c>
      <c r="L26624" s="6" t="s">
        <v>14</v>
      </c>
    </row>
    <row r="26625" spans="1:12">
      <c r="A26625" s="6" t="s">
        <v>27186</v>
      </c>
      <c r="B26625" s="6"/>
      <c r="C26625" s="6" t="s">
        <v>27188</v>
      </c>
      <c r="D26625" s="6"/>
      <c r="E26625" s="6" t="s">
        <v>9</v>
      </c>
      <c r="F26625" s="7">
        <v>39438</v>
      </c>
      <c r="G26625" s="8">
        <v>10172</v>
      </c>
      <c r="H26625" s="8">
        <v>10172</v>
      </c>
      <c r="I26625" s="8">
        <v>0</v>
      </c>
      <c r="J26625" s="8">
        <v>10172</v>
      </c>
      <c r="K26625" s="9">
        <v>1.99</v>
      </c>
      <c r="L26625" s="6" t="s">
        <v>14</v>
      </c>
    </row>
    <row r="26626" spans="1:12">
      <c r="A26626" s="6" t="s">
        <v>27189</v>
      </c>
      <c r="B26626" s="6"/>
      <c r="C26626" s="6" t="s">
        <v>27190</v>
      </c>
      <c r="D26626" s="6"/>
      <c r="E26626" s="6" t="s">
        <v>25121</v>
      </c>
      <c r="F26626" s="7">
        <v>39535</v>
      </c>
      <c r="G26626" s="8">
        <v>654847</v>
      </c>
      <c r="H26626" s="8">
        <v>654847</v>
      </c>
      <c r="I26626" s="8">
        <v>0</v>
      </c>
      <c r="J26626" s="8">
        <v>654847</v>
      </c>
      <c r="K26626" s="9">
        <v>128.1</v>
      </c>
      <c r="L26626" s="6" t="s">
        <v>23</v>
      </c>
    </row>
    <row r="26627" spans="1:12">
      <c r="A26627" s="6" t="s">
        <v>27191</v>
      </c>
      <c r="B26627" s="6"/>
      <c r="C26627" s="6" t="s">
        <v>27192</v>
      </c>
      <c r="D26627" s="6"/>
      <c r="E26627" s="6" t="s">
        <v>9</v>
      </c>
      <c r="F26627" s="7">
        <v>39616</v>
      </c>
      <c r="G26627" s="8">
        <v>521424</v>
      </c>
      <c r="H26627" s="8">
        <v>521424</v>
      </c>
      <c r="I26627" s="8">
        <v>0</v>
      </c>
      <c r="J26627" s="8">
        <v>521424</v>
      </c>
      <c r="K26627" s="9">
        <v>102</v>
      </c>
      <c r="L26627" s="6" t="s">
        <v>23</v>
      </c>
    </row>
    <row r="26628" spans="1:12">
      <c r="A26628" s="6" t="s">
        <v>27193</v>
      </c>
      <c r="B26628" s="6"/>
      <c r="C26628" s="6" t="s">
        <v>27194</v>
      </c>
      <c r="D26628" s="6"/>
      <c r="E26628" s="6" t="s">
        <v>9</v>
      </c>
      <c r="F26628" s="7">
        <v>38657</v>
      </c>
      <c r="G26628" s="8">
        <v>1277451</v>
      </c>
      <c r="H26628" s="8">
        <v>1277451</v>
      </c>
      <c r="I26628" s="8">
        <v>0</v>
      </c>
      <c r="J26628" s="8">
        <v>1277451</v>
      </c>
      <c r="K26628" s="9">
        <v>52.57</v>
      </c>
      <c r="L26628" s="6" t="s">
        <v>10</v>
      </c>
    </row>
    <row r="26629" spans="1:12">
      <c r="A26629" s="6" t="s">
        <v>27193</v>
      </c>
      <c r="B26629" s="6"/>
      <c r="C26629" s="6" t="s">
        <v>27195</v>
      </c>
      <c r="D26629" s="6"/>
      <c r="E26629" s="6" t="s">
        <v>9</v>
      </c>
      <c r="F26629" s="7">
        <v>38657</v>
      </c>
      <c r="G26629" s="8">
        <v>681462</v>
      </c>
      <c r="H26629" s="8">
        <v>681462</v>
      </c>
      <c r="I26629" s="8">
        <v>0</v>
      </c>
      <c r="J26629" s="8">
        <v>681462</v>
      </c>
      <c r="K26629" s="9">
        <v>23.58</v>
      </c>
      <c r="L26629" s="6" t="s">
        <v>10</v>
      </c>
    </row>
    <row r="26630" spans="1:12">
      <c r="A26630" s="6" t="s">
        <v>27193</v>
      </c>
      <c r="B26630" s="6"/>
      <c r="C26630" s="6" t="s">
        <v>27196</v>
      </c>
      <c r="D26630" s="6"/>
      <c r="E26630" s="6" t="s">
        <v>9</v>
      </c>
      <c r="F26630" s="7">
        <v>38657</v>
      </c>
      <c r="G26630" s="8">
        <v>11195282</v>
      </c>
      <c r="H26630" s="8">
        <v>11195282</v>
      </c>
      <c r="I26630" s="8">
        <v>0</v>
      </c>
      <c r="J26630" s="8">
        <v>11195282</v>
      </c>
      <c r="K26630" s="9">
        <v>387.38</v>
      </c>
      <c r="L26630" s="6" t="s">
        <v>10</v>
      </c>
    </row>
    <row r="26631" spans="1:12">
      <c r="A26631" s="6" t="s">
        <v>27193</v>
      </c>
      <c r="B26631" s="6"/>
      <c r="C26631" s="6" t="s">
        <v>27197</v>
      </c>
      <c r="D26631" s="6"/>
      <c r="E26631" s="6" t="s">
        <v>9</v>
      </c>
      <c r="F26631" s="7">
        <v>38657</v>
      </c>
      <c r="G26631" s="8">
        <v>1264329</v>
      </c>
      <c r="H26631" s="8">
        <v>1264329</v>
      </c>
      <c r="I26631" s="8">
        <v>0</v>
      </c>
      <c r="J26631" s="8">
        <v>1264329</v>
      </c>
      <c r="K26631" s="9">
        <v>52.03</v>
      </c>
      <c r="L26631" s="6" t="s">
        <v>10</v>
      </c>
    </row>
    <row r="26632" spans="1:12">
      <c r="A26632" s="6" t="s">
        <v>27193</v>
      </c>
      <c r="B26632" s="6"/>
      <c r="C26632" s="6" t="s">
        <v>27198</v>
      </c>
      <c r="D26632" s="6"/>
      <c r="E26632" s="6" t="s">
        <v>9</v>
      </c>
      <c r="F26632" s="7">
        <v>38657</v>
      </c>
      <c r="G26632" s="8">
        <v>599481</v>
      </c>
      <c r="H26632" s="8">
        <v>599481</v>
      </c>
      <c r="I26632" s="8">
        <v>0</v>
      </c>
      <c r="J26632" s="8">
        <v>599481</v>
      </c>
      <c r="K26632" s="9">
        <v>24.67</v>
      </c>
      <c r="L26632" s="6" t="s">
        <v>10</v>
      </c>
    </row>
    <row r="26633" spans="1:12">
      <c r="A26633" s="6" t="s">
        <v>27193</v>
      </c>
      <c r="B26633" s="6"/>
      <c r="C26633" s="6" t="s">
        <v>27199</v>
      </c>
      <c r="D26633" s="6"/>
      <c r="E26633" s="6" t="s">
        <v>9</v>
      </c>
      <c r="F26633" s="7">
        <v>38657</v>
      </c>
      <c r="G26633" s="8">
        <v>2117259</v>
      </c>
      <c r="H26633" s="8">
        <v>2117259</v>
      </c>
      <c r="I26633" s="8">
        <v>0</v>
      </c>
      <c r="J26633" s="8">
        <v>2117259</v>
      </c>
      <c r="K26633" s="9">
        <v>87.13</v>
      </c>
      <c r="L26633" s="6" t="s">
        <v>10</v>
      </c>
    </row>
    <row r="26634" spans="1:12">
      <c r="A26634" s="6" t="s">
        <v>27193</v>
      </c>
      <c r="B26634" s="6"/>
      <c r="C26634" s="6" t="s">
        <v>27200</v>
      </c>
      <c r="D26634" s="6"/>
      <c r="E26634" s="6" t="s">
        <v>9</v>
      </c>
      <c r="F26634" s="7">
        <v>38657</v>
      </c>
      <c r="G26634" s="8">
        <v>2817099</v>
      </c>
      <c r="H26634" s="8">
        <v>2817099</v>
      </c>
      <c r="I26634" s="8">
        <v>0</v>
      </c>
      <c r="J26634" s="8">
        <v>2817099</v>
      </c>
      <c r="K26634" s="9">
        <v>115.93</v>
      </c>
      <c r="L26634" s="6" t="s">
        <v>10</v>
      </c>
    </row>
    <row r="26635" spans="1:12">
      <c r="A26635" s="6" t="s">
        <v>27193</v>
      </c>
      <c r="B26635" s="6"/>
      <c r="C26635" s="6" t="s">
        <v>27201</v>
      </c>
      <c r="D26635" s="6"/>
      <c r="E26635" s="6" t="s">
        <v>9</v>
      </c>
      <c r="F26635" s="7">
        <v>38657</v>
      </c>
      <c r="G26635" s="8">
        <v>5441003</v>
      </c>
      <c r="H26635" s="8">
        <v>5441003</v>
      </c>
      <c r="I26635" s="8">
        <v>0</v>
      </c>
      <c r="J26635" s="8">
        <v>5441003</v>
      </c>
      <c r="K26635" s="9">
        <v>188.27</v>
      </c>
      <c r="L26635" s="6" t="s">
        <v>10</v>
      </c>
    </row>
    <row r="26636" spans="1:12">
      <c r="A26636" s="6" t="s">
        <v>27193</v>
      </c>
      <c r="B26636" s="6"/>
      <c r="C26636" s="6" t="s">
        <v>27202</v>
      </c>
      <c r="D26636" s="6"/>
      <c r="E26636" s="6" t="s">
        <v>9</v>
      </c>
      <c r="F26636" s="7">
        <v>38657</v>
      </c>
      <c r="G26636" s="8">
        <v>47396</v>
      </c>
      <c r="H26636" s="8">
        <v>47396</v>
      </c>
      <c r="I26636" s="8">
        <v>0</v>
      </c>
      <c r="J26636" s="8">
        <v>47396</v>
      </c>
      <c r="K26636" s="9">
        <v>1.64</v>
      </c>
      <c r="L26636" s="6" t="s">
        <v>10</v>
      </c>
    </row>
    <row r="26637" spans="1:12">
      <c r="A26637" s="6" t="s">
        <v>27193</v>
      </c>
      <c r="B26637" s="6"/>
      <c r="C26637" s="6" t="s">
        <v>27203</v>
      </c>
      <c r="D26637" s="6"/>
      <c r="E26637" s="6" t="s">
        <v>9</v>
      </c>
      <c r="F26637" s="7">
        <v>38657</v>
      </c>
      <c r="G26637" s="8">
        <v>1655392</v>
      </c>
      <c r="H26637" s="8">
        <v>1655392</v>
      </c>
      <c r="I26637" s="8">
        <v>0</v>
      </c>
      <c r="J26637" s="8">
        <v>1655392</v>
      </c>
      <c r="K26637" s="9">
        <v>57.28</v>
      </c>
      <c r="L26637" s="6" t="s">
        <v>10</v>
      </c>
    </row>
    <row r="26638" spans="1:12">
      <c r="A26638" s="6" t="s">
        <v>27193</v>
      </c>
      <c r="B26638" s="6"/>
      <c r="C26638" s="6" t="s">
        <v>27204</v>
      </c>
      <c r="D26638" s="6"/>
      <c r="E26638" s="6" t="s">
        <v>9</v>
      </c>
      <c r="F26638" s="7">
        <v>38657</v>
      </c>
      <c r="G26638" s="8">
        <v>1601927</v>
      </c>
      <c r="H26638" s="8">
        <v>1601927</v>
      </c>
      <c r="I26638" s="8">
        <v>0</v>
      </c>
      <c r="J26638" s="8">
        <v>1601927</v>
      </c>
      <c r="K26638" s="9">
        <v>55.43</v>
      </c>
      <c r="L26638" s="6" t="s">
        <v>10</v>
      </c>
    </row>
    <row r="26639" spans="1:12">
      <c r="A26639" s="6" t="s">
        <v>27205</v>
      </c>
      <c r="B26639" s="6"/>
      <c r="C26639" s="6" t="s">
        <v>27206</v>
      </c>
      <c r="D26639" s="6"/>
      <c r="E26639" s="6" t="s">
        <v>18740</v>
      </c>
      <c r="F26639" s="7">
        <v>38657</v>
      </c>
      <c r="G26639" s="8">
        <v>1400688</v>
      </c>
      <c r="H26639" s="8">
        <v>1400688</v>
      </c>
      <c r="I26639" s="8">
        <v>0</v>
      </c>
      <c r="J26639" s="8">
        <v>1400688</v>
      </c>
      <c r="K26639" s="9">
        <v>274</v>
      </c>
      <c r="L26639" s="6" t="s">
        <v>23</v>
      </c>
    </row>
    <row r="26640" spans="1:12">
      <c r="A26640" s="6" t="s">
        <v>27207</v>
      </c>
      <c r="B26640" s="6"/>
      <c r="C26640" s="6" t="s">
        <v>27208</v>
      </c>
      <c r="D26640" s="6"/>
      <c r="E26640" s="6" t="s">
        <v>9</v>
      </c>
      <c r="F26640" s="7">
        <v>38657</v>
      </c>
      <c r="G26640" s="8">
        <v>30813125</v>
      </c>
      <c r="H26640" s="8">
        <v>30813125</v>
      </c>
      <c r="I26640" s="8">
        <v>0</v>
      </c>
      <c r="J26640" s="8">
        <v>30813125</v>
      </c>
      <c r="K26640" s="9">
        <v>2465.0500000000002</v>
      </c>
      <c r="L26640" s="6" t="s">
        <v>10</v>
      </c>
    </row>
    <row r="26641" spans="1:12">
      <c r="A26641" s="6" t="s">
        <v>27207</v>
      </c>
      <c r="B26641" s="6"/>
      <c r="C26641" s="6" t="s">
        <v>27209</v>
      </c>
      <c r="D26641" s="6"/>
      <c r="E26641" s="6" t="s">
        <v>9</v>
      </c>
      <c r="F26641" s="7">
        <v>38657</v>
      </c>
      <c r="G26641" s="8">
        <v>33604875</v>
      </c>
      <c r="H26641" s="8">
        <v>33604875</v>
      </c>
      <c r="I26641" s="8">
        <v>0</v>
      </c>
      <c r="J26641" s="8">
        <v>33604875</v>
      </c>
      <c r="K26641" s="9">
        <v>2688.39</v>
      </c>
      <c r="L26641" s="6" t="s">
        <v>10</v>
      </c>
    </row>
    <row r="26642" spans="1:12">
      <c r="A26642" s="6" t="s">
        <v>27207</v>
      </c>
      <c r="B26642" s="6"/>
      <c r="C26642" s="6" t="s">
        <v>27210</v>
      </c>
      <c r="D26642" s="6"/>
      <c r="E26642" s="6" t="s">
        <v>9</v>
      </c>
      <c r="F26642" s="7">
        <v>38657</v>
      </c>
      <c r="G26642" s="8">
        <v>63006125</v>
      </c>
      <c r="H26642" s="8">
        <v>63006125</v>
      </c>
      <c r="I26642" s="8">
        <v>0</v>
      </c>
      <c r="J26642" s="8">
        <v>63006125</v>
      </c>
      <c r="K26642" s="9">
        <v>5040.49</v>
      </c>
      <c r="L26642" s="6" t="s">
        <v>10</v>
      </c>
    </row>
    <row r="26643" spans="1:12">
      <c r="A26643" s="6" t="s">
        <v>27211</v>
      </c>
      <c r="B26643" s="6"/>
      <c r="C26643" s="6" t="s">
        <v>27212</v>
      </c>
      <c r="D26643" s="6"/>
      <c r="E26643" s="6" t="s">
        <v>9</v>
      </c>
      <c r="F26643" s="7">
        <v>40082</v>
      </c>
      <c r="G26643" s="8">
        <v>950832</v>
      </c>
      <c r="H26643" s="8">
        <v>950832</v>
      </c>
      <c r="I26643" s="8">
        <v>0</v>
      </c>
      <c r="J26643" s="8">
        <v>950832</v>
      </c>
      <c r="K26643" s="9">
        <v>186</v>
      </c>
      <c r="L26643" s="6" t="s">
        <v>14</v>
      </c>
    </row>
    <row r="26644" spans="1:12">
      <c r="A26644" s="6" t="s">
        <v>27213</v>
      </c>
      <c r="B26644" s="6"/>
      <c r="C26644" s="6" t="s">
        <v>27214</v>
      </c>
      <c r="D26644" s="6"/>
      <c r="E26644" s="6" t="s">
        <v>9</v>
      </c>
      <c r="F26644" s="7">
        <v>39842</v>
      </c>
      <c r="G26644" s="8">
        <v>7253928</v>
      </c>
      <c r="H26644" s="8">
        <v>7253928</v>
      </c>
      <c r="I26644" s="8">
        <v>0</v>
      </c>
      <c r="J26644" s="8">
        <v>7253928</v>
      </c>
      <c r="K26644" s="9">
        <v>1419</v>
      </c>
      <c r="L26644" s="6" t="s">
        <v>14</v>
      </c>
    </row>
    <row r="26645" spans="1:12">
      <c r="A26645" s="6" t="s">
        <v>27215</v>
      </c>
      <c r="B26645" s="6"/>
      <c r="C26645" s="6" t="s">
        <v>27216</v>
      </c>
      <c r="D26645" s="6"/>
      <c r="E26645" s="6" t="s">
        <v>9</v>
      </c>
      <c r="F26645" s="7">
        <v>39842</v>
      </c>
      <c r="G26645" s="8">
        <v>3358584</v>
      </c>
      <c r="H26645" s="8">
        <v>3358584</v>
      </c>
      <c r="I26645" s="8">
        <v>0</v>
      </c>
      <c r="J26645" s="8">
        <v>3358584</v>
      </c>
      <c r="K26645" s="9">
        <v>657</v>
      </c>
      <c r="L26645" s="6" t="s">
        <v>14</v>
      </c>
    </row>
    <row r="26646" spans="1:12">
      <c r="A26646" s="6" t="s">
        <v>27217</v>
      </c>
      <c r="B26646" s="6"/>
      <c r="C26646" s="6" t="s">
        <v>27218</v>
      </c>
      <c r="D26646" s="6"/>
      <c r="E26646" s="6" t="s">
        <v>9</v>
      </c>
      <c r="F26646" s="7">
        <v>40082</v>
      </c>
      <c r="G26646" s="8">
        <v>1421136</v>
      </c>
      <c r="H26646" s="8">
        <v>1421136</v>
      </c>
      <c r="I26646" s="8">
        <v>0</v>
      </c>
      <c r="J26646" s="8">
        <v>1421136</v>
      </c>
      <c r="K26646" s="9">
        <v>278</v>
      </c>
      <c r="L26646" s="6" t="s">
        <v>14</v>
      </c>
    </row>
    <row r="26647" spans="1:12">
      <c r="A26647" s="6" t="s">
        <v>27219</v>
      </c>
      <c r="B26647" s="6"/>
      <c r="C26647" s="6" t="s">
        <v>27220</v>
      </c>
      <c r="D26647" s="6"/>
      <c r="E26647" s="6" t="s">
        <v>18740</v>
      </c>
      <c r="F26647" s="7">
        <v>40163</v>
      </c>
      <c r="G26647" s="8">
        <v>429408</v>
      </c>
      <c r="H26647" s="8">
        <v>429408</v>
      </c>
      <c r="I26647" s="8">
        <v>0</v>
      </c>
      <c r="J26647" s="8">
        <v>429408</v>
      </c>
      <c r="K26647" s="9">
        <v>84</v>
      </c>
      <c r="L26647" s="6" t="s">
        <v>6094</v>
      </c>
    </row>
    <row r="26648" spans="1:12">
      <c r="A26648" s="6" t="s">
        <v>27219</v>
      </c>
      <c r="B26648" s="6"/>
      <c r="C26648" s="6" t="s">
        <v>27221</v>
      </c>
      <c r="D26648" s="6"/>
      <c r="E26648" s="6" t="s">
        <v>18740</v>
      </c>
      <c r="F26648" s="7">
        <v>40163</v>
      </c>
      <c r="G26648" s="8">
        <v>439632</v>
      </c>
      <c r="H26648" s="8">
        <v>439632</v>
      </c>
      <c r="I26648" s="8">
        <v>0</v>
      </c>
      <c r="J26648" s="8">
        <v>439632</v>
      </c>
      <c r="K26648" s="9">
        <v>86</v>
      </c>
      <c r="L26648" s="6" t="s">
        <v>6094</v>
      </c>
    </row>
    <row r="26649" spans="1:12">
      <c r="A26649" s="6" t="s">
        <v>27219</v>
      </c>
      <c r="B26649" s="6"/>
      <c r="C26649" s="6" t="s">
        <v>27222</v>
      </c>
      <c r="D26649" s="6"/>
      <c r="E26649" s="6" t="s">
        <v>18740</v>
      </c>
      <c r="F26649" s="7">
        <v>40163</v>
      </c>
      <c r="G26649" s="8">
        <v>444744</v>
      </c>
      <c r="H26649" s="8">
        <v>444744</v>
      </c>
      <c r="I26649" s="8">
        <v>0</v>
      </c>
      <c r="J26649" s="8">
        <v>444744</v>
      </c>
      <c r="K26649" s="9">
        <v>87</v>
      </c>
      <c r="L26649" s="6" t="s">
        <v>6094</v>
      </c>
    </row>
    <row r="26650" spans="1:12">
      <c r="A26650" s="6" t="s">
        <v>27219</v>
      </c>
      <c r="B26650" s="6"/>
      <c r="C26650" s="6" t="s">
        <v>27223</v>
      </c>
      <c r="D26650" s="6"/>
      <c r="E26650" s="6" t="s">
        <v>18740</v>
      </c>
      <c r="F26650" s="7">
        <v>40163</v>
      </c>
      <c r="G26650" s="8">
        <v>685008</v>
      </c>
      <c r="H26650" s="8">
        <v>685008</v>
      </c>
      <c r="I26650" s="8">
        <v>0</v>
      </c>
      <c r="J26650" s="8">
        <v>685008</v>
      </c>
      <c r="K26650" s="9">
        <v>134</v>
      </c>
      <c r="L26650" s="6" t="s">
        <v>6094</v>
      </c>
    </row>
    <row r="26651" spans="1:12">
      <c r="A26651" s="6" t="s">
        <v>27219</v>
      </c>
      <c r="B26651" s="6"/>
      <c r="C26651" s="6" t="s">
        <v>27224</v>
      </c>
      <c r="D26651" s="6"/>
      <c r="E26651" s="6" t="s">
        <v>18740</v>
      </c>
      <c r="F26651" s="7">
        <v>40193</v>
      </c>
      <c r="G26651" s="8">
        <v>930384</v>
      </c>
      <c r="H26651" s="8">
        <v>930384</v>
      </c>
      <c r="I26651" s="8">
        <v>0</v>
      </c>
      <c r="J26651" s="8">
        <v>930384</v>
      </c>
      <c r="K26651" s="9">
        <v>182</v>
      </c>
      <c r="L26651" s="6" t="s">
        <v>6094</v>
      </c>
    </row>
    <row r="26652" spans="1:12">
      <c r="A26652" s="6" t="s">
        <v>27225</v>
      </c>
      <c r="B26652" s="6"/>
      <c r="C26652" s="6" t="s">
        <v>27226</v>
      </c>
      <c r="D26652" s="6"/>
      <c r="E26652" s="6" t="s">
        <v>18740</v>
      </c>
      <c r="F26652" s="7">
        <v>39981</v>
      </c>
      <c r="G26652" s="8">
        <v>6103760</v>
      </c>
      <c r="H26652" s="8">
        <v>6103760</v>
      </c>
      <c r="I26652" s="8">
        <v>0</v>
      </c>
      <c r="J26652" s="8">
        <v>6103760</v>
      </c>
      <c r="K26652" s="9">
        <v>469.52</v>
      </c>
      <c r="L26652" s="6" t="s">
        <v>10</v>
      </c>
    </row>
    <row r="26653" spans="1:12">
      <c r="A26653" s="6" t="s">
        <v>27227</v>
      </c>
      <c r="B26653" s="6"/>
      <c r="C26653" s="6" t="s">
        <v>27228</v>
      </c>
      <c r="D26653" s="6"/>
      <c r="E26653" s="6" t="s">
        <v>18740</v>
      </c>
      <c r="F26653" s="7"/>
      <c r="G26653" s="8">
        <v>227683</v>
      </c>
      <c r="H26653" s="8">
        <v>227683</v>
      </c>
      <c r="I26653" s="8">
        <v>0</v>
      </c>
      <c r="J26653" s="8">
        <v>227683</v>
      </c>
      <c r="K26653" s="9">
        <v>10.210000000000001</v>
      </c>
      <c r="L26653" s="6" t="s">
        <v>10</v>
      </c>
    </row>
    <row r="26654" spans="1:12">
      <c r="A26654" s="6" t="s">
        <v>27227</v>
      </c>
      <c r="B26654" s="6"/>
      <c r="C26654" s="6" t="s">
        <v>27229</v>
      </c>
      <c r="D26654" s="6"/>
      <c r="E26654" s="6" t="s">
        <v>18740</v>
      </c>
      <c r="F26654" s="7">
        <v>40105</v>
      </c>
      <c r="G26654" s="8">
        <v>56232</v>
      </c>
      <c r="H26654" s="8">
        <v>56232</v>
      </c>
      <c r="I26654" s="8">
        <v>0</v>
      </c>
      <c r="J26654" s="8">
        <v>56232</v>
      </c>
      <c r="K26654" s="9">
        <v>11</v>
      </c>
      <c r="L26654" s="6" t="s">
        <v>23</v>
      </c>
    </row>
    <row r="26655" spans="1:12">
      <c r="A26655" s="6" t="s">
        <v>27227</v>
      </c>
      <c r="B26655" s="6"/>
      <c r="C26655" s="6" t="s">
        <v>27230</v>
      </c>
      <c r="D26655" s="6"/>
      <c r="E26655" s="6" t="s">
        <v>18740</v>
      </c>
      <c r="F26655" s="7">
        <v>40105</v>
      </c>
      <c r="G26655" s="8">
        <v>158472</v>
      </c>
      <c r="H26655" s="8">
        <v>158472</v>
      </c>
      <c r="I26655" s="8">
        <v>0</v>
      </c>
      <c r="J26655" s="8">
        <v>158472</v>
      </c>
      <c r="K26655" s="9">
        <v>31</v>
      </c>
      <c r="L26655" s="6" t="s">
        <v>23</v>
      </c>
    </row>
    <row r="26656" spans="1:12">
      <c r="A26656" s="6" t="s">
        <v>27227</v>
      </c>
      <c r="B26656" s="6"/>
      <c r="C26656" s="6" t="s">
        <v>27231</v>
      </c>
      <c r="D26656" s="6"/>
      <c r="E26656" s="6" t="s">
        <v>18740</v>
      </c>
      <c r="F26656" s="7">
        <v>40105</v>
      </c>
      <c r="G26656" s="8">
        <v>158472</v>
      </c>
      <c r="H26656" s="8">
        <v>158472</v>
      </c>
      <c r="I26656" s="8">
        <v>0</v>
      </c>
      <c r="J26656" s="8">
        <v>158472</v>
      </c>
      <c r="K26656" s="9">
        <v>31</v>
      </c>
      <c r="L26656" s="6" t="s">
        <v>23</v>
      </c>
    </row>
    <row r="26657" spans="1:12">
      <c r="A26657" s="6" t="s">
        <v>27227</v>
      </c>
      <c r="B26657" s="6"/>
      <c r="C26657" s="6" t="s">
        <v>27232</v>
      </c>
      <c r="D26657" s="6"/>
      <c r="E26657" s="6" t="s">
        <v>18740</v>
      </c>
      <c r="F26657" s="7">
        <v>40906</v>
      </c>
      <c r="G26657" s="8">
        <v>23412</v>
      </c>
      <c r="H26657" s="8">
        <v>23412</v>
      </c>
      <c r="I26657" s="8">
        <v>0</v>
      </c>
      <c r="J26657" s="8">
        <v>23412</v>
      </c>
      <c r="K26657" s="9">
        <v>4.58</v>
      </c>
      <c r="L26657" s="6" t="s">
        <v>23</v>
      </c>
    </row>
    <row r="26658" spans="1:12">
      <c r="A26658" s="6" t="s">
        <v>27227</v>
      </c>
      <c r="B26658" s="6"/>
      <c r="C26658" s="6" t="s">
        <v>27233</v>
      </c>
      <c r="D26658" s="6"/>
      <c r="E26658" s="6" t="s">
        <v>18740</v>
      </c>
      <c r="F26658" s="7">
        <v>43459</v>
      </c>
      <c r="G26658" s="8">
        <v>270936</v>
      </c>
      <c r="H26658" s="8">
        <v>270936</v>
      </c>
      <c r="I26658" s="8">
        <v>0</v>
      </c>
      <c r="J26658" s="8">
        <v>270936</v>
      </c>
      <c r="K26658" s="9">
        <v>53</v>
      </c>
      <c r="L26658" s="6" t="s">
        <v>23</v>
      </c>
    </row>
    <row r="26659" spans="1:12">
      <c r="A26659" s="6" t="s">
        <v>27227</v>
      </c>
      <c r="B26659" s="6"/>
      <c r="C26659" s="6" t="s">
        <v>27234</v>
      </c>
      <c r="D26659" s="6"/>
      <c r="E26659" s="6" t="s">
        <v>18740</v>
      </c>
      <c r="F26659" s="7">
        <v>38657</v>
      </c>
      <c r="G26659" s="8">
        <v>23004</v>
      </c>
      <c r="H26659" s="8">
        <v>23004</v>
      </c>
      <c r="I26659" s="8">
        <v>0</v>
      </c>
      <c r="J26659" s="8">
        <v>23004</v>
      </c>
      <c r="K26659" s="9">
        <v>4.5</v>
      </c>
      <c r="L26659" s="6" t="s">
        <v>23</v>
      </c>
    </row>
    <row r="26660" spans="1:12">
      <c r="A26660" s="6" t="s">
        <v>27227</v>
      </c>
      <c r="B26660" s="6"/>
      <c r="C26660" s="6" t="s">
        <v>27235</v>
      </c>
      <c r="D26660" s="6"/>
      <c r="E26660" s="6" t="s">
        <v>18740</v>
      </c>
      <c r="F26660" s="7">
        <v>38657</v>
      </c>
      <c r="G26660" s="8">
        <v>40896</v>
      </c>
      <c r="H26660" s="8">
        <v>40896</v>
      </c>
      <c r="I26660" s="8">
        <v>0</v>
      </c>
      <c r="J26660" s="8">
        <v>40896</v>
      </c>
      <c r="K26660" s="9">
        <v>8</v>
      </c>
      <c r="L26660" s="6" t="s">
        <v>23</v>
      </c>
    </row>
    <row r="26661" spans="1:12">
      <c r="A26661" s="6" t="s">
        <v>27227</v>
      </c>
      <c r="B26661" s="6"/>
      <c r="C26661" s="6" t="s">
        <v>27236</v>
      </c>
      <c r="D26661" s="6"/>
      <c r="E26661" s="6" t="s">
        <v>18740</v>
      </c>
      <c r="F26661" s="7">
        <v>38657</v>
      </c>
      <c r="G26661" s="8">
        <v>92016</v>
      </c>
      <c r="H26661" s="8">
        <v>92016</v>
      </c>
      <c r="I26661" s="8">
        <v>0</v>
      </c>
      <c r="J26661" s="8">
        <v>92016</v>
      </c>
      <c r="K26661" s="9">
        <v>18</v>
      </c>
      <c r="L26661" s="6" t="s">
        <v>23</v>
      </c>
    </row>
    <row r="26662" spans="1:12">
      <c r="A26662" s="6" t="s">
        <v>27227</v>
      </c>
      <c r="B26662" s="6"/>
      <c r="C26662" s="6" t="s">
        <v>27237</v>
      </c>
      <c r="D26662" s="6"/>
      <c r="E26662" s="6" t="s">
        <v>18740</v>
      </c>
      <c r="F26662" s="7">
        <v>38657</v>
      </c>
      <c r="G26662" s="8">
        <v>30160</v>
      </c>
      <c r="H26662" s="8">
        <v>30160</v>
      </c>
      <c r="I26662" s="8">
        <v>0</v>
      </c>
      <c r="J26662" s="8">
        <v>30160</v>
      </c>
      <c r="K26662" s="9">
        <v>5.9</v>
      </c>
      <c r="L26662" s="6" t="s">
        <v>23</v>
      </c>
    </row>
    <row r="26663" spans="1:12">
      <c r="A26663" s="6" t="s">
        <v>27227</v>
      </c>
      <c r="B26663" s="6"/>
      <c r="C26663" s="6" t="s">
        <v>27238</v>
      </c>
      <c r="D26663" s="6"/>
      <c r="E26663" s="6" t="s">
        <v>18740</v>
      </c>
      <c r="F26663" s="7">
        <v>41221</v>
      </c>
      <c r="G26663" s="8">
        <v>23055</v>
      </c>
      <c r="H26663" s="8">
        <v>23055</v>
      </c>
      <c r="I26663" s="8">
        <v>0</v>
      </c>
      <c r="J26663" s="8">
        <v>23055</v>
      </c>
      <c r="K26663" s="9">
        <v>4.51</v>
      </c>
      <c r="L26663" s="6" t="s">
        <v>23</v>
      </c>
    </row>
    <row r="26664" spans="1:12">
      <c r="A26664" s="6" t="s">
        <v>27227</v>
      </c>
      <c r="B26664" s="6"/>
      <c r="C26664" s="6" t="s">
        <v>27239</v>
      </c>
      <c r="D26664" s="6"/>
      <c r="E26664" s="6" t="s">
        <v>18740</v>
      </c>
      <c r="F26664" s="7">
        <v>40082</v>
      </c>
      <c r="G26664" s="8">
        <v>52602</v>
      </c>
      <c r="H26664" s="8">
        <v>52602</v>
      </c>
      <c r="I26664" s="8">
        <v>0</v>
      </c>
      <c r="J26664" s="8">
        <v>52602</v>
      </c>
      <c r="K26664" s="9">
        <v>10.29</v>
      </c>
      <c r="L26664" s="6" t="s">
        <v>23</v>
      </c>
    </row>
    <row r="26665" spans="1:12">
      <c r="A26665" s="6" t="s">
        <v>27227</v>
      </c>
      <c r="B26665" s="6"/>
      <c r="C26665" s="6" t="s">
        <v>27240</v>
      </c>
      <c r="D26665" s="6"/>
      <c r="E26665" s="6" t="s">
        <v>18740</v>
      </c>
      <c r="F26665" s="7">
        <v>41221</v>
      </c>
      <c r="G26665" s="8">
        <v>66456</v>
      </c>
      <c r="H26665" s="8">
        <v>66456</v>
      </c>
      <c r="I26665" s="8">
        <v>0</v>
      </c>
      <c r="J26665" s="8">
        <v>66456</v>
      </c>
      <c r="K26665" s="9">
        <v>13</v>
      </c>
      <c r="L26665" s="6" t="s">
        <v>23</v>
      </c>
    </row>
    <row r="26666" spans="1:12">
      <c r="A26666" s="6" t="s">
        <v>27227</v>
      </c>
      <c r="B26666" s="6"/>
      <c r="C26666" s="6" t="s">
        <v>27241</v>
      </c>
      <c r="D26666" s="6"/>
      <c r="E26666" s="6" t="s">
        <v>18740</v>
      </c>
      <c r="F26666" s="7">
        <v>41417</v>
      </c>
      <c r="G26666" s="8">
        <v>13444</v>
      </c>
      <c r="H26666" s="8">
        <v>13444</v>
      </c>
      <c r="I26666" s="8">
        <v>0</v>
      </c>
      <c r="J26666" s="8">
        <v>13444</v>
      </c>
      <c r="K26666" s="9">
        <v>2.63</v>
      </c>
      <c r="L26666" s="6" t="s">
        <v>23</v>
      </c>
    </row>
    <row r="26667" spans="1:12">
      <c r="A26667" s="6" t="s">
        <v>27227</v>
      </c>
      <c r="B26667" s="6"/>
      <c r="C26667" s="6" t="s">
        <v>27242</v>
      </c>
      <c r="D26667" s="6"/>
      <c r="E26667" s="6" t="s">
        <v>18740</v>
      </c>
      <c r="F26667" s="7">
        <v>38657</v>
      </c>
      <c r="G26667" s="8">
        <v>1</v>
      </c>
      <c r="H26667" s="8">
        <v>1</v>
      </c>
      <c r="I26667" s="8">
        <v>0</v>
      </c>
      <c r="J26667" s="8">
        <v>1</v>
      </c>
      <c r="K26667" s="9">
        <v>6.61</v>
      </c>
      <c r="L26667" s="6" t="s">
        <v>10</v>
      </c>
    </row>
    <row r="26668" spans="1:12">
      <c r="A26668" s="6" t="s">
        <v>27227</v>
      </c>
      <c r="B26668" s="6"/>
      <c r="C26668" s="6" t="s">
        <v>27243</v>
      </c>
      <c r="D26668" s="6"/>
      <c r="E26668" s="6" t="s">
        <v>18740</v>
      </c>
      <c r="F26668" s="7">
        <v>38657</v>
      </c>
      <c r="G26668" s="8">
        <v>1</v>
      </c>
      <c r="H26668" s="8">
        <v>1</v>
      </c>
      <c r="I26668" s="8">
        <v>0</v>
      </c>
      <c r="J26668" s="8">
        <v>1</v>
      </c>
      <c r="K26668" s="9">
        <v>4.03</v>
      </c>
      <c r="L26668" s="6" t="s">
        <v>10</v>
      </c>
    </row>
    <row r="26669" spans="1:12">
      <c r="A26669" s="6" t="s">
        <v>27227</v>
      </c>
      <c r="B26669" s="6"/>
      <c r="C26669" s="6" t="s">
        <v>27244</v>
      </c>
      <c r="D26669" s="6"/>
      <c r="E26669" s="6" t="s">
        <v>18740</v>
      </c>
      <c r="F26669" s="7">
        <v>38657</v>
      </c>
      <c r="G26669" s="8">
        <v>1</v>
      </c>
      <c r="H26669" s="8">
        <v>1</v>
      </c>
      <c r="I26669" s="8">
        <v>0</v>
      </c>
      <c r="J26669" s="8">
        <v>1</v>
      </c>
      <c r="K26669" s="9">
        <v>3.55</v>
      </c>
      <c r="L26669" s="6" t="s">
        <v>10</v>
      </c>
    </row>
    <row r="26670" spans="1:12">
      <c r="A26670" s="6" t="s">
        <v>27227</v>
      </c>
      <c r="B26670" s="6"/>
      <c r="C26670" s="6" t="s">
        <v>27245</v>
      </c>
      <c r="D26670" s="6"/>
      <c r="E26670" s="6" t="s">
        <v>18740</v>
      </c>
      <c r="F26670" s="7">
        <v>43978</v>
      </c>
      <c r="G26670" s="8">
        <v>1</v>
      </c>
      <c r="H26670" s="8">
        <v>1</v>
      </c>
      <c r="I26670" s="8">
        <v>0</v>
      </c>
      <c r="J26670" s="8">
        <v>1</v>
      </c>
      <c r="K26670" s="9">
        <v>12</v>
      </c>
      <c r="L26670" s="6" t="s">
        <v>23</v>
      </c>
    </row>
    <row r="26671" spans="1:12">
      <c r="A26671" s="6" t="s">
        <v>27227</v>
      </c>
      <c r="B26671" s="6"/>
      <c r="C26671" s="6" t="s">
        <v>27246</v>
      </c>
      <c r="D26671" s="6"/>
      <c r="E26671" s="6" t="s">
        <v>18740</v>
      </c>
      <c r="F26671" s="7">
        <v>44061</v>
      </c>
      <c r="G26671" s="8">
        <v>1</v>
      </c>
      <c r="H26671" s="8">
        <v>1</v>
      </c>
      <c r="I26671" s="8">
        <v>0</v>
      </c>
      <c r="J26671" s="8">
        <v>1</v>
      </c>
      <c r="K26671" s="9">
        <v>14</v>
      </c>
      <c r="L26671" s="6" t="s">
        <v>23</v>
      </c>
    </row>
    <row r="26672" spans="1:12">
      <c r="A26672" s="6" t="s">
        <v>27227</v>
      </c>
      <c r="B26672" s="6"/>
      <c r="C26672" s="6" t="s">
        <v>27247</v>
      </c>
      <c r="D26672" s="6"/>
      <c r="E26672" s="6" t="s">
        <v>18740</v>
      </c>
      <c r="F26672" s="7">
        <v>44061</v>
      </c>
      <c r="G26672" s="8">
        <v>1</v>
      </c>
      <c r="H26672" s="8">
        <v>1</v>
      </c>
      <c r="I26672" s="8">
        <v>0</v>
      </c>
      <c r="J26672" s="8">
        <v>1</v>
      </c>
      <c r="K26672" s="9">
        <v>10</v>
      </c>
      <c r="L26672" s="6" t="s">
        <v>23</v>
      </c>
    </row>
    <row r="26673" spans="1:12">
      <c r="A26673" s="6" t="s">
        <v>27227</v>
      </c>
      <c r="B26673" s="6"/>
      <c r="C26673" s="6" t="s">
        <v>27248</v>
      </c>
      <c r="D26673" s="6"/>
      <c r="E26673" s="6" t="s">
        <v>18740</v>
      </c>
      <c r="F26673" s="7">
        <v>44061</v>
      </c>
      <c r="G26673" s="8">
        <v>1</v>
      </c>
      <c r="H26673" s="8">
        <v>1</v>
      </c>
      <c r="I26673" s="8">
        <v>0</v>
      </c>
      <c r="J26673" s="8">
        <v>1</v>
      </c>
      <c r="K26673" s="9">
        <v>11</v>
      </c>
      <c r="L26673" s="6" t="s">
        <v>23</v>
      </c>
    </row>
    <row r="26674" spans="1:12">
      <c r="A26674" s="6" t="s">
        <v>27227</v>
      </c>
      <c r="B26674" s="6"/>
      <c r="C26674" s="6" t="s">
        <v>27249</v>
      </c>
      <c r="D26674" s="6"/>
      <c r="E26674" s="6" t="s">
        <v>18740</v>
      </c>
      <c r="F26674" s="7">
        <v>43990</v>
      </c>
      <c r="G26674" s="8">
        <v>1</v>
      </c>
      <c r="H26674" s="8">
        <v>1</v>
      </c>
      <c r="I26674" s="8">
        <v>0</v>
      </c>
      <c r="J26674" s="8">
        <v>1</v>
      </c>
      <c r="K26674" s="9">
        <v>27</v>
      </c>
      <c r="L26674" s="6" t="s">
        <v>23</v>
      </c>
    </row>
    <row r="26675" spans="1:12">
      <c r="A26675" s="6" t="s">
        <v>27227</v>
      </c>
      <c r="B26675" s="6"/>
      <c r="C26675" s="6" t="s">
        <v>27250</v>
      </c>
      <c r="D26675" s="6"/>
      <c r="E26675" s="6" t="s">
        <v>18740</v>
      </c>
      <c r="F26675" s="7">
        <v>40266</v>
      </c>
      <c r="G26675" s="8">
        <v>148248</v>
      </c>
      <c r="H26675" s="8">
        <v>148248</v>
      </c>
      <c r="I26675" s="8">
        <v>0</v>
      </c>
      <c r="J26675" s="8">
        <v>148248</v>
      </c>
      <c r="K26675" s="9">
        <v>29</v>
      </c>
      <c r="L26675" s="6" t="s">
        <v>23</v>
      </c>
    </row>
    <row r="26676" spans="1:12">
      <c r="A26676" s="6" t="s">
        <v>27227</v>
      </c>
      <c r="B26676" s="6"/>
      <c r="C26676" s="6" t="s">
        <v>27251</v>
      </c>
      <c r="D26676" s="6"/>
      <c r="E26676" s="6" t="s">
        <v>18740</v>
      </c>
      <c r="F26676" s="7">
        <v>40266</v>
      </c>
      <c r="G26676" s="8">
        <v>245376</v>
      </c>
      <c r="H26676" s="8">
        <v>245376</v>
      </c>
      <c r="I26676" s="8">
        <v>0</v>
      </c>
      <c r="J26676" s="8">
        <v>245376</v>
      </c>
      <c r="K26676" s="9">
        <v>48</v>
      </c>
      <c r="L26676" s="6" t="s">
        <v>23</v>
      </c>
    </row>
    <row r="26677" spans="1:12">
      <c r="A26677" s="6" t="s">
        <v>27227</v>
      </c>
      <c r="B26677" s="6"/>
      <c r="C26677" s="6" t="s">
        <v>27252</v>
      </c>
      <c r="D26677" s="6"/>
      <c r="E26677" s="6" t="s">
        <v>18740</v>
      </c>
      <c r="F26677" s="7">
        <v>40582</v>
      </c>
      <c r="G26677" s="8">
        <v>25764</v>
      </c>
      <c r="H26677" s="8">
        <v>25764</v>
      </c>
      <c r="I26677" s="8">
        <v>0</v>
      </c>
      <c r="J26677" s="8">
        <v>25764</v>
      </c>
      <c r="K26677" s="9">
        <v>5.04</v>
      </c>
      <c r="L26677" s="6" t="s">
        <v>23</v>
      </c>
    </row>
    <row r="26678" spans="1:12">
      <c r="A26678" s="6" t="s">
        <v>27227</v>
      </c>
      <c r="B26678" s="6"/>
      <c r="C26678" s="6" t="s">
        <v>27253</v>
      </c>
      <c r="D26678" s="6"/>
      <c r="E26678" s="6" t="s">
        <v>18740</v>
      </c>
      <c r="F26678" s="7">
        <v>40582</v>
      </c>
      <c r="G26678" s="8">
        <v>15182</v>
      </c>
      <c r="H26678" s="8">
        <v>15182</v>
      </c>
      <c r="I26678" s="8">
        <v>0</v>
      </c>
      <c r="J26678" s="8">
        <v>15182</v>
      </c>
      <c r="K26678" s="9">
        <v>2.97</v>
      </c>
      <c r="L26678" s="6" t="s">
        <v>23</v>
      </c>
    </row>
    <row r="26679" spans="1:12">
      <c r="A26679" s="6" t="s">
        <v>27227</v>
      </c>
      <c r="B26679" s="6"/>
      <c r="C26679" s="6" t="s">
        <v>27254</v>
      </c>
      <c r="D26679" s="6"/>
      <c r="E26679" s="6" t="s">
        <v>18740</v>
      </c>
      <c r="F26679" s="7">
        <v>40488</v>
      </c>
      <c r="G26679" s="8">
        <v>45956</v>
      </c>
      <c r="H26679" s="8">
        <v>45956</v>
      </c>
      <c r="I26679" s="8">
        <v>0</v>
      </c>
      <c r="J26679" s="8">
        <v>45956</v>
      </c>
      <c r="K26679" s="9">
        <v>8.99</v>
      </c>
      <c r="L26679" s="6" t="s">
        <v>23</v>
      </c>
    </row>
    <row r="26680" spans="1:12">
      <c r="A26680" s="6" t="s">
        <v>27227</v>
      </c>
      <c r="B26680" s="6"/>
      <c r="C26680" s="6" t="s">
        <v>27255</v>
      </c>
      <c r="D26680" s="6"/>
      <c r="E26680" s="6" t="s">
        <v>18740</v>
      </c>
      <c r="F26680" s="7"/>
      <c r="G26680" s="8">
        <v>255600</v>
      </c>
      <c r="H26680" s="8">
        <v>255600</v>
      </c>
      <c r="I26680" s="8">
        <v>0</v>
      </c>
      <c r="J26680" s="8">
        <v>255600</v>
      </c>
      <c r="K26680" s="9">
        <v>50</v>
      </c>
      <c r="L26680" s="6" t="s">
        <v>23</v>
      </c>
    </row>
    <row r="26681" spans="1:12">
      <c r="A26681" s="6" t="s">
        <v>27227</v>
      </c>
      <c r="B26681" s="6"/>
      <c r="C26681" s="6" t="s">
        <v>27256</v>
      </c>
      <c r="D26681" s="6"/>
      <c r="E26681" s="6" t="s">
        <v>18740</v>
      </c>
      <c r="F26681" s="7"/>
      <c r="G26681" s="8">
        <v>25304</v>
      </c>
      <c r="H26681" s="8">
        <v>25304</v>
      </c>
      <c r="I26681" s="8">
        <v>0</v>
      </c>
      <c r="J26681" s="8">
        <v>25304</v>
      </c>
      <c r="K26681" s="9">
        <v>4.95</v>
      </c>
      <c r="L26681" s="6" t="s">
        <v>23</v>
      </c>
    </row>
    <row r="26682" spans="1:12">
      <c r="A26682" s="6" t="s">
        <v>27257</v>
      </c>
      <c r="B26682" s="6"/>
      <c r="C26682" s="6" t="s">
        <v>27258</v>
      </c>
      <c r="D26682" s="6"/>
      <c r="E26682" s="6" t="s">
        <v>9</v>
      </c>
      <c r="F26682" s="7">
        <v>38657</v>
      </c>
      <c r="G26682" s="8">
        <v>3918030</v>
      </c>
      <c r="H26682" s="8">
        <v>3918030</v>
      </c>
      <c r="I26682" s="8">
        <v>0</v>
      </c>
      <c r="J26682" s="8">
        <v>3918030</v>
      </c>
      <c r="K26682" s="9">
        <v>107.05</v>
      </c>
      <c r="L26682" s="6" t="s">
        <v>10</v>
      </c>
    </row>
    <row r="26683" spans="1:12">
      <c r="A26683" s="6" t="s">
        <v>27257</v>
      </c>
      <c r="B26683" s="6"/>
      <c r="C26683" s="6" t="s">
        <v>27259</v>
      </c>
      <c r="D26683" s="6"/>
      <c r="E26683" s="6" t="s">
        <v>9</v>
      </c>
      <c r="F26683" s="7">
        <v>38657</v>
      </c>
      <c r="G26683" s="8">
        <v>1209630</v>
      </c>
      <c r="H26683" s="8">
        <v>1209630</v>
      </c>
      <c r="I26683" s="8">
        <v>0</v>
      </c>
      <c r="J26683" s="8">
        <v>1209630</v>
      </c>
      <c r="K26683" s="9">
        <v>33.049999999999898</v>
      </c>
      <c r="L26683" s="6" t="s">
        <v>10</v>
      </c>
    </row>
    <row r="26684" spans="1:12">
      <c r="A26684" s="6" t="s">
        <v>27257</v>
      </c>
      <c r="B26684" s="6"/>
      <c r="C26684" s="6" t="s">
        <v>27260</v>
      </c>
      <c r="D26684" s="6"/>
      <c r="E26684" s="6" t="s">
        <v>9</v>
      </c>
      <c r="F26684" s="7">
        <v>38657</v>
      </c>
      <c r="G26684" s="8">
        <v>1791570</v>
      </c>
      <c r="H26684" s="8">
        <v>1791570</v>
      </c>
      <c r="I26684" s="8">
        <v>0</v>
      </c>
      <c r="J26684" s="8">
        <v>1791570</v>
      </c>
      <c r="K26684" s="9">
        <v>48.95</v>
      </c>
      <c r="L26684" s="6" t="s">
        <v>10</v>
      </c>
    </row>
    <row r="26685" spans="1:12">
      <c r="A26685" s="6" t="s">
        <v>27257</v>
      </c>
      <c r="B26685" s="6"/>
      <c r="C26685" s="6" t="s">
        <v>27261</v>
      </c>
      <c r="D26685" s="6"/>
      <c r="E26685" s="6" t="s">
        <v>9</v>
      </c>
      <c r="F26685" s="7">
        <v>38657</v>
      </c>
      <c r="G26685" s="8">
        <v>2316414</v>
      </c>
      <c r="H26685" s="8">
        <v>2316414</v>
      </c>
      <c r="I26685" s="8">
        <v>0</v>
      </c>
      <c r="J26685" s="8">
        <v>2316414</v>
      </c>
      <c r="K26685" s="9">
        <v>63.29</v>
      </c>
      <c r="L26685" s="6" t="s">
        <v>10</v>
      </c>
    </row>
    <row r="26686" spans="1:12">
      <c r="A26686" s="6" t="s">
        <v>27257</v>
      </c>
      <c r="B26686" s="6"/>
      <c r="C26686" s="6" t="s">
        <v>27262</v>
      </c>
      <c r="D26686" s="6"/>
      <c r="E26686" s="6" t="s">
        <v>9</v>
      </c>
      <c r="F26686" s="7">
        <v>38657</v>
      </c>
      <c r="G26686" s="8">
        <v>1330776</v>
      </c>
      <c r="H26686" s="8">
        <v>1330776</v>
      </c>
      <c r="I26686" s="8">
        <v>0</v>
      </c>
      <c r="J26686" s="8">
        <v>1330776</v>
      </c>
      <c r="K26686" s="9">
        <v>36.36</v>
      </c>
      <c r="L26686" s="6" t="s">
        <v>10</v>
      </c>
    </row>
    <row r="26687" spans="1:12">
      <c r="A26687" s="6" t="s">
        <v>27257</v>
      </c>
      <c r="B26687" s="6"/>
      <c r="C26687" s="6" t="s">
        <v>27263</v>
      </c>
      <c r="D26687" s="6"/>
      <c r="E26687" s="6" t="s">
        <v>9</v>
      </c>
      <c r="F26687" s="7">
        <v>38657</v>
      </c>
      <c r="G26687" s="8">
        <v>1505892</v>
      </c>
      <c r="H26687" s="8">
        <v>1505892</v>
      </c>
      <c r="I26687" s="8">
        <v>0</v>
      </c>
      <c r="J26687" s="8">
        <v>1505892</v>
      </c>
      <c r="K26687" s="9">
        <v>56.19</v>
      </c>
      <c r="L26687" s="6" t="s">
        <v>10</v>
      </c>
    </row>
    <row r="26688" spans="1:12">
      <c r="A26688" s="6" t="s">
        <v>27257</v>
      </c>
      <c r="B26688" s="6"/>
      <c r="C26688" s="6" t="s">
        <v>27264</v>
      </c>
      <c r="D26688" s="6"/>
      <c r="E26688" s="6" t="s">
        <v>9</v>
      </c>
      <c r="F26688" s="7">
        <v>38657</v>
      </c>
      <c r="G26688" s="8">
        <v>131588</v>
      </c>
      <c r="H26688" s="8">
        <v>131588</v>
      </c>
      <c r="I26688" s="8">
        <v>0</v>
      </c>
      <c r="J26688" s="8">
        <v>131588</v>
      </c>
      <c r="K26688" s="9">
        <v>4.91</v>
      </c>
      <c r="L26688" s="6" t="s">
        <v>10</v>
      </c>
    </row>
    <row r="26689" spans="1:12">
      <c r="A26689" s="6" t="s">
        <v>27257</v>
      </c>
      <c r="B26689" s="6"/>
      <c r="C26689" s="6" t="s">
        <v>27265</v>
      </c>
      <c r="D26689" s="6"/>
      <c r="E26689" s="6" t="s">
        <v>9</v>
      </c>
      <c r="F26689" s="7">
        <v>38657</v>
      </c>
      <c r="G26689" s="8">
        <v>53301984</v>
      </c>
      <c r="H26689" s="8">
        <v>53301984</v>
      </c>
      <c r="I26689" s="8">
        <v>0</v>
      </c>
      <c r="J26689" s="8">
        <v>53301984</v>
      </c>
      <c r="K26689" s="9">
        <v>1988.88</v>
      </c>
      <c r="L26689" s="6" t="s">
        <v>10</v>
      </c>
    </row>
    <row r="26690" spans="1:12">
      <c r="A26690" s="6" t="s">
        <v>27266</v>
      </c>
      <c r="B26690" s="6"/>
      <c r="C26690" s="6" t="s">
        <v>27267</v>
      </c>
      <c r="D26690" s="6"/>
      <c r="E26690" s="6" t="s">
        <v>18740</v>
      </c>
      <c r="F26690" s="7">
        <v>38657</v>
      </c>
      <c r="G26690" s="8">
        <v>758919</v>
      </c>
      <c r="H26690" s="8">
        <v>758919</v>
      </c>
      <c r="I26690" s="8">
        <v>0</v>
      </c>
      <c r="J26690" s="8">
        <v>758919</v>
      </c>
      <c r="K26690" s="9">
        <v>14.91</v>
      </c>
      <c r="L26690" s="6" t="s">
        <v>10</v>
      </c>
    </row>
    <row r="26691" spans="1:12">
      <c r="A26691" s="6" t="s">
        <v>27266</v>
      </c>
      <c r="B26691" s="6"/>
      <c r="C26691" s="6" t="s">
        <v>27268</v>
      </c>
      <c r="D26691" s="6"/>
      <c r="E26691" s="6" t="s">
        <v>18740</v>
      </c>
      <c r="F26691" s="7">
        <v>38657</v>
      </c>
      <c r="G26691" s="8">
        <v>13031418</v>
      </c>
      <c r="H26691" s="8">
        <v>13031418</v>
      </c>
      <c r="I26691" s="8">
        <v>0</v>
      </c>
      <c r="J26691" s="8">
        <v>13031418</v>
      </c>
      <c r="K26691" s="9">
        <v>256.02</v>
      </c>
      <c r="L26691" s="6" t="s">
        <v>10</v>
      </c>
    </row>
    <row r="26692" spans="1:12">
      <c r="A26692" s="6" t="s">
        <v>27269</v>
      </c>
      <c r="B26692" s="6"/>
      <c r="C26692" s="6" t="s">
        <v>27270</v>
      </c>
      <c r="D26692" s="6"/>
      <c r="E26692" s="6" t="s">
        <v>18740</v>
      </c>
      <c r="F26692" s="7">
        <v>39882</v>
      </c>
      <c r="G26692" s="8">
        <v>10835808</v>
      </c>
      <c r="H26692" s="8">
        <v>10835808</v>
      </c>
      <c r="I26692" s="8">
        <v>0</v>
      </c>
      <c r="J26692" s="8">
        <v>10835808</v>
      </c>
      <c r="K26692" s="9">
        <v>330.36</v>
      </c>
      <c r="L26692" s="6" t="s">
        <v>10</v>
      </c>
    </row>
    <row r="26693" spans="1:12">
      <c r="A26693" s="6" t="s">
        <v>27271</v>
      </c>
      <c r="B26693" s="6"/>
      <c r="C26693" s="6" t="s">
        <v>27272</v>
      </c>
      <c r="D26693" s="6"/>
      <c r="E26693" s="6" t="s">
        <v>18740</v>
      </c>
      <c r="F26693" s="7">
        <v>38657</v>
      </c>
      <c r="G26693" s="8">
        <v>142352</v>
      </c>
      <c r="H26693" s="8">
        <v>142352</v>
      </c>
      <c r="I26693" s="8">
        <v>0</v>
      </c>
      <c r="J26693" s="8">
        <v>142352</v>
      </c>
      <c r="K26693" s="9">
        <v>4.34</v>
      </c>
      <c r="L26693" s="6" t="s">
        <v>10</v>
      </c>
    </row>
    <row r="26694" spans="1:12">
      <c r="A26694" s="6" t="s">
        <v>27273</v>
      </c>
      <c r="B26694" s="6"/>
      <c r="C26694" s="6" t="s">
        <v>27274</v>
      </c>
      <c r="D26694" s="6"/>
      <c r="E26694" s="6" t="s">
        <v>9</v>
      </c>
      <c r="F26694" s="7">
        <v>38657</v>
      </c>
      <c r="G26694" s="8">
        <v>976954</v>
      </c>
      <c r="H26694" s="8">
        <v>976954</v>
      </c>
      <c r="I26694" s="8">
        <v>0</v>
      </c>
      <c r="J26694" s="8">
        <v>976954</v>
      </c>
      <c r="K26694" s="9">
        <v>191.11</v>
      </c>
      <c r="L26694" s="6" t="s">
        <v>23</v>
      </c>
    </row>
    <row r="26695" spans="1:12">
      <c r="A26695" s="6" t="s">
        <v>27273</v>
      </c>
      <c r="B26695" s="6"/>
      <c r="C26695" s="6" t="s">
        <v>27275</v>
      </c>
      <c r="D26695" s="6"/>
      <c r="E26695" s="6" t="s">
        <v>9</v>
      </c>
      <c r="F26695" s="7">
        <v>38657</v>
      </c>
      <c r="G26695" s="8">
        <v>1040547</v>
      </c>
      <c r="H26695" s="8">
        <v>1040547</v>
      </c>
      <c r="I26695" s="8">
        <v>0</v>
      </c>
      <c r="J26695" s="8">
        <v>1040547</v>
      </c>
      <c r="K26695" s="9">
        <v>203.55</v>
      </c>
      <c r="L26695" s="6" t="s">
        <v>23</v>
      </c>
    </row>
    <row r="26696" spans="1:12">
      <c r="A26696" s="6" t="s">
        <v>27273</v>
      </c>
      <c r="B26696" s="6"/>
      <c r="C26696" s="6" t="s">
        <v>27276</v>
      </c>
      <c r="D26696" s="6"/>
      <c r="E26696" s="6" t="s">
        <v>9</v>
      </c>
      <c r="F26696" s="7">
        <v>38657</v>
      </c>
      <c r="G26696" s="8">
        <v>1065903</v>
      </c>
      <c r="H26696" s="8">
        <v>1065903</v>
      </c>
      <c r="I26696" s="8">
        <v>0</v>
      </c>
      <c r="J26696" s="8">
        <v>1065903</v>
      </c>
      <c r="K26696" s="9">
        <v>208.51</v>
      </c>
      <c r="L26696" s="6" t="s">
        <v>23</v>
      </c>
    </row>
    <row r="26697" spans="1:12">
      <c r="A26697" s="6" t="s">
        <v>27273</v>
      </c>
      <c r="B26697" s="6"/>
      <c r="C26697" s="6" t="s">
        <v>27277</v>
      </c>
      <c r="D26697" s="6"/>
      <c r="E26697" s="6" t="s">
        <v>9</v>
      </c>
      <c r="F26697" s="7">
        <v>38657</v>
      </c>
      <c r="G26697" s="8">
        <v>1033135</v>
      </c>
      <c r="H26697" s="8">
        <v>1033135</v>
      </c>
      <c r="I26697" s="8">
        <v>0</v>
      </c>
      <c r="J26697" s="8">
        <v>1033135</v>
      </c>
      <c r="K26697" s="9">
        <v>202.1</v>
      </c>
      <c r="L26697" s="6" t="s">
        <v>23</v>
      </c>
    </row>
    <row r="26698" spans="1:12">
      <c r="A26698" s="6" t="s">
        <v>27273</v>
      </c>
      <c r="B26698" s="6"/>
      <c r="C26698" s="6" t="s">
        <v>27278</v>
      </c>
      <c r="D26698" s="6"/>
      <c r="E26698" s="6" t="s">
        <v>9</v>
      </c>
      <c r="F26698" s="7">
        <v>38657</v>
      </c>
      <c r="G26698" s="8">
        <v>992699</v>
      </c>
      <c r="H26698" s="8">
        <v>992699</v>
      </c>
      <c r="I26698" s="8">
        <v>0</v>
      </c>
      <c r="J26698" s="8">
        <v>992699</v>
      </c>
      <c r="K26698" s="9">
        <v>194.19</v>
      </c>
      <c r="L26698" s="6" t="s">
        <v>23</v>
      </c>
    </row>
    <row r="26699" spans="1:12">
      <c r="A26699" s="6" t="s">
        <v>27273</v>
      </c>
      <c r="B26699" s="6"/>
      <c r="C26699" s="6" t="s">
        <v>27279</v>
      </c>
      <c r="D26699" s="6"/>
      <c r="E26699" s="6" t="s">
        <v>9</v>
      </c>
      <c r="F26699" s="7">
        <v>38657</v>
      </c>
      <c r="G26699" s="8">
        <v>955330</v>
      </c>
      <c r="H26699" s="8">
        <v>955330</v>
      </c>
      <c r="I26699" s="8">
        <v>0</v>
      </c>
      <c r="J26699" s="8">
        <v>955330</v>
      </c>
      <c r="K26699" s="9">
        <v>186.88</v>
      </c>
      <c r="L26699" s="6" t="s">
        <v>23</v>
      </c>
    </row>
    <row r="26700" spans="1:12">
      <c r="A26700" s="6" t="s">
        <v>27273</v>
      </c>
      <c r="B26700" s="6"/>
      <c r="C26700" s="6" t="s">
        <v>27280</v>
      </c>
      <c r="D26700" s="6"/>
      <c r="E26700" s="6" t="s">
        <v>9</v>
      </c>
      <c r="F26700" s="7">
        <v>38657</v>
      </c>
      <c r="G26700" s="8">
        <v>947815</v>
      </c>
      <c r="H26700" s="8">
        <v>947815</v>
      </c>
      <c r="I26700" s="8">
        <v>0</v>
      </c>
      <c r="J26700" s="8">
        <v>947815</v>
      </c>
      <c r="K26700" s="9">
        <v>185.41</v>
      </c>
      <c r="L26700" s="6" t="s">
        <v>23</v>
      </c>
    </row>
    <row r="26701" spans="1:12">
      <c r="A26701" s="6" t="s">
        <v>27273</v>
      </c>
      <c r="B26701" s="6"/>
      <c r="C26701" s="6" t="s">
        <v>27281</v>
      </c>
      <c r="D26701" s="6"/>
      <c r="E26701" s="6" t="s">
        <v>9</v>
      </c>
      <c r="F26701" s="7">
        <v>38657</v>
      </c>
      <c r="G26701" s="8">
        <v>969593</v>
      </c>
      <c r="H26701" s="8">
        <v>969593</v>
      </c>
      <c r="I26701" s="8">
        <v>0</v>
      </c>
      <c r="J26701" s="8">
        <v>969593</v>
      </c>
      <c r="K26701" s="9">
        <v>189.67</v>
      </c>
      <c r="L26701" s="6" t="s">
        <v>23</v>
      </c>
    </row>
    <row r="26702" spans="1:12">
      <c r="A26702" s="6" t="s">
        <v>27273</v>
      </c>
      <c r="B26702" s="6"/>
      <c r="C26702" s="6" t="s">
        <v>27282</v>
      </c>
      <c r="D26702" s="6"/>
      <c r="E26702" s="6" t="s">
        <v>9</v>
      </c>
      <c r="F26702" s="7">
        <v>38657</v>
      </c>
      <c r="G26702" s="8">
        <v>974858</v>
      </c>
      <c r="H26702" s="8">
        <v>974858</v>
      </c>
      <c r="I26702" s="8">
        <v>0</v>
      </c>
      <c r="J26702" s="8">
        <v>974858</v>
      </c>
      <c r="K26702" s="9">
        <v>190.7</v>
      </c>
      <c r="L26702" s="6" t="s">
        <v>23</v>
      </c>
    </row>
    <row r="26703" spans="1:12">
      <c r="A26703" s="6" t="s">
        <v>27273</v>
      </c>
      <c r="B26703" s="6"/>
      <c r="C26703" s="6" t="s">
        <v>27283</v>
      </c>
      <c r="D26703" s="6"/>
      <c r="E26703" s="6" t="s">
        <v>9</v>
      </c>
      <c r="F26703" s="7">
        <v>38657</v>
      </c>
      <c r="G26703" s="8">
        <v>925732</v>
      </c>
      <c r="H26703" s="8">
        <v>925732</v>
      </c>
      <c r="I26703" s="8">
        <v>0</v>
      </c>
      <c r="J26703" s="8">
        <v>925732</v>
      </c>
      <c r="K26703" s="9">
        <v>181.09</v>
      </c>
      <c r="L26703" s="6" t="s">
        <v>23</v>
      </c>
    </row>
    <row r="26704" spans="1:12">
      <c r="A26704" s="6" t="s">
        <v>27273</v>
      </c>
      <c r="B26704" s="6"/>
      <c r="C26704" s="6" t="s">
        <v>27284</v>
      </c>
      <c r="D26704" s="6"/>
      <c r="E26704" s="6" t="s">
        <v>9</v>
      </c>
      <c r="F26704" s="7">
        <v>38657</v>
      </c>
      <c r="G26704" s="8">
        <v>978845</v>
      </c>
      <c r="H26704" s="8">
        <v>978845</v>
      </c>
      <c r="I26704" s="8">
        <v>0</v>
      </c>
      <c r="J26704" s="8">
        <v>978845</v>
      </c>
      <c r="K26704" s="9">
        <v>191.48</v>
      </c>
      <c r="L26704" s="6" t="s">
        <v>23</v>
      </c>
    </row>
    <row r="26705" spans="1:12">
      <c r="A26705" s="6" t="s">
        <v>27273</v>
      </c>
      <c r="B26705" s="6"/>
      <c r="C26705" s="6" t="s">
        <v>27285</v>
      </c>
      <c r="D26705" s="6"/>
      <c r="E26705" s="6" t="s">
        <v>9</v>
      </c>
      <c r="F26705" s="7">
        <v>38657</v>
      </c>
      <c r="G26705" s="8">
        <v>1008955</v>
      </c>
      <c r="H26705" s="8">
        <v>1008955</v>
      </c>
      <c r="I26705" s="8">
        <v>0</v>
      </c>
      <c r="J26705" s="8">
        <v>1008955</v>
      </c>
      <c r="K26705" s="9">
        <v>197.37</v>
      </c>
      <c r="L26705" s="6" t="s">
        <v>23</v>
      </c>
    </row>
    <row r="26706" spans="1:12">
      <c r="A26706" s="6" t="s">
        <v>27286</v>
      </c>
      <c r="B26706" s="6"/>
      <c r="C26706" s="6" t="s">
        <v>27287</v>
      </c>
      <c r="D26706" s="6"/>
      <c r="E26706" s="6" t="s">
        <v>9</v>
      </c>
      <c r="F26706" s="7">
        <v>40229</v>
      </c>
      <c r="G26706" s="8">
        <v>1180872</v>
      </c>
      <c r="H26706" s="8">
        <v>1180872</v>
      </c>
      <c r="I26706" s="8">
        <v>0</v>
      </c>
      <c r="J26706" s="8">
        <v>1180872</v>
      </c>
      <c r="K26706" s="9">
        <v>231</v>
      </c>
      <c r="L26706" s="6" t="s">
        <v>14</v>
      </c>
    </row>
    <row r="26707" spans="1:12">
      <c r="A26707" s="6" t="s">
        <v>27288</v>
      </c>
      <c r="B26707" s="6"/>
      <c r="C26707" s="6" t="s">
        <v>27289</v>
      </c>
      <c r="D26707" s="6"/>
      <c r="E26707" s="6" t="s">
        <v>9</v>
      </c>
      <c r="F26707" s="7">
        <v>40266</v>
      </c>
      <c r="G26707" s="8">
        <v>6221304</v>
      </c>
      <c r="H26707" s="8">
        <v>6221304</v>
      </c>
      <c r="I26707" s="8">
        <v>0</v>
      </c>
      <c r="J26707" s="8">
        <v>6221304</v>
      </c>
      <c r="K26707" s="9">
        <v>1217</v>
      </c>
      <c r="L26707" s="6" t="s">
        <v>14</v>
      </c>
    </row>
    <row r="26708" spans="1:12">
      <c r="A26708" s="6" t="s">
        <v>27290</v>
      </c>
      <c r="B26708" s="6"/>
      <c r="C26708" s="6" t="s">
        <v>27291</v>
      </c>
      <c r="D26708" s="6"/>
      <c r="E26708" s="6" t="s">
        <v>9</v>
      </c>
      <c r="F26708" s="7">
        <v>40488</v>
      </c>
      <c r="G26708" s="8">
        <v>1497816</v>
      </c>
      <c r="H26708" s="8">
        <v>1497816</v>
      </c>
      <c r="I26708" s="8">
        <v>0</v>
      </c>
      <c r="J26708" s="8">
        <v>1497816</v>
      </c>
      <c r="K26708" s="9">
        <v>293</v>
      </c>
      <c r="L26708" s="6" t="s">
        <v>14</v>
      </c>
    </row>
    <row r="26709" spans="1:12">
      <c r="A26709" s="6" t="s">
        <v>27292</v>
      </c>
      <c r="B26709" s="6"/>
      <c r="C26709" s="6" t="s">
        <v>27293</v>
      </c>
      <c r="D26709" s="6"/>
      <c r="E26709" s="6" t="s">
        <v>9</v>
      </c>
      <c r="F26709" s="7">
        <v>38657</v>
      </c>
      <c r="G26709" s="8">
        <v>1834300</v>
      </c>
      <c r="H26709" s="8">
        <v>1834300</v>
      </c>
      <c r="I26709" s="8">
        <v>0</v>
      </c>
      <c r="J26709" s="8">
        <v>1834300</v>
      </c>
      <c r="K26709" s="9">
        <v>221</v>
      </c>
      <c r="L26709" s="6" t="s">
        <v>10</v>
      </c>
    </row>
    <row r="26710" spans="1:12">
      <c r="A26710" s="6" t="s">
        <v>27292</v>
      </c>
      <c r="B26710" s="6"/>
      <c r="C26710" s="6" t="s">
        <v>27294</v>
      </c>
      <c r="D26710" s="6"/>
      <c r="E26710" s="6" t="s">
        <v>9</v>
      </c>
      <c r="F26710" s="7">
        <v>38657</v>
      </c>
      <c r="G26710" s="8">
        <v>1062400</v>
      </c>
      <c r="H26710" s="8">
        <v>1062400</v>
      </c>
      <c r="I26710" s="8">
        <v>0</v>
      </c>
      <c r="J26710" s="8">
        <v>1062400</v>
      </c>
      <c r="K26710" s="9">
        <v>128</v>
      </c>
      <c r="L26710" s="6" t="s">
        <v>10</v>
      </c>
    </row>
    <row r="26711" spans="1:12">
      <c r="A26711" s="6" t="s">
        <v>27292</v>
      </c>
      <c r="B26711" s="6"/>
      <c r="C26711" s="6" t="s">
        <v>27295</v>
      </c>
      <c r="D26711" s="6"/>
      <c r="E26711" s="6" t="s">
        <v>9</v>
      </c>
      <c r="F26711" s="7">
        <v>38657</v>
      </c>
      <c r="G26711" s="8">
        <v>1494000</v>
      </c>
      <c r="H26711" s="8">
        <v>1494000</v>
      </c>
      <c r="I26711" s="8">
        <v>0</v>
      </c>
      <c r="J26711" s="8">
        <v>1494000</v>
      </c>
      <c r="K26711" s="9">
        <v>180</v>
      </c>
      <c r="L26711" s="6" t="s">
        <v>10</v>
      </c>
    </row>
    <row r="26712" spans="1:12">
      <c r="A26712" s="6" t="s">
        <v>27292</v>
      </c>
      <c r="B26712" s="6"/>
      <c r="C26712" s="6" t="s">
        <v>27296</v>
      </c>
      <c r="D26712" s="6"/>
      <c r="E26712" s="6" t="s">
        <v>9</v>
      </c>
      <c r="F26712" s="7">
        <v>38657</v>
      </c>
      <c r="G26712" s="8">
        <v>1527200</v>
      </c>
      <c r="H26712" s="8">
        <v>1527200</v>
      </c>
      <c r="I26712" s="8">
        <v>0</v>
      </c>
      <c r="J26712" s="8">
        <v>1527200</v>
      </c>
      <c r="K26712" s="9">
        <v>184</v>
      </c>
      <c r="L26712" s="6" t="s">
        <v>10</v>
      </c>
    </row>
    <row r="26713" spans="1:12">
      <c r="A26713" s="6" t="s">
        <v>27292</v>
      </c>
      <c r="B26713" s="6"/>
      <c r="C26713" s="6" t="s">
        <v>27297</v>
      </c>
      <c r="D26713" s="6"/>
      <c r="E26713" s="6" t="s">
        <v>9</v>
      </c>
      <c r="F26713" s="7">
        <v>38657</v>
      </c>
      <c r="G26713" s="8">
        <v>3452800</v>
      </c>
      <c r="H26713" s="8">
        <v>3452800</v>
      </c>
      <c r="I26713" s="8">
        <v>0</v>
      </c>
      <c r="J26713" s="8">
        <v>3452800</v>
      </c>
      <c r="K26713" s="9">
        <v>416</v>
      </c>
      <c r="L26713" s="6" t="s">
        <v>10</v>
      </c>
    </row>
    <row r="26714" spans="1:12">
      <c r="A26714" s="6" t="s">
        <v>27292</v>
      </c>
      <c r="B26714" s="6"/>
      <c r="C26714" s="6" t="s">
        <v>27298</v>
      </c>
      <c r="D26714" s="6"/>
      <c r="E26714" s="6" t="s">
        <v>9</v>
      </c>
      <c r="F26714" s="7">
        <v>38657</v>
      </c>
      <c r="G26714" s="8">
        <v>7237600</v>
      </c>
      <c r="H26714" s="8">
        <v>7237600</v>
      </c>
      <c r="I26714" s="8">
        <v>0</v>
      </c>
      <c r="J26714" s="8">
        <v>7237600</v>
      </c>
      <c r="K26714" s="9">
        <v>872</v>
      </c>
      <c r="L26714" s="6" t="s">
        <v>10</v>
      </c>
    </row>
    <row r="26715" spans="1:12">
      <c r="A26715" s="6" t="s">
        <v>27292</v>
      </c>
      <c r="B26715" s="6"/>
      <c r="C26715" s="6" t="s">
        <v>27299</v>
      </c>
      <c r="D26715" s="6"/>
      <c r="E26715" s="6" t="s">
        <v>9</v>
      </c>
      <c r="F26715" s="7">
        <v>38657</v>
      </c>
      <c r="G26715" s="8">
        <v>489700</v>
      </c>
      <c r="H26715" s="8">
        <v>489700</v>
      </c>
      <c r="I26715" s="8">
        <v>0</v>
      </c>
      <c r="J26715" s="8">
        <v>489700</v>
      </c>
      <c r="K26715" s="9">
        <v>59</v>
      </c>
      <c r="L26715" s="6" t="s">
        <v>10</v>
      </c>
    </row>
    <row r="26716" spans="1:12">
      <c r="A26716" s="6" t="s">
        <v>27292</v>
      </c>
      <c r="B26716" s="6"/>
      <c r="C26716" s="6" t="s">
        <v>27300</v>
      </c>
      <c r="D26716" s="6"/>
      <c r="E26716" s="6" t="s">
        <v>9</v>
      </c>
      <c r="F26716" s="7">
        <v>38657</v>
      </c>
      <c r="G26716" s="8">
        <v>4000600</v>
      </c>
      <c r="H26716" s="8">
        <v>4000600</v>
      </c>
      <c r="I26716" s="8">
        <v>0</v>
      </c>
      <c r="J26716" s="8">
        <v>4000600</v>
      </c>
      <c r="K26716" s="9">
        <v>482</v>
      </c>
      <c r="L26716" s="6" t="s">
        <v>10</v>
      </c>
    </row>
    <row r="26717" spans="1:12">
      <c r="A26717" s="6" t="s">
        <v>27292</v>
      </c>
      <c r="B26717" s="6"/>
      <c r="C26717" s="6" t="s">
        <v>27301</v>
      </c>
      <c r="D26717" s="6"/>
      <c r="E26717" s="6" t="s">
        <v>9</v>
      </c>
      <c r="F26717" s="7">
        <v>38657</v>
      </c>
      <c r="G26717" s="8">
        <v>15969200</v>
      </c>
      <c r="H26717" s="8">
        <v>15969200</v>
      </c>
      <c r="I26717" s="8">
        <v>0</v>
      </c>
      <c r="J26717" s="8">
        <v>15969200</v>
      </c>
      <c r="K26717" s="9">
        <v>1924</v>
      </c>
      <c r="L26717" s="6" t="s">
        <v>10</v>
      </c>
    </row>
    <row r="26718" spans="1:12">
      <c r="A26718" s="6" t="s">
        <v>27292</v>
      </c>
      <c r="B26718" s="6"/>
      <c r="C26718" s="6" t="s">
        <v>27302</v>
      </c>
      <c r="D26718" s="6"/>
      <c r="E26718" s="6" t="s">
        <v>9</v>
      </c>
      <c r="F26718" s="7">
        <v>38657</v>
      </c>
      <c r="G26718" s="8">
        <v>6706400</v>
      </c>
      <c r="H26718" s="8">
        <v>6706400</v>
      </c>
      <c r="I26718" s="8">
        <v>0</v>
      </c>
      <c r="J26718" s="8">
        <v>6706400</v>
      </c>
      <c r="K26718" s="9">
        <v>808</v>
      </c>
      <c r="L26718" s="6" t="s">
        <v>10</v>
      </c>
    </row>
    <row r="26719" spans="1:12">
      <c r="A26719" s="6" t="s">
        <v>27292</v>
      </c>
      <c r="B26719" s="6"/>
      <c r="C26719" s="6" t="s">
        <v>27303</v>
      </c>
      <c r="D26719" s="6"/>
      <c r="E26719" s="6" t="s">
        <v>9</v>
      </c>
      <c r="F26719" s="7">
        <v>38657</v>
      </c>
      <c r="G26719" s="8">
        <v>2888400</v>
      </c>
      <c r="H26719" s="8">
        <v>2888400</v>
      </c>
      <c r="I26719" s="8">
        <v>0</v>
      </c>
      <c r="J26719" s="8">
        <v>2888400</v>
      </c>
      <c r="K26719" s="9">
        <v>348</v>
      </c>
      <c r="L26719" s="6" t="s">
        <v>10</v>
      </c>
    </row>
    <row r="26720" spans="1:12">
      <c r="A26720" s="6" t="s">
        <v>27292</v>
      </c>
      <c r="B26720" s="6"/>
      <c r="C26720" s="6" t="s">
        <v>27304</v>
      </c>
      <c r="D26720" s="6"/>
      <c r="E26720" s="6" t="s">
        <v>9</v>
      </c>
      <c r="F26720" s="7">
        <v>38657</v>
      </c>
      <c r="G26720" s="8">
        <v>45210100</v>
      </c>
      <c r="H26720" s="8">
        <v>45210100</v>
      </c>
      <c r="I26720" s="8">
        <v>0</v>
      </c>
      <c r="J26720" s="8">
        <v>45210100</v>
      </c>
      <c r="K26720" s="9">
        <v>5447</v>
      </c>
      <c r="L26720" s="6" t="s">
        <v>10</v>
      </c>
    </row>
    <row r="26721" spans="1:12">
      <c r="A26721" s="6" t="s">
        <v>27305</v>
      </c>
      <c r="B26721" s="6"/>
      <c r="C26721" s="6" t="s">
        <v>27306</v>
      </c>
      <c r="D26721" s="6"/>
      <c r="E26721" s="6" t="s">
        <v>9</v>
      </c>
      <c r="F26721" s="7">
        <v>29148</v>
      </c>
      <c r="G26721" s="8">
        <v>700344</v>
      </c>
      <c r="H26721" s="8">
        <v>700344</v>
      </c>
      <c r="I26721" s="8">
        <v>0</v>
      </c>
      <c r="J26721" s="8">
        <v>700344</v>
      </c>
      <c r="K26721" s="9">
        <v>137</v>
      </c>
      <c r="L26721" s="6" t="s">
        <v>14</v>
      </c>
    </row>
    <row r="26722" spans="1:12">
      <c r="A26722" s="6" t="s">
        <v>27307</v>
      </c>
      <c r="B26722" s="6"/>
      <c r="C26722" s="6" t="s">
        <v>27308</v>
      </c>
      <c r="D26722" s="6"/>
      <c r="E26722" s="6" t="s">
        <v>9</v>
      </c>
      <c r="F26722" s="7">
        <v>40102</v>
      </c>
      <c r="G26722" s="8">
        <v>2658240</v>
      </c>
      <c r="H26722" s="8">
        <v>2658240</v>
      </c>
      <c r="I26722" s="8">
        <v>0</v>
      </c>
      <c r="J26722" s="8">
        <v>2658240</v>
      </c>
      <c r="K26722" s="9">
        <v>520</v>
      </c>
      <c r="L26722" s="6" t="s">
        <v>23</v>
      </c>
    </row>
    <row r="26723" spans="1:12">
      <c r="A26723" s="6" t="s">
        <v>27307</v>
      </c>
      <c r="B26723" s="6"/>
      <c r="C26723" s="6" t="s">
        <v>27309</v>
      </c>
      <c r="D26723" s="6"/>
      <c r="E26723" s="6" t="s">
        <v>9</v>
      </c>
      <c r="F26723" s="7">
        <v>40102</v>
      </c>
      <c r="G26723" s="8">
        <v>664560</v>
      </c>
      <c r="H26723" s="8">
        <v>664560</v>
      </c>
      <c r="I26723" s="8">
        <v>0</v>
      </c>
      <c r="J26723" s="8">
        <v>664560</v>
      </c>
      <c r="K26723" s="9">
        <v>130</v>
      </c>
      <c r="L26723" s="6" t="s">
        <v>23</v>
      </c>
    </row>
    <row r="26724" spans="1:12">
      <c r="A26724" s="6" t="s">
        <v>27310</v>
      </c>
      <c r="B26724" s="6"/>
      <c r="C26724" s="6" t="s">
        <v>27311</v>
      </c>
      <c r="D26724" s="6"/>
      <c r="E26724" s="6" t="s">
        <v>9</v>
      </c>
      <c r="F26724" s="7">
        <v>38657</v>
      </c>
      <c r="G26724" s="8">
        <v>26509500</v>
      </c>
      <c r="H26724" s="8">
        <v>26509500</v>
      </c>
      <c r="I26724" s="8">
        <v>0</v>
      </c>
      <c r="J26724" s="8">
        <v>26509500</v>
      </c>
      <c r="K26724" s="9">
        <v>1233</v>
      </c>
      <c r="L26724" s="6" t="s">
        <v>1694</v>
      </c>
    </row>
    <row r="26725" spans="1:12">
      <c r="A26725" s="6" t="s">
        <v>27310</v>
      </c>
      <c r="B26725" s="6"/>
      <c r="C26725" s="6" t="s">
        <v>27312</v>
      </c>
      <c r="D26725" s="6"/>
      <c r="E26725" s="6" t="s">
        <v>9</v>
      </c>
      <c r="F26725" s="7">
        <v>38657</v>
      </c>
      <c r="G26725" s="8">
        <v>57090000</v>
      </c>
      <c r="H26725" s="8">
        <v>57090000</v>
      </c>
      <c r="I26725" s="8">
        <v>0</v>
      </c>
      <c r="J26725" s="8">
        <v>57090000</v>
      </c>
      <c r="K26725" s="9">
        <v>2595</v>
      </c>
      <c r="L26725" s="6" t="s">
        <v>1694</v>
      </c>
    </row>
    <row r="26726" spans="1:12">
      <c r="A26726" s="6" t="s">
        <v>27310</v>
      </c>
      <c r="B26726" s="6"/>
      <c r="C26726" s="6" t="s">
        <v>27313</v>
      </c>
      <c r="D26726" s="6"/>
      <c r="E26726" s="6" t="s">
        <v>9</v>
      </c>
      <c r="F26726" s="7">
        <v>38657</v>
      </c>
      <c r="G26726" s="8">
        <v>29370000</v>
      </c>
      <c r="H26726" s="8">
        <v>29370000</v>
      </c>
      <c r="I26726" s="8">
        <v>0</v>
      </c>
      <c r="J26726" s="8">
        <v>29370000</v>
      </c>
      <c r="K26726" s="9">
        <v>1335</v>
      </c>
      <c r="L26726" s="6" t="s">
        <v>1694</v>
      </c>
    </row>
    <row r="26727" spans="1:12">
      <c r="A26727" s="6" t="s">
        <v>27310</v>
      </c>
      <c r="B26727" s="6"/>
      <c r="C26727" s="6" t="s">
        <v>27314</v>
      </c>
      <c r="D26727" s="6"/>
      <c r="E26727" s="6" t="s">
        <v>9</v>
      </c>
      <c r="F26727" s="7">
        <v>38657</v>
      </c>
      <c r="G26727" s="8">
        <v>29876000</v>
      </c>
      <c r="H26727" s="8">
        <v>29876000</v>
      </c>
      <c r="I26727" s="8">
        <v>0</v>
      </c>
      <c r="J26727" s="8">
        <v>29876000</v>
      </c>
      <c r="K26727" s="9">
        <v>1358</v>
      </c>
      <c r="L26727" s="6" t="s">
        <v>1694</v>
      </c>
    </row>
    <row r="26728" spans="1:12">
      <c r="A26728" s="6" t="s">
        <v>27310</v>
      </c>
      <c r="B26728" s="6"/>
      <c r="C26728" s="6" t="s">
        <v>27315</v>
      </c>
      <c r="D26728" s="6"/>
      <c r="E26728" s="6" t="s">
        <v>9</v>
      </c>
      <c r="F26728" s="7">
        <v>38657</v>
      </c>
      <c r="G26728" s="8">
        <v>25454000</v>
      </c>
      <c r="H26728" s="8">
        <v>25454000</v>
      </c>
      <c r="I26728" s="8">
        <v>0</v>
      </c>
      <c r="J26728" s="8">
        <v>25454000</v>
      </c>
      <c r="K26728" s="9">
        <v>1157</v>
      </c>
      <c r="L26728" s="6" t="s">
        <v>1694</v>
      </c>
    </row>
    <row r="26729" spans="1:12">
      <c r="A26729" s="6" t="s">
        <v>27316</v>
      </c>
      <c r="B26729" s="6"/>
      <c r="C26729" s="6" t="s">
        <v>27317</v>
      </c>
      <c r="D26729" s="6"/>
      <c r="E26729" s="6" t="s">
        <v>9</v>
      </c>
      <c r="F26729" s="7">
        <v>38657</v>
      </c>
      <c r="G26729" s="8">
        <v>1358698</v>
      </c>
      <c r="H26729" s="8">
        <v>1358698</v>
      </c>
      <c r="I26729" s="8">
        <v>0</v>
      </c>
      <c r="J26729" s="8">
        <v>1358698</v>
      </c>
      <c r="K26729" s="9">
        <v>44.99</v>
      </c>
      <c r="L26729" s="6" t="s">
        <v>1694</v>
      </c>
    </row>
    <row r="26730" spans="1:12">
      <c r="A26730" s="6" t="s">
        <v>27316</v>
      </c>
      <c r="B26730" s="6"/>
      <c r="C26730" s="6" t="s">
        <v>27318</v>
      </c>
      <c r="D26730" s="6"/>
      <c r="E26730" s="6" t="s">
        <v>9</v>
      </c>
      <c r="F26730" s="7">
        <v>38657</v>
      </c>
      <c r="G26730" s="8">
        <v>865124</v>
      </c>
      <c r="H26730" s="8">
        <v>865124</v>
      </c>
      <c r="I26730" s="8">
        <v>0</v>
      </c>
      <c r="J26730" s="8">
        <v>865124</v>
      </c>
      <c r="K26730" s="9">
        <v>33.020000000000003</v>
      </c>
      <c r="L26730" s="6" t="s">
        <v>1694</v>
      </c>
    </row>
    <row r="26731" spans="1:12">
      <c r="A26731" s="6" t="s">
        <v>27316</v>
      </c>
      <c r="B26731" s="6"/>
      <c r="C26731" s="6" t="s">
        <v>27319</v>
      </c>
      <c r="D26731" s="6"/>
      <c r="E26731" s="6" t="s">
        <v>9</v>
      </c>
      <c r="F26731" s="7">
        <v>38657</v>
      </c>
      <c r="G26731" s="8">
        <v>653690</v>
      </c>
      <c r="H26731" s="8">
        <v>653690</v>
      </c>
      <c r="I26731" s="8">
        <v>0</v>
      </c>
      <c r="J26731" s="8">
        <v>653690</v>
      </c>
      <c r="K26731" s="9">
        <v>24.95</v>
      </c>
      <c r="L26731" s="6" t="s">
        <v>1694</v>
      </c>
    </row>
    <row r="26732" spans="1:12">
      <c r="A26732" s="6" t="s">
        <v>27316</v>
      </c>
      <c r="B26732" s="6"/>
      <c r="C26732" s="6" t="s">
        <v>27320</v>
      </c>
      <c r="D26732" s="6"/>
      <c r="E26732" s="6" t="s">
        <v>9</v>
      </c>
      <c r="F26732" s="7">
        <v>38657</v>
      </c>
      <c r="G26732" s="8">
        <v>571422</v>
      </c>
      <c r="H26732" s="8">
        <v>571422</v>
      </c>
      <c r="I26732" s="8">
        <v>0</v>
      </c>
      <c r="J26732" s="8">
        <v>571422</v>
      </c>
      <c r="K26732" s="9">
        <v>21.81</v>
      </c>
      <c r="L26732" s="6" t="s">
        <v>1694</v>
      </c>
    </row>
    <row r="26733" spans="1:12">
      <c r="A26733" s="6" t="s">
        <v>27316</v>
      </c>
      <c r="B26733" s="6"/>
      <c r="C26733" s="6" t="s">
        <v>27321</v>
      </c>
      <c r="D26733" s="6"/>
      <c r="E26733" s="6" t="s">
        <v>9</v>
      </c>
      <c r="F26733" s="7">
        <v>38657</v>
      </c>
      <c r="G26733" s="8">
        <v>21195800</v>
      </c>
      <c r="H26733" s="8">
        <v>21195800</v>
      </c>
      <c r="I26733" s="8">
        <v>0</v>
      </c>
      <c r="J26733" s="8">
        <v>21195800</v>
      </c>
      <c r="K26733" s="9">
        <v>809</v>
      </c>
      <c r="L26733" s="6" t="s">
        <v>1694</v>
      </c>
    </row>
    <row r="26734" spans="1:12">
      <c r="A26734" s="6" t="s">
        <v>27316</v>
      </c>
      <c r="B26734" s="6"/>
      <c r="C26734" s="6" t="s">
        <v>27322</v>
      </c>
      <c r="D26734" s="6"/>
      <c r="E26734" s="6" t="s">
        <v>9</v>
      </c>
      <c r="F26734" s="7">
        <v>38657</v>
      </c>
      <c r="G26734" s="8">
        <v>21824600</v>
      </c>
      <c r="H26734" s="8">
        <v>21824600</v>
      </c>
      <c r="I26734" s="8">
        <v>0</v>
      </c>
      <c r="J26734" s="8">
        <v>21824600</v>
      </c>
      <c r="K26734" s="9">
        <v>833</v>
      </c>
      <c r="L26734" s="6" t="s">
        <v>1694</v>
      </c>
    </row>
    <row r="26735" spans="1:12">
      <c r="A26735" s="6" t="s">
        <v>27316</v>
      </c>
      <c r="B26735" s="6"/>
      <c r="C26735" s="6" t="s">
        <v>27323</v>
      </c>
      <c r="D26735" s="6"/>
      <c r="E26735" s="6" t="s">
        <v>9</v>
      </c>
      <c r="F26735" s="7">
        <v>38657</v>
      </c>
      <c r="G26735" s="8">
        <v>10637200</v>
      </c>
      <c r="H26735" s="8">
        <v>10637200</v>
      </c>
      <c r="I26735" s="8">
        <v>0</v>
      </c>
      <c r="J26735" s="8">
        <v>10637200</v>
      </c>
      <c r="K26735" s="9">
        <v>406</v>
      </c>
      <c r="L26735" s="6" t="s">
        <v>1694</v>
      </c>
    </row>
    <row r="26736" spans="1:12">
      <c r="A26736" s="6" t="s">
        <v>27316</v>
      </c>
      <c r="B26736" s="6"/>
      <c r="C26736" s="6" t="s">
        <v>27324</v>
      </c>
      <c r="D26736" s="6"/>
      <c r="E26736" s="6" t="s">
        <v>9</v>
      </c>
      <c r="F26736" s="7">
        <v>38657</v>
      </c>
      <c r="G26736" s="8">
        <v>10558600</v>
      </c>
      <c r="H26736" s="8">
        <v>10558600</v>
      </c>
      <c r="I26736" s="8">
        <v>0</v>
      </c>
      <c r="J26736" s="8">
        <v>10558600</v>
      </c>
      <c r="K26736" s="9">
        <v>403</v>
      </c>
      <c r="L26736" s="6" t="s">
        <v>1694</v>
      </c>
    </row>
    <row r="26737" spans="1:12">
      <c r="A26737" s="6" t="s">
        <v>27316</v>
      </c>
      <c r="B26737" s="6"/>
      <c r="C26737" s="6" t="s">
        <v>27325</v>
      </c>
      <c r="D26737" s="6"/>
      <c r="E26737" s="6" t="s">
        <v>9</v>
      </c>
      <c r="F26737" s="7">
        <v>38657</v>
      </c>
      <c r="G26737" s="8">
        <v>10820600</v>
      </c>
      <c r="H26737" s="8">
        <v>10820600</v>
      </c>
      <c r="I26737" s="8">
        <v>0</v>
      </c>
      <c r="J26737" s="8">
        <v>10820600</v>
      </c>
      <c r="K26737" s="9">
        <v>413</v>
      </c>
      <c r="L26737" s="6" t="s">
        <v>1694</v>
      </c>
    </row>
    <row r="26738" spans="1:12">
      <c r="A26738" s="6" t="s">
        <v>27316</v>
      </c>
      <c r="B26738" s="6"/>
      <c r="C26738" s="6" t="s">
        <v>27326</v>
      </c>
      <c r="D26738" s="6"/>
      <c r="E26738" s="6" t="s">
        <v>9</v>
      </c>
      <c r="F26738" s="7">
        <v>38657</v>
      </c>
      <c r="G26738" s="8">
        <v>10375200</v>
      </c>
      <c r="H26738" s="8">
        <v>10375200</v>
      </c>
      <c r="I26738" s="8">
        <v>0</v>
      </c>
      <c r="J26738" s="8">
        <v>10375200</v>
      </c>
      <c r="K26738" s="9">
        <v>396</v>
      </c>
      <c r="L26738" s="6" t="s">
        <v>1694</v>
      </c>
    </row>
    <row r="26739" spans="1:12">
      <c r="A26739" s="6" t="s">
        <v>27316</v>
      </c>
      <c r="B26739" s="6"/>
      <c r="C26739" s="6" t="s">
        <v>27327</v>
      </c>
      <c r="D26739" s="6"/>
      <c r="E26739" s="6" t="s">
        <v>9</v>
      </c>
      <c r="F26739" s="7">
        <v>38657</v>
      </c>
      <c r="G26739" s="8">
        <v>5688200</v>
      </c>
      <c r="H26739" s="8">
        <v>5688200</v>
      </c>
      <c r="I26739" s="8">
        <v>0</v>
      </c>
      <c r="J26739" s="8">
        <v>5688200</v>
      </c>
      <c r="K26739" s="9">
        <v>238</v>
      </c>
      <c r="L26739" s="6" t="s">
        <v>1694</v>
      </c>
    </row>
    <row r="26740" spans="1:12">
      <c r="A26740" s="6" t="s">
        <v>27316</v>
      </c>
      <c r="B26740" s="6"/>
      <c r="C26740" s="6" t="s">
        <v>27328</v>
      </c>
      <c r="D26740" s="6"/>
      <c r="E26740" s="6" t="s">
        <v>9</v>
      </c>
      <c r="F26740" s="7">
        <v>38657</v>
      </c>
      <c r="G26740" s="8">
        <v>573800</v>
      </c>
      <c r="H26740" s="8">
        <v>573800</v>
      </c>
      <c r="I26740" s="8">
        <v>0</v>
      </c>
      <c r="J26740" s="8">
        <v>573800</v>
      </c>
      <c r="K26740" s="9">
        <v>19</v>
      </c>
      <c r="L26740" s="6" t="s">
        <v>1694</v>
      </c>
    </row>
    <row r="26741" spans="1:12">
      <c r="A26741" s="6" t="s">
        <v>27316</v>
      </c>
      <c r="B26741" s="6"/>
      <c r="C26741" s="6" t="s">
        <v>27329</v>
      </c>
      <c r="D26741" s="6"/>
      <c r="E26741" s="6" t="s">
        <v>9</v>
      </c>
      <c r="F26741" s="7">
        <v>38657</v>
      </c>
      <c r="G26741" s="8">
        <v>3847900</v>
      </c>
      <c r="H26741" s="8">
        <v>3847900</v>
      </c>
      <c r="I26741" s="8">
        <v>0</v>
      </c>
      <c r="J26741" s="8">
        <v>3847900</v>
      </c>
      <c r="K26741" s="9">
        <v>161</v>
      </c>
      <c r="L26741" s="6" t="s">
        <v>1694</v>
      </c>
    </row>
    <row r="26742" spans="1:12">
      <c r="A26742" s="6" t="s">
        <v>27316</v>
      </c>
      <c r="B26742" s="6"/>
      <c r="C26742" s="6" t="s">
        <v>27330</v>
      </c>
      <c r="D26742" s="6"/>
      <c r="E26742" s="6" t="s">
        <v>9</v>
      </c>
      <c r="F26742" s="7">
        <v>38657</v>
      </c>
      <c r="G26742" s="8">
        <v>4182500</v>
      </c>
      <c r="H26742" s="8">
        <v>4182500</v>
      </c>
      <c r="I26742" s="8">
        <v>0</v>
      </c>
      <c r="J26742" s="8">
        <v>4182500</v>
      </c>
      <c r="K26742" s="9">
        <v>175</v>
      </c>
      <c r="L26742" s="6" t="s">
        <v>1694</v>
      </c>
    </row>
    <row r="26743" spans="1:12">
      <c r="A26743" s="6" t="s">
        <v>27316</v>
      </c>
      <c r="B26743" s="6"/>
      <c r="C26743" s="6" t="s">
        <v>27331</v>
      </c>
      <c r="D26743" s="6"/>
      <c r="E26743" s="6" t="s">
        <v>9</v>
      </c>
      <c r="F26743" s="7">
        <v>38657</v>
      </c>
      <c r="G26743" s="8">
        <v>5353600</v>
      </c>
      <c r="H26743" s="8">
        <v>5353600</v>
      </c>
      <c r="I26743" s="8">
        <v>0</v>
      </c>
      <c r="J26743" s="8">
        <v>5353600</v>
      </c>
      <c r="K26743" s="9">
        <v>224</v>
      </c>
      <c r="L26743" s="6" t="s">
        <v>1694</v>
      </c>
    </row>
    <row r="26744" spans="1:12">
      <c r="A26744" s="6" t="s">
        <v>27316</v>
      </c>
      <c r="B26744" s="6"/>
      <c r="C26744" s="6" t="s">
        <v>27332</v>
      </c>
      <c r="D26744" s="6"/>
      <c r="E26744" s="6" t="s">
        <v>9</v>
      </c>
      <c r="F26744" s="7">
        <v>38657</v>
      </c>
      <c r="G26744" s="8">
        <v>4875600</v>
      </c>
      <c r="H26744" s="8">
        <v>4875600</v>
      </c>
      <c r="I26744" s="8">
        <v>0</v>
      </c>
      <c r="J26744" s="8">
        <v>4875600</v>
      </c>
      <c r="K26744" s="9">
        <v>204</v>
      </c>
      <c r="L26744" s="6" t="s">
        <v>1694</v>
      </c>
    </row>
    <row r="26745" spans="1:12">
      <c r="A26745" s="6" t="s">
        <v>27316</v>
      </c>
      <c r="B26745" s="6"/>
      <c r="C26745" s="6" t="s">
        <v>27333</v>
      </c>
      <c r="D26745" s="6"/>
      <c r="E26745" s="6" t="s">
        <v>9</v>
      </c>
      <c r="F26745" s="7">
        <v>38657</v>
      </c>
      <c r="G26745" s="8">
        <v>5759900</v>
      </c>
      <c r="H26745" s="8">
        <v>5759900</v>
      </c>
      <c r="I26745" s="8">
        <v>0</v>
      </c>
      <c r="J26745" s="8">
        <v>5759900</v>
      </c>
      <c r="K26745" s="9">
        <v>241</v>
      </c>
      <c r="L26745" s="6" t="s">
        <v>1694</v>
      </c>
    </row>
    <row r="26746" spans="1:12">
      <c r="A26746" s="6" t="s">
        <v>27316</v>
      </c>
      <c r="B26746" s="6"/>
      <c r="C26746" s="6" t="s">
        <v>27334</v>
      </c>
      <c r="D26746" s="6"/>
      <c r="E26746" s="6" t="s">
        <v>9</v>
      </c>
      <c r="F26746" s="7">
        <v>38657</v>
      </c>
      <c r="G26746" s="8">
        <v>7337300</v>
      </c>
      <c r="H26746" s="8">
        <v>7337300</v>
      </c>
      <c r="I26746" s="8">
        <v>0</v>
      </c>
      <c r="J26746" s="8">
        <v>7337300</v>
      </c>
      <c r="K26746" s="9">
        <v>307</v>
      </c>
      <c r="L26746" s="6" t="s">
        <v>1694</v>
      </c>
    </row>
    <row r="26747" spans="1:12">
      <c r="A26747" s="6" t="s">
        <v>27316</v>
      </c>
      <c r="B26747" s="6"/>
      <c r="C26747" s="6" t="s">
        <v>27335</v>
      </c>
      <c r="D26747" s="6"/>
      <c r="E26747" s="6" t="s">
        <v>9</v>
      </c>
      <c r="F26747" s="7">
        <v>38657</v>
      </c>
      <c r="G26747" s="8">
        <v>1816400</v>
      </c>
      <c r="H26747" s="8">
        <v>1816400</v>
      </c>
      <c r="I26747" s="8">
        <v>0</v>
      </c>
      <c r="J26747" s="8">
        <v>1816400</v>
      </c>
      <c r="K26747" s="9">
        <v>76</v>
      </c>
      <c r="L26747" s="6" t="s">
        <v>1694</v>
      </c>
    </row>
    <row r="26748" spans="1:12">
      <c r="A26748" s="6" t="s">
        <v>27316</v>
      </c>
      <c r="B26748" s="6"/>
      <c r="C26748" s="6" t="s">
        <v>27336</v>
      </c>
      <c r="D26748" s="6"/>
      <c r="E26748" s="6" t="s">
        <v>9</v>
      </c>
      <c r="F26748" s="7">
        <v>38657</v>
      </c>
      <c r="G26748" s="8">
        <v>1577400</v>
      </c>
      <c r="H26748" s="8">
        <v>1577400</v>
      </c>
      <c r="I26748" s="8">
        <v>0</v>
      </c>
      <c r="J26748" s="8">
        <v>1577400</v>
      </c>
      <c r="K26748" s="9">
        <v>66</v>
      </c>
      <c r="L26748" s="6" t="s">
        <v>1694</v>
      </c>
    </row>
    <row r="26749" spans="1:12">
      <c r="A26749" s="6" t="s">
        <v>27316</v>
      </c>
      <c r="B26749" s="6"/>
      <c r="C26749" s="6" t="s">
        <v>27337</v>
      </c>
      <c r="D26749" s="6"/>
      <c r="E26749" s="6" t="s">
        <v>9</v>
      </c>
      <c r="F26749" s="7">
        <v>38657</v>
      </c>
      <c r="G26749" s="8">
        <v>8054300</v>
      </c>
      <c r="H26749" s="8">
        <v>8054300</v>
      </c>
      <c r="I26749" s="8">
        <v>0</v>
      </c>
      <c r="J26749" s="8">
        <v>8054300</v>
      </c>
      <c r="K26749" s="9">
        <v>337</v>
      </c>
      <c r="L26749" s="6" t="s">
        <v>1694</v>
      </c>
    </row>
    <row r="26750" spans="1:12">
      <c r="A26750" s="6" t="s">
        <v>27316</v>
      </c>
      <c r="B26750" s="6"/>
      <c r="C26750" s="6" t="s">
        <v>27338</v>
      </c>
      <c r="D26750" s="6"/>
      <c r="E26750" s="6" t="s">
        <v>9</v>
      </c>
      <c r="F26750" s="7">
        <v>38657</v>
      </c>
      <c r="G26750" s="8">
        <v>9225400</v>
      </c>
      <c r="H26750" s="8">
        <v>9225400</v>
      </c>
      <c r="I26750" s="8">
        <v>0</v>
      </c>
      <c r="J26750" s="8">
        <v>9225400</v>
      </c>
      <c r="K26750" s="9">
        <v>386</v>
      </c>
      <c r="L26750" s="6" t="s">
        <v>1694</v>
      </c>
    </row>
    <row r="26751" spans="1:12">
      <c r="A26751" s="6" t="s">
        <v>27316</v>
      </c>
      <c r="B26751" s="6"/>
      <c r="C26751" s="6" t="s">
        <v>27339</v>
      </c>
      <c r="D26751" s="6"/>
      <c r="E26751" s="6" t="s">
        <v>9</v>
      </c>
      <c r="F26751" s="7">
        <v>38657</v>
      </c>
      <c r="G26751" s="8">
        <v>20065723</v>
      </c>
      <c r="H26751" s="8">
        <v>20065723</v>
      </c>
      <c r="I26751" s="8">
        <v>0</v>
      </c>
      <c r="J26751" s="8">
        <v>20065723</v>
      </c>
      <c r="K26751" s="9">
        <v>839.57</v>
      </c>
      <c r="L26751" s="6" t="s">
        <v>1694</v>
      </c>
    </row>
    <row r="26752" spans="1:12">
      <c r="A26752" s="6" t="s">
        <v>27316</v>
      </c>
      <c r="B26752" s="6"/>
      <c r="C26752" s="6" t="s">
        <v>27340</v>
      </c>
      <c r="D26752" s="6"/>
      <c r="E26752" s="6" t="s">
        <v>9</v>
      </c>
      <c r="F26752" s="7">
        <v>38657</v>
      </c>
      <c r="G26752" s="8">
        <v>9392700</v>
      </c>
      <c r="H26752" s="8">
        <v>9392700</v>
      </c>
      <c r="I26752" s="8">
        <v>0</v>
      </c>
      <c r="J26752" s="8">
        <v>9392700</v>
      </c>
      <c r="K26752" s="9">
        <v>393</v>
      </c>
      <c r="L26752" s="6" t="s">
        <v>1694</v>
      </c>
    </row>
    <row r="26753" spans="1:12">
      <c r="A26753" s="6" t="s">
        <v>27316</v>
      </c>
      <c r="B26753" s="6"/>
      <c r="C26753" s="6" t="s">
        <v>27341</v>
      </c>
      <c r="D26753" s="6"/>
      <c r="E26753" s="6" t="s">
        <v>9</v>
      </c>
      <c r="F26753" s="7">
        <v>38657</v>
      </c>
      <c r="G26753" s="8">
        <v>15702300</v>
      </c>
      <c r="H26753" s="8">
        <v>15702300</v>
      </c>
      <c r="I26753" s="8">
        <v>0</v>
      </c>
      <c r="J26753" s="8">
        <v>15702300</v>
      </c>
      <c r="K26753" s="9">
        <v>657</v>
      </c>
      <c r="L26753" s="6" t="s">
        <v>1694</v>
      </c>
    </row>
    <row r="26754" spans="1:12">
      <c r="A26754" s="6" t="s">
        <v>27316</v>
      </c>
      <c r="B26754" s="6"/>
      <c r="C26754" s="6" t="s">
        <v>27342</v>
      </c>
      <c r="D26754" s="6"/>
      <c r="E26754" s="6" t="s">
        <v>9</v>
      </c>
      <c r="F26754" s="7">
        <v>38657</v>
      </c>
      <c r="G26754" s="8">
        <v>15869600</v>
      </c>
      <c r="H26754" s="8">
        <v>15869600</v>
      </c>
      <c r="I26754" s="8">
        <v>0</v>
      </c>
      <c r="J26754" s="8">
        <v>15869600</v>
      </c>
      <c r="K26754" s="9">
        <v>664</v>
      </c>
      <c r="L26754" s="6" t="s">
        <v>1694</v>
      </c>
    </row>
    <row r="26755" spans="1:12">
      <c r="A26755" s="6" t="s">
        <v>27316</v>
      </c>
      <c r="B26755" s="6"/>
      <c r="C26755" s="6" t="s">
        <v>27343</v>
      </c>
      <c r="D26755" s="6"/>
      <c r="E26755" s="6" t="s">
        <v>9</v>
      </c>
      <c r="F26755" s="7">
        <v>38657</v>
      </c>
      <c r="G26755" s="8">
        <v>15319900</v>
      </c>
      <c r="H26755" s="8">
        <v>15319900</v>
      </c>
      <c r="I26755" s="8">
        <v>0</v>
      </c>
      <c r="J26755" s="8">
        <v>15319900</v>
      </c>
      <c r="K26755" s="9">
        <v>641</v>
      </c>
      <c r="L26755" s="6" t="s">
        <v>1694</v>
      </c>
    </row>
    <row r="26756" spans="1:12">
      <c r="A26756" s="6" t="s">
        <v>27316</v>
      </c>
      <c r="B26756" s="6"/>
      <c r="C26756" s="6" t="s">
        <v>27344</v>
      </c>
      <c r="D26756" s="6"/>
      <c r="E26756" s="6" t="s">
        <v>9</v>
      </c>
      <c r="F26756" s="7">
        <v>38657</v>
      </c>
      <c r="G26756" s="8">
        <v>15319900</v>
      </c>
      <c r="H26756" s="8">
        <v>15319900</v>
      </c>
      <c r="I26756" s="8">
        <v>0</v>
      </c>
      <c r="J26756" s="8">
        <v>15319900</v>
      </c>
      <c r="K26756" s="9">
        <v>641</v>
      </c>
      <c r="L26756" s="6" t="s">
        <v>1694</v>
      </c>
    </row>
    <row r="26757" spans="1:12">
      <c r="A26757" s="6" t="s">
        <v>27316</v>
      </c>
      <c r="B26757" s="6"/>
      <c r="C26757" s="6" t="s">
        <v>27345</v>
      </c>
      <c r="D26757" s="6"/>
      <c r="E26757" s="6" t="s">
        <v>9</v>
      </c>
      <c r="F26757" s="7">
        <v>38657</v>
      </c>
      <c r="G26757" s="8">
        <v>15797900</v>
      </c>
      <c r="H26757" s="8">
        <v>15797900</v>
      </c>
      <c r="I26757" s="8">
        <v>0</v>
      </c>
      <c r="J26757" s="8">
        <v>15797900</v>
      </c>
      <c r="K26757" s="9">
        <v>661</v>
      </c>
      <c r="L26757" s="6" t="s">
        <v>1694</v>
      </c>
    </row>
    <row r="26758" spans="1:12">
      <c r="A26758" s="6" t="s">
        <v>27316</v>
      </c>
      <c r="B26758" s="6"/>
      <c r="C26758" s="6" t="s">
        <v>27346</v>
      </c>
      <c r="D26758" s="6"/>
      <c r="E26758" s="6" t="s">
        <v>9</v>
      </c>
      <c r="F26758" s="7">
        <v>38657</v>
      </c>
      <c r="G26758" s="8">
        <v>15319900</v>
      </c>
      <c r="H26758" s="8">
        <v>15319900</v>
      </c>
      <c r="I26758" s="8">
        <v>0</v>
      </c>
      <c r="J26758" s="8">
        <v>15319900</v>
      </c>
      <c r="K26758" s="9">
        <v>641</v>
      </c>
      <c r="L26758" s="6" t="s">
        <v>1694</v>
      </c>
    </row>
    <row r="26759" spans="1:12">
      <c r="A26759" s="6" t="s">
        <v>27316</v>
      </c>
      <c r="B26759" s="6"/>
      <c r="C26759" s="6" t="s">
        <v>27347</v>
      </c>
      <c r="D26759" s="6"/>
      <c r="E26759" s="6" t="s">
        <v>9</v>
      </c>
      <c r="F26759" s="7">
        <v>38657</v>
      </c>
      <c r="G26759" s="8">
        <v>21151500</v>
      </c>
      <c r="H26759" s="8">
        <v>21151500</v>
      </c>
      <c r="I26759" s="8">
        <v>0</v>
      </c>
      <c r="J26759" s="8">
        <v>21151500</v>
      </c>
      <c r="K26759" s="9">
        <v>885</v>
      </c>
      <c r="L26759" s="6" t="s">
        <v>1694</v>
      </c>
    </row>
    <row r="26760" spans="1:12">
      <c r="A26760" s="6" t="s">
        <v>27316</v>
      </c>
      <c r="B26760" s="6"/>
      <c r="C26760" s="6" t="s">
        <v>27348</v>
      </c>
      <c r="D26760" s="6"/>
      <c r="E26760" s="6" t="s">
        <v>9</v>
      </c>
      <c r="F26760" s="7">
        <v>38657</v>
      </c>
      <c r="G26760" s="8">
        <v>4254200</v>
      </c>
      <c r="H26760" s="8">
        <v>4254200</v>
      </c>
      <c r="I26760" s="8">
        <v>0</v>
      </c>
      <c r="J26760" s="8">
        <v>4254200</v>
      </c>
      <c r="K26760" s="9">
        <v>178</v>
      </c>
      <c r="L26760" s="6" t="s">
        <v>1694</v>
      </c>
    </row>
    <row r="26761" spans="1:12">
      <c r="A26761" s="6" t="s">
        <v>27316</v>
      </c>
      <c r="B26761" s="6"/>
      <c r="C26761" s="6" t="s">
        <v>27349</v>
      </c>
      <c r="D26761" s="6"/>
      <c r="E26761" s="6" t="s">
        <v>9</v>
      </c>
      <c r="F26761" s="7">
        <v>38657</v>
      </c>
      <c r="G26761" s="8">
        <v>9392700</v>
      </c>
      <c r="H26761" s="8">
        <v>9392700</v>
      </c>
      <c r="I26761" s="8">
        <v>0</v>
      </c>
      <c r="J26761" s="8">
        <v>9392700</v>
      </c>
      <c r="K26761" s="9">
        <v>393</v>
      </c>
      <c r="L26761" s="6" t="s">
        <v>1694</v>
      </c>
    </row>
    <row r="26762" spans="1:12">
      <c r="A26762" s="6" t="s">
        <v>27316</v>
      </c>
      <c r="B26762" s="6"/>
      <c r="C26762" s="6" t="s">
        <v>27350</v>
      </c>
      <c r="D26762" s="6"/>
      <c r="E26762" s="6" t="s">
        <v>9</v>
      </c>
      <c r="F26762" s="7">
        <v>38657</v>
      </c>
      <c r="G26762" s="8">
        <v>3185392</v>
      </c>
      <c r="H26762" s="8">
        <v>3185392</v>
      </c>
      <c r="I26762" s="8">
        <v>0</v>
      </c>
      <c r="J26762" s="8">
        <v>3185392</v>
      </c>
      <c r="K26762" s="9">
        <v>133.28</v>
      </c>
      <c r="L26762" s="6" t="s">
        <v>1694</v>
      </c>
    </row>
    <row r="26763" spans="1:12">
      <c r="A26763" s="6" t="s">
        <v>27316</v>
      </c>
      <c r="B26763" s="6"/>
      <c r="C26763" s="6" t="s">
        <v>27351</v>
      </c>
      <c r="D26763" s="6"/>
      <c r="E26763" s="6" t="s">
        <v>9</v>
      </c>
      <c r="F26763" s="7">
        <v>38657</v>
      </c>
      <c r="G26763" s="8">
        <v>19430700</v>
      </c>
      <c r="H26763" s="8">
        <v>19430700</v>
      </c>
      <c r="I26763" s="8">
        <v>0</v>
      </c>
      <c r="J26763" s="8">
        <v>19430700</v>
      </c>
      <c r="K26763" s="9">
        <v>813</v>
      </c>
      <c r="L26763" s="6" t="s">
        <v>1694</v>
      </c>
    </row>
    <row r="26764" spans="1:12">
      <c r="A26764" s="6" t="s">
        <v>27316</v>
      </c>
      <c r="B26764" s="6"/>
      <c r="C26764" s="6" t="s">
        <v>27352</v>
      </c>
      <c r="D26764" s="6"/>
      <c r="E26764" s="6" t="s">
        <v>9</v>
      </c>
      <c r="F26764" s="7">
        <v>38657</v>
      </c>
      <c r="G26764" s="8">
        <v>9321000</v>
      </c>
      <c r="H26764" s="8">
        <v>9321000</v>
      </c>
      <c r="I26764" s="8">
        <v>0</v>
      </c>
      <c r="J26764" s="8">
        <v>9321000</v>
      </c>
      <c r="K26764" s="9">
        <v>390</v>
      </c>
      <c r="L26764" s="6" t="s">
        <v>1694</v>
      </c>
    </row>
    <row r="26765" spans="1:12">
      <c r="A26765" s="6" t="s">
        <v>27316</v>
      </c>
      <c r="B26765" s="6"/>
      <c r="C26765" s="6" t="s">
        <v>27353</v>
      </c>
      <c r="D26765" s="6"/>
      <c r="E26765" s="6" t="s">
        <v>9</v>
      </c>
      <c r="F26765" s="7">
        <v>38657</v>
      </c>
      <c r="G26765" s="8">
        <v>1</v>
      </c>
      <c r="H26765" s="8">
        <v>1</v>
      </c>
      <c r="I26765" s="8">
        <v>0</v>
      </c>
      <c r="J26765" s="8">
        <v>1</v>
      </c>
      <c r="K26765" s="9">
        <v>601</v>
      </c>
      <c r="L26765" s="6" t="s">
        <v>51</v>
      </c>
    </row>
    <row r="26766" spans="1:12">
      <c r="A26766" s="6" t="s">
        <v>27316</v>
      </c>
      <c r="B26766" s="6"/>
      <c r="C26766" s="6" t="s">
        <v>27354</v>
      </c>
      <c r="D26766" s="6"/>
      <c r="E26766" s="6" t="s">
        <v>9</v>
      </c>
      <c r="F26766" s="7">
        <v>38657</v>
      </c>
      <c r="G26766" s="8">
        <v>7192000</v>
      </c>
      <c r="H26766" s="8">
        <v>7192000</v>
      </c>
      <c r="I26766" s="8">
        <v>0</v>
      </c>
      <c r="J26766" s="8">
        <v>7192000</v>
      </c>
      <c r="K26766" s="9">
        <v>290</v>
      </c>
      <c r="L26766" s="6" t="s">
        <v>1694</v>
      </c>
    </row>
    <row r="26767" spans="1:12">
      <c r="A26767" s="6" t="s">
        <v>27316</v>
      </c>
      <c r="B26767" s="6"/>
      <c r="C26767" s="6" t="s">
        <v>27355</v>
      </c>
      <c r="D26767" s="6"/>
      <c r="E26767" s="6" t="s">
        <v>9</v>
      </c>
      <c r="F26767" s="7">
        <v>38657</v>
      </c>
      <c r="G26767" s="8">
        <v>6621600</v>
      </c>
      <c r="H26767" s="8">
        <v>6621600</v>
      </c>
      <c r="I26767" s="8">
        <v>0</v>
      </c>
      <c r="J26767" s="8">
        <v>6621600</v>
      </c>
      <c r="K26767" s="9">
        <v>267</v>
      </c>
      <c r="L26767" s="6" t="s">
        <v>1694</v>
      </c>
    </row>
    <row r="26768" spans="1:12">
      <c r="A26768" s="6" t="s">
        <v>27316</v>
      </c>
      <c r="B26768" s="6"/>
      <c r="C26768" s="6" t="s">
        <v>27356</v>
      </c>
      <c r="D26768" s="6"/>
      <c r="E26768" s="6" t="s">
        <v>9</v>
      </c>
      <c r="F26768" s="7">
        <v>38657</v>
      </c>
      <c r="G26768" s="8">
        <v>6621600</v>
      </c>
      <c r="H26768" s="8">
        <v>6621600</v>
      </c>
      <c r="I26768" s="8">
        <v>0</v>
      </c>
      <c r="J26768" s="8">
        <v>6621600</v>
      </c>
      <c r="K26768" s="9">
        <v>267</v>
      </c>
      <c r="L26768" s="6" t="s">
        <v>1694</v>
      </c>
    </row>
    <row r="26769" spans="1:12">
      <c r="A26769" s="6" t="s">
        <v>27316</v>
      </c>
      <c r="B26769" s="6"/>
      <c r="C26769" s="6" t="s">
        <v>27357</v>
      </c>
      <c r="D26769" s="6"/>
      <c r="E26769" s="6" t="s">
        <v>9</v>
      </c>
      <c r="F26769" s="7">
        <v>38657</v>
      </c>
      <c r="G26769" s="8">
        <v>2207200</v>
      </c>
      <c r="H26769" s="8">
        <v>2207200</v>
      </c>
      <c r="I26769" s="8">
        <v>0</v>
      </c>
      <c r="J26769" s="8">
        <v>2207200</v>
      </c>
      <c r="K26769" s="9">
        <v>89</v>
      </c>
      <c r="L26769" s="6" t="s">
        <v>1694</v>
      </c>
    </row>
    <row r="26770" spans="1:12">
      <c r="A26770" s="6" t="s">
        <v>27316</v>
      </c>
      <c r="B26770" s="6"/>
      <c r="C26770" s="6" t="s">
        <v>27358</v>
      </c>
      <c r="D26770" s="6"/>
      <c r="E26770" s="6" t="s">
        <v>9</v>
      </c>
      <c r="F26770" s="7">
        <v>38657</v>
      </c>
      <c r="G26770" s="8">
        <v>14101032</v>
      </c>
      <c r="H26770" s="8">
        <v>14101032</v>
      </c>
      <c r="I26770" s="8">
        <v>0</v>
      </c>
      <c r="J26770" s="8">
        <v>14101032</v>
      </c>
      <c r="K26770" s="9">
        <v>568.59</v>
      </c>
      <c r="L26770" s="6" t="s">
        <v>1694</v>
      </c>
    </row>
    <row r="26771" spans="1:12">
      <c r="A26771" s="6" t="s">
        <v>27316</v>
      </c>
      <c r="B26771" s="6"/>
      <c r="C26771" s="6" t="s">
        <v>27359</v>
      </c>
      <c r="D26771" s="6"/>
      <c r="E26771" s="6" t="s">
        <v>9</v>
      </c>
      <c r="F26771" s="7">
        <v>38657</v>
      </c>
      <c r="G26771" s="8">
        <v>4736800</v>
      </c>
      <c r="H26771" s="8">
        <v>4736800</v>
      </c>
      <c r="I26771" s="8">
        <v>0</v>
      </c>
      <c r="J26771" s="8">
        <v>4736800</v>
      </c>
      <c r="K26771" s="9">
        <v>191</v>
      </c>
      <c r="L26771" s="6" t="s">
        <v>1694</v>
      </c>
    </row>
    <row r="26772" spans="1:12">
      <c r="A26772" s="6" t="s">
        <v>27316</v>
      </c>
      <c r="B26772" s="6"/>
      <c r="C26772" s="6" t="s">
        <v>27360</v>
      </c>
      <c r="D26772" s="6"/>
      <c r="E26772" s="6" t="s">
        <v>9</v>
      </c>
      <c r="F26772" s="7">
        <v>38657</v>
      </c>
      <c r="G26772" s="8">
        <v>20410400</v>
      </c>
      <c r="H26772" s="8">
        <v>20410400</v>
      </c>
      <c r="I26772" s="8">
        <v>0</v>
      </c>
      <c r="J26772" s="8">
        <v>20410400</v>
      </c>
      <c r="K26772" s="9">
        <v>823</v>
      </c>
      <c r="L26772" s="6" t="s">
        <v>1694</v>
      </c>
    </row>
    <row r="26773" spans="1:12">
      <c r="A26773" s="6" t="s">
        <v>27316</v>
      </c>
      <c r="B26773" s="6"/>
      <c r="C26773" s="6" t="s">
        <v>27361</v>
      </c>
      <c r="D26773" s="6"/>
      <c r="E26773" s="6" t="s">
        <v>9</v>
      </c>
      <c r="F26773" s="7">
        <v>38657</v>
      </c>
      <c r="G26773" s="8">
        <v>2833823</v>
      </c>
      <c r="H26773" s="8">
        <v>2833823</v>
      </c>
      <c r="I26773" s="8">
        <v>0</v>
      </c>
      <c r="J26773" s="8">
        <v>2833823</v>
      </c>
      <c r="K26773" s="9">
        <v>118.57</v>
      </c>
      <c r="L26773" s="6" t="s">
        <v>1694</v>
      </c>
    </row>
    <row r="26774" spans="1:12">
      <c r="A26774" s="6" t="s">
        <v>27316</v>
      </c>
      <c r="B26774" s="6"/>
      <c r="C26774" s="6" t="s">
        <v>27362</v>
      </c>
      <c r="D26774" s="6"/>
      <c r="E26774" s="6" t="s">
        <v>9</v>
      </c>
      <c r="F26774" s="7">
        <v>38657</v>
      </c>
      <c r="G26774" s="8">
        <v>21551200</v>
      </c>
      <c r="H26774" s="8">
        <v>21551200</v>
      </c>
      <c r="I26774" s="8">
        <v>0</v>
      </c>
      <c r="J26774" s="8">
        <v>21551200</v>
      </c>
      <c r="K26774" s="9">
        <v>869</v>
      </c>
      <c r="L26774" s="6" t="s">
        <v>1694</v>
      </c>
    </row>
    <row r="26775" spans="1:12">
      <c r="A26775" s="6" t="s">
        <v>27316</v>
      </c>
      <c r="B26775" s="6"/>
      <c r="C26775" s="6" t="s">
        <v>27363</v>
      </c>
      <c r="D26775" s="6"/>
      <c r="E26775" s="6" t="s">
        <v>9</v>
      </c>
      <c r="F26775" s="7">
        <v>38657</v>
      </c>
      <c r="G26775" s="8">
        <v>20559200</v>
      </c>
      <c r="H26775" s="8">
        <v>20559200</v>
      </c>
      <c r="I26775" s="8">
        <v>0</v>
      </c>
      <c r="J26775" s="8">
        <v>20559200</v>
      </c>
      <c r="K26775" s="9">
        <v>829</v>
      </c>
      <c r="L26775" s="6" t="s">
        <v>1694</v>
      </c>
    </row>
    <row r="26776" spans="1:12">
      <c r="A26776" s="6" t="s">
        <v>27316</v>
      </c>
      <c r="B26776" s="6"/>
      <c r="C26776" s="6" t="s">
        <v>27364</v>
      </c>
      <c r="D26776" s="6"/>
      <c r="E26776" s="6" t="s">
        <v>9</v>
      </c>
      <c r="F26776" s="7">
        <v>38657</v>
      </c>
      <c r="G26776" s="8">
        <v>20732800</v>
      </c>
      <c r="H26776" s="8">
        <v>20732800</v>
      </c>
      <c r="I26776" s="8">
        <v>0</v>
      </c>
      <c r="J26776" s="8">
        <v>20732800</v>
      </c>
      <c r="K26776" s="9">
        <v>836</v>
      </c>
      <c r="L26776" s="6" t="s">
        <v>1694</v>
      </c>
    </row>
    <row r="26777" spans="1:12">
      <c r="A26777" s="6" t="s">
        <v>27316</v>
      </c>
      <c r="B26777" s="6"/>
      <c r="C26777" s="6" t="s">
        <v>27365</v>
      </c>
      <c r="D26777" s="6"/>
      <c r="E26777" s="6" t="s">
        <v>9</v>
      </c>
      <c r="F26777" s="7">
        <v>38657</v>
      </c>
      <c r="G26777" s="8">
        <v>20162400</v>
      </c>
      <c r="H26777" s="8">
        <v>20162400</v>
      </c>
      <c r="I26777" s="8">
        <v>0</v>
      </c>
      <c r="J26777" s="8">
        <v>20162400</v>
      </c>
      <c r="K26777" s="9">
        <v>813</v>
      </c>
      <c r="L26777" s="6" t="s">
        <v>1694</v>
      </c>
    </row>
    <row r="26778" spans="1:12">
      <c r="A26778" s="6" t="s">
        <v>27316</v>
      </c>
      <c r="B26778" s="6"/>
      <c r="C26778" s="6" t="s">
        <v>27366</v>
      </c>
      <c r="D26778" s="6"/>
      <c r="E26778" s="6" t="s">
        <v>9</v>
      </c>
      <c r="F26778" s="7">
        <v>38657</v>
      </c>
      <c r="G26778" s="8">
        <v>19096000</v>
      </c>
      <c r="H26778" s="8">
        <v>19096000</v>
      </c>
      <c r="I26778" s="8">
        <v>0</v>
      </c>
      <c r="J26778" s="8">
        <v>19096000</v>
      </c>
      <c r="K26778" s="9">
        <v>770</v>
      </c>
      <c r="L26778" s="6" t="s">
        <v>1694</v>
      </c>
    </row>
    <row r="26779" spans="1:12">
      <c r="A26779" s="6" t="s">
        <v>27316</v>
      </c>
      <c r="B26779" s="6"/>
      <c r="C26779" s="6" t="s">
        <v>27367</v>
      </c>
      <c r="D26779" s="6"/>
      <c r="E26779" s="6" t="s">
        <v>9</v>
      </c>
      <c r="F26779" s="7">
        <v>38657</v>
      </c>
      <c r="G26779" s="8">
        <v>20658400</v>
      </c>
      <c r="H26779" s="8">
        <v>20658400</v>
      </c>
      <c r="I26779" s="8">
        <v>0</v>
      </c>
      <c r="J26779" s="8">
        <v>20658400</v>
      </c>
      <c r="K26779" s="9">
        <v>833</v>
      </c>
      <c r="L26779" s="6" t="s">
        <v>1694</v>
      </c>
    </row>
    <row r="26780" spans="1:12">
      <c r="A26780" s="6" t="s">
        <v>27316</v>
      </c>
      <c r="B26780" s="6"/>
      <c r="C26780" s="6" t="s">
        <v>27368</v>
      </c>
      <c r="D26780" s="6"/>
      <c r="E26780" s="6" t="s">
        <v>9</v>
      </c>
      <c r="F26780" s="7">
        <v>38657</v>
      </c>
      <c r="G26780" s="8">
        <v>13094400</v>
      </c>
      <c r="H26780" s="8">
        <v>13094400</v>
      </c>
      <c r="I26780" s="8">
        <v>0</v>
      </c>
      <c r="J26780" s="8">
        <v>13094400</v>
      </c>
      <c r="K26780" s="9">
        <v>528</v>
      </c>
      <c r="L26780" s="6" t="s">
        <v>1694</v>
      </c>
    </row>
    <row r="26781" spans="1:12">
      <c r="A26781" s="6" t="s">
        <v>27316</v>
      </c>
      <c r="B26781" s="6"/>
      <c r="C26781" s="6" t="s">
        <v>27369</v>
      </c>
      <c r="D26781" s="6"/>
      <c r="E26781" s="6" t="s">
        <v>9</v>
      </c>
      <c r="F26781" s="7">
        <v>38657</v>
      </c>
      <c r="G26781" s="8">
        <v>4732200</v>
      </c>
      <c r="H26781" s="8">
        <v>4732200</v>
      </c>
      <c r="I26781" s="8">
        <v>0</v>
      </c>
      <c r="J26781" s="8">
        <v>4732200</v>
      </c>
      <c r="K26781" s="9">
        <v>198</v>
      </c>
      <c r="L26781" s="6" t="s">
        <v>1694</v>
      </c>
    </row>
    <row r="26782" spans="1:12">
      <c r="A26782" s="6" t="s">
        <v>27316</v>
      </c>
      <c r="B26782" s="6"/>
      <c r="C26782" s="6" t="s">
        <v>27370</v>
      </c>
      <c r="D26782" s="6"/>
      <c r="E26782" s="6" t="s">
        <v>9</v>
      </c>
      <c r="F26782" s="7">
        <v>38657</v>
      </c>
      <c r="G26782" s="8">
        <v>263856</v>
      </c>
      <c r="H26782" s="8">
        <v>263856</v>
      </c>
      <c r="I26782" s="8">
        <v>0</v>
      </c>
      <c r="J26782" s="8">
        <v>263856</v>
      </c>
      <c r="K26782" s="9">
        <v>11.04</v>
      </c>
      <c r="L26782" s="6" t="s">
        <v>1694</v>
      </c>
    </row>
    <row r="26783" spans="1:12">
      <c r="A26783" s="6" t="s">
        <v>27316</v>
      </c>
      <c r="B26783" s="6"/>
      <c r="C26783" s="6" t="s">
        <v>27371</v>
      </c>
      <c r="D26783" s="6"/>
      <c r="E26783" s="6" t="s">
        <v>9</v>
      </c>
      <c r="F26783" s="7">
        <v>38657</v>
      </c>
      <c r="G26783" s="8">
        <v>4543500</v>
      </c>
      <c r="H26783" s="8">
        <v>4543500</v>
      </c>
      <c r="I26783" s="8">
        <v>0</v>
      </c>
      <c r="J26783" s="8">
        <v>4543500</v>
      </c>
      <c r="K26783" s="9">
        <v>195</v>
      </c>
      <c r="L26783" s="6" t="s">
        <v>1694</v>
      </c>
    </row>
    <row r="26784" spans="1:12">
      <c r="A26784" s="6" t="s">
        <v>27316</v>
      </c>
      <c r="B26784" s="6"/>
      <c r="C26784" s="6" t="s">
        <v>27372</v>
      </c>
      <c r="D26784" s="6"/>
      <c r="E26784" s="6" t="s">
        <v>9</v>
      </c>
      <c r="F26784" s="7">
        <v>38657</v>
      </c>
      <c r="G26784" s="8">
        <v>2596018</v>
      </c>
      <c r="H26784" s="8">
        <v>2596018</v>
      </c>
      <c r="I26784" s="8">
        <v>0</v>
      </c>
      <c r="J26784" s="8">
        <v>2596018</v>
      </c>
      <c r="K26784" s="9">
        <v>108.62</v>
      </c>
      <c r="L26784" s="6" t="s">
        <v>1694</v>
      </c>
    </row>
    <row r="26785" spans="1:12">
      <c r="A26785" s="6" t="s">
        <v>27316</v>
      </c>
      <c r="B26785" s="6"/>
      <c r="C26785" s="6" t="s">
        <v>27373</v>
      </c>
      <c r="D26785" s="6"/>
      <c r="E26785" s="6" t="s">
        <v>9</v>
      </c>
      <c r="F26785" s="7">
        <v>38657</v>
      </c>
      <c r="G26785" s="8">
        <v>4760880</v>
      </c>
      <c r="H26785" s="8">
        <v>4760880</v>
      </c>
      <c r="I26785" s="8">
        <v>0</v>
      </c>
      <c r="J26785" s="8">
        <v>4760880</v>
      </c>
      <c r="K26785" s="9">
        <v>199.2</v>
      </c>
      <c r="L26785" s="6" t="s">
        <v>1694</v>
      </c>
    </row>
    <row r="26786" spans="1:12">
      <c r="A26786" s="6" t="s">
        <v>27316</v>
      </c>
      <c r="B26786" s="6"/>
      <c r="C26786" s="6" t="s">
        <v>27374</v>
      </c>
      <c r="D26786" s="6"/>
      <c r="E26786" s="6" t="s">
        <v>9</v>
      </c>
      <c r="F26786" s="7">
        <v>38657</v>
      </c>
      <c r="G26786" s="8">
        <v>549700</v>
      </c>
      <c r="H26786" s="8">
        <v>549700</v>
      </c>
      <c r="I26786" s="8">
        <v>0</v>
      </c>
      <c r="J26786" s="8">
        <v>549700</v>
      </c>
      <c r="K26786" s="9">
        <v>23</v>
      </c>
      <c r="L26786" s="6" t="s">
        <v>1694</v>
      </c>
    </row>
    <row r="26787" spans="1:12">
      <c r="A26787" s="6" t="s">
        <v>27316</v>
      </c>
      <c r="B26787" s="6"/>
      <c r="C26787" s="6" t="s">
        <v>27375</v>
      </c>
      <c r="D26787" s="6"/>
      <c r="E26787" s="6" t="s">
        <v>9</v>
      </c>
      <c r="F26787" s="7">
        <v>38657</v>
      </c>
      <c r="G26787" s="8">
        <v>2915800</v>
      </c>
      <c r="H26787" s="8">
        <v>2915800</v>
      </c>
      <c r="I26787" s="8">
        <v>0</v>
      </c>
      <c r="J26787" s="8">
        <v>2915800</v>
      </c>
      <c r="K26787" s="9">
        <v>122</v>
      </c>
      <c r="L26787" s="6" t="s">
        <v>1694</v>
      </c>
    </row>
    <row r="26788" spans="1:12">
      <c r="A26788" s="6" t="s">
        <v>27316</v>
      </c>
      <c r="B26788" s="6"/>
      <c r="C26788" s="6" t="s">
        <v>27376</v>
      </c>
      <c r="D26788" s="6"/>
      <c r="E26788" s="6" t="s">
        <v>9</v>
      </c>
      <c r="F26788" s="7">
        <v>38657</v>
      </c>
      <c r="G26788" s="8">
        <v>2953323</v>
      </c>
      <c r="H26788" s="8">
        <v>2953323</v>
      </c>
      <c r="I26788" s="8">
        <v>0</v>
      </c>
      <c r="J26788" s="8">
        <v>2953323</v>
      </c>
      <c r="K26788" s="9">
        <v>123.57</v>
      </c>
      <c r="L26788" s="6" t="s">
        <v>1694</v>
      </c>
    </row>
    <row r="26789" spans="1:12">
      <c r="A26789" s="6" t="s">
        <v>27316</v>
      </c>
      <c r="B26789" s="6"/>
      <c r="C26789" s="6" t="s">
        <v>27377</v>
      </c>
      <c r="D26789" s="6"/>
      <c r="E26789" s="6" t="s">
        <v>9</v>
      </c>
      <c r="F26789" s="7">
        <v>38657</v>
      </c>
      <c r="G26789" s="8">
        <v>693100</v>
      </c>
      <c r="H26789" s="8">
        <v>693100</v>
      </c>
      <c r="I26789" s="8">
        <v>0</v>
      </c>
      <c r="J26789" s="8">
        <v>693100</v>
      </c>
      <c r="K26789" s="9">
        <v>29</v>
      </c>
      <c r="L26789" s="6" t="s">
        <v>1694</v>
      </c>
    </row>
    <row r="26790" spans="1:12">
      <c r="A26790" s="6" t="s">
        <v>27316</v>
      </c>
      <c r="B26790" s="6"/>
      <c r="C26790" s="6" t="s">
        <v>27378</v>
      </c>
      <c r="D26790" s="6"/>
      <c r="E26790" s="6" t="s">
        <v>9</v>
      </c>
      <c r="F26790" s="7">
        <v>38657</v>
      </c>
      <c r="G26790" s="8">
        <v>2748500</v>
      </c>
      <c r="H26790" s="8">
        <v>2748500</v>
      </c>
      <c r="I26790" s="8">
        <v>0</v>
      </c>
      <c r="J26790" s="8">
        <v>2748500</v>
      </c>
      <c r="K26790" s="9">
        <v>115</v>
      </c>
      <c r="L26790" s="6" t="s">
        <v>1694</v>
      </c>
    </row>
    <row r="26791" spans="1:12">
      <c r="A26791" s="6" t="s">
        <v>27316</v>
      </c>
      <c r="B26791" s="6"/>
      <c r="C26791" s="6" t="s">
        <v>27379</v>
      </c>
      <c r="D26791" s="6"/>
      <c r="E26791" s="6" t="s">
        <v>9</v>
      </c>
      <c r="F26791" s="7">
        <v>38657</v>
      </c>
      <c r="G26791" s="8">
        <v>5520900</v>
      </c>
      <c r="H26791" s="8">
        <v>5520900</v>
      </c>
      <c r="I26791" s="8">
        <v>0</v>
      </c>
      <c r="J26791" s="8">
        <v>5520900</v>
      </c>
      <c r="K26791" s="9">
        <v>231</v>
      </c>
      <c r="L26791" s="6" t="s">
        <v>1694</v>
      </c>
    </row>
    <row r="26792" spans="1:12">
      <c r="A26792" s="6" t="s">
        <v>27316</v>
      </c>
      <c r="B26792" s="6"/>
      <c r="C26792" s="6" t="s">
        <v>27380</v>
      </c>
      <c r="D26792" s="6"/>
      <c r="E26792" s="6" t="s">
        <v>9</v>
      </c>
      <c r="F26792" s="7">
        <v>38657</v>
      </c>
      <c r="G26792" s="8">
        <v>6381300</v>
      </c>
      <c r="H26792" s="8">
        <v>6381300</v>
      </c>
      <c r="I26792" s="8">
        <v>0</v>
      </c>
      <c r="J26792" s="8">
        <v>6381300</v>
      </c>
      <c r="K26792" s="9">
        <v>267</v>
      </c>
      <c r="L26792" s="6" t="s">
        <v>1694</v>
      </c>
    </row>
    <row r="26793" spans="1:12">
      <c r="A26793" s="6" t="s">
        <v>27316</v>
      </c>
      <c r="B26793" s="6"/>
      <c r="C26793" s="6" t="s">
        <v>27381</v>
      </c>
      <c r="D26793" s="6"/>
      <c r="E26793" s="6" t="s">
        <v>9</v>
      </c>
      <c r="F26793" s="7">
        <v>38657</v>
      </c>
      <c r="G26793" s="8">
        <v>10181400</v>
      </c>
      <c r="H26793" s="8">
        <v>10181400</v>
      </c>
      <c r="I26793" s="8">
        <v>0</v>
      </c>
      <c r="J26793" s="8">
        <v>10181400</v>
      </c>
      <c r="K26793" s="9">
        <v>426</v>
      </c>
      <c r="L26793" s="6" t="s">
        <v>1694</v>
      </c>
    </row>
    <row r="26794" spans="1:12">
      <c r="A26794" s="6" t="s">
        <v>27316</v>
      </c>
      <c r="B26794" s="6"/>
      <c r="C26794" s="6" t="s">
        <v>27382</v>
      </c>
      <c r="D26794" s="6"/>
      <c r="E26794" s="6" t="s">
        <v>9</v>
      </c>
      <c r="F26794" s="7">
        <v>38657</v>
      </c>
      <c r="G26794" s="8">
        <v>5759900</v>
      </c>
      <c r="H26794" s="8">
        <v>5759900</v>
      </c>
      <c r="I26794" s="8">
        <v>0</v>
      </c>
      <c r="J26794" s="8">
        <v>5759900</v>
      </c>
      <c r="K26794" s="9">
        <v>241</v>
      </c>
      <c r="L26794" s="6" t="s">
        <v>1694</v>
      </c>
    </row>
    <row r="26795" spans="1:12">
      <c r="A26795" s="6" t="s">
        <v>27316</v>
      </c>
      <c r="B26795" s="6"/>
      <c r="C26795" s="6" t="s">
        <v>27383</v>
      </c>
      <c r="D26795" s="6"/>
      <c r="E26795" s="6" t="s">
        <v>9</v>
      </c>
      <c r="F26795" s="7">
        <v>38657</v>
      </c>
      <c r="G26795" s="8">
        <v>2123515</v>
      </c>
      <c r="H26795" s="8">
        <v>2123515</v>
      </c>
      <c r="I26795" s="8">
        <v>0</v>
      </c>
      <c r="J26795" s="8">
        <v>2123515</v>
      </c>
      <c r="K26795" s="9">
        <v>88.85</v>
      </c>
      <c r="L26795" s="6" t="s">
        <v>1694</v>
      </c>
    </row>
    <row r="26796" spans="1:12">
      <c r="A26796" s="6" t="s">
        <v>27316</v>
      </c>
      <c r="B26796" s="6"/>
      <c r="C26796" s="6" t="s">
        <v>27384</v>
      </c>
      <c r="D26796" s="6"/>
      <c r="E26796" s="6" t="s">
        <v>9</v>
      </c>
      <c r="F26796" s="7">
        <v>38657</v>
      </c>
      <c r="G26796" s="8">
        <v>4254200</v>
      </c>
      <c r="H26796" s="8">
        <v>4254200</v>
      </c>
      <c r="I26796" s="8">
        <v>0</v>
      </c>
      <c r="J26796" s="8">
        <v>4254200</v>
      </c>
      <c r="K26796" s="9">
        <v>178</v>
      </c>
      <c r="L26796" s="6" t="s">
        <v>1694</v>
      </c>
    </row>
    <row r="26797" spans="1:12">
      <c r="A26797" s="6" t="s">
        <v>27316</v>
      </c>
      <c r="B26797" s="6"/>
      <c r="C26797" s="6" t="s">
        <v>27385</v>
      </c>
      <c r="D26797" s="6"/>
      <c r="E26797" s="6" t="s">
        <v>9</v>
      </c>
      <c r="F26797" s="7">
        <v>38657</v>
      </c>
      <c r="G26797" s="8">
        <v>4395210</v>
      </c>
      <c r="H26797" s="8">
        <v>4395210</v>
      </c>
      <c r="I26797" s="8">
        <v>0</v>
      </c>
      <c r="J26797" s="8">
        <v>4395210</v>
      </c>
      <c r="K26797" s="9">
        <v>183.9</v>
      </c>
      <c r="L26797" s="6" t="s">
        <v>1694</v>
      </c>
    </row>
    <row r="26798" spans="1:12">
      <c r="A26798" s="6" t="s">
        <v>27316</v>
      </c>
      <c r="B26798" s="6"/>
      <c r="C26798" s="6" t="s">
        <v>27386</v>
      </c>
      <c r="D26798" s="6"/>
      <c r="E26798" s="6" t="s">
        <v>9</v>
      </c>
      <c r="F26798" s="7">
        <v>38657</v>
      </c>
      <c r="G26798" s="8">
        <v>4875600</v>
      </c>
      <c r="H26798" s="8">
        <v>4875600</v>
      </c>
      <c r="I26798" s="8">
        <v>0</v>
      </c>
      <c r="J26798" s="8">
        <v>4875600</v>
      </c>
      <c r="K26798" s="9">
        <v>204</v>
      </c>
      <c r="L26798" s="6" t="s">
        <v>1694</v>
      </c>
    </row>
    <row r="26799" spans="1:12">
      <c r="A26799" s="6" t="s">
        <v>27316</v>
      </c>
      <c r="B26799" s="6"/>
      <c r="C26799" s="6" t="s">
        <v>27387</v>
      </c>
      <c r="D26799" s="6"/>
      <c r="E26799" s="6" t="s">
        <v>9</v>
      </c>
      <c r="F26799" s="7">
        <v>38657</v>
      </c>
      <c r="G26799" s="8">
        <v>4875600</v>
      </c>
      <c r="H26799" s="8">
        <v>4875600</v>
      </c>
      <c r="I26799" s="8">
        <v>0</v>
      </c>
      <c r="J26799" s="8">
        <v>4875600</v>
      </c>
      <c r="K26799" s="9">
        <v>204</v>
      </c>
      <c r="L26799" s="6" t="s">
        <v>1694</v>
      </c>
    </row>
    <row r="26800" spans="1:12">
      <c r="A26800" s="6" t="s">
        <v>27316</v>
      </c>
      <c r="B26800" s="6"/>
      <c r="C26800" s="6" t="s">
        <v>27388</v>
      </c>
      <c r="D26800" s="6"/>
      <c r="E26800" s="6" t="s">
        <v>9</v>
      </c>
      <c r="F26800" s="7">
        <v>38657</v>
      </c>
      <c r="G26800" s="8">
        <v>20052100</v>
      </c>
      <c r="H26800" s="8">
        <v>20052100</v>
      </c>
      <c r="I26800" s="8">
        <v>0</v>
      </c>
      <c r="J26800" s="8">
        <v>20052100</v>
      </c>
      <c r="K26800" s="9">
        <v>839</v>
      </c>
      <c r="L26800" s="6" t="s">
        <v>1694</v>
      </c>
    </row>
    <row r="26801" spans="1:12">
      <c r="A26801" s="6" t="s">
        <v>27316</v>
      </c>
      <c r="B26801" s="6"/>
      <c r="C26801" s="6" t="s">
        <v>27389</v>
      </c>
      <c r="D26801" s="6"/>
      <c r="E26801" s="6" t="s">
        <v>9</v>
      </c>
      <c r="F26801" s="7">
        <v>38657</v>
      </c>
      <c r="G26801" s="8">
        <v>477888</v>
      </c>
      <c r="H26801" s="8">
        <v>477888</v>
      </c>
      <c r="I26801" s="8">
        <v>0</v>
      </c>
      <c r="J26801" s="8">
        <v>477888</v>
      </c>
      <c r="K26801" s="9">
        <v>18.239999999999899</v>
      </c>
      <c r="L26801" s="6" t="s">
        <v>1694</v>
      </c>
    </row>
    <row r="26802" spans="1:12">
      <c r="A26802" s="6" t="s">
        <v>27316</v>
      </c>
      <c r="B26802" s="6"/>
      <c r="C26802" s="6" t="s">
        <v>27390</v>
      </c>
      <c r="D26802" s="6"/>
      <c r="E26802" s="6" t="s">
        <v>9</v>
      </c>
      <c r="F26802" s="7">
        <v>38657</v>
      </c>
      <c r="G26802" s="8">
        <v>604434</v>
      </c>
      <c r="H26802" s="8">
        <v>604434</v>
      </c>
      <c r="I26802" s="8">
        <v>0</v>
      </c>
      <c r="J26802" s="8">
        <v>604434</v>
      </c>
      <c r="K26802" s="9">
        <v>23.07</v>
      </c>
      <c r="L26802" s="6" t="s">
        <v>1694</v>
      </c>
    </row>
    <row r="26803" spans="1:12">
      <c r="A26803" s="6" t="s">
        <v>27391</v>
      </c>
      <c r="B26803" s="6"/>
      <c r="C26803" s="6" t="s">
        <v>27392</v>
      </c>
      <c r="D26803" s="6"/>
      <c r="E26803" s="6" t="s">
        <v>9</v>
      </c>
      <c r="F26803" s="7">
        <v>38657</v>
      </c>
      <c r="G26803" s="8">
        <v>847892500</v>
      </c>
      <c r="H26803" s="8">
        <v>847892500</v>
      </c>
      <c r="I26803" s="8">
        <v>0</v>
      </c>
      <c r="J26803" s="8">
        <v>847892500</v>
      </c>
      <c r="K26803" s="9">
        <v>26089</v>
      </c>
      <c r="L26803" s="6" t="s">
        <v>1694</v>
      </c>
    </row>
    <row r="26804" spans="1:12">
      <c r="A26804" s="6" t="s">
        <v>27391</v>
      </c>
      <c r="B26804" s="6"/>
      <c r="C26804" s="6" t="s">
        <v>27393</v>
      </c>
      <c r="D26804" s="6"/>
      <c r="E26804" s="6" t="s">
        <v>9</v>
      </c>
      <c r="F26804" s="7">
        <v>38657</v>
      </c>
      <c r="G26804" s="8">
        <v>5008900</v>
      </c>
      <c r="H26804" s="8">
        <v>5008900</v>
      </c>
      <c r="I26804" s="8">
        <v>0</v>
      </c>
      <c r="J26804" s="8">
        <v>5008900</v>
      </c>
      <c r="K26804" s="9">
        <v>154.12</v>
      </c>
      <c r="L26804" s="6" t="s">
        <v>1694</v>
      </c>
    </row>
    <row r="26805" spans="1:12">
      <c r="A26805" s="6" t="s">
        <v>27391</v>
      </c>
      <c r="B26805" s="6"/>
      <c r="C26805" s="6" t="s">
        <v>27394</v>
      </c>
      <c r="D26805" s="6"/>
      <c r="E26805" s="6" t="s">
        <v>9</v>
      </c>
      <c r="F26805" s="7">
        <v>38657</v>
      </c>
      <c r="G26805" s="8">
        <v>11895000</v>
      </c>
      <c r="H26805" s="8">
        <v>11895000</v>
      </c>
      <c r="I26805" s="8">
        <v>0</v>
      </c>
      <c r="J26805" s="8">
        <v>11895000</v>
      </c>
      <c r="K26805" s="9">
        <v>366</v>
      </c>
      <c r="L26805" s="6" t="s">
        <v>1694</v>
      </c>
    </row>
    <row r="26806" spans="1:12">
      <c r="A26806" s="6" t="s">
        <v>27395</v>
      </c>
      <c r="B26806" s="6"/>
      <c r="C26806" s="6" t="s">
        <v>27396</v>
      </c>
      <c r="D26806" s="6"/>
      <c r="E26806" s="6" t="s">
        <v>18740</v>
      </c>
      <c r="F26806" s="7">
        <v>38657</v>
      </c>
      <c r="G26806" s="8">
        <v>228800</v>
      </c>
      <c r="H26806" s="8">
        <v>228800</v>
      </c>
      <c r="I26806" s="8">
        <v>0</v>
      </c>
      <c r="J26806" s="8">
        <v>228800</v>
      </c>
      <c r="K26806" s="9">
        <v>16</v>
      </c>
      <c r="L26806" s="6" t="s">
        <v>1694</v>
      </c>
    </row>
    <row r="26807" spans="1:12">
      <c r="A26807" s="6" t="s">
        <v>27395</v>
      </c>
      <c r="B26807" s="6"/>
      <c r="C26807" s="6" t="s">
        <v>27397</v>
      </c>
      <c r="D26807" s="6"/>
      <c r="E26807" s="6" t="s">
        <v>18740</v>
      </c>
      <c r="F26807" s="7">
        <v>38657</v>
      </c>
      <c r="G26807" s="8">
        <v>14171300</v>
      </c>
      <c r="H26807" s="8">
        <v>14171300</v>
      </c>
      <c r="I26807" s="8">
        <v>0</v>
      </c>
      <c r="J26807" s="8">
        <v>14171300</v>
      </c>
      <c r="K26807" s="9">
        <v>991</v>
      </c>
      <c r="L26807" s="6" t="s">
        <v>1694</v>
      </c>
    </row>
    <row r="26808" spans="1:12">
      <c r="A26808" s="6" t="s">
        <v>27395</v>
      </c>
      <c r="B26808" s="6"/>
      <c r="C26808" s="6" t="s">
        <v>27398</v>
      </c>
      <c r="D26808" s="6"/>
      <c r="E26808" s="6" t="s">
        <v>18740</v>
      </c>
      <c r="F26808" s="7">
        <v>38657</v>
      </c>
      <c r="G26808" s="8">
        <v>2688400</v>
      </c>
      <c r="H26808" s="8">
        <v>2688400</v>
      </c>
      <c r="I26808" s="8">
        <v>0</v>
      </c>
      <c r="J26808" s="8">
        <v>2688400</v>
      </c>
      <c r="K26808" s="9">
        <v>188</v>
      </c>
      <c r="L26808" s="6" t="s">
        <v>1694</v>
      </c>
    </row>
    <row r="26809" spans="1:12">
      <c r="A26809" s="6" t="s">
        <v>27395</v>
      </c>
      <c r="B26809" s="6"/>
      <c r="C26809" s="6" t="s">
        <v>27399</v>
      </c>
      <c r="D26809" s="6"/>
      <c r="E26809" s="6" t="s">
        <v>18740</v>
      </c>
      <c r="F26809" s="7">
        <v>38657</v>
      </c>
      <c r="G26809" s="8">
        <v>815100</v>
      </c>
      <c r="H26809" s="8">
        <v>815100</v>
      </c>
      <c r="I26809" s="8">
        <v>0</v>
      </c>
      <c r="J26809" s="8">
        <v>815100</v>
      </c>
      <c r="K26809" s="9">
        <v>57</v>
      </c>
      <c r="L26809" s="6" t="s">
        <v>1694</v>
      </c>
    </row>
    <row r="26810" spans="1:12">
      <c r="A26810" s="6" t="s">
        <v>27395</v>
      </c>
      <c r="B26810" s="6"/>
      <c r="C26810" s="6" t="s">
        <v>27400</v>
      </c>
      <c r="D26810" s="6"/>
      <c r="E26810" s="6" t="s">
        <v>18740</v>
      </c>
      <c r="F26810" s="7">
        <v>38657</v>
      </c>
      <c r="G26810" s="8">
        <v>14171300</v>
      </c>
      <c r="H26810" s="8">
        <v>14171300</v>
      </c>
      <c r="I26810" s="8">
        <v>0</v>
      </c>
      <c r="J26810" s="8">
        <v>14171300</v>
      </c>
      <c r="K26810" s="9">
        <v>991</v>
      </c>
      <c r="L26810" s="6" t="s">
        <v>1694</v>
      </c>
    </row>
    <row r="26811" spans="1:12">
      <c r="A26811" s="6" t="s">
        <v>27395</v>
      </c>
      <c r="B26811" s="6"/>
      <c r="C26811" s="6" t="s">
        <v>27401</v>
      </c>
      <c r="D26811" s="6"/>
      <c r="E26811" s="6" t="s">
        <v>18740</v>
      </c>
      <c r="F26811" s="7">
        <v>38657</v>
      </c>
      <c r="G26811" s="8">
        <v>13699400</v>
      </c>
      <c r="H26811" s="8">
        <v>13699400</v>
      </c>
      <c r="I26811" s="8">
        <v>0</v>
      </c>
      <c r="J26811" s="8">
        <v>13699400</v>
      </c>
      <c r="K26811" s="9">
        <v>958</v>
      </c>
      <c r="L26811" s="6" t="s">
        <v>1694</v>
      </c>
    </row>
    <row r="26812" spans="1:12">
      <c r="A26812" s="6" t="s">
        <v>27395</v>
      </c>
      <c r="B26812" s="6"/>
      <c r="C26812" s="6" t="s">
        <v>27402</v>
      </c>
      <c r="D26812" s="6"/>
      <c r="E26812" s="6" t="s">
        <v>18740</v>
      </c>
      <c r="F26812" s="7">
        <v>38657</v>
      </c>
      <c r="G26812" s="8">
        <v>1201200</v>
      </c>
      <c r="H26812" s="8">
        <v>1201200</v>
      </c>
      <c r="I26812" s="8">
        <v>0</v>
      </c>
      <c r="J26812" s="8">
        <v>1201200</v>
      </c>
      <c r="K26812" s="9">
        <v>84</v>
      </c>
      <c r="L26812" s="6" t="s">
        <v>1694</v>
      </c>
    </row>
    <row r="26813" spans="1:12">
      <c r="A26813" s="6" t="s">
        <v>27395</v>
      </c>
      <c r="B26813" s="6"/>
      <c r="C26813" s="6" t="s">
        <v>27403</v>
      </c>
      <c r="D26813" s="6"/>
      <c r="E26813" s="6" t="s">
        <v>18740</v>
      </c>
      <c r="F26813" s="7">
        <v>38657</v>
      </c>
      <c r="G26813" s="8">
        <v>815100</v>
      </c>
      <c r="H26813" s="8">
        <v>815100</v>
      </c>
      <c r="I26813" s="8">
        <v>0</v>
      </c>
      <c r="J26813" s="8">
        <v>815100</v>
      </c>
      <c r="K26813" s="9">
        <v>57</v>
      </c>
      <c r="L26813" s="6" t="s">
        <v>1694</v>
      </c>
    </row>
    <row r="26814" spans="1:12">
      <c r="A26814" s="6" t="s">
        <v>27395</v>
      </c>
      <c r="B26814" s="6"/>
      <c r="C26814" s="6" t="s">
        <v>27404</v>
      </c>
      <c r="D26814" s="6"/>
      <c r="E26814" s="6" t="s">
        <v>18740</v>
      </c>
      <c r="F26814" s="7">
        <v>38657</v>
      </c>
      <c r="G26814" s="8">
        <v>600600</v>
      </c>
      <c r="H26814" s="8">
        <v>600600</v>
      </c>
      <c r="I26814" s="8">
        <v>0</v>
      </c>
      <c r="J26814" s="8">
        <v>600600</v>
      </c>
      <c r="K26814" s="9">
        <v>42</v>
      </c>
      <c r="L26814" s="6" t="s">
        <v>1694</v>
      </c>
    </row>
    <row r="26815" spans="1:12">
      <c r="A26815" s="6" t="s">
        <v>27395</v>
      </c>
      <c r="B26815" s="6"/>
      <c r="C26815" s="6" t="s">
        <v>27405</v>
      </c>
      <c r="D26815" s="6"/>
      <c r="E26815" s="6" t="s">
        <v>18740</v>
      </c>
      <c r="F26815" s="7">
        <v>38657</v>
      </c>
      <c r="G26815" s="8">
        <v>6134700</v>
      </c>
      <c r="H26815" s="8">
        <v>6134700</v>
      </c>
      <c r="I26815" s="8">
        <v>0</v>
      </c>
      <c r="J26815" s="8">
        <v>6134700</v>
      </c>
      <c r="K26815" s="9">
        <v>429</v>
      </c>
      <c r="L26815" s="6" t="s">
        <v>1694</v>
      </c>
    </row>
    <row r="26816" spans="1:12">
      <c r="A26816" s="6" t="s">
        <v>27395</v>
      </c>
      <c r="B26816" s="6"/>
      <c r="C26816" s="6" t="s">
        <v>27406</v>
      </c>
      <c r="D26816" s="6"/>
      <c r="E26816" s="6" t="s">
        <v>18740</v>
      </c>
      <c r="F26816" s="7">
        <v>38657</v>
      </c>
      <c r="G26816" s="8">
        <v>9166300</v>
      </c>
      <c r="H26816" s="8">
        <v>9166300</v>
      </c>
      <c r="I26816" s="8">
        <v>0</v>
      </c>
      <c r="J26816" s="8">
        <v>9166300</v>
      </c>
      <c r="K26816" s="9">
        <v>641</v>
      </c>
      <c r="L26816" s="6" t="s">
        <v>1694</v>
      </c>
    </row>
    <row r="26817" spans="1:12">
      <c r="A26817" s="6" t="s">
        <v>27395</v>
      </c>
      <c r="B26817" s="6"/>
      <c r="C26817" s="6" t="s">
        <v>27407</v>
      </c>
      <c r="D26817" s="6"/>
      <c r="E26817" s="6" t="s">
        <v>18740</v>
      </c>
      <c r="F26817" s="7">
        <v>38657</v>
      </c>
      <c r="G26817" s="8">
        <v>2831400</v>
      </c>
      <c r="H26817" s="8">
        <v>2831400</v>
      </c>
      <c r="I26817" s="8">
        <v>0</v>
      </c>
      <c r="J26817" s="8">
        <v>2831400</v>
      </c>
      <c r="K26817" s="9">
        <v>198</v>
      </c>
      <c r="L26817" s="6" t="s">
        <v>1694</v>
      </c>
    </row>
    <row r="26818" spans="1:12">
      <c r="A26818" s="6" t="s">
        <v>27395</v>
      </c>
      <c r="B26818" s="6"/>
      <c r="C26818" s="6" t="s">
        <v>27408</v>
      </c>
      <c r="D26818" s="6"/>
      <c r="E26818" s="6" t="s">
        <v>18740</v>
      </c>
      <c r="F26818" s="7">
        <v>38657</v>
      </c>
      <c r="G26818" s="8">
        <v>11911900</v>
      </c>
      <c r="H26818" s="8">
        <v>11911900</v>
      </c>
      <c r="I26818" s="8">
        <v>0</v>
      </c>
      <c r="J26818" s="8">
        <v>11911900</v>
      </c>
      <c r="K26818" s="9">
        <v>833</v>
      </c>
      <c r="L26818" s="6" t="s">
        <v>1694</v>
      </c>
    </row>
    <row r="26819" spans="1:12">
      <c r="A26819" s="6" t="s">
        <v>27395</v>
      </c>
      <c r="B26819" s="6"/>
      <c r="C26819" s="6" t="s">
        <v>27409</v>
      </c>
      <c r="D26819" s="6"/>
      <c r="E26819" s="6" t="s">
        <v>18740</v>
      </c>
      <c r="F26819" s="7">
        <v>38657</v>
      </c>
      <c r="G26819" s="8">
        <v>13227500</v>
      </c>
      <c r="H26819" s="8">
        <v>13227500</v>
      </c>
      <c r="I26819" s="8">
        <v>0</v>
      </c>
      <c r="J26819" s="8">
        <v>13227500</v>
      </c>
      <c r="K26819" s="9">
        <v>925</v>
      </c>
      <c r="L26819" s="6" t="s">
        <v>1694</v>
      </c>
    </row>
    <row r="26820" spans="1:12">
      <c r="A26820" s="6" t="s">
        <v>27395</v>
      </c>
      <c r="B26820" s="6"/>
      <c r="C26820" s="6" t="s">
        <v>27410</v>
      </c>
      <c r="D26820" s="6"/>
      <c r="E26820" s="6" t="s">
        <v>18740</v>
      </c>
      <c r="F26820" s="7">
        <v>38657</v>
      </c>
      <c r="G26820" s="8">
        <v>1530100</v>
      </c>
      <c r="H26820" s="8">
        <v>1530100</v>
      </c>
      <c r="I26820" s="8">
        <v>0</v>
      </c>
      <c r="J26820" s="8">
        <v>1530100</v>
      </c>
      <c r="K26820" s="9">
        <v>107</v>
      </c>
      <c r="L26820" s="6" t="s">
        <v>1694</v>
      </c>
    </row>
    <row r="26821" spans="1:12">
      <c r="A26821" s="6" t="s">
        <v>27395</v>
      </c>
      <c r="B26821" s="6"/>
      <c r="C26821" s="6" t="s">
        <v>27411</v>
      </c>
      <c r="D26821" s="6"/>
      <c r="E26821" s="6" t="s">
        <v>18740</v>
      </c>
      <c r="F26821" s="7">
        <v>38657</v>
      </c>
      <c r="G26821" s="8">
        <v>443300</v>
      </c>
      <c r="H26821" s="8">
        <v>443300</v>
      </c>
      <c r="I26821" s="8">
        <v>0</v>
      </c>
      <c r="J26821" s="8">
        <v>443300</v>
      </c>
      <c r="K26821" s="9">
        <v>31</v>
      </c>
      <c r="L26821" s="6" t="s">
        <v>1694</v>
      </c>
    </row>
    <row r="26822" spans="1:12">
      <c r="A26822" s="6" t="s">
        <v>27395</v>
      </c>
      <c r="B26822" s="6"/>
      <c r="C26822" s="6" t="s">
        <v>27412</v>
      </c>
      <c r="D26822" s="6"/>
      <c r="E26822" s="6" t="s">
        <v>18740</v>
      </c>
      <c r="F26822" s="7">
        <v>38657</v>
      </c>
      <c r="G26822" s="8">
        <v>6706700</v>
      </c>
      <c r="H26822" s="8">
        <v>6706700</v>
      </c>
      <c r="I26822" s="8">
        <v>0</v>
      </c>
      <c r="J26822" s="8">
        <v>6706700</v>
      </c>
      <c r="K26822" s="9">
        <v>469</v>
      </c>
      <c r="L26822" s="6" t="s">
        <v>1694</v>
      </c>
    </row>
    <row r="26823" spans="1:12">
      <c r="A26823" s="6" t="s">
        <v>27395</v>
      </c>
      <c r="B26823" s="6"/>
      <c r="C26823" s="6" t="s">
        <v>27413</v>
      </c>
      <c r="D26823" s="6"/>
      <c r="E26823" s="6" t="s">
        <v>18740</v>
      </c>
      <c r="F26823" s="7">
        <v>38657</v>
      </c>
      <c r="G26823" s="8">
        <v>4676100</v>
      </c>
      <c r="H26823" s="8">
        <v>4676100</v>
      </c>
      <c r="I26823" s="8">
        <v>0</v>
      </c>
      <c r="J26823" s="8">
        <v>4676100</v>
      </c>
      <c r="K26823" s="9">
        <v>327</v>
      </c>
      <c r="L26823" s="6" t="s">
        <v>1694</v>
      </c>
    </row>
    <row r="26824" spans="1:12">
      <c r="A26824" s="6" t="s">
        <v>27395</v>
      </c>
      <c r="B26824" s="6"/>
      <c r="C26824" s="6" t="s">
        <v>27414</v>
      </c>
      <c r="D26824" s="6"/>
      <c r="E26824" s="6" t="s">
        <v>18740</v>
      </c>
      <c r="F26824" s="7">
        <v>38657</v>
      </c>
      <c r="G26824" s="8">
        <v>1272700</v>
      </c>
      <c r="H26824" s="8">
        <v>1272700</v>
      </c>
      <c r="I26824" s="8">
        <v>0</v>
      </c>
      <c r="J26824" s="8">
        <v>1272700</v>
      </c>
      <c r="K26824" s="9">
        <v>89</v>
      </c>
      <c r="L26824" s="6" t="s">
        <v>1694</v>
      </c>
    </row>
    <row r="26825" spans="1:12">
      <c r="A26825" s="6" t="s">
        <v>27395</v>
      </c>
      <c r="B26825" s="6"/>
      <c r="C26825" s="6" t="s">
        <v>27415</v>
      </c>
      <c r="D26825" s="6"/>
      <c r="E26825" s="6" t="s">
        <v>18740</v>
      </c>
      <c r="F26825" s="7">
        <v>38657</v>
      </c>
      <c r="G26825" s="8">
        <v>4719000</v>
      </c>
      <c r="H26825" s="8">
        <v>4719000</v>
      </c>
      <c r="I26825" s="8">
        <v>0</v>
      </c>
      <c r="J26825" s="8">
        <v>4719000</v>
      </c>
      <c r="K26825" s="9">
        <v>330</v>
      </c>
      <c r="L26825" s="6" t="s">
        <v>1694</v>
      </c>
    </row>
    <row r="26826" spans="1:12">
      <c r="A26826" s="6" t="s">
        <v>27395</v>
      </c>
      <c r="B26826" s="6"/>
      <c r="C26826" s="6" t="s">
        <v>27416</v>
      </c>
      <c r="D26826" s="6"/>
      <c r="E26826" s="6" t="s">
        <v>18740</v>
      </c>
      <c r="F26826" s="7">
        <v>38657</v>
      </c>
      <c r="G26826" s="8">
        <v>1215500</v>
      </c>
      <c r="H26826" s="8">
        <v>1215500</v>
      </c>
      <c r="I26826" s="8">
        <v>0</v>
      </c>
      <c r="J26826" s="8">
        <v>1215500</v>
      </c>
      <c r="K26826" s="9">
        <v>85</v>
      </c>
      <c r="L26826" s="6" t="s">
        <v>1694</v>
      </c>
    </row>
    <row r="26827" spans="1:12">
      <c r="A26827" s="6" t="s">
        <v>27395</v>
      </c>
      <c r="B26827" s="6"/>
      <c r="C26827" s="6" t="s">
        <v>27417</v>
      </c>
      <c r="D26827" s="6"/>
      <c r="E26827" s="6" t="s">
        <v>18740</v>
      </c>
      <c r="F26827" s="7">
        <v>38657</v>
      </c>
      <c r="G26827" s="8">
        <v>10910900</v>
      </c>
      <c r="H26827" s="8">
        <v>10910900</v>
      </c>
      <c r="I26827" s="8">
        <v>0</v>
      </c>
      <c r="J26827" s="8">
        <v>10910900</v>
      </c>
      <c r="K26827" s="9">
        <v>763</v>
      </c>
      <c r="L26827" s="6" t="s">
        <v>1694</v>
      </c>
    </row>
    <row r="26828" spans="1:12">
      <c r="A26828" s="6" t="s">
        <v>27395</v>
      </c>
      <c r="B26828" s="6"/>
      <c r="C26828" s="6" t="s">
        <v>27418</v>
      </c>
      <c r="D26828" s="6"/>
      <c r="E26828" s="6" t="s">
        <v>18740</v>
      </c>
      <c r="F26828" s="7">
        <v>38657</v>
      </c>
      <c r="G26828" s="8">
        <v>2588300</v>
      </c>
      <c r="H26828" s="8">
        <v>2588300</v>
      </c>
      <c r="I26828" s="8">
        <v>0</v>
      </c>
      <c r="J26828" s="8">
        <v>2588300</v>
      </c>
      <c r="K26828" s="9">
        <v>181</v>
      </c>
      <c r="L26828" s="6" t="s">
        <v>1694</v>
      </c>
    </row>
    <row r="26829" spans="1:12">
      <c r="A26829" s="6" t="s">
        <v>27395</v>
      </c>
      <c r="B26829" s="6"/>
      <c r="C26829" s="6" t="s">
        <v>27419</v>
      </c>
      <c r="D26829" s="6"/>
      <c r="E26829" s="6" t="s">
        <v>18740</v>
      </c>
      <c r="F26829" s="7">
        <v>38657</v>
      </c>
      <c r="G26829" s="8">
        <v>4761900</v>
      </c>
      <c r="H26829" s="8">
        <v>4761900</v>
      </c>
      <c r="I26829" s="8">
        <v>0</v>
      </c>
      <c r="J26829" s="8">
        <v>4761900</v>
      </c>
      <c r="K26829" s="9">
        <v>333</v>
      </c>
      <c r="L26829" s="6" t="s">
        <v>1694</v>
      </c>
    </row>
    <row r="26830" spans="1:12">
      <c r="A26830" s="6" t="s">
        <v>27395</v>
      </c>
      <c r="B26830" s="6"/>
      <c r="C26830" s="6" t="s">
        <v>27420</v>
      </c>
      <c r="D26830" s="6"/>
      <c r="E26830" s="6" t="s">
        <v>18740</v>
      </c>
      <c r="F26830" s="7">
        <v>38657</v>
      </c>
      <c r="G26830" s="8">
        <v>1701700</v>
      </c>
      <c r="H26830" s="8">
        <v>1701700</v>
      </c>
      <c r="I26830" s="8">
        <v>0</v>
      </c>
      <c r="J26830" s="8">
        <v>1701700</v>
      </c>
      <c r="K26830" s="9">
        <v>119</v>
      </c>
      <c r="L26830" s="6" t="s">
        <v>1694</v>
      </c>
    </row>
    <row r="26831" spans="1:12">
      <c r="A26831" s="6" t="s">
        <v>27395</v>
      </c>
      <c r="B26831" s="6"/>
      <c r="C26831" s="6" t="s">
        <v>27421</v>
      </c>
      <c r="D26831" s="6"/>
      <c r="E26831" s="6" t="s">
        <v>18740</v>
      </c>
      <c r="F26831" s="7">
        <v>38657</v>
      </c>
      <c r="G26831" s="8">
        <v>6563700</v>
      </c>
      <c r="H26831" s="8">
        <v>6563700</v>
      </c>
      <c r="I26831" s="8">
        <v>0</v>
      </c>
      <c r="J26831" s="8">
        <v>6563700</v>
      </c>
      <c r="K26831" s="9">
        <v>459</v>
      </c>
      <c r="L26831" s="6" t="s">
        <v>1694</v>
      </c>
    </row>
    <row r="26832" spans="1:12">
      <c r="A26832" s="6" t="s">
        <v>27395</v>
      </c>
      <c r="B26832" s="6"/>
      <c r="C26832" s="6" t="s">
        <v>27422</v>
      </c>
      <c r="D26832" s="6"/>
      <c r="E26832" s="6" t="s">
        <v>18740</v>
      </c>
      <c r="F26832" s="7">
        <v>38657</v>
      </c>
      <c r="G26832" s="8">
        <v>943800</v>
      </c>
      <c r="H26832" s="8">
        <v>943800</v>
      </c>
      <c r="I26832" s="8">
        <v>0</v>
      </c>
      <c r="J26832" s="8">
        <v>943800</v>
      </c>
      <c r="K26832" s="9">
        <v>66</v>
      </c>
      <c r="L26832" s="6" t="s">
        <v>1694</v>
      </c>
    </row>
    <row r="26833" spans="1:12">
      <c r="A26833" s="6" t="s">
        <v>27395</v>
      </c>
      <c r="B26833" s="6"/>
      <c r="C26833" s="6" t="s">
        <v>27423</v>
      </c>
      <c r="D26833" s="6"/>
      <c r="E26833" s="6" t="s">
        <v>18740</v>
      </c>
      <c r="F26833" s="7">
        <v>38657</v>
      </c>
      <c r="G26833" s="8">
        <v>657800</v>
      </c>
      <c r="H26833" s="8">
        <v>657800</v>
      </c>
      <c r="I26833" s="8">
        <v>0</v>
      </c>
      <c r="J26833" s="8">
        <v>657800</v>
      </c>
      <c r="K26833" s="9">
        <v>46</v>
      </c>
      <c r="L26833" s="6" t="s">
        <v>1694</v>
      </c>
    </row>
    <row r="26834" spans="1:12">
      <c r="A26834" s="6" t="s">
        <v>27395</v>
      </c>
      <c r="B26834" s="6"/>
      <c r="C26834" s="6" t="s">
        <v>27424</v>
      </c>
      <c r="D26834" s="6"/>
      <c r="E26834" s="6" t="s">
        <v>18740</v>
      </c>
      <c r="F26834" s="7">
        <v>38657</v>
      </c>
      <c r="G26834" s="8">
        <v>89896</v>
      </c>
      <c r="H26834" s="8">
        <v>89896</v>
      </c>
      <c r="I26834" s="8">
        <v>0</v>
      </c>
      <c r="J26834" s="8">
        <v>89896</v>
      </c>
      <c r="K26834" s="9">
        <v>6.61</v>
      </c>
      <c r="L26834" s="6" t="s">
        <v>1694</v>
      </c>
    </row>
    <row r="26835" spans="1:12">
      <c r="A26835" s="6" t="s">
        <v>27395</v>
      </c>
      <c r="B26835" s="6"/>
      <c r="C26835" s="6" t="s">
        <v>27425</v>
      </c>
      <c r="D26835" s="6"/>
      <c r="E26835" s="6" t="s">
        <v>18740</v>
      </c>
      <c r="F26835" s="7">
        <v>38657</v>
      </c>
      <c r="G26835" s="8">
        <v>1172600</v>
      </c>
      <c r="H26835" s="8">
        <v>1172600</v>
      </c>
      <c r="I26835" s="8">
        <v>0</v>
      </c>
      <c r="J26835" s="8">
        <v>1172600</v>
      </c>
      <c r="K26835" s="9">
        <v>82</v>
      </c>
      <c r="L26835" s="6" t="s">
        <v>1694</v>
      </c>
    </row>
    <row r="26836" spans="1:12">
      <c r="A26836" s="6" t="s">
        <v>27395</v>
      </c>
      <c r="B26836" s="6"/>
      <c r="C26836" s="6" t="s">
        <v>27426</v>
      </c>
      <c r="D26836" s="6"/>
      <c r="E26836" s="6" t="s">
        <v>18740</v>
      </c>
      <c r="F26836" s="7">
        <v>38657</v>
      </c>
      <c r="G26836" s="8">
        <v>943800</v>
      </c>
      <c r="H26836" s="8">
        <v>943800</v>
      </c>
      <c r="I26836" s="8">
        <v>0</v>
      </c>
      <c r="J26836" s="8">
        <v>943800</v>
      </c>
      <c r="K26836" s="9">
        <v>66</v>
      </c>
      <c r="L26836" s="6" t="s">
        <v>1694</v>
      </c>
    </row>
    <row r="26837" spans="1:12">
      <c r="A26837" s="6" t="s">
        <v>27395</v>
      </c>
      <c r="B26837" s="6"/>
      <c r="C26837" s="6" t="s">
        <v>27427</v>
      </c>
      <c r="D26837" s="6"/>
      <c r="E26837" s="6" t="s">
        <v>18740</v>
      </c>
      <c r="F26837" s="7">
        <v>38657</v>
      </c>
      <c r="G26837" s="8">
        <v>185900</v>
      </c>
      <c r="H26837" s="8">
        <v>185900</v>
      </c>
      <c r="I26837" s="8">
        <v>0</v>
      </c>
      <c r="J26837" s="8">
        <v>185900</v>
      </c>
      <c r="K26837" s="9">
        <v>13</v>
      </c>
      <c r="L26837" s="6" t="s">
        <v>1694</v>
      </c>
    </row>
    <row r="26838" spans="1:12">
      <c r="A26838" s="6" t="s">
        <v>27395</v>
      </c>
      <c r="B26838" s="6"/>
      <c r="C26838" s="6" t="s">
        <v>27428</v>
      </c>
      <c r="D26838" s="6"/>
      <c r="E26838" s="6" t="s">
        <v>18740</v>
      </c>
      <c r="F26838" s="7">
        <v>38657</v>
      </c>
      <c r="G26838" s="8">
        <v>4433000</v>
      </c>
      <c r="H26838" s="8">
        <v>4433000</v>
      </c>
      <c r="I26838" s="8">
        <v>0</v>
      </c>
      <c r="J26838" s="8">
        <v>4433000</v>
      </c>
      <c r="K26838" s="9">
        <v>310</v>
      </c>
      <c r="L26838" s="6" t="s">
        <v>1694</v>
      </c>
    </row>
    <row r="26839" spans="1:12">
      <c r="A26839" s="6" t="s">
        <v>27395</v>
      </c>
      <c r="B26839" s="6"/>
      <c r="C26839" s="6" t="s">
        <v>27429</v>
      </c>
      <c r="D26839" s="6"/>
      <c r="E26839" s="6" t="s">
        <v>18740</v>
      </c>
      <c r="F26839" s="7">
        <v>38657</v>
      </c>
      <c r="G26839" s="8">
        <v>1215500</v>
      </c>
      <c r="H26839" s="8">
        <v>1215500</v>
      </c>
      <c r="I26839" s="8">
        <v>0</v>
      </c>
      <c r="J26839" s="8">
        <v>1215500</v>
      </c>
      <c r="K26839" s="9">
        <v>85</v>
      </c>
      <c r="L26839" s="6" t="s">
        <v>1694</v>
      </c>
    </row>
    <row r="26840" spans="1:12">
      <c r="A26840" s="6" t="s">
        <v>27395</v>
      </c>
      <c r="B26840" s="6"/>
      <c r="C26840" s="6" t="s">
        <v>27430</v>
      </c>
      <c r="D26840" s="6"/>
      <c r="E26840" s="6" t="s">
        <v>18740</v>
      </c>
      <c r="F26840" s="7">
        <v>38657</v>
      </c>
      <c r="G26840" s="8">
        <v>1558700</v>
      </c>
      <c r="H26840" s="8">
        <v>1558700</v>
      </c>
      <c r="I26840" s="8">
        <v>0</v>
      </c>
      <c r="J26840" s="8">
        <v>1558700</v>
      </c>
      <c r="K26840" s="9">
        <v>109</v>
      </c>
      <c r="L26840" s="6" t="s">
        <v>1694</v>
      </c>
    </row>
    <row r="26841" spans="1:12">
      <c r="A26841" s="6" t="s">
        <v>27395</v>
      </c>
      <c r="B26841" s="6"/>
      <c r="C26841" s="6" t="s">
        <v>27431</v>
      </c>
      <c r="D26841" s="6"/>
      <c r="E26841" s="6" t="s">
        <v>18740</v>
      </c>
      <c r="F26841" s="7">
        <v>38657</v>
      </c>
      <c r="G26841" s="8">
        <v>657800</v>
      </c>
      <c r="H26841" s="8">
        <v>657800</v>
      </c>
      <c r="I26841" s="8">
        <v>0</v>
      </c>
      <c r="J26841" s="8">
        <v>657800</v>
      </c>
      <c r="K26841" s="9">
        <v>46</v>
      </c>
      <c r="L26841" s="6" t="s">
        <v>1694</v>
      </c>
    </row>
    <row r="26842" spans="1:12">
      <c r="A26842" s="6" t="s">
        <v>27395</v>
      </c>
      <c r="B26842" s="6"/>
      <c r="C26842" s="6" t="s">
        <v>27432</v>
      </c>
      <c r="D26842" s="6"/>
      <c r="E26842" s="6" t="s">
        <v>18740</v>
      </c>
      <c r="F26842" s="7">
        <v>38657</v>
      </c>
      <c r="G26842" s="8">
        <v>843700</v>
      </c>
      <c r="H26842" s="8">
        <v>843700</v>
      </c>
      <c r="I26842" s="8">
        <v>0</v>
      </c>
      <c r="J26842" s="8">
        <v>843700</v>
      </c>
      <c r="K26842" s="9">
        <v>59</v>
      </c>
      <c r="L26842" s="6" t="s">
        <v>1694</v>
      </c>
    </row>
    <row r="26843" spans="1:12">
      <c r="A26843" s="6" t="s">
        <v>27395</v>
      </c>
      <c r="B26843" s="6"/>
      <c r="C26843" s="6" t="s">
        <v>27433</v>
      </c>
      <c r="D26843" s="6"/>
      <c r="E26843" s="6" t="s">
        <v>18740</v>
      </c>
      <c r="F26843" s="7">
        <v>38657</v>
      </c>
      <c r="G26843" s="8">
        <v>514800</v>
      </c>
      <c r="H26843" s="8">
        <v>514800</v>
      </c>
      <c r="I26843" s="8">
        <v>0</v>
      </c>
      <c r="J26843" s="8">
        <v>514800</v>
      </c>
      <c r="K26843" s="9">
        <v>36</v>
      </c>
      <c r="L26843" s="6" t="s">
        <v>1694</v>
      </c>
    </row>
    <row r="26844" spans="1:12">
      <c r="A26844" s="6" t="s">
        <v>27395</v>
      </c>
      <c r="B26844" s="6"/>
      <c r="C26844" s="6" t="s">
        <v>27434</v>
      </c>
      <c r="D26844" s="6"/>
      <c r="E26844" s="6" t="s">
        <v>18740</v>
      </c>
      <c r="F26844" s="7">
        <v>38657</v>
      </c>
      <c r="G26844" s="8">
        <v>700700</v>
      </c>
      <c r="H26844" s="8">
        <v>700700</v>
      </c>
      <c r="I26844" s="8">
        <v>0</v>
      </c>
      <c r="J26844" s="8">
        <v>700700</v>
      </c>
      <c r="K26844" s="9">
        <v>49</v>
      </c>
      <c r="L26844" s="6" t="s">
        <v>1694</v>
      </c>
    </row>
    <row r="26845" spans="1:12">
      <c r="A26845" s="6" t="s">
        <v>27395</v>
      </c>
      <c r="B26845" s="6"/>
      <c r="C26845" s="6" t="s">
        <v>27435</v>
      </c>
      <c r="D26845" s="6"/>
      <c r="E26845" s="6" t="s">
        <v>18740</v>
      </c>
      <c r="F26845" s="7">
        <v>38657</v>
      </c>
      <c r="G26845" s="8">
        <v>657800</v>
      </c>
      <c r="H26845" s="8">
        <v>657800</v>
      </c>
      <c r="I26845" s="8">
        <v>0</v>
      </c>
      <c r="J26845" s="8">
        <v>657800</v>
      </c>
      <c r="K26845" s="9">
        <v>46</v>
      </c>
      <c r="L26845" s="6" t="s">
        <v>1694</v>
      </c>
    </row>
    <row r="26846" spans="1:12">
      <c r="A26846" s="6" t="s">
        <v>27395</v>
      </c>
      <c r="B26846" s="6"/>
      <c r="C26846" s="6" t="s">
        <v>27436</v>
      </c>
      <c r="D26846" s="6"/>
      <c r="E26846" s="6" t="s">
        <v>18740</v>
      </c>
      <c r="F26846" s="7">
        <v>38657</v>
      </c>
      <c r="G26846" s="8">
        <v>141713</v>
      </c>
      <c r="H26846" s="8">
        <v>141713</v>
      </c>
      <c r="I26846" s="8">
        <v>0</v>
      </c>
      <c r="J26846" s="8">
        <v>141713</v>
      </c>
      <c r="K26846" s="9">
        <v>9.91</v>
      </c>
      <c r="L26846" s="6" t="s">
        <v>1694</v>
      </c>
    </row>
    <row r="26847" spans="1:12">
      <c r="A26847" s="6" t="s">
        <v>27395</v>
      </c>
      <c r="B26847" s="6"/>
      <c r="C26847" s="6" t="s">
        <v>27437</v>
      </c>
      <c r="D26847" s="6"/>
      <c r="E26847" s="6" t="s">
        <v>18740</v>
      </c>
      <c r="F26847" s="7">
        <v>38657</v>
      </c>
      <c r="G26847" s="8">
        <v>44880</v>
      </c>
      <c r="H26847" s="8">
        <v>44880</v>
      </c>
      <c r="I26847" s="8">
        <v>0</v>
      </c>
      <c r="J26847" s="8">
        <v>44880</v>
      </c>
      <c r="K26847" s="9">
        <v>3.3</v>
      </c>
      <c r="L26847" s="6" t="s">
        <v>1694</v>
      </c>
    </row>
    <row r="26848" spans="1:12">
      <c r="A26848" s="6" t="s">
        <v>27395</v>
      </c>
      <c r="B26848" s="6"/>
      <c r="C26848" s="6" t="s">
        <v>27438</v>
      </c>
      <c r="D26848" s="6"/>
      <c r="E26848" s="6" t="s">
        <v>18740</v>
      </c>
      <c r="F26848" s="7">
        <v>38657</v>
      </c>
      <c r="G26848" s="8">
        <v>1930500</v>
      </c>
      <c r="H26848" s="8">
        <v>1930500</v>
      </c>
      <c r="I26848" s="8">
        <v>0</v>
      </c>
      <c r="J26848" s="8">
        <v>1930500</v>
      </c>
      <c r="K26848" s="9">
        <v>135</v>
      </c>
      <c r="L26848" s="6" t="s">
        <v>1694</v>
      </c>
    </row>
    <row r="26849" spans="1:12">
      <c r="A26849" s="6" t="s">
        <v>27395</v>
      </c>
      <c r="B26849" s="6"/>
      <c r="C26849" s="6" t="s">
        <v>27439</v>
      </c>
      <c r="D26849" s="6"/>
      <c r="E26849" s="6" t="s">
        <v>18740</v>
      </c>
      <c r="F26849" s="7">
        <v>38657</v>
      </c>
      <c r="G26849" s="8">
        <v>11096800</v>
      </c>
      <c r="H26849" s="8">
        <v>11096800</v>
      </c>
      <c r="I26849" s="8">
        <v>0</v>
      </c>
      <c r="J26849" s="8">
        <v>11096800</v>
      </c>
      <c r="K26849" s="9">
        <v>776</v>
      </c>
      <c r="L26849" s="6" t="s">
        <v>1694</v>
      </c>
    </row>
    <row r="26850" spans="1:12">
      <c r="A26850" s="6" t="s">
        <v>27440</v>
      </c>
      <c r="B26850" s="6"/>
      <c r="C26850" s="6" t="s">
        <v>27441</v>
      </c>
      <c r="D26850" s="6"/>
      <c r="E26850" s="6" t="s">
        <v>9</v>
      </c>
      <c r="F26850" s="7">
        <v>38657</v>
      </c>
      <c r="G26850" s="8">
        <v>13486200</v>
      </c>
      <c r="H26850" s="8">
        <v>13486200</v>
      </c>
      <c r="I26850" s="8">
        <v>0</v>
      </c>
      <c r="J26850" s="8">
        <v>13486200</v>
      </c>
      <c r="K26850" s="9">
        <v>1014</v>
      </c>
      <c r="L26850" s="6" t="s">
        <v>1694</v>
      </c>
    </row>
    <row r="26851" spans="1:12">
      <c r="A26851" s="6" t="s">
        <v>27440</v>
      </c>
      <c r="B26851" s="6"/>
      <c r="C26851" s="6" t="s">
        <v>27442</v>
      </c>
      <c r="D26851" s="6"/>
      <c r="E26851" s="6" t="s">
        <v>9</v>
      </c>
      <c r="F26851" s="7">
        <v>38657</v>
      </c>
      <c r="G26851" s="8">
        <v>5572700</v>
      </c>
      <c r="H26851" s="8">
        <v>5572700</v>
      </c>
      <c r="I26851" s="8">
        <v>0</v>
      </c>
      <c r="J26851" s="8">
        <v>5572700</v>
      </c>
      <c r="K26851" s="9">
        <v>419</v>
      </c>
      <c r="L26851" s="6" t="s">
        <v>1694</v>
      </c>
    </row>
    <row r="26852" spans="1:12">
      <c r="A26852" s="6" t="s">
        <v>27440</v>
      </c>
      <c r="B26852" s="6"/>
      <c r="C26852" s="6" t="s">
        <v>27443</v>
      </c>
      <c r="D26852" s="6"/>
      <c r="E26852" s="6" t="s">
        <v>9</v>
      </c>
      <c r="F26852" s="7">
        <v>38657</v>
      </c>
      <c r="G26852" s="8">
        <v>4921000</v>
      </c>
      <c r="H26852" s="8">
        <v>4921000</v>
      </c>
      <c r="I26852" s="8">
        <v>0</v>
      </c>
      <c r="J26852" s="8">
        <v>4921000</v>
      </c>
      <c r="K26852" s="9">
        <v>370</v>
      </c>
      <c r="L26852" s="6" t="s">
        <v>1694</v>
      </c>
    </row>
    <row r="26853" spans="1:12">
      <c r="A26853" s="6" t="s">
        <v>27440</v>
      </c>
      <c r="B26853" s="6"/>
      <c r="C26853" s="6" t="s">
        <v>27444</v>
      </c>
      <c r="D26853" s="6"/>
      <c r="E26853" s="6" t="s">
        <v>9</v>
      </c>
      <c r="F26853" s="7">
        <v>38657</v>
      </c>
      <c r="G26853" s="8">
        <v>3737300</v>
      </c>
      <c r="H26853" s="8">
        <v>3737300</v>
      </c>
      <c r="I26853" s="8">
        <v>0</v>
      </c>
      <c r="J26853" s="8">
        <v>3737300</v>
      </c>
      <c r="K26853" s="9">
        <v>281</v>
      </c>
      <c r="L26853" s="6" t="s">
        <v>1694</v>
      </c>
    </row>
    <row r="26854" spans="1:12">
      <c r="A26854" s="6" t="s">
        <v>27440</v>
      </c>
      <c r="B26854" s="6"/>
      <c r="C26854" s="6" t="s">
        <v>27445</v>
      </c>
      <c r="D26854" s="6"/>
      <c r="E26854" s="6" t="s">
        <v>9</v>
      </c>
      <c r="F26854" s="7">
        <v>38657</v>
      </c>
      <c r="G26854" s="8">
        <v>2380700</v>
      </c>
      <c r="H26854" s="8">
        <v>2380700</v>
      </c>
      <c r="I26854" s="8">
        <v>0</v>
      </c>
      <c r="J26854" s="8">
        <v>2380700</v>
      </c>
      <c r="K26854" s="9">
        <v>179</v>
      </c>
      <c r="L26854" s="6" t="s">
        <v>1694</v>
      </c>
    </row>
    <row r="26855" spans="1:12">
      <c r="A26855" s="6" t="s">
        <v>27440</v>
      </c>
      <c r="B26855" s="6"/>
      <c r="C26855" s="6" t="s">
        <v>27446</v>
      </c>
      <c r="D26855" s="6"/>
      <c r="E26855" s="6" t="s">
        <v>9</v>
      </c>
      <c r="F26855" s="7">
        <v>38657</v>
      </c>
      <c r="G26855" s="8">
        <v>8791300</v>
      </c>
      <c r="H26855" s="8">
        <v>8791300</v>
      </c>
      <c r="I26855" s="8">
        <v>0</v>
      </c>
      <c r="J26855" s="8">
        <v>8791300</v>
      </c>
      <c r="K26855" s="9">
        <v>661</v>
      </c>
      <c r="L26855" s="6" t="s">
        <v>1694</v>
      </c>
    </row>
    <row r="26856" spans="1:12">
      <c r="A26856" s="6" t="s">
        <v>27440</v>
      </c>
      <c r="B26856" s="6"/>
      <c r="C26856" s="6" t="s">
        <v>27447</v>
      </c>
      <c r="D26856" s="6"/>
      <c r="E26856" s="6" t="s">
        <v>9</v>
      </c>
      <c r="F26856" s="7">
        <v>38657</v>
      </c>
      <c r="G26856" s="8">
        <v>9296700</v>
      </c>
      <c r="H26856" s="8">
        <v>9296700</v>
      </c>
      <c r="I26856" s="8">
        <v>0</v>
      </c>
      <c r="J26856" s="8">
        <v>9296700</v>
      </c>
      <c r="K26856" s="9">
        <v>699</v>
      </c>
      <c r="L26856" s="6" t="s">
        <v>1694</v>
      </c>
    </row>
    <row r="26857" spans="1:12">
      <c r="A26857" s="6" t="s">
        <v>27440</v>
      </c>
      <c r="B26857" s="6"/>
      <c r="C26857" s="6" t="s">
        <v>27448</v>
      </c>
      <c r="D26857" s="6"/>
      <c r="E26857" s="6" t="s">
        <v>9</v>
      </c>
      <c r="F26857" s="7">
        <v>38657</v>
      </c>
      <c r="G26857" s="8">
        <v>16598400</v>
      </c>
      <c r="H26857" s="8">
        <v>16598400</v>
      </c>
      <c r="I26857" s="8">
        <v>0</v>
      </c>
      <c r="J26857" s="8">
        <v>16598400</v>
      </c>
      <c r="K26857" s="9">
        <v>1248</v>
      </c>
      <c r="L26857" s="6" t="s">
        <v>1694</v>
      </c>
    </row>
    <row r="26858" spans="1:12">
      <c r="A26858" s="6" t="s">
        <v>27440</v>
      </c>
      <c r="B26858" s="6"/>
      <c r="C26858" s="6" t="s">
        <v>27449</v>
      </c>
      <c r="D26858" s="6"/>
      <c r="E26858" s="6" t="s">
        <v>9</v>
      </c>
      <c r="F26858" s="7">
        <v>38657</v>
      </c>
      <c r="G26858" s="8">
        <v>12129600</v>
      </c>
      <c r="H26858" s="8">
        <v>12129600</v>
      </c>
      <c r="I26858" s="8">
        <v>0</v>
      </c>
      <c r="J26858" s="8">
        <v>12129600</v>
      </c>
      <c r="K26858" s="9">
        <v>912</v>
      </c>
      <c r="L26858" s="6" t="s">
        <v>1694</v>
      </c>
    </row>
    <row r="26859" spans="1:12">
      <c r="A26859" s="6" t="s">
        <v>27440</v>
      </c>
      <c r="B26859" s="6"/>
      <c r="C26859" s="6" t="s">
        <v>27450</v>
      </c>
      <c r="D26859" s="6"/>
      <c r="E26859" s="6" t="s">
        <v>9</v>
      </c>
      <c r="F26859" s="7">
        <v>38657</v>
      </c>
      <c r="G26859" s="8">
        <v>7753900</v>
      </c>
      <c r="H26859" s="8">
        <v>7753900</v>
      </c>
      <c r="I26859" s="8">
        <v>0</v>
      </c>
      <c r="J26859" s="8">
        <v>7753900</v>
      </c>
      <c r="K26859" s="9">
        <v>583</v>
      </c>
      <c r="L26859" s="6" t="s">
        <v>1694</v>
      </c>
    </row>
    <row r="26860" spans="1:12">
      <c r="A26860" s="6" t="s">
        <v>27440</v>
      </c>
      <c r="B26860" s="6"/>
      <c r="C26860" s="6" t="s">
        <v>27451</v>
      </c>
      <c r="D26860" s="6"/>
      <c r="E26860" s="6" t="s">
        <v>9</v>
      </c>
      <c r="F26860" s="7">
        <v>38657</v>
      </c>
      <c r="G26860" s="8">
        <v>3537800</v>
      </c>
      <c r="H26860" s="8">
        <v>3537800</v>
      </c>
      <c r="I26860" s="8">
        <v>0</v>
      </c>
      <c r="J26860" s="8">
        <v>3537800</v>
      </c>
      <c r="K26860" s="9">
        <v>266</v>
      </c>
      <c r="L26860" s="6" t="s">
        <v>1694</v>
      </c>
    </row>
    <row r="26861" spans="1:12">
      <c r="A26861" s="6" t="s">
        <v>27440</v>
      </c>
      <c r="B26861" s="6"/>
      <c r="C26861" s="6" t="s">
        <v>27452</v>
      </c>
      <c r="D26861" s="6"/>
      <c r="E26861" s="6" t="s">
        <v>9</v>
      </c>
      <c r="F26861" s="7">
        <v>38657</v>
      </c>
      <c r="G26861" s="8">
        <v>16824500</v>
      </c>
      <c r="H26861" s="8">
        <v>16824500</v>
      </c>
      <c r="I26861" s="8">
        <v>0</v>
      </c>
      <c r="J26861" s="8">
        <v>16824500</v>
      </c>
      <c r="K26861" s="9">
        <v>1265</v>
      </c>
      <c r="L26861" s="6" t="s">
        <v>1694</v>
      </c>
    </row>
    <row r="26862" spans="1:12">
      <c r="A26862" s="6" t="s">
        <v>27440</v>
      </c>
      <c r="B26862" s="6"/>
      <c r="C26862" s="6" t="s">
        <v>27453</v>
      </c>
      <c r="D26862" s="6"/>
      <c r="E26862" s="6" t="s">
        <v>9</v>
      </c>
      <c r="F26862" s="7">
        <v>38657</v>
      </c>
      <c r="G26862" s="8">
        <v>89854800</v>
      </c>
      <c r="H26862" s="8">
        <v>89854800</v>
      </c>
      <c r="I26862" s="8">
        <v>0</v>
      </c>
      <c r="J26862" s="8">
        <v>89854800</v>
      </c>
      <c r="K26862" s="9">
        <v>6756</v>
      </c>
      <c r="L26862" s="6" t="s">
        <v>1694</v>
      </c>
    </row>
    <row r="26863" spans="1:12">
      <c r="A26863" s="6" t="s">
        <v>27440</v>
      </c>
      <c r="B26863" s="6"/>
      <c r="C26863" s="6" t="s">
        <v>27454</v>
      </c>
      <c r="D26863" s="6"/>
      <c r="E26863" s="6" t="s">
        <v>9</v>
      </c>
      <c r="F26863" s="7">
        <v>38657</v>
      </c>
      <c r="G26863" s="8">
        <v>52453998</v>
      </c>
      <c r="H26863" s="8">
        <v>52453998</v>
      </c>
      <c r="I26863" s="8">
        <v>0</v>
      </c>
      <c r="J26863" s="8">
        <v>52453998</v>
      </c>
      <c r="K26863" s="9">
        <v>3921</v>
      </c>
      <c r="L26863" s="6" t="s">
        <v>1694</v>
      </c>
    </row>
    <row r="26864" spans="1:12">
      <c r="A26864" s="6" t="s">
        <v>27440</v>
      </c>
      <c r="B26864" s="6"/>
      <c r="C26864" s="6" t="s">
        <v>27455</v>
      </c>
      <c r="D26864" s="6"/>
      <c r="E26864" s="6" t="s">
        <v>9</v>
      </c>
      <c r="F26864" s="7">
        <v>38657</v>
      </c>
      <c r="G26864" s="8">
        <v>3943200</v>
      </c>
      <c r="H26864" s="8">
        <v>3943200</v>
      </c>
      <c r="I26864" s="8">
        <v>0</v>
      </c>
      <c r="J26864" s="8">
        <v>3943200</v>
      </c>
      <c r="K26864" s="9">
        <v>248</v>
      </c>
      <c r="L26864" s="6" t="s">
        <v>1694</v>
      </c>
    </row>
    <row r="26865" spans="1:12">
      <c r="A26865" s="6" t="s">
        <v>27440</v>
      </c>
      <c r="B26865" s="6"/>
      <c r="C26865" s="6" t="s">
        <v>27456</v>
      </c>
      <c r="D26865" s="6"/>
      <c r="E26865" s="6" t="s">
        <v>9</v>
      </c>
      <c r="F26865" s="7">
        <v>38657</v>
      </c>
      <c r="G26865" s="8">
        <v>923062</v>
      </c>
      <c r="H26865" s="8">
        <v>923062</v>
      </c>
      <c r="I26865" s="8">
        <v>0</v>
      </c>
      <c r="J26865" s="8">
        <v>923062</v>
      </c>
      <c r="K26865" s="9">
        <v>69</v>
      </c>
      <c r="L26865" s="6" t="s">
        <v>1694</v>
      </c>
    </row>
    <row r="26866" spans="1:12">
      <c r="A26866" s="6" t="s">
        <v>27440</v>
      </c>
      <c r="B26866" s="6"/>
      <c r="C26866" s="6" t="s">
        <v>27457</v>
      </c>
      <c r="D26866" s="6"/>
      <c r="E26866" s="6" t="s">
        <v>9</v>
      </c>
      <c r="F26866" s="7">
        <v>38657</v>
      </c>
      <c r="G26866" s="8">
        <v>200666</v>
      </c>
      <c r="H26866" s="8">
        <v>200666</v>
      </c>
      <c r="I26866" s="8">
        <v>0</v>
      </c>
      <c r="J26866" s="8">
        <v>200666</v>
      </c>
      <c r="K26866" s="9">
        <v>15</v>
      </c>
      <c r="L26866" s="6" t="s">
        <v>1694</v>
      </c>
    </row>
    <row r="26867" spans="1:12">
      <c r="A26867" s="6" t="s">
        <v>27440</v>
      </c>
      <c r="B26867" s="6"/>
      <c r="C26867" s="6" t="s">
        <v>27458</v>
      </c>
      <c r="D26867" s="6"/>
      <c r="E26867" s="6" t="s">
        <v>9</v>
      </c>
      <c r="F26867" s="7">
        <v>38657</v>
      </c>
      <c r="G26867" s="8">
        <v>6046725</v>
      </c>
      <c r="H26867" s="8">
        <v>6046725</v>
      </c>
      <c r="I26867" s="8">
        <v>0</v>
      </c>
      <c r="J26867" s="8">
        <v>6046725</v>
      </c>
      <c r="K26867" s="9">
        <v>452</v>
      </c>
      <c r="L26867" s="6" t="s">
        <v>1694</v>
      </c>
    </row>
    <row r="26868" spans="1:12">
      <c r="A26868" s="6" t="s">
        <v>27440</v>
      </c>
      <c r="B26868" s="6"/>
      <c r="C26868" s="6" t="s">
        <v>27459</v>
      </c>
      <c r="D26868" s="6"/>
      <c r="E26868" s="6" t="s">
        <v>9</v>
      </c>
      <c r="F26868" s="7">
        <v>38657</v>
      </c>
      <c r="G26868" s="8">
        <v>8831200</v>
      </c>
      <c r="H26868" s="8">
        <v>8831200</v>
      </c>
      <c r="I26868" s="8">
        <v>0</v>
      </c>
      <c r="J26868" s="8">
        <v>8831200</v>
      </c>
      <c r="K26868" s="9">
        <v>664</v>
      </c>
      <c r="L26868" s="6" t="s">
        <v>1694</v>
      </c>
    </row>
    <row r="26869" spans="1:12">
      <c r="A26869" s="6" t="s">
        <v>27440</v>
      </c>
      <c r="B26869" s="6"/>
      <c r="C26869" s="6" t="s">
        <v>27460</v>
      </c>
      <c r="D26869" s="6"/>
      <c r="E26869" s="6" t="s">
        <v>9</v>
      </c>
      <c r="F26869" s="7">
        <v>38657</v>
      </c>
      <c r="G26869" s="8">
        <v>17582600</v>
      </c>
      <c r="H26869" s="8">
        <v>17582600</v>
      </c>
      <c r="I26869" s="8">
        <v>0</v>
      </c>
      <c r="J26869" s="8">
        <v>17582600</v>
      </c>
      <c r="K26869" s="9">
        <v>1322</v>
      </c>
      <c r="L26869" s="6" t="s">
        <v>1694</v>
      </c>
    </row>
    <row r="26870" spans="1:12">
      <c r="A26870" s="6" t="s">
        <v>27440</v>
      </c>
      <c r="B26870" s="6"/>
      <c r="C26870" s="6" t="s">
        <v>27461</v>
      </c>
      <c r="D26870" s="6"/>
      <c r="E26870" s="6" t="s">
        <v>9</v>
      </c>
      <c r="F26870" s="7">
        <v>38657</v>
      </c>
      <c r="G26870" s="8">
        <v>18141200</v>
      </c>
      <c r="H26870" s="8">
        <v>18141200</v>
      </c>
      <c r="I26870" s="8">
        <v>0</v>
      </c>
      <c r="J26870" s="8">
        <v>18141200</v>
      </c>
      <c r="K26870" s="9">
        <v>1364</v>
      </c>
      <c r="L26870" s="6" t="s">
        <v>1694</v>
      </c>
    </row>
    <row r="26871" spans="1:12">
      <c r="A26871" s="6" t="s">
        <v>27440</v>
      </c>
      <c r="B26871" s="6"/>
      <c r="C26871" s="6" t="s">
        <v>27462</v>
      </c>
      <c r="D26871" s="6"/>
      <c r="E26871" s="6" t="s">
        <v>9</v>
      </c>
      <c r="F26871" s="7">
        <v>38657</v>
      </c>
      <c r="G26871" s="8">
        <v>13300000</v>
      </c>
      <c r="H26871" s="8">
        <v>13300000</v>
      </c>
      <c r="I26871" s="8">
        <v>0</v>
      </c>
      <c r="J26871" s="8">
        <v>13300000</v>
      </c>
      <c r="K26871" s="9">
        <v>1000</v>
      </c>
      <c r="L26871" s="6" t="s">
        <v>1694</v>
      </c>
    </row>
    <row r="26872" spans="1:12">
      <c r="A26872" s="6" t="s">
        <v>27440</v>
      </c>
      <c r="B26872" s="6"/>
      <c r="C26872" s="6" t="s">
        <v>27463</v>
      </c>
      <c r="D26872" s="6"/>
      <c r="E26872" s="6" t="s">
        <v>9</v>
      </c>
      <c r="F26872" s="7">
        <v>38657</v>
      </c>
      <c r="G26872" s="8">
        <v>11305000</v>
      </c>
      <c r="H26872" s="8">
        <v>11305000</v>
      </c>
      <c r="I26872" s="8">
        <v>0</v>
      </c>
      <c r="J26872" s="8">
        <v>11305000</v>
      </c>
      <c r="K26872" s="9">
        <v>850</v>
      </c>
      <c r="L26872" s="6" t="s">
        <v>1694</v>
      </c>
    </row>
    <row r="26873" spans="1:12">
      <c r="A26873" s="6" t="s">
        <v>27440</v>
      </c>
      <c r="B26873" s="6"/>
      <c r="C26873" s="6" t="s">
        <v>27464</v>
      </c>
      <c r="D26873" s="6"/>
      <c r="E26873" s="6" t="s">
        <v>9</v>
      </c>
      <c r="F26873" s="7">
        <v>38657</v>
      </c>
      <c r="G26873" s="8">
        <v>25961600</v>
      </c>
      <c r="H26873" s="8">
        <v>25961600</v>
      </c>
      <c r="I26873" s="8">
        <v>0</v>
      </c>
      <c r="J26873" s="8">
        <v>25961600</v>
      </c>
      <c r="K26873" s="9">
        <v>1952</v>
      </c>
      <c r="L26873" s="6" t="s">
        <v>1694</v>
      </c>
    </row>
    <row r="26874" spans="1:12">
      <c r="A26874" s="6" t="s">
        <v>27440</v>
      </c>
      <c r="B26874" s="6"/>
      <c r="C26874" s="6" t="s">
        <v>27465</v>
      </c>
      <c r="D26874" s="6"/>
      <c r="E26874" s="6" t="s">
        <v>9</v>
      </c>
      <c r="F26874" s="7">
        <v>38657</v>
      </c>
      <c r="G26874" s="8">
        <v>4043200</v>
      </c>
      <c r="H26874" s="8">
        <v>4043200</v>
      </c>
      <c r="I26874" s="8">
        <v>0</v>
      </c>
      <c r="J26874" s="8">
        <v>4043200</v>
      </c>
      <c r="K26874" s="9">
        <v>304</v>
      </c>
      <c r="L26874" s="6" t="s">
        <v>1694</v>
      </c>
    </row>
    <row r="26875" spans="1:12">
      <c r="A26875" s="6" t="s">
        <v>27466</v>
      </c>
      <c r="B26875" s="6"/>
      <c r="C26875" s="6" t="s">
        <v>27467</v>
      </c>
      <c r="D26875" s="6"/>
      <c r="E26875" s="6" t="s">
        <v>9</v>
      </c>
      <c r="F26875" s="7">
        <v>38657</v>
      </c>
      <c r="G26875" s="8">
        <v>464400</v>
      </c>
      <c r="H26875" s="8">
        <v>464400</v>
      </c>
      <c r="I26875" s="8">
        <v>0</v>
      </c>
      <c r="J26875" s="8">
        <v>464400</v>
      </c>
      <c r="K26875" s="9">
        <v>36</v>
      </c>
      <c r="L26875" s="6" t="s">
        <v>1694</v>
      </c>
    </row>
    <row r="26876" spans="1:12">
      <c r="A26876" s="6" t="s">
        <v>27466</v>
      </c>
      <c r="B26876" s="6"/>
      <c r="C26876" s="6" t="s">
        <v>27468</v>
      </c>
      <c r="D26876" s="6"/>
      <c r="E26876" s="6" t="s">
        <v>9</v>
      </c>
      <c r="F26876" s="7">
        <v>38657</v>
      </c>
      <c r="G26876" s="8">
        <v>36932700</v>
      </c>
      <c r="H26876" s="8">
        <v>36932700</v>
      </c>
      <c r="I26876" s="8">
        <v>0</v>
      </c>
      <c r="J26876" s="8">
        <v>36932700</v>
      </c>
      <c r="K26876" s="9">
        <v>2863</v>
      </c>
      <c r="L26876" s="6" t="s">
        <v>1694</v>
      </c>
    </row>
    <row r="26877" spans="1:12">
      <c r="A26877" s="6" t="s">
        <v>27466</v>
      </c>
      <c r="B26877" s="6"/>
      <c r="C26877" s="6" t="s">
        <v>27469</v>
      </c>
      <c r="D26877" s="6"/>
      <c r="E26877" s="6" t="s">
        <v>9</v>
      </c>
      <c r="F26877" s="7">
        <v>39902</v>
      </c>
      <c r="G26877" s="8">
        <v>25800000</v>
      </c>
      <c r="H26877" s="8">
        <v>25800000</v>
      </c>
      <c r="I26877" s="8">
        <v>0</v>
      </c>
      <c r="J26877" s="8">
        <v>25800000</v>
      </c>
      <c r="K26877" s="9">
        <v>2000</v>
      </c>
      <c r="L26877" s="6" t="s">
        <v>1694</v>
      </c>
    </row>
    <row r="26878" spans="1:12">
      <c r="A26878" s="6" t="s">
        <v>27466</v>
      </c>
      <c r="B26878" s="6"/>
      <c r="C26878" s="6" t="s">
        <v>27470</v>
      </c>
      <c r="D26878" s="6"/>
      <c r="E26878" s="6" t="s">
        <v>9</v>
      </c>
      <c r="F26878" s="7">
        <v>39902</v>
      </c>
      <c r="G26878" s="8">
        <v>13919100</v>
      </c>
      <c r="H26878" s="8">
        <v>13919100</v>
      </c>
      <c r="I26878" s="8">
        <v>0</v>
      </c>
      <c r="J26878" s="8">
        <v>13919100</v>
      </c>
      <c r="K26878" s="9">
        <v>1079</v>
      </c>
      <c r="L26878" s="6" t="s">
        <v>1694</v>
      </c>
    </row>
    <row r="26879" spans="1:12">
      <c r="A26879" s="6" t="s">
        <v>27466</v>
      </c>
      <c r="B26879" s="6"/>
      <c r="C26879" s="6" t="s">
        <v>27471</v>
      </c>
      <c r="D26879" s="6"/>
      <c r="E26879" s="6" t="s">
        <v>9</v>
      </c>
      <c r="F26879" s="7">
        <v>38657</v>
      </c>
      <c r="G26879" s="8">
        <v>10216800</v>
      </c>
      <c r="H26879" s="8">
        <v>10216800</v>
      </c>
      <c r="I26879" s="8">
        <v>0</v>
      </c>
      <c r="J26879" s="8">
        <v>10216800</v>
      </c>
      <c r="K26879" s="9">
        <v>792</v>
      </c>
      <c r="L26879" s="6" t="s">
        <v>1694</v>
      </c>
    </row>
    <row r="26880" spans="1:12">
      <c r="A26880" s="6" t="s">
        <v>27466</v>
      </c>
      <c r="B26880" s="6"/>
      <c r="C26880" s="6" t="s">
        <v>27472</v>
      </c>
      <c r="D26880" s="6"/>
      <c r="E26880" s="6" t="s">
        <v>9</v>
      </c>
      <c r="F26880" s="7">
        <v>38657</v>
      </c>
      <c r="G26880" s="8">
        <v>2334900</v>
      </c>
      <c r="H26880" s="8">
        <v>2334900</v>
      </c>
      <c r="I26880" s="8">
        <v>0</v>
      </c>
      <c r="J26880" s="8">
        <v>2334900</v>
      </c>
      <c r="K26880" s="9">
        <v>181</v>
      </c>
      <c r="L26880" s="6" t="s">
        <v>1694</v>
      </c>
    </row>
    <row r="26881" spans="1:12">
      <c r="A26881" s="6" t="s">
        <v>27466</v>
      </c>
      <c r="B26881" s="6"/>
      <c r="C26881" s="6" t="s">
        <v>27473</v>
      </c>
      <c r="D26881" s="6"/>
      <c r="E26881" s="6" t="s">
        <v>9</v>
      </c>
      <c r="F26881" s="7">
        <v>38657</v>
      </c>
      <c r="G26881" s="8">
        <v>19104900</v>
      </c>
      <c r="H26881" s="8">
        <v>19104900</v>
      </c>
      <c r="I26881" s="8">
        <v>0</v>
      </c>
      <c r="J26881" s="8">
        <v>19104900</v>
      </c>
      <c r="K26881" s="9">
        <v>1481</v>
      </c>
      <c r="L26881" s="6" t="s">
        <v>1694</v>
      </c>
    </row>
    <row r="26882" spans="1:12">
      <c r="A26882" s="6" t="s">
        <v>27466</v>
      </c>
      <c r="B26882" s="6"/>
      <c r="C26882" s="6" t="s">
        <v>27474</v>
      </c>
      <c r="D26882" s="6"/>
      <c r="E26882" s="6" t="s">
        <v>9</v>
      </c>
      <c r="F26882" s="7">
        <v>39962</v>
      </c>
      <c r="G26882" s="8">
        <v>16808700</v>
      </c>
      <c r="H26882" s="8">
        <v>16808700</v>
      </c>
      <c r="I26882" s="8">
        <v>0</v>
      </c>
      <c r="J26882" s="8">
        <v>16808700</v>
      </c>
      <c r="K26882" s="9">
        <v>1303</v>
      </c>
      <c r="L26882" s="6" t="s">
        <v>1694</v>
      </c>
    </row>
    <row r="26883" spans="1:12">
      <c r="A26883" s="6" t="s">
        <v>27466</v>
      </c>
      <c r="B26883" s="6"/>
      <c r="C26883" s="6" t="s">
        <v>27475</v>
      </c>
      <c r="D26883" s="6"/>
      <c r="E26883" s="6" t="s">
        <v>9</v>
      </c>
      <c r="F26883" s="7">
        <v>39962</v>
      </c>
      <c r="G26883" s="8">
        <v>23039400</v>
      </c>
      <c r="H26883" s="8">
        <v>23039400</v>
      </c>
      <c r="I26883" s="8">
        <v>0</v>
      </c>
      <c r="J26883" s="8">
        <v>23039400</v>
      </c>
      <c r="K26883" s="9">
        <v>1786</v>
      </c>
      <c r="L26883" s="6" t="s">
        <v>1694</v>
      </c>
    </row>
    <row r="26884" spans="1:12">
      <c r="A26884" s="6" t="s">
        <v>27466</v>
      </c>
      <c r="B26884" s="6"/>
      <c r="C26884" s="6" t="s">
        <v>27476</v>
      </c>
      <c r="D26884" s="6"/>
      <c r="E26884" s="6" t="s">
        <v>9</v>
      </c>
      <c r="F26884" s="7">
        <v>39962</v>
      </c>
      <c r="G26884" s="8">
        <v>21168900</v>
      </c>
      <c r="H26884" s="8">
        <v>21168900</v>
      </c>
      <c r="I26884" s="8">
        <v>0</v>
      </c>
      <c r="J26884" s="8">
        <v>21168900</v>
      </c>
      <c r="K26884" s="9">
        <v>1641</v>
      </c>
      <c r="L26884" s="6" t="s">
        <v>1694</v>
      </c>
    </row>
    <row r="26885" spans="1:12">
      <c r="A26885" s="6" t="s">
        <v>27466</v>
      </c>
      <c r="B26885" s="6"/>
      <c r="C26885" s="6" t="s">
        <v>27477</v>
      </c>
      <c r="D26885" s="6"/>
      <c r="E26885" s="6" t="s">
        <v>9</v>
      </c>
      <c r="F26885" s="7">
        <v>40513</v>
      </c>
      <c r="G26885" s="8">
        <v>5887947</v>
      </c>
      <c r="H26885" s="8">
        <v>5887947</v>
      </c>
      <c r="I26885" s="8">
        <v>0</v>
      </c>
      <c r="J26885" s="8">
        <v>5887947</v>
      </c>
      <c r="K26885" s="9">
        <v>456.43</v>
      </c>
      <c r="L26885" s="6" t="s">
        <v>1694</v>
      </c>
    </row>
    <row r="26886" spans="1:12">
      <c r="A26886" s="6" t="s">
        <v>27466</v>
      </c>
      <c r="B26886" s="6"/>
      <c r="C26886" s="6" t="s">
        <v>27478</v>
      </c>
      <c r="D26886" s="6"/>
      <c r="E26886" s="6" t="s">
        <v>9</v>
      </c>
      <c r="F26886" s="7">
        <v>38657</v>
      </c>
      <c r="G26886" s="8">
        <v>101845500</v>
      </c>
      <c r="H26886" s="8">
        <v>101845500</v>
      </c>
      <c r="I26886" s="8">
        <v>0</v>
      </c>
      <c r="J26886" s="8">
        <v>101845500</v>
      </c>
      <c r="K26886" s="9">
        <v>7895</v>
      </c>
      <c r="L26886" s="6" t="s">
        <v>1694</v>
      </c>
    </row>
    <row r="26887" spans="1:12">
      <c r="A26887" s="6" t="s">
        <v>27466</v>
      </c>
      <c r="B26887" s="6"/>
      <c r="C26887" s="6" t="s">
        <v>27479</v>
      </c>
      <c r="D26887" s="6"/>
      <c r="E26887" s="6" t="s">
        <v>9</v>
      </c>
      <c r="F26887" s="7">
        <v>38657</v>
      </c>
      <c r="G26887" s="8">
        <v>11958300</v>
      </c>
      <c r="H26887" s="8">
        <v>11958300</v>
      </c>
      <c r="I26887" s="8">
        <v>0</v>
      </c>
      <c r="J26887" s="8">
        <v>11958300</v>
      </c>
      <c r="K26887" s="9">
        <v>927</v>
      </c>
      <c r="L26887" s="6" t="s">
        <v>1694</v>
      </c>
    </row>
    <row r="26888" spans="1:12">
      <c r="A26888" s="6" t="s">
        <v>27466</v>
      </c>
      <c r="B26888" s="6"/>
      <c r="C26888" s="6" t="s">
        <v>27480</v>
      </c>
      <c r="D26888" s="6"/>
      <c r="E26888" s="6" t="s">
        <v>9</v>
      </c>
      <c r="F26888" s="7">
        <v>38657</v>
      </c>
      <c r="G26888" s="8">
        <v>10203900</v>
      </c>
      <c r="H26888" s="8">
        <v>10203900</v>
      </c>
      <c r="I26888" s="8">
        <v>0</v>
      </c>
      <c r="J26888" s="8">
        <v>10203900</v>
      </c>
      <c r="K26888" s="9">
        <v>791</v>
      </c>
      <c r="L26888" s="6" t="s">
        <v>1694</v>
      </c>
    </row>
    <row r="26889" spans="1:12">
      <c r="A26889" s="6" t="s">
        <v>27481</v>
      </c>
      <c r="B26889" s="6"/>
      <c r="C26889" s="6" t="s">
        <v>27482</v>
      </c>
      <c r="D26889" s="6"/>
      <c r="E26889" s="6" t="s">
        <v>18740</v>
      </c>
      <c r="F26889" s="7">
        <v>38657</v>
      </c>
      <c r="G26889" s="8">
        <v>35890400</v>
      </c>
      <c r="H26889" s="8">
        <v>35890400</v>
      </c>
      <c r="I26889" s="8">
        <v>0</v>
      </c>
      <c r="J26889" s="8">
        <v>35890400</v>
      </c>
      <c r="K26889" s="9">
        <v>1972</v>
      </c>
      <c r="L26889" s="6" t="s">
        <v>1694</v>
      </c>
    </row>
    <row r="26890" spans="1:12">
      <c r="A26890" s="6" t="s">
        <v>27481</v>
      </c>
      <c r="B26890" s="6"/>
      <c r="C26890" s="6" t="s">
        <v>27483</v>
      </c>
      <c r="D26890" s="6"/>
      <c r="E26890" s="6" t="s">
        <v>18740</v>
      </c>
      <c r="F26890" s="7">
        <v>38657</v>
      </c>
      <c r="G26890" s="8">
        <v>218418200</v>
      </c>
      <c r="H26890" s="8">
        <v>218418200</v>
      </c>
      <c r="I26890" s="8">
        <v>0</v>
      </c>
      <c r="J26890" s="8">
        <v>218418200</v>
      </c>
      <c r="K26890" s="9">
        <v>12001</v>
      </c>
      <c r="L26890" s="6" t="s">
        <v>1694</v>
      </c>
    </row>
    <row r="26891" spans="1:12">
      <c r="A26891" s="6" t="s">
        <v>27484</v>
      </c>
      <c r="B26891" s="6"/>
      <c r="C26891" s="6" t="s">
        <v>27485</v>
      </c>
      <c r="D26891" s="6"/>
      <c r="E26891" s="6" t="s">
        <v>9</v>
      </c>
      <c r="F26891" s="7">
        <v>38657</v>
      </c>
      <c r="G26891" s="8">
        <v>248589704</v>
      </c>
      <c r="H26891" s="8">
        <v>248589704</v>
      </c>
      <c r="I26891" s="8">
        <v>0</v>
      </c>
      <c r="J26891" s="8">
        <v>248589704</v>
      </c>
      <c r="K26891" s="9">
        <v>27020.62</v>
      </c>
      <c r="L26891" s="6" t="s">
        <v>1694</v>
      </c>
    </row>
    <row r="26892" spans="1:12">
      <c r="A26892" s="6" t="s">
        <v>27484</v>
      </c>
      <c r="B26892" s="6"/>
      <c r="C26892" s="6" t="s">
        <v>27486</v>
      </c>
      <c r="D26892" s="6"/>
      <c r="E26892" s="6" t="s">
        <v>9</v>
      </c>
      <c r="F26892" s="7">
        <v>41365</v>
      </c>
      <c r="G26892" s="8">
        <v>2760000</v>
      </c>
      <c r="H26892" s="8">
        <v>2760000</v>
      </c>
      <c r="I26892" s="8">
        <v>0</v>
      </c>
      <c r="J26892" s="8">
        <v>2760000</v>
      </c>
      <c r="K26892" s="9">
        <v>300</v>
      </c>
      <c r="L26892" s="6" t="s">
        <v>1694</v>
      </c>
    </row>
    <row r="26893" spans="1:12">
      <c r="A26893" s="6" t="s">
        <v>27487</v>
      </c>
      <c r="B26893" s="6"/>
      <c r="C26893" s="6" t="s">
        <v>27488</v>
      </c>
      <c r="D26893" s="6"/>
      <c r="E26893" s="6" t="s">
        <v>9</v>
      </c>
      <c r="F26893" s="7">
        <v>38657</v>
      </c>
      <c r="G26893" s="8">
        <v>603100</v>
      </c>
      <c r="H26893" s="8">
        <v>603100</v>
      </c>
      <c r="I26893" s="8">
        <v>0</v>
      </c>
      <c r="J26893" s="8">
        <v>603100</v>
      </c>
      <c r="K26893" s="9">
        <v>37</v>
      </c>
      <c r="L26893" s="6" t="s">
        <v>1694</v>
      </c>
    </row>
    <row r="26894" spans="1:12">
      <c r="A26894" s="6" t="s">
        <v>27487</v>
      </c>
      <c r="B26894" s="6"/>
      <c r="C26894" s="6" t="s">
        <v>27489</v>
      </c>
      <c r="D26894" s="6"/>
      <c r="E26894" s="6" t="s">
        <v>9</v>
      </c>
      <c r="F26894" s="7">
        <v>38657</v>
      </c>
      <c r="G26894" s="8">
        <v>161533</v>
      </c>
      <c r="H26894" s="8">
        <v>161533</v>
      </c>
      <c r="I26894" s="8">
        <v>0</v>
      </c>
      <c r="J26894" s="8">
        <v>161533</v>
      </c>
      <c r="K26894" s="9">
        <v>9.91</v>
      </c>
      <c r="L26894" s="6" t="s">
        <v>1694</v>
      </c>
    </row>
    <row r="26895" spans="1:12">
      <c r="A26895" s="6" t="s">
        <v>27487</v>
      </c>
      <c r="B26895" s="6"/>
      <c r="C26895" s="6" t="s">
        <v>27490</v>
      </c>
      <c r="D26895" s="6"/>
      <c r="E26895" s="6" t="s">
        <v>9</v>
      </c>
      <c r="F26895" s="7">
        <v>38657</v>
      </c>
      <c r="G26895" s="8">
        <v>12127200</v>
      </c>
      <c r="H26895" s="8">
        <v>12127200</v>
      </c>
      <c r="I26895" s="8">
        <v>0</v>
      </c>
      <c r="J26895" s="8">
        <v>12127200</v>
      </c>
      <c r="K26895" s="9">
        <v>744</v>
      </c>
      <c r="L26895" s="6" t="s">
        <v>1694</v>
      </c>
    </row>
    <row r="26896" spans="1:12">
      <c r="A26896" s="6" t="s">
        <v>27487</v>
      </c>
      <c r="B26896" s="6"/>
      <c r="C26896" s="6" t="s">
        <v>27491</v>
      </c>
      <c r="D26896" s="6"/>
      <c r="E26896" s="6" t="s">
        <v>9</v>
      </c>
      <c r="F26896" s="7">
        <v>38657</v>
      </c>
      <c r="G26896" s="8">
        <v>586800</v>
      </c>
      <c r="H26896" s="8">
        <v>586800</v>
      </c>
      <c r="I26896" s="8">
        <v>0</v>
      </c>
      <c r="J26896" s="8">
        <v>586800</v>
      </c>
      <c r="K26896" s="9">
        <v>36</v>
      </c>
      <c r="L26896" s="6" t="s">
        <v>1694</v>
      </c>
    </row>
    <row r="26897" spans="1:12">
      <c r="A26897" s="6" t="s">
        <v>27487</v>
      </c>
      <c r="B26897" s="6"/>
      <c r="C26897" s="6" t="s">
        <v>27492</v>
      </c>
      <c r="D26897" s="6"/>
      <c r="E26897" s="6" t="s">
        <v>9</v>
      </c>
      <c r="F26897" s="7">
        <v>38657</v>
      </c>
      <c r="G26897" s="8">
        <v>12273900</v>
      </c>
      <c r="H26897" s="8">
        <v>12273900</v>
      </c>
      <c r="I26897" s="8">
        <v>0</v>
      </c>
      <c r="J26897" s="8">
        <v>12273900</v>
      </c>
      <c r="K26897" s="9">
        <v>753</v>
      </c>
      <c r="L26897" s="6" t="s">
        <v>1694</v>
      </c>
    </row>
    <row r="26898" spans="1:12">
      <c r="A26898" s="6" t="s">
        <v>27487</v>
      </c>
      <c r="B26898" s="6"/>
      <c r="C26898" s="6" t="s">
        <v>27493</v>
      </c>
      <c r="D26898" s="6"/>
      <c r="E26898" s="6" t="s">
        <v>9</v>
      </c>
      <c r="F26898" s="7">
        <v>38657</v>
      </c>
      <c r="G26898" s="8">
        <v>537900</v>
      </c>
      <c r="H26898" s="8">
        <v>537900</v>
      </c>
      <c r="I26898" s="8">
        <v>0</v>
      </c>
      <c r="J26898" s="8">
        <v>537900</v>
      </c>
      <c r="K26898" s="9">
        <v>33</v>
      </c>
      <c r="L26898" s="6" t="s">
        <v>1694</v>
      </c>
    </row>
    <row r="26899" spans="1:12">
      <c r="A26899" s="6" t="s">
        <v>27487</v>
      </c>
      <c r="B26899" s="6"/>
      <c r="C26899" s="6" t="s">
        <v>27494</v>
      </c>
      <c r="D26899" s="6"/>
      <c r="E26899" s="6" t="s">
        <v>9</v>
      </c>
      <c r="F26899" s="7">
        <v>38657</v>
      </c>
      <c r="G26899" s="8">
        <v>11996800</v>
      </c>
      <c r="H26899" s="8">
        <v>11996800</v>
      </c>
      <c r="I26899" s="8">
        <v>0</v>
      </c>
      <c r="J26899" s="8">
        <v>11996800</v>
      </c>
      <c r="K26899" s="9">
        <v>736</v>
      </c>
      <c r="L26899" s="6" t="s">
        <v>1694</v>
      </c>
    </row>
    <row r="26900" spans="1:12">
      <c r="A26900" s="6" t="s">
        <v>27487</v>
      </c>
      <c r="B26900" s="6"/>
      <c r="C26900" s="6" t="s">
        <v>27495</v>
      </c>
      <c r="D26900" s="6"/>
      <c r="E26900" s="6" t="s">
        <v>9</v>
      </c>
      <c r="F26900" s="7">
        <v>38657</v>
      </c>
      <c r="G26900" s="8">
        <v>586800</v>
      </c>
      <c r="H26900" s="8">
        <v>586800</v>
      </c>
      <c r="I26900" s="8">
        <v>0</v>
      </c>
      <c r="J26900" s="8">
        <v>586800</v>
      </c>
      <c r="K26900" s="9">
        <v>36</v>
      </c>
      <c r="L26900" s="6" t="s">
        <v>1694</v>
      </c>
    </row>
    <row r="26901" spans="1:12">
      <c r="A26901" s="6" t="s">
        <v>27487</v>
      </c>
      <c r="B26901" s="6"/>
      <c r="C26901" s="6" t="s">
        <v>27496</v>
      </c>
      <c r="D26901" s="6"/>
      <c r="E26901" s="6" t="s">
        <v>9</v>
      </c>
      <c r="F26901" s="7">
        <v>38657</v>
      </c>
      <c r="G26901" s="8">
        <v>11736000</v>
      </c>
      <c r="H26901" s="8">
        <v>11736000</v>
      </c>
      <c r="I26901" s="8">
        <v>0</v>
      </c>
      <c r="J26901" s="8">
        <v>11736000</v>
      </c>
      <c r="K26901" s="9">
        <v>720</v>
      </c>
      <c r="L26901" s="6" t="s">
        <v>1694</v>
      </c>
    </row>
    <row r="26902" spans="1:12">
      <c r="A26902" s="6" t="s">
        <v>27487</v>
      </c>
      <c r="B26902" s="6"/>
      <c r="C26902" s="6" t="s">
        <v>27497</v>
      </c>
      <c r="D26902" s="6"/>
      <c r="E26902" s="6" t="s">
        <v>9</v>
      </c>
      <c r="F26902" s="7">
        <v>38657</v>
      </c>
      <c r="G26902" s="8">
        <v>847600</v>
      </c>
      <c r="H26902" s="8">
        <v>847600</v>
      </c>
      <c r="I26902" s="8">
        <v>0</v>
      </c>
      <c r="J26902" s="8">
        <v>847600</v>
      </c>
      <c r="K26902" s="9">
        <v>52</v>
      </c>
      <c r="L26902" s="6" t="s">
        <v>1694</v>
      </c>
    </row>
    <row r="26903" spans="1:12">
      <c r="A26903" s="6" t="s">
        <v>27487</v>
      </c>
      <c r="B26903" s="6"/>
      <c r="C26903" s="6" t="s">
        <v>27498</v>
      </c>
      <c r="D26903" s="6"/>
      <c r="E26903" s="6" t="s">
        <v>9</v>
      </c>
      <c r="F26903" s="7">
        <v>38657</v>
      </c>
      <c r="G26903" s="8">
        <v>46781</v>
      </c>
      <c r="H26903" s="8">
        <v>46781</v>
      </c>
      <c r="I26903" s="8">
        <v>0</v>
      </c>
      <c r="J26903" s="8">
        <v>46781</v>
      </c>
      <c r="K26903" s="9">
        <v>2.87</v>
      </c>
      <c r="L26903" s="6" t="s">
        <v>1694</v>
      </c>
    </row>
    <row r="26904" spans="1:12">
      <c r="A26904" s="6" t="s">
        <v>27487</v>
      </c>
      <c r="B26904" s="6"/>
      <c r="C26904" s="6" t="s">
        <v>27499</v>
      </c>
      <c r="D26904" s="6"/>
      <c r="E26904" s="6" t="s">
        <v>9</v>
      </c>
      <c r="F26904" s="7">
        <v>38657</v>
      </c>
      <c r="G26904" s="8">
        <v>7628400</v>
      </c>
      <c r="H26904" s="8">
        <v>7628400</v>
      </c>
      <c r="I26904" s="8">
        <v>0</v>
      </c>
      <c r="J26904" s="8">
        <v>7628400</v>
      </c>
      <c r="K26904" s="9">
        <v>468</v>
      </c>
      <c r="L26904" s="6" t="s">
        <v>1694</v>
      </c>
    </row>
    <row r="26905" spans="1:12">
      <c r="A26905" s="6" t="s">
        <v>27487</v>
      </c>
      <c r="B26905" s="6"/>
      <c r="C26905" s="6" t="s">
        <v>27500</v>
      </c>
      <c r="D26905" s="6"/>
      <c r="E26905" s="6" t="s">
        <v>9</v>
      </c>
      <c r="F26905" s="7">
        <v>38657</v>
      </c>
      <c r="G26905" s="8">
        <v>12110900</v>
      </c>
      <c r="H26905" s="8">
        <v>12110900</v>
      </c>
      <c r="I26905" s="8">
        <v>0</v>
      </c>
      <c r="J26905" s="8">
        <v>12110900</v>
      </c>
      <c r="K26905" s="9">
        <v>743</v>
      </c>
      <c r="L26905" s="6" t="s">
        <v>1694</v>
      </c>
    </row>
    <row r="26906" spans="1:12">
      <c r="A26906" s="6" t="s">
        <v>27487</v>
      </c>
      <c r="B26906" s="6"/>
      <c r="C26906" s="6" t="s">
        <v>27501</v>
      </c>
      <c r="D26906" s="6"/>
      <c r="E26906" s="6" t="s">
        <v>9</v>
      </c>
      <c r="F26906" s="7">
        <v>38657</v>
      </c>
      <c r="G26906" s="8">
        <v>912800</v>
      </c>
      <c r="H26906" s="8">
        <v>912800</v>
      </c>
      <c r="I26906" s="8">
        <v>0</v>
      </c>
      <c r="J26906" s="8">
        <v>912800</v>
      </c>
      <c r="K26906" s="9">
        <v>56</v>
      </c>
      <c r="L26906" s="6" t="s">
        <v>1694</v>
      </c>
    </row>
    <row r="26907" spans="1:12">
      <c r="A26907" s="6" t="s">
        <v>27487</v>
      </c>
      <c r="B26907" s="6"/>
      <c r="C26907" s="6" t="s">
        <v>27502</v>
      </c>
      <c r="D26907" s="6"/>
      <c r="E26907" s="6" t="s">
        <v>9</v>
      </c>
      <c r="F26907" s="7">
        <v>38657</v>
      </c>
      <c r="G26907" s="8">
        <v>211900</v>
      </c>
      <c r="H26907" s="8">
        <v>211900</v>
      </c>
      <c r="I26907" s="8">
        <v>0</v>
      </c>
      <c r="J26907" s="8">
        <v>211900</v>
      </c>
      <c r="K26907" s="9">
        <v>13</v>
      </c>
      <c r="L26907" s="6" t="s">
        <v>1694</v>
      </c>
    </row>
    <row r="26908" spans="1:12">
      <c r="A26908" s="6" t="s">
        <v>27487</v>
      </c>
      <c r="B26908" s="6"/>
      <c r="C26908" s="6" t="s">
        <v>27503</v>
      </c>
      <c r="D26908" s="6"/>
      <c r="E26908" s="6" t="s">
        <v>9</v>
      </c>
      <c r="F26908" s="7">
        <v>38657</v>
      </c>
      <c r="G26908" s="8">
        <v>12339100</v>
      </c>
      <c r="H26908" s="8">
        <v>12339100</v>
      </c>
      <c r="I26908" s="8">
        <v>0</v>
      </c>
      <c r="J26908" s="8">
        <v>12339100</v>
      </c>
      <c r="K26908" s="9">
        <v>757</v>
      </c>
      <c r="L26908" s="6" t="s">
        <v>1694</v>
      </c>
    </row>
    <row r="26909" spans="1:12">
      <c r="A26909" s="6" t="s">
        <v>27487</v>
      </c>
      <c r="B26909" s="6"/>
      <c r="C26909" s="6" t="s">
        <v>27504</v>
      </c>
      <c r="D26909" s="6"/>
      <c r="E26909" s="6" t="s">
        <v>9</v>
      </c>
      <c r="F26909" s="7">
        <v>38657</v>
      </c>
      <c r="G26909" s="8">
        <v>961700</v>
      </c>
      <c r="H26909" s="8">
        <v>961700</v>
      </c>
      <c r="I26909" s="8">
        <v>0</v>
      </c>
      <c r="J26909" s="8">
        <v>961700</v>
      </c>
      <c r="K26909" s="9">
        <v>59</v>
      </c>
      <c r="L26909" s="6" t="s">
        <v>1694</v>
      </c>
    </row>
    <row r="26910" spans="1:12">
      <c r="A26910" s="6" t="s">
        <v>27487</v>
      </c>
      <c r="B26910" s="6"/>
      <c r="C26910" s="6" t="s">
        <v>27505</v>
      </c>
      <c r="D26910" s="6"/>
      <c r="E26910" s="6" t="s">
        <v>9</v>
      </c>
      <c r="F26910" s="7">
        <v>38657</v>
      </c>
      <c r="G26910" s="8">
        <v>211900</v>
      </c>
      <c r="H26910" s="8">
        <v>211900</v>
      </c>
      <c r="I26910" s="8">
        <v>0</v>
      </c>
      <c r="J26910" s="8">
        <v>211900</v>
      </c>
      <c r="K26910" s="9">
        <v>13</v>
      </c>
      <c r="L26910" s="6" t="s">
        <v>1694</v>
      </c>
    </row>
    <row r="26911" spans="1:12">
      <c r="A26911" s="6" t="s">
        <v>27487</v>
      </c>
      <c r="B26911" s="6"/>
      <c r="C26911" s="6" t="s">
        <v>27506</v>
      </c>
      <c r="D26911" s="6"/>
      <c r="E26911" s="6" t="s">
        <v>9</v>
      </c>
      <c r="F26911" s="7">
        <v>38657</v>
      </c>
      <c r="G26911" s="8">
        <v>11736000</v>
      </c>
      <c r="H26911" s="8">
        <v>11736000</v>
      </c>
      <c r="I26911" s="8">
        <v>0</v>
      </c>
      <c r="J26911" s="8">
        <v>11736000</v>
      </c>
      <c r="K26911" s="9">
        <v>720</v>
      </c>
      <c r="L26911" s="6" t="s">
        <v>1694</v>
      </c>
    </row>
    <row r="26912" spans="1:12">
      <c r="A26912" s="6" t="s">
        <v>27487</v>
      </c>
      <c r="B26912" s="6"/>
      <c r="C26912" s="6" t="s">
        <v>27507</v>
      </c>
      <c r="D26912" s="6"/>
      <c r="E26912" s="6" t="s">
        <v>9</v>
      </c>
      <c r="F26912" s="7">
        <v>38657</v>
      </c>
      <c r="G26912" s="8">
        <v>912800</v>
      </c>
      <c r="H26912" s="8">
        <v>912800</v>
      </c>
      <c r="I26912" s="8">
        <v>0</v>
      </c>
      <c r="J26912" s="8">
        <v>912800</v>
      </c>
      <c r="K26912" s="9">
        <v>56</v>
      </c>
      <c r="L26912" s="6" t="s">
        <v>1694</v>
      </c>
    </row>
    <row r="26913" spans="1:12">
      <c r="A26913" s="6" t="s">
        <v>27487</v>
      </c>
      <c r="B26913" s="6"/>
      <c r="C26913" s="6" t="s">
        <v>27508</v>
      </c>
      <c r="D26913" s="6"/>
      <c r="E26913" s="6" t="s">
        <v>9</v>
      </c>
      <c r="F26913" s="7">
        <v>38657</v>
      </c>
      <c r="G26913" s="8">
        <v>53790</v>
      </c>
      <c r="H26913" s="8">
        <v>53790</v>
      </c>
      <c r="I26913" s="8">
        <v>0</v>
      </c>
      <c r="J26913" s="8">
        <v>53790</v>
      </c>
      <c r="K26913" s="9">
        <v>3.3</v>
      </c>
      <c r="L26913" s="6" t="s">
        <v>1694</v>
      </c>
    </row>
    <row r="26914" spans="1:12">
      <c r="A26914" s="6" t="s">
        <v>27487</v>
      </c>
      <c r="B26914" s="6"/>
      <c r="C26914" s="6" t="s">
        <v>27509</v>
      </c>
      <c r="D26914" s="6"/>
      <c r="E26914" s="6" t="s">
        <v>9</v>
      </c>
      <c r="F26914" s="7">
        <v>38657</v>
      </c>
      <c r="G26914" s="8">
        <v>12436900</v>
      </c>
      <c r="H26914" s="8">
        <v>12436900</v>
      </c>
      <c r="I26914" s="8">
        <v>0</v>
      </c>
      <c r="J26914" s="8">
        <v>12436900</v>
      </c>
      <c r="K26914" s="9">
        <v>763</v>
      </c>
      <c r="L26914" s="6" t="s">
        <v>1694</v>
      </c>
    </row>
    <row r="26915" spans="1:12">
      <c r="A26915" s="6" t="s">
        <v>27487</v>
      </c>
      <c r="B26915" s="6"/>
      <c r="C26915" s="6" t="s">
        <v>27510</v>
      </c>
      <c r="D26915" s="6"/>
      <c r="E26915" s="6" t="s">
        <v>9</v>
      </c>
      <c r="F26915" s="7">
        <v>38657</v>
      </c>
      <c r="G26915" s="8">
        <v>10562400</v>
      </c>
      <c r="H26915" s="8">
        <v>10562400</v>
      </c>
      <c r="I26915" s="8">
        <v>0</v>
      </c>
      <c r="J26915" s="8">
        <v>10562400</v>
      </c>
      <c r="K26915" s="9">
        <v>648</v>
      </c>
      <c r="L26915" s="6" t="s">
        <v>1694</v>
      </c>
    </row>
    <row r="26916" spans="1:12">
      <c r="A26916" s="6" t="s">
        <v>27487</v>
      </c>
      <c r="B26916" s="6"/>
      <c r="C26916" s="6" t="s">
        <v>27511</v>
      </c>
      <c r="D26916" s="6"/>
      <c r="E26916" s="6" t="s">
        <v>9</v>
      </c>
      <c r="F26916" s="7">
        <v>38657</v>
      </c>
      <c r="G26916" s="8">
        <v>635700</v>
      </c>
      <c r="H26916" s="8">
        <v>635700</v>
      </c>
      <c r="I26916" s="8">
        <v>0</v>
      </c>
      <c r="J26916" s="8">
        <v>635700</v>
      </c>
      <c r="K26916" s="9">
        <v>39</v>
      </c>
      <c r="L26916" s="6" t="s">
        <v>1694</v>
      </c>
    </row>
    <row r="26917" spans="1:12">
      <c r="A26917" s="6" t="s">
        <v>27487</v>
      </c>
      <c r="B26917" s="6"/>
      <c r="C26917" s="6" t="s">
        <v>27512</v>
      </c>
      <c r="D26917" s="6"/>
      <c r="E26917" s="6" t="s">
        <v>9</v>
      </c>
      <c r="F26917" s="7">
        <v>38657</v>
      </c>
      <c r="G26917" s="8">
        <v>13088900</v>
      </c>
      <c r="H26917" s="8">
        <v>13088900</v>
      </c>
      <c r="I26917" s="8">
        <v>0</v>
      </c>
      <c r="J26917" s="8">
        <v>13088900</v>
      </c>
      <c r="K26917" s="9">
        <v>803</v>
      </c>
      <c r="L26917" s="6" t="s">
        <v>1694</v>
      </c>
    </row>
    <row r="26918" spans="1:12">
      <c r="A26918" s="6" t="s">
        <v>27487</v>
      </c>
      <c r="B26918" s="6"/>
      <c r="C26918" s="6" t="s">
        <v>27513</v>
      </c>
      <c r="D26918" s="6"/>
      <c r="E26918" s="6" t="s">
        <v>9</v>
      </c>
      <c r="F26918" s="7">
        <v>38657</v>
      </c>
      <c r="G26918" s="8">
        <v>537900</v>
      </c>
      <c r="H26918" s="8">
        <v>537900</v>
      </c>
      <c r="I26918" s="8">
        <v>0</v>
      </c>
      <c r="J26918" s="8">
        <v>537900</v>
      </c>
      <c r="K26918" s="9">
        <v>33</v>
      </c>
      <c r="L26918" s="6" t="s">
        <v>1694</v>
      </c>
    </row>
    <row r="26919" spans="1:12">
      <c r="A26919" s="6" t="s">
        <v>27487</v>
      </c>
      <c r="B26919" s="6"/>
      <c r="C26919" s="6" t="s">
        <v>27514</v>
      </c>
      <c r="D26919" s="6"/>
      <c r="E26919" s="6" t="s">
        <v>9</v>
      </c>
      <c r="F26919" s="7">
        <v>38657</v>
      </c>
      <c r="G26919" s="8">
        <v>12013100</v>
      </c>
      <c r="H26919" s="8">
        <v>12013100</v>
      </c>
      <c r="I26919" s="8">
        <v>0</v>
      </c>
      <c r="J26919" s="8">
        <v>12013100</v>
      </c>
      <c r="K26919" s="9">
        <v>737</v>
      </c>
      <c r="L26919" s="6" t="s">
        <v>1694</v>
      </c>
    </row>
    <row r="26920" spans="1:12">
      <c r="A26920" s="6" t="s">
        <v>27487</v>
      </c>
      <c r="B26920" s="6"/>
      <c r="C26920" s="6" t="s">
        <v>27515</v>
      </c>
      <c r="D26920" s="6"/>
      <c r="E26920" s="6" t="s">
        <v>9</v>
      </c>
      <c r="F26920" s="7">
        <v>38657</v>
      </c>
      <c r="G26920" s="8">
        <v>472700</v>
      </c>
      <c r="H26920" s="8">
        <v>472700</v>
      </c>
      <c r="I26920" s="8">
        <v>0</v>
      </c>
      <c r="J26920" s="8">
        <v>472700</v>
      </c>
      <c r="K26920" s="9">
        <v>29</v>
      </c>
      <c r="L26920" s="6" t="s">
        <v>1694</v>
      </c>
    </row>
    <row r="26921" spans="1:12">
      <c r="A26921" s="6" t="s">
        <v>27487</v>
      </c>
      <c r="B26921" s="6"/>
      <c r="C26921" s="6" t="s">
        <v>27516</v>
      </c>
      <c r="D26921" s="6"/>
      <c r="E26921" s="6" t="s">
        <v>9</v>
      </c>
      <c r="F26921" s="7">
        <v>38657</v>
      </c>
      <c r="G26921" s="8">
        <v>13040000</v>
      </c>
      <c r="H26921" s="8">
        <v>13040000</v>
      </c>
      <c r="I26921" s="8">
        <v>0</v>
      </c>
      <c r="J26921" s="8">
        <v>13040000</v>
      </c>
      <c r="K26921" s="9">
        <v>800</v>
      </c>
      <c r="L26921" s="6" t="s">
        <v>1694</v>
      </c>
    </row>
    <row r="26922" spans="1:12">
      <c r="A26922" s="6" t="s">
        <v>27487</v>
      </c>
      <c r="B26922" s="6"/>
      <c r="C26922" s="6" t="s">
        <v>27517</v>
      </c>
      <c r="D26922" s="6"/>
      <c r="E26922" s="6" t="s">
        <v>9</v>
      </c>
      <c r="F26922" s="7">
        <v>38657</v>
      </c>
      <c r="G26922" s="8">
        <v>472700</v>
      </c>
      <c r="H26922" s="8">
        <v>472700</v>
      </c>
      <c r="I26922" s="8">
        <v>0</v>
      </c>
      <c r="J26922" s="8">
        <v>472700</v>
      </c>
      <c r="K26922" s="9">
        <v>29</v>
      </c>
      <c r="L26922" s="6" t="s">
        <v>1694</v>
      </c>
    </row>
    <row r="26923" spans="1:12">
      <c r="A26923" s="6" t="s">
        <v>27487</v>
      </c>
      <c r="B26923" s="6"/>
      <c r="C26923" s="6" t="s">
        <v>27518</v>
      </c>
      <c r="D26923" s="6"/>
      <c r="E26923" s="6" t="s">
        <v>9</v>
      </c>
      <c r="F26923" s="7">
        <v>38657</v>
      </c>
      <c r="G26923" s="8">
        <v>3308900</v>
      </c>
      <c r="H26923" s="8">
        <v>3308900</v>
      </c>
      <c r="I26923" s="8">
        <v>0</v>
      </c>
      <c r="J26923" s="8">
        <v>3308900</v>
      </c>
      <c r="K26923" s="9">
        <v>203</v>
      </c>
      <c r="L26923" s="6" t="s">
        <v>1694</v>
      </c>
    </row>
    <row r="26924" spans="1:12">
      <c r="A26924" s="6" t="s">
        <v>27487</v>
      </c>
      <c r="B26924" s="6"/>
      <c r="C26924" s="6" t="s">
        <v>27519</v>
      </c>
      <c r="D26924" s="6"/>
      <c r="E26924" s="6" t="s">
        <v>9</v>
      </c>
      <c r="F26924" s="7">
        <v>38657</v>
      </c>
      <c r="G26924" s="8">
        <v>3178500</v>
      </c>
      <c r="H26924" s="8">
        <v>3178500</v>
      </c>
      <c r="I26924" s="8">
        <v>0</v>
      </c>
      <c r="J26924" s="8">
        <v>3178500</v>
      </c>
      <c r="K26924" s="9">
        <v>195</v>
      </c>
      <c r="L26924" s="6" t="s">
        <v>1694</v>
      </c>
    </row>
    <row r="26925" spans="1:12">
      <c r="A26925" s="6" t="s">
        <v>27487</v>
      </c>
      <c r="B26925" s="6"/>
      <c r="C26925" s="6" t="s">
        <v>27520</v>
      </c>
      <c r="D26925" s="6"/>
      <c r="E26925" s="6" t="s">
        <v>9</v>
      </c>
      <c r="F26925" s="7">
        <v>38657</v>
      </c>
      <c r="G26925" s="8">
        <v>1010600</v>
      </c>
      <c r="H26925" s="8">
        <v>1010600</v>
      </c>
      <c r="I26925" s="8">
        <v>0</v>
      </c>
      <c r="J26925" s="8">
        <v>1010600</v>
      </c>
      <c r="K26925" s="9">
        <v>62</v>
      </c>
      <c r="L26925" s="6" t="s">
        <v>1694</v>
      </c>
    </row>
    <row r="26926" spans="1:12">
      <c r="A26926" s="6" t="s">
        <v>27487</v>
      </c>
      <c r="B26926" s="6"/>
      <c r="C26926" s="6" t="s">
        <v>27521</v>
      </c>
      <c r="D26926" s="6"/>
      <c r="E26926" s="6" t="s">
        <v>9</v>
      </c>
      <c r="F26926" s="7">
        <v>38657</v>
      </c>
      <c r="G26926" s="8">
        <v>11833800</v>
      </c>
      <c r="H26926" s="8">
        <v>11833800</v>
      </c>
      <c r="I26926" s="8">
        <v>0</v>
      </c>
      <c r="J26926" s="8">
        <v>11833800</v>
      </c>
      <c r="K26926" s="9">
        <v>726</v>
      </c>
      <c r="L26926" s="6" t="s">
        <v>1694</v>
      </c>
    </row>
    <row r="26927" spans="1:12">
      <c r="A26927" s="6" t="s">
        <v>27487</v>
      </c>
      <c r="B26927" s="6"/>
      <c r="C26927" s="6" t="s">
        <v>27522</v>
      </c>
      <c r="D26927" s="6"/>
      <c r="E26927" s="6" t="s">
        <v>9</v>
      </c>
      <c r="F26927" s="7">
        <v>38657</v>
      </c>
      <c r="G26927" s="8">
        <v>2885100</v>
      </c>
      <c r="H26927" s="8">
        <v>2885100</v>
      </c>
      <c r="I26927" s="8">
        <v>0</v>
      </c>
      <c r="J26927" s="8">
        <v>2885100</v>
      </c>
      <c r="K26927" s="9">
        <v>177</v>
      </c>
      <c r="L26927" s="6" t="s">
        <v>1694</v>
      </c>
    </row>
    <row r="26928" spans="1:12">
      <c r="A26928" s="6" t="s">
        <v>27487</v>
      </c>
      <c r="B26928" s="6"/>
      <c r="C26928" s="6" t="s">
        <v>27523</v>
      </c>
      <c r="D26928" s="6"/>
      <c r="E26928" s="6" t="s">
        <v>9</v>
      </c>
      <c r="F26928" s="7">
        <v>38657</v>
      </c>
      <c r="G26928" s="8">
        <v>2819900</v>
      </c>
      <c r="H26928" s="8">
        <v>2819900</v>
      </c>
      <c r="I26928" s="8">
        <v>0</v>
      </c>
      <c r="J26928" s="8">
        <v>2819900</v>
      </c>
      <c r="K26928" s="9">
        <v>173</v>
      </c>
      <c r="L26928" s="6" t="s">
        <v>1694</v>
      </c>
    </row>
    <row r="26929" spans="1:12">
      <c r="A26929" s="6" t="s">
        <v>27487</v>
      </c>
      <c r="B26929" s="6"/>
      <c r="C26929" s="6" t="s">
        <v>27524</v>
      </c>
      <c r="D26929" s="6"/>
      <c r="E26929" s="6" t="s">
        <v>9</v>
      </c>
      <c r="F26929" s="7">
        <v>38657</v>
      </c>
      <c r="G26929" s="8">
        <v>3341500</v>
      </c>
      <c r="H26929" s="8">
        <v>3341500</v>
      </c>
      <c r="I26929" s="8">
        <v>0</v>
      </c>
      <c r="J26929" s="8">
        <v>3341500</v>
      </c>
      <c r="K26929" s="9">
        <v>205</v>
      </c>
      <c r="L26929" s="6" t="s">
        <v>1694</v>
      </c>
    </row>
    <row r="26930" spans="1:12">
      <c r="A26930" s="6" t="s">
        <v>27487</v>
      </c>
      <c r="B26930" s="6"/>
      <c r="C26930" s="6" t="s">
        <v>27525</v>
      </c>
      <c r="D26930" s="6"/>
      <c r="E26930" s="6" t="s">
        <v>9</v>
      </c>
      <c r="F26930" s="7">
        <v>38657</v>
      </c>
      <c r="G26930" s="8">
        <v>1434400</v>
      </c>
      <c r="H26930" s="8">
        <v>1434400</v>
      </c>
      <c r="I26930" s="8">
        <v>0</v>
      </c>
      <c r="J26930" s="8">
        <v>1434400</v>
      </c>
      <c r="K26930" s="9">
        <v>88</v>
      </c>
      <c r="L26930" s="6" t="s">
        <v>1694</v>
      </c>
    </row>
    <row r="26931" spans="1:12">
      <c r="A26931" s="6" t="s">
        <v>27487</v>
      </c>
      <c r="B26931" s="6"/>
      <c r="C26931" s="6" t="s">
        <v>27526</v>
      </c>
      <c r="D26931" s="6"/>
      <c r="E26931" s="6" t="s">
        <v>9</v>
      </c>
      <c r="F26931" s="7">
        <v>38657</v>
      </c>
      <c r="G26931" s="8">
        <v>2396100</v>
      </c>
      <c r="H26931" s="8">
        <v>2396100</v>
      </c>
      <c r="I26931" s="8">
        <v>0</v>
      </c>
      <c r="J26931" s="8">
        <v>2396100</v>
      </c>
      <c r="K26931" s="9">
        <v>147</v>
      </c>
      <c r="L26931" s="6" t="s">
        <v>1694</v>
      </c>
    </row>
    <row r="26932" spans="1:12">
      <c r="A26932" s="6" t="s">
        <v>27487</v>
      </c>
      <c r="B26932" s="6"/>
      <c r="C26932" s="6" t="s">
        <v>27527</v>
      </c>
      <c r="D26932" s="6"/>
      <c r="E26932" s="6" t="s">
        <v>9</v>
      </c>
      <c r="F26932" s="7">
        <v>38657</v>
      </c>
      <c r="G26932" s="8">
        <v>635700</v>
      </c>
      <c r="H26932" s="8">
        <v>635700</v>
      </c>
      <c r="I26932" s="8">
        <v>0</v>
      </c>
      <c r="J26932" s="8">
        <v>635700</v>
      </c>
      <c r="K26932" s="9">
        <v>39</v>
      </c>
      <c r="L26932" s="6" t="s">
        <v>1694</v>
      </c>
    </row>
    <row r="26933" spans="1:12">
      <c r="A26933" s="6" t="s">
        <v>27487</v>
      </c>
      <c r="B26933" s="6"/>
      <c r="C26933" s="6" t="s">
        <v>27528</v>
      </c>
      <c r="D26933" s="6"/>
      <c r="E26933" s="6" t="s">
        <v>9</v>
      </c>
      <c r="F26933" s="7">
        <v>38657</v>
      </c>
      <c r="G26933" s="8">
        <v>4955200</v>
      </c>
      <c r="H26933" s="8">
        <v>4955200</v>
      </c>
      <c r="I26933" s="8">
        <v>0</v>
      </c>
      <c r="J26933" s="8">
        <v>4955200</v>
      </c>
      <c r="K26933" s="9">
        <v>304</v>
      </c>
      <c r="L26933" s="6" t="s">
        <v>1694</v>
      </c>
    </row>
    <row r="26934" spans="1:12">
      <c r="A26934" s="6" t="s">
        <v>27487</v>
      </c>
      <c r="B26934" s="6"/>
      <c r="C26934" s="6" t="s">
        <v>27529</v>
      </c>
      <c r="D26934" s="6"/>
      <c r="E26934" s="6" t="s">
        <v>9</v>
      </c>
      <c r="F26934" s="7">
        <v>38657</v>
      </c>
      <c r="G26934" s="8">
        <v>5281200</v>
      </c>
      <c r="H26934" s="8">
        <v>5281200</v>
      </c>
      <c r="I26934" s="8">
        <v>0</v>
      </c>
      <c r="J26934" s="8">
        <v>5281200</v>
      </c>
      <c r="K26934" s="9">
        <v>324</v>
      </c>
      <c r="L26934" s="6" t="s">
        <v>1694</v>
      </c>
    </row>
    <row r="26935" spans="1:12">
      <c r="A26935" s="6" t="s">
        <v>27487</v>
      </c>
      <c r="B26935" s="6"/>
      <c r="C26935" s="6" t="s">
        <v>27530</v>
      </c>
      <c r="D26935" s="6"/>
      <c r="E26935" s="6" t="s">
        <v>9</v>
      </c>
      <c r="F26935" s="7">
        <v>38657</v>
      </c>
      <c r="G26935" s="8">
        <v>5916900</v>
      </c>
      <c r="H26935" s="8">
        <v>5916900</v>
      </c>
      <c r="I26935" s="8">
        <v>0</v>
      </c>
      <c r="J26935" s="8">
        <v>5916900</v>
      </c>
      <c r="K26935" s="9">
        <v>363</v>
      </c>
      <c r="L26935" s="6" t="s">
        <v>1694</v>
      </c>
    </row>
    <row r="26936" spans="1:12">
      <c r="A26936" s="6" t="s">
        <v>27487</v>
      </c>
      <c r="B26936" s="6"/>
      <c r="C26936" s="6" t="s">
        <v>27531</v>
      </c>
      <c r="D26936" s="6"/>
      <c r="E26936" s="6" t="s">
        <v>9</v>
      </c>
      <c r="F26936" s="7">
        <v>38657</v>
      </c>
      <c r="G26936" s="8">
        <v>5085600</v>
      </c>
      <c r="H26936" s="8">
        <v>5085600</v>
      </c>
      <c r="I26936" s="8">
        <v>0</v>
      </c>
      <c r="J26936" s="8">
        <v>5085600</v>
      </c>
      <c r="K26936" s="9">
        <v>312</v>
      </c>
      <c r="L26936" s="6" t="s">
        <v>1694</v>
      </c>
    </row>
    <row r="26937" spans="1:12">
      <c r="A26937" s="6" t="s">
        <v>27487</v>
      </c>
      <c r="B26937" s="6"/>
      <c r="C26937" s="6" t="s">
        <v>27532</v>
      </c>
      <c r="D26937" s="6"/>
      <c r="E26937" s="6" t="s">
        <v>9</v>
      </c>
      <c r="F26937" s="7">
        <v>38657</v>
      </c>
      <c r="G26937" s="8">
        <v>12094600</v>
      </c>
      <c r="H26937" s="8">
        <v>12094600</v>
      </c>
      <c r="I26937" s="8">
        <v>0</v>
      </c>
      <c r="J26937" s="8">
        <v>12094600</v>
      </c>
      <c r="K26937" s="9">
        <v>742</v>
      </c>
      <c r="L26937" s="6" t="s">
        <v>1694</v>
      </c>
    </row>
    <row r="26938" spans="1:12">
      <c r="A26938" s="6" t="s">
        <v>27487</v>
      </c>
      <c r="B26938" s="6"/>
      <c r="C26938" s="6" t="s">
        <v>27533</v>
      </c>
      <c r="D26938" s="6"/>
      <c r="E26938" s="6" t="s">
        <v>9</v>
      </c>
      <c r="F26938" s="7">
        <v>38657</v>
      </c>
      <c r="G26938" s="8">
        <v>5411600</v>
      </c>
      <c r="H26938" s="8">
        <v>5411600</v>
      </c>
      <c r="I26938" s="8">
        <v>0</v>
      </c>
      <c r="J26938" s="8">
        <v>5411600</v>
      </c>
      <c r="K26938" s="9">
        <v>332</v>
      </c>
      <c r="L26938" s="6" t="s">
        <v>1694</v>
      </c>
    </row>
    <row r="26939" spans="1:12">
      <c r="A26939" s="6" t="s">
        <v>27487</v>
      </c>
      <c r="B26939" s="6"/>
      <c r="C26939" s="6" t="s">
        <v>27534</v>
      </c>
      <c r="D26939" s="6"/>
      <c r="E26939" s="6" t="s">
        <v>9</v>
      </c>
      <c r="F26939" s="7">
        <v>38657</v>
      </c>
      <c r="G26939" s="8">
        <v>4384700</v>
      </c>
      <c r="H26939" s="8">
        <v>4384700</v>
      </c>
      <c r="I26939" s="8">
        <v>0</v>
      </c>
      <c r="J26939" s="8">
        <v>4384700</v>
      </c>
      <c r="K26939" s="9">
        <v>269</v>
      </c>
      <c r="L26939" s="6" t="s">
        <v>1694</v>
      </c>
    </row>
    <row r="26940" spans="1:12">
      <c r="A26940" s="6" t="s">
        <v>27487</v>
      </c>
      <c r="B26940" s="6"/>
      <c r="C26940" s="6" t="s">
        <v>27535</v>
      </c>
      <c r="D26940" s="6"/>
      <c r="E26940" s="6" t="s">
        <v>9</v>
      </c>
      <c r="F26940" s="7">
        <v>38657</v>
      </c>
      <c r="G26940" s="8">
        <v>5851700</v>
      </c>
      <c r="H26940" s="8">
        <v>5851700</v>
      </c>
      <c r="I26940" s="8">
        <v>0</v>
      </c>
      <c r="J26940" s="8">
        <v>5851700</v>
      </c>
      <c r="K26940" s="9">
        <v>359</v>
      </c>
      <c r="L26940" s="6" t="s">
        <v>1694</v>
      </c>
    </row>
    <row r="26941" spans="1:12">
      <c r="A26941" s="6" t="s">
        <v>27487</v>
      </c>
      <c r="B26941" s="6"/>
      <c r="C26941" s="6" t="s">
        <v>27536</v>
      </c>
      <c r="D26941" s="6"/>
      <c r="E26941" s="6" t="s">
        <v>9</v>
      </c>
      <c r="F26941" s="7">
        <v>38657</v>
      </c>
      <c r="G26941" s="8">
        <v>5949500</v>
      </c>
      <c r="H26941" s="8">
        <v>5949500</v>
      </c>
      <c r="I26941" s="8">
        <v>0</v>
      </c>
      <c r="J26941" s="8">
        <v>5949500</v>
      </c>
      <c r="K26941" s="9">
        <v>365</v>
      </c>
      <c r="L26941" s="6" t="s">
        <v>1694</v>
      </c>
    </row>
    <row r="26942" spans="1:12">
      <c r="A26942" s="6" t="s">
        <v>27487</v>
      </c>
      <c r="B26942" s="6"/>
      <c r="C26942" s="6" t="s">
        <v>27537</v>
      </c>
      <c r="D26942" s="6"/>
      <c r="E26942" s="6" t="s">
        <v>9</v>
      </c>
      <c r="F26942" s="7">
        <v>38657</v>
      </c>
      <c r="G26942" s="8">
        <v>4759600</v>
      </c>
      <c r="H26942" s="8">
        <v>4759600</v>
      </c>
      <c r="I26942" s="8">
        <v>0</v>
      </c>
      <c r="J26942" s="8">
        <v>4759600</v>
      </c>
      <c r="K26942" s="9">
        <v>292</v>
      </c>
      <c r="L26942" s="6" t="s">
        <v>1694</v>
      </c>
    </row>
    <row r="26943" spans="1:12">
      <c r="A26943" s="6" t="s">
        <v>27487</v>
      </c>
      <c r="B26943" s="6"/>
      <c r="C26943" s="6" t="s">
        <v>27538</v>
      </c>
      <c r="D26943" s="6"/>
      <c r="E26943" s="6" t="s">
        <v>9</v>
      </c>
      <c r="F26943" s="7">
        <v>38657</v>
      </c>
      <c r="G26943" s="8">
        <v>2102700</v>
      </c>
      <c r="H26943" s="8">
        <v>2102700</v>
      </c>
      <c r="I26943" s="8">
        <v>0</v>
      </c>
      <c r="J26943" s="8">
        <v>2102700</v>
      </c>
      <c r="K26943" s="9">
        <v>129</v>
      </c>
      <c r="L26943" s="6" t="s">
        <v>1694</v>
      </c>
    </row>
    <row r="26944" spans="1:12">
      <c r="A26944" s="6" t="s">
        <v>27487</v>
      </c>
      <c r="B26944" s="6"/>
      <c r="C26944" s="6" t="s">
        <v>27539</v>
      </c>
      <c r="D26944" s="6"/>
      <c r="E26944" s="6" t="s">
        <v>9</v>
      </c>
      <c r="F26944" s="7">
        <v>38657</v>
      </c>
      <c r="G26944" s="8">
        <v>2102700</v>
      </c>
      <c r="H26944" s="8">
        <v>2102700</v>
      </c>
      <c r="I26944" s="8">
        <v>0</v>
      </c>
      <c r="J26944" s="8">
        <v>2102700</v>
      </c>
      <c r="K26944" s="9">
        <v>129</v>
      </c>
      <c r="L26944" s="6" t="s">
        <v>1694</v>
      </c>
    </row>
    <row r="26945" spans="1:12">
      <c r="A26945" s="6" t="s">
        <v>27487</v>
      </c>
      <c r="B26945" s="6"/>
      <c r="C26945" s="6" t="s">
        <v>27540</v>
      </c>
      <c r="D26945" s="6"/>
      <c r="E26945" s="6" t="s">
        <v>9</v>
      </c>
      <c r="F26945" s="7">
        <v>38657</v>
      </c>
      <c r="G26945" s="8">
        <v>2053800</v>
      </c>
      <c r="H26945" s="8">
        <v>2053800</v>
      </c>
      <c r="I26945" s="8">
        <v>0</v>
      </c>
      <c r="J26945" s="8">
        <v>2053800</v>
      </c>
      <c r="K26945" s="9">
        <v>126</v>
      </c>
      <c r="L26945" s="6" t="s">
        <v>1694</v>
      </c>
    </row>
    <row r="26946" spans="1:12">
      <c r="A26946" s="6" t="s">
        <v>27487</v>
      </c>
      <c r="B26946" s="6"/>
      <c r="C26946" s="6" t="s">
        <v>27541</v>
      </c>
      <c r="D26946" s="6"/>
      <c r="E26946" s="6" t="s">
        <v>9</v>
      </c>
      <c r="F26946" s="7">
        <v>38657</v>
      </c>
      <c r="G26946" s="8">
        <v>5721300</v>
      </c>
      <c r="H26946" s="8">
        <v>5721300</v>
      </c>
      <c r="I26946" s="8">
        <v>0</v>
      </c>
      <c r="J26946" s="8">
        <v>5721300</v>
      </c>
      <c r="K26946" s="9">
        <v>351</v>
      </c>
      <c r="L26946" s="6" t="s">
        <v>1694</v>
      </c>
    </row>
    <row r="26947" spans="1:12">
      <c r="A26947" s="6" t="s">
        <v>27487</v>
      </c>
      <c r="B26947" s="6"/>
      <c r="C26947" s="6" t="s">
        <v>27542</v>
      </c>
      <c r="D26947" s="6"/>
      <c r="E26947" s="6" t="s">
        <v>9</v>
      </c>
      <c r="F26947" s="7">
        <v>38657</v>
      </c>
      <c r="G26947" s="8">
        <v>6357</v>
      </c>
      <c r="H26947" s="8">
        <v>6357</v>
      </c>
      <c r="I26947" s="8">
        <v>0</v>
      </c>
      <c r="J26947" s="8">
        <v>6357</v>
      </c>
      <c r="K26947" s="9">
        <v>0.39</v>
      </c>
      <c r="L26947" s="6" t="s">
        <v>1694</v>
      </c>
    </row>
    <row r="26948" spans="1:12">
      <c r="A26948" s="6" t="s">
        <v>27487</v>
      </c>
      <c r="B26948" s="6"/>
      <c r="C26948" s="6" t="s">
        <v>27543</v>
      </c>
      <c r="D26948" s="6"/>
      <c r="E26948" s="6" t="s">
        <v>9</v>
      </c>
      <c r="F26948" s="7">
        <v>38657</v>
      </c>
      <c r="G26948" s="8">
        <v>14213600</v>
      </c>
      <c r="H26948" s="8">
        <v>14213600</v>
      </c>
      <c r="I26948" s="8">
        <v>0</v>
      </c>
      <c r="J26948" s="8">
        <v>14213600</v>
      </c>
      <c r="K26948" s="9">
        <v>872</v>
      </c>
      <c r="L26948" s="6" t="s">
        <v>1694</v>
      </c>
    </row>
    <row r="26949" spans="1:12">
      <c r="A26949" s="6" t="s">
        <v>27487</v>
      </c>
      <c r="B26949" s="6"/>
      <c r="C26949" s="6" t="s">
        <v>27544</v>
      </c>
      <c r="D26949" s="6"/>
      <c r="E26949" s="6" t="s">
        <v>9</v>
      </c>
      <c r="F26949" s="7">
        <v>38657</v>
      </c>
      <c r="G26949" s="8">
        <v>3537100</v>
      </c>
      <c r="H26949" s="8">
        <v>3537100</v>
      </c>
      <c r="I26949" s="8">
        <v>0</v>
      </c>
      <c r="J26949" s="8">
        <v>3537100</v>
      </c>
      <c r="K26949" s="9">
        <v>217</v>
      </c>
      <c r="L26949" s="6" t="s">
        <v>1694</v>
      </c>
    </row>
    <row r="26950" spans="1:12">
      <c r="A26950" s="6" t="s">
        <v>27487</v>
      </c>
      <c r="B26950" s="6"/>
      <c r="C26950" s="6" t="s">
        <v>27545</v>
      </c>
      <c r="D26950" s="6"/>
      <c r="E26950" s="6" t="s">
        <v>9</v>
      </c>
      <c r="F26950" s="7">
        <v>38657</v>
      </c>
      <c r="G26950" s="8">
        <v>3504500</v>
      </c>
      <c r="H26950" s="8">
        <v>3504500</v>
      </c>
      <c r="I26950" s="8">
        <v>0</v>
      </c>
      <c r="J26950" s="8">
        <v>3504500</v>
      </c>
      <c r="K26950" s="9">
        <v>215</v>
      </c>
      <c r="L26950" s="6" t="s">
        <v>1694</v>
      </c>
    </row>
    <row r="26951" spans="1:12">
      <c r="A26951" s="6" t="s">
        <v>27487</v>
      </c>
      <c r="B26951" s="6"/>
      <c r="C26951" s="6" t="s">
        <v>27546</v>
      </c>
      <c r="D26951" s="6"/>
      <c r="E26951" s="6" t="s">
        <v>9</v>
      </c>
      <c r="F26951" s="7">
        <v>38657</v>
      </c>
      <c r="G26951" s="8">
        <v>53790</v>
      </c>
      <c r="H26951" s="8">
        <v>53790</v>
      </c>
      <c r="I26951" s="8">
        <v>0</v>
      </c>
      <c r="J26951" s="8">
        <v>53790</v>
      </c>
      <c r="K26951" s="9">
        <v>3.3</v>
      </c>
      <c r="L26951" s="6" t="s">
        <v>1694</v>
      </c>
    </row>
    <row r="26952" spans="1:12">
      <c r="A26952" s="6" t="s">
        <v>27487</v>
      </c>
      <c r="B26952" s="6"/>
      <c r="C26952" s="6" t="s">
        <v>27547</v>
      </c>
      <c r="D26952" s="6"/>
      <c r="E26952" s="6" t="s">
        <v>9</v>
      </c>
      <c r="F26952" s="7">
        <v>38657</v>
      </c>
      <c r="G26952" s="8">
        <v>107743</v>
      </c>
      <c r="H26952" s="8">
        <v>107743</v>
      </c>
      <c r="I26952" s="8">
        <v>0</v>
      </c>
      <c r="J26952" s="8">
        <v>107743</v>
      </c>
      <c r="K26952" s="9">
        <v>6.61</v>
      </c>
      <c r="L26952" s="6" t="s">
        <v>1694</v>
      </c>
    </row>
    <row r="26953" spans="1:12">
      <c r="A26953" s="6" t="s">
        <v>27487</v>
      </c>
      <c r="B26953" s="6"/>
      <c r="C26953" s="6" t="s">
        <v>27548</v>
      </c>
      <c r="D26953" s="6"/>
      <c r="E26953" s="6" t="s">
        <v>9</v>
      </c>
      <c r="F26953" s="7">
        <v>38657</v>
      </c>
      <c r="G26953" s="8">
        <v>6226600</v>
      </c>
      <c r="H26953" s="8">
        <v>6226600</v>
      </c>
      <c r="I26953" s="8">
        <v>0</v>
      </c>
      <c r="J26953" s="8">
        <v>6226600</v>
      </c>
      <c r="K26953" s="9">
        <v>382</v>
      </c>
      <c r="L26953" s="6" t="s">
        <v>1694</v>
      </c>
    </row>
    <row r="26954" spans="1:12">
      <c r="A26954" s="6" t="s">
        <v>27487</v>
      </c>
      <c r="B26954" s="6"/>
      <c r="C26954" s="6" t="s">
        <v>27549</v>
      </c>
      <c r="D26954" s="6"/>
      <c r="E26954" s="6" t="s">
        <v>9</v>
      </c>
      <c r="F26954" s="7">
        <v>38657</v>
      </c>
      <c r="G26954" s="8">
        <v>161533</v>
      </c>
      <c r="H26954" s="8">
        <v>161533</v>
      </c>
      <c r="I26954" s="8">
        <v>0</v>
      </c>
      <c r="J26954" s="8">
        <v>161533</v>
      </c>
      <c r="K26954" s="9">
        <v>9.91</v>
      </c>
      <c r="L26954" s="6" t="s">
        <v>1694</v>
      </c>
    </row>
    <row r="26955" spans="1:12">
      <c r="A26955" s="6" t="s">
        <v>27487</v>
      </c>
      <c r="B26955" s="6"/>
      <c r="C26955" s="6" t="s">
        <v>27550</v>
      </c>
      <c r="D26955" s="6"/>
      <c r="E26955" s="6" t="s">
        <v>9</v>
      </c>
      <c r="F26955" s="7">
        <v>38657</v>
      </c>
      <c r="G26955" s="8">
        <v>3357800</v>
      </c>
      <c r="H26955" s="8">
        <v>3357800</v>
      </c>
      <c r="I26955" s="8">
        <v>0</v>
      </c>
      <c r="J26955" s="8">
        <v>3357800</v>
      </c>
      <c r="K26955" s="9">
        <v>206</v>
      </c>
      <c r="L26955" s="6" t="s">
        <v>1694</v>
      </c>
    </row>
    <row r="26956" spans="1:12">
      <c r="A26956" s="6" t="s">
        <v>27487</v>
      </c>
      <c r="B26956" s="6"/>
      <c r="C26956" s="6" t="s">
        <v>27551</v>
      </c>
      <c r="D26956" s="6"/>
      <c r="E26956" s="6" t="s">
        <v>9</v>
      </c>
      <c r="F26956" s="7">
        <v>38657</v>
      </c>
      <c r="G26956" s="8">
        <v>3243700</v>
      </c>
      <c r="H26956" s="8">
        <v>3243700</v>
      </c>
      <c r="I26956" s="8">
        <v>0</v>
      </c>
      <c r="J26956" s="8">
        <v>3243700</v>
      </c>
      <c r="K26956" s="9">
        <v>199</v>
      </c>
      <c r="L26956" s="6" t="s">
        <v>1694</v>
      </c>
    </row>
    <row r="26957" spans="1:12">
      <c r="A26957" s="6" t="s">
        <v>27487</v>
      </c>
      <c r="B26957" s="6"/>
      <c r="C26957" s="6" t="s">
        <v>27552</v>
      </c>
      <c r="D26957" s="6"/>
      <c r="E26957" s="6" t="s">
        <v>9</v>
      </c>
      <c r="F26957" s="7">
        <v>38657</v>
      </c>
      <c r="G26957" s="8">
        <v>211900</v>
      </c>
      <c r="H26957" s="8">
        <v>211900</v>
      </c>
      <c r="I26957" s="8">
        <v>0</v>
      </c>
      <c r="J26957" s="8">
        <v>211900</v>
      </c>
      <c r="K26957" s="9">
        <v>13</v>
      </c>
      <c r="L26957" s="6" t="s">
        <v>1694</v>
      </c>
    </row>
    <row r="26958" spans="1:12">
      <c r="A26958" s="6" t="s">
        <v>27487</v>
      </c>
      <c r="B26958" s="6"/>
      <c r="C26958" s="6" t="s">
        <v>27553</v>
      </c>
      <c r="D26958" s="6"/>
      <c r="E26958" s="6" t="s">
        <v>9</v>
      </c>
      <c r="F26958" s="7">
        <v>38657</v>
      </c>
      <c r="G26958" s="8">
        <v>472700</v>
      </c>
      <c r="H26958" s="8">
        <v>472700</v>
      </c>
      <c r="I26958" s="8">
        <v>0</v>
      </c>
      <c r="J26958" s="8">
        <v>472700</v>
      </c>
      <c r="K26958" s="9">
        <v>29</v>
      </c>
      <c r="L26958" s="6" t="s">
        <v>1694</v>
      </c>
    </row>
    <row r="26959" spans="1:12">
      <c r="A26959" s="6" t="s">
        <v>27487</v>
      </c>
      <c r="B26959" s="6"/>
      <c r="C26959" s="6" t="s">
        <v>27554</v>
      </c>
      <c r="D26959" s="6"/>
      <c r="E26959" s="6" t="s">
        <v>9</v>
      </c>
      <c r="F26959" s="7">
        <v>38657</v>
      </c>
      <c r="G26959" s="8">
        <v>15566500</v>
      </c>
      <c r="H26959" s="8">
        <v>15566500</v>
      </c>
      <c r="I26959" s="8">
        <v>0</v>
      </c>
      <c r="J26959" s="8">
        <v>15566500</v>
      </c>
      <c r="K26959" s="9">
        <v>955</v>
      </c>
      <c r="L26959" s="6" t="s">
        <v>1694</v>
      </c>
    </row>
    <row r="26960" spans="1:12">
      <c r="A26960" s="6" t="s">
        <v>27487</v>
      </c>
      <c r="B26960" s="6"/>
      <c r="C26960" s="6" t="s">
        <v>27555</v>
      </c>
      <c r="D26960" s="6"/>
      <c r="E26960" s="6" t="s">
        <v>9</v>
      </c>
      <c r="F26960" s="7">
        <v>38657</v>
      </c>
      <c r="G26960" s="8">
        <v>7498000</v>
      </c>
      <c r="H26960" s="8">
        <v>7498000</v>
      </c>
      <c r="I26960" s="8">
        <v>0</v>
      </c>
      <c r="J26960" s="8">
        <v>7498000</v>
      </c>
      <c r="K26960" s="9">
        <v>460</v>
      </c>
      <c r="L26960" s="6" t="s">
        <v>1694</v>
      </c>
    </row>
    <row r="26961" spans="1:12">
      <c r="A26961" s="6" t="s">
        <v>27487</v>
      </c>
      <c r="B26961" s="6"/>
      <c r="C26961" s="6" t="s">
        <v>27556</v>
      </c>
      <c r="D26961" s="6"/>
      <c r="E26961" s="6" t="s">
        <v>9</v>
      </c>
      <c r="F26961" s="7">
        <v>38657</v>
      </c>
      <c r="G26961" s="8">
        <v>472700</v>
      </c>
      <c r="H26961" s="8">
        <v>472700</v>
      </c>
      <c r="I26961" s="8">
        <v>0</v>
      </c>
      <c r="J26961" s="8">
        <v>472700</v>
      </c>
      <c r="K26961" s="9">
        <v>29</v>
      </c>
      <c r="L26961" s="6" t="s">
        <v>1694</v>
      </c>
    </row>
    <row r="26962" spans="1:12">
      <c r="A26962" s="6" t="s">
        <v>27487</v>
      </c>
      <c r="B26962" s="6"/>
      <c r="C26962" s="6" t="s">
        <v>27557</v>
      </c>
      <c r="D26962" s="6"/>
      <c r="E26962" s="6" t="s">
        <v>9</v>
      </c>
      <c r="F26962" s="7">
        <v>38657</v>
      </c>
      <c r="G26962" s="8">
        <v>6650400</v>
      </c>
      <c r="H26962" s="8">
        <v>6650400</v>
      </c>
      <c r="I26962" s="8">
        <v>0</v>
      </c>
      <c r="J26962" s="8">
        <v>6650400</v>
      </c>
      <c r="K26962" s="9">
        <v>408</v>
      </c>
      <c r="L26962" s="6" t="s">
        <v>1694</v>
      </c>
    </row>
    <row r="26963" spans="1:12">
      <c r="A26963" s="6" t="s">
        <v>27487</v>
      </c>
      <c r="B26963" s="6"/>
      <c r="C26963" s="6" t="s">
        <v>27558</v>
      </c>
      <c r="D26963" s="6"/>
      <c r="E26963" s="6" t="s">
        <v>9</v>
      </c>
      <c r="F26963" s="7">
        <v>38657</v>
      </c>
      <c r="G26963" s="8">
        <v>537900</v>
      </c>
      <c r="H26963" s="8">
        <v>537900</v>
      </c>
      <c r="I26963" s="8">
        <v>0</v>
      </c>
      <c r="J26963" s="8">
        <v>537900</v>
      </c>
      <c r="K26963" s="9">
        <v>33</v>
      </c>
      <c r="L26963" s="6" t="s">
        <v>1694</v>
      </c>
    </row>
    <row r="26964" spans="1:12">
      <c r="A26964" s="6" t="s">
        <v>27487</v>
      </c>
      <c r="B26964" s="6"/>
      <c r="C26964" s="6" t="s">
        <v>27559</v>
      </c>
      <c r="D26964" s="6"/>
      <c r="E26964" s="6" t="s">
        <v>9</v>
      </c>
      <c r="F26964" s="7">
        <v>38657</v>
      </c>
      <c r="G26964" s="8">
        <v>8068500</v>
      </c>
      <c r="H26964" s="8">
        <v>8068500</v>
      </c>
      <c r="I26964" s="8">
        <v>0</v>
      </c>
      <c r="J26964" s="8">
        <v>8068500</v>
      </c>
      <c r="K26964" s="9">
        <v>495</v>
      </c>
      <c r="L26964" s="6" t="s">
        <v>1694</v>
      </c>
    </row>
    <row r="26965" spans="1:12">
      <c r="A26965" s="6" t="s">
        <v>27487</v>
      </c>
      <c r="B26965" s="6"/>
      <c r="C26965" s="6" t="s">
        <v>27560</v>
      </c>
      <c r="D26965" s="6"/>
      <c r="E26965" s="6" t="s">
        <v>9</v>
      </c>
      <c r="F26965" s="7">
        <v>38657</v>
      </c>
      <c r="G26965" s="8">
        <v>537900</v>
      </c>
      <c r="H26965" s="8">
        <v>537900</v>
      </c>
      <c r="I26965" s="8">
        <v>0</v>
      </c>
      <c r="J26965" s="8">
        <v>537900</v>
      </c>
      <c r="K26965" s="9">
        <v>33</v>
      </c>
      <c r="L26965" s="6" t="s">
        <v>1694</v>
      </c>
    </row>
    <row r="26966" spans="1:12">
      <c r="A26966" s="6" t="s">
        <v>27487</v>
      </c>
      <c r="B26966" s="6"/>
      <c r="C26966" s="6" t="s">
        <v>27561</v>
      </c>
      <c r="D26966" s="6"/>
      <c r="E26966" s="6" t="s">
        <v>9</v>
      </c>
      <c r="F26966" s="7">
        <v>38657</v>
      </c>
      <c r="G26966" s="8">
        <v>2037500</v>
      </c>
      <c r="H26966" s="8">
        <v>2037500</v>
      </c>
      <c r="I26966" s="8">
        <v>0</v>
      </c>
      <c r="J26966" s="8">
        <v>2037500</v>
      </c>
      <c r="K26966" s="9">
        <v>125</v>
      </c>
      <c r="L26966" s="6" t="s">
        <v>1694</v>
      </c>
    </row>
    <row r="26967" spans="1:12">
      <c r="A26967" s="6" t="s">
        <v>27487</v>
      </c>
      <c r="B26967" s="6"/>
      <c r="C26967" s="6" t="s">
        <v>27562</v>
      </c>
      <c r="D26967" s="6"/>
      <c r="E26967" s="6" t="s">
        <v>9</v>
      </c>
      <c r="F26967" s="7">
        <v>38657</v>
      </c>
      <c r="G26967" s="8">
        <v>11149200</v>
      </c>
      <c r="H26967" s="8">
        <v>11149200</v>
      </c>
      <c r="I26967" s="8">
        <v>0</v>
      </c>
      <c r="J26967" s="8">
        <v>11149200</v>
      </c>
      <c r="K26967" s="9">
        <v>684</v>
      </c>
      <c r="L26967" s="6" t="s">
        <v>1694</v>
      </c>
    </row>
    <row r="26968" spans="1:12">
      <c r="A26968" s="6" t="s">
        <v>27487</v>
      </c>
      <c r="B26968" s="6"/>
      <c r="C26968" s="6" t="s">
        <v>27563</v>
      </c>
      <c r="D26968" s="6"/>
      <c r="E26968" s="6" t="s">
        <v>9</v>
      </c>
      <c r="F26968" s="7">
        <v>38657</v>
      </c>
      <c r="G26968" s="8">
        <v>2526500</v>
      </c>
      <c r="H26968" s="8">
        <v>2526500</v>
      </c>
      <c r="I26968" s="8">
        <v>0</v>
      </c>
      <c r="J26968" s="8">
        <v>2526500</v>
      </c>
      <c r="K26968" s="9">
        <v>155</v>
      </c>
      <c r="L26968" s="6" t="s">
        <v>1694</v>
      </c>
    </row>
    <row r="26969" spans="1:12">
      <c r="A26969" s="6" t="s">
        <v>27487</v>
      </c>
      <c r="B26969" s="6"/>
      <c r="C26969" s="6" t="s">
        <v>27564</v>
      </c>
      <c r="D26969" s="6"/>
      <c r="E26969" s="6" t="s">
        <v>9</v>
      </c>
      <c r="F26969" s="7">
        <v>38657</v>
      </c>
      <c r="G26969" s="8">
        <v>635700</v>
      </c>
      <c r="H26969" s="8">
        <v>635700</v>
      </c>
      <c r="I26969" s="8">
        <v>0</v>
      </c>
      <c r="J26969" s="8">
        <v>635700</v>
      </c>
      <c r="K26969" s="9">
        <v>39</v>
      </c>
      <c r="L26969" s="6" t="s">
        <v>1694</v>
      </c>
    </row>
    <row r="26970" spans="1:12">
      <c r="A26970" s="6" t="s">
        <v>27487</v>
      </c>
      <c r="B26970" s="6"/>
      <c r="C26970" s="6" t="s">
        <v>27565</v>
      </c>
      <c r="D26970" s="6"/>
      <c r="E26970" s="6" t="s">
        <v>9</v>
      </c>
      <c r="F26970" s="7">
        <v>38657</v>
      </c>
      <c r="G26970" s="8">
        <v>10513500</v>
      </c>
      <c r="H26970" s="8">
        <v>10513500</v>
      </c>
      <c r="I26970" s="8">
        <v>0</v>
      </c>
      <c r="J26970" s="8">
        <v>10513500</v>
      </c>
      <c r="K26970" s="9">
        <v>645</v>
      </c>
      <c r="L26970" s="6" t="s">
        <v>1694</v>
      </c>
    </row>
    <row r="26971" spans="1:12">
      <c r="A26971" s="6" t="s">
        <v>27487</v>
      </c>
      <c r="B26971" s="6"/>
      <c r="C26971" s="6" t="s">
        <v>27566</v>
      </c>
      <c r="D26971" s="6"/>
      <c r="E26971" s="6" t="s">
        <v>9</v>
      </c>
      <c r="F26971" s="7">
        <v>38657</v>
      </c>
      <c r="G26971" s="8">
        <v>472700</v>
      </c>
      <c r="H26971" s="8">
        <v>472700</v>
      </c>
      <c r="I26971" s="8">
        <v>0</v>
      </c>
      <c r="J26971" s="8">
        <v>472700</v>
      </c>
      <c r="K26971" s="9">
        <v>29</v>
      </c>
      <c r="L26971" s="6" t="s">
        <v>1694</v>
      </c>
    </row>
    <row r="26972" spans="1:12">
      <c r="A26972" s="6" t="s">
        <v>27487</v>
      </c>
      <c r="B26972" s="6"/>
      <c r="C26972" s="6" t="s">
        <v>27567</v>
      </c>
      <c r="D26972" s="6"/>
      <c r="E26972" s="6" t="s">
        <v>9</v>
      </c>
      <c r="F26972" s="7">
        <v>38657</v>
      </c>
      <c r="G26972" s="8">
        <v>8117400</v>
      </c>
      <c r="H26972" s="8">
        <v>8117400</v>
      </c>
      <c r="I26972" s="8">
        <v>0</v>
      </c>
      <c r="J26972" s="8">
        <v>8117400</v>
      </c>
      <c r="K26972" s="9">
        <v>498</v>
      </c>
      <c r="L26972" s="6" t="s">
        <v>1694</v>
      </c>
    </row>
    <row r="26973" spans="1:12">
      <c r="A26973" s="6" t="s">
        <v>27487</v>
      </c>
      <c r="B26973" s="6"/>
      <c r="C26973" s="6" t="s">
        <v>27568</v>
      </c>
      <c r="D26973" s="6"/>
      <c r="E26973" s="6" t="s">
        <v>9</v>
      </c>
      <c r="F26973" s="7">
        <v>38657</v>
      </c>
      <c r="G26973" s="8">
        <v>107743</v>
      </c>
      <c r="H26973" s="8">
        <v>107743</v>
      </c>
      <c r="I26973" s="8">
        <v>0</v>
      </c>
      <c r="J26973" s="8">
        <v>107743</v>
      </c>
      <c r="K26973" s="9">
        <v>6.61</v>
      </c>
      <c r="L26973" s="6" t="s">
        <v>1694</v>
      </c>
    </row>
    <row r="26974" spans="1:12">
      <c r="A26974" s="6" t="s">
        <v>27487</v>
      </c>
      <c r="B26974" s="6"/>
      <c r="C26974" s="6" t="s">
        <v>27569</v>
      </c>
      <c r="D26974" s="6"/>
      <c r="E26974" s="6" t="s">
        <v>9</v>
      </c>
      <c r="F26974" s="7">
        <v>38657</v>
      </c>
      <c r="G26974" s="8">
        <v>211900</v>
      </c>
      <c r="H26974" s="8">
        <v>211900</v>
      </c>
      <c r="I26974" s="8">
        <v>0</v>
      </c>
      <c r="J26974" s="8">
        <v>211900</v>
      </c>
      <c r="K26974" s="9">
        <v>13</v>
      </c>
      <c r="L26974" s="6" t="s">
        <v>1694</v>
      </c>
    </row>
    <row r="26975" spans="1:12">
      <c r="A26975" s="6" t="s">
        <v>27487</v>
      </c>
      <c r="B26975" s="6"/>
      <c r="C26975" s="6" t="s">
        <v>27570</v>
      </c>
      <c r="D26975" s="6"/>
      <c r="E26975" s="6" t="s">
        <v>9</v>
      </c>
      <c r="F26975" s="7">
        <v>38657</v>
      </c>
      <c r="G26975" s="8">
        <v>161533</v>
      </c>
      <c r="H26975" s="8">
        <v>161533</v>
      </c>
      <c r="I26975" s="8">
        <v>0</v>
      </c>
      <c r="J26975" s="8">
        <v>161533</v>
      </c>
      <c r="K26975" s="9">
        <v>9.91</v>
      </c>
      <c r="L26975" s="6" t="s">
        <v>1694</v>
      </c>
    </row>
    <row r="26976" spans="1:12">
      <c r="A26976" s="6" t="s">
        <v>27487</v>
      </c>
      <c r="B26976" s="6"/>
      <c r="C26976" s="6" t="s">
        <v>27571</v>
      </c>
      <c r="D26976" s="6"/>
      <c r="E26976" s="6" t="s">
        <v>9</v>
      </c>
      <c r="F26976" s="7">
        <v>38657</v>
      </c>
      <c r="G26976" s="8">
        <v>50530</v>
      </c>
      <c r="H26976" s="8">
        <v>50530</v>
      </c>
      <c r="I26976" s="8">
        <v>0</v>
      </c>
      <c r="J26976" s="8">
        <v>50530</v>
      </c>
      <c r="K26976" s="9">
        <v>3.1</v>
      </c>
      <c r="L26976" s="6" t="s">
        <v>1694</v>
      </c>
    </row>
    <row r="26977" spans="1:12">
      <c r="A26977" s="6" t="s">
        <v>27487</v>
      </c>
      <c r="B26977" s="6"/>
      <c r="C26977" s="6" t="s">
        <v>27572</v>
      </c>
      <c r="D26977" s="6"/>
      <c r="E26977" s="6" t="s">
        <v>9</v>
      </c>
      <c r="F26977" s="7">
        <v>38657</v>
      </c>
      <c r="G26977" s="8">
        <v>12420600</v>
      </c>
      <c r="H26977" s="8">
        <v>12420600</v>
      </c>
      <c r="I26977" s="8">
        <v>0</v>
      </c>
      <c r="J26977" s="8">
        <v>12420600</v>
      </c>
      <c r="K26977" s="9">
        <v>762</v>
      </c>
      <c r="L26977" s="6" t="s">
        <v>1694</v>
      </c>
    </row>
    <row r="26978" spans="1:12">
      <c r="A26978" s="6" t="s">
        <v>27487</v>
      </c>
      <c r="B26978" s="6"/>
      <c r="C26978" s="6" t="s">
        <v>27573</v>
      </c>
      <c r="D26978" s="6"/>
      <c r="E26978" s="6" t="s">
        <v>9</v>
      </c>
      <c r="F26978" s="7">
        <v>38657</v>
      </c>
      <c r="G26978" s="8">
        <v>5101900</v>
      </c>
      <c r="H26978" s="8">
        <v>5101900</v>
      </c>
      <c r="I26978" s="8">
        <v>0</v>
      </c>
      <c r="J26978" s="8">
        <v>5101900</v>
      </c>
      <c r="K26978" s="9">
        <v>313</v>
      </c>
      <c r="L26978" s="6" t="s">
        <v>1694</v>
      </c>
    </row>
    <row r="26979" spans="1:12">
      <c r="A26979" s="6" t="s">
        <v>27487</v>
      </c>
      <c r="B26979" s="6"/>
      <c r="C26979" s="6" t="s">
        <v>27574</v>
      </c>
      <c r="D26979" s="6"/>
      <c r="E26979" s="6" t="s">
        <v>9</v>
      </c>
      <c r="F26979" s="7">
        <v>38657</v>
      </c>
      <c r="G26979" s="8">
        <v>3341500</v>
      </c>
      <c r="H26979" s="8">
        <v>3341500</v>
      </c>
      <c r="I26979" s="8">
        <v>0</v>
      </c>
      <c r="J26979" s="8">
        <v>3341500</v>
      </c>
      <c r="K26979" s="9">
        <v>205</v>
      </c>
      <c r="L26979" s="6" t="s">
        <v>1694</v>
      </c>
    </row>
    <row r="26980" spans="1:12">
      <c r="A26980" s="6" t="s">
        <v>27487</v>
      </c>
      <c r="B26980" s="6"/>
      <c r="C26980" s="6" t="s">
        <v>27575</v>
      </c>
      <c r="D26980" s="6"/>
      <c r="E26980" s="6" t="s">
        <v>9</v>
      </c>
      <c r="F26980" s="7">
        <v>38657</v>
      </c>
      <c r="G26980" s="8">
        <v>10872100</v>
      </c>
      <c r="H26980" s="8">
        <v>10872100</v>
      </c>
      <c r="I26980" s="8">
        <v>0</v>
      </c>
      <c r="J26980" s="8">
        <v>10872100</v>
      </c>
      <c r="K26980" s="9">
        <v>667</v>
      </c>
      <c r="L26980" s="6" t="s">
        <v>1694</v>
      </c>
    </row>
    <row r="26981" spans="1:12">
      <c r="A26981" s="6" t="s">
        <v>27576</v>
      </c>
      <c r="B26981" s="6"/>
      <c r="C26981" s="6" t="s">
        <v>27577</v>
      </c>
      <c r="D26981" s="6"/>
      <c r="E26981" s="6" t="s">
        <v>9</v>
      </c>
      <c r="F26981" s="7">
        <v>38657</v>
      </c>
      <c r="G26981" s="8">
        <v>27160200</v>
      </c>
      <c r="H26981" s="8">
        <v>27160200</v>
      </c>
      <c r="I26981" s="8">
        <v>0</v>
      </c>
      <c r="J26981" s="8">
        <v>27160200</v>
      </c>
      <c r="K26981" s="9">
        <v>1719</v>
      </c>
      <c r="L26981" s="6" t="s">
        <v>1694</v>
      </c>
    </row>
    <row r="26982" spans="1:12">
      <c r="A26982" s="6" t="s">
        <v>27576</v>
      </c>
      <c r="B26982" s="6"/>
      <c r="C26982" s="6" t="s">
        <v>27578</v>
      </c>
      <c r="D26982" s="6"/>
      <c r="E26982" s="6" t="s">
        <v>9</v>
      </c>
      <c r="F26982" s="7">
        <v>38657</v>
      </c>
      <c r="G26982" s="8">
        <v>1674640</v>
      </c>
      <c r="H26982" s="8">
        <v>1674640</v>
      </c>
      <c r="I26982" s="8">
        <v>0</v>
      </c>
      <c r="J26982" s="8">
        <v>1674640</v>
      </c>
      <c r="K26982" s="9">
        <v>692</v>
      </c>
      <c r="L26982" s="6" t="s">
        <v>1694</v>
      </c>
    </row>
    <row r="26983" spans="1:12">
      <c r="A26983" s="6" t="s">
        <v>27576</v>
      </c>
      <c r="B26983" s="6"/>
      <c r="C26983" s="6" t="s">
        <v>27579</v>
      </c>
      <c r="D26983" s="6"/>
      <c r="E26983" s="6" t="s">
        <v>9</v>
      </c>
      <c r="F26983" s="7">
        <v>38657</v>
      </c>
      <c r="G26983" s="8">
        <v>1495560</v>
      </c>
      <c r="H26983" s="8">
        <v>1495560</v>
      </c>
      <c r="I26983" s="8">
        <v>0</v>
      </c>
      <c r="J26983" s="8">
        <v>1495560</v>
      </c>
      <c r="K26983" s="9">
        <v>618</v>
      </c>
      <c r="L26983" s="6" t="s">
        <v>1694</v>
      </c>
    </row>
    <row r="26984" spans="1:12">
      <c r="A26984" s="6" t="s">
        <v>27576</v>
      </c>
      <c r="B26984" s="6"/>
      <c r="C26984" s="6" t="s">
        <v>27580</v>
      </c>
      <c r="D26984" s="6"/>
      <c r="E26984" s="6" t="s">
        <v>9</v>
      </c>
      <c r="F26984" s="7">
        <v>38657</v>
      </c>
      <c r="G26984" s="8">
        <v>196020</v>
      </c>
      <c r="H26984" s="8">
        <v>196020</v>
      </c>
      <c r="I26984" s="8">
        <v>0</v>
      </c>
      <c r="J26984" s="8">
        <v>196020</v>
      </c>
      <c r="K26984" s="9">
        <v>81</v>
      </c>
      <c r="L26984" s="6" t="s">
        <v>1694</v>
      </c>
    </row>
    <row r="26985" spans="1:12">
      <c r="A26985" s="6" t="s">
        <v>27576</v>
      </c>
      <c r="B26985" s="6"/>
      <c r="C26985" s="6" t="s">
        <v>27581</v>
      </c>
      <c r="D26985" s="6"/>
      <c r="E26985" s="6" t="s">
        <v>9</v>
      </c>
      <c r="F26985" s="7">
        <v>38657</v>
      </c>
      <c r="G26985" s="8">
        <v>135520</v>
      </c>
      <c r="H26985" s="8">
        <v>135520</v>
      </c>
      <c r="I26985" s="8">
        <v>0</v>
      </c>
      <c r="J26985" s="8">
        <v>135520</v>
      </c>
      <c r="K26985" s="9">
        <v>56</v>
      </c>
      <c r="L26985" s="6" t="s">
        <v>1694</v>
      </c>
    </row>
    <row r="26986" spans="1:12">
      <c r="A26986" s="6" t="s">
        <v>27576</v>
      </c>
      <c r="B26986" s="6"/>
      <c r="C26986" s="6" t="s">
        <v>27582</v>
      </c>
      <c r="D26986" s="6"/>
      <c r="E26986" s="6" t="s">
        <v>9</v>
      </c>
      <c r="F26986" s="7">
        <v>38657</v>
      </c>
      <c r="G26986" s="8">
        <v>156562200</v>
      </c>
      <c r="H26986" s="8">
        <v>156562200</v>
      </c>
      <c r="I26986" s="8">
        <v>0</v>
      </c>
      <c r="J26986" s="8">
        <v>156562200</v>
      </c>
      <c r="K26986" s="9">
        <v>9909</v>
      </c>
      <c r="L26986" s="6" t="s">
        <v>1694</v>
      </c>
    </row>
    <row r="26987" spans="1:12">
      <c r="A26987" s="6" t="s">
        <v>27576</v>
      </c>
      <c r="B26987" s="6"/>
      <c r="C26987" s="6" t="s">
        <v>27583</v>
      </c>
      <c r="D26987" s="6"/>
      <c r="E26987" s="6" t="s">
        <v>9</v>
      </c>
      <c r="F26987" s="7">
        <v>38657</v>
      </c>
      <c r="G26987" s="8">
        <v>17053669</v>
      </c>
      <c r="H26987" s="8">
        <v>17053669</v>
      </c>
      <c r="I26987" s="8">
        <v>0</v>
      </c>
      <c r="J26987" s="8">
        <v>17053669</v>
      </c>
      <c r="K26987" s="9">
        <v>1789</v>
      </c>
      <c r="L26987" s="6" t="s">
        <v>1694</v>
      </c>
    </row>
    <row r="26988" spans="1:12">
      <c r="A26988" s="6" t="s">
        <v>27576</v>
      </c>
      <c r="B26988" s="6"/>
      <c r="C26988" s="6" t="s">
        <v>27584</v>
      </c>
      <c r="D26988" s="6"/>
      <c r="E26988" s="6" t="s">
        <v>9</v>
      </c>
      <c r="F26988" s="7">
        <v>38657</v>
      </c>
      <c r="G26988" s="8">
        <v>750200</v>
      </c>
      <c r="H26988" s="8">
        <v>750200</v>
      </c>
      <c r="I26988" s="8">
        <v>0</v>
      </c>
      <c r="J26988" s="8">
        <v>750200</v>
      </c>
      <c r="K26988" s="9">
        <v>310</v>
      </c>
      <c r="L26988" s="6" t="s">
        <v>1694</v>
      </c>
    </row>
    <row r="26989" spans="1:12">
      <c r="A26989" s="6" t="s">
        <v>27576</v>
      </c>
      <c r="B26989" s="6"/>
      <c r="C26989" s="6" t="s">
        <v>27585</v>
      </c>
      <c r="D26989" s="6"/>
      <c r="E26989" s="6" t="s">
        <v>9</v>
      </c>
      <c r="F26989" s="7">
        <v>38657</v>
      </c>
      <c r="G26989" s="8">
        <v>2572460</v>
      </c>
      <c r="H26989" s="8">
        <v>2572460</v>
      </c>
      <c r="I26989" s="8">
        <v>0</v>
      </c>
      <c r="J26989" s="8">
        <v>2572460</v>
      </c>
      <c r="K26989" s="9">
        <v>1063</v>
      </c>
      <c r="L26989" s="6" t="s">
        <v>1694</v>
      </c>
    </row>
    <row r="26990" spans="1:12">
      <c r="A26990" s="6" t="s">
        <v>27576</v>
      </c>
      <c r="B26990" s="6"/>
      <c r="C26990" s="6" t="s">
        <v>27586</v>
      </c>
      <c r="D26990" s="6"/>
      <c r="E26990" s="6" t="s">
        <v>9</v>
      </c>
      <c r="F26990" s="7">
        <v>38657</v>
      </c>
      <c r="G26990" s="8">
        <v>1364880</v>
      </c>
      <c r="H26990" s="8">
        <v>1364880</v>
      </c>
      <c r="I26990" s="8">
        <v>0</v>
      </c>
      <c r="J26990" s="8">
        <v>1364880</v>
      </c>
      <c r="K26990" s="9">
        <v>564</v>
      </c>
      <c r="L26990" s="6" t="s">
        <v>1694</v>
      </c>
    </row>
    <row r="26991" spans="1:12">
      <c r="A26991" s="6" t="s">
        <v>27576</v>
      </c>
      <c r="B26991" s="6"/>
      <c r="C26991" s="6" t="s">
        <v>27587</v>
      </c>
      <c r="D26991" s="6"/>
      <c r="E26991" s="6" t="s">
        <v>9</v>
      </c>
      <c r="F26991" s="7">
        <v>38657</v>
      </c>
      <c r="G26991" s="8">
        <v>1727880</v>
      </c>
      <c r="H26991" s="8">
        <v>1727880</v>
      </c>
      <c r="I26991" s="8">
        <v>0</v>
      </c>
      <c r="J26991" s="8">
        <v>1727880</v>
      </c>
      <c r="K26991" s="9">
        <v>714</v>
      </c>
      <c r="L26991" s="6" t="s">
        <v>1694</v>
      </c>
    </row>
    <row r="26992" spans="1:12">
      <c r="A26992" s="6" t="s">
        <v>27576</v>
      </c>
      <c r="B26992" s="6"/>
      <c r="C26992" s="6" t="s">
        <v>27588</v>
      </c>
      <c r="D26992" s="6"/>
      <c r="E26992" s="6" t="s">
        <v>9</v>
      </c>
      <c r="F26992" s="7">
        <v>38657</v>
      </c>
      <c r="G26992" s="8">
        <v>232320</v>
      </c>
      <c r="H26992" s="8">
        <v>232320</v>
      </c>
      <c r="I26992" s="8">
        <v>0</v>
      </c>
      <c r="J26992" s="8">
        <v>232320</v>
      </c>
      <c r="K26992" s="9">
        <v>96</v>
      </c>
      <c r="L26992" s="6" t="s">
        <v>1694</v>
      </c>
    </row>
    <row r="26993" spans="1:12">
      <c r="A26993" s="6" t="s">
        <v>27576</v>
      </c>
      <c r="B26993" s="6"/>
      <c r="C26993" s="6" t="s">
        <v>27589</v>
      </c>
      <c r="D26993" s="6"/>
      <c r="E26993" s="6" t="s">
        <v>9</v>
      </c>
      <c r="F26993" s="7">
        <v>38657</v>
      </c>
      <c r="G26993" s="8">
        <v>89540</v>
      </c>
      <c r="H26993" s="8">
        <v>89540</v>
      </c>
      <c r="I26993" s="8">
        <v>0</v>
      </c>
      <c r="J26993" s="8">
        <v>89540</v>
      </c>
      <c r="K26993" s="9">
        <v>37</v>
      </c>
      <c r="L26993" s="6" t="s">
        <v>1694</v>
      </c>
    </row>
    <row r="26994" spans="1:12">
      <c r="A26994" s="6" t="s">
        <v>27576</v>
      </c>
      <c r="B26994" s="6"/>
      <c r="C26994" s="6" t="s">
        <v>27590</v>
      </c>
      <c r="D26994" s="6"/>
      <c r="E26994" s="6" t="s">
        <v>9</v>
      </c>
      <c r="F26994" s="7">
        <v>38657</v>
      </c>
      <c r="G26994" s="8">
        <v>251680</v>
      </c>
      <c r="H26994" s="8">
        <v>251680</v>
      </c>
      <c r="I26994" s="8">
        <v>0</v>
      </c>
      <c r="J26994" s="8">
        <v>251680</v>
      </c>
      <c r="K26994" s="9">
        <v>104</v>
      </c>
      <c r="L26994" s="6" t="s">
        <v>1694</v>
      </c>
    </row>
    <row r="26995" spans="1:12">
      <c r="A26995" s="6" t="s">
        <v>27576</v>
      </c>
      <c r="B26995" s="6"/>
      <c r="C26995" s="6" t="s">
        <v>27591</v>
      </c>
      <c r="D26995" s="6"/>
      <c r="E26995" s="6" t="s">
        <v>9</v>
      </c>
      <c r="F26995" s="7">
        <v>38657</v>
      </c>
      <c r="G26995" s="8">
        <v>539660</v>
      </c>
      <c r="H26995" s="8">
        <v>539660</v>
      </c>
      <c r="I26995" s="8">
        <v>0</v>
      </c>
      <c r="J26995" s="8">
        <v>539660</v>
      </c>
      <c r="K26995" s="9">
        <v>223</v>
      </c>
      <c r="L26995" s="6" t="s">
        <v>1694</v>
      </c>
    </row>
    <row r="26996" spans="1:12">
      <c r="A26996" s="6" t="s">
        <v>27592</v>
      </c>
      <c r="B26996" s="6"/>
      <c r="C26996" s="6" t="s">
        <v>27593</v>
      </c>
      <c r="D26996" s="6"/>
      <c r="E26996" s="6" t="s">
        <v>18740</v>
      </c>
      <c r="F26996" s="7">
        <v>38657</v>
      </c>
      <c r="G26996" s="8">
        <v>6180092</v>
      </c>
      <c r="H26996" s="8">
        <v>6180092</v>
      </c>
      <c r="I26996" s="8">
        <v>0</v>
      </c>
      <c r="J26996" s="8">
        <v>6180092</v>
      </c>
      <c r="K26996" s="9">
        <v>265.24</v>
      </c>
      <c r="L26996" s="6" t="s">
        <v>1694</v>
      </c>
    </row>
    <row r="26997" spans="1:12">
      <c r="A26997" s="6" t="s">
        <v>27592</v>
      </c>
      <c r="B26997" s="6"/>
      <c r="C26997" s="6" t="s">
        <v>27594</v>
      </c>
      <c r="D26997" s="6"/>
      <c r="E26997" s="6" t="s">
        <v>18740</v>
      </c>
      <c r="F26997" s="7">
        <v>38657</v>
      </c>
      <c r="G26997" s="8">
        <v>8280121</v>
      </c>
      <c r="H26997" s="8">
        <v>8280121</v>
      </c>
      <c r="I26997" s="8">
        <v>0</v>
      </c>
      <c r="J26997" s="8">
        <v>8280121</v>
      </c>
      <c r="K26997" s="9">
        <v>355.37</v>
      </c>
      <c r="L26997" s="6" t="s">
        <v>1694</v>
      </c>
    </row>
    <row r="26998" spans="1:12">
      <c r="A26998" s="6" t="s">
        <v>27592</v>
      </c>
      <c r="B26998" s="6"/>
      <c r="C26998" s="6" t="s">
        <v>27595</v>
      </c>
      <c r="D26998" s="6"/>
      <c r="E26998" s="6" t="s">
        <v>18740</v>
      </c>
      <c r="F26998" s="7">
        <v>38657</v>
      </c>
      <c r="G26998" s="8">
        <v>8280121</v>
      </c>
      <c r="H26998" s="8">
        <v>8280121</v>
      </c>
      <c r="I26998" s="8">
        <v>0</v>
      </c>
      <c r="J26998" s="8">
        <v>8280121</v>
      </c>
      <c r="K26998" s="9">
        <v>355.37</v>
      </c>
      <c r="L26998" s="6" t="s">
        <v>1694</v>
      </c>
    </row>
    <row r="26999" spans="1:12">
      <c r="A26999" s="6" t="s">
        <v>27592</v>
      </c>
      <c r="B26999" s="6"/>
      <c r="C26999" s="6" t="s">
        <v>27596</v>
      </c>
      <c r="D26999" s="6"/>
      <c r="E26999" s="6" t="s">
        <v>18740</v>
      </c>
      <c r="F26999" s="7">
        <v>38657</v>
      </c>
      <c r="G26999" s="8">
        <v>7957600</v>
      </c>
      <c r="H26999" s="8">
        <v>7957600</v>
      </c>
      <c r="I26999" s="8">
        <v>0</v>
      </c>
      <c r="J26999" s="8">
        <v>7957600</v>
      </c>
      <c r="K26999" s="9">
        <v>343</v>
      </c>
      <c r="L26999" s="6" t="s">
        <v>1694</v>
      </c>
    </row>
    <row r="27000" spans="1:12">
      <c r="A27000" s="6" t="s">
        <v>27592</v>
      </c>
      <c r="B27000" s="6"/>
      <c r="C27000" s="6" t="s">
        <v>27597</v>
      </c>
      <c r="D27000" s="6"/>
      <c r="E27000" s="6" t="s">
        <v>18740</v>
      </c>
      <c r="F27000" s="7">
        <v>38657</v>
      </c>
      <c r="G27000" s="8">
        <v>7563200</v>
      </c>
      <c r="H27000" s="8">
        <v>7563200</v>
      </c>
      <c r="I27000" s="8">
        <v>0</v>
      </c>
      <c r="J27000" s="8">
        <v>7563200</v>
      </c>
      <c r="K27000" s="9">
        <v>326</v>
      </c>
      <c r="L27000" s="6" t="s">
        <v>1694</v>
      </c>
    </row>
    <row r="27001" spans="1:12">
      <c r="A27001" s="6" t="s">
        <v>27592</v>
      </c>
      <c r="B27001" s="6"/>
      <c r="C27001" s="6" t="s">
        <v>27598</v>
      </c>
      <c r="D27001" s="6"/>
      <c r="E27001" s="6" t="s">
        <v>18740</v>
      </c>
      <c r="F27001" s="7">
        <v>38657</v>
      </c>
      <c r="G27001" s="8">
        <v>208038085</v>
      </c>
      <c r="H27001" s="8">
        <v>208038085</v>
      </c>
      <c r="I27001" s="8">
        <v>0</v>
      </c>
      <c r="J27001" s="8">
        <v>208038085</v>
      </c>
      <c r="K27001" s="9">
        <v>6709</v>
      </c>
      <c r="L27001" s="6" t="s">
        <v>23</v>
      </c>
    </row>
    <row r="27002" spans="1:12">
      <c r="A27002" s="6" t="s">
        <v>27592</v>
      </c>
      <c r="B27002" s="6"/>
      <c r="C27002" s="6" t="s">
        <v>27599</v>
      </c>
      <c r="D27002" s="6"/>
      <c r="E27002" s="6" t="s">
        <v>18740</v>
      </c>
      <c r="F27002" s="7">
        <v>38657</v>
      </c>
      <c r="G27002" s="8">
        <v>5798647</v>
      </c>
      <c r="H27002" s="8">
        <v>5798647</v>
      </c>
      <c r="I27002" s="8">
        <v>0</v>
      </c>
      <c r="J27002" s="8">
        <v>5798647</v>
      </c>
      <c r="K27002" s="9">
        <v>187</v>
      </c>
      <c r="L27002" s="6" t="s">
        <v>23</v>
      </c>
    </row>
    <row r="27003" spans="1:12">
      <c r="A27003" s="6" t="s">
        <v>27592</v>
      </c>
      <c r="B27003" s="6"/>
      <c r="C27003" s="6" t="s">
        <v>27600</v>
      </c>
      <c r="D27003" s="6"/>
      <c r="E27003" s="6" t="s">
        <v>18740</v>
      </c>
      <c r="F27003" s="7">
        <v>38657</v>
      </c>
      <c r="G27003" s="8">
        <v>45117814</v>
      </c>
      <c r="H27003" s="8">
        <v>45117814</v>
      </c>
      <c r="I27003" s="8">
        <v>0</v>
      </c>
      <c r="J27003" s="8">
        <v>45117814</v>
      </c>
      <c r="K27003" s="9">
        <v>1455</v>
      </c>
      <c r="L27003" s="6" t="s">
        <v>23</v>
      </c>
    </row>
    <row r="27004" spans="1:12">
      <c r="A27004" s="6" t="s">
        <v>27592</v>
      </c>
      <c r="B27004" s="6"/>
      <c r="C27004" s="6" t="s">
        <v>27601</v>
      </c>
      <c r="D27004" s="6"/>
      <c r="E27004" s="6" t="s">
        <v>18740</v>
      </c>
      <c r="F27004" s="7">
        <v>38657</v>
      </c>
      <c r="G27004" s="8">
        <v>23101561</v>
      </c>
      <c r="H27004" s="8">
        <v>23101561</v>
      </c>
      <c r="I27004" s="8">
        <v>0</v>
      </c>
      <c r="J27004" s="8">
        <v>23101561</v>
      </c>
      <c r="K27004" s="9">
        <v>745</v>
      </c>
      <c r="L27004" s="6" t="s">
        <v>23</v>
      </c>
    </row>
    <row r="27005" spans="1:12">
      <c r="A27005" s="6" t="s">
        <v>27602</v>
      </c>
      <c r="B27005" s="6"/>
      <c r="C27005" s="6" t="s">
        <v>27603</v>
      </c>
      <c r="D27005" s="6" t="s">
        <v>27604</v>
      </c>
      <c r="E27005" s="6" t="s">
        <v>18740</v>
      </c>
      <c r="F27005" s="7"/>
      <c r="G27005" s="8">
        <v>0</v>
      </c>
      <c r="H27005" s="8">
        <v>0</v>
      </c>
      <c r="I27005" s="8">
        <v>0</v>
      </c>
      <c r="J27005" s="8">
        <v>195923</v>
      </c>
      <c r="K27005" s="9"/>
      <c r="L27005" s="6"/>
    </row>
    <row r="27006" spans="1:12">
      <c r="A27006" s="6" t="s">
        <v>27592</v>
      </c>
      <c r="B27006" s="6"/>
      <c r="C27006" s="6" t="s">
        <v>27603</v>
      </c>
      <c r="D27006" s="6" t="s">
        <v>27605</v>
      </c>
      <c r="E27006" s="6" t="s">
        <v>18740</v>
      </c>
      <c r="F27006" s="7"/>
      <c r="G27006" s="8">
        <v>0</v>
      </c>
      <c r="H27006" s="8">
        <v>0</v>
      </c>
      <c r="I27006" s="8">
        <v>0</v>
      </c>
      <c r="J27006" s="8">
        <v>10459563</v>
      </c>
      <c r="K27006" s="9"/>
      <c r="L27006" s="6"/>
    </row>
    <row r="27007" spans="1:12">
      <c r="A27007" s="6" t="s">
        <v>27592</v>
      </c>
      <c r="B27007" s="6"/>
      <c r="C27007" s="6" t="s">
        <v>27606</v>
      </c>
      <c r="D27007" s="6"/>
      <c r="E27007" s="6" t="s">
        <v>18740</v>
      </c>
      <c r="F27007" s="7">
        <v>32463</v>
      </c>
      <c r="G27007" s="8">
        <v>3866762</v>
      </c>
      <c r="H27007" s="8">
        <v>3866762</v>
      </c>
      <c r="I27007" s="8">
        <v>0</v>
      </c>
      <c r="J27007" s="8">
        <v>3866762</v>
      </c>
      <c r="K27007" s="9">
        <v>201.31</v>
      </c>
      <c r="L27007" s="6" t="s">
        <v>10</v>
      </c>
    </row>
    <row r="27008" spans="1:12">
      <c r="A27008" s="6" t="s">
        <v>27607</v>
      </c>
      <c r="B27008" s="6"/>
      <c r="C27008" s="6" t="s">
        <v>27608</v>
      </c>
      <c r="D27008" s="6"/>
      <c r="E27008" s="6" t="s">
        <v>9</v>
      </c>
      <c r="F27008" s="7">
        <v>39535</v>
      </c>
      <c r="G27008" s="8">
        <v>12363038</v>
      </c>
      <c r="H27008" s="8">
        <v>12363038</v>
      </c>
      <c r="I27008" s="8">
        <v>0</v>
      </c>
      <c r="J27008" s="8">
        <v>12363038</v>
      </c>
      <c r="K27008" s="9">
        <v>10506</v>
      </c>
      <c r="L27008" s="6" t="s">
        <v>1694</v>
      </c>
    </row>
    <row r="27009" spans="1:12">
      <c r="A27009" s="6" t="s">
        <v>27607</v>
      </c>
      <c r="B27009" s="6"/>
      <c r="C27009" s="6" t="s">
        <v>27609</v>
      </c>
      <c r="D27009" s="6"/>
      <c r="E27009" s="6" t="s">
        <v>9</v>
      </c>
      <c r="F27009" s="7">
        <v>40171</v>
      </c>
      <c r="G27009" s="8">
        <v>5623500</v>
      </c>
      <c r="H27009" s="8">
        <v>5623500</v>
      </c>
      <c r="I27009" s="8">
        <v>0</v>
      </c>
      <c r="J27009" s="8">
        <v>5623500</v>
      </c>
      <c r="K27009" s="9">
        <v>345</v>
      </c>
      <c r="L27009" s="6" t="s">
        <v>1694</v>
      </c>
    </row>
    <row r="27010" spans="1:12">
      <c r="A27010" s="6" t="s">
        <v>27607</v>
      </c>
      <c r="B27010" s="6"/>
      <c r="C27010" s="6" t="s">
        <v>27610</v>
      </c>
      <c r="D27010" s="6"/>
      <c r="E27010" s="6" t="s">
        <v>9</v>
      </c>
      <c r="F27010" s="7">
        <v>38657</v>
      </c>
      <c r="G27010" s="8">
        <v>444577000</v>
      </c>
      <c r="H27010" s="8">
        <v>444577000</v>
      </c>
      <c r="I27010" s="8">
        <v>0</v>
      </c>
      <c r="J27010" s="8">
        <v>444577000</v>
      </c>
      <c r="K27010" s="9">
        <v>20678</v>
      </c>
      <c r="L27010" s="6" t="s">
        <v>1694</v>
      </c>
    </row>
    <row r="27011" spans="1:12">
      <c r="A27011" s="6" t="s">
        <v>27607</v>
      </c>
      <c r="B27011" s="6"/>
      <c r="C27011" s="6" t="s">
        <v>27611</v>
      </c>
      <c r="D27011" s="6"/>
      <c r="E27011" s="6" t="s">
        <v>9</v>
      </c>
      <c r="F27011" s="7">
        <v>40171</v>
      </c>
      <c r="G27011" s="8">
        <v>15265000</v>
      </c>
      <c r="H27011" s="8">
        <v>15265000</v>
      </c>
      <c r="I27011" s="8">
        <v>0</v>
      </c>
      <c r="J27011" s="8">
        <v>15265000</v>
      </c>
      <c r="K27011" s="9">
        <v>710</v>
      </c>
      <c r="L27011" s="6" t="s">
        <v>1694</v>
      </c>
    </row>
    <row r="27012" spans="1:12">
      <c r="A27012" s="6" t="s">
        <v>27612</v>
      </c>
      <c r="B27012" s="6"/>
      <c r="C27012" s="6" t="s">
        <v>27613</v>
      </c>
      <c r="D27012" s="6"/>
      <c r="E27012" s="6" t="s">
        <v>9</v>
      </c>
      <c r="F27012" s="7">
        <v>38657</v>
      </c>
      <c r="G27012" s="8">
        <v>960901</v>
      </c>
      <c r="H27012" s="8">
        <v>960901</v>
      </c>
      <c r="I27012" s="8">
        <v>0</v>
      </c>
      <c r="J27012" s="8">
        <v>960901</v>
      </c>
      <c r="K27012" s="9">
        <v>757</v>
      </c>
      <c r="L27012" s="6" t="s">
        <v>1694</v>
      </c>
    </row>
    <row r="27013" spans="1:12">
      <c r="A27013" s="6" t="s">
        <v>27612</v>
      </c>
      <c r="B27013" s="6"/>
      <c r="C27013" s="6" t="s">
        <v>27614</v>
      </c>
      <c r="D27013" s="6"/>
      <c r="E27013" s="6" t="s">
        <v>9</v>
      </c>
      <c r="F27013" s="7">
        <v>38657</v>
      </c>
      <c r="G27013" s="8">
        <v>662603</v>
      </c>
      <c r="H27013" s="8">
        <v>662603</v>
      </c>
      <c r="I27013" s="8">
        <v>0</v>
      </c>
      <c r="J27013" s="8">
        <v>662603</v>
      </c>
      <c r="K27013" s="9">
        <v>522</v>
      </c>
      <c r="L27013" s="6" t="s">
        <v>1694</v>
      </c>
    </row>
    <row r="27014" spans="1:12">
      <c r="A27014" s="6" t="s">
        <v>27612</v>
      </c>
      <c r="B27014" s="6"/>
      <c r="C27014" s="6" t="s">
        <v>27615</v>
      </c>
      <c r="D27014" s="6"/>
      <c r="E27014" s="6" t="s">
        <v>9</v>
      </c>
      <c r="F27014" s="7">
        <v>38657</v>
      </c>
      <c r="G27014" s="8">
        <v>440466</v>
      </c>
      <c r="H27014" s="8">
        <v>440466</v>
      </c>
      <c r="I27014" s="8">
        <v>0</v>
      </c>
      <c r="J27014" s="8">
        <v>440466</v>
      </c>
      <c r="K27014" s="9">
        <v>347</v>
      </c>
      <c r="L27014" s="6" t="s">
        <v>1694</v>
      </c>
    </row>
    <row r="27015" spans="1:12">
      <c r="A27015" s="6" t="s">
        <v>27612</v>
      </c>
      <c r="B27015" s="6"/>
      <c r="C27015" s="6" t="s">
        <v>27616</v>
      </c>
      <c r="D27015" s="6"/>
      <c r="E27015" s="6" t="s">
        <v>9</v>
      </c>
      <c r="F27015" s="7">
        <v>38657</v>
      </c>
      <c r="G27015" s="8">
        <v>742572</v>
      </c>
      <c r="H27015" s="8">
        <v>742572</v>
      </c>
      <c r="I27015" s="8">
        <v>0</v>
      </c>
      <c r="J27015" s="8">
        <v>742572</v>
      </c>
      <c r="K27015" s="9">
        <v>585</v>
      </c>
      <c r="L27015" s="6" t="s">
        <v>1694</v>
      </c>
    </row>
    <row r="27016" spans="1:12">
      <c r="A27016" s="6" t="s">
        <v>27612</v>
      </c>
      <c r="B27016" s="6"/>
      <c r="C27016" s="6" t="s">
        <v>27617</v>
      </c>
      <c r="D27016" s="6"/>
      <c r="E27016" s="6" t="s">
        <v>9</v>
      </c>
      <c r="F27016" s="7">
        <v>38657</v>
      </c>
      <c r="G27016" s="8">
        <v>187864</v>
      </c>
      <c r="H27016" s="8">
        <v>187864</v>
      </c>
      <c r="I27016" s="8">
        <v>0</v>
      </c>
      <c r="J27016" s="8">
        <v>187864</v>
      </c>
      <c r="K27016" s="9">
        <v>148</v>
      </c>
      <c r="L27016" s="6" t="s">
        <v>1694</v>
      </c>
    </row>
    <row r="27017" spans="1:12">
      <c r="A27017" s="6" t="s">
        <v>27612</v>
      </c>
      <c r="B27017" s="6"/>
      <c r="C27017" s="6" t="s">
        <v>27618</v>
      </c>
      <c r="D27017" s="6"/>
      <c r="E27017" s="6" t="s">
        <v>9</v>
      </c>
      <c r="F27017" s="7">
        <v>38657</v>
      </c>
      <c r="G27017" s="8">
        <v>1023100</v>
      </c>
      <c r="H27017" s="8">
        <v>1023100</v>
      </c>
      <c r="I27017" s="8">
        <v>0</v>
      </c>
      <c r="J27017" s="8">
        <v>1023100</v>
      </c>
      <c r="K27017" s="9">
        <v>806</v>
      </c>
      <c r="L27017" s="6" t="s">
        <v>1694</v>
      </c>
    </row>
    <row r="27018" spans="1:12">
      <c r="A27018" s="6" t="s">
        <v>27612</v>
      </c>
      <c r="B27018" s="6"/>
      <c r="C27018" s="6" t="s">
        <v>27619</v>
      </c>
      <c r="D27018" s="6"/>
      <c r="E27018" s="6" t="s">
        <v>9</v>
      </c>
      <c r="F27018" s="7">
        <v>38657</v>
      </c>
      <c r="G27018" s="8">
        <v>62198</v>
      </c>
      <c r="H27018" s="8">
        <v>62198</v>
      </c>
      <c r="I27018" s="8">
        <v>0</v>
      </c>
      <c r="J27018" s="8">
        <v>62198</v>
      </c>
      <c r="K27018" s="9">
        <v>49</v>
      </c>
      <c r="L27018" s="6" t="s">
        <v>1694</v>
      </c>
    </row>
    <row r="27019" spans="1:12">
      <c r="A27019" s="6" t="s">
        <v>27612</v>
      </c>
      <c r="B27019" s="6"/>
      <c r="C27019" s="6" t="s">
        <v>27620</v>
      </c>
      <c r="D27019" s="6"/>
      <c r="E27019" s="6" t="s">
        <v>9</v>
      </c>
      <c r="F27019" s="7">
        <v>38657</v>
      </c>
      <c r="G27019" s="8">
        <v>1057372</v>
      </c>
      <c r="H27019" s="8">
        <v>1057372</v>
      </c>
      <c r="I27019" s="8">
        <v>0</v>
      </c>
      <c r="J27019" s="8">
        <v>1057372</v>
      </c>
      <c r="K27019" s="9">
        <v>833</v>
      </c>
      <c r="L27019" s="6" t="s">
        <v>1694</v>
      </c>
    </row>
    <row r="27020" spans="1:12">
      <c r="A27020" s="6" t="s">
        <v>27612</v>
      </c>
      <c r="B27020" s="6"/>
      <c r="C27020" s="6" t="s">
        <v>27621</v>
      </c>
      <c r="D27020" s="6"/>
      <c r="E27020" s="6" t="s">
        <v>9</v>
      </c>
      <c r="F27020" s="7">
        <v>38657</v>
      </c>
      <c r="G27020" s="8">
        <v>985019</v>
      </c>
      <c r="H27020" s="8">
        <v>985019</v>
      </c>
      <c r="I27020" s="8">
        <v>0</v>
      </c>
      <c r="J27020" s="8">
        <v>985019</v>
      </c>
      <c r="K27020" s="9">
        <v>776</v>
      </c>
      <c r="L27020" s="6" t="s">
        <v>1694</v>
      </c>
    </row>
    <row r="27021" spans="1:12">
      <c r="A27021" s="6" t="s">
        <v>27612</v>
      </c>
      <c r="B27021" s="6"/>
      <c r="C27021" s="6" t="s">
        <v>27622</v>
      </c>
      <c r="D27021" s="6"/>
      <c r="E27021" s="6" t="s">
        <v>9</v>
      </c>
      <c r="F27021" s="7">
        <v>38657</v>
      </c>
      <c r="G27021" s="8">
        <v>1216041</v>
      </c>
      <c r="H27021" s="8">
        <v>1216041</v>
      </c>
      <c r="I27021" s="8">
        <v>0</v>
      </c>
      <c r="J27021" s="8">
        <v>1216041</v>
      </c>
      <c r="K27021" s="9">
        <v>958</v>
      </c>
      <c r="L27021" s="6" t="s">
        <v>1694</v>
      </c>
    </row>
    <row r="27022" spans="1:12">
      <c r="A27022" s="6" t="s">
        <v>27612</v>
      </c>
      <c r="B27022" s="6"/>
      <c r="C27022" s="6" t="s">
        <v>27623</v>
      </c>
      <c r="D27022" s="6"/>
      <c r="E27022" s="6" t="s">
        <v>9</v>
      </c>
      <c r="F27022" s="7">
        <v>38657</v>
      </c>
      <c r="G27022" s="8">
        <v>1132264</v>
      </c>
      <c r="H27022" s="8">
        <v>1132264</v>
      </c>
      <c r="I27022" s="8">
        <v>0</v>
      </c>
      <c r="J27022" s="8">
        <v>1132264</v>
      </c>
      <c r="K27022" s="9">
        <v>892</v>
      </c>
      <c r="L27022" s="6" t="s">
        <v>1694</v>
      </c>
    </row>
    <row r="27023" spans="1:12">
      <c r="A27023" s="6" t="s">
        <v>27612</v>
      </c>
      <c r="B27023" s="6"/>
      <c r="C27023" s="6" t="s">
        <v>27624</v>
      </c>
      <c r="D27023" s="6"/>
      <c r="E27023" s="6" t="s">
        <v>9</v>
      </c>
      <c r="F27023" s="7">
        <v>38657</v>
      </c>
      <c r="G27023" s="8">
        <v>464584</v>
      </c>
      <c r="H27023" s="8">
        <v>464584</v>
      </c>
      <c r="I27023" s="8">
        <v>0</v>
      </c>
      <c r="J27023" s="8">
        <v>464584</v>
      </c>
      <c r="K27023" s="9">
        <v>366</v>
      </c>
      <c r="L27023" s="6" t="s">
        <v>1694</v>
      </c>
    </row>
    <row r="27024" spans="1:12">
      <c r="A27024" s="6" t="s">
        <v>27612</v>
      </c>
      <c r="B27024" s="6"/>
      <c r="C27024" s="6" t="s">
        <v>27625</v>
      </c>
      <c r="D27024" s="6"/>
      <c r="E27024" s="6" t="s">
        <v>9</v>
      </c>
      <c r="F27024" s="7"/>
      <c r="G27024" s="8">
        <v>4890000</v>
      </c>
      <c r="H27024" s="8">
        <v>4890000</v>
      </c>
      <c r="I27024" s="8">
        <v>0</v>
      </c>
      <c r="J27024" s="8">
        <v>4890000</v>
      </c>
      <c r="K27024" s="9">
        <v>300</v>
      </c>
      <c r="L27024" s="6" t="s">
        <v>1694</v>
      </c>
    </row>
    <row r="27025" spans="1:12">
      <c r="A27025" s="6" t="s">
        <v>27612</v>
      </c>
      <c r="B27025" s="6"/>
      <c r="C27025" s="6" t="s">
        <v>27626</v>
      </c>
      <c r="D27025" s="6"/>
      <c r="E27025" s="6" t="s">
        <v>9</v>
      </c>
      <c r="F27025" s="7"/>
      <c r="G27025" s="8">
        <v>1238800</v>
      </c>
      <c r="H27025" s="8">
        <v>1238800</v>
      </c>
      <c r="I27025" s="8">
        <v>0</v>
      </c>
      <c r="J27025" s="8">
        <v>1238800</v>
      </c>
      <c r="K27025" s="9">
        <v>76</v>
      </c>
      <c r="L27025" s="6" t="s">
        <v>1694</v>
      </c>
    </row>
    <row r="27026" spans="1:12">
      <c r="A27026" s="6" t="s">
        <v>27612</v>
      </c>
      <c r="B27026" s="6"/>
      <c r="C27026" s="6" t="s">
        <v>27627</v>
      </c>
      <c r="D27026" s="6"/>
      <c r="E27026" s="6" t="s">
        <v>9</v>
      </c>
      <c r="F27026" s="7">
        <v>38657</v>
      </c>
      <c r="G27026" s="8">
        <v>251332</v>
      </c>
      <c r="H27026" s="8">
        <v>251332</v>
      </c>
      <c r="I27026" s="8">
        <v>0</v>
      </c>
      <c r="J27026" s="8">
        <v>251332</v>
      </c>
      <c r="K27026" s="9">
        <v>198</v>
      </c>
      <c r="L27026" s="6" t="s">
        <v>1694</v>
      </c>
    </row>
    <row r="27027" spans="1:12">
      <c r="A27027" s="6" t="s">
        <v>27612</v>
      </c>
      <c r="B27027" s="6"/>
      <c r="C27027" s="6" t="s">
        <v>27628</v>
      </c>
      <c r="D27027" s="6"/>
      <c r="E27027" s="6" t="s">
        <v>9</v>
      </c>
      <c r="F27027" s="7">
        <v>38657</v>
      </c>
      <c r="G27027" s="8">
        <v>234831</v>
      </c>
      <c r="H27027" s="8">
        <v>234831</v>
      </c>
      <c r="I27027" s="8">
        <v>0</v>
      </c>
      <c r="J27027" s="8">
        <v>234831</v>
      </c>
      <c r="K27027" s="9">
        <v>185</v>
      </c>
      <c r="L27027" s="6" t="s">
        <v>1694</v>
      </c>
    </row>
    <row r="27028" spans="1:12">
      <c r="A27028" s="6" t="s">
        <v>27612</v>
      </c>
      <c r="B27028" s="6"/>
      <c r="C27028" s="6" t="s">
        <v>27629</v>
      </c>
      <c r="D27028" s="6"/>
      <c r="E27028" s="6" t="s">
        <v>9</v>
      </c>
      <c r="F27028" s="7">
        <v>38657</v>
      </c>
      <c r="G27028" s="8">
        <v>217060</v>
      </c>
      <c r="H27028" s="8">
        <v>217060</v>
      </c>
      <c r="I27028" s="8">
        <v>0</v>
      </c>
      <c r="J27028" s="8">
        <v>217060</v>
      </c>
      <c r="K27028" s="9">
        <v>171</v>
      </c>
      <c r="L27028" s="6" t="s">
        <v>1694</v>
      </c>
    </row>
    <row r="27029" spans="1:12">
      <c r="A27029" s="6" t="s">
        <v>27612</v>
      </c>
      <c r="B27029" s="6"/>
      <c r="C27029" s="6" t="s">
        <v>27630</v>
      </c>
      <c r="D27029" s="6"/>
      <c r="E27029" s="6" t="s">
        <v>9</v>
      </c>
      <c r="F27029" s="7">
        <v>38657</v>
      </c>
      <c r="G27029" s="8">
        <v>154861</v>
      </c>
      <c r="H27029" s="8">
        <v>154861</v>
      </c>
      <c r="I27029" s="8">
        <v>0</v>
      </c>
      <c r="J27029" s="8">
        <v>154861</v>
      </c>
      <c r="K27029" s="9">
        <v>122</v>
      </c>
      <c r="L27029" s="6" t="s">
        <v>1694</v>
      </c>
    </row>
    <row r="27030" spans="1:12">
      <c r="A27030" s="6" t="s">
        <v>27612</v>
      </c>
      <c r="B27030" s="6"/>
      <c r="C27030" s="6" t="s">
        <v>27631</v>
      </c>
      <c r="D27030" s="6"/>
      <c r="E27030" s="6" t="s">
        <v>9</v>
      </c>
      <c r="F27030" s="7">
        <v>38657</v>
      </c>
      <c r="G27030" s="8">
        <v>960901</v>
      </c>
      <c r="H27030" s="8">
        <v>960901</v>
      </c>
      <c r="I27030" s="8">
        <v>0</v>
      </c>
      <c r="J27030" s="8">
        <v>960901</v>
      </c>
      <c r="K27030" s="9">
        <v>757</v>
      </c>
      <c r="L27030" s="6" t="s">
        <v>1694</v>
      </c>
    </row>
    <row r="27031" spans="1:12">
      <c r="A27031" s="6" t="s">
        <v>27612</v>
      </c>
      <c r="B27031" s="6"/>
      <c r="C27031" s="6" t="s">
        <v>27632</v>
      </c>
      <c r="D27031" s="6"/>
      <c r="E27031" s="6" t="s">
        <v>9</v>
      </c>
      <c r="F27031" s="7">
        <v>38657</v>
      </c>
      <c r="G27031" s="8">
        <v>1250314</v>
      </c>
      <c r="H27031" s="8">
        <v>1250314</v>
      </c>
      <c r="I27031" s="8">
        <v>0</v>
      </c>
      <c r="J27031" s="8">
        <v>1250314</v>
      </c>
      <c r="K27031" s="9">
        <v>985</v>
      </c>
      <c r="L27031" s="6" t="s">
        <v>1694</v>
      </c>
    </row>
    <row r="27032" spans="1:12">
      <c r="A27032" s="6" t="s">
        <v>27612</v>
      </c>
      <c r="B27032" s="6"/>
      <c r="C27032" s="6" t="s">
        <v>27633</v>
      </c>
      <c r="D27032" s="6"/>
      <c r="E27032" s="6" t="s">
        <v>9</v>
      </c>
      <c r="F27032" s="7">
        <v>38657</v>
      </c>
      <c r="G27032" s="8">
        <v>981211</v>
      </c>
      <c r="H27032" s="8">
        <v>981211</v>
      </c>
      <c r="I27032" s="8">
        <v>0</v>
      </c>
      <c r="J27032" s="8">
        <v>981211</v>
      </c>
      <c r="K27032" s="9">
        <v>773</v>
      </c>
      <c r="L27032" s="6" t="s">
        <v>1694</v>
      </c>
    </row>
    <row r="27033" spans="1:12">
      <c r="A27033" s="6" t="s">
        <v>27612</v>
      </c>
      <c r="B27033" s="6"/>
      <c r="C27033" s="6" t="s">
        <v>27634</v>
      </c>
      <c r="D27033" s="6"/>
      <c r="E27033" s="6" t="s">
        <v>9</v>
      </c>
      <c r="F27033" s="7">
        <v>38657</v>
      </c>
      <c r="G27033" s="8">
        <v>952016</v>
      </c>
      <c r="H27033" s="8">
        <v>952016</v>
      </c>
      <c r="I27033" s="8">
        <v>0</v>
      </c>
      <c r="J27033" s="8">
        <v>952016</v>
      </c>
      <c r="K27033" s="9">
        <v>750</v>
      </c>
      <c r="L27033" s="6" t="s">
        <v>1694</v>
      </c>
    </row>
    <row r="27034" spans="1:12">
      <c r="A27034" s="6" t="s">
        <v>27612</v>
      </c>
      <c r="B27034" s="6"/>
      <c r="C27034" s="6" t="s">
        <v>27635</v>
      </c>
      <c r="D27034" s="6"/>
      <c r="E27034" s="6" t="s">
        <v>9</v>
      </c>
      <c r="F27034" s="7">
        <v>38657</v>
      </c>
      <c r="G27034" s="8">
        <v>24118</v>
      </c>
      <c r="H27034" s="8">
        <v>24118</v>
      </c>
      <c r="I27034" s="8">
        <v>0</v>
      </c>
      <c r="J27034" s="8">
        <v>24118</v>
      </c>
      <c r="K27034" s="9">
        <v>19</v>
      </c>
      <c r="L27034" s="6" t="s">
        <v>1694</v>
      </c>
    </row>
    <row r="27035" spans="1:12">
      <c r="A27035" s="6" t="s">
        <v>27612</v>
      </c>
      <c r="B27035" s="6"/>
      <c r="C27035" s="6" t="s">
        <v>27636</v>
      </c>
      <c r="D27035" s="6"/>
      <c r="E27035" s="6" t="s">
        <v>9</v>
      </c>
      <c r="F27035" s="7">
        <v>38657</v>
      </c>
      <c r="G27035" s="8">
        <v>4189</v>
      </c>
      <c r="H27035" s="8">
        <v>4189</v>
      </c>
      <c r="I27035" s="8">
        <v>0</v>
      </c>
      <c r="J27035" s="8">
        <v>4189</v>
      </c>
      <c r="K27035" s="9">
        <v>3.3</v>
      </c>
      <c r="L27035" s="6" t="s">
        <v>1694</v>
      </c>
    </row>
    <row r="27036" spans="1:12">
      <c r="A27036" s="6" t="s">
        <v>27612</v>
      </c>
      <c r="B27036" s="6"/>
      <c r="C27036" s="6" t="s">
        <v>27637</v>
      </c>
      <c r="D27036" s="6"/>
      <c r="E27036" s="6" t="s">
        <v>9</v>
      </c>
      <c r="F27036" s="7">
        <v>38657</v>
      </c>
      <c r="G27036" s="8">
        <v>398577</v>
      </c>
      <c r="H27036" s="8">
        <v>398577</v>
      </c>
      <c r="I27036" s="8">
        <v>0</v>
      </c>
      <c r="J27036" s="8">
        <v>398577</v>
      </c>
      <c r="K27036" s="9">
        <v>314</v>
      </c>
      <c r="L27036" s="6" t="s">
        <v>1694</v>
      </c>
    </row>
    <row r="27037" spans="1:12">
      <c r="A27037" s="6" t="s">
        <v>27612</v>
      </c>
      <c r="B27037" s="6"/>
      <c r="C27037" s="6" t="s">
        <v>27638</v>
      </c>
      <c r="D27037" s="6"/>
      <c r="E27037" s="6" t="s">
        <v>9</v>
      </c>
      <c r="F27037" s="7">
        <v>38657</v>
      </c>
      <c r="G27037" s="8">
        <v>36811</v>
      </c>
      <c r="H27037" s="8">
        <v>36811</v>
      </c>
      <c r="I27037" s="8">
        <v>0</v>
      </c>
      <c r="J27037" s="8">
        <v>36811</v>
      </c>
      <c r="K27037" s="9">
        <v>29</v>
      </c>
      <c r="L27037" s="6" t="s">
        <v>1694</v>
      </c>
    </row>
    <row r="27038" spans="1:12">
      <c r="A27038" s="6" t="s">
        <v>27612</v>
      </c>
      <c r="B27038" s="6"/>
      <c r="C27038" s="6" t="s">
        <v>27639</v>
      </c>
      <c r="D27038" s="6"/>
      <c r="E27038" s="6" t="s">
        <v>9</v>
      </c>
      <c r="F27038" s="7">
        <v>38657</v>
      </c>
      <c r="G27038" s="8">
        <v>1183038</v>
      </c>
      <c r="H27038" s="8">
        <v>1183038</v>
      </c>
      <c r="I27038" s="8">
        <v>0</v>
      </c>
      <c r="J27038" s="8">
        <v>1183038</v>
      </c>
      <c r="K27038" s="9">
        <v>932</v>
      </c>
      <c r="L27038" s="6" t="s">
        <v>1694</v>
      </c>
    </row>
    <row r="27039" spans="1:12">
      <c r="A27039" s="6" t="s">
        <v>27612</v>
      </c>
      <c r="B27039" s="6"/>
      <c r="C27039" s="6" t="s">
        <v>27640</v>
      </c>
      <c r="D27039" s="6"/>
      <c r="E27039" s="6" t="s">
        <v>9</v>
      </c>
      <c r="F27039" s="7">
        <v>38657</v>
      </c>
      <c r="G27039" s="8">
        <v>12579</v>
      </c>
      <c r="H27039" s="8">
        <v>12579</v>
      </c>
      <c r="I27039" s="8">
        <v>0</v>
      </c>
      <c r="J27039" s="8">
        <v>12579</v>
      </c>
      <c r="K27039" s="9">
        <v>9.91</v>
      </c>
      <c r="L27039" s="6" t="s">
        <v>1694</v>
      </c>
    </row>
    <row r="27040" spans="1:12">
      <c r="A27040" s="6" t="s">
        <v>27612</v>
      </c>
      <c r="B27040" s="6"/>
      <c r="C27040" s="6" t="s">
        <v>27641</v>
      </c>
      <c r="D27040" s="6"/>
      <c r="E27040" s="6" t="s">
        <v>9</v>
      </c>
      <c r="F27040" s="7"/>
      <c r="G27040" s="8">
        <v>374900</v>
      </c>
      <c r="H27040" s="8">
        <v>374900</v>
      </c>
      <c r="I27040" s="8">
        <v>0</v>
      </c>
      <c r="J27040" s="8">
        <v>374900</v>
      </c>
      <c r="K27040" s="9">
        <v>23</v>
      </c>
      <c r="L27040" s="6" t="s">
        <v>1694</v>
      </c>
    </row>
    <row r="27041" spans="1:12">
      <c r="A27041" s="6" t="s">
        <v>27612</v>
      </c>
      <c r="B27041" s="6"/>
      <c r="C27041" s="6" t="s">
        <v>27642</v>
      </c>
      <c r="D27041" s="6"/>
      <c r="E27041" s="6" t="s">
        <v>9</v>
      </c>
      <c r="F27041" s="7">
        <v>38657</v>
      </c>
      <c r="G27041" s="8">
        <v>465777</v>
      </c>
      <c r="H27041" s="8">
        <v>465777</v>
      </c>
      <c r="I27041" s="8">
        <v>0</v>
      </c>
      <c r="J27041" s="8">
        <v>465777</v>
      </c>
      <c r="K27041" s="9">
        <v>366.94</v>
      </c>
      <c r="L27041" s="6" t="s">
        <v>1694</v>
      </c>
    </row>
    <row r="27042" spans="1:12">
      <c r="A27042" s="6" t="s">
        <v>27612</v>
      </c>
      <c r="B27042" s="6"/>
      <c r="C27042" s="6" t="s">
        <v>27643</v>
      </c>
      <c r="D27042" s="6"/>
      <c r="E27042" s="6" t="s">
        <v>9</v>
      </c>
      <c r="F27042" s="7">
        <v>38657</v>
      </c>
      <c r="G27042" s="8">
        <v>581364</v>
      </c>
      <c r="H27042" s="8">
        <v>581364</v>
      </c>
      <c r="I27042" s="8">
        <v>0</v>
      </c>
      <c r="J27042" s="8">
        <v>581364</v>
      </c>
      <c r="K27042" s="9">
        <v>458</v>
      </c>
      <c r="L27042" s="6" t="s">
        <v>1694</v>
      </c>
    </row>
    <row r="27043" spans="1:12">
      <c r="A27043" s="6" t="s">
        <v>27612</v>
      </c>
      <c r="B27043" s="6"/>
      <c r="C27043" s="6" t="s">
        <v>27644</v>
      </c>
      <c r="D27043" s="6"/>
      <c r="E27043" s="6" t="s">
        <v>9</v>
      </c>
      <c r="F27043" s="7">
        <v>38657</v>
      </c>
      <c r="G27043" s="8">
        <v>516132</v>
      </c>
      <c r="H27043" s="8">
        <v>516132</v>
      </c>
      <c r="I27043" s="8">
        <v>0</v>
      </c>
      <c r="J27043" s="8">
        <v>516132</v>
      </c>
      <c r="K27043" s="9">
        <v>406.61</v>
      </c>
      <c r="L27043" s="6" t="s">
        <v>1694</v>
      </c>
    </row>
    <row r="27044" spans="1:12">
      <c r="A27044" s="6" t="s">
        <v>27612</v>
      </c>
      <c r="B27044" s="6"/>
      <c r="C27044" s="6" t="s">
        <v>27645</v>
      </c>
      <c r="D27044" s="6"/>
      <c r="E27044" s="6" t="s">
        <v>9</v>
      </c>
      <c r="F27044" s="7">
        <v>38657</v>
      </c>
      <c r="G27044" s="8">
        <v>75527</v>
      </c>
      <c r="H27044" s="8">
        <v>75527</v>
      </c>
      <c r="I27044" s="8">
        <v>0</v>
      </c>
      <c r="J27044" s="8">
        <v>75527</v>
      </c>
      <c r="K27044" s="9">
        <v>59.5</v>
      </c>
      <c r="L27044" s="6" t="s">
        <v>1694</v>
      </c>
    </row>
    <row r="27045" spans="1:12">
      <c r="A27045" s="6" t="s">
        <v>27612</v>
      </c>
      <c r="B27045" s="6"/>
      <c r="C27045" s="6" t="s">
        <v>27646</v>
      </c>
      <c r="D27045" s="6"/>
      <c r="E27045" s="6" t="s">
        <v>9</v>
      </c>
      <c r="F27045" s="7">
        <v>38657</v>
      </c>
      <c r="G27045" s="8">
        <v>62198</v>
      </c>
      <c r="H27045" s="8">
        <v>62198</v>
      </c>
      <c r="I27045" s="8">
        <v>0</v>
      </c>
      <c r="J27045" s="8">
        <v>62198</v>
      </c>
      <c r="K27045" s="9">
        <v>49</v>
      </c>
      <c r="L27045" s="6" t="s">
        <v>1694</v>
      </c>
    </row>
    <row r="27046" spans="1:12">
      <c r="A27046" s="6" t="s">
        <v>27612</v>
      </c>
      <c r="B27046" s="6"/>
      <c r="C27046" s="6" t="s">
        <v>27647</v>
      </c>
      <c r="D27046" s="6"/>
      <c r="E27046" s="6" t="s">
        <v>9</v>
      </c>
      <c r="F27046" s="7">
        <v>38657</v>
      </c>
      <c r="G27046" s="8">
        <v>79715</v>
      </c>
      <c r="H27046" s="8">
        <v>79715</v>
      </c>
      <c r="I27046" s="8">
        <v>0</v>
      </c>
      <c r="J27046" s="8">
        <v>79715</v>
      </c>
      <c r="K27046" s="9">
        <v>62.8</v>
      </c>
      <c r="L27046" s="6" t="s">
        <v>1694</v>
      </c>
    </row>
    <row r="27047" spans="1:12">
      <c r="A27047" s="6" t="s">
        <v>27612</v>
      </c>
      <c r="B27047" s="6"/>
      <c r="C27047" s="6" t="s">
        <v>27648</v>
      </c>
      <c r="D27047" s="6"/>
      <c r="E27047" s="6" t="s">
        <v>9</v>
      </c>
      <c r="F27047" s="7">
        <v>38657</v>
      </c>
      <c r="G27047" s="8">
        <v>1933227</v>
      </c>
      <c r="H27047" s="8">
        <v>1933227</v>
      </c>
      <c r="I27047" s="8">
        <v>0</v>
      </c>
      <c r="J27047" s="8">
        <v>1933227</v>
      </c>
      <c r="K27047" s="9">
        <v>1523</v>
      </c>
      <c r="L27047" s="6" t="s">
        <v>1694</v>
      </c>
    </row>
    <row r="27048" spans="1:12">
      <c r="A27048" s="6" t="s">
        <v>27612</v>
      </c>
      <c r="B27048" s="6"/>
      <c r="C27048" s="6" t="s">
        <v>27649</v>
      </c>
      <c r="D27048" s="6"/>
      <c r="E27048" s="6" t="s">
        <v>9</v>
      </c>
      <c r="F27048" s="7">
        <v>38657</v>
      </c>
      <c r="G27048" s="8">
        <v>355419</v>
      </c>
      <c r="H27048" s="8">
        <v>355419</v>
      </c>
      <c r="I27048" s="8">
        <v>0</v>
      </c>
      <c r="J27048" s="8">
        <v>355419</v>
      </c>
      <c r="K27048" s="9">
        <v>280</v>
      </c>
      <c r="L27048" s="6" t="s">
        <v>1694</v>
      </c>
    </row>
    <row r="27049" spans="1:12">
      <c r="A27049" s="6" t="s">
        <v>27612</v>
      </c>
      <c r="B27049" s="6"/>
      <c r="C27049" s="6" t="s">
        <v>27650</v>
      </c>
      <c r="D27049" s="6"/>
      <c r="E27049" s="6" t="s">
        <v>9</v>
      </c>
      <c r="F27049" s="7">
        <v>38657</v>
      </c>
      <c r="G27049" s="8">
        <v>855545</v>
      </c>
      <c r="H27049" s="8">
        <v>855545</v>
      </c>
      <c r="I27049" s="8">
        <v>0</v>
      </c>
      <c r="J27049" s="8">
        <v>855545</v>
      </c>
      <c r="K27049" s="9">
        <v>674</v>
      </c>
      <c r="L27049" s="6" t="s">
        <v>1694</v>
      </c>
    </row>
    <row r="27050" spans="1:12">
      <c r="A27050" s="6" t="s">
        <v>27612</v>
      </c>
      <c r="B27050" s="6"/>
      <c r="C27050" s="6" t="s">
        <v>27651</v>
      </c>
      <c r="D27050" s="6"/>
      <c r="E27050" s="6" t="s">
        <v>9</v>
      </c>
      <c r="F27050" s="7">
        <v>38657</v>
      </c>
      <c r="G27050" s="8">
        <v>960901</v>
      </c>
      <c r="H27050" s="8">
        <v>960901</v>
      </c>
      <c r="I27050" s="8">
        <v>0</v>
      </c>
      <c r="J27050" s="8">
        <v>960901</v>
      </c>
      <c r="K27050" s="9">
        <v>757</v>
      </c>
      <c r="L27050" s="6" t="s">
        <v>1694</v>
      </c>
    </row>
    <row r="27051" spans="1:12">
      <c r="A27051" s="6" t="s">
        <v>27612</v>
      </c>
      <c r="B27051" s="6"/>
      <c r="C27051" s="6" t="s">
        <v>27652</v>
      </c>
      <c r="D27051" s="6"/>
      <c r="E27051" s="6" t="s">
        <v>9</v>
      </c>
      <c r="F27051" s="7">
        <v>38657</v>
      </c>
      <c r="G27051" s="8">
        <v>1061180</v>
      </c>
      <c r="H27051" s="8">
        <v>1061180</v>
      </c>
      <c r="I27051" s="8">
        <v>0</v>
      </c>
      <c r="J27051" s="8">
        <v>1061180</v>
      </c>
      <c r="K27051" s="9">
        <v>836</v>
      </c>
      <c r="L27051" s="6" t="s">
        <v>1694</v>
      </c>
    </row>
    <row r="27052" spans="1:12">
      <c r="A27052" s="6" t="s">
        <v>27612</v>
      </c>
      <c r="B27052" s="6"/>
      <c r="C27052" s="6" t="s">
        <v>27653</v>
      </c>
      <c r="D27052" s="6"/>
      <c r="E27052" s="6" t="s">
        <v>9</v>
      </c>
      <c r="F27052" s="7">
        <v>38657</v>
      </c>
      <c r="G27052" s="8">
        <v>981211</v>
      </c>
      <c r="H27052" s="8">
        <v>981211</v>
      </c>
      <c r="I27052" s="8">
        <v>0</v>
      </c>
      <c r="J27052" s="8">
        <v>981211</v>
      </c>
      <c r="K27052" s="9">
        <v>773</v>
      </c>
      <c r="L27052" s="6" t="s">
        <v>1694</v>
      </c>
    </row>
    <row r="27053" spans="1:12">
      <c r="A27053" s="6" t="s">
        <v>27654</v>
      </c>
      <c r="B27053" s="6"/>
      <c r="C27053" s="6" t="s">
        <v>27655</v>
      </c>
      <c r="D27053" s="6"/>
      <c r="E27053" s="6" t="s">
        <v>9</v>
      </c>
      <c r="F27053" s="7">
        <v>38657</v>
      </c>
      <c r="G27053" s="8">
        <v>38505620</v>
      </c>
      <c r="H27053" s="8">
        <v>38505620</v>
      </c>
      <c r="I27053" s="8">
        <v>0</v>
      </c>
      <c r="J27053" s="8">
        <v>38505620</v>
      </c>
      <c r="K27053" s="9">
        <v>2655.56</v>
      </c>
      <c r="L27053" s="6" t="s">
        <v>10</v>
      </c>
    </row>
    <row r="27054" spans="1:12">
      <c r="A27054" s="6" t="s">
        <v>27654</v>
      </c>
      <c r="B27054" s="6"/>
      <c r="C27054" s="6" t="s">
        <v>27656</v>
      </c>
      <c r="D27054" s="6"/>
      <c r="E27054" s="6" t="s">
        <v>9</v>
      </c>
      <c r="F27054" s="7">
        <v>38657</v>
      </c>
      <c r="G27054" s="8">
        <v>538675</v>
      </c>
      <c r="H27054" s="8">
        <v>538675</v>
      </c>
      <c r="I27054" s="8">
        <v>0</v>
      </c>
      <c r="J27054" s="8">
        <v>538675</v>
      </c>
      <c r="K27054" s="9">
        <v>37.15</v>
      </c>
      <c r="L27054" s="6" t="s">
        <v>10</v>
      </c>
    </row>
    <row r="27055" spans="1:12">
      <c r="A27055" s="6" t="s">
        <v>27657</v>
      </c>
      <c r="B27055" s="6"/>
      <c r="C27055" s="6" t="s">
        <v>27658</v>
      </c>
      <c r="D27055" s="6"/>
      <c r="E27055" s="6" t="s">
        <v>9</v>
      </c>
      <c r="F27055" s="7">
        <v>38657</v>
      </c>
      <c r="G27055" s="8">
        <v>44011500</v>
      </c>
      <c r="H27055" s="8">
        <v>44011500</v>
      </c>
      <c r="I27055" s="8">
        <v>0</v>
      </c>
      <c r="J27055" s="8">
        <v>44011500</v>
      </c>
      <c r="K27055" s="9">
        <v>2379</v>
      </c>
      <c r="L27055" s="6" t="s">
        <v>10</v>
      </c>
    </row>
    <row r="27056" spans="1:12">
      <c r="A27056" s="6" t="s">
        <v>27657</v>
      </c>
      <c r="B27056" s="6"/>
      <c r="C27056" s="6" t="s">
        <v>27659</v>
      </c>
      <c r="D27056" s="6"/>
      <c r="E27056" s="6" t="s">
        <v>9</v>
      </c>
      <c r="F27056" s="7">
        <v>38657</v>
      </c>
      <c r="G27056" s="8">
        <v>14280000</v>
      </c>
      <c r="H27056" s="8">
        <v>14280000</v>
      </c>
      <c r="I27056" s="8">
        <v>0</v>
      </c>
      <c r="J27056" s="8">
        <v>14280000</v>
      </c>
      <c r="K27056" s="9">
        <v>840</v>
      </c>
      <c r="L27056" s="6" t="s">
        <v>10</v>
      </c>
    </row>
    <row r="27057" spans="1:12">
      <c r="A27057" s="6" t="s">
        <v>27657</v>
      </c>
      <c r="B27057" s="6"/>
      <c r="C27057" s="6" t="s">
        <v>27660</v>
      </c>
      <c r="D27057" s="6"/>
      <c r="E27057" s="6" t="s">
        <v>9</v>
      </c>
      <c r="F27057" s="7">
        <v>38657</v>
      </c>
      <c r="G27057" s="8">
        <v>39440000</v>
      </c>
      <c r="H27057" s="8">
        <v>39440000</v>
      </c>
      <c r="I27057" s="8">
        <v>0</v>
      </c>
      <c r="J27057" s="8">
        <v>39440000</v>
      </c>
      <c r="K27057" s="9">
        <v>2320</v>
      </c>
      <c r="L27057" s="6" t="s">
        <v>10</v>
      </c>
    </row>
    <row r="27058" spans="1:12">
      <c r="A27058" s="6" t="s">
        <v>27657</v>
      </c>
      <c r="B27058" s="6"/>
      <c r="C27058" s="6" t="s">
        <v>27661</v>
      </c>
      <c r="D27058" s="6"/>
      <c r="E27058" s="6" t="s">
        <v>9</v>
      </c>
      <c r="F27058" s="7">
        <v>38657</v>
      </c>
      <c r="G27058" s="8">
        <v>54400000</v>
      </c>
      <c r="H27058" s="8">
        <v>54400000</v>
      </c>
      <c r="I27058" s="8">
        <v>0</v>
      </c>
      <c r="J27058" s="8">
        <v>54400000</v>
      </c>
      <c r="K27058" s="9">
        <v>3200</v>
      </c>
      <c r="L27058" s="6" t="s">
        <v>10</v>
      </c>
    </row>
    <row r="27059" spans="1:12">
      <c r="A27059" s="6" t="s">
        <v>27657</v>
      </c>
      <c r="B27059" s="6"/>
      <c r="C27059" s="6" t="s">
        <v>27662</v>
      </c>
      <c r="D27059" s="6"/>
      <c r="E27059" s="6" t="s">
        <v>9</v>
      </c>
      <c r="F27059" s="7">
        <v>38657</v>
      </c>
      <c r="G27059" s="8">
        <v>257992000</v>
      </c>
      <c r="H27059" s="8">
        <v>257992000</v>
      </c>
      <c r="I27059" s="8">
        <v>0</v>
      </c>
      <c r="J27059" s="8">
        <v>257992000</v>
      </c>
      <c r="K27059" s="9">
        <v>15176</v>
      </c>
      <c r="L27059" s="6" t="s">
        <v>10</v>
      </c>
    </row>
    <row r="27060" spans="1:12">
      <c r="A27060" s="6" t="s">
        <v>27657</v>
      </c>
      <c r="B27060" s="6"/>
      <c r="C27060" s="6" t="s">
        <v>27663</v>
      </c>
      <c r="D27060" s="6"/>
      <c r="E27060" s="6" t="s">
        <v>9</v>
      </c>
      <c r="F27060" s="7">
        <v>38657</v>
      </c>
      <c r="G27060" s="8">
        <v>54400000</v>
      </c>
      <c r="H27060" s="8">
        <v>54400000</v>
      </c>
      <c r="I27060" s="8">
        <v>0</v>
      </c>
      <c r="J27060" s="8">
        <v>54400000</v>
      </c>
      <c r="K27060" s="9">
        <v>3200</v>
      </c>
      <c r="L27060" s="6" t="s">
        <v>10</v>
      </c>
    </row>
    <row r="27061" spans="1:12">
      <c r="A27061" s="6" t="s">
        <v>27657</v>
      </c>
      <c r="B27061" s="6"/>
      <c r="C27061" s="6" t="s">
        <v>27664</v>
      </c>
      <c r="D27061" s="6"/>
      <c r="E27061" s="6" t="s">
        <v>9</v>
      </c>
      <c r="F27061" s="7">
        <v>38657</v>
      </c>
      <c r="G27061" s="8">
        <v>25993000</v>
      </c>
      <c r="H27061" s="8">
        <v>25993000</v>
      </c>
      <c r="I27061" s="8">
        <v>0</v>
      </c>
      <c r="J27061" s="8">
        <v>25993000</v>
      </c>
      <c r="K27061" s="9">
        <v>1529</v>
      </c>
      <c r="L27061" s="6" t="s">
        <v>10</v>
      </c>
    </row>
    <row r="27062" spans="1:12">
      <c r="A27062" s="6" t="s">
        <v>27657</v>
      </c>
      <c r="B27062" s="6"/>
      <c r="C27062" s="6" t="s">
        <v>27665</v>
      </c>
      <c r="D27062" s="6"/>
      <c r="E27062" s="6" t="s">
        <v>9</v>
      </c>
      <c r="F27062" s="7">
        <v>38657</v>
      </c>
      <c r="G27062" s="8">
        <v>13940000</v>
      </c>
      <c r="H27062" s="8">
        <v>13940000</v>
      </c>
      <c r="I27062" s="8">
        <v>0</v>
      </c>
      <c r="J27062" s="8">
        <v>13940000</v>
      </c>
      <c r="K27062" s="9">
        <v>820</v>
      </c>
      <c r="L27062" s="6" t="s">
        <v>10</v>
      </c>
    </row>
    <row r="27063" spans="1:12">
      <c r="A27063" s="6" t="s">
        <v>27657</v>
      </c>
      <c r="B27063" s="6"/>
      <c r="C27063" s="6" t="s">
        <v>27666</v>
      </c>
      <c r="D27063" s="6"/>
      <c r="E27063" s="6" t="s">
        <v>9</v>
      </c>
      <c r="F27063" s="7">
        <v>38657</v>
      </c>
      <c r="G27063" s="8">
        <v>14450000</v>
      </c>
      <c r="H27063" s="8">
        <v>14450000</v>
      </c>
      <c r="I27063" s="8">
        <v>0</v>
      </c>
      <c r="J27063" s="8">
        <v>14450000</v>
      </c>
      <c r="K27063" s="9">
        <v>850</v>
      </c>
      <c r="L27063" s="6" t="s">
        <v>10</v>
      </c>
    </row>
    <row r="27064" spans="1:12">
      <c r="A27064" s="6" t="s">
        <v>27657</v>
      </c>
      <c r="B27064" s="6"/>
      <c r="C27064" s="6" t="s">
        <v>27667</v>
      </c>
      <c r="D27064" s="6"/>
      <c r="E27064" s="6" t="s">
        <v>9</v>
      </c>
      <c r="F27064" s="7">
        <v>38657</v>
      </c>
      <c r="G27064" s="8">
        <v>54400000</v>
      </c>
      <c r="H27064" s="8">
        <v>54400000</v>
      </c>
      <c r="I27064" s="8">
        <v>0</v>
      </c>
      <c r="J27064" s="8">
        <v>54400000</v>
      </c>
      <c r="K27064" s="9">
        <v>3200</v>
      </c>
      <c r="L27064" s="6" t="s">
        <v>10</v>
      </c>
    </row>
    <row r="27065" spans="1:12">
      <c r="A27065" s="6" t="s">
        <v>27657</v>
      </c>
      <c r="B27065" s="6"/>
      <c r="C27065" s="6" t="s">
        <v>27668</v>
      </c>
      <c r="D27065" s="6"/>
      <c r="E27065" s="6" t="s">
        <v>9</v>
      </c>
      <c r="F27065" s="7">
        <v>38657</v>
      </c>
      <c r="G27065" s="8">
        <v>54400000</v>
      </c>
      <c r="H27065" s="8">
        <v>54400000</v>
      </c>
      <c r="I27065" s="8">
        <v>0</v>
      </c>
      <c r="J27065" s="8">
        <v>54400000</v>
      </c>
      <c r="K27065" s="9">
        <v>3200</v>
      </c>
      <c r="L27065" s="6" t="s">
        <v>10</v>
      </c>
    </row>
    <row r="27066" spans="1:12">
      <c r="A27066" s="6" t="s">
        <v>27657</v>
      </c>
      <c r="B27066" s="6"/>
      <c r="C27066" s="6" t="s">
        <v>27669</v>
      </c>
      <c r="D27066" s="6"/>
      <c r="E27066" s="6" t="s">
        <v>9</v>
      </c>
      <c r="F27066" s="7">
        <v>38657</v>
      </c>
      <c r="G27066" s="8">
        <v>54400000</v>
      </c>
      <c r="H27066" s="8">
        <v>54400000</v>
      </c>
      <c r="I27066" s="8">
        <v>0</v>
      </c>
      <c r="J27066" s="8">
        <v>54400000</v>
      </c>
      <c r="K27066" s="9">
        <v>3200</v>
      </c>
      <c r="L27066" s="6" t="s">
        <v>10</v>
      </c>
    </row>
    <row r="27067" spans="1:12">
      <c r="A27067" s="6" t="s">
        <v>27657</v>
      </c>
      <c r="B27067" s="6"/>
      <c r="C27067" s="6" t="s">
        <v>27670</v>
      </c>
      <c r="D27067" s="6"/>
      <c r="E27067" s="6" t="s">
        <v>9</v>
      </c>
      <c r="F27067" s="7">
        <v>38657</v>
      </c>
      <c r="G27067" s="8">
        <v>53720000</v>
      </c>
      <c r="H27067" s="8">
        <v>53720000</v>
      </c>
      <c r="I27067" s="8">
        <v>0</v>
      </c>
      <c r="J27067" s="8">
        <v>53720000</v>
      </c>
      <c r="K27067" s="9">
        <v>3160</v>
      </c>
      <c r="L27067" s="6" t="s">
        <v>10</v>
      </c>
    </row>
    <row r="27068" spans="1:12">
      <c r="A27068" s="6" t="s">
        <v>27671</v>
      </c>
      <c r="B27068" s="6"/>
      <c r="C27068" s="6" t="s">
        <v>27672</v>
      </c>
      <c r="D27068" s="6"/>
      <c r="E27068" s="6" t="s">
        <v>18740</v>
      </c>
      <c r="F27068" s="7">
        <v>38657</v>
      </c>
      <c r="G27068" s="8">
        <v>545490</v>
      </c>
      <c r="H27068" s="8">
        <v>545490</v>
      </c>
      <c r="I27068" s="8">
        <v>0</v>
      </c>
      <c r="J27068" s="8">
        <v>545490</v>
      </c>
      <c r="K27068" s="9">
        <v>33.06</v>
      </c>
      <c r="L27068" s="6" t="s">
        <v>10</v>
      </c>
    </row>
    <row r="27069" spans="1:12">
      <c r="A27069" s="6" t="s">
        <v>27671</v>
      </c>
      <c r="B27069" s="6"/>
      <c r="C27069" s="6" t="s">
        <v>27673</v>
      </c>
      <c r="D27069" s="6"/>
      <c r="E27069" s="6" t="s">
        <v>18740</v>
      </c>
      <c r="F27069" s="7">
        <v>38657</v>
      </c>
      <c r="G27069" s="8">
        <v>3278055</v>
      </c>
      <c r="H27069" s="8">
        <v>3278055</v>
      </c>
      <c r="I27069" s="8">
        <v>0</v>
      </c>
      <c r="J27069" s="8">
        <v>3278055</v>
      </c>
      <c r="K27069" s="9">
        <v>198.67</v>
      </c>
      <c r="L27069" s="6" t="s">
        <v>10</v>
      </c>
    </row>
    <row r="27070" spans="1:12">
      <c r="A27070" s="6" t="s">
        <v>27671</v>
      </c>
      <c r="B27070" s="6"/>
      <c r="C27070" s="6" t="s">
        <v>27674</v>
      </c>
      <c r="D27070" s="6"/>
      <c r="E27070" s="6" t="s">
        <v>18740</v>
      </c>
      <c r="F27070" s="7">
        <v>38657</v>
      </c>
      <c r="G27070" s="8">
        <v>5416290</v>
      </c>
      <c r="H27070" s="8">
        <v>5416290</v>
      </c>
      <c r="I27070" s="8">
        <v>0</v>
      </c>
      <c r="J27070" s="8">
        <v>5416290</v>
      </c>
      <c r="K27070" s="9">
        <v>328.26</v>
      </c>
      <c r="L27070" s="6" t="s">
        <v>10</v>
      </c>
    </row>
    <row r="27071" spans="1:12">
      <c r="A27071" s="6" t="s">
        <v>27675</v>
      </c>
      <c r="B27071" s="6"/>
      <c r="C27071" s="6" t="s">
        <v>27676</v>
      </c>
      <c r="D27071" s="6"/>
      <c r="E27071" s="6" t="s">
        <v>18740</v>
      </c>
      <c r="F27071" s="7">
        <v>38657</v>
      </c>
      <c r="G27071" s="8">
        <v>17776568</v>
      </c>
      <c r="H27071" s="8">
        <v>17776568</v>
      </c>
      <c r="I27071" s="8">
        <v>0</v>
      </c>
      <c r="J27071" s="8">
        <v>17776568</v>
      </c>
      <c r="K27071" s="9">
        <v>733</v>
      </c>
      <c r="L27071" s="6" t="s">
        <v>10</v>
      </c>
    </row>
    <row r="27072" spans="1:12">
      <c r="A27072" s="6" t="s">
        <v>27675</v>
      </c>
      <c r="B27072" s="6"/>
      <c r="C27072" s="6" t="s">
        <v>27676</v>
      </c>
      <c r="D27072" s="6" t="s">
        <v>27677</v>
      </c>
      <c r="E27072" s="6" t="s">
        <v>18740</v>
      </c>
      <c r="F27072" s="7"/>
      <c r="G27072" s="8">
        <v>0</v>
      </c>
      <c r="H27072" s="8">
        <v>0</v>
      </c>
      <c r="I27072" s="8">
        <v>0</v>
      </c>
      <c r="J27072" s="8">
        <v>-17776568</v>
      </c>
      <c r="K27072" s="9"/>
      <c r="L27072" s="6"/>
    </row>
    <row r="27073" spans="1:12">
      <c r="A27073" s="6" t="s">
        <v>27675</v>
      </c>
      <c r="B27073" s="6"/>
      <c r="C27073" s="6" t="s">
        <v>27678</v>
      </c>
      <c r="D27073" s="6"/>
      <c r="E27073" s="6" t="s">
        <v>18740</v>
      </c>
      <c r="F27073" s="7">
        <v>38657</v>
      </c>
      <c r="G27073" s="8">
        <v>6710774</v>
      </c>
      <c r="H27073" s="8">
        <v>6710774</v>
      </c>
      <c r="I27073" s="8">
        <v>0</v>
      </c>
      <c r="J27073" s="8">
        <v>6710774</v>
      </c>
      <c r="K27073" s="9">
        <v>330.58</v>
      </c>
      <c r="L27073" s="6" t="s">
        <v>10</v>
      </c>
    </row>
    <row r="27074" spans="1:12">
      <c r="A27074" s="6" t="s">
        <v>27675</v>
      </c>
      <c r="B27074" s="6"/>
      <c r="C27074" s="6" t="s">
        <v>27678</v>
      </c>
      <c r="D27074" s="6" t="s">
        <v>27679</v>
      </c>
      <c r="E27074" s="6" t="s">
        <v>18740</v>
      </c>
      <c r="F27074" s="7"/>
      <c r="G27074" s="8">
        <v>0</v>
      </c>
      <c r="H27074" s="8">
        <v>0</v>
      </c>
      <c r="I27074" s="8">
        <v>0</v>
      </c>
      <c r="J27074" s="8">
        <v>-6710774</v>
      </c>
      <c r="K27074" s="9"/>
      <c r="L27074" s="6"/>
    </row>
    <row r="27075" spans="1:12">
      <c r="A27075" s="6" t="s">
        <v>27675</v>
      </c>
      <c r="B27075" s="6"/>
      <c r="C27075" s="6" t="s">
        <v>27680</v>
      </c>
      <c r="D27075" s="6"/>
      <c r="E27075" s="6" t="s">
        <v>18740</v>
      </c>
      <c r="F27075" s="7">
        <v>38657</v>
      </c>
      <c r="G27075" s="8">
        <v>20300609</v>
      </c>
      <c r="H27075" s="8">
        <v>20300609</v>
      </c>
      <c r="I27075" s="8">
        <v>0</v>
      </c>
      <c r="J27075" s="8">
        <v>20300609</v>
      </c>
      <c r="K27075" s="9">
        <v>1000.03</v>
      </c>
      <c r="L27075" s="6" t="s">
        <v>10</v>
      </c>
    </row>
    <row r="27076" spans="1:12">
      <c r="A27076" s="6" t="s">
        <v>27675</v>
      </c>
      <c r="B27076" s="6"/>
      <c r="C27076" s="6" t="s">
        <v>27680</v>
      </c>
      <c r="D27076" s="6" t="s">
        <v>27681</v>
      </c>
      <c r="E27076" s="6" t="s">
        <v>18740</v>
      </c>
      <c r="F27076" s="7"/>
      <c r="G27076" s="8">
        <v>0</v>
      </c>
      <c r="H27076" s="8">
        <v>0</v>
      </c>
      <c r="I27076" s="8">
        <v>0</v>
      </c>
      <c r="J27076" s="8">
        <v>-20300609</v>
      </c>
      <c r="K27076" s="9"/>
      <c r="L27076" s="6"/>
    </row>
    <row r="27077" spans="1:12">
      <c r="A27077" s="6" t="s">
        <v>27675</v>
      </c>
      <c r="B27077" s="6"/>
      <c r="C27077" s="6" t="s">
        <v>27682</v>
      </c>
      <c r="D27077" s="6"/>
      <c r="E27077" s="6" t="s">
        <v>18740</v>
      </c>
      <c r="F27077" s="7">
        <v>38657</v>
      </c>
      <c r="G27077" s="8">
        <v>38987368</v>
      </c>
      <c r="H27077" s="8">
        <v>38987368</v>
      </c>
      <c r="I27077" s="8">
        <v>0</v>
      </c>
      <c r="J27077" s="8">
        <v>38987368</v>
      </c>
      <c r="K27077" s="9">
        <v>1920.56</v>
      </c>
      <c r="L27077" s="6" t="s">
        <v>10</v>
      </c>
    </row>
    <row r="27078" spans="1:12">
      <c r="A27078" s="6" t="s">
        <v>27675</v>
      </c>
      <c r="B27078" s="6"/>
      <c r="C27078" s="6" t="s">
        <v>27682</v>
      </c>
      <c r="D27078" s="6" t="s">
        <v>27683</v>
      </c>
      <c r="E27078" s="6" t="s">
        <v>18740</v>
      </c>
      <c r="F27078" s="7"/>
      <c r="G27078" s="8">
        <v>0</v>
      </c>
      <c r="H27078" s="8">
        <v>0</v>
      </c>
      <c r="I27078" s="8">
        <v>0</v>
      </c>
      <c r="J27078" s="8">
        <v>-38987368</v>
      </c>
      <c r="K27078" s="9"/>
      <c r="L27078" s="6"/>
    </row>
    <row r="27079" spans="1:12">
      <c r="A27079" s="6" t="s">
        <v>27675</v>
      </c>
      <c r="B27079" s="6"/>
      <c r="C27079" s="6" t="s">
        <v>27684</v>
      </c>
      <c r="D27079" s="6"/>
      <c r="E27079" s="6" t="s">
        <v>18740</v>
      </c>
      <c r="F27079" s="7">
        <v>38657</v>
      </c>
      <c r="G27079" s="8">
        <v>5844684</v>
      </c>
      <c r="H27079" s="8">
        <v>5844684</v>
      </c>
      <c r="I27079" s="8">
        <v>0</v>
      </c>
      <c r="J27079" s="8">
        <v>5844684</v>
      </c>
      <c r="K27079" s="9">
        <v>241</v>
      </c>
      <c r="L27079" s="6" t="s">
        <v>10</v>
      </c>
    </row>
    <row r="27080" spans="1:12">
      <c r="A27080" s="6" t="s">
        <v>27675</v>
      </c>
      <c r="B27080" s="6"/>
      <c r="C27080" s="6" t="s">
        <v>27684</v>
      </c>
      <c r="D27080" s="6" t="s">
        <v>27685</v>
      </c>
      <c r="E27080" s="6" t="s">
        <v>18740</v>
      </c>
      <c r="F27080" s="7"/>
      <c r="G27080" s="8">
        <v>0</v>
      </c>
      <c r="H27080" s="8">
        <v>0</v>
      </c>
      <c r="I27080" s="8">
        <v>0</v>
      </c>
      <c r="J27080" s="8">
        <v>-5844684</v>
      </c>
      <c r="K27080" s="9"/>
      <c r="L27080" s="6"/>
    </row>
    <row r="27081" spans="1:12">
      <c r="A27081" s="6" t="s">
        <v>27686</v>
      </c>
      <c r="B27081" s="6"/>
      <c r="C27081" s="6" t="s">
        <v>27687</v>
      </c>
      <c r="D27081" s="6"/>
      <c r="E27081" s="6" t="s">
        <v>9</v>
      </c>
      <c r="F27081" s="7">
        <v>38657</v>
      </c>
      <c r="G27081" s="8">
        <v>10586550</v>
      </c>
      <c r="H27081" s="8">
        <v>10586550</v>
      </c>
      <c r="I27081" s="8">
        <v>0</v>
      </c>
      <c r="J27081" s="8">
        <v>10586550</v>
      </c>
      <c r="K27081" s="9">
        <v>347.1</v>
      </c>
      <c r="L27081" s="6" t="s">
        <v>10</v>
      </c>
    </row>
    <row r="27082" spans="1:12">
      <c r="A27082" s="6" t="s">
        <v>27686</v>
      </c>
      <c r="B27082" s="6"/>
      <c r="C27082" s="6" t="s">
        <v>27688</v>
      </c>
      <c r="D27082" s="6"/>
      <c r="E27082" s="6" t="s">
        <v>9</v>
      </c>
      <c r="F27082" s="7">
        <v>38657</v>
      </c>
      <c r="G27082" s="8">
        <v>4436225</v>
      </c>
      <c r="H27082" s="8">
        <v>4436225</v>
      </c>
      <c r="I27082" s="8">
        <v>0</v>
      </c>
      <c r="J27082" s="8">
        <v>4436225</v>
      </c>
      <c r="K27082" s="9">
        <v>145.44999999999899</v>
      </c>
      <c r="L27082" s="6" t="s">
        <v>10</v>
      </c>
    </row>
    <row r="27083" spans="1:12">
      <c r="A27083" s="6" t="s">
        <v>27686</v>
      </c>
      <c r="B27083" s="6"/>
      <c r="C27083" s="6" t="s">
        <v>27689</v>
      </c>
      <c r="D27083" s="6"/>
      <c r="E27083" s="6" t="s">
        <v>9</v>
      </c>
      <c r="F27083" s="7">
        <v>38657</v>
      </c>
      <c r="G27083" s="8">
        <v>5444555</v>
      </c>
      <c r="H27083" s="8">
        <v>5444555</v>
      </c>
      <c r="I27083" s="8">
        <v>0</v>
      </c>
      <c r="J27083" s="8">
        <v>5444555</v>
      </c>
      <c r="K27083" s="9">
        <v>178.51</v>
      </c>
      <c r="L27083" s="6" t="s">
        <v>10</v>
      </c>
    </row>
    <row r="27084" spans="1:12">
      <c r="A27084" s="6" t="s">
        <v>27686</v>
      </c>
      <c r="B27084" s="6"/>
      <c r="C27084" s="6" t="s">
        <v>27690</v>
      </c>
      <c r="D27084" s="6"/>
      <c r="E27084" s="6" t="s">
        <v>9</v>
      </c>
      <c r="F27084" s="7">
        <v>38657</v>
      </c>
      <c r="G27084" s="8">
        <v>5837700</v>
      </c>
      <c r="H27084" s="8">
        <v>5837700</v>
      </c>
      <c r="I27084" s="8">
        <v>0</v>
      </c>
      <c r="J27084" s="8">
        <v>5837700</v>
      </c>
      <c r="K27084" s="9">
        <v>191.4</v>
      </c>
      <c r="L27084" s="6" t="s">
        <v>10</v>
      </c>
    </row>
    <row r="27085" spans="1:12">
      <c r="A27085" s="6" t="s">
        <v>27686</v>
      </c>
      <c r="B27085" s="6"/>
      <c r="C27085" s="6" t="s">
        <v>27691</v>
      </c>
      <c r="D27085" s="6"/>
      <c r="E27085" s="6" t="s">
        <v>9</v>
      </c>
      <c r="F27085" s="7">
        <v>38657</v>
      </c>
      <c r="G27085" s="8">
        <v>4819000</v>
      </c>
      <c r="H27085" s="8">
        <v>4819000</v>
      </c>
      <c r="I27085" s="8">
        <v>0</v>
      </c>
      <c r="J27085" s="8">
        <v>4819000</v>
      </c>
      <c r="K27085" s="9">
        <v>158</v>
      </c>
      <c r="L27085" s="6" t="s">
        <v>10</v>
      </c>
    </row>
    <row r="27086" spans="1:12">
      <c r="A27086" s="6" t="s">
        <v>27692</v>
      </c>
      <c r="B27086" s="6"/>
      <c r="C27086" s="6" t="s">
        <v>27693</v>
      </c>
      <c r="D27086" s="6"/>
      <c r="E27086" s="6" t="s">
        <v>18740</v>
      </c>
      <c r="F27086" s="7">
        <v>38657</v>
      </c>
      <c r="G27086" s="8">
        <v>363360</v>
      </c>
      <c r="H27086" s="8">
        <v>363360</v>
      </c>
      <c r="I27086" s="8">
        <v>0</v>
      </c>
      <c r="J27086" s="8">
        <v>363360</v>
      </c>
      <c r="K27086" s="9">
        <v>7.57</v>
      </c>
      <c r="L27086" s="6" t="s">
        <v>10</v>
      </c>
    </row>
    <row r="27087" spans="1:12">
      <c r="A27087" s="6" t="s">
        <v>27692</v>
      </c>
      <c r="B27087" s="6"/>
      <c r="C27087" s="6" t="s">
        <v>27694</v>
      </c>
      <c r="D27087" s="6"/>
      <c r="E27087" s="6" t="s">
        <v>18740</v>
      </c>
      <c r="F27087" s="7">
        <v>38657</v>
      </c>
      <c r="G27087" s="8">
        <v>1332480</v>
      </c>
      <c r="H27087" s="8">
        <v>1332480</v>
      </c>
      <c r="I27087" s="8">
        <v>0</v>
      </c>
      <c r="J27087" s="8">
        <v>1332480</v>
      </c>
      <c r="K27087" s="9">
        <v>27.76</v>
      </c>
      <c r="L27087" s="6" t="s">
        <v>10</v>
      </c>
    </row>
    <row r="27088" spans="1:12">
      <c r="A27088" s="6" t="s">
        <v>27692</v>
      </c>
      <c r="B27088" s="6"/>
      <c r="C27088" s="6" t="s">
        <v>27695</v>
      </c>
      <c r="D27088" s="6"/>
      <c r="E27088" s="6" t="s">
        <v>18740</v>
      </c>
      <c r="F27088" s="7">
        <v>38657</v>
      </c>
      <c r="G27088" s="8">
        <v>371040</v>
      </c>
      <c r="H27088" s="8">
        <v>371040</v>
      </c>
      <c r="I27088" s="8">
        <v>0</v>
      </c>
      <c r="J27088" s="8">
        <v>371040</v>
      </c>
      <c r="K27088" s="9">
        <v>7.73</v>
      </c>
      <c r="L27088" s="6" t="s">
        <v>10</v>
      </c>
    </row>
    <row r="27089" spans="1:12">
      <c r="A27089" s="6" t="s">
        <v>27692</v>
      </c>
      <c r="B27089" s="6"/>
      <c r="C27089" s="6" t="s">
        <v>27696</v>
      </c>
      <c r="D27089" s="6"/>
      <c r="E27089" s="6" t="s">
        <v>18740</v>
      </c>
      <c r="F27089" s="7">
        <v>38657</v>
      </c>
      <c r="G27089" s="8">
        <v>1283040</v>
      </c>
      <c r="H27089" s="8">
        <v>1283040</v>
      </c>
      <c r="I27089" s="8">
        <v>0</v>
      </c>
      <c r="J27089" s="8">
        <v>1283040</v>
      </c>
      <c r="K27089" s="9">
        <v>26.73</v>
      </c>
      <c r="L27089" s="6" t="s">
        <v>10</v>
      </c>
    </row>
    <row r="27090" spans="1:12">
      <c r="A27090" s="6" t="s">
        <v>27692</v>
      </c>
      <c r="B27090" s="6"/>
      <c r="C27090" s="6" t="s">
        <v>27697</v>
      </c>
      <c r="D27090" s="6"/>
      <c r="E27090" s="6" t="s">
        <v>18740</v>
      </c>
      <c r="F27090" s="7">
        <v>38657</v>
      </c>
      <c r="G27090" s="8">
        <v>1637760</v>
      </c>
      <c r="H27090" s="8">
        <v>1637760</v>
      </c>
      <c r="I27090" s="8">
        <v>0</v>
      </c>
      <c r="J27090" s="8">
        <v>1637760</v>
      </c>
      <c r="K27090" s="9">
        <v>34.119999999999898</v>
      </c>
      <c r="L27090" s="6" t="s">
        <v>10</v>
      </c>
    </row>
    <row r="27091" spans="1:12">
      <c r="A27091" s="6" t="s">
        <v>27698</v>
      </c>
      <c r="B27091" s="6"/>
      <c r="C27091" s="6" t="s">
        <v>27699</v>
      </c>
      <c r="D27091" s="6"/>
      <c r="E27091" s="6" t="s">
        <v>18740</v>
      </c>
      <c r="F27091" s="7">
        <v>40128</v>
      </c>
      <c r="G27091" s="8">
        <v>3010680</v>
      </c>
      <c r="H27091" s="8">
        <v>3010680</v>
      </c>
      <c r="I27091" s="8">
        <v>0</v>
      </c>
      <c r="J27091" s="8">
        <v>3010680</v>
      </c>
      <c r="K27091" s="9">
        <v>360</v>
      </c>
      <c r="L27091" s="6" t="s">
        <v>23</v>
      </c>
    </row>
    <row r="27092" spans="1:12">
      <c r="A27092" s="6" t="s">
        <v>27698</v>
      </c>
      <c r="B27092" s="6"/>
      <c r="C27092" s="6" t="s">
        <v>27700</v>
      </c>
      <c r="D27092" s="6"/>
      <c r="E27092" s="6" t="s">
        <v>18740</v>
      </c>
      <c r="F27092" s="7">
        <v>40128</v>
      </c>
      <c r="G27092" s="8">
        <v>3554275</v>
      </c>
      <c r="H27092" s="8">
        <v>3554275</v>
      </c>
      <c r="I27092" s="8">
        <v>0</v>
      </c>
      <c r="J27092" s="8">
        <v>3554275</v>
      </c>
      <c r="K27092" s="9">
        <v>425</v>
      </c>
      <c r="L27092" s="6" t="s">
        <v>23</v>
      </c>
    </row>
    <row r="27093" spans="1:12">
      <c r="A27093" s="6" t="s">
        <v>27698</v>
      </c>
      <c r="B27093" s="6"/>
      <c r="C27093" s="6" t="s">
        <v>27701</v>
      </c>
      <c r="D27093" s="6"/>
      <c r="E27093" s="6" t="s">
        <v>18740</v>
      </c>
      <c r="F27093" s="7">
        <v>40128</v>
      </c>
      <c r="G27093" s="8">
        <v>2341640</v>
      </c>
      <c r="H27093" s="8">
        <v>2341640</v>
      </c>
      <c r="I27093" s="8">
        <v>0</v>
      </c>
      <c r="J27093" s="8">
        <v>2341640</v>
      </c>
      <c r="K27093" s="9">
        <v>280</v>
      </c>
      <c r="L27093" s="6" t="s">
        <v>23</v>
      </c>
    </row>
    <row r="27094" spans="1:12">
      <c r="A27094" s="6" t="s">
        <v>27698</v>
      </c>
      <c r="B27094" s="6"/>
      <c r="C27094" s="6" t="s">
        <v>27702</v>
      </c>
      <c r="D27094" s="6"/>
      <c r="E27094" s="6" t="s">
        <v>18740</v>
      </c>
      <c r="F27094" s="7">
        <v>40128</v>
      </c>
      <c r="G27094" s="8">
        <v>5502854</v>
      </c>
      <c r="H27094" s="8">
        <v>5502854</v>
      </c>
      <c r="I27094" s="8">
        <v>0</v>
      </c>
      <c r="J27094" s="8">
        <v>5502854</v>
      </c>
      <c r="K27094" s="9">
        <v>658</v>
      </c>
      <c r="L27094" s="6" t="s">
        <v>23</v>
      </c>
    </row>
    <row r="27095" spans="1:12">
      <c r="A27095" s="6" t="s">
        <v>27703</v>
      </c>
      <c r="B27095" s="6"/>
      <c r="C27095" s="6" t="s">
        <v>27704</v>
      </c>
      <c r="D27095" s="6"/>
      <c r="E27095" s="6" t="s">
        <v>18740</v>
      </c>
      <c r="F27095" s="7">
        <v>38657</v>
      </c>
      <c r="G27095" s="8">
        <v>7562000</v>
      </c>
      <c r="H27095" s="8">
        <v>7562000</v>
      </c>
      <c r="I27095" s="8">
        <v>0</v>
      </c>
      <c r="J27095" s="8">
        <v>7562000</v>
      </c>
      <c r="K27095" s="9">
        <v>1000</v>
      </c>
      <c r="L27095" s="6" t="s">
        <v>10</v>
      </c>
    </row>
    <row r="27096" spans="1:12">
      <c r="A27096" s="6" t="s">
        <v>27703</v>
      </c>
      <c r="B27096" s="6"/>
      <c r="C27096" s="6" t="s">
        <v>27705</v>
      </c>
      <c r="D27096" s="6"/>
      <c r="E27096" s="6" t="s">
        <v>18740</v>
      </c>
      <c r="F27096" s="7">
        <v>38657</v>
      </c>
      <c r="G27096" s="8">
        <v>3113292</v>
      </c>
      <c r="H27096" s="8">
        <v>3113292</v>
      </c>
      <c r="I27096" s="8">
        <v>0</v>
      </c>
      <c r="J27096" s="8">
        <v>3113292</v>
      </c>
      <c r="K27096" s="9">
        <v>199.57</v>
      </c>
      <c r="L27096" s="6" t="s">
        <v>10</v>
      </c>
    </row>
    <row r="27097" spans="1:12">
      <c r="A27097" s="6" t="s">
        <v>27706</v>
      </c>
      <c r="B27097" s="6"/>
      <c r="C27097" s="6" t="s">
        <v>27707</v>
      </c>
      <c r="D27097" s="6"/>
      <c r="E27097" s="6" t="s">
        <v>9</v>
      </c>
      <c r="F27097" s="7">
        <v>38657</v>
      </c>
      <c r="G27097" s="8">
        <v>9914710</v>
      </c>
      <c r="H27097" s="8">
        <v>9914710</v>
      </c>
      <c r="I27097" s="8">
        <v>0</v>
      </c>
      <c r="J27097" s="8">
        <v>9914710</v>
      </c>
      <c r="K27097" s="9">
        <v>762.67</v>
      </c>
      <c r="L27097" s="6" t="s">
        <v>10</v>
      </c>
    </row>
    <row r="27098" spans="1:12">
      <c r="A27098" s="6" t="s">
        <v>27706</v>
      </c>
      <c r="B27098" s="6"/>
      <c r="C27098" s="6" t="s">
        <v>27708</v>
      </c>
      <c r="D27098" s="6"/>
      <c r="E27098" s="6" t="s">
        <v>9</v>
      </c>
      <c r="F27098" s="7">
        <v>39820</v>
      </c>
      <c r="G27098" s="8">
        <v>26684580</v>
      </c>
      <c r="H27098" s="8">
        <v>26684580</v>
      </c>
      <c r="I27098" s="8">
        <v>0</v>
      </c>
      <c r="J27098" s="8">
        <v>26684580</v>
      </c>
      <c r="K27098" s="9">
        <v>2052.66</v>
      </c>
      <c r="L27098" s="6" t="s">
        <v>10</v>
      </c>
    </row>
    <row r="27099" spans="1:12">
      <c r="A27099" s="6" t="s">
        <v>27709</v>
      </c>
      <c r="B27099" s="6"/>
      <c r="C27099" s="6" t="s">
        <v>27710</v>
      </c>
      <c r="D27099" s="6"/>
      <c r="E27099" s="6" t="s">
        <v>9</v>
      </c>
      <c r="F27099" s="7">
        <v>38657</v>
      </c>
      <c r="G27099" s="8">
        <v>530400</v>
      </c>
      <c r="H27099" s="8">
        <v>530400</v>
      </c>
      <c r="I27099" s="8">
        <v>0</v>
      </c>
      <c r="J27099" s="8">
        <v>530400</v>
      </c>
      <c r="K27099" s="9">
        <v>52</v>
      </c>
      <c r="L27099" s="6" t="s">
        <v>10</v>
      </c>
    </row>
    <row r="27100" spans="1:12">
      <c r="A27100" s="6" t="s">
        <v>27709</v>
      </c>
      <c r="B27100" s="6"/>
      <c r="C27100" s="6" t="s">
        <v>27711</v>
      </c>
      <c r="D27100" s="6"/>
      <c r="E27100" s="6" t="s">
        <v>9</v>
      </c>
      <c r="F27100" s="7">
        <v>38657</v>
      </c>
      <c r="G27100" s="8">
        <v>3437400</v>
      </c>
      <c r="H27100" s="8">
        <v>3437400</v>
      </c>
      <c r="I27100" s="8">
        <v>0</v>
      </c>
      <c r="J27100" s="8">
        <v>3437400</v>
      </c>
      <c r="K27100" s="9">
        <v>337</v>
      </c>
      <c r="L27100" s="6" t="s">
        <v>10</v>
      </c>
    </row>
    <row r="27101" spans="1:12">
      <c r="A27101" s="6" t="s">
        <v>27709</v>
      </c>
      <c r="B27101" s="6"/>
      <c r="C27101" s="6" t="s">
        <v>27712</v>
      </c>
      <c r="D27101" s="6"/>
      <c r="E27101" s="6" t="s">
        <v>9</v>
      </c>
      <c r="F27101" s="7">
        <v>38657</v>
      </c>
      <c r="G27101" s="8">
        <v>9027000</v>
      </c>
      <c r="H27101" s="8">
        <v>9027000</v>
      </c>
      <c r="I27101" s="8">
        <v>0</v>
      </c>
      <c r="J27101" s="8">
        <v>9027000</v>
      </c>
      <c r="K27101" s="9">
        <v>885</v>
      </c>
      <c r="L27101" s="6" t="s">
        <v>10</v>
      </c>
    </row>
    <row r="27102" spans="1:12">
      <c r="A27102" s="6" t="s">
        <v>27709</v>
      </c>
      <c r="B27102" s="6"/>
      <c r="C27102" s="6" t="s">
        <v>27713</v>
      </c>
      <c r="D27102" s="6"/>
      <c r="E27102" s="6" t="s">
        <v>9</v>
      </c>
      <c r="F27102" s="7">
        <v>38657</v>
      </c>
      <c r="G27102" s="8">
        <v>367200</v>
      </c>
      <c r="H27102" s="8">
        <v>367200</v>
      </c>
      <c r="I27102" s="8">
        <v>0</v>
      </c>
      <c r="J27102" s="8">
        <v>367200</v>
      </c>
      <c r="K27102" s="9">
        <v>36</v>
      </c>
      <c r="L27102" s="6" t="s">
        <v>10</v>
      </c>
    </row>
    <row r="27103" spans="1:12">
      <c r="A27103" s="6" t="s">
        <v>27709</v>
      </c>
      <c r="B27103" s="6"/>
      <c r="C27103" s="6" t="s">
        <v>27714</v>
      </c>
      <c r="D27103" s="6"/>
      <c r="E27103" s="6" t="s">
        <v>9</v>
      </c>
      <c r="F27103" s="7">
        <v>38657</v>
      </c>
      <c r="G27103" s="8">
        <v>2019600</v>
      </c>
      <c r="H27103" s="8">
        <v>2019600</v>
      </c>
      <c r="I27103" s="8">
        <v>0</v>
      </c>
      <c r="J27103" s="8">
        <v>2019600</v>
      </c>
      <c r="K27103" s="9">
        <v>198</v>
      </c>
      <c r="L27103" s="6" t="s">
        <v>10</v>
      </c>
    </row>
    <row r="27104" spans="1:12">
      <c r="A27104" s="6" t="s">
        <v>27709</v>
      </c>
      <c r="B27104" s="6"/>
      <c r="C27104" s="6" t="s">
        <v>27715</v>
      </c>
      <c r="D27104" s="6"/>
      <c r="E27104" s="6" t="s">
        <v>9</v>
      </c>
      <c r="F27104" s="7">
        <v>38657</v>
      </c>
      <c r="G27104" s="8">
        <v>2662200</v>
      </c>
      <c r="H27104" s="8">
        <v>2662200</v>
      </c>
      <c r="I27104" s="8">
        <v>0</v>
      </c>
      <c r="J27104" s="8">
        <v>2662200</v>
      </c>
      <c r="K27104" s="9">
        <v>261</v>
      </c>
      <c r="L27104" s="6" t="s">
        <v>10</v>
      </c>
    </row>
    <row r="27105" spans="1:12">
      <c r="A27105" s="6" t="s">
        <v>27709</v>
      </c>
      <c r="B27105" s="6"/>
      <c r="C27105" s="6" t="s">
        <v>27716</v>
      </c>
      <c r="D27105" s="6"/>
      <c r="E27105" s="6" t="s">
        <v>9</v>
      </c>
      <c r="F27105" s="7"/>
      <c r="G27105" s="8">
        <v>16307592</v>
      </c>
      <c r="H27105" s="8">
        <v>16307592</v>
      </c>
      <c r="I27105" s="8">
        <v>0</v>
      </c>
      <c r="J27105" s="8">
        <v>16307592</v>
      </c>
      <c r="K27105" s="9">
        <v>849</v>
      </c>
      <c r="L27105" s="6" t="s">
        <v>4773</v>
      </c>
    </row>
    <row r="27106" spans="1:12">
      <c r="A27106" s="6" t="s">
        <v>27717</v>
      </c>
      <c r="B27106" s="6"/>
      <c r="C27106" s="6" t="s">
        <v>27718</v>
      </c>
      <c r="D27106" s="6"/>
      <c r="E27106" s="6" t="s">
        <v>9</v>
      </c>
      <c r="F27106" s="7">
        <v>38657</v>
      </c>
      <c r="G27106" s="8">
        <v>2625370</v>
      </c>
      <c r="H27106" s="8">
        <v>2625370</v>
      </c>
      <c r="I27106" s="8">
        <v>0</v>
      </c>
      <c r="J27106" s="8">
        <v>2625370</v>
      </c>
      <c r="K27106" s="9">
        <v>181.06</v>
      </c>
      <c r="L27106" s="6" t="s">
        <v>10</v>
      </c>
    </row>
    <row r="27107" spans="1:12">
      <c r="A27107" s="6" t="s">
        <v>27717</v>
      </c>
      <c r="B27107" s="6"/>
      <c r="C27107" s="6" t="s">
        <v>27719</v>
      </c>
      <c r="D27107" s="6"/>
      <c r="E27107" s="6" t="s">
        <v>9</v>
      </c>
      <c r="F27107" s="7">
        <v>38657</v>
      </c>
      <c r="G27107" s="8">
        <v>12686485</v>
      </c>
      <c r="H27107" s="8">
        <v>12686485</v>
      </c>
      <c r="I27107" s="8">
        <v>0</v>
      </c>
      <c r="J27107" s="8">
        <v>12686485</v>
      </c>
      <c r="K27107" s="9">
        <v>874.93</v>
      </c>
      <c r="L27107" s="6" t="s">
        <v>10</v>
      </c>
    </row>
    <row r="27108" spans="1:12">
      <c r="A27108" s="6" t="s">
        <v>27720</v>
      </c>
      <c r="B27108" s="6"/>
      <c r="C27108" s="6" t="s">
        <v>27721</v>
      </c>
      <c r="D27108" s="6"/>
      <c r="E27108" s="6" t="s">
        <v>9</v>
      </c>
      <c r="F27108" s="7">
        <v>38657</v>
      </c>
      <c r="G27108" s="8">
        <v>42170806</v>
      </c>
      <c r="H27108" s="8">
        <v>42170806</v>
      </c>
      <c r="I27108" s="8">
        <v>0</v>
      </c>
      <c r="J27108" s="8">
        <v>42170806</v>
      </c>
      <c r="K27108" s="9">
        <v>5080.82</v>
      </c>
      <c r="L27108" s="6" t="s">
        <v>10</v>
      </c>
    </row>
    <row r="27109" spans="1:12">
      <c r="A27109" s="6" t="s">
        <v>27722</v>
      </c>
      <c r="B27109" s="6"/>
      <c r="C27109" s="6" t="s">
        <v>27723</v>
      </c>
      <c r="D27109" s="6"/>
      <c r="E27109" s="6" t="s">
        <v>9</v>
      </c>
      <c r="F27109" s="7">
        <v>38657</v>
      </c>
      <c r="G27109" s="8">
        <v>34701624</v>
      </c>
      <c r="H27109" s="8">
        <v>34701624</v>
      </c>
      <c r="I27109" s="8">
        <v>0</v>
      </c>
      <c r="J27109" s="8">
        <v>34701624</v>
      </c>
      <c r="K27109" s="9">
        <v>1134.04</v>
      </c>
      <c r="L27109" s="6" t="s">
        <v>1694</v>
      </c>
    </row>
    <row r="27110" spans="1:12">
      <c r="A27110" s="6" t="s">
        <v>27722</v>
      </c>
      <c r="B27110" s="6"/>
      <c r="C27110" s="6" t="s">
        <v>27724</v>
      </c>
      <c r="D27110" s="6"/>
      <c r="E27110" s="6" t="s">
        <v>9</v>
      </c>
      <c r="F27110" s="7">
        <v>38657</v>
      </c>
      <c r="G27110" s="8">
        <v>2508800</v>
      </c>
      <c r="H27110" s="8">
        <v>2508800</v>
      </c>
      <c r="I27110" s="8">
        <v>0</v>
      </c>
      <c r="J27110" s="8">
        <v>2508800</v>
      </c>
      <c r="K27110" s="9">
        <v>98</v>
      </c>
      <c r="L27110" s="6" t="s">
        <v>1694</v>
      </c>
    </row>
    <row r="27111" spans="1:12">
      <c r="A27111" s="6" t="s">
        <v>27722</v>
      </c>
      <c r="B27111" s="6"/>
      <c r="C27111" s="6" t="s">
        <v>27725</v>
      </c>
      <c r="D27111" s="6"/>
      <c r="E27111" s="6" t="s">
        <v>9</v>
      </c>
      <c r="F27111" s="7">
        <v>38657</v>
      </c>
      <c r="G27111" s="8">
        <v>2176000</v>
      </c>
      <c r="H27111" s="8">
        <v>2176000</v>
      </c>
      <c r="I27111" s="8">
        <v>0</v>
      </c>
      <c r="J27111" s="8">
        <v>2176000</v>
      </c>
      <c r="K27111" s="9">
        <v>85</v>
      </c>
      <c r="L27111" s="6" t="s">
        <v>1694</v>
      </c>
    </row>
    <row r="27112" spans="1:12">
      <c r="A27112" s="6" t="s">
        <v>27726</v>
      </c>
      <c r="B27112" s="6"/>
      <c r="C27112" s="6" t="s">
        <v>27727</v>
      </c>
      <c r="D27112" s="6"/>
      <c r="E27112" s="6" t="s">
        <v>9</v>
      </c>
      <c r="F27112" s="7">
        <v>38657</v>
      </c>
      <c r="G27112" s="8">
        <v>146121248</v>
      </c>
      <c r="H27112" s="8">
        <v>146121248</v>
      </c>
      <c r="I27112" s="8">
        <v>0</v>
      </c>
      <c r="J27112" s="8">
        <v>146121248</v>
      </c>
      <c r="K27112" s="9">
        <v>5493.28</v>
      </c>
      <c r="L27112" s="6" t="s">
        <v>1694</v>
      </c>
    </row>
    <row r="27113" spans="1:12">
      <c r="A27113" s="6" t="s">
        <v>27728</v>
      </c>
      <c r="B27113" s="6"/>
      <c r="C27113" s="6" t="s">
        <v>27729</v>
      </c>
      <c r="D27113" s="6"/>
      <c r="E27113" s="6" t="s">
        <v>9</v>
      </c>
      <c r="F27113" s="7">
        <v>38657</v>
      </c>
      <c r="G27113" s="8">
        <v>4012920</v>
      </c>
      <c r="H27113" s="8">
        <v>4012920</v>
      </c>
      <c r="I27113" s="8">
        <v>0</v>
      </c>
      <c r="J27113" s="8">
        <v>4012920</v>
      </c>
      <c r="K27113" s="9">
        <v>785</v>
      </c>
      <c r="L27113" s="6" t="s">
        <v>14</v>
      </c>
    </row>
    <row r="27114" spans="1:12">
      <c r="A27114" s="6" t="s">
        <v>27728</v>
      </c>
      <c r="B27114" s="6"/>
      <c r="C27114" s="6" t="s">
        <v>27730</v>
      </c>
      <c r="D27114" s="6"/>
      <c r="E27114" s="6" t="s">
        <v>9</v>
      </c>
      <c r="F27114" s="7">
        <v>38657</v>
      </c>
      <c r="G27114" s="8">
        <v>3292128</v>
      </c>
      <c r="H27114" s="8">
        <v>3292128</v>
      </c>
      <c r="I27114" s="8">
        <v>0</v>
      </c>
      <c r="J27114" s="8">
        <v>3292128</v>
      </c>
      <c r="K27114" s="9">
        <v>644</v>
      </c>
      <c r="L27114" s="6" t="s">
        <v>14</v>
      </c>
    </row>
    <row r="27115" spans="1:12">
      <c r="A27115" s="6" t="s">
        <v>27728</v>
      </c>
      <c r="B27115" s="6"/>
      <c r="C27115" s="6" t="s">
        <v>27731</v>
      </c>
      <c r="D27115" s="6"/>
      <c r="E27115" s="6" t="s">
        <v>9</v>
      </c>
      <c r="F27115" s="7">
        <v>38657</v>
      </c>
      <c r="G27115" s="8">
        <v>306720</v>
      </c>
      <c r="H27115" s="8">
        <v>306720</v>
      </c>
      <c r="I27115" s="8">
        <v>0</v>
      </c>
      <c r="J27115" s="8">
        <v>306720</v>
      </c>
      <c r="K27115" s="9">
        <v>60</v>
      </c>
      <c r="L27115" s="6" t="s">
        <v>14</v>
      </c>
    </row>
    <row r="27116" spans="1:12">
      <c r="A27116" s="6" t="s">
        <v>27728</v>
      </c>
      <c r="B27116" s="6"/>
      <c r="C27116" s="6" t="s">
        <v>27732</v>
      </c>
      <c r="D27116" s="6"/>
      <c r="E27116" s="6" t="s">
        <v>9</v>
      </c>
      <c r="F27116" s="7">
        <v>38657</v>
      </c>
      <c r="G27116" s="8">
        <v>1196208</v>
      </c>
      <c r="H27116" s="8">
        <v>1196208</v>
      </c>
      <c r="I27116" s="8">
        <v>0</v>
      </c>
      <c r="J27116" s="8">
        <v>1196208</v>
      </c>
      <c r="K27116" s="9">
        <v>234</v>
      </c>
      <c r="L27116" s="6" t="s">
        <v>14</v>
      </c>
    </row>
    <row r="27117" spans="1:12">
      <c r="A27117" s="6" t="s">
        <v>27728</v>
      </c>
      <c r="B27117" s="6"/>
      <c r="C27117" s="6" t="s">
        <v>27733</v>
      </c>
      <c r="D27117" s="6"/>
      <c r="E27117" s="6" t="s">
        <v>9</v>
      </c>
      <c r="F27117" s="7">
        <v>38657</v>
      </c>
      <c r="G27117" s="8">
        <v>301608</v>
      </c>
      <c r="H27117" s="8">
        <v>301608</v>
      </c>
      <c r="I27117" s="8">
        <v>0</v>
      </c>
      <c r="J27117" s="8">
        <v>301608</v>
      </c>
      <c r="K27117" s="9">
        <v>59</v>
      </c>
      <c r="L27117" s="6" t="s">
        <v>14</v>
      </c>
    </row>
    <row r="27118" spans="1:12">
      <c r="A27118" s="6" t="s">
        <v>27728</v>
      </c>
      <c r="B27118" s="6"/>
      <c r="C27118" s="6" t="s">
        <v>27734</v>
      </c>
      <c r="D27118" s="6"/>
      <c r="E27118" s="6" t="s">
        <v>9</v>
      </c>
      <c r="F27118" s="7">
        <v>38657</v>
      </c>
      <c r="G27118" s="8">
        <v>19911240</v>
      </c>
      <c r="H27118" s="8">
        <v>19911240</v>
      </c>
      <c r="I27118" s="8">
        <v>0</v>
      </c>
      <c r="J27118" s="8">
        <v>19911240</v>
      </c>
      <c r="K27118" s="9">
        <v>3895</v>
      </c>
      <c r="L27118" s="6" t="s">
        <v>14</v>
      </c>
    </row>
    <row r="27119" spans="1:12">
      <c r="A27119" s="6" t="s">
        <v>27728</v>
      </c>
      <c r="B27119" s="6"/>
      <c r="C27119" s="6" t="s">
        <v>27735</v>
      </c>
      <c r="D27119" s="6"/>
      <c r="E27119" s="6" t="s">
        <v>9</v>
      </c>
      <c r="F27119" s="7">
        <v>38657</v>
      </c>
      <c r="G27119" s="8">
        <v>1278000</v>
      </c>
      <c r="H27119" s="8">
        <v>1278000</v>
      </c>
      <c r="I27119" s="8">
        <v>0</v>
      </c>
      <c r="J27119" s="8">
        <v>1278000</v>
      </c>
      <c r="K27119" s="9">
        <v>250</v>
      </c>
      <c r="L27119" s="6" t="s">
        <v>14</v>
      </c>
    </row>
    <row r="27120" spans="1:12">
      <c r="A27120" s="6" t="s">
        <v>27728</v>
      </c>
      <c r="B27120" s="6"/>
      <c r="C27120" s="6" t="s">
        <v>27736</v>
      </c>
      <c r="D27120" s="6"/>
      <c r="E27120" s="6" t="s">
        <v>9</v>
      </c>
      <c r="F27120" s="7">
        <v>38657</v>
      </c>
      <c r="G27120" s="8">
        <v>1891440</v>
      </c>
      <c r="H27120" s="8">
        <v>1891440</v>
      </c>
      <c r="I27120" s="8">
        <v>0</v>
      </c>
      <c r="J27120" s="8">
        <v>1891440</v>
      </c>
      <c r="K27120" s="9">
        <v>370</v>
      </c>
      <c r="L27120" s="6" t="s">
        <v>14</v>
      </c>
    </row>
    <row r="27121" spans="1:12">
      <c r="A27121" s="6" t="s">
        <v>27728</v>
      </c>
      <c r="B27121" s="6"/>
      <c r="C27121" s="6" t="s">
        <v>27737</v>
      </c>
      <c r="D27121" s="6"/>
      <c r="E27121" s="6" t="s">
        <v>9</v>
      </c>
      <c r="F27121" s="7">
        <v>38657</v>
      </c>
      <c r="G27121" s="8">
        <v>21424392</v>
      </c>
      <c r="H27121" s="8">
        <v>21424392</v>
      </c>
      <c r="I27121" s="8">
        <v>0</v>
      </c>
      <c r="J27121" s="8">
        <v>21424392</v>
      </c>
      <c r="K27121" s="9">
        <v>4191</v>
      </c>
      <c r="L27121" s="6" t="s">
        <v>14</v>
      </c>
    </row>
    <row r="27122" spans="1:12">
      <c r="A27122" s="6" t="s">
        <v>27728</v>
      </c>
      <c r="B27122" s="6"/>
      <c r="C27122" s="6" t="s">
        <v>27738</v>
      </c>
      <c r="D27122" s="6"/>
      <c r="E27122" s="6" t="s">
        <v>9</v>
      </c>
      <c r="F27122" s="7">
        <v>38657</v>
      </c>
      <c r="G27122" s="8">
        <v>1221768</v>
      </c>
      <c r="H27122" s="8">
        <v>1221768</v>
      </c>
      <c r="I27122" s="8">
        <v>0</v>
      </c>
      <c r="J27122" s="8">
        <v>1221768</v>
      </c>
      <c r="K27122" s="9">
        <v>239</v>
      </c>
      <c r="L27122" s="6" t="s">
        <v>14</v>
      </c>
    </row>
    <row r="27123" spans="1:12">
      <c r="A27123" s="6" t="s">
        <v>27728</v>
      </c>
      <c r="B27123" s="6"/>
      <c r="C27123" s="6" t="s">
        <v>27739</v>
      </c>
      <c r="D27123" s="6"/>
      <c r="E27123" s="6" t="s">
        <v>9</v>
      </c>
      <c r="F27123" s="7">
        <v>38657</v>
      </c>
      <c r="G27123" s="8">
        <v>439632</v>
      </c>
      <c r="H27123" s="8">
        <v>439632</v>
      </c>
      <c r="I27123" s="8">
        <v>0</v>
      </c>
      <c r="J27123" s="8">
        <v>439632</v>
      </c>
      <c r="K27123" s="9">
        <v>86</v>
      </c>
      <c r="L27123" s="6" t="s">
        <v>14</v>
      </c>
    </row>
    <row r="27124" spans="1:12">
      <c r="A27124" s="6" t="s">
        <v>27728</v>
      </c>
      <c r="B27124" s="6"/>
      <c r="C27124" s="6" t="s">
        <v>27740</v>
      </c>
      <c r="D27124" s="6"/>
      <c r="E27124" s="6" t="s">
        <v>9</v>
      </c>
      <c r="F27124" s="7">
        <v>38657</v>
      </c>
      <c r="G27124" s="8">
        <v>4815504</v>
      </c>
      <c r="H27124" s="8">
        <v>4815504</v>
      </c>
      <c r="I27124" s="8">
        <v>0</v>
      </c>
      <c r="J27124" s="8">
        <v>4815504</v>
      </c>
      <c r="K27124" s="9">
        <v>942</v>
      </c>
      <c r="L27124" s="6" t="s">
        <v>14</v>
      </c>
    </row>
    <row r="27125" spans="1:12">
      <c r="A27125" s="6" t="s">
        <v>27728</v>
      </c>
      <c r="B27125" s="6"/>
      <c r="C27125" s="6" t="s">
        <v>27741</v>
      </c>
      <c r="D27125" s="6"/>
      <c r="E27125" s="6" t="s">
        <v>9</v>
      </c>
      <c r="F27125" s="7">
        <v>38657</v>
      </c>
      <c r="G27125" s="8">
        <v>22712616</v>
      </c>
      <c r="H27125" s="8">
        <v>22712616</v>
      </c>
      <c r="I27125" s="8">
        <v>0</v>
      </c>
      <c r="J27125" s="8">
        <v>22712616</v>
      </c>
      <c r="K27125" s="9">
        <v>4443</v>
      </c>
      <c r="L27125" s="6" t="s">
        <v>14</v>
      </c>
    </row>
    <row r="27126" spans="1:12">
      <c r="A27126" s="6" t="s">
        <v>27728</v>
      </c>
      <c r="B27126" s="6"/>
      <c r="C27126" s="6" t="s">
        <v>27742</v>
      </c>
      <c r="D27126" s="6"/>
      <c r="E27126" s="6" t="s">
        <v>9</v>
      </c>
      <c r="F27126" s="7">
        <v>38657</v>
      </c>
      <c r="G27126" s="8">
        <v>373176</v>
      </c>
      <c r="H27126" s="8">
        <v>373176</v>
      </c>
      <c r="I27126" s="8">
        <v>0</v>
      </c>
      <c r="J27126" s="8">
        <v>373176</v>
      </c>
      <c r="K27126" s="9">
        <v>73</v>
      </c>
      <c r="L27126" s="6" t="s">
        <v>14</v>
      </c>
    </row>
    <row r="27127" spans="1:12">
      <c r="A27127" s="6" t="s">
        <v>27728</v>
      </c>
      <c r="B27127" s="6"/>
      <c r="C27127" s="6" t="s">
        <v>27743</v>
      </c>
      <c r="D27127" s="6"/>
      <c r="E27127" s="6" t="s">
        <v>9</v>
      </c>
      <c r="F27127" s="7">
        <v>38657</v>
      </c>
      <c r="G27127" s="8">
        <v>17973792</v>
      </c>
      <c r="H27127" s="8">
        <v>17973792</v>
      </c>
      <c r="I27127" s="8">
        <v>0</v>
      </c>
      <c r="J27127" s="8">
        <v>17973792</v>
      </c>
      <c r="K27127" s="9">
        <v>3516</v>
      </c>
      <c r="L27127" s="6" t="s">
        <v>14</v>
      </c>
    </row>
    <row r="27128" spans="1:12">
      <c r="A27128" s="6" t="s">
        <v>27728</v>
      </c>
      <c r="B27128" s="6"/>
      <c r="C27128" s="6" t="s">
        <v>27744</v>
      </c>
      <c r="D27128" s="6"/>
      <c r="E27128" s="6" t="s">
        <v>9</v>
      </c>
      <c r="F27128" s="7">
        <v>38657</v>
      </c>
      <c r="G27128" s="8">
        <v>4340088</v>
      </c>
      <c r="H27128" s="8">
        <v>4340088</v>
      </c>
      <c r="I27128" s="8">
        <v>0</v>
      </c>
      <c r="J27128" s="8">
        <v>4340088</v>
      </c>
      <c r="K27128" s="9">
        <v>849</v>
      </c>
      <c r="L27128" s="6" t="s">
        <v>14</v>
      </c>
    </row>
    <row r="27129" spans="1:12">
      <c r="A27129" s="6" t="s">
        <v>27728</v>
      </c>
      <c r="B27129" s="6"/>
      <c r="C27129" s="6" t="s">
        <v>27745</v>
      </c>
      <c r="D27129" s="6"/>
      <c r="E27129" s="6" t="s">
        <v>9</v>
      </c>
      <c r="F27129" s="7">
        <v>38657</v>
      </c>
      <c r="G27129" s="8">
        <v>777024</v>
      </c>
      <c r="H27129" s="8">
        <v>777024</v>
      </c>
      <c r="I27129" s="8">
        <v>0</v>
      </c>
      <c r="J27129" s="8">
        <v>777024</v>
      </c>
      <c r="K27129" s="9">
        <v>152</v>
      </c>
      <c r="L27129" s="6" t="s">
        <v>14</v>
      </c>
    </row>
    <row r="27130" spans="1:12">
      <c r="A27130" s="6" t="s">
        <v>27728</v>
      </c>
      <c r="B27130" s="6"/>
      <c r="C27130" s="6" t="s">
        <v>27746</v>
      </c>
      <c r="D27130" s="6"/>
      <c r="E27130" s="6" t="s">
        <v>9</v>
      </c>
      <c r="F27130" s="7">
        <v>38657</v>
      </c>
      <c r="G27130" s="8">
        <v>11246400</v>
      </c>
      <c r="H27130" s="8">
        <v>11246400</v>
      </c>
      <c r="I27130" s="8">
        <v>0</v>
      </c>
      <c r="J27130" s="8">
        <v>11246400</v>
      </c>
      <c r="K27130" s="9">
        <v>2200</v>
      </c>
      <c r="L27130" s="6" t="s">
        <v>14</v>
      </c>
    </row>
    <row r="27131" spans="1:12">
      <c r="A27131" s="6" t="s">
        <v>27728</v>
      </c>
      <c r="B27131" s="6"/>
      <c r="C27131" s="6" t="s">
        <v>27747</v>
      </c>
      <c r="D27131" s="6"/>
      <c r="E27131" s="6" t="s">
        <v>9</v>
      </c>
      <c r="F27131" s="7">
        <v>38657</v>
      </c>
      <c r="G27131" s="8">
        <v>2632680</v>
      </c>
      <c r="H27131" s="8">
        <v>2632680</v>
      </c>
      <c r="I27131" s="8">
        <v>0</v>
      </c>
      <c r="J27131" s="8">
        <v>2632680</v>
      </c>
      <c r="K27131" s="9">
        <v>515</v>
      </c>
      <c r="L27131" s="6" t="s">
        <v>14</v>
      </c>
    </row>
    <row r="27132" spans="1:12">
      <c r="A27132" s="6" t="s">
        <v>27728</v>
      </c>
      <c r="B27132" s="6"/>
      <c r="C27132" s="6" t="s">
        <v>27748</v>
      </c>
      <c r="D27132" s="6"/>
      <c r="E27132" s="6" t="s">
        <v>9</v>
      </c>
      <c r="F27132" s="7">
        <v>38657</v>
      </c>
      <c r="G27132" s="8">
        <v>9242496</v>
      </c>
      <c r="H27132" s="8">
        <v>9242496</v>
      </c>
      <c r="I27132" s="8">
        <v>0</v>
      </c>
      <c r="J27132" s="8">
        <v>9242496</v>
      </c>
      <c r="K27132" s="9">
        <v>1808</v>
      </c>
      <c r="L27132" s="6" t="s">
        <v>14</v>
      </c>
    </row>
    <row r="27133" spans="1:12">
      <c r="A27133" s="6" t="s">
        <v>27728</v>
      </c>
      <c r="B27133" s="6"/>
      <c r="C27133" s="6" t="s">
        <v>27749</v>
      </c>
      <c r="D27133" s="6"/>
      <c r="E27133" s="6" t="s">
        <v>9</v>
      </c>
      <c r="F27133" s="7">
        <v>38657</v>
      </c>
      <c r="G27133" s="8">
        <v>16189704</v>
      </c>
      <c r="H27133" s="8">
        <v>16189704</v>
      </c>
      <c r="I27133" s="8">
        <v>0</v>
      </c>
      <c r="J27133" s="8">
        <v>16189704</v>
      </c>
      <c r="K27133" s="9">
        <v>3167</v>
      </c>
      <c r="L27133" s="6" t="s">
        <v>14</v>
      </c>
    </row>
    <row r="27134" spans="1:12">
      <c r="A27134" s="6" t="s">
        <v>27728</v>
      </c>
      <c r="B27134" s="6"/>
      <c r="C27134" s="6" t="s">
        <v>27750</v>
      </c>
      <c r="D27134" s="6"/>
      <c r="E27134" s="6" t="s">
        <v>9</v>
      </c>
      <c r="F27134" s="7">
        <v>38657</v>
      </c>
      <c r="G27134" s="8">
        <v>1763640</v>
      </c>
      <c r="H27134" s="8">
        <v>1763640</v>
      </c>
      <c r="I27134" s="8">
        <v>0</v>
      </c>
      <c r="J27134" s="8">
        <v>1763640</v>
      </c>
      <c r="K27134" s="9">
        <v>345</v>
      </c>
      <c r="L27134" s="6" t="s">
        <v>14</v>
      </c>
    </row>
    <row r="27135" spans="1:12">
      <c r="A27135" s="6" t="s">
        <v>27728</v>
      </c>
      <c r="B27135" s="6"/>
      <c r="C27135" s="6" t="s">
        <v>27751</v>
      </c>
      <c r="D27135" s="6"/>
      <c r="E27135" s="6" t="s">
        <v>9</v>
      </c>
      <c r="F27135" s="7">
        <v>38657</v>
      </c>
      <c r="G27135" s="8">
        <v>4304304</v>
      </c>
      <c r="H27135" s="8">
        <v>4304304</v>
      </c>
      <c r="I27135" s="8">
        <v>0</v>
      </c>
      <c r="J27135" s="8">
        <v>4304304</v>
      </c>
      <c r="K27135" s="9">
        <v>842</v>
      </c>
      <c r="L27135" s="6" t="s">
        <v>14</v>
      </c>
    </row>
    <row r="27136" spans="1:12">
      <c r="A27136" s="6" t="s">
        <v>27728</v>
      </c>
      <c r="B27136" s="6"/>
      <c r="C27136" s="6" t="s">
        <v>27752</v>
      </c>
      <c r="D27136" s="6"/>
      <c r="E27136" s="6" t="s">
        <v>9</v>
      </c>
      <c r="F27136" s="7">
        <v>38657</v>
      </c>
      <c r="G27136" s="8">
        <v>4892184</v>
      </c>
      <c r="H27136" s="8">
        <v>4892184</v>
      </c>
      <c r="I27136" s="8">
        <v>0</v>
      </c>
      <c r="J27136" s="8">
        <v>4892184</v>
      </c>
      <c r="K27136" s="9">
        <v>957</v>
      </c>
      <c r="L27136" s="6" t="s">
        <v>14</v>
      </c>
    </row>
    <row r="27137" spans="1:12">
      <c r="A27137" s="6" t="s">
        <v>27728</v>
      </c>
      <c r="B27137" s="6"/>
      <c r="C27137" s="6" t="s">
        <v>27753</v>
      </c>
      <c r="D27137" s="6"/>
      <c r="E27137" s="6" t="s">
        <v>9</v>
      </c>
      <c r="F27137" s="7">
        <v>38657</v>
      </c>
      <c r="G27137" s="8">
        <v>204480</v>
      </c>
      <c r="H27137" s="8">
        <v>204480</v>
      </c>
      <c r="I27137" s="8">
        <v>0</v>
      </c>
      <c r="J27137" s="8">
        <v>204480</v>
      </c>
      <c r="K27137" s="9">
        <v>40</v>
      </c>
      <c r="L27137" s="6" t="s">
        <v>14</v>
      </c>
    </row>
    <row r="27138" spans="1:12">
      <c r="A27138" s="6" t="s">
        <v>27728</v>
      </c>
      <c r="B27138" s="6"/>
      <c r="C27138" s="6" t="s">
        <v>27754</v>
      </c>
      <c r="D27138" s="6"/>
      <c r="E27138" s="6" t="s">
        <v>9</v>
      </c>
      <c r="F27138" s="7">
        <v>38657</v>
      </c>
      <c r="G27138" s="8">
        <v>2377080</v>
      </c>
      <c r="H27138" s="8">
        <v>2377080</v>
      </c>
      <c r="I27138" s="8">
        <v>0</v>
      </c>
      <c r="J27138" s="8">
        <v>2377080</v>
      </c>
      <c r="K27138" s="9">
        <v>465</v>
      </c>
      <c r="L27138" s="6" t="s">
        <v>14</v>
      </c>
    </row>
    <row r="27139" spans="1:12">
      <c r="A27139" s="6" t="s">
        <v>27728</v>
      </c>
      <c r="B27139" s="6"/>
      <c r="C27139" s="6" t="s">
        <v>27755</v>
      </c>
      <c r="D27139" s="6"/>
      <c r="E27139" s="6" t="s">
        <v>9</v>
      </c>
      <c r="F27139" s="7">
        <v>38657</v>
      </c>
      <c r="G27139" s="8">
        <v>19287576</v>
      </c>
      <c r="H27139" s="8">
        <v>19287576</v>
      </c>
      <c r="I27139" s="8">
        <v>0</v>
      </c>
      <c r="J27139" s="8">
        <v>19287576</v>
      </c>
      <c r="K27139" s="9">
        <v>3773</v>
      </c>
      <c r="L27139" s="6" t="s">
        <v>14</v>
      </c>
    </row>
    <row r="27140" spans="1:12">
      <c r="A27140" s="6" t="s">
        <v>27728</v>
      </c>
      <c r="B27140" s="6"/>
      <c r="C27140" s="6" t="s">
        <v>27756</v>
      </c>
      <c r="D27140" s="6"/>
      <c r="E27140" s="6" t="s">
        <v>9</v>
      </c>
      <c r="F27140" s="7">
        <v>38657</v>
      </c>
      <c r="G27140" s="8">
        <v>470304</v>
      </c>
      <c r="H27140" s="8">
        <v>470304</v>
      </c>
      <c r="I27140" s="8">
        <v>0</v>
      </c>
      <c r="J27140" s="8">
        <v>470304</v>
      </c>
      <c r="K27140" s="9">
        <v>92</v>
      </c>
      <c r="L27140" s="6" t="s">
        <v>14</v>
      </c>
    </row>
    <row r="27141" spans="1:12">
      <c r="A27141" s="6" t="s">
        <v>27728</v>
      </c>
      <c r="B27141" s="6"/>
      <c r="C27141" s="6" t="s">
        <v>27757</v>
      </c>
      <c r="D27141" s="6"/>
      <c r="E27141" s="6" t="s">
        <v>9</v>
      </c>
      <c r="F27141" s="7">
        <v>38657</v>
      </c>
      <c r="G27141" s="8">
        <v>633888</v>
      </c>
      <c r="H27141" s="8">
        <v>633888</v>
      </c>
      <c r="I27141" s="8">
        <v>0</v>
      </c>
      <c r="J27141" s="8">
        <v>633888</v>
      </c>
      <c r="K27141" s="9">
        <v>124</v>
      </c>
      <c r="L27141" s="6" t="s">
        <v>14</v>
      </c>
    </row>
    <row r="27142" spans="1:12">
      <c r="A27142" s="6" t="s">
        <v>27728</v>
      </c>
      <c r="B27142" s="6"/>
      <c r="C27142" s="6" t="s">
        <v>27758</v>
      </c>
      <c r="D27142" s="6"/>
      <c r="E27142" s="6" t="s">
        <v>9</v>
      </c>
      <c r="F27142" s="7">
        <v>38657</v>
      </c>
      <c r="G27142" s="8">
        <v>270936</v>
      </c>
      <c r="H27142" s="8">
        <v>270936</v>
      </c>
      <c r="I27142" s="8">
        <v>0</v>
      </c>
      <c r="J27142" s="8">
        <v>270936</v>
      </c>
      <c r="K27142" s="9">
        <v>53</v>
      </c>
      <c r="L27142" s="6" t="s">
        <v>14</v>
      </c>
    </row>
    <row r="27143" spans="1:12">
      <c r="A27143" s="6" t="s">
        <v>27728</v>
      </c>
      <c r="B27143" s="6"/>
      <c r="C27143" s="6" t="s">
        <v>27759</v>
      </c>
      <c r="D27143" s="6"/>
      <c r="E27143" s="6" t="s">
        <v>9</v>
      </c>
      <c r="F27143" s="7">
        <v>38657</v>
      </c>
      <c r="G27143" s="8">
        <v>12866904</v>
      </c>
      <c r="H27143" s="8">
        <v>12866904</v>
      </c>
      <c r="I27143" s="8">
        <v>0</v>
      </c>
      <c r="J27143" s="8">
        <v>12866904</v>
      </c>
      <c r="K27143" s="9">
        <v>2517</v>
      </c>
      <c r="L27143" s="6" t="s">
        <v>14</v>
      </c>
    </row>
    <row r="27144" spans="1:12">
      <c r="A27144" s="6" t="s">
        <v>27728</v>
      </c>
      <c r="B27144" s="6"/>
      <c r="C27144" s="6" t="s">
        <v>27760</v>
      </c>
      <c r="D27144" s="6"/>
      <c r="E27144" s="6" t="s">
        <v>9</v>
      </c>
      <c r="F27144" s="7">
        <v>38657</v>
      </c>
      <c r="G27144" s="8">
        <v>9380520</v>
      </c>
      <c r="H27144" s="8">
        <v>9380520</v>
      </c>
      <c r="I27144" s="8">
        <v>0</v>
      </c>
      <c r="J27144" s="8">
        <v>9380520</v>
      </c>
      <c r="K27144" s="9">
        <v>1835</v>
      </c>
      <c r="L27144" s="6" t="s">
        <v>14</v>
      </c>
    </row>
    <row r="27145" spans="1:12">
      <c r="A27145" s="6" t="s">
        <v>27728</v>
      </c>
      <c r="B27145" s="6"/>
      <c r="C27145" s="6" t="s">
        <v>27761</v>
      </c>
      <c r="D27145" s="6"/>
      <c r="E27145" s="6" t="s">
        <v>9</v>
      </c>
      <c r="F27145" s="7">
        <v>38657</v>
      </c>
      <c r="G27145" s="8">
        <v>751464</v>
      </c>
      <c r="H27145" s="8">
        <v>751464</v>
      </c>
      <c r="I27145" s="8">
        <v>0</v>
      </c>
      <c r="J27145" s="8">
        <v>751464</v>
      </c>
      <c r="K27145" s="9">
        <v>147</v>
      </c>
      <c r="L27145" s="6" t="s">
        <v>14</v>
      </c>
    </row>
    <row r="27146" spans="1:12">
      <c r="A27146" s="6" t="s">
        <v>27728</v>
      </c>
      <c r="B27146" s="6"/>
      <c r="C27146" s="6" t="s">
        <v>27762</v>
      </c>
      <c r="D27146" s="6"/>
      <c r="E27146" s="6" t="s">
        <v>9</v>
      </c>
      <c r="F27146" s="7">
        <v>38657</v>
      </c>
      <c r="G27146" s="8">
        <v>388512</v>
      </c>
      <c r="H27146" s="8">
        <v>388512</v>
      </c>
      <c r="I27146" s="8">
        <v>0</v>
      </c>
      <c r="J27146" s="8">
        <v>388512</v>
      </c>
      <c r="K27146" s="9">
        <v>76</v>
      </c>
      <c r="L27146" s="6" t="s">
        <v>14</v>
      </c>
    </row>
    <row r="27147" spans="1:12">
      <c r="A27147" s="6" t="s">
        <v>27728</v>
      </c>
      <c r="B27147" s="6"/>
      <c r="C27147" s="6" t="s">
        <v>27763</v>
      </c>
      <c r="D27147" s="6"/>
      <c r="E27147" s="6" t="s">
        <v>9</v>
      </c>
      <c r="F27147" s="7">
        <v>38657</v>
      </c>
      <c r="G27147" s="8">
        <v>17713080</v>
      </c>
      <c r="H27147" s="8">
        <v>17713080</v>
      </c>
      <c r="I27147" s="8">
        <v>0</v>
      </c>
      <c r="J27147" s="8">
        <v>17713080</v>
      </c>
      <c r="K27147" s="9">
        <v>3465</v>
      </c>
      <c r="L27147" s="6" t="s">
        <v>23</v>
      </c>
    </row>
    <row r="27148" spans="1:12">
      <c r="A27148" s="6" t="s">
        <v>27728</v>
      </c>
      <c r="B27148" s="6"/>
      <c r="C27148" s="6" t="s">
        <v>27764</v>
      </c>
      <c r="D27148" s="6"/>
      <c r="E27148" s="6" t="s">
        <v>9</v>
      </c>
      <c r="F27148" s="7">
        <v>38657</v>
      </c>
      <c r="G27148" s="8">
        <v>2985408</v>
      </c>
      <c r="H27148" s="8">
        <v>2985408</v>
      </c>
      <c r="I27148" s="8">
        <v>0</v>
      </c>
      <c r="J27148" s="8">
        <v>2985408</v>
      </c>
      <c r="K27148" s="9">
        <v>584</v>
      </c>
      <c r="L27148" s="6" t="s">
        <v>14</v>
      </c>
    </row>
    <row r="27149" spans="1:12">
      <c r="A27149" s="6" t="s">
        <v>27728</v>
      </c>
      <c r="B27149" s="6"/>
      <c r="C27149" s="6" t="s">
        <v>27765</v>
      </c>
      <c r="D27149" s="6"/>
      <c r="E27149" s="6" t="s">
        <v>9</v>
      </c>
      <c r="F27149" s="7">
        <v>38657</v>
      </c>
      <c r="G27149" s="8">
        <v>3281904</v>
      </c>
      <c r="H27149" s="8">
        <v>3281904</v>
      </c>
      <c r="I27149" s="8">
        <v>0</v>
      </c>
      <c r="J27149" s="8">
        <v>3281904</v>
      </c>
      <c r="K27149" s="9">
        <v>642</v>
      </c>
      <c r="L27149" s="6" t="s">
        <v>14</v>
      </c>
    </row>
    <row r="27150" spans="1:12">
      <c r="A27150" s="6" t="s">
        <v>27728</v>
      </c>
      <c r="B27150" s="6"/>
      <c r="C27150" s="6" t="s">
        <v>27766</v>
      </c>
      <c r="D27150" s="6"/>
      <c r="E27150" s="6" t="s">
        <v>9</v>
      </c>
      <c r="F27150" s="7">
        <v>38657</v>
      </c>
      <c r="G27150" s="8">
        <v>1216656</v>
      </c>
      <c r="H27150" s="8">
        <v>1216656</v>
      </c>
      <c r="I27150" s="8">
        <v>0</v>
      </c>
      <c r="J27150" s="8">
        <v>1216656</v>
      </c>
      <c r="K27150" s="9">
        <v>238</v>
      </c>
      <c r="L27150" s="6" t="s">
        <v>14</v>
      </c>
    </row>
    <row r="27151" spans="1:12">
      <c r="A27151" s="6" t="s">
        <v>27728</v>
      </c>
      <c r="B27151" s="6"/>
      <c r="C27151" s="6" t="s">
        <v>27767</v>
      </c>
      <c r="D27151" s="6"/>
      <c r="E27151" s="6" t="s">
        <v>9</v>
      </c>
      <c r="F27151" s="7">
        <v>38657</v>
      </c>
      <c r="G27151" s="8">
        <v>2049912</v>
      </c>
      <c r="H27151" s="8">
        <v>2049912</v>
      </c>
      <c r="I27151" s="8">
        <v>0</v>
      </c>
      <c r="J27151" s="8">
        <v>2049912</v>
      </c>
      <c r="K27151" s="9">
        <v>401</v>
      </c>
      <c r="L27151" s="6" t="s">
        <v>14</v>
      </c>
    </row>
    <row r="27152" spans="1:12">
      <c r="A27152" s="6" t="s">
        <v>27728</v>
      </c>
      <c r="B27152" s="6"/>
      <c r="C27152" s="6" t="s">
        <v>27768</v>
      </c>
      <c r="D27152" s="6"/>
      <c r="E27152" s="6" t="s">
        <v>9</v>
      </c>
      <c r="F27152" s="7">
        <v>38657</v>
      </c>
      <c r="G27152" s="8">
        <v>3317688</v>
      </c>
      <c r="H27152" s="8">
        <v>3317688</v>
      </c>
      <c r="I27152" s="8">
        <v>0</v>
      </c>
      <c r="J27152" s="8">
        <v>3317688</v>
      </c>
      <c r="K27152" s="9">
        <v>649</v>
      </c>
      <c r="L27152" s="6" t="s">
        <v>14</v>
      </c>
    </row>
    <row r="27153" spans="1:12">
      <c r="A27153" s="6" t="s">
        <v>27728</v>
      </c>
      <c r="B27153" s="6"/>
      <c r="C27153" s="6" t="s">
        <v>27769</v>
      </c>
      <c r="D27153" s="6"/>
      <c r="E27153" s="6" t="s">
        <v>9</v>
      </c>
      <c r="F27153" s="7">
        <v>38657</v>
      </c>
      <c r="G27153" s="8">
        <v>11824056</v>
      </c>
      <c r="H27153" s="8">
        <v>11824056</v>
      </c>
      <c r="I27153" s="8">
        <v>0</v>
      </c>
      <c r="J27153" s="8">
        <v>11824056</v>
      </c>
      <c r="K27153" s="9">
        <v>2313</v>
      </c>
      <c r="L27153" s="6" t="s">
        <v>14</v>
      </c>
    </row>
    <row r="27154" spans="1:12">
      <c r="A27154" s="6" t="s">
        <v>27728</v>
      </c>
      <c r="B27154" s="6"/>
      <c r="C27154" s="6" t="s">
        <v>27770</v>
      </c>
      <c r="D27154" s="6"/>
      <c r="E27154" s="6" t="s">
        <v>9</v>
      </c>
      <c r="F27154" s="7">
        <v>38657</v>
      </c>
      <c r="G27154" s="8">
        <v>3915792</v>
      </c>
      <c r="H27154" s="8">
        <v>3915792</v>
      </c>
      <c r="I27154" s="8">
        <v>0</v>
      </c>
      <c r="J27154" s="8">
        <v>3915792</v>
      </c>
      <c r="K27154" s="9">
        <v>766</v>
      </c>
      <c r="L27154" s="6" t="s">
        <v>14</v>
      </c>
    </row>
    <row r="27155" spans="1:12">
      <c r="A27155" s="6" t="s">
        <v>27728</v>
      </c>
      <c r="B27155" s="6"/>
      <c r="C27155" s="6" t="s">
        <v>27771</v>
      </c>
      <c r="D27155" s="6"/>
      <c r="E27155" s="6" t="s">
        <v>9</v>
      </c>
      <c r="F27155" s="7">
        <v>38657</v>
      </c>
      <c r="G27155" s="8">
        <v>5418720</v>
      </c>
      <c r="H27155" s="8">
        <v>5418720</v>
      </c>
      <c r="I27155" s="8">
        <v>0</v>
      </c>
      <c r="J27155" s="8">
        <v>5418720</v>
      </c>
      <c r="K27155" s="9">
        <v>1060</v>
      </c>
      <c r="L27155" s="6" t="s">
        <v>14</v>
      </c>
    </row>
    <row r="27156" spans="1:12">
      <c r="A27156" s="6" t="s">
        <v>27728</v>
      </c>
      <c r="B27156" s="6"/>
      <c r="C27156" s="6" t="s">
        <v>27772</v>
      </c>
      <c r="D27156" s="6"/>
      <c r="E27156" s="6" t="s">
        <v>9</v>
      </c>
      <c r="F27156" s="7">
        <v>38657</v>
      </c>
      <c r="G27156" s="8">
        <v>4457664</v>
      </c>
      <c r="H27156" s="8">
        <v>4457664</v>
      </c>
      <c r="I27156" s="8">
        <v>0</v>
      </c>
      <c r="J27156" s="8">
        <v>4457664</v>
      </c>
      <c r="K27156" s="9">
        <v>872</v>
      </c>
      <c r="L27156" s="6" t="s">
        <v>14</v>
      </c>
    </row>
    <row r="27157" spans="1:12">
      <c r="A27157" s="6" t="s">
        <v>27728</v>
      </c>
      <c r="B27157" s="6"/>
      <c r="C27157" s="6" t="s">
        <v>27773</v>
      </c>
      <c r="D27157" s="6"/>
      <c r="E27157" s="6" t="s">
        <v>9</v>
      </c>
      <c r="F27157" s="7">
        <v>38657</v>
      </c>
      <c r="G27157" s="8">
        <v>2642904</v>
      </c>
      <c r="H27157" s="8">
        <v>2642904</v>
      </c>
      <c r="I27157" s="8">
        <v>0</v>
      </c>
      <c r="J27157" s="8">
        <v>2642904</v>
      </c>
      <c r="K27157" s="9">
        <v>517</v>
      </c>
      <c r="L27157" s="6" t="s">
        <v>14</v>
      </c>
    </row>
    <row r="27158" spans="1:12">
      <c r="A27158" s="6" t="s">
        <v>27728</v>
      </c>
      <c r="B27158" s="6"/>
      <c r="C27158" s="6" t="s">
        <v>27774</v>
      </c>
      <c r="D27158" s="6"/>
      <c r="E27158" s="6" t="s">
        <v>9</v>
      </c>
      <c r="F27158" s="7">
        <v>38657</v>
      </c>
      <c r="G27158" s="8">
        <v>224928</v>
      </c>
      <c r="H27158" s="8">
        <v>224928</v>
      </c>
      <c r="I27158" s="8">
        <v>0</v>
      </c>
      <c r="J27158" s="8">
        <v>224928</v>
      </c>
      <c r="K27158" s="9">
        <v>44</v>
      </c>
      <c r="L27158" s="6" t="s">
        <v>14</v>
      </c>
    </row>
    <row r="27159" spans="1:12">
      <c r="A27159" s="6" t="s">
        <v>27728</v>
      </c>
      <c r="B27159" s="6"/>
      <c r="C27159" s="6" t="s">
        <v>27775</v>
      </c>
      <c r="D27159" s="6"/>
      <c r="E27159" s="6" t="s">
        <v>9</v>
      </c>
      <c r="F27159" s="7">
        <v>38657</v>
      </c>
      <c r="G27159" s="8">
        <v>8245656</v>
      </c>
      <c r="H27159" s="8">
        <v>8245656</v>
      </c>
      <c r="I27159" s="8">
        <v>0</v>
      </c>
      <c r="J27159" s="8">
        <v>8245656</v>
      </c>
      <c r="K27159" s="9">
        <v>1613</v>
      </c>
      <c r="L27159" s="6" t="s">
        <v>14</v>
      </c>
    </row>
    <row r="27160" spans="1:12">
      <c r="A27160" s="6" t="s">
        <v>27728</v>
      </c>
      <c r="B27160" s="6"/>
      <c r="C27160" s="6" t="s">
        <v>27776</v>
      </c>
      <c r="D27160" s="6"/>
      <c r="E27160" s="6" t="s">
        <v>9</v>
      </c>
      <c r="F27160" s="7">
        <v>38657</v>
      </c>
      <c r="G27160" s="8">
        <v>81792</v>
      </c>
      <c r="H27160" s="8">
        <v>81792</v>
      </c>
      <c r="I27160" s="8">
        <v>0</v>
      </c>
      <c r="J27160" s="8">
        <v>81792</v>
      </c>
      <c r="K27160" s="9">
        <v>16</v>
      </c>
      <c r="L27160" s="6" t="s">
        <v>14</v>
      </c>
    </row>
    <row r="27161" spans="1:12">
      <c r="A27161" s="6" t="s">
        <v>27728</v>
      </c>
      <c r="B27161" s="6"/>
      <c r="C27161" s="6" t="s">
        <v>27777</v>
      </c>
      <c r="D27161" s="6"/>
      <c r="E27161" s="6" t="s">
        <v>9</v>
      </c>
      <c r="F27161" s="7">
        <v>38657</v>
      </c>
      <c r="G27161" s="8">
        <v>14850360</v>
      </c>
      <c r="H27161" s="8">
        <v>14850360</v>
      </c>
      <c r="I27161" s="8">
        <v>0</v>
      </c>
      <c r="J27161" s="8">
        <v>14850360</v>
      </c>
      <c r="K27161" s="9">
        <v>2905</v>
      </c>
      <c r="L27161" s="6" t="s">
        <v>14</v>
      </c>
    </row>
    <row r="27162" spans="1:12">
      <c r="A27162" s="6" t="s">
        <v>27728</v>
      </c>
      <c r="B27162" s="6"/>
      <c r="C27162" s="6" t="s">
        <v>27778</v>
      </c>
      <c r="D27162" s="6"/>
      <c r="E27162" s="6" t="s">
        <v>9</v>
      </c>
      <c r="F27162" s="7">
        <v>38657</v>
      </c>
      <c r="G27162" s="8">
        <v>2918952</v>
      </c>
      <c r="H27162" s="8">
        <v>2918952</v>
      </c>
      <c r="I27162" s="8">
        <v>0</v>
      </c>
      <c r="J27162" s="8">
        <v>2918952</v>
      </c>
      <c r="K27162" s="9">
        <v>571</v>
      </c>
      <c r="L27162" s="6" t="s">
        <v>14</v>
      </c>
    </row>
    <row r="27163" spans="1:12">
      <c r="A27163" s="6" t="s">
        <v>27779</v>
      </c>
      <c r="B27163" s="6"/>
      <c r="C27163" s="6" t="s">
        <v>27780</v>
      </c>
      <c r="D27163" s="6"/>
      <c r="E27163" s="6" t="s">
        <v>9</v>
      </c>
      <c r="F27163" s="7">
        <v>38657</v>
      </c>
      <c r="G27163" s="8">
        <v>18444000</v>
      </c>
      <c r="H27163" s="8">
        <v>18444000</v>
      </c>
      <c r="I27163" s="8">
        <v>0</v>
      </c>
      <c r="J27163" s="8">
        <v>18444000</v>
      </c>
      <c r="K27163" s="9">
        <v>530</v>
      </c>
      <c r="L27163" s="6" t="s">
        <v>10</v>
      </c>
    </row>
    <row r="27164" spans="1:12">
      <c r="A27164" s="6" t="s">
        <v>27779</v>
      </c>
      <c r="B27164" s="6"/>
      <c r="C27164" s="6" t="s">
        <v>27781</v>
      </c>
      <c r="D27164" s="6"/>
      <c r="E27164" s="6" t="s">
        <v>9</v>
      </c>
      <c r="F27164" s="7">
        <v>38657</v>
      </c>
      <c r="G27164" s="8">
        <v>16008000</v>
      </c>
      <c r="H27164" s="8">
        <v>16008000</v>
      </c>
      <c r="I27164" s="8">
        <v>0</v>
      </c>
      <c r="J27164" s="8">
        <v>16008000</v>
      </c>
      <c r="K27164" s="9">
        <v>460</v>
      </c>
      <c r="L27164" s="6" t="s">
        <v>10</v>
      </c>
    </row>
    <row r="27165" spans="1:12">
      <c r="A27165" s="6" t="s">
        <v>27779</v>
      </c>
      <c r="B27165" s="6"/>
      <c r="C27165" s="6" t="s">
        <v>27782</v>
      </c>
      <c r="D27165" s="6"/>
      <c r="E27165" s="6" t="s">
        <v>9</v>
      </c>
      <c r="F27165" s="7">
        <v>38657</v>
      </c>
      <c r="G27165" s="8">
        <v>49968000</v>
      </c>
      <c r="H27165" s="8">
        <v>49968000</v>
      </c>
      <c r="I27165" s="8">
        <v>0</v>
      </c>
      <c r="J27165" s="8">
        <v>49968000</v>
      </c>
      <c r="K27165" s="9">
        <v>1388</v>
      </c>
      <c r="L27165" s="6" t="s">
        <v>10</v>
      </c>
    </row>
    <row r="27166" spans="1:12">
      <c r="A27166" s="6" t="s">
        <v>27783</v>
      </c>
      <c r="B27166" s="6"/>
      <c r="C27166" s="6" t="s">
        <v>27784</v>
      </c>
      <c r="D27166" s="6"/>
      <c r="E27166" s="6" t="s">
        <v>9</v>
      </c>
      <c r="F27166" s="7">
        <v>38657</v>
      </c>
      <c r="G27166" s="8">
        <v>7616200</v>
      </c>
      <c r="H27166" s="8">
        <v>7616200</v>
      </c>
      <c r="I27166" s="8">
        <v>0</v>
      </c>
      <c r="J27166" s="8">
        <v>7616200</v>
      </c>
      <c r="K27166" s="9">
        <v>337</v>
      </c>
      <c r="L27166" s="6" t="s">
        <v>1694</v>
      </c>
    </row>
    <row r="27167" spans="1:12">
      <c r="A27167" s="6" t="s">
        <v>27783</v>
      </c>
      <c r="B27167" s="6"/>
      <c r="C27167" s="6" t="s">
        <v>27785</v>
      </c>
      <c r="D27167" s="6"/>
      <c r="E27167" s="6" t="s">
        <v>9</v>
      </c>
      <c r="F27167" s="7">
        <v>38657</v>
      </c>
      <c r="G27167" s="8">
        <v>7616200</v>
      </c>
      <c r="H27167" s="8">
        <v>7616200</v>
      </c>
      <c r="I27167" s="8">
        <v>0</v>
      </c>
      <c r="J27167" s="8">
        <v>7616200</v>
      </c>
      <c r="K27167" s="9">
        <v>337</v>
      </c>
      <c r="L27167" s="6" t="s">
        <v>1694</v>
      </c>
    </row>
    <row r="27168" spans="1:12">
      <c r="A27168" s="6" t="s">
        <v>27783</v>
      </c>
      <c r="B27168" s="6"/>
      <c r="C27168" s="6" t="s">
        <v>27786</v>
      </c>
      <c r="D27168" s="6"/>
      <c r="E27168" s="6" t="s">
        <v>9</v>
      </c>
      <c r="F27168" s="7">
        <v>38657</v>
      </c>
      <c r="G27168" s="8">
        <v>7620494</v>
      </c>
      <c r="H27168" s="8">
        <v>7620494</v>
      </c>
      <c r="I27168" s="8">
        <v>0</v>
      </c>
      <c r="J27168" s="8">
        <v>7620494</v>
      </c>
      <c r="K27168" s="9">
        <v>337.19</v>
      </c>
      <c r="L27168" s="6" t="s">
        <v>1694</v>
      </c>
    </row>
    <row r="27169" spans="1:12">
      <c r="A27169" s="6" t="s">
        <v>27783</v>
      </c>
      <c r="B27169" s="6"/>
      <c r="C27169" s="6" t="s">
        <v>27787</v>
      </c>
      <c r="D27169" s="6"/>
      <c r="E27169" s="6" t="s">
        <v>9</v>
      </c>
      <c r="F27169" s="7">
        <v>38657</v>
      </c>
      <c r="G27169" s="8">
        <v>15300200</v>
      </c>
      <c r="H27169" s="8">
        <v>15300200</v>
      </c>
      <c r="I27169" s="8">
        <v>0</v>
      </c>
      <c r="J27169" s="8">
        <v>15300200</v>
      </c>
      <c r="K27169" s="9">
        <v>677</v>
      </c>
      <c r="L27169" s="6" t="s">
        <v>1694</v>
      </c>
    </row>
    <row r="27170" spans="1:12">
      <c r="A27170" s="6" t="s">
        <v>27788</v>
      </c>
      <c r="B27170" s="6"/>
      <c r="C27170" s="6" t="s">
        <v>27789</v>
      </c>
      <c r="D27170" s="6"/>
      <c r="E27170" s="6" t="s">
        <v>9</v>
      </c>
      <c r="F27170" s="7">
        <v>38657</v>
      </c>
      <c r="G27170" s="8">
        <v>279568</v>
      </c>
      <c r="H27170" s="8">
        <v>279568</v>
      </c>
      <c r="I27170" s="8">
        <v>0</v>
      </c>
      <c r="J27170" s="8">
        <v>279568</v>
      </c>
      <c r="K27170" s="9">
        <v>8.08</v>
      </c>
      <c r="L27170" s="6" t="s">
        <v>10</v>
      </c>
    </row>
    <row r="27171" spans="1:12">
      <c r="A27171" s="6" t="s">
        <v>27790</v>
      </c>
      <c r="B27171" s="6"/>
      <c r="C27171" s="6" t="s">
        <v>27791</v>
      </c>
      <c r="D27171" s="6"/>
      <c r="E27171" s="6" t="s">
        <v>25121</v>
      </c>
      <c r="F27171" s="7">
        <v>38657</v>
      </c>
      <c r="G27171" s="8">
        <v>7881000</v>
      </c>
      <c r="H27171" s="8">
        <v>7881000</v>
      </c>
      <c r="I27171" s="8">
        <v>0</v>
      </c>
      <c r="J27171" s="8">
        <v>7881000</v>
      </c>
      <c r="K27171" s="9">
        <v>426</v>
      </c>
      <c r="L27171" s="6" t="s">
        <v>10</v>
      </c>
    </row>
    <row r="27172" spans="1:12">
      <c r="A27172" s="6" t="s">
        <v>27790</v>
      </c>
      <c r="B27172" s="6"/>
      <c r="C27172" s="6" t="s">
        <v>27792</v>
      </c>
      <c r="D27172" s="6"/>
      <c r="E27172" s="6" t="s">
        <v>25121</v>
      </c>
      <c r="F27172" s="7">
        <v>41214</v>
      </c>
      <c r="G27172" s="8">
        <v>2755368</v>
      </c>
      <c r="H27172" s="8">
        <v>2755368</v>
      </c>
      <c r="I27172" s="8">
        <v>0</v>
      </c>
      <c r="J27172" s="8">
        <v>2755368</v>
      </c>
      <c r="K27172" s="9">
        <v>539</v>
      </c>
      <c r="L27172" s="6" t="s">
        <v>23</v>
      </c>
    </row>
    <row r="27173" spans="1:12">
      <c r="A27173" s="6" t="s">
        <v>27790</v>
      </c>
      <c r="B27173" s="6"/>
      <c r="C27173" s="6" t="s">
        <v>27793</v>
      </c>
      <c r="D27173" s="6"/>
      <c r="E27173" s="6" t="s">
        <v>25121</v>
      </c>
      <c r="F27173" s="7">
        <v>38657</v>
      </c>
      <c r="G27173" s="8">
        <v>14985000</v>
      </c>
      <c r="H27173" s="8">
        <v>14985000</v>
      </c>
      <c r="I27173" s="8">
        <v>0</v>
      </c>
      <c r="J27173" s="8">
        <v>14985000</v>
      </c>
      <c r="K27173" s="9">
        <v>810</v>
      </c>
      <c r="L27173" s="6" t="s">
        <v>10</v>
      </c>
    </row>
    <row r="27174" spans="1:12">
      <c r="A27174" s="6" t="s">
        <v>27790</v>
      </c>
      <c r="B27174" s="6"/>
      <c r="C27174" s="6" t="s">
        <v>27794</v>
      </c>
      <c r="D27174" s="6"/>
      <c r="E27174" s="6" t="s">
        <v>25121</v>
      </c>
      <c r="F27174" s="7">
        <v>38657</v>
      </c>
      <c r="G27174" s="8">
        <v>19776500</v>
      </c>
      <c r="H27174" s="8">
        <v>19776500</v>
      </c>
      <c r="I27174" s="8">
        <v>0</v>
      </c>
      <c r="J27174" s="8">
        <v>19776500</v>
      </c>
      <c r="K27174" s="9">
        <v>1069</v>
      </c>
      <c r="L27174" s="6" t="s">
        <v>10</v>
      </c>
    </row>
    <row r="27175" spans="1:12">
      <c r="A27175" s="6" t="s">
        <v>27790</v>
      </c>
      <c r="B27175" s="6"/>
      <c r="C27175" s="6" t="s">
        <v>27795</v>
      </c>
      <c r="D27175" s="6"/>
      <c r="E27175" s="6" t="s">
        <v>25121</v>
      </c>
      <c r="F27175" s="7">
        <v>38657</v>
      </c>
      <c r="G27175" s="8">
        <v>3108000</v>
      </c>
      <c r="H27175" s="8">
        <v>3108000</v>
      </c>
      <c r="I27175" s="8">
        <v>0</v>
      </c>
      <c r="J27175" s="8">
        <v>3108000</v>
      </c>
      <c r="K27175" s="9">
        <v>168</v>
      </c>
      <c r="L27175" s="6" t="s">
        <v>10</v>
      </c>
    </row>
    <row r="27176" spans="1:12">
      <c r="A27176" s="6" t="s">
        <v>27790</v>
      </c>
      <c r="B27176" s="6"/>
      <c r="C27176" s="6" t="s">
        <v>27796</v>
      </c>
      <c r="D27176" s="6"/>
      <c r="E27176" s="6" t="s">
        <v>25121</v>
      </c>
      <c r="F27176" s="7">
        <v>41214</v>
      </c>
      <c r="G27176" s="8">
        <v>756576</v>
      </c>
      <c r="H27176" s="8">
        <v>756576</v>
      </c>
      <c r="I27176" s="8">
        <v>0</v>
      </c>
      <c r="J27176" s="8">
        <v>756576</v>
      </c>
      <c r="K27176" s="9">
        <v>148</v>
      </c>
      <c r="L27176" s="6" t="s">
        <v>23</v>
      </c>
    </row>
    <row r="27177" spans="1:12">
      <c r="A27177" s="6" t="s">
        <v>27790</v>
      </c>
      <c r="B27177" s="6"/>
      <c r="C27177" s="6" t="s">
        <v>27797</v>
      </c>
      <c r="D27177" s="6"/>
      <c r="E27177" s="6" t="s">
        <v>25121</v>
      </c>
      <c r="F27177" s="7">
        <v>38657</v>
      </c>
      <c r="G27177" s="8">
        <v>22884500</v>
      </c>
      <c r="H27177" s="8">
        <v>22884500</v>
      </c>
      <c r="I27177" s="8">
        <v>0</v>
      </c>
      <c r="J27177" s="8">
        <v>22884500</v>
      </c>
      <c r="K27177" s="9">
        <v>1237</v>
      </c>
      <c r="L27177" s="6" t="s">
        <v>10</v>
      </c>
    </row>
    <row r="27178" spans="1:12">
      <c r="A27178" s="6" t="s">
        <v>27790</v>
      </c>
      <c r="B27178" s="6"/>
      <c r="C27178" s="6" t="s">
        <v>27798</v>
      </c>
      <c r="D27178" s="6"/>
      <c r="E27178" s="6" t="s">
        <v>25121</v>
      </c>
      <c r="F27178" s="7">
        <v>38657</v>
      </c>
      <c r="G27178" s="8">
        <v>22884500</v>
      </c>
      <c r="H27178" s="8">
        <v>22884500</v>
      </c>
      <c r="I27178" s="8">
        <v>0</v>
      </c>
      <c r="J27178" s="8">
        <v>22884500</v>
      </c>
      <c r="K27178" s="9">
        <v>1237</v>
      </c>
      <c r="L27178" s="6" t="s">
        <v>10</v>
      </c>
    </row>
    <row r="27179" spans="1:12">
      <c r="A27179" s="6" t="s">
        <v>27790</v>
      </c>
      <c r="B27179" s="6"/>
      <c r="C27179" s="6" t="s">
        <v>27799</v>
      </c>
      <c r="D27179" s="6"/>
      <c r="E27179" s="6" t="s">
        <v>25121</v>
      </c>
      <c r="F27179" s="7">
        <v>38657</v>
      </c>
      <c r="G27179" s="8">
        <v>22884500</v>
      </c>
      <c r="H27179" s="8">
        <v>22884500</v>
      </c>
      <c r="I27179" s="8">
        <v>0</v>
      </c>
      <c r="J27179" s="8">
        <v>22884500</v>
      </c>
      <c r="K27179" s="9">
        <v>1237</v>
      </c>
      <c r="L27179" s="6" t="s">
        <v>10</v>
      </c>
    </row>
    <row r="27180" spans="1:12">
      <c r="A27180" s="6" t="s">
        <v>27790</v>
      </c>
      <c r="B27180" s="6"/>
      <c r="C27180" s="6" t="s">
        <v>27800</v>
      </c>
      <c r="D27180" s="6"/>
      <c r="E27180" s="6" t="s">
        <v>25121</v>
      </c>
      <c r="F27180" s="7">
        <v>38657</v>
      </c>
      <c r="G27180" s="8">
        <v>12746500</v>
      </c>
      <c r="H27180" s="8">
        <v>12746500</v>
      </c>
      <c r="I27180" s="8">
        <v>0</v>
      </c>
      <c r="J27180" s="8">
        <v>12746500</v>
      </c>
      <c r="K27180" s="9">
        <v>689</v>
      </c>
      <c r="L27180" s="6" t="s">
        <v>10</v>
      </c>
    </row>
    <row r="27181" spans="1:12">
      <c r="A27181" s="6" t="s">
        <v>27801</v>
      </c>
      <c r="B27181" s="6"/>
      <c r="C27181" s="6" t="s">
        <v>27802</v>
      </c>
      <c r="D27181" s="6"/>
      <c r="E27181" s="6" t="s">
        <v>9</v>
      </c>
      <c r="F27181" s="7">
        <v>43857</v>
      </c>
      <c r="G27181" s="8">
        <v>11041</v>
      </c>
      <c r="H27181" s="8">
        <v>11041</v>
      </c>
      <c r="I27181" s="8">
        <v>0</v>
      </c>
      <c r="J27181" s="8">
        <v>11041</v>
      </c>
      <c r="K27181" s="9">
        <v>2.16</v>
      </c>
      <c r="L27181" s="6" t="s">
        <v>14</v>
      </c>
    </row>
    <row r="27182" spans="1:12">
      <c r="A27182" s="6" t="s">
        <v>27801</v>
      </c>
      <c r="B27182" s="6"/>
      <c r="C27182" s="6" t="s">
        <v>27803</v>
      </c>
      <c r="D27182" s="6"/>
      <c r="E27182" s="6" t="s">
        <v>9</v>
      </c>
      <c r="F27182" s="7">
        <v>43857</v>
      </c>
      <c r="G27182" s="8">
        <v>52960</v>
      </c>
      <c r="H27182" s="8">
        <v>52960</v>
      </c>
      <c r="I27182" s="8">
        <v>0</v>
      </c>
      <c r="J27182" s="8">
        <v>52960</v>
      </c>
      <c r="K27182" s="9">
        <v>10.36</v>
      </c>
      <c r="L27182" s="6" t="s">
        <v>14</v>
      </c>
    </row>
    <row r="27183" spans="1:12">
      <c r="A27183" s="6" t="s">
        <v>27801</v>
      </c>
      <c r="B27183" s="6"/>
      <c r="C27183" s="6" t="s">
        <v>27804</v>
      </c>
      <c r="D27183" s="6"/>
      <c r="E27183" s="6" t="s">
        <v>9</v>
      </c>
      <c r="F27183" s="7">
        <v>43857</v>
      </c>
      <c r="G27183" s="8">
        <v>889794</v>
      </c>
      <c r="H27183" s="8">
        <v>889794</v>
      </c>
      <c r="I27183" s="8">
        <v>0</v>
      </c>
      <c r="J27183" s="8">
        <v>889794</v>
      </c>
      <c r="K27183" s="9">
        <v>174.06</v>
      </c>
      <c r="L27183" s="6" t="s">
        <v>14</v>
      </c>
    </row>
    <row r="27184" spans="1:12">
      <c r="A27184" s="6" t="s">
        <v>27801</v>
      </c>
      <c r="B27184" s="6"/>
      <c r="C27184" s="6" t="s">
        <v>27805</v>
      </c>
      <c r="D27184" s="6"/>
      <c r="E27184" s="6" t="s">
        <v>9</v>
      </c>
      <c r="F27184" s="7">
        <v>43857</v>
      </c>
      <c r="G27184" s="8">
        <v>1</v>
      </c>
      <c r="H27184" s="8">
        <v>1</v>
      </c>
      <c r="I27184" s="8">
        <v>0</v>
      </c>
      <c r="J27184" s="8">
        <v>1</v>
      </c>
      <c r="K27184" s="9">
        <v>3.61</v>
      </c>
      <c r="L27184" s="6" t="s">
        <v>14</v>
      </c>
    </row>
    <row r="27185" spans="1:12">
      <c r="A27185" s="6" t="s">
        <v>27806</v>
      </c>
      <c r="B27185" s="6"/>
      <c r="C27185" s="6" t="s">
        <v>27807</v>
      </c>
      <c r="D27185" s="6"/>
      <c r="E27185" s="6" t="s">
        <v>25121</v>
      </c>
      <c r="F27185" s="7">
        <v>38657</v>
      </c>
      <c r="G27185" s="8">
        <v>37433325</v>
      </c>
      <c r="H27185" s="8">
        <v>37433325</v>
      </c>
      <c r="I27185" s="8">
        <v>0</v>
      </c>
      <c r="J27185" s="8">
        <v>37433325</v>
      </c>
      <c r="K27185" s="9">
        <v>788.07</v>
      </c>
      <c r="L27185" s="6" t="s">
        <v>10</v>
      </c>
    </row>
    <row r="27186" spans="1:12">
      <c r="A27186" s="6" t="s">
        <v>27808</v>
      </c>
      <c r="B27186" s="6"/>
      <c r="C27186" s="6" t="s">
        <v>27809</v>
      </c>
      <c r="D27186" s="6"/>
      <c r="E27186" s="6" t="s">
        <v>18740</v>
      </c>
      <c r="F27186" s="7">
        <v>41778</v>
      </c>
      <c r="G27186" s="8">
        <v>235152</v>
      </c>
      <c r="H27186" s="8">
        <v>235152</v>
      </c>
      <c r="I27186" s="8">
        <v>0</v>
      </c>
      <c r="J27186" s="8">
        <v>235152</v>
      </c>
      <c r="K27186" s="9">
        <v>46</v>
      </c>
      <c r="L27186" s="6" t="s">
        <v>23</v>
      </c>
    </row>
    <row r="27187" spans="1:12">
      <c r="A27187" s="6" t="s">
        <v>27810</v>
      </c>
      <c r="B27187" s="6"/>
      <c r="C27187" s="6" t="s">
        <v>27811</v>
      </c>
      <c r="D27187" s="6"/>
      <c r="E27187" s="6" t="s">
        <v>18740</v>
      </c>
      <c r="F27187" s="7">
        <v>38657</v>
      </c>
      <c r="G27187" s="8">
        <v>12315285</v>
      </c>
      <c r="H27187" s="8">
        <v>12315285</v>
      </c>
      <c r="I27187" s="8">
        <v>0</v>
      </c>
      <c r="J27187" s="8">
        <v>12315285</v>
      </c>
      <c r="K27187" s="9">
        <v>94.37</v>
      </c>
      <c r="L27187" s="6" t="s">
        <v>23</v>
      </c>
    </row>
    <row r="27188" spans="1:12">
      <c r="A27188" s="6" t="s">
        <v>27812</v>
      </c>
      <c r="B27188" s="6"/>
      <c r="C27188" s="6" t="s">
        <v>27813</v>
      </c>
      <c r="D27188" s="6"/>
      <c r="E27188" s="6" t="s">
        <v>9</v>
      </c>
      <c r="F27188" s="7"/>
      <c r="G27188" s="8">
        <v>79572</v>
      </c>
      <c r="H27188" s="8">
        <v>79572</v>
      </c>
      <c r="I27188" s="8">
        <v>0</v>
      </c>
      <c r="J27188" s="8">
        <v>79572</v>
      </c>
      <c r="K27188" s="9">
        <v>698</v>
      </c>
      <c r="L27188" s="6" t="s">
        <v>4773</v>
      </c>
    </row>
    <row r="27189" spans="1:12">
      <c r="A27189" s="6" t="s">
        <v>27812</v>
      </c>
      <c r="B27189" s="6"/>
      <c r="C27189" s="6" t="s">
        <v>27814</v>
      </c>
      <c r="D27189" s="6"/>
      <c r="E27189" s="6" t="s">
        <v>9</v>
      </c>
      <c r="F27189" s="7"/>
      <c r="G27189" s="8">
        <v>83334</v>
      </c>
      <c r="H27189" s="8">
        <v>83334</v>
      </c>
      <c r="I27189" s="8">
        <v>0</v>
      </c>
      <c r="J27189" s="8">
        <v>83334</v>
      </c>
      <c r="K27189" s="9">
        <v>731</v>
      </c>
      <c r="L27189" s="6" t="s">
        <v>4773</v>
      </c>
    </row>
    <row r="27190" spans="1:12">
      <c r="A27190" s="6" t="s">
        <v>27812</v>
      </c>
      <c r="B27190" s="6"/>
      <c r="C27190" s="6" t="s">
        <v>27815</v>
      </c>
      <c r="D27190" s="6"/>
      <c r="E27190" s="6" t="s">
        <v>9</v>
      </c>
      <c r="F27190" s="7"/>
      <c r="G27190" s="8">
        <v>99408</v>
      </c>
      <c r="H27190" s="8">
        <v>99408</v>
      </c>
      <c r="I27190" s="8">
        <v>0</v>
      </c>
      <c r="J27190" s="8">
        <v>99408</v>
      </c>
      <c r="K27190" s="9">
        <v>872</v>
      </c>
      <c r="L27190" s="6" t="s">
        <v>4773</v>
      </c>
    </row>
    <row r="27191" spans="1:12">
      <c r="A27191" s="6" t="s">
        <v>27816</v>
      </c>
      <c r="B27191" s="6"/>
      <c r="C27191" s="6" t="s">
        <v>27817</v>
      </c>
      <c r="D27191" s="6"/>
      <c r="E27191" s="6" t="s">
        <v>18740</v>
      </c>
      <c r="F27191" s="7"/>
      <c r="G27191" s="8">
        <v>3358584</v>
      </c>
      <c r="H27191" s="8">
        <v>3358584</v>
      </c>
      <c r="I27191" s="8">
        <v>0</v>
      </c>
      <c r="J27191" s="8">
        <v>3358584</v>
      </c>
      <c r="K27191" s="9">
        <v>657</v>
      </c>
      <c r="L27191" s="6" t="s">
        <v>6094</v>
      </c>
    </row>
    <row r="27192" spans="1:12">
      <c r="A27192" s="6" t="s">
        <v>27818</v>
      </c>
      <c r="B27192" s="6"/>
      <c r="C27192" s="6" t="s">
        <v>27819</v>
      </c>
      <c r="D27192" s="6"/>
      <c r="E27192" s="6" t="s">
        <v>18740</v>
      </c>
      <c r="F27192" s="7"/>
      <c r="G27192" s="8">
        <v>214704</v>
      </c>
      <c r="H27192" s="8">
        <v>214704</v>
      </c>
      <c r="I27192" s="8">
        <v>0</v>
      </c>
      <c r="J27192" s="8">
        <v>214704</v>
      </c>
      <c r="K27192" s="9">
        <v>42</v>
      </c>
      <c r="L27192" s="6" t="s">
        <v>23</v>
      </c>
    </row>
    <row r="27193" spans="1:12">
      <c r="A27193" s="6" t="s">
        <v>27820</v>
      </c>
      <c r="B27193" s="6"/>
      <c r="C27193" s="6" t="s">
        <v>27821</v>
      </c>
      <c r="D27193" s="6"/>
      <c r="E27193" s="6" t="s">
        <v>18740</v>
      </c>
      <c r="F27193" s="7"/>
      <c r="G27193" s="8">
        <v>199368</v>
      </c>
      <c r="H27193" s="8">
        <v>199368</v>
      </c>
      <c r="I27193" s="8">
        <v>0</v>
      </c>
      <c r="J27193" s="8">
        <v>199368</v>
      </c>
      <c r="K27193" s="9">
        <v>39</v>
      </c>
      <c r="L27193" s="6" t="s">
        <v>6094</v>
      </c>
    </row>
    <row r="27194" spans="1:12">
      <c r="A27194" s="6" t="s">
        <v>27822</v>
      </c>
      <c r="B27194" s="6"/>
      <c r="C27194" s="6" t="s">
        <v>27823</v>
      </c>
      <c r="D27194" s="6"/>
      <c r="E27194" s="6" t="s">
        <v>18740</v>
      </c>
      <c r="F27194" s="7"/>
      <c r="G27194" s="8">
        <v>168696</v>
      </c>
      <c r="H27194" s="8">
        <v>168696</v>
      </c>
      <c r="I27194" s="8">
        <v>0</v>
      </c>
      <c r="J27194" s="8">
        <v>168696</v>
      </c>
      <c r="K27194" s="9">
        <v>33</v>
      </c>
      <c r="L27194" s="6" t="s">
        <v>6094</v>
      </c>
    </row>
    <row r="27195" spans="1:12">
      <c r="A27195" s="6" t="s">
        <v>27824</v>
      </c>
      <c r="B27195" s="6"/>
      <c r="C27195" s="6" t="s">
        <v>27825</v>
      </c>
      <c r="D27195" s="6"/>
      <c r="E27195" s="6" t="s">
        <v>18740</v>
      </c>
      <c r="F27195" s="7"/>
      <c r="G27195" s="8">
        <v>66456</v>
      </c>
      <c r="H27195" s="8">
        <v>66456</v>
      </c>
      <c r="I27195" s="8">
        <v>0</v>
      </c>
      <c r="J27195" s="8">
        <v>66456</v>
      </c>
      <c r="K27195" s="9">
        <v>13</v>
      </c>
      <c r="L27195" s="6" t="s">
        <v>23</v>
      </c>
    </row>
    <row r="27196" spans="1:12">
      <c r="A27196" s="6" t="s">
        <v>27826</v>
      </c>
      <c r="B27196" s="6"/>
      <c r="C27196" s="6" t="s">
        <v>27827</v>
      </c>
      <c r="D27196" s="6"/>
      <c r="E27196" s="6" t="s">
        <v>18740</v>
      </c>
      <c r="F27196" s="7"/>
      <c r="G27196" s="8">
        <v>441000</v>
      </c>
      <c r="H27196" s="8">
        <v>441000</v>
      </c>
      <c r="I27196" s="8">
        <v>0</v>
      </c>
      <c r="J27196" s="8">
        <v>441000</v>
      </c>
      <c r="K27196" s="9">
        <v>42</v>
      </c>
      <c r="L27196" s="6" t="s">
        <v>10</v>
      </c>
    </row>
    <row r="27197" spans="1:12">
      <c r="A27197" s="6" t="s">
        <v>27828</v>
      </c>
      <c r="B27197" s="6"/>
      <c r="C27197" s="6" t="s">
        <v>27829</v>
      </c>
      <c r="D27197" s="6"/>
      <c r="E27197" s="6" t="s">
        <v>18740</v>
      </c>
      <c r="F27197" s="7"/>
      <c r="G27197" s="8">
        <v>189800</v>
      </c>
      <c r="H27197" s="8">
        <v>189800</v>
      </c>
      <c r="I27197" s="8">
        <v>0</v>
      </c>
      <c r="J27197" s="8">
        <v>189800</v>
      </c>
      <c r="K27197" s="9">
        <v>26</v>
      </c>
      <c r="L27197" s="6" t="s">
        <v>10</v>
      </c>
    </row>
    <row r="27198" spans="1:12">
      <c r="A27198" s="6" t="s">
        <v>27830</v>
      </c>
      <c r="B27198" s="6"/>
      <c r="C27198" s="6" t="s">
        <v>27831</v>
      </c>
      <c r="D27198" s="6"/>
      <c r="E27198" s="6" t="s">
        <v>18740</v>
      </c>
      <c r="F27198" s="7"/>
      <c r="G27198" s="8">
        <v>899712</v>
      </c>
      <c r="H27198" s="8">
        <v>899712</v>
      </c>
      <c r="I27198" s="8">
        <v>0</v>
      </c>
      <c r="J27198" s="8">
        <v>899712</v>
      </c>
      <c r="K27198" s="9">
        <v>176</v>
      </c>
      <c r="L27198" s="6" t="s">
        <v>6094</v>
      </c>
    </row>
    <row r="27199" spans="1:12">
      <c r="A27199" s="6" t="s">
        <v>27832</v>
      </c>
      <c r="B27199" s="6"/>
      <c r="C27199" s="6" t="s">
        <v>27833</v>
      </c>
      <c r="D27199" s="6"/>
      <c r="E27199" s="6" t="s">
        <v>18740</v>
      </c>
      <c r="F27199" s="7"/>
      <c r="G27199" s="8">
        <v>81792</v>
      </c>
      <c r="H27199" s="8">
        <v>81792</v>
      </c>
      <c r="I27199" s="8">
        <v>0</v>
      </c>
      <c r="J27199" s="8">
        <v>81792</v>
      </c>
      <c r="K27199" s="9">
        <v>16</v>
      </c>
      <c r="L27199" s="6" t="s">
        <v>6094</v>
      </c>
    </row>
    <row r="27200" spans="1:12">
      <c r="A27200" s="6" t="s">
        <v>27834</v>
      </c>
      <c r="B27200" s="6"/>
      <c r="C27200" s="6" t="s">
        <v>27835</v>
      </c>
      <c r="D27200" s="6"/>
      <c r="E27200" s="6" t="s">
        <v>9</v>
      </c>
      <c r="F27200" s="7">
        <v>38657</v>
      </c>
      <c r="G27200" s="8">
        <v>1425417</v>
      </c>
      <c r="H27200" s="8">
        <v>1425417</v>
      </c>
      <c r="I27200" s="8">
        <v>0</v>
      </c>
      <c r="J27200" s="8">
        <v>1425417</v>
      </c>
      <c r="K27200" s="9">
        <v>309</v>
      </c>
      <c r="L27200" s="6" t="s">
        <v>27836</v>
      </c>
    </row>
    <row r="27201" spans="1:12">
      <c r="A27201" s="6" t="s">
        <v>27834</v>
      </c>
      <c r="B27201" s="6"/>
      <c r="C27201" s="6" t="s">
        <v>27837</v>
      </c>
      <c r="D27201" s="6"/>
      <c r="E27201" s="6" t="s">
        <v>9</v>
      </c>
      <c r="F27201" s="7">
        <v>38657</v>
      </c>
      <c r="G27201" s="8">
        <v>2334178</v>
      </c>
      <c r="H27201" s="8">
        <v>2334178</v>
      </c>
      <c r="I27201" s="8">
        <v>0</v>
      </c>
      <c r="J27201" s="8">
        <v>2334178</v>
      </c>
      <c r="K27201" s="9">
        <v>506</v>
      </c>
      <c r="L27201" s="6" t="s">
        <v>27836</v>
      </c>
    </row>
    <row r="27202" spans="1:12">
      <c r="A27202" s="6" t="s">
        <v>27834</v>
      </c>
      <c r="B27202" s="6"/>
      <c r="C27202" s="6" t="s">
        <v>27838</v>
      </c>
      <c r="D27202" s="6"/>
      <c r="E27202" s="6" t="s">
        <v>9</v>
      </c>
      <c r="F27202" s="7">
        <v>38657</v>
      </c>
      <c r="G27202" s="8">
        <v>2407986</v>
      </c>
      <c r="H27202" s="8">
        <v>2407986</v>
      </c>
      <c r="I27202" s="8">
        <v>0</v>
      </c>
      <c r="J27202" s="8">
        <v>2407986</v>
      </c>
      <c r="K27202" s="9">
        <v>522</v>
      </c>
      <c r="L27202" s="6" t="s">
        <v>27836</v>
      </c>
    </row>
    <row r="27203" spans="1:12">
      <c r="A27203" s="6" t="s">
        <v>27834</v>
      </c>
      <c r="B27203" s="6"/>
      <c r="C27203" s="6" t="s">
        <v>27839</v>
      </c>
      <c r="D27203" s="6"/>
      <c r="E27203" s="6" t="s">
        <v>9</v>
      </c>
      <c r="F27203" s="7">
        <v>38657</v>
      </c>
      <c r="G27203" s="8">
        <v>7320831</v>
      </c>
      <c r="H27203" s="8">
        <v>7320831</v>
      </c>
      <c r="I27203" s="8">
        <v>0</v>
      </c>
      <c r="J27203" s="8">
        <v>7320831</v>
      </c>
      <c r="K27203" s="9">
        <v>1587</v>
      </c>
      <c r="L27203" s="6" t="s">
        <v>27836</v>
      </c>
    </row>
    <row r="27204" spans="1:12">
      <c r="A27204" s="6" t="s">
        <v>27834</v>
      </c>
      <c r="B27204" s="6"/>
      <c r="C27204" s="6" t="s">
        <v>27840</v>
      </c>
      <c r="D27204" s="6"/>
      <c r="E27204" s="6" t="s">
        <v>9</v>
      </c>
      <c r="F27204" s="7">
        <v>38657</v>
      </c>
      <c r="G27204" s="8">
        <v>13695997</v>
      </c>
      <c r="H27204" s="8">
        <v>13695997</v>
      </c>
      <c r="I27204" s="8">
        <v>0</v>
      </c>
      <c r="J27204" s="8">
        <v>13695997</v>
      </c>
      <c r="K27204" s="9">
        <v>2969</v>
      </c>
      <c r="L27204" s="6" t="s">
        <v>27836</v>
      </c>
    </row>
    <row r="27205" spans="1:12">
      <c r="A27205" s="6" t="s">
        <v>27841</v>
      </c>
      <c r="B27205" s="6"/>
      <c r="C27205" s="6" t="s">
        <v>27842</v>
      </c>
      <c r="D27205" s="6"/>
      <c r="E27205" s="6" t="s">
        <v>27843</v>
      </c>
      <c r="F27205" s="7">
        <v>38657</v>
      </c>
      <c r="G27205" s="8">
        <v>7633</v>
      </c>
      <c r="H27205" s="8">
        <v>7633</v>
      </c>
      <c r="I27205" s="8">
        <v>0</v>
      </c>
      <c r="J27205" s="8">
        <v>7633</v>
      </c>
      <c r="K27205" s="9">
        <v>449</v>
      </c>
      <c r="L27205" s="6" t="s">
        <v>16860</v>
      </c>
    </row>
    <row r="27206" spans="1:12">
      <c r="A27206" s="6" t="s">
        <v>27841</v>
      </c>
      <c r="B27206" s="6"/>
      <c r="C27206" s="6" t="s">
        <v>27844</v>
      </c>
      <c r="D27206" s="6"/>
      <c r="E27206" s="6" t="s">
        <v>27843</v>
      </c>
      <c r="F27206" s="7">
        <v>42873</v>
      </c>
      <c r="G27206" s="8">
        <v>30994747</v>
      </c>
      <c r="H27206" s="8">
        <v>30994747</v>
      </c>
      <c r="I27206" s="8">
        <v>0</v>
      </c>
      <c r="J27206" s="8">
        <v>30994747</v>
      </c>
      <c r="K27206" s="9">
        <v>6719</v>
      </c>
      <c r="L27206" s="6" t="s">
        <v>4151</v>
      </c>
    </row>
    <row r="27207" spans="1:12">
      <c r="A27207" s="6" t="s">
        <v>27845</v>
      </c>
      <c r="B27207" s="6"/>
      <c r="C27207" s="6" t="s">
        <v>27846</v>
      </c>
      <c r="D27207" s="6"/>
      <c r="E27207" s="6" t="s">
        <v>9</v>
      </c>
      <c r="F27207" s="7">
        <v>38657</v>
      </c>
      <c r="G27207" s="8">
        <v>628776</v>
      </c>
      <c r="H27207" s="8">
        <v>628776</v>
      </c>
      <c r="I27207" s="8">
        <v>0</v>
      </c>
      <c r="J27207" s="8">
        <v>628776</v>
      </c>
      <c r="K27207" s="9">
        <v>123</v>
      </c>
      <c r="L27207" s="6" t="s">
        <v>23</v>
      </c>
    </row>
    <row r="27208" spans="1:12">
      <c r="A27208" s="6" t="s">
        <v>27845</v>
      </c>
      <c r="B27208" s="6"/>
      <c r="C27208" s="6" t="s">
        <v>27847</v>
      </c>
      <c r="D27208" s="6"/>
      <c r="E27208" s="6" t="s">
        <v>9</v>
      </c>
      <c r="F27208" s="7">
        <v>38657</v>
      </c>
      <c r="G27208" s="8">
        <v>2239056</v>
      </c>
      <c r="H27208" s="8">
        <v>2239056</v>
      </c>
      <c r="I27208" s="8">
        <v>0</v>
      </c>
      <c r="J27208" s="8">
        <v>2239056</v>
      </c>
      <c r="K27208" s="9">
        <v>438</v>
      </c>
      <c r="L27208" s="6" t="s">
        <v>23</v>
      </c>
    </row>
    <row r="27209" spans="1:12">
      <c r="A27209" s="6" t="s">
        <v>27848</v>
      </c>
      <c r="B27209" s="6"/>
      <c r="C27209" s="6" t="s">
        <v>27849</v>
      </c>
      <c r="D27209" s="6"/>
      <c r="E27209" s="6" t="s">
        <v>9</v>
      </c>
      <c r="F27209" s="7"/>
      <c r="G27209" s="8">
        <v>1354680</v>
      </c>
      <c r="H27209" s="8">
        <v>1354680</v>
      </c>
      <c r="I27209" s="8">
        <v>0</v>
      </c>
      <c r="J27209" s="8">
        <v>1354680</v>
      </c>
      <c r="K27209" s="9">
        <v>265</v>
      </c>
      <c r="L27209" s="6" t="s">
        <v>23</v>
      </c>
    </row>
    <row r="27210" spans="1:12">
      <c r="A27210" s="6" t="s">
        <v>27848</v>
      </c>
      <c r="B27210" s="6"/>
      <c r="C27210" s="6" t="s">
        <v>27850</v>
      </c>
      <c r="D27210" s="6"/>
      <c r="E27210" s="6" t="s">
        <v>9</v>
      </c>
      <c r="F27210" s="7">
        <v>43459</v>
      </c>
      <c r="G27210" s="8">
        <v>1308672</v>
      </c>
      <c r="H27210" s="8">
        <v>1308672</v>
      </c>
      <c r="I27210" s="8">
        <v>0</v>
      </c>
      <c r="J27210" s="8">
        <v>1308672</v>
      </c>
      <c r="K27210" s="9">
        <v>256</v>
      </c>
      <c r="L27210" s="6" t="s">
        <v>23</v>
      </c>
    </row>
    <row r="27211" spans="1:12">
      <c r="A27211" s="6" t="s">
        <v>27848</v>
      </c>
      <c r="B27211" s="6"/>
      <c r="C27211" s="6" t="s">
        <v>27851</v>
      </c>
      <c r="D27211" s="6"/>
      <c r="E27211" s="6" t="s">
        <v>9</v>
      </c>
      <c r="F27211" s="7">
        <v>43459</v>
      </c>
      <c r="G27211" s="8">
        <v>1528488</v>
      </c>
      <c r="H27211" s="8">
        <v>1528488</v>
      </c>
      <c r="I27211" s="8">
        <v>0</v>
      </c>
      <c r="J27211" s="8">
        <v>1528488</v>
      </c>
      <c r="K27211" s="9">
        <v>299</v>
      </c>
      <c r="L27211" s="6" t="s">
        <v>23</v>
      </c>
    </row>
    <row r="27212" spans="1:12">
      <c r="A27212" s="6" t="s">
        <v>27848</v>
      </c>
      <c r="B27212" s="6"/>
      <c r="C27212" s="6" t="s">
        <v>27852</v>
      </c>
      <c r="D27212" s="6"/>
      <c r="E27212" s="6" t="s">
        <v>9</v>
      </c>
      <c r="F27212" s="7">
        <v>43978</v>
      </c>
      <c r="G27212" s="8">
        <v>1</v>
      </c>
      <c r="H27212" s="8">
        <v>1</v>
      </c>
      <c r="I27212" s="8">
        <v>0</v>
      </c>
      <c r="J27212" s="8">
        <v>1</v>
      </c>
      <c r="K27212" s="9">
        <v>607</v>
      </c>
      <c r="L27212" s="6" t="s">
        <v>23</v>
      </c>
    </row>
    <row r="27213" spans="1:12">
      <c r="A27213" s="6" t="s">
        <v>27848</v>
      </c>
      <c r="B27213" s="6"/>
      <c r="C27213" s="6" t="s">
        <v>27853</v>
      </c>
      <c r="D27213" s="6"/>
      <c r="E27213" s="6" t="s">
        <v>9</v>
      </c>
      <c r="F27213" s="7">
        <v>44061</v>
      </c>
      <c r="G27213" s="8">
        <v>1</v>
      </c>
      <c r="H27213" s="8">
        <v>1</v>
      </c>
      <c r="I27213" s="8">
        <v>0</v>
      </c>
      <c r="J27213" s="8">
        <v>1</v>
      </c>
      <c r="K27213" s="9">
        <v>1087</v>
      </c>
      <c r="L27213" s="6" t="s">
        <v>23</v>
      </c>
    </row>
    <row r="27214" spans="1:12">
      <c r="A27214" s="6" t="s">
        <v>27854</v>
      </c>
      <c r="B27214" s="6"/>
      <c r="C27214" s="6" t="s">
        <v>27855</v>
      </c>
      <c r="D27214" s="6"/>
      <c r="E27214" s="6" t="s">
        <v>18740</v>
      </c>
      <c r="F27214" s="7">
        <v>38657</v>
      </c>
      <c r="G27214" s="8">
        <v>160080000</v>
      </c>
      <c r="H27214" s="8">
        <v>160080000</v>
      </c>
      <c r="I27214" s="8">
        <v>0</v>
      </c>
      <c r="J27214" s="8">
        <v>160080000</v>
      </c>
      <c r="K27214" s="9">
        <v>4350</v>
      </c>
      <c r="L27214" s="6" t="s">
        <v>1694</v>
      </c>
    </row>
    <row r="27215" spans="1:12">
      <c r="A27215" s="6" t="s">
        <v>27854</v>
      </c>
      <c r="B27215" s="6"/>
      <c r="C27215" s="6" t="s">
        <v>27856</v>
      </c>
      <c r="D27215" s="6"/>
      <c r="E27215" s="6" t="s">
        <v>18740</v>
      </c>
      <c r="F27215" s="7">
        <v>38657</v>
      </c>
      <c r="G27215" s="8">
        <v>29440000</v>
      </c>
      <c r="H27215" s="8">
        <v>29440000</v>
      </c>
      <c r="I27215" s="8">
        <v>0</v>
      </c>
      <c r="J27215" s="8">
        <v>29440000</v>
      </c>
      <c r="K27215" s="9">
        <v>800</v>
      </c>
      <c r="L27215" s="6" t="s">
        <v>1694</v>
      </c>
    </row>
    <row r="27216" spans="1:12">
      <c r="A27216" s="6" t="s">
        <v>27857</v>
      </c>
      <c r="B27216" s="6"/>
      <c r="C27216" s="6" t="s">
        <v>27858</v>
      </c>
      <c r="D27216" s="6"/>
      <c r="E27216" s="6" t="s">
        <v>18740</v>
      </c>
      <c r="F27216" s="7">
        <v>38657</v>
      </c>
      <c r="G27216" s="8">
        <v>587214</v>
      </c>
      <c r="H27216" s="8">
        <v>587214</v>
      </c>
      <c r="I27216" s="8">
        <v>0</v>
      </c>
      <c r="J27216" s="8">
        <v>587214</v>
      </c>
      <c r="K27216" s="9">
        <v>57.57</v>
      </c>
      <c r="L27216" s="6" t="s">
        <v>10</v>
      </c>
    </row>
    <row r="27217" spans="1:12">
      <c r="A27217" s="6" t="s">
        <v>27859</v>
      </c>
      <c r="B27217" s="6"/>
      <c r="C27217" s="6" t="s">
        <v>27860</v>
      </c>
      <c r="D27217" s="6"/>
      <c r="E27217" s="6" t="s">
        <v>9</v>
      </c>
      <c r="F27217" s="7">
        <v>32463</v>
      </c>
      <c r="G27217" s="8">
        <v>2033166</v>
      </c>
      <c r="H27217" s="8">
        <v>2033166</v>
      </c>
      <c r="I27217" s="8">
        <v>0</v>
      </c>
      <c r="J27217" s="8">
        <v>2033166</v>
      </c>
      <c r="K27217" s="9">
        <v>105.85</v>
      </c>
      <c r="L27217" s="6" t="s">
        <v>10</v>
      </c>
    </row>
    <row r="27218" spans="1:12">
      <c r="A27218" s="6" t="s">
        <v>27859</v>
      </c>
      <c r="B27218" s="6"/>
      <c r="C27218" s="6" t="s">
        <v>27861</v>
      </c>
      <c r="D27218" s="6"/>
      <c r="E27218" s="6" t="s">
        <v>9</v>
      </c>
      <c r="F27218" s="7">
        <v>32463</v>
      </c>
      <c r="G27218" s="8">
        <v>2220828</v>
      </c>
      <c r="H27218" s="8">
        <v>2220828</v>
      </c>
      <c r="I27218" s="8">
        <v>0</v>
      </c>
      <c r="J27218" s="8">
        <v>2220828</v>
      </c>
      <c r="K27218" s="9">
        <v>115.62</v>
      </c>
      <c r="L27218" s="6" t="s">
        <v>10</v>
      </c>
    </row>
    <row r="27219" spans="1:12">
      <c r="A27219" s="6" t="s">
        <v>27859</v>
      </c>
      <c r="B27219" s="6"/>
      <c r="C27219" s="6" t="s">
        <v>27862</v>
      </c>
      <c r="D27219" s="6"/>
      <c r="E27219" s="6" t="s">
        <v>9</v>
      </c>
      <c r="F27219" s="7">
        <v>32463</v>
      </c>
      <c r="G27219" s="8">
        <v>317700</v>
      </c>
      <c r="H27219" s="8">
        <v>317700</v>
      </c>
      <c r="I27219" s="8">
        <v>0</v>
      </c>
      <c r="J27219" s="8">
        <v>317700</v>
      </c>
      <c r="K27219" s="9">
        <v>16.54</v>
      </c>
      <c r="L27219" s="6" t="s">
        <v>10</v>
      </c>
    </row>
    <row r="27220" spans="1:12">
      <c r="A27220" s="6" t="s">
        <v>27859</v>
      </c>
      <c r="B27220" s="6"/>
      <c r="C27220" s="6" t="s">
        <v>27863</v>
      </c>
      <c r="D27220" s="6"/>
      <c r="E27220" s="6" t="s">
        <v>9</v>
      </c>
      <c r="F27220" s="7">
        <v>32463</v>
      </c>
      <c r="G27220" s="8">
        <v>75679</v>
      </c>
      <c r="H27220" s="8">
        <v>75679</v>
      </c>
      <c r="I27220" s="8">
        <v>0</v>
      </c>
      <c r="J27220" s="8">
        <v>75679</v>
      </c>
      <c r="K27220" s="9">
        <v>3.94</v>
      </c>
      <c r="L27220" s="6" t="s">
        <v>10</v>
      </c>
    </row>
    <row r="27221" spans="1:12">
      <c r="A27221" s="6" t="s">
        <v>27859</v>
      </c>
      <c r="B27221" s="6"/>
      <c r="C27221" s="6" t="s">
        <v>27864</v>
      </c>
      <c r="D27221" s="6"/>
      <c r="E27221" s="6" t="s">
        <v>9</v>
      </c>
      <c r="F27221" s="7">
        <v>32463</v>
      </c>
      <c r="G27221" s="8">
        <v>97384</v>
      </c>
      <c r="H27221" s="8">
        <v>97384</v>
      </c>
      <c r="I27221" s="8">
        <v>0</v>
      </c>
      <c r="J27221" s="8">
        <v>97384</v>
      </c>
      <c r="K27221" s="9">
        <v>5.07</v>
      </c>
      <c r="L27221" s="6" t="s">
        <v>10</v>
      </c>
    </row>
    <row r="27222" spans="1:12">
      <c r="A27222" s="6" t="s">
        <v>27859</v>
      </c>
      <c r="B27222" s="6"/>
      <c r="C27222" s="6" t="s">
        <v>27865</v>
      </c>
      <c r="D27222" s="6"/>
      <c r="E27222" s="6" t="s">
        <v>9</v>
      </c>
      <c r="F27222" s="7">
        <v>32463</v>
      </c>
      <c r="G27222" s="8">
        <v>192</v>
      </c>
      <c r="H27222" s="8">
        <v>192</v>
      </c>
      <c r="I27222" s="8">
        <v>0</v>
      </c>
      <c r="J27222" s="8">
        <v>192</v>
      </c>
      <c r="K27222" s="9">
        <v>0.01</v>
      </c>
      <c r="L27222" s="6" t="s">
        <v>10</v>
      </c>
    </row>
    <row r="27223" spans="1:12">
      <c r="A27223" s="6" t="s">
        <v>27859</v>
      </c>
      <c r="B27223" s="6"/>
      <c r="C27223" s="6" t="s">
        <v>27866</v>
      </c>
      <c r="D27223" s="6"/>
      <c r="E27223" s="6" t="s">
        <v>9</v>
      </c>
      <c r="F27223" s="7">
        <v>32463</v>
      </c>
      <c r="G27223" s="8">
        <v>13829</v>
      </c>
      <c r="H27223" s="8">
        <v>13829</v>
      </c>
      <c r="I27223" s="8">
        <v>0</v>
      </c>
      <c r="J27223" s="8">
        <v>13829</v>
      </c>
      <c r="K27223" s="9">
        <v>0.72</v>
      </c>
      <c r="L27223" s="6" t="s">
        <v>10</v>
      </c>
    </row>
    <row r="27224" spans="1:12">
      <c r="A27224" s="6" t="s">
        <v>27859</v>
      </c>
      <c r="B27224" s="6"/>
      <c r="C27224" s="6" t="s">
        <v>27867</v>
      </c>
      <c r="D27224" s="6"/>
      <c r="E27224" s="6" t="s">
        <v>9</v>
      </c>
      <c r="F27224" s="7">
        <v>32463</v>
      </c>
      <c r="G27224" s="8">
        <v>1001505</v>
      </c>
      <c r="H27224" s="8">
        <v>1001505</v>
      </c>
      <c r="I27224" s="8">
        <v>0</v>
      </c>
      <c r="J27224" s="8">
        <v>1001505</v>
      </c>
      <c r="K27224" s="9">
        <v>52.14</v>
      </c>
      <c r="L27224" s="6" t="s">
        <v>10</v>
      </c>
    </row>
    <row r="27225" spans="1:12">
      <c r="A27225" s="6" t="s">
        <v>27859</v>
      </c>
      <c r="B27225" s="6"/>
      <c r="C27225" s="6" t="s">
        <v>27868</v>
      </c>
      <c r="D27225" s="6"/>
      <c r="E27225" s="6" t="s">
        <v>9</v>
      </c>
      <c r="F27225" s="7">
        <v>32463</v>
      </c>
      <c r="G27225" s="8">
        <v>3919968</v>
      </c>
      <c r="H27225" s="8">
        <v>3919968</v>
      </c>
      <c r="I27225" s="8">
        <v>0</v>
      </c>
      <c r="J27225" s="8">
        <v>3919968</v>
      </c>
      <c r="K27225" s="9">
        <v>204.08</v>
      </c>
      <c r="L27225" s="6" t="s">
        <v>10</v>
      </c>
    </row>
    <row r="27226" spans="1:12">
      <c r="A27226" s="6" t="s">
        <v>27859</v>
      </c>
      <c r="B27226" s="6"/>
      <c r="C27226" s="6" t="s">
        <v>27869</v>
      </c>
      <c r="D27226" s="6"/>
      <c r="E27226" s="6" t="s">
        <v>9</v>
      </c>
      <c r="F27226" s="7">
        <v>32463</v>
      </c>
      <c r="G27226" s="8">
        <v>635400</v>
      </c>
      <c r="H27226" s="8">
        <v>635400</v>
      </c>
      <c r="I27226" s="8">
        <v>0</v>
      </c>
      <c r="J27226" s="8">
        <v>635400</v>
      </c>
      <c r="K27226" s="9">
        <v>33.08</v>
      </c>
      <c r="L27226" s="6" t="s">
        <v>10</v>
      </c>
    </row>
    <row r="27227" spans="1:12">
      <c r="A27227" s="6" t="s">
        <v>27859</v>
      </c>
      <c r="B27227" s="6"/>
      <c r="C27227" s="6" t="s">
        <v>27870</v>
      </c>
      <c r="D27227" s="6"/>
      <c r="E27227" s="6" t="s">
        <v>9</v>
      </c>
      <c r="F27227" s="7">
        <v>32463</v>
      </c>
      <c r="G27227" s="8">
        <v>2236387</v>
      </c>
      <c r="H27227" s="8">
        <v>2236387</v>
      </c>
      <c r="I27227" s="8">
        <v>0</v>
      </c>
      <c r="J27227" s="8">
        <v>2236387</v>
      </c>
      <c r="K27227" s="9">
        <v>116.43</v>
      </c>
      <c r="L27227" s="6" t="s">
        <v>10</v>
      </c>
    </row>
    <row r="27228" spans="1:12">
      <c r="A27228" s="6" t="s">
        <v>27859</v>
      </c>
      <c r="B27228" s="6"/>
      <c r="C27228" s="6" t="s">
        <v>27871</v>
      </c>
      <c r="D27228" s="6"/>
      <c r="E27228" s="6" t="s">
        <v>9</v>
      </c>
      <c r="F27228" s="7">
        <v>32463</v>
      </c>
      <c r="G27228" s="8">
        <v>2408875</v>
      </c>
      <c r="H27228" s="8">
        <v>2408875</v>
      </c>
      <c r="I27228" s="8">
        <v>0</v>
      </c>
      <c r="J27228" s="8">
        <v>2408875</v>
      </c>
      <c r="K27228" s="9">
        <v>125.41</v>
      </c>
      <c r="L27228" s="6" t="s">
        <v>10</v>
      </c>
    </row>
    <row r="27229" spans="1:12">
      <c r="A27229" s="6" t="s">
        <v>27859</v>
      </c>
      <c r="B27229" s="6"/>
      <c r="C27229" s="6" t="s">
        <v>27872</v>
      </c>
      <c r="D27229" s="6"/>
      <c r="E27229" s="6" t="s">
        <v>9</v>
      </c>
      <c r="F27229" s="7">
        <v>32463</v>
      </c>
      <c r="G27229" s="8">
        <v>1904473</v>
      </c>
      <c r="H27229" s="8">
        <v>1904473</v>
      </c>
      <c r="I27229" s="8">
        <v>0</v>
      </c>
      <c r="J27229" s="8">
        <v>1904473</v>
      </c>
      <c r="K27229" s="9">
        <v>99.15</v>
      </c>
      <c r="L27229" s="6" t="s">
        <v>10</v>
      </c>
    </row>
    <row r="27230" spans="1:12">
      <c r="A27230" s="6" t="s">
        <v>27859</v>
      </c>
      <c r="B27230" s="6"/>
      <c r="C27230" s="6" t="s">
        <v>27873</v>
      </c>
      <c r="D27230" s="6"/>
      <c r="E27230" s="6" t="s">
        <v>9</v>
      </c>
      <c r="F27230" s="7">
        <v>32463</v>
      </c>
      <c r="G27230" s="8">
        <v>52437</v>
      </c>
      <c r="H27230" s="8">
        <v>52437</v>
      </c>
      <c r="I27230" s="8">
        <v>0</v>
      </c>
      <c r="J27230" s="8">
        <v>52437</v>
      </c>
      <c r="K27230" s="9">
        <v>2.73</v>
      </c>
      <c r="L27230" s="6" t="s">
        <v>10</v>
      </c>
    </row>
    <row r="27231" spans="1:12">
      <c r="A27231" s="6" t="s">
        <v>27859</v>
      </c>
      <c r="B27231" s="6"/>
      <c r="C27231" s="6" t="s">
        <v>27874</v>
      </c>
      <c r="D27231" s="6"/>
      <c r="E27231" s="6" t="s">
        <v>9</v>
      </c>
      <c r="F27231" s="7">
        <v>32463</v>
      </c>
      <c r="G27231" s="8">
        <v>20179156</v>
      </c>
      <c r="H27231" s="8">
        <v>20179156</v>
      </c>
      <c r="I27231" s="8">
        <v>0</v>
      </c>
      <c r="J27231" s="8">
        <v>20179156</v>
      </c>
      <c r="K27231" s="9">
        <v>1050.56</v>
      </c>
      <c r="L27231" s="6" t="s">
        <v>10</v>
      </c>
    </row>
    <row r="27232" spans="1:12">
      <c r="A27232" s="6" t="s">
        <v>27859</v>
      </c>
      <c r="B27232" s="6"/>
      <c r="C27232" s="6" t="s">
        <v>27875</v>
      </c>
      <c r="D27232" s="6"/>
      <c r="E27232" s="6" t="s">
        <v>9</v>
      </c>
      <c r="F27232" s="7">
        <v>32463</v>
      </c>
      <c r="G27232" s="8">
        <v>1307296</v>
      </c>
      <c r="H27232" s="8">
        <v>1307296</v>
      </c>
      <c r="I27232" s="8">
        <v>0</v>
      </c>
      <c r="J27232" s="8">
        <v>1307296</v>
      </c>
      <c r="K27232" s="9">
        <v>68.06</v>
      </c>
      <c r="L27232" s="6" t="s">
        <v>10</v>
      </c>
    </row>
    <row r="27233" spans="1:12">
      <c r="A27233" s="6" t="s">
        <v>27876</v>
      </c>
      <c r="B27233" s="6"/>
      <c r="C27233" s="6" t="s">
        <v>27877</v>
      </c>
      <c r="D27233" s="6"/>
      <c r="E27233" s="6" t="s">
        <v>9</v>
      </c>
      <c r="F27233" s="7">
        <v>42794</v>
      </c>
      <c r="G27233" s="8">
        <v>572544</v>
      </c>
      <c r="H27233" s="8">
        <v>572544</v>
      </c>
      <c r="I27233" s="8">
        <v>0</v>
      </c>
      <c r="J27233" s="8">
        <v>572544</v>
      </c>
      <c r="K27233" s="9">
        <v>112</v>
      </c>
      <c r="L27233" s="6" t="s">
        <v>14</v>
      </c>
    </row>
    <row r="27234" spans="1:12">
      <c r="A27234" s="6" t="s">
        <v>27878</v>
      </c>
      <c r="B27234" s="6"/>
      <c r="C27234" s="6" t="s">
        <v>27879</v>
      </c>
      <c r="D27234" s="6"/>
      <c r="E27234" s="6" t="s">
        <v>9</v>
      </c>
      <c r="F27234" s="7">
        <v>42262</v>
      </c>
      <c r="G27234" s="8">
        <v>2581560</v>
      </c>
      <c r="H27234" s="8">
        <v>2581560</v>
      </c>
      <c r="I27234" s="8">
        <v>0</v>
      </c>
      <c r="J27234" s="8">
        <v>2581560</v>
      </c>
      <c r="K27234" s="9">
        <v>505</v>
      </c>
      <c r="L27234" s="6" t="s">
        <v>14</v>
      </c>
    </row>
    <row r="27235" spans="1:12">
      <c r="A27235" s="6" t="s">
        <v>27880</v>
      </c>
      <c r="B27235" s="6"/>
      <c r="C27235" s="6" t="s">
        <v>27881</v>
      </c>
      <c r="D27235" s="6"/>
      <c r="E27235" s="6" t="s">
        <v>9</v>
      </c>
      <c r="F27235" s="7">
        <v>14874</v>
      </c>
      <c r="G27235" s="8">
        <v>5793600</v>
      </c>
      <c r="H27235" s="8">
        <v>5793600</v>
      </c>
      <c r="I27235" s="8">
        <v>0</v>
      </c>
      <c r="J27235" s="8">
        <v>5793600</v>
      </c>
      <c r="K27235" s="9">
        <v>426</v>
      </c>
      <c r="L27235" s="6" t="s">
        <v>1694</v>
      </c>
    </row>
    <row r="27236" spans="1:12">
      <c r="A27236" s="6" t="s">
        <v>27880</v>
      </c>
      <c r="B27236" s="6"/>
      <c r="C27236" s="6" t="s">
        <v>27882</v>
      </c>
      <c r="D27236" s="6"/>
      <c r="E27236" s="6" t="s">
        <v>9</v>
      </c>
      <c r="F27236" s="7">
        <v>10569</v>
      </c>
      <c r="G27236" s="8">
        <v>1251200</v>
      </c>
      <c r="H27236" s="8">
        <v>1251200</v>
      </c>
      <c r="I27236" s="8">
        <v>0</v>
      </c>
      <c r="J27236" s="8">
        <v>1251200</v>
      </c>
      <c r="K27236" s="9">
        <v>92</v>
      </c>
      <c r="L27236" s="6" t="s">
        <v>1694</v>
      </c>
    </row>
    <row r="27237" spans="1:12">
      <c r="A27237" s="6" t="s">
        <v>27880</v>
      </c>
      <c r="B27237" s="6"/>
      <c r="C27237" s="6" t="s">
        <v>27883</v>
      </c>
      <c r="D27237" s="6"/>
      <c r="E27237" s="6" t="s">
        <v>9</v>
      </c>
      <c r="F27237" s="7">
        <v>14879</v>
      </c>
      <c r="G27237" s="8">
        <v>5834400</v>
      </c>
      <c r="H27237" s="8">
        <v>5834400</v>
      </c>
      <c r="I27237" s="8">
        <v>0</v>
      </c>
      <c r="J27237" s="8">
        <v>5834400</v>
      </c>
      <c r="K27237" s="9">
        <v>429</v>
      </c>
      <c r="L27237" s="6" t="s">
        <v>1694</v>
      </c>
    </row>
    <row r="27238" spans="1:12">
      <c r="A27238" s="6" t="s">
        <v>27880</v>
      </c>
      <c r="B27238" s="6"/>
      <c r="C27238" s="6" t="s">
        <v>27884</v>
      </c>
      <c r="D27238" s="6"/>
      <c r="E27238" s="6" t="s">
        <v>9</v>
      </c>
      <c r="F27238" s="7">
        <v>10569</v>
      </c>
      <c r="G27238" s="8">
        <v>44880</v>
      </c>
      <c r="H27238" s="8">
        <v>44880</v>
      </c>
      <c r="I27238" s="8">
        <v>0</v>
      </c>
      <c r="J27238" s="8">
        <v>44880</v>
      </c>
      <c r="K27238" s="9">
        <v>3.3</v>
      </c>
      <c r="L27238" s="6" t="s">
        <v>1694</v>
      </c>
    </row>
    <row r="27239" spans="1:12">
      <c r="A27239" s="6" t="s">
        <v>27880</v>
      </c>
      <c r="B27239" s="6"/>
      <c r="C27239" s="6" t="s">
        <v>27885</v>
      </c>
      <c r="D27239" s="6"/>
      <c r="E27239" s="6" t="s">
        <v>9</v>
      </c>
      <c r="F27239" s="7">
        <v>14793</v>
      </c>
      <c r="G27239" s="8">
        <v>5616800</v>
      </c>
      <c r="H27239" s="8">
        <v>5616800</v>
      </c>
      <c r="I27239" s="8">
        <v>0</v>
      </c>
      <c r="J27239" s="8">
        <v>5616800</v>
      </c>
      <c r="K27239" s="9">
        <v>413</v>
      </c>
      <c r="L27239" s="6" t="s">
        <v>1694</v>
      </c>
    </row>
    <row r="27240" spans="1:12">
      <c r="A27240" s="6" t="s">
        <v>27880</v>
      </c>
      <c r="B27240" s="6"/>
      <c r="C27240" s="6" t="s">
        <v>27886</v>
      </c>
      <c r="D27240" s="6"/>
      <c r="E27240" s="6" t="s">
        <v>9</v>
      </c>
      <c r="F27240" s="7">
        <v>14879</v>
      </c>
      <c r="G27240" s="8">
        <v>5616800</v>
      </c>
      <c r="H27240" s="8">
        <v>5616800</v>
      </c>
      <c r="I27240" s="8">
        <v>0</v>
      </c>
      <c r="J27240" s="8">
        <v>5616800</v>
      </c>
      <c r="K27240" s="9">
        <v>413</v>
      </c>
      <c r="L27240" s="6" t="s">
        <v>1694</v>
      </c>
    </row>
    <row r="27241" spans="1:12">
      <c r="A27241" s="6" t="s">
        <v>27887</v>
      </c>
      <c r="B27241" s="6"/>
      <c r="C27241" s="6" t="s">
        <v>27888</v>
      </c>
      <c r="D27241" s="6"/>
      <c r="E27241" s="6" t="s">
        <v>9</v>
      </c>
      <c r="F27241" s="7">
        <v>42262</v>
      </c>
      <c r="G27241" s="8">
        <v>971280</v>
      </c>
      <c r="H27241" s="8">
        <v>971280</v>
      </c>
      <c r="I27241" s="8">
        <v>0</v>
      </c>
      <c r="J27241" s="8">
        <v>971280</v>
      </c>
      <c r="K27241" s="9">
        <v>190</v>
      </c>
      <c r="L27241" s="6" t="s">
        <v>14</v>
      </c>
    </row>
    <row r="27242" spans="1:12">
      <c r="A27242" s="6" t="s">
        <v>27889</v>
      </c>
      <c r="B27242" s="6"/>
      <c r="C27242" s="6" t="s">
        <v>27890</v>
      </c>
      <c r="D27242" s="6"/>
      <c r="E27242" s="6" t="s">
        <v>9</v>
      </c>
      <c r="F27242" s="7">
        <v>42262</v>
      </c>
      <c r="G27242" s="8">
        <v>1134864</v>
      </c>
      <c r="H27242" s="8">
        <v>1134864</v>
      </c>
      <c r="I27242" s="8">
        <v>0</v>
      </c>
      <c r="J27242" s="8">
        <v>1134864</v>
      </c>
      <c r="K27242" s="9">
        <v>222</v>
      </c>
      <c r="L27242" s="6" t="s">
        <v>14</v>
      </c>
    </row>
    <row r="27243" spans="1:12">
      <c r="A27243" s="6" t="s">
        <v>27891</v>
      </c>
      <c r="B27243" s="6"/>
      <c r="C27243" s="6" t="s">
        <v>27892</v>
      </c>
      <c r="D27243" s="6"/>
      <c r="E27243" s="6" t="s">
        <v>9</v>
      </c>
      <c r="F27243" s="7">
        <v>42467</v>
      </c>
      <c r="G27243" s="8">
        <v>502816</v>
      </c>
      <c r="H27243" s="8">
        <v>502816</v>
      </c>
      <c r="I27243" s="8">
        <v>0</v>
      </c>
      <c r="J27243" s="8">
        <v>502816</v>
      </c>
      <c r="K27243" s="9">
        <v>98.36</v>
      </c>
      <c r="L27243" s="6" t="s">
        <v>14</v>
      </c>
    </row>
    <row r="27244" spans="1:12">
      <c r="A27244" s="6" t="s">
        <v>27893</v>
      </c>
      <c r="B27244" s="6"/>
      <c r="C27244" s="6" t="s">
        <v>27894</v>
      </c>
      <c r="D27244" s="6"/>
      <c r="E27244" s="6" t="s">
        <v>18740</v>
      </c>
      <c r="F27244" s="7"/>
      <c r="G27244" s="8">
        <v>1</v>
      </c>
      <c r="H27244" s="8">
        <v>1</v>
      </c>
      <c r="I27244" s="8">
        <v>0</v>
      </c>
      <c r="J27244" s="8">
        <v>1</v>
      </c>
      <c r="K27244" s="9">
        <v>23.14</v>
      </c>
      <c r="L27244" s="6" t="s">
        <v>25060</v>
      </c>
    </row>
    <row r="27245" spans="1:12">
      <c r="A27245" s="6" t="s">
        <v>27893</v>
      </c>
      <c r="B27245" s="6"/>
      <c r="C27245" s="6" t="s">
        <v>27895</v>
      </c>
      <c r="D27245" s="6"/>
      <c r="E27245" s="6" t="s">
        <v>18740</v>
      </c>
      <c r="F27245" s="7"/>
      <c r="G27245" s="8">
        <v>1</v>
      </c>
      <c r="H27245" s="8">
        <v>1</v>
      </c>
      <c r="I27245" s="8">
        <v>0</v>
      </c>
      <c r="J27245" s="8">
        <v>1</v>
      </c>
      <c r="K27245" s="9">
        <v>23.14</v>
      </c>
      <c r="L27245" s="6" t="s">
        <v>25060</v>
      </c>
    </row>
    <row r="27246" spans="1:12">
      <c r="A27246" s="6" t="s">
        <v>27896</v>
      </c>
      <c r="B27246" s="6"/>
      <c r="C27246" s="6" t="s">
        <v>27897</v>
      </c>
      <c r="D27246" s="6"/>
      <c r="E27246" s="6" t="s">
        <v>18740</v>
      </c>
      <c r="F27246" s="7"/>
      <c r="G27246" s="8">
        <v>380894</v>
      </c>
      <c r="H27246" s="8">
        <v>380894</v>
      </c>
      <c r="I27246" s="8">
        <v>0</v>
      </c>
      <c r="J27246" s="8">
        <v>380894</v>
      </c>
      <c r="K27246" s="9">
        <v>19.829999999999899</v>
      </c>
      <c r="L27246" s="6" t="s">
        <v>10</v>
      </c>
    </row>
    <row r="27247" spans="1:12">
      <c r="A27247" s="6" t="s">
        <v>27898</v>
      </c>
      <c r="B27247" s="6"/>
      <c r="C27247" s="6" t="s">
        <v>27899</v>
      </c>
      <c r="D27247" s="6"/>
      <c r="E27247" s="6" t="s">
        <v>18740</v>
      </c>
      <c r="F27247" s="7"/>
      <c r="G27247" s="8">
        <v>63386</v>
      </c>
      <c r="H27247" s="8">
        <v>63386</v>
      </c>
      <c r="I27247" s="8">
        <v>0</v>
      </c>
      <c r="J27247" s="8">
        <v>63386</v>
      </c>
      <c r="K27247" s="9">
        <v>3.3</v>
      </c>
      <c r="L27247" s="6" t="s">
        <v>10</v>
      </c>
    </row>
    <row r="27248" spans="1:12">
      <c r="A27248" s="6" t="s">
        <v>27900</v>
      </c>
      <c r="B27248" s="6"/>
      <c r="C27248" s="6" t="s">
        <v>27901</v>
      </c>
      <c r="D27248" s="6"/>
      <c r="E27248" s="6" t="s">
        <v>18740</v>
      </c>
      <c r="F27248" s="7"/>
      <c r="G27248" s="8">
        <v>557208</v>
      </c>
      <c r="H27248" s="8">
        <v>557208</v>
      </c>
      <c r="I27248" s="8">
        <v>0</v>
      </c>
      <c r="J27248" s="8">
        <v>557208</v>
      </c>
      <c r="K27248" s="9">
        <v>109</v>
      </c>
      <c r="L27248" s="6" t="s">
        <v>6094</v>
      </c>
    </row>
    <row r="27249" spans="1:12">
      <c r="A27249" s="6" t="s">
        <v>27902</v>
      </c>
      <c r="B27249" s="6"/>
      <c r="C27249" s="6" t="s">
        <v>27903</v>
      </c>
      <c r="D27249" s="6"/>
      <c r="E27249" s="6" t="s">
        <v>18740</v>
      </c>
      <c r="F27249" s="7"/>
      <c r="G27249" s="8">
        <v>1165996</v>
      </c>
      <c r="H27249" s="8">
        <v>1165996</v>
      </c>
      <c r="I27249" s="8">
        <v>0</v>
      </c>
      <c r="J27249" s="8">
        <v>1165996</v>
      </c>
      <c r="K27249" s="9">
        <v>228.09</v>
      </c>
      <c r="L27249" s="6" t="s">
        <v>10</v>
      </c>
    </row>
    <row r="27250" spans="1:12">
      <c r="A27250" s="6" t="s">
        <v>27904</v>
      </c>
      <c r="B27250" s="6"/>
      <c r="C27250" s="6" t="s">
        <v>27905</v>
      </c>
      <c r="D27250" s="6"/>
      <c r="E27250" s="6" t="s">
        <v>18740</v>
      </c>
      <c r="F27250" s="7"/>
      <c r="G27250" s="8">
        <v>50659</v>
      </c>
      <c r="H27250" s="8">
        <v>50659</v>
      </c>
      <c r="I27250" s="8">
        <v>0</v>
      </c>
      <c r="J27250" s="8">
        <v>50659</v>
      </c>
      <c r="K27250" s="9">
        <v>9.91</v>
      </c>
      <c r="L27250" s="6" t="s">
        <v>6094</v>
      </c>
    </row>
    <row r="27251" spans="1:12">
      <c r="A27251" s="6" t="s">
        <v>27904</v>
      </c>
      <c r="B27251" s="6"/>
      <c r="C27251" s="6" t="s">
        <v>27906</v>
      </c>
      <c r="D27251" s="6"/>
      <c r="E27251" s="6" t="s">
        <v>18740</v>
      </c>
      <c r="F27251" s="7"/>
      <c r="G27251" s="8">
        <v>352728</v>
      </c>
      <c r="H27251" s="8">
        <v>352728</v>
      </c>
      <c r="I27251" s="8">
        <v>0</v>
      </c>
      <c r="J27251" s="8">
        <v>352728</v>
      </c>
      <c r="K27251" s="9">
        <v>69</v>
      </c>
      <c r="L27251" s="6" t="s">
        <v>6094</v>
      </c>
    </row>
    <row r="27252" spans="1:12">
      <c r="A27252" s="6" t="s">
        <v>27907</v>
      </c>
      <c r="B27252" s="6"/>
      <c r="C27252" s="6" t="s">
        <v>27908</v>
      </c>
      <c r="D27252" s="6"/>
      <c r="E27252" s="6" t="s">
        <v>18740</v>
      </c>
      <c r="F27252" s="7"/>
      <c r="G27252" s="8">
        <v>2450940</v>
      </c>
      <c r="H27252" s="8">
        <v>2450940</v>
      </c>
      <c r="I27252" s="8">
        <v>0</v>
      </c>
      <c r="J27252" s="8">
        <v>2450940</v>
      </c>
      <c r="K27252" s="9">
        <v>127.6</v>
      </c>
      <c r="L27252" s="6" t="s">
        <v>10</v>
      </c>
    </row>
    <row r="27253" spans="1:12">
      <c r="A27253" s="6" t="s">
        <v>27909</v>
      </c>
      <c r="B27253" s="6"/>
      <c r="C27253" s="6" t="s">
        <v>27910</v>
      </c>
      <c r="D27253" s="6"/>
      <c r="E27253" s="6" t="s">
        <v>9</v>
      </c>
      <c r="F27253" s="7"/>
      <c r="G27253" s="8">
        <v>3995</v>
      </c>
      <c r="H27253" s="8">
        <v>3995</v>
      </c>
      <c r="I27253" s="8">
        <v>0</v>
      </c>
      <c r="J27253" s="8">
        <v>3995</v>
      </c>
      <c r="K27253" s="9">
        <v>85</v>
      </c>
      <c r="L27253" s="6" t="s">
        <v>1842</v>
      </c>
    </row>
    <row r="27254" spans="1:12">
      <c r="A27254" s="6" t="s">
        <v>27911</v>
      </c>
      <c r="B27254" s="6"/>
      <c r="C27254" s="6" t="s">
        <v>27912</v>
      </c>
      <c r="D27254" s="6"/>
      <c r="E27254" s="6" t="s">
        <v>18740</v>
      </c>
      <c r="F27254" s="7"/>
      <c r="G27254" s="8">
        <v>403848</v>
      </c>
      <c r="H27254" s="8">
        <v>403848</v>
      </c>
      <c r="I27254" s="8">
        <v>0</v>
      </c>
      <c r="J27254" s="8">
        <v>403848</v>
      </c>
      <c r="K27254" s="9">
        <v>79</v>
      </c>
      <c r="L27254" s="6" t="s">
        <v>6094</v>
      </c>
    </row>
    <row r="27255" spans="1:12">
      <c r="A27255" s="6" t="s">
        <v>27913</v>
      </c>
      <c r="B27255" s="6"/>
      <c r="C27255" s="6" t="s">
        <v>27914</v>
      </c>
      <c r="D27255" s="6"/>
      <c r="E27255" s="6" t="s">
        <v>18740</v>
      </c>
      <c r="F27255" s="7"/>
      <c r="G27255" s="8">
        <v>250488</v>
      </c>
      <c r="H27255" s="8">
        <v>250488</v>
      </c>
      <c r="I27255" s="8">
        <v>0</v>
      </c>
      <c r="J27255" s="8">
        <v>250488</v>
      </c>
      <c r="K27255" s="9">
        <v>49</v>
      </c>
      <c r="L27255" s="6" t="s">
        <v>6094</v>
      </c>
    </row>
    <row r="27256" spans="1:12">
      <c r="A27256" s="6" t="s">
        <v>27915</v>
      </c>
      <c r="B27256" s="6"/>
      <c r="C27256" s="6" t="s">
        <v>27916</v>
      </c>
      <c r="D27256" s="6"/>
      <c r="E27256" s="6" t="s">
        <v>18740</v>
      </c>
      <c r="F27256" s="7"/>
      <c r="G27256" s="8">
        <v>557208</v>
      </c>
      <c r="H27256" s="8">
        <v>557208</v>
      </c>
      <c r="I27256" s="8">
        <v>0</v>
      </c>
      <c r="J27256" s="8">
        <v>557208</v>
      </c>
      <c r="K27256" s="9">
        <v>109</v>
      </c>
      <c r="L27256" s="6" t="s">
        <v>6094</v>
      </c>
    </row>
    <row r="27257" spans="1:12">
      <c r="A27257" s="6" t="s">
        <v>27917</v>
      </c>
      <c r="B27257" s="6"/>
      <c r="C27257" s="6" t="s">
        <v>27918</v>
      </c>
      <c r="D27257" s="6"/>
      <c r="E27257" s="6" t="s">
        <v>18740</v>
      </c>
      <c r="F27257" s="7"/>
      <c r="G27257" s="8">
        <v>996840</v>
      </c>
      <c r="H27257" s="8">
        <v>996840</v>
      </c>
      <c r="I27257" s="8">
        <v>0</v>
      </c>
      <c r="J27257" s="8">
        <v>996840</v>
      </c>
      <c r="K27257" s="9">
        <v>195</v>
      </c>
      <c r="L27257" s="6" t="s">
        <v>6094</v>
      </c>
    </row>
    <row r="27258" spans="1:12">
      <c r="A27258" s="6" t="s">
        <v>27919</v>
      </c>
      <c r="B27258" s="6"/>
      <c r="C27258" s="6" t="s">
        <v>27920</v>
      </c>
      <c r="D27258" s="6"/>
      <c r="E27258" s="6" t="s">
        <v>18740</v>
      </c>
      <c r="F27258" s="7"/>
      <c r="G27258" s="8">
        <v>843480</v>
      </c>
      <c r="H27258" s="8">
        <v>843480</v>
      </c>
      <c r="I27258" s="8">
        <v>0</v>
      </c>
      <c r="J27258" s="8">
        <v>843480</v>
      </c>
      <c r="K27258" s="9">
        <v>165</v>
      </c>
      <c r="L27258" s="6" t="s">
        <v>23</v>
      </c>
    </row>
    <row r="27259" spans="1:12">
      <c r="A27259" s="6" t="s">
        <v>27921</v>
      </c>
      <c r="B27259" s="6"/>
      <c r="C27259" s="6" t="s">
        <v>27922</v>
      </c>
      <c r="D27259" s="6"/>
      <c r="E27259" s="6" t="s">
        <v>18740</v>
      </c>
      <c r="F27259" s="7"/>
      <c r="G27259" s="8">
        <v>1</v>
      </c>
      <c r="H27259" s="8">
        <v>1</v>
      </c>
      <c r="I27259" s="8">
        <v>0</v>
      </c>
      <c r="J27259" s="8">
        <v>1</v>
      </c>
      <c r="K27259" s="9">
        <v>545</v>
      </c>
      <c r="L27259" s="6" t="s">
        <v>25060</v>
      </c>
    </row>
    <row r="27260" spans="1:12">
      <c r="A27260" s="6" t="s">
        <v>27923</v>
      </c>
      <c r="B27260" s="6"/>
      <c r="C27260" s="6" t="s">
        <v>27924</v>
      </c>
      <c r="D27260" s="6"/>
      <c r="E27260" s="6" t="s">
        <v>18740</v>
      </c>
      <c r="F27260" s="7"/>
      <c r="G27260" s="8">
        <v>536760</v>
      </c>
      <c r="H27260" s="8">
        <v>536760</v>
      </c>
      <c r="I27260" s="8">
        <v>0</v>
      </c>
      <c r="J27260" s="8">
        <v>536760</v>
      </c>
      <c r="K27260" s="9">
        <v>105</v>
      </c>
      <c r="L27260" s="6" t="s">
        <v>6094</v>
      </c>
    </row>
    <row r="27261" spans="1:12">
      <c r="A27261" s="6" t="s">
        <v>27925</v>
      </c>
      <c r="B27261" s="6"/>
      <c r="C27261" s="6" t="s">
        <v>27926</v>
      </c>
      <c r="D27261" s="6"/>
      <c r="E27261" s="6" t="s">
        <v>18740</v>
      </c>
      <c r="F27261" s="7"/>
      <c r="G27261" s="8">
        <v>3056976</v>
      </c>
      <c r="H27261" s="8">
        <v>3056976</v>
      </c>
      <c r="I27261" s="8">
        <v>0</v>
      </c>
      <c r="J27261" s="8">
        <v>3056976</v>
      </c>
      <c r="K27261" s="9">
        <v>598</v>
      </c>
      <c r="L27261" s="6" t="s">
        <v>6094</v>
      </c>
    </row>
    <row r="27262" spans="1:12">
      <c r="A27262" s="6" t="s">
        <v>27927</v>
      </c>
      <c r="B27262" s="6"/>
      <c r="C27262" s="6" t="s">
        <v>27928</v>
      </c>
      <c r="D27262" s="6"/>
      <c r="E27262" s="6" t="s">
        <v>18740</v>
      </c>
      <c r="F27262" s="7"/>
      <c r="G27262" s="8">
        <v>925272</v>
      </c>
      <c r="H27262" s="8">
        <v>925272</v>
      </c>
      <c r="I27262" s="8">
        <v>0</v>
      </c>
      <c r="J27262" s="8">
        <v>925272</v>
      </c>
      <c r="K27262" s="9">
        <v>181</v>
      </c>
      <c r="L27262" s="6" t="s">
        <v>6094</v>
      </c>
    </row>
    <row r="27263" spans="1:12">
      <c r="A27263" s="6" t="s">
        <v>27929</v>
      </c>
      <c r="B27263" s="6"/>
      <c r="C27263" s="6" t="s">
        <v>27930</v>
      </c>
      <c r="D27263" s="6"/>
      <c r="E27263" s="6" t="s">
        <v>18740</v>
      </c>
      <c r="F27263" s="7"/>
      <c r="G27263" s="8">
        <v>199368</v>
      </c>
      <c r="H27263" s="8">
        <v>199368</v>
      </c>
      <c r="I27263" s="8">
        <v>0</v>
      </c>
      <c r="J27263" s="8">
        <v>199368</v>
      </c>
      <c r="K27263" s="9">
        <v>39</v>
      </c>
      <c r="L27263" s="6" t="s">
        <v>6094</v>
      </c>
    </row>
    <row r="27264" spans="1:12">
      <c r="A27264" s="6" t="s">
        <v>27931</v>
      </c>
      <c r="B27264" s="6"/>
      <c r="C27264" s="6" t="s">
        <v>27932</v>
      </c>
      <c r="D27264" s="6"/>
      <c r="E27264" s="6" t="s">
        <v>18740</v>
      </c>
      <c r="F27264" s="7"/>
      <c r="G27264" s="8">
        <v>2550888</v>
      </c>
      <c r="H27264" s="8">
        <v>2550888</v>
      </c>
      <c r="I27264" s="8">
        <v>0</v>
      </c>
      <c r="J27264" s="8">
        <v>2550888</v>
      </c>
      <c r="K27264" s="9">
        <v>499</v>
      </c>
      <c r="L27264" s="6" t="s">
        <v>6094</v>
      </c>
    </row>
    <row r="27265" spans="1:12">
      <c r="A27265" s="6" t="s">
        <v>27933</v>
      </c>
      <c r="B27265" s="6"/>
      <c r="C27265" s="6" t="s">
        <v>27934</v>
      </c>
      <c r="D27265" s="6"/>
      <c r="E27265" s="6" t="s">
        <v>18740</v>
      </c>
      <c r="F27265" s="7"/>
      <c r="G27265" s="8">
        <v>419184</v>
      </c>
      <c r="H27265" s="8">
        <v>419184</v>
      </c>
      <c r="I27265" s="8">
        <v>0</v>
      </c>
      <c r="J27265" s="8">
        <v>419184</v>
      </c>
      <c r="K27265" s="9">
        <v>82</v>
      </c>
      <c r="L27265" s="6" t="s">
        <v>6094</v>
      </c>
    </row>
    <row r="27266" spans="1:12">
      <c r="A27266" s="6" t="s">
        <v>27935</v>
      </c>
      <c r="B27266" s="6"/>
      <c r="C27266" s="6" t="s">
        <v>27936</v>
      </c>
      <c r="D27266" s="6"/>
      <c r="E27266" s="6" t="s">
        <v>18740</v>
      </c>
      <c r="F27266" s="7"/>
      <c r="G27266" s="8">
        <v>623664</v>
      </c>
      <c r="H27266" s="8">
        <v>623664</v>
      </c>
      <c r="I27266" s="8">
        <v>0</v>
      </c>
      <c r="J27266" s="8">
        <v>623664</v>
      </c>
      <c r="K27266" s="9">
        <v>122</v>
      </c>
      <c r="L27266" s="6" t="s">
        <v>6094</v>
      </c>
    </row>
    <row r="27267" spans="1:12">
      <c r="A27267" s="6" t="s">
        <v>27937</v>
      </c>
      <c r="B27267" s="6"/>
      <c r="C27267" s="6" t="s">
        <v>27938</v>
      </c>
      <c r="D27267" s="6"/>
      <c r="E27267" s="6" t="s">
        <v>18740</v>
      </c>
      <c r="F27267" s="7"/>
      <c r="G27267" s="8">
        <v>419184</v>
      </c>
      <c r="H27267" s="8">
        <v>419184</v>
      </c>
      <c r="I27267" s="8">
        <v>0</v>
      </c>
      <c r="J27267" s="8">
        <v>419184</v>
      </c>
      <c r="K27267" s="9">
        <v>82</v>
      </c>
      <c r="L27267" s="6" t="s">
        <v>6094</v>
      </c>
    </row>
    <row r="27268" spans="1:12">
      <c r="A27268" s="6" t="s">
        <v>27939</v>
      </c>
      <c r="B27268" s="6"/>
      <c r="C27268" s="6" t="s">
        <v>27940</v>
      </c>
      <c r="D27268" s="6"/>
      <c r="E27268" s="6" t="s">
        <v>18740</v>
      </c>
      <c r="F27268" s="7"/>
      <c r="G27268" s="8">
        <v>705456</v>
      </c>
      <c r="H27268" s="8">
        <v>705456</v>
      </c>
      <c r="I27268" s="8">
        <v>0</v>
      </c>
      <c r="J27268" s="8">
        <v>705456</v>
      </c>
      <c r="K27268" s="9">
        <v>138</v>
      </c>
      <c r="L27268" s="6" t="s">
        <v>6094</v>
      </c>
    </row>
    <row r="27269" spans="1:12">
      <c r="A27269" s="6" t="s">
        <v>27941</v>
      </c>
      <c r="B27269" s="6"/>
      <c r="C27269" s="6" t="s">
        <v>27942</v>
      </c>
      <c r="D27269" s="6"/>
      <c r="E27269" s="6" t="s">
        <v>18740</v>
      </c>
      <c r="F27269" s="7"/>
      <c r="G27269" s="8">
        <v>1196208</v>
      </c>
      <c r="H27269" s="8">
        <v>1196208</v>
      </c>
      <c r="I27269" s="8">
        <v>0</v>
      </c>
      <c r="J27269" s="8">
        <v>1196208</v>
      </c>
      <c r="K27269" s="9">
        <v>234</v>
      </c>
      <c r="L27269" s="6" t="s">
        <v>6094</v>
      </c>
    </row>
    <row r="27270" spans="1:12">
      <c r="A27270" s="6" t="s">
        <v>27943</v>
      </c>
      <c r="B27270" s="6"/>
      <c r="C27270" s="6" t="s">
        <v>27944</v>
      </c>
      <c r="D27270" s="6"/>
      <c r="E27270" s="6" t="s">
        <v>18740</v>
      </c>
      <c r="F27270" s="7"/>
      <c r="G27270" s="8">
        <v>184032</v>
      </c>
      <c r="H27270" s="8">
        <v>184032</v>
      </c>
      <c r="I27270" s="8">
        <v>0</v>
      </c>
      <c r="J27270" s="8">
        <v>184032</v>
      </c>
      <c r="K27270" s="9">
        <v>36</v>
      </c>
      <c r="L27270" s="6" t="s">
        <v>6094</v>
      </c>
    </row>
    <row r="27271" spans="1:12">
      <c r="A27271" s="6" t="s">
        <v>27945</v>
      </c>
      <c r="B27271" s="6"/>
      <c r="C27271" s="6" t="s">
        <v>27946</v>
      </c>
      <c r="D27271" s="6"/>
      <c r="E27271" s="6" t="s">
        <v>18740</v>
      </c>
      <c r="F27271" s="7"/>
      <c r="G27271" s="8">
        <v>611</v>
      </c>
      <c r="H27271" s="8">
        <v>611</v>
      </c>
      <c r="I27271" s="8">
        <v>0</v>
      </c>
      <c r="J27271" s="8">
        <v>611</v>
      </c>
      <c r="K27271" s="9">
        <v>13</v>
      </c>
      <c r="L27271" s="6" t="s">
        <v>1842</v>
      </c>
    </row>
    <row r="27272" spans="1:12">
      <c r="A27272" s="6" t="s">
        <v>27947</v>
      </c>
      <c r="B27272" s="6"/>
      <c r="C27272" s="6" t="s">
        <v>27948</v>
      </c>
      <c r="D27272" s="6"/>
      <c r="E27272" s="6" t="s">
        <v>18740</v>
      </c>
      <c r="F27272" s="7"/>
      <c r="G27272" s="8">
        <v>1093968</v>
      </c>
      <c r="H27272" s="8">
        <v>1093968</v>
      </c>
      <c r="I27272" s="8">
        <v>0</v>
      </c>
      <c r="J27272" s="8">
        <v>1093968</v>
      </c>
      <c r="K27272" s="9">
        <v>214</v>
      </c>
      <c r="L27272" s="6" t="s">
        <v>6094</v>
      </c>
    </row>
    <row r="27273" spans="1:12">
      <c r="A27273" s="6" t="s">
        <v>27949</v>
      </c>
      <c r="B27273" s="6"/>
      <c r="C27273" s="6" t="s">
        <v>27950</v>
      </c>
      <c r="D27273" s="6"/>
      <c r="E27273" s="6" t="s">
        <v>18740</v>
      </c>
      <c r="F27273" s="7"/>
      <c r="G27273" s="8">
        <v>50659</v>
      </c>
      <c r="H27273" s="8">
        <v>50659</v>
      </c>
      <c r="I27273" s="8">
        <v>0</v>
      </c>
      <c r="J27273" s="8">
        <v>50659</v>
      </c>
      <c r="K27273" s="9">
        <v>9.91</v>
      </c>
      <c r="L27273" s="6" t="s">
        <v>23</v>
      </c>
    </row>
    <row r="27274" spans="1:12">
      <c r="A27274" s="6" t="s">
        <v>27951</v>
      </c>
      <c r="B27274" s="6"/>
      <c r="C27274" s="6" t="s">
        <v>27952</v>
      </c>
      <c r="D27274" s="6"/>
      <c r="E27274" s="6" t="s">
        <v>9</v>
      </c>
      <c r="F27274" s="7"/>
      <c r="G27274" s="8">
        <v>414</v>
      </c>
      <c r="H27274" s="8">
        <v>414</v>
      </c>
      <c r="I27274" s="8">
        <v>0</v>
      </c>
      <c r="J27274" s="8">
        <v>414</v>
      </c>
      <c r="K27274" s="9">
        <v>46</v>
      </c>
      <c r="L27274" s="6" t="s">
        <v>6099</v>
      </c>
    </row>
    <row r="27275" spans="1:12">
      <c r="A27275" s="6" t="s">
        <v>27953</v>
      </c>
      <c r="B27275" s="6"/>
      <c r="C27275" s="6" t="s">
        <v>27954</v>
      </c>
      <c r="D27275" s="6"/>
      <c r="E27275" s="6" t="s">
        <v>18740</v>
      </c>
      <c r="F27275" s="7"/>
      <c r="G27275" s="8">
        <v>3409704</v>
      </c>
      <c r="H27275" s="8">
        <v>3409704</v>
      </c>
      <c r="I27275" s="8">
        <v>0</v>
      </c>
      <c r="J27275" s="8">
        <v>3409704</v>
      </c>
      <c r="K27275" s="9">
        <v>667</v>
      </c>
      <c r="L27275" s="6" t="s">
        <v>6094</v>
      </c>
    </row>
    <row r="27276" spans="1:12">
      <c r="A27276" s="6" t="s">
        <v>27955</v>
      </c>
      <c r="B27276" s="6"/>
      <c r="C27276" s="6" t="s">
        <v>27956</v>
      </c>
      <c r="D27276" s="6"/>
      <c r="E27276" s="6" t="s">
        <v>18740</v>
      </c>
      <c r="F27276" s="7"/>
      <c r="G27276" s="8">
        <v>286272</v>
      </c>
      <c r="H27276" s="8">
        <v>286272</v>
      </c>
      <c r="I27276" s="8">
        <v>0</v>
      </c>
      <c r="J27276" s="8">
        <v>286272</v>
      </c>
      <c r="K27276" s="9">
        <v>56</v>
      </c>
      <c r="L27276" s="6" t="s">
        <v>6094</v>
      </c>
    </row>
    <row r="27277" spans="1:12">
      <c r="A27277" s="6" t="s">
        <v>27957</v>
      </c>
      <c r="B27277" s="6"/>
      <c r="C27277" s="6" t="s">
        <v>27958</v>
      </c>
      <c r="D27277" s="6"/>
      <c r="E27277" s="6" t="s">
        <v>18740</v>
      </c>
      <c r="F27277" s="7"/>
      <c r="G27277" s="8">
        <v>1451808</v>
      </c>
      <c r="H27277" s="8">
        <v>1451808</v>
      </c>
      <c r="I27277" s="8">
        <v>0</v>
      </c>
      <c r="J27277" s="8">
        <v>1451808</v>
      </c>
      <c r="K27277" s="9">
        <v>284</v>
      </c>
      <c r="L27277" s="6" t="s">
        <v>6094</v>
      </c>
    </row>
    <row r="27278" spans="1:12">
      <c r="A27278" s="6" t="s">
        <v>27957</v>
      </c>
      <c r="B27278" s="6"/>
      <c r="C27278" s="6" t="s">
        <v>27959</v>
      </c>
      <c r="D27278" s="6"/>
      <c r="E27278" s="6" t="s">
        <v>18740</v>
      </c>
      <c r="F27278" s="7"/>
      <c r="G27278" s="8">
        <v>1722744</v>
      </c>
      <c r="H27278" s="8">
        <v>1722744</v>
      </c>
      <c r="I27278" s="8">
        <v>0</v>
      </c>
      <c r="J27278" s="8">
        <v>1722744</v>
      </c>
      <c r="K27278" s="9">
        <v>337</v>
      </c>
      <c r="L27278" s="6" t="s">
        <v>6094</v>
      </c>
    </row>
    <row r="27279" spans="1:12">
      <c r="A27279" s="6" t="s">
        <v>27960</v>
      </c>
      <c r="B27279" s="6"/>
      <c r="C27279" s="6" t="s">
        <v>27961</v>
      </c>
      <c r="D27279" s="6"/>
      <c r="E27279" s="6" t="s">
        <v>18740</v>
      </c>
      <c r="F27279" s="7"/>
      <c r="G27279" s="8">
        <v>1015911</v>
      </c>
      <c r="H27279" s="8">
        <v>1015911</v>
      </c>
      <c r="I27279" s="8">
        <v>0</v>
      </c>
      <c r="J27279" s="8">
        <v>1015911</v>
      </c>
      <c r="K27279" s="9">
        <v>52.89</v>
      </c>
      <c r="L27279" s="6" t="s">
        <v>10</v>
      </c>
    </row>
    <row r="27280" spans="1:12">
      <c r="A27280" s="6" t="s">
        <v>27962</v>
      </c>
      <c r="B27280" s="6"/>
      <c r="C27280" s="6" t="s">
        <v>27963</v>
      </c>
      <c r="D27280" s="6"/>
      <c r="E27280" s="6" t="s">
        <v>18740</v>
      </c>
      <c r="F27280" s="7"/>
      <c r="G27280" s="8">
        <v>1482480</v>
      </c>
      <c r="H27280" s="8">
        <v>1482480</v>
      </c>
      <c r="I27280" s="8">
        <v>0</v>
      </c>
      <c r="J27280" s="8">
        <v>1482480</v>
      </c>
      <c r="K27280" s="9">
        <v>290</v>
      </c>
      <c r="L27280" s="6" t="s">
        <v>6094</v>
      </c>
    </row>
    <row r="27281" spans="1:12">
      <c r="A27281" s="6" t="s">
        <v>27964</v>
      </c>
      <c r="B27281" s="6"/>
      <c r="C27281" s="6" t="s">
        <v>27965</v>
      </c>
      <c r="D27281" s="6"/>
      <c r="E27281" s="6" t="s">
        <v>18740</v>
      </c>
      <c r="F27281" s="7"/>
      <c r="G27281" s="8">
        <v>3987360</v>
      </c>
      <c r="H27281" s="8">
        <v>3987360</v>
      </c>
      <c r="I27281" s="8">
        <v>0</v>
      </c>
      <c r="J27281" s="8">
        <v>3987360</v>
      </c>
      <c r="K27281" s="9">
        <v>780</v>
      </c>
      <c r="L27281" s="6" t="s">
        <v>6094</v>
      </c>
    </row>
    <row r="27282" spans="1:12">
      <c r="A27282" s="6" t="s">
        <v>27966</v>
      </c>
      <c r="B27282" s="6"/>
      <c r="C27282" s="6" t="s">
        <v>27967</v>
      </c>
      <c r="D27282" s="6"/>
      <c r="E27282" s="6" t="s">
        <v>18740</v>
      </c>
      <c r="F27282" s="7"/>
      <c r="G27282" s="8">
        <v>909936</v>
      </c>
      <c r="H27282" s="8">
        <v>909936</v>
      </c>
      <c r="I27282" s="8">
        <v>0</v>
      </c>
      <c r="J27282" s="8">
        <v>909936</v>
      </c>
      <c r="K27282" s="9">
        <v>178</v>
      </c>
      <c r="L27282" s="6" t="s">
        <v>6094</v>
      </c>
    </row>
    <row r="27283" spans="1:12">
      <c r="A27283" s="6" t="s">
        <v>27968</v>
      </c>
      <c r="B27283" s="6"/>
      <c r="C27283" s="6" t="s">
        <v>27969</v>
      </c>
      <c r="D27283" s="6"/>
      <c r="E27283" s="6" t="s">
        <v>18740</v>
      </c>
      <c r="F27283" s="7"/>
      <c r="G27283" s="8">
        <v>2060136</v>
      </c>
      <c r="H27283" s="8">
        <v>2060136</v>
      </c>
      <c r="I27283" s="8">
        <v>0</v>
      </c>
      <c r="J27283" s="8">
        <v>2060136</v>
      </c>
      <c r="K27283" s="9">
        <v>403</v>
      </c>
      <c r="L27283" s="6" t="s">
        <v>6094</v>
      </c>
    </row>
    <row r="27284" spans="1:12">
      <c r="A27284" s="6" t="s">
        <v>27970</v>
      </c>
      <c r="B27284" s="6"/>
      <c r="C27284" s="6" t="s">
        <v>27971</v>
      </c>
      <c r="D27284" s="6"/>
      <c r="E27284" s="6" t="s">
        <v>18740</v>
      </c>
      <c r="F27284" s="7"/>
      <c r="G27284" s="8">
        <v>214704</v>
      </c>
      <c r="H27284" s="8">
        <v>214704</v>
      </c>
      <c r="I27284" s="8">
        <v>0</v>
      </c>
      <c r="J27284" s="8">
        <v>214704</v>
      </c>
      <c r="K27284" s="9">
        <v>42</v>
      </c>
      <c r="L27284" s="6" t="s">
        <v>6094</v>
      </c>
    </row>
    <row r="27285" spans="1:12">
      <c r="A27285" s="6" t="s">
        <v>27972</v>
      </c>
      <c r="B27285" s="6"/>
      <c r="C27285" s="6" t="s">
        <v>27973</v>
      </c>
      <c r="D27285" s="6"/>
      <c r="E27285" s="6" t="s">
        <v>18740</v>
      </c>
      <c r="F27285" s="7"/>
      <c r="G27285" s="8">
        <v>132912</v>
      </c>
      <c r="H27285" s="8">
        <v>132912</v>
      </c>
      <c r="I27285" s="8">
        <v>0</v>
      </c>
      <c r="J27285" s="8">
        <v>132912</v>
      </c>
      <c r="K27285" s="9">
        <v>26</v>
      </c>
      <c r="L27285" s="6" t="s">
        <v>6094</v>
      </c>
    </row>
    <row r="27286" spans="1:12">
      <c r="A27286" s="6" t="s">
        <v>27974</v>
      </c>
      <c r="B27286" s="6"/>
      <c r="C27286" s="6" t="s">
        <v>27975</v>
      </c>
      <c r="D27286" s="6"/>
      <c r="E27286" s="6" t="s">
        <v>18740</v>
      </c>
      <c r="F27286" s="7"/>
      <c r="G27286" s="8">
        <v>378</v>
      </c>
      <c r="H27286" s="8">
        <v>378</v>
      </c>
      <c r="I27286" s="8">
        <v>0</v>
      </c>
      <c r="J27286" s="8">
        <v>378</v>
      </c>
      <c r="K27286" s="9">
        <v>42</v>
      </c>
      <c r="L27286" s="6" t="s">
        <v>6099</v>
      </c>
    </row>
    <row r="27287" spans="1:12">
      <c r="A27287" s="6" t="s">
        <v>27976</v>
      </c>
      <c r="B27287" s="6"/>
      <c r="C27287" s="6" t="s">
        <v>27977</v>
      </c>
      <c r="D27287" s="6"/>
      <c r="E27287" s="6" t="s">
        <v>18740</v>
      </c>
      <c r="F27287" s="7"/>
      <c r="G27287" s="8">
        <v>4830840</v>
      </c>
      <c r="H27287" s="8">
        <v>4830840</v>
      </c>
      <c r="I27287" s="8">
        <v>0</v>
      </c>
      <c r="J27287" s="8">
        <v>4830840</v>
      </c>
      <c r="K27287" s="9">
        <v>945</v>
      </c>
      <c r="L27287" s="6" t="s">
        <v>6094</v>
      </c>
    </row>
    <row r="27288" spans="1:12">
      <c r="A27288" s="6" t="s">
        <v>27978</v>
      </c>
      <c r="B27288" s="6"/>
      <c r="C27288" s="6" t="s">
        <v>27979</v>
      </c>
      <c r="D27288" s="6"/>
      <c r="E27288" s="6" t="s">
        <v>18740</v>
      </c>
      <c r="F27288" s="7"/>
      <c r="G27288" s="8">
        <v>1012176</v>
      </c>
      <c r="H27288" s="8">
        <v>1012176</v>
      </c>
      <c r="I27288" s="8">
        <v>0</v>
      </c>
      <c r="J27288" s="8">
        <v>1012176</v>
      </c>
      <c r="K27288" s="9">
        <v>198</v>
      </c>
      <c r="L27288" s="6" t="s">
        <v>6094</v>
      </c>
    </row>
    <row r="27289" spans="1:12">
      <c r="A27289" s="6" t="s">
        <v>27980</v>
      </c>
      <c r="B27289" s="6"/>
      <c r="C27289" s="6" t="s">
        <v>27981</v>
      </c>
      <c r="D27289" s="6"/>
      <c r="E27289" s="6" t="s">
        <v>18740</v>
      </c>
      <c r="F27289" s="7"/>
      <c r="G27289" s="8">
        <v>1</v>
      </c>
      <c r="H27289" s="8">
        <v>1</v>
      </c>
      <c r="I27289" s="8">
        <v>0</v>
      </c>
      <c r="J27289" s="8">
        <v>1</v>
      </c>
      <c r="K27289" s="9">
        <v>198</v>
      </c>
      <c r="L27289" s="6" t="s">
        <v>25060</v>
      </c>
    </row>
    <row r="27290" spans="1:12">
      <c r="A27290" s="6" t="s">
        <v>27982</v>
      </c>
      <c r="B27290" s="6"/>
      <c r="C27290" s="6" t="s">
        <v>27983</v>
      </c>
      <c r="D27290" s="6"/>
      <c r="E27290" s="6" t="s">
        <v>18740</v>
      </c>
      <c r="F27290" s="7"/>
      <c r="G27290" s="8">
        <v>35991</v>
      </c>
      <c r="H27290" s="8">
        <v>35991</v>
      </c>
      <c r="I27290" s="8">
        <v>0</v>
      </c>
      <c r="J27290" s="8">
        <v>35991</v>
      </c>
      <c r="K27290" s="9">
        <v>3999</v>
      </c>
      <c r="L27290" s="6" t="s">
        <v>4088</v>
      </c>
    </row>
    <row r="27291" spans="1:12">
      <c r="A27291" s="6" t="s">
        <v>27984</v>
      </c>
      <c r="B27291" s="6"/>
      <c r="C27291" s="6" t="s">
        <v>27985</v>
      </c>
      <c r="D27291" s="6"/>
      <c r="E27291" s="6" t="s">
        <v>18740</v>
      </c>
      <c r="F27291" s="7"/>
      <c r="G27291" s="8">
        <v>894600</v>
      </c>
      <c r="H27291" s="8">
        <v>894600</v>
      </c>
      <c r="I27291" s="8">
        <v>0</v>
      </c>
      <c r="J27291" s="8">
        <v>894600</v>
      </c>
      <c r="K27291" s="9">
        <v>175</v>
      </c>
      <c r="L27291" s="6" t="s">
        <v>23</v>
      </c>
    </row>
    <row r="27292" spans="1:12">
      <c r="A27292" s="6" t="s">
        <v>27986</v>
      </c>
      <c r="B27292" s="6"/>
      <c r="C27292" s="6" t="s">
        <v>27987</v>
      </c>
      <c r="D27292" s="6"/>
      <c r="E27292" s="6" t="s">
        <v>18740</v>
      </c>
      <c r="F27292" s="7"/>
      <c r="G27292" s="8">
        <v>2176</v>
      </c>
      <c r="H27292" s="8">
        <v>2176</v>
      </c>
      <c r="I27292" s="8">
        <v>0</v>
      </c>
      <c r="J27292" s="8">
        <v>2176</v>
      </c>
      <c r="K27292" s="9">
        <v>128</v>
      </c>
      <c r="L27292" s="6" t="s">
        <v>16860</v>
      </c>
    </row>
    <row r="27293" spans="1:12">
      <c r="A27293" s="6" t="s">
        <v>27988</v>
      </c>
      <c r="B27293" s="6"/>
      <c r="C27293" s="6" t="s">
        <v>27989</v>
      </c>
      <c r="D27293" s="6"/>
      <c r="E27293" s="6" t="s">
        <v>18740</v>
      </c>
      <c r="F27293" s="7"/>
      <c r="G27293" s="8">
        <v>1</v>
      </c>
      <c r="H27293" s="8">
        <v>1</v>
      </c>
      <c r="I27293" s="8">
        <v>0</v>
      </c>
      <c r="J27293" s="8">
        <v>1</v>
      </c>
      <c r="K27293" s="9">
        <v>264</v>
      </c>
      <c r="L27293" s="6" t="s">
        <v>23</v>
      </c>
    </row>
    <row r="27294" spans="1:12">
      <c r="A27294" s="6" t="s">
        <v>27990</v>
      </c>
      <c r="B27294" s="6"/>
      <c r="C27294" s="6" t="s">
        <v>27991</v>
      </c>
      <c r="D27294" s="6"/>
      <c r="E27294" s="6" t="s">
        <v>18740</v>
      </c>
      <c r="F27294" s="7"/>
      <c r="G27294" s="8">
        <v>594</v>
      </c>
      <c r="H27294" s="8">
        <v>594</v>
      </c>
      <c r="I27294" s="8">
        <v>0</v>
      </c>
      <c r="J27294" s="8">
        <v>594</v>
      </c>
      <c r="K27294" s="9">
        <v>66</v>
      </c>
      <c r="L27294" s="6" t="s">
        <v>4088</v>
      </c>
    </row>
    <row r="27295" spans="1:12">
      <c r="A27295" s="6" t="s">
        <v>27992</v>
      </c>
      <c r="B27295" s="6"/>
      <c r="C27295" s="6" t="s">
        <v>27993</v>
      </c>
      <c r="D27295" s="6"/>
      <c r="E27295" s="6" t="s">
        <v>18740</v>
      </c>
      <c r="F27295" s="7"/>
      <c r="G27295" s="8">
        <v>828</v>
      </c>
      <c r="H27295" s="8">
        <v>828</v>
      </c>
      <c r="I27295" s="8">
        <v>0</v>
      </c>
      <c r="J27295" s="8">
        <v>828</v>
      </c>
      <c r="K27295" s="9">
        <v>92</v>
      </c>
      <c r="L27295" s="6" t="s">
        <v>4088</v>
      </c>
    </row>
    <row r="27296" spans="1:12">
      <c r="A27296" s="6" t="s">
        <v>27994</v>
      </c>
      <c r="B27296" s="6"/>
      <c r="C27296" s="6" t="s">
        <v>27995</v>
      </c>
      <c r="D27296" s="6"/>
      <c r="E27296" s="6" t="s">
        <v>18740</v>
      </c>
      <c r="F27296" s="7"/>
      <c r="G27296" s="8">
        <v>1</v>
      </c>
      <c r="H27296" s="8">
        <v>1</v>
      </c>
      <c r="I27296" s="8">
        <v>0</v>
      </c>
      <c r="J27296" s="8">
        <v>1</v>
      </c>
      <c r="K27296" s="9">
        <v>809</v>
      </c>
      <c r="L27296" s="6" t="s">
        <v>4088</v>
      </c>
    </row>
    <row r="27297" spans="1:12">
      <c r="A27297" s="6" t="s">
        <v>27996</v>
      </c>
      <c r="B27297" s="6"/>
      <c r="C27297" s="6" t="s">
        <v>27997</v>
      </c>
      <c r="D27297" s="6"/>
      <c r="E27297" s="6" t="s">
        <v>18740</v>
      </c>
      <c r="F27297" s="7"/>
      <c r="G27297" s="8">
        <v>1</v>
      </c>
      <c r="H27297" s="8">
        <v>1</v>
      </c>
      <c r="I27297" s="8">
        <v>0</v>
      </c>
      <c r="J27297" s="8">
        <v>1</v>
      </c>
      <c r="K27297" s="9">
        <v>264</v>
      </c>
      <c r="L27297" s="6" t="s">
        <v>25060</v>
      </c>
    </row>
    <row r="27298" spans="1:12">
      <c r="A27298" s="6" t="s">
        <v>27998</v>
      </c>
      <c r="B27298" s="6"/>
      <c r="C27298" s="6" t="s">
        <v>27999</v>
      </c>
      <c r="D27298" s="6"/>
      <c r="E27298" s="6" t="s">
        <v>18740</v>
      </c>
      <c r="F27298" s="7"/>
      <c r="G27298" s="8">
        <v>4635</v>
      </c>
      <c r="H27298" s="8">
        <v>4635</v>
      </c>
      <c r="I27298" s="8">
        <v>0</v>
      </c>
      <c r="J27298" s="8">
        <v>4635</v>
      </c>
      <c r="K27298" s="9">
        <v>515</v>
      </c>
      <c r="L27298" s="6" t="s">
        <v>4088</v>
      </c>
    </row>
    <row r="27299" spans="1:12">
      <c r="A27299" s="6" t="s">
        <v>28000</v>
      </c>
      <c r="B27299" s="6"/>
      <c r="C27299" s="6" t="s">
        <v>28001</v>
      </c>
      <c r="D27299" s="6"/>
      <c r="E27299" s="6" t="s">
        <v>18740</v>
      </c>
      <c r="F27299" s="7"/>
      <c r="G27299" s="8">
        <v>1</v>
      </c>
      <c r="H27299" s="8">
        <v>1</v>
      </c>
      <c r="I27299" s="8">
        <v>0</v>
      </c>
      <c r="J27299" s="8">
        <v>1</v>
      </c>
      <c r="K27299" s="9">
        <v>132</v>
      </c>
      <c r="L27299" s="6" t="s">
        <v>25060</v>
      </c>
    </row>
    <row r="27300" spans="1:12">
      <c r="A27300" s="6" t="s">
        <v>28002</v>
      </c>
      <c r="B27300" s="6"/>
      <c r="C27300" s="6" t="s">
        <v>28003</v>
      </c>
      <c r="D27300" s="6"/>
      <c r="E27300" s="6" t="s">
        <v>18740</v>
      </c>
      <c r="F27300" s="7"/>
      <c r="G27300" s="8">
        <v>1782</v>
      </c>
      <c r="H27300" s="8">
        <v>1782</v>
      </c>
      <c r="I27300" s="8">
        <v>0</v>
      </c>
      <c r="J27300" s="8">
        <v>1782</v>
      </c>
      <c r="K27300" s="9">
        <v>198</v>
      </c>
      <c r="L27300" s="6" t="s">
        <v>4088</v>
      </c>
    </row>
    <row r="27301" spans="1:12">
      <c r="A27301" s="6" t="s">
        <v>28004</v>
      </c>
      <c r="B27301" s="6"/>
      <c r="C27301" s="6" t="s">
        <v>28005</v>
      </c>
      <c r="D27301" s="6"/>
      <c r="E27301" s="6" t="s">
        <v>18740</v>
      </c>
      <c r="F27301" s="7"/>
      <c r="G27301" s="8">
        <v>1188</v>
      </c>
      <c r="H27301" s="8">
        <v>1188</v>
      </c>
      <c r="I27301" s="8">
        <v>0</v>
      </c>
      <c r="J27301" s="8">
        <v>1188</v>
      </c>
      <c r="K27301" s="9">
        <v>132</v>
      </c>
      <c r="L27301" s="6" t="s">
        <v>4088</v>
      </c>
    </row>
    <row r="27302" spans="1:12">
      <c r="A27302" s="6" t="s">
        <v>28006</v>
      </c>
      <c r="B27302" s="6"/>
      <c r="C27302" s="6" t="s">
        <v>28007</v>
      </c>
      <c r="D27302" s="6"/>
      <c r="E27302" s="6" t="s">
        <v>18740</v>
      </c>
      <c r="F27302" s="7"/>
      <c r="G27302" s="8">
        <v>4642</v>
      </c>
      <c r="H27302" s="8">
        <v>4642</v>
      </c>
      <c r="I27302" s="8">
        <v>0</v>
      </c>
      <c r="J27302" s="8">
        <v>4642</v>
      </c>
      <c r="K27302" s="9">
        <v>211</v>
      </c>
      <c r="L27302" s="6" t="s">
        <v>28008</v>
      </c>
    </row>
    <row r="27303" spans="1:12">
      <c r="A27303" s="6" t="s">
        <v>28009</v>
      </c>
      <c r="B27303" s="6"/>
      <c r="C27303" s="6" t="s">
        <v>28010</v>
      </c>
      <c r="D27303" s="6"/>
      <c r="E27303" s="6" t="s">
        <v>18740</v>
      </c>
      <c r="F27303" s="7"/>
      <c r="G27303" s="8">
        <v>22525</v>
      </c>
      <c r="H27303" s="8">
        <v>22525</v>
      </c>
      <c r="I27303" s="8">
        <v>0</v>
      </c>
      <c r="J27303" s="8">
        <v>22525</v>
      </c>
      <c r="K27303" s="9">
        <v>1325</v>
      </c>
      <c r="L27303" s="6" t="s">
        <v>16860</v>
      </c>
    </row>
    <row r="27304" spans="1:12">
      <c r="A27304" s="6" t="s">
        <v>28011</v>
      </c>
      <c r="B27304" s="6"/>
      <c r="C27304" s="6" t="s">
        <v>28012</v>
      </c>
      <c r="D27304" s="6"/>
      <c r="E27304" s="6" t="s">
        <v>18740</v>
      </c>
      <c r="F27304" s="7"/>
      <c r="G27304" s="8">
        <v>1904</v>
      </c>
      <c r="H27304" s="8">
        <v>1904</v>
      </c>
      <c r="I27304" s="8">
        <v>0</v>
      </c>
      <c r="J27304" s="8">
        <v>1904</v>
      </c>
      <c r="K27304" s="9">
        <v>112</v>
      </c>
      <c r="L27304" s="6" t="s">
        <v>16860</v>
      </c>
    </row>
    <row r="27305" spans="1:12">
      <c r="A27305" s="6" t="s">
        <v>28013</v>
      </c>
      <c r="B27305" s="6"/>
      <c r="C27305" s="6" t="s">
        <v>28014</v>
      </c>
      <c r="D27305" s="6"/>
      <c r="E27305" s="6" t="s">
        <v>18740</v>
      </c>
      <c r="F27305" s="7"/>
      <c r="G27305" s="8">
        <v>5049</v>
      </c>
      <c r="H27305" s="8">
        <v>5049</v>
      </c>
      <c r="I27305" s="8">
        <v>0</v>
      </c>
      <c r="J27305" s="8">
        <v>5049</v>
      </c>
      <c r="K27305" s="9">
        <v>561</v>
      </c>
      <c r="L27305" s="6" t="s">
        <v>4088</v>
      </c>
    </row>
    <row r="27306" spans="1:12">
      <c r="A27306" s="6" t="s">
        <v>28015</v>
      </c>
      <c r="B27306" s="6"/>
      <c r="C27306" s="6" t="s">
        <v>28016</v>
      </c>
      <c r="D27306" s="6"/>
      <c r="E27306" s="6" t="s">
        <v>18740</v>
      </c>
      <c r="F27306" s="7"/>
      <c r="G27306" s="8">
        <v>2907</v>
      </c>
      <c r="H27306" s="8">
        <v>2907</v>
      </c>
      <c r="I27306" s="8">
        <v>0</v>
      </c>
      <c r="J27306" s="8">
        <v>2907</v>
      </c>
      <c r="K27306" s="9">
        <v>323</v>
      </c>
      <c r="L27306" s="6" t="s">
        <v>4088</v>
      </c>
    </row>
    <row r="27307" spans="1:12">
      <c r="A27307" s="6" t="s">
        <v>28017</v>
      </c>
      <c r="B27307" s="6"/>
      <c r="C27307" s="6" t="s">
        <v>28018</v>
      </c>
      <c r="D27307" s="6"/>
      <c r="E27307" s="6" t="s">
        <v>18740</v>
      </c>
      <c r="F27307" s="7"/>
      <c r="G27307" s="8">
        <v>4752</v>
      </c>
      <c r="H27307" s="8">
        <v>4752</v>
      </c>
      <c r="I27307" s="8">
        <v>0</v>
      </c>
      <c r="J27307" s="8">
        <v>4752</v>
      </c>
      <c r="K27307" s="9">
        <v>528</v>
      </c>
      <c r="L27307" s="6" t="s">
        <v>4088</v>
      </c>
    </row>
    <row r="27308" spans="1:12">
      <c r="A27308" s="6" t="s">
        <v>28019</v>
      </c>
      <c r="B27308" s="6"/>
      <c r="C27308" s="6" t="s">
        <v>28020</v>
      </c>
      <c r="D27308" s="6"/>
      <c r="E27308" s="6" t="s">
        <v>18740</v>
      </c>
      <c r="F27308" s="7"/>
      <c r="G27308" s="8">
        <v>1</v>
      </c>
      <c r="H27308" s="8">
        <v>1</v>
      </c>
      <c r="I27308" s="8">
        <v>0</v>
      </c>
      <c r="J27308" s="8">
        <v>1</v>
      </c>
      <c r="K27308" s="9">
        <v>99</v>
      </c>
      <c r="L27308" s="6" t="s">
        <v>25060</v>
      </c>
    </row>
    <row r="27309" spans="1:12">
      <c r="A27309" s="6" t="s">
        <v>28021</v>
      </c>
      <c r="B27309" s="6"/>
      <c r="C27309" s="6" t="s">
        <v>28022</v>
      </c>
      <c r="D27309" s="6"/>
      <c r="E27309" s="6" t="s">
        <v>18740</v>
      </c>
      <c r="F27309" s="7"/>
      <c r="G27309" s="8">
        <v>891</v>
      </c>
      <c r="H27309" s="8">
        <v>891</v>
      </c>
      <c r="I27309" s="8">
        <v>0</v>
      </c>
      <c r="J27309" s="8">
        <v>891</v>
      </c>
      <c r="K27309" s="9">
        <v>99</v>
      </c>
      <c r="L27309" s="6" t="s">
        <v>4088</v>
      </c>
    </row>
    <row r="27310" spans="1:12">
      <c r="A27310" s="6" t="s">
        <v>28023</v>
      </c>
      <c r="B27310" s="6"/>
      <c r="C27310" s="6" t="s">
        <v>28024</v>
      </c>
      <c r="D27310" s="6"/>
      <c r="E27310" s="6" t="s">
        <v>18740</v>
      </c>
      <c r="F27310" s="7"/>
      <c r="G27310" s="8">
        <v>34803</v>
      </c>
      <c r="H27310" s="8">
        <v>34803</v>
      </c>
      <c r="I27310" s="8">
        <v>0</v>
      </c>
      <c r="J27310" s="8">
        <v>34803</v>
      </c>
      <c r="K27310" s="9">
        <v>3867</v>
      </c>
      <c r="L27310" s="6" t="s">
        <v>4088</v>
      </c>
    </row>
    <row r="27311" spans="1:12">
      <c r="A27311" s="6" t="s">
        <v>28025</v>
      </c>
      <c r="B27311" s="6"/>
      <c r="C27311" s="6" t="s">
        <v>28026</v>
      </c>
      <c r="D27311" s="6"/>
      <c r="E27311" s="6" t="s">
        <v>18740</v>
      </c>
      <c r="F27311" s="7"/>
      <c r="G27311" s="8">
        <v>1</v>
      </c>
      <c r="H27311" s="8">
        <v>1</v>
      </c>
      <c r="I27311" s="8">
        <v>0</v>
      </c>
      <c r="J27311" s="8">
        <v>1</v>
      </c>
      <c r="K27311" s="9">
        <v>793</v>
      </c>
      <c r="L27311" s="6" t="s">
        <v>25060</v>
      </c>
    </row>
    <row r="27312" spans="1:12">
      <c r="A27312" s="6" t="s">
        <v>28027</v>
      </c>
      <c r="B27312" s="6"/>
      <c r="C27312" s="6" t="s">
        <v>28028</v>
      </c>
      <c r="D27312" s="6"/>
      <c r="E27312" s="6" t="s">
        <v>18740</v>
      </c>
      <c r="F27312" s="7"/>
      <c r="G27312" s="8">
        <v>738</v>
      </c>
      <c r="H27312" s="8">
        <v>738</v>
      </c>
      <c r="I27312" s="8">
        <v>0</v>
      </c>
      <c r="J27312" s="8">
        <v>738</v>
      </c>
      <c r="K27312" s="9">
        <v>82</v>
      </c>
      <c r="L27312" s="6" t="s">
        <v>4088</v>
      </c>
    </row>
    <row r="27313" spans="1:12">
      <c r="A27313" s="6" t="s">
        <v>28029</v>
      </c>
      <c r="B27313" s="6"/>
      <c r="C27313" s="6" t="s">
        <v>28030</v>
      </c>
      <c r="D27313" s="6"/>
      <c r="E27313" s="6" t="s">
        <v>18740</v>
      </c>
      <c r="F27313" s="7"/>
      <c r="G27313" s="8">
        <v>1836</v>
      </c>
      <c r="H27313" s="8">
        <v>1836</v>
      </c>
      <c r="I27313" s="8">
        <v>0</v>
      </c>
      <c r="J27313" s="8">
        <v>1836</v>
      </c>
      <c r="K27313" s="9">
        <v>204</v>
      </c>
      <c r="L27313" s="6" t="s">
        <v>4088</v>
      </c>
    </row>
    <row r="27314" spans="1:12">
      <c r="A27314" s="6" t="s">
        <v>28031</v>
      </c>
      <c r="B27314" s="6"/>
      <c r="C27314" s="6" t="s">
        <v>28032</v>
      </c>
      <c r="D27314" s="6"/>
      <c r="E27314" s="6" t="s">
        <v>18740</v>
      </c>
      <c r="F27314" s="7"/>
      <c r="G27314" s="8">
        <v>1125</v>
      </c>
      <c r="H27314" s="8">
        <v>1125</v>
      </c>
      <c r="I27314" s="8">
        <v>0</v>
      </c>
      <c r="J27314" s="8">
        <v>1125</v>
      </c>
      <c r="K27314" s="9">
        <v>125</v>
      </c>
      <c r="L27314" s="6" t="s">
        <v>4088</v>
      </c>
    </row>
    <row r="27315" spans="1:12">
      <c r="A27315" s="6" t="s">
        <v>28033</v>
      </c>
      <c r="B27315" s="6"/>
      <c r="C27315" s="6" t="s">
        <v>28034</v>
      </c>
      <c r="D27315" s="6"/>
      <c r="E27315" s="6" t="s">
        <v>18740</v>
      </c>
      <c r="F27315" s="7"/>
      <c r="G27315" s="8">
        <v>1035</v>
      </c>
      <c r="H27315" s="8">
        <v>1035</v>
      </c>
      <c r="I27315" s="8">
        <v>0</v>
      </c>
      <c r="J27315" s="8">
        <v>1035</v>
      </c>
      <c r="K27315" s="9">
        <v>115</v>
      </c>
      <c r="L27315" s="6" t="s">
        <v>4088</v>
      </c>
    </row>
    <row r="27316" spans="1:12">
      <c r="A27316" s="6" t="s">
        <v>28035</v>
      </c>
      <c r="B27316" s="6"/>
      <c r="C27316" s="6" t="s">
        <v>28036</v>
      </c>
      <c r="D27316" s="6"/>
      <c r="E27316" s="6" t="s">
        <v>18740</v>
      </c>
      <c r="F27316" s="7"/>
      <c r="G27316" s="8">
        <v>2016</v>
      </c>
      <c r="H27316" s="8">
        <v>2016</v>
      </c>
      <c r="I27316" s="8">
        <v>0</v>
      </c>
      <c r="J27316" s="8">
        <v>2016</v>
      </c>
      <c r="K27316" s="9">
        <v>224</v>
      </c>
      <c r="L27316" s="6" t="s">
        <v>4088</v>
      </c>
    </row>
    <row r="27317" spans="1:12">
      <c r="A27317" s="6" t="s">
        <v>28037</v>
      </c>
      <c r="B27317" s="6"/>
      <c r="C27317" s="6" t="s">
        <v>28038</v>
      </c>
      <c r="D27317" s="6"/>
      <c r="E27317" s="6" t="s">
        <v>18740</v>
      </c>
      <c r="F27317" s="7"/>
      <c r="G27317" s="8">
        <v>1836</v>
      </c>
      <c r="H27317" s="8">
        <v>1836</v>
      </c>
      <c r="I27317" s="8">
        <v>0</v>
      </c>
      <c r="J27317" s="8">
        <v>1836</v>
      </c>
      <c r="K27317" s="9">
        <v>204</v>
      </c>
      <c r="L27317" s="6" t="s">
        <v>4088</v>
      </c>
    </row>
    <row r="27318" spans="1:12">
      <c r="A27318" s="6" t="s">
        <v>28039</v>
      </c>
      <c r="B27318" s="6"/>
      <c r="C27318" s="6" t="s">
        <v>28040</v>
      </c>
      <c r="D27318" s="6"/>
      <c r="E27318" s="6" t="s">
        <v>18740</v>
      </c>
      <c r="F27318" s="7"/>
      <c r="G27318" s="8">
        <v>945</v>
      </c>
      <c r="H27318" s="8">
        <v>945</v>
      </c>
      <c r="I27318" s="8">
        <v>0</v>
      </c>
      <c r="J27318" s="8">
        <v>945</v>
      </c>
      <c r="K27318" s="9">
        <v>105</v>
      </c>
      <c r="L27318" s="6" t="s">
        <v>4088</v>
      </c>
    </row>
    <row r="27319" spans="1:12">
      <c r="A27319" s="6" t="s">
        <v>28041</v>
      </c>
      <c r="B27319" s="6"/>
      <c r="C27319" s="6" t="s">
        <v>28042</v>
      </c>
      <c r="D27319" s="6"/>
      <c r="E27319" s="6" t="s">
        <v>18740</v>
      </c>
      <c r="F27319" s="7"/>
      <c r="G27319" s="8">
        <v>1809</v>
      </c>
      <c r="H27319" s="8">
        <v>1809</v>
      </c>
      <c r="I27319" s="8">
        <v>0</v>
      </c>
      <c r="J27319" s="8">
        <v>1809</v>
      </c>
      <c r="K27319" s="9">
        <v>201</v>
      </c>
      <c r="L27319" s="6" t="s">
        <v>4088</v>
      </c>
    </row>
    <row r="27320" spans="1:12">
      <c r="A27320" s="6" t="s">
        <v>28043</v>
      </c>
      <c r="B27320" s="6"/>
      <c r="C27320" s="6" t="s">
        <v>28044</v>
      </c>
      <c r="D27320" s="6"/>
      <c r="E27320" s="6" t="s">
        <v>18740</v>
      </c>
      <c r="F27320" s="7"/>
      <c r="G27320" s="8">
        <v>891</v>
      </c>
      <c r="H27320" s="8">
        <v>891</v>
      </c>
      <c r="I27320" s="8">
        <v>0</v>
      </c>
      <c r="J27320" s="8">
        <v>891</v>
      </c>
      <c r="K27320" s="9">
        <v>99</v>
      </c>
      <c r="L27320" s="6" t="s">
        <v>4088</v>
      </c>
    </row>
    <row r="27321" spans="1:12">
      <c r="A27321" s="6" t="s">
        <v>28045</v>
      </c>
      <c r="B27321" s="6"/>
      <c r="C27321" s="6" t="s">
        <v>28046</v>
      </c>
      <c r="D27321" s="6"/>
      <c r="E27321" s="6" t="s">
        <v>18740</v>
      </c>
      <c r="F27321" s="7"/>
      <c r="G27321" s="8">
        <v>2376</v>
      </c>
      <c r="H27321" s="8">
        <v>2376</v>
      </c>
      <c r="I27321" s="8">
        <v>0</v>
      </c>
      <c r="J27321" s="8">
        <v>2376</v>
      </c>
      <c r="K27321" s="9">
        <v>264</v>
      </c>
      <c r="L27321" s="6" t="s">
        <v>4088</v>
      </c>
    </row>
    <row r="27322" spans="1:12">
      <c r="A27322" s="6" t="s">
        <v>28047</v>
      </c>
      <c r="B27322" s="6"/>
      <c r="C27322" s="6" t="s">
        <v>28048</v>
      </c>
      <c r="D27322" s="6"/>
      <c r="E27322" s="6" t="s">
        <v>18740</v>
      </c>
      <c r="F27322" s="7"/>
      <c r="G27322" s="8">
        <v>301608</v>
      </c>
      <c r="H27322" s="8">
        <v>301608</v>
      </c>
      <c r="I27322" s="8">
        <v>0</v>
      </c>
      <c r="J27322" s="8">
        <v>301608</v>
      </c>
      <c r="K27322" s="9">
        <v>59</v>
      </c>
      <c r="L27322" s="6" t="s">
        <v>23</v>
      </c>
    </row>
    <row r="27323" spans="1:12">
      <c r="A27323" s="6" t="s">
        <v>28049</v>
      </c>
      <c r="B27323" s="6"/>
      <c r="C27323" s="6" t="s">
        <v>28050</v>
      </c>
      <c r="D27323" s="6"/>
      <c r="E27323" s="6" t="s">
        <v>18740</v>
      </c>
      <c r="F27323" s="7"/>
      <c r="G27323" s="8">
        <v>1</v>
      </c>
      <c r="H27323" s="8">
        <v>1</v>
      </c>
      <c r="I27323" s="8">
        <v>0</v>
      </c>
      <c r="J27323" s="8">
        <v>1</v>
      </c>
      <c r="K27323" s="9">
        <v>995</v>
      </c>
      <c r="L27323" s="6" t="s">
        <v>25060</v>
      </c>
    </row>
    <row r="27324" spans="1:12">
      <c r="A27324" s="6" t="s">
        <v>28051</v>
      </c>
      <c r="B27324" s="6"/>
      <c r="C27324" s="6" t="s">
        <v>28052</v>
      </c>
      <c r="D27324" s="6"/>
      <c r="E27324" s="6" t="s">
        <v>18740</v>
      </c>
      <c r="F27324" s="7"/>
      <c r="G27324" s="8">
        <v>1</v>
      </c>
      <c r="H27324" s="8">
        <v>1</v>
      </c>
      <c r="I27324" s="8">
        <v>0</v>
      </c>
      <c r="J27324" s="8">
        <v>1</v>
      </c>
      <c r="K27324" s="9">
        <v>7778</v>
      </c>
      <c r="L27324" s="6" t="s">
        <v>4088</v>
      </c>
    </row>
    <row r="27325" spans="1:12">
      <c r="A27325" s="6" t="s">
        <v>28053</v>
      </c>
      <c r="B27325" s="6"/>
      <c r="C27325" s="6" t="s">
        <v>28054</v>
      </c>
      <c r="D27325" s="6"/>
      <c r="E27325" s="6" t="s">
        <v>18740</v>
      </c>
      <c r="F27325" s="7"/>
      <c r="G27325" s="8">
        <v>1334232</v>
      </c>
      <c r="H27325" s="8">
        <v>1334232</v>
      </c>
      <c r="I27325" s="8">
        <v>0</v>
      </c>
      <c r="J27325" s="8">
        <v>1334232</v>
      </c>
      <c r="K27325" s="9">
        <v>261</v>
      </c>
      <c r="L27325" s="6" t="s">
        <v>23</v>
      </c>
    </row>
    <row r="27326" spans="1:12">
      <c r="A27326" s="6" t="s">
        <v>28055</v>
      </c>
      <c r="B27326" s="6"/>
      <c r="C27326" s="6" t="s">
        <v>28056</v>
      </c>
      <c r="D27326" s="6"/>
      <c r="E27326" s="6" t="s">
        <v>18740</v>
      </c>
      <c r="F27326" s="7"/>
      <c r="G27326" s="8">
        <v>1</v>
      </c>
      <c r="H27326" s="8">
        <v>1</v>
      </c>
      <c r="I27326" s="8">
        <v>0</v>
      </c>
      <c r="J27326" s="8">
        <v>1</v>
      </c>
      <c r="K27326" s="9">
        <v>3183</v>
      </c>
      <c r="L27326" s="6" t="s">
        <v>25060</v>
      </c>
    </row>
    <row r="27327" spans="1:12">
      <c r="A27327" s="6" t="s">
        <v>28057</v>
      </c>
      <c r="B27327" s="6"/>
      <c r="C27327" s="6" t="s">
        <v>28058</v>
      </c>
      <c r="D27327" s="6"/>
      <c r="E27327" s="6" t="s">
        <v>18740</v>
      </c>
      <c r="F27327" s="7"/>
      <c r="G27327" s="8">
        <v>11007</v>
      </c>
      <c r="H27327" s="8">
        <v>11007</v>
      </c>
      <c r="I27327" s="8">
        <v>0</v>
      </c>
      <c r="J27327" s="8">
        <v>11007</v>
      </c>
      <c r="K27327" s="9">
        <v>1223</v>
      </c>
      <c r="L27327" s="6" t="s">
        <v>4088</v>
      </c>
    </row>
    <row r="27328" spans="1:12">
      <c r="A27328" s="6" t="s">
        <v>28059</v>
      </c>
      <c r="B27328" s="6"/>
      <c r="C27328" s="6" t="s">
        <v>28060</v>
      </c>
      <c r="D27328" s="6"/>
      <c r="E27328" s="6" t="s">
        <v>18740</v>
      </c>
      <c r="F27328" s="7"/>
      <c r="G27328" s="8">
        <v>102789</v>
      </c>
      <c r="H27328" s="8">
        <v>102789</v>
      </c>
      <c r="I27328" s="8">
        <v>0</v>
      </c>
      <c r="J27328" s="8">
        <v>102789</v>
      </c>
      <c r="K27328" s="9">
        <v>11421</v>
      </c>
      <c r="L27328" s="6" t="s">
        <v>4088</v>
      </c>
    </row>
    <row r="27329" spans="1:12">
      <c r="A27329" s="6" t="s">
        <v>28061</v>
      </c>
      <c r="B27329" s="6"/>
      <c r="C27329" s="6" t="s">
        <v>28062</v>
      </c>
      <c r="D27329" s="6"/>
      <c r="E27329" s="6" t="s">
        <v>18740</v>
      </c>
      <c r="F27329" s="7"/>
      <c r="G27329" s="8">
        <v>17991</v>
      </c>
      <c r="H27329" s="8">
        <v>17991</v>
      </c>
      <c r="I27329" s="8">
        <v>0</v>
      </c>
      <c r="J27329" s="8">
        <v>17991</v>
      </c>
      <c r="K27329" s="9">
        <v>1999</v>
      </c>
      <c r="L27329" s="6" t="s">
        <v>6099</v>
      </c>
    </row>
    <row r="27330" spans="1:12">
      <c r="A27330" s="6" t="s">
        <v>28063</v>
      </c>
      <c r="B27330" s="6"/>
      <c r="C27330" s="6" t="s">
        <v>28064</v>
      </c>
      <c r="D27330" s="6"/>
      <c r="E27330" s="6" t="s">
        <v>18740</v>
      </c>
      <c r="F27330" s="7"/>
      <c r="G27330" s="8">
        <v>1</v>
      </c>
      <c r="H27330" s="8">
        <v>1</v>
      </c>
      <c r="I27330" s="8">
        <v>0</v>
      </c>
      <c r="J27330" s="8">
        <v>1</v>
      </c>
      <c r="K27330" s="9">
        <v>360</v>
      </c>
      <c r="L27330" s="6" t="s">
        <v>25060</v>
      </c>
    </row>
    <row r="27331" spans="1:12">
      <c r="A27331" s="6" t="s">
        <v>28065</v>
      </c>
      <c r="B27331" s="6"/>
      <c r="C27331" s="6" t="s">
        <v>28066</v>
      </c>
      <c r="D27331" s="6"/>
      <c r="E27331" s="6" t="s">
        <v>18740</v>
      </c>
      <c r="F27331" s="7"/>
      <c r="G27331" s="8">
        <v>9162</v>
      </c>
      <c r="H27331" s="8">
        <v>9162</v>
      </c>
      <c r="I27331" s="8">
        <v>0</v>
      </c>
      <c r="J27331" s="8">
        <v>9162</v>
      </c>
      <c r="K27331" s="9">
        <v>1018</v>
      </c>
      <c r="L27331" s="6" t="s">
        <v>6099</v>
      </c>
    </row>
    <row r="27332" spans="1:12">
      <c r="A27332" s="6" t="s">
        <v>28067</v>
      </c>
      <c r="B27332" s="6"/>
      <c r="C27332" s="6" t="s">
        <v>28068</v>
      </c>
      <c r="D27332" s="6"/>
      <c r="E27332" s="6" t="s">
        <v>18740</v>
      </c>
      <c r="F27332" s="7"/>
      <c r="G27332" s="8">
        <v>1</v>
      </c>
      <c r="H27332" s="8">
        <v>1</v>
      </c>
      <c r="I27332" s="8">
        <v>0</v>
      </c>
      <c r="J27332" s="8">
        <v>1</v>
      </c>
      <c r="K27332" s="9">
        <v>895</v>
      </c>
      <c r="L27332" s="6" t="s">
        <v>25060</v>
      </c>
    </row>
    <row r="27333" spans="1:12">
      <c r="A27333" s="6" t="s">
        <v>28069</v>
      </c>
      <c r="B27333" s="6"/>
      <c r="C27333" s="6" t="s">
        <v>28070</v>
      </c>
      <c r="D27333" s="6"/>
      <c r="E27333" s="6" t="s">
        <v>18740</v>
      </c>
      <c r="F27333" s="7"/>
      <c r="G27333" s="8">
        <v>55305</v>
      </c>
      <c r="H27333" s="8">
        <v>55305</v>
      </c>
      <c r="I27333" s="8">
        <v>0</v>
      </c>
      <c r="J27333" s="8">
        <v>55305</v>
      </c>
      <c r="K27333" s="9">
        <v>6145</v>
      </c>
      <c r="L27333" s="6" t="s">
        <v>6099</v>
      </c>
    </row>
    <row r="27334" spans="1:12">
      <c r="A27334" s="6" t="s">
        <v>28069</v>
      </c>
      <c r="B27334" s="6"/>
      <c r="C27334" s="6" t="s">
        <v>28071</v>
      </c>
      <c r="D27334" s="6"/>
      <c r="E27334" s="6" t="s">
        <v>18740</v>
      </c>
      <c r="F27334" s="7"/>
      <c r="G27334" s="8">
        <v>22068</v>
      </c>
      <c r="H27334" s="8">
        <v>22068</v>
      </c>
      <c r="I27334" s="8">
        <v>0</v>
      </c>
      <c r="J27334" s="8">
        <v>22068</v>
      </c>
      <c r="K27334" s="9">
        <v>2452</v>
      </c>
      <c r="L27334" s="6" t="s">
        <v>6099</v>
      </c>
    </row>
    <row r="27335" spans="1:12">
      <c r="A27335" s="6" t="s">
        <v>28072</v>
      </c>
      <c r="B27335" s="6"/>
      <c r="C27335" s="6" t="s">
        <v>28073</v>
      </c>
      <c r="D27335" s="6"/>
      <c r="E27335" s="6" t="s">
        <v>18740</v>
      </c>
      <c r="F27335" s="7"/>
      <c r="G27335" s="8">
        <v>961056</v>
      </c>
      <c r="H27335" s="8">
        <v>961056</v>
      </c>
      <c r="I27335" s="8">
        <v>0</v>
      </c>
      <c r="J27335" s="8">
        <v>961056</v>
      </c>
      <c r="K27335" s="9">
        <v>188</v>
      </c>
      <c r="L27335" s="6" t="s">
        <v>6094</v>
      </c>
    </row>
    <row r="27336" spans="1:12">
      <c r="A27336" s="6" t="s">
        <v>28074</v>
      </c>
      <c r="B27336" s="6"/>
      <c r="C27336" s="6" t="s">
        <v>28075</v>
      </c>
      <c r="D27336" s="6"/>
      <c r="E27336" s="6" t="s">
        <v>18740</v>
      </c>
      <c r="F27336" s="7"/>
      <c r="G27336" s="8">
        <v>1262664</v>
      </c>
      <c r="H27336" s="8">
        <v>1262664</v>
      </c>
      <c r="I27336" s="8">
        <v>0</v>
      </c>
      <c r="J27336" s="8">
        <v>1262664</v>
      </c>
      <c r="K27336" s="9">
        <v>247</v>
      </c>
      <c r="L27336" s="6" t="s">
        <v>6094</v>
      </c>
    </row>
    <row r="27337" spans="1:12">
      <c r="A27337" s="6" t="s">
        <v>28076</v>
      </c>
      <c r="B27337" s="6"/>
      <c r="C27337" s="6" t="s">
        <v>28077</v>
      </c>
      <c r="D27337" s="6"/>
      <c r="E27337" s="6" t="s">
        <v>9</v>
      </c>
      <c r="F27337" s="7">
        <v>38657</v>
      </c>
      <c r="G27337" s="8">
        <v>47316360</v>
      </c>
      <c r="H27337" s="8">
        <v>47316360</v>
      </c>
      <c r="I27337" s="8">
        <v>0</v>
      </c>
      <c r="J27337" s="8">
        <v>47316360</v>
      </c>
      <c r="K27337" s="9">
        <v>3033.1</v>
      </c>
      <c r="L27337" s="6" t="s">
        <v>1694</v>
      </c>
    </row>
    <row r="27338" spans="1:12">
      <c r="A27338" s="6" t="s">
        <v>28078</v>
      </c>
      <c r="B27338" s="6"/>
      <c r="C27338" s="6" t="s">
        <v>28079</v>
      </c>
      <c r="D27338" s="6"/>
      <c r="E27338" s="6" t="s">
        <v>18740</v>
      </c>
      <c r="F27338" s="7"/>
      <c r="G27338" s="8">
        <v>368064</v>
      </c>
      <c r="H27338" s="8">
        <v>368064</v>
      </c>
      <c r="I27338" s="8">
        <v>0</v>
      </c>
      <c r="J27338" s="8">
        <v>368064</v>
      </c>
      <c r="K27338" s="9">
        <v>72</v>
      </c>
      <c r="L27338" s="6" t="s">
        <v>6094</v>
      </c>
    </row>
    <row r="27339" spans="1:12">
      <c r="A27339" s="6" t="s">
        <v>28080</v>
      </c>
      <c r="B27339" s="6"/>
      <c r="C27339" s="6" t="s">
        <v>28081</v>
      </c>
      <c r="D27339" s="6"/>
      <c r="E27339" s="6" t="s">
        <v>18740</v>
      </c>
      <c r="F27339" s="7"/>
      <c r="G27339" s="8">
        <v>3910</v>
      </c>
      <c r="H27339" s="8">
        <v>3910</v>
      </c>
      <c r="I27339" s="8">
        <v>0</v>
      </c>
      <c r="J27339" s="8">
        <v>3910</v>
      </c>
      <c r="K27339" s="9">
        <v>230</v>
      </c>
      <c r="L27339" s="6" t="s">
        <v>16860</v>
      </c>
    </row>
    <row r="27340" spans="1:12">
      <c r="A27340" s="6" t="s">
        <v>28082</v>
      </c>
      <c r="B27340" s="6"/>
      <c r="C27340" s="6" t="s">
        <v>28083</v>
      </c>
      <c r="D27340" s="6"/>
      <c r="E27340" s="6" t="s">
        <v>18740</v>
      </c>
      <c r="F27340" s="7"/>
      <c r="G27340" s="8">
        <v>4097</v>
      </c>
      <c r="H27340" s="8">
        <v>4097</v>
      </c>
      <c r="I27340" s="8">
        <v>0</v>
      </c>
      <c r="J27340" s="8">
        <v>4097</v>
      </c>
      <c r="K27340" s="9">
        <v>241</v>
      </c>
      <c r="L27340" s="6" t="s">
        <v>16860</v>
      </c>
    </row>
    <row r="27341" spans="1:12">
      <c r="A27341" s="6" t="s">
        <v>28084</v>
      </c>
      <c r="B27341" s="6"/>
      <c r="C27341" s="6" t="s">
        <v>28085</v>
      </c>
      <c r="D27341" s="6"/>
      <c r="E27341" s="6" t="s">
        <v>18740</v>
      </c>
      <c r="F27341" s="7"/>
      <c r="G27341" s="8">
        <v>2431</v>
      </c>
      <c r="H27341" s="8">
        <v>2431</v>
      </c>
      <c r="I27341" s="8">
        <v>0</v>
      </c>
      <c r="J27341" s="8">
        <v>2431</v>
      </c>
      <c r="K27341" s="9">
        <v>143</v>
      </c>
      <c r="L27341" s="6" t="s">
        <v>1842</v>
      </c>
    </row>
    <row r="27342" spans="1:12">
      <c r="A27342" s="6" t="s">
        <v>28086</v>
      </c>
      <c r="B27342" s="6"/>
      <c r="C27342" s="6" t="s">
        <v>28087</v>
      </c>
      <c r="D27342" s="6"/>
      <c r="E27342" s="6" t="s">
        <v>18740</v>
      </c>
      <c r="F27342" s="7"/>
      <c r="G27342" s="8">
        <v>1093968</v>
      </c>
      <c r="H27342" s="8">
        <v>1093968</v>
      </c>
      <c r="I27342" s="8">
        <v>0</v>
      </c>
      <c r="J27342" s="8">
        <v>1093968</v>
      </c>
      <c r="K27342" s="9">
        <v>214</v>
      </c>
      <c r="L27342" s="6" t="s">
        <v>6094</v>
      </c>
    </row>
    <row r="27343" spans="1:12">
      <c r="A27343" s="6" t="s">
        <v>28086</v>
      </c>
      <c r="B27343" s="6"/>
      <c r="C27343" s="6" t="s">
        <v>28088</v>
      </c>
      <c r="D27343" s="6"/>
      <c r="E27343" s="6" t="s">
        <v>18740</v>
      </c>
      <c r="F27343" s="7"/>
      <c r="G27343" s="8">
        <v>506088</v>
      </c>
      <c r="H27343" s="8">
        <v>506088</v>
      </c>
      <c r="I27343" s="8">
        <v>0</v>
      </c>
      <c r="J27343" s="8">
        <v>506088</v>
      </c>
      <c r="K27343" s="9">
        <v>99</v>
      </c>
      <c r="L27343" s="6" t="s">
        <v>6094</v>
      </c>
    </row>
    <row r="27344" spans="1:12">
      <c r="A27344" s="6" t="s">
        <v>28089</v>
      </c>
      <c r="B27344" s="6"/>
      <c r="C27344" s="6" t="s">
        <v>28090</v>
      </c>
      <c r="D27344" s="6"/>
      <c r="E27344" s="6" t="s">
        <v>18740</v>
      </c>
      <c r="F27344" s="7"/>
      <c r="G27344" s="8">
        <v>557208</v>
      </c>
      <c r="H27344" s="8">
        <v>557208</v>
      </c>
      <c r="I27344" s="8">
        <v>0</v>
      </c>
      <c r="J27344" s="8">
        <v>557208</v>
      </c>
      <c r="K27344" s="9">
        <v>109</v>
      </c>
      <c r="L27344" s="6" t="s">
        <v>6094</v>
      </c>
    </row>
    <row r="27345" spans="1:12">
      <c r="A27345" s="6" t="s">
        <v>28091</v>
      </c>
      <c r="B27345" s="6"/>
      <c r="C27345" s="6" t="s">
        <v>28092</v>
      </c>
      <c r="D27345" s="6"/>
      <c r="E27345" s="6" t="s">
        <v>18740</v>
      </c>
      <c r="F27345" s="7"/>
      <c r="G27345" s="8">
        <v>33279</v>
      </c>
      <c r="H27345" s="8">
        <v>33279</v>
      </c>
      <c r="I27345" s="8">
        <v>0</v>
      </c>
      <c r="J27345" s="8">
        <v>33279</v>
      </c>
      <c r="K27345" s="9">
        <v>6.51</v>
      </c>
      <c r="L27345" s="6" t="s">
        <v>4773</v>
      </c>
    </row>
    <row r="27346" spans="1:12">
      <c r="A27346" s="6" t="s">
        <v>28091</v>
      </c>
      <c r="B27346" s="6"/>
      <c r="C27346" s="6" t="s">
        <v>28093</v>
      </c>
      <c r="D27346" s="6"/>
      <c r="E27346" s="6" t="s">
        <v>18740</v>
      </c>
      <c r="F27346" s="7"/>
      <c r="G27346" s="8">
        <v>16869</v>
      </c>
      <c r="H27346" s="8">
        <v>16869</v>
      </c>
      <c r="I27346" s="8">
        <v>0</v>
      </c>
      <c r="J27346" s="8">
        <v>16869</v>
      </c>
      <c r="K27346" s="9">
        <v>3.3</v>
      </c>
      <c r="L27346" s="6" t="s">
        <v>4773</v>
      </c>
    </row>
    <row r="27347" spans="1:12">
      <c r="A27347" s="6" t="s">
        <v>28091</v>
      </c>
      <c r="B27347" s="6"/>
      <c r="C27347" s="6" t="s">
        <v>28094</v>
      </c>
      <c r="D27347" s="6"/>
      <c r="E27347" s="6" t="s">
        <v>18740</v>
      </c>
      <c r="F27347" s="7"/>
      <c r="G27347" s="8">
        <v>132912</v>
      </c>
      <c r="H27347" s="8">
        <v>132912</v>
      </c>
      <c r="I27347" s="8">
        <v>0</v>
      </c>
      <c r="J27347" s="8">
        <v>132912</v>
      </c>
      <c r="K27347" s="9">
        <v>26</v>
      </c>
      <c r="L27347" s="6" t="s">
        <v>1842</v>
      </c>
    </row>
    <row r="27348" spans="1:12">
      <c r="A27348" s="6" t="s">
        <v>28091</v>
      </c>
      <c r="B27348" s="6"/>
      <c r="C27348" s="6" t="s">
        <v>28095</v>
      </c>
      <c r="D27348" s="6"/>
      <c r="E27348" s="6" t="s">
        <v>18740</v>
      </c>
      <c r="F27348" s="7"/>
      <c r="G27348" s="8">
        <v>405534</v>
      </c>
      <c r="H27348" s="8">
        <v>405534</v>
      </c>
      <c r="I27348" s="8">
        <v>0</v>
      </c>
      <c r="J27348" s="8">
        <v>405534</v>
      </c>
      <c r="K27348" s="9">
        <v>79.33</v>
      </c>
      <c r="L27348" s="6" t="s">
        <v>10</v>
      </c>
    </row>
    <row r="27349" spans="1:12">
      <c r="A27349" s="6" t="s">
        <v>28091</v>
      </c>
      <c r="B27349" s="6"/>
      <c r="C27349" s="6" t="s">
        <v>28096</v>
      </c>
      <c r="D27349" s="6"/>
      <c r="E27349" s="6" t="s">
        <v>18740</v>
      </c>
      <c r="F27349" s="7"/>
      <c r="G27349" s="8">
        <v>132912</v>
      </c>
      <c r="H27349" s="8">
        <v>132912</v>
      </c>
      <c r="I27349" s="8">
        <v>0</v>
      </c>
      <c r="J27349" s="8">
        <v>132912</v>
      </c>
      <c r="K27349" s="9">
        <v>26</v>
      </c>
      <c r="L27349" s="6" t="s">
        <v>4773</v>
      </c>
    </row>
    <row r="27350" spans="1:12">
      <c r="A27350" s="6" t="s">
        <v>28091</v>
      </c>
      <c r="B27350" s="6"/>
      <c r="C27350" s="6" t="s">
        <v>28097</v>
      </c>
      <c r="D27350" s="6"/>
      <c r="E27350" s="6" t="s">
        <v>18740</v>
      </c>
      <c r="F27350" s="7"/>
      <c r="G27350" s="8">
        <v>1334232</v>
      </c>
      <c r="H27350" s="8">
        <v>1334232</v>
      </c>
      <c r="I27350" s="8">
        <v>0</v>
      </c>
      <c r="J27350" s="8">
        <v>1334232</v>
      </c>
      <c r="K27350" s="9">
        <v>261</v>
      </c>
      <c r="L27350" s="6" t="s">
        <v>4773</v>
      </c>
    </row>
    <row r="27351" spans="1:12">
      <c r="A27351" s="6" t="s">
        <v>28091</v>
      </c>
      <c r="B27351" s="6"/>
      <c r="C27351" s="6" t="s">
        <v>28098</v>
      </c>
      <c r="D27351" s="6"/>
      <c r="E27351" s="6" t="s">
        <v>18740</v>
      </c>
      <c r="F27351" s="7"/>
      <c r="G27351" s="8">
        <v>843480</v>
      </c>
      <c r="H27351" s="8">
        <v>843480</v>
      </c>
      <c r="I27351" s="8">
        <v>0</v>
      </c>
      <c r="J27351" s="8">
        <v>843480</v>
      </c>
      <c r="K27351" s="9">
        <v>165</v>
      </c>
      <c r="L27351" s="6" t="s">
        <v>4773</v>
      </c>
    </row>
    <row r="27352" spans="1:12">
      <c r="A27352" s="6" t="s">
        <v>28091</v>
      </c>
      <c r="B27352" s="6"/>
      <c r="C27352" s="6" t="s">
        <v>28099</v>
      </c>
      <c r="D27352" s="6"/>
      <c r="E27352" s="6" t="s">
        <v>18740</v>
      </c>
      <c r="F27352" s="7"/>
      <c r="G27352" s="8">
        <v>337392</v>
      </c>
      <c r="H27352" s="8">
        <v>337392</v>
      </c>
      <c r="I27352" s="8">
        <v>0</v>
      </c>
      <c r="J27352" s="8">
        <v>337392</v>
      </c>
      <c r="K27352" s="9">
        <v>66</v>
      </c>
      <c r="L27352" s="6" t="s">
        <v>4773</v>
      </c>
    </row>
    <row r="27353" spans="1:12">
      <c r="A27353" s="6" t="s">
        <v>28091</v>
      </c>
      <c r="B27353" s="6"/>
      <c r="C27353" s="6" t="s">
        <v>28100</v>
      </c>
      <c r="D27353" s="6"/>
      <c r="E27353" s="6" t="s">
        <v>18740</v>
      </c>
      <c r="F27353" s="7"/>
      <c r="G27353" s="8">
        <v>2530440</v>
      </c>
      <c r="H27353" s="8">
        <v>2530440</v>
      </c>
      <c r="I27353" s="8">
        <v>0</v>
      </c>
      <c r="J27353" s="8">
        <v>2530440</v>
      </c>
      <c r="K27353" s="9">
        <v>495</v>
      </c>
      <c r="L27353" s="6" t="s">
        <v>4773</v>
      </c>
    </row>
    <row r="27354" spans="1:12">
      <c r="A27354" s="6" t="s">
        <v>28091</v>
      </c>
      <c r="B27354" s="6"/>
      <c r="C27354" s="6" t="s">
        <v>28101</v>
      </c>
      <c r="D27354" s="6"/>
      <c r="E27354" s="6" t="s">
        <v>18740</v>
      </c>
      <c r="F27354" s="7"/>
      <c r="G27354" s="8">
        <v>235152</v>
      </c>
      <c r="H27354" s="8">
        <v>235152</v>
      </c>
      <c r="I27354" s="8">
        <v>0</v>
      </c>
      <c r="J27354" s="8">
        <v>235152</v>
      </c>
      <c r="K27354" s="9">
        <v>46</v>
      </c>
      <c r="L27354" s="6" t="s">
        <v>4773</v>
      </c>
    </row>
    <row r="27355" spans="1:12">
      <c r="A27355" s="6" t="s">
        <v>28091</v>
      </c>
      <c r="B27355" s="6"/>
      <c r="C27355" s="6" t="s">
        <v>28102</v>
      </c>
      <c r="D27355" s="6"/>
      <c r="E27355" s="6" t="s">
        <v>18740</v>
      </c>
      <c r="F27355" s="7"/>
      <c r="G27355" s="8">
        <v>84450</v>
      </c>
      <c r="H27355" s="8">
        <v>84450</v>
      </c>
      <c r="I27355" s="8">
        <v>0</v>
      </c>
      <c r="J27355" s="8">
        <v>84450</v>
      </c>
      <c r="K27355" s="9">
        <v>16.52</v>
      </c>
      <c r="L27355" s="6" t="s">
        <v>10</v>
      </c>
    </row>
    <row r="27356" spans="1:12">
      <c r="A27356" s="6" t="s">
        <v>28091</v>
      </c>
      <c r="B27356" s="6"/>
      <c r="C27356" s="6" t="s">
        <v>28103</v>
      </c>
      <c r="D27356" s="6"/>
      <c r="E27356" s="6" t="s">
        <v>18740</v>
      </c>
      <c r="F27356" s="7"/>
      <c r="G27356" s="8">
        <v>16869</v>
      </c>
      <c r="H27356" s="8">
        <v>16869</v>
      </c>
      <c r="I27356" s="8">
        <v>0</v>
      </c>
      <c r="J27356" s="8">
        <v>16869</v>
      </c>
      <c r="K27356" s="9">
        <v>3.3</v>
      </c>
      <c r="L27356" s="6" t="s">
        <v>4773</v>
      </c>
    </row>
    <row r="27357" spans="1:12">
      <c r="A27357" s="6" t="s">
        <v>28104</v>
      </c>
      <c r="B27357" s="6"/>
      <c r="C27357" s="6" t="s">
        <v>28105</v>
      </c>
      <c r="D27357" s="6"/>
      <c r="E27357" s="6" t="s">
        <v>18740</v>
      </c>
      <c r="F27357" s="7"/>
      <c r="G27357" s="8">
        <v>173808</v>
      </c>
      <c r="H27357" s="8">
        <v>173808</v>
      </c>
      <c r="I27357" s="8">
        <v>0</v>
      </c>
      <c r="J27357" s="8">
        <v>173808</v>
      </c>
      <c r="K27357" s="9">
        <v>34</v>
      </c>
      <c r="L27357" s="6" t="s">
        <v>6094</v>
      </c>
    </row>
    <row r="27358" spans="1:12">
      <c r="A27358" s="6" t="s">
        <v>27602</v>
      </c>
      <c r="B27358" s="6"/>
      <c r="C27358" s="6"/>
      <c r="D27358" s="6" t="s">
        <v>6171</v>
      </c>
      <c r="E27358" s="6"/>
      <c r="F27358" s="7"/>
      <c r="G27358" s="8">
        <v>0</v>
      </c>
      <c r="H27358" s="8">
        <v>0</v>
      </c>
      <c r="I27358" s="8">
        <v>0</v>
      </c>
      <c r="J27358" s="8">
        <v>1</v>
      </c>
      <c r="K27358" s="9"/>
      <c r="L27358" s="6"/>
    </row>
    <row r="27359" spans="1:12">
      <c r="A27359" s="6" t="s">
        <v>27602</v>
      </c>
      <c r="B27359" s="6"/>
      <c r="C27359" s="6"/>
      <c r="D27359" s="6" t="s">
        <v>6171</v>
      </c>
      <c r="E27359" s="6"/>
      <c r="F27359" s="7"/>
      <c r="G27359" s="8">
        <v>0</v>
      </c>
      <c r="H27359" s="8">
        <v>0</v>
      </c>
      <c r="I27359" s="8">
        <v>0</v>
      </c>
      <c r="J27359" s="8">
        <v>1</v>
      </c>
      <c r="K27359" s="9"/>
      <c r="L27359" s="6"/>
    </row>
    <row r="27360" spans="1:12">
      <c r="A27360" s="6" t="s">
        <v>27602</v>
      </c>
      <c r="B27360" s="6"/>
      <c r="C27360" s="6"/>
      <c r="D27360" s="6" t="s">
        <v>6171</v>
      </c>
      <c r="E27360" s="6"/>
      <c r="F27360" s="7"/>
      <c r="G27360" s="8">
        <v>0</v>
      </c>
      <c r="H27360" s="8">
        <v>0</v>
      </c>
      <c r="I27360" s="8">
        <v>0</v>
      </c>
      <c r="J27360" s="8">
        <v>1</v>
      </c>
      <c r="K27360" s="9"/>
      <c r="L27360" s="6"/>
    </row>
    <row r="27361" spans="1:12">
      <c r="A27361" s="6" t="s">
        <v>4151</v>
      </c>
      <c r="B27361" s="6"/>
      <c r="C27361" s="6"/>
      <c r="D27361" s="6" t="s">
        <v>6171</v>
      </c>
      <c r="E27361" s="6"/>
      <c r="F27361" s="7"/>
      <c r="G27361" s="8">
        <v>0</v>
      </c>
      <c r="H27361" s="8">
        <v>0</v>
      </c>
      <c r="I27361" s="8">
        <v>0</v>
      </c>
      <c r="J27361" s="8">
        <v>1</v>
      </c>
      <c r="K27361" s="9"/>
      <c r="L27361" s="6"/>
    </row>
    <row r="27362" spans="1:12">
      <c r="A27362" s="6" t="s">
        <v>4151</v>
      </c>
      <c r="B27362" s="6"/>
      <c r="C27362" s="6"/>
      <c r="D27362" s="6" t="s">
        <v>6171</v>
      </c>
      <c r="E27362" s="6"/>
      <c r="F27362" s="7"/>
      <c r="G27362" s="8">
        <v>0</v>
      </c>
      <c r="H27362" s="8">
        <v>0</v>
      </c>
      <c r="I27362" s="8">
        <v>0</v>
      </c>
      <c r="J27362" s="8">
        <v>1</v>
      </c>
      <c r="K27362" s="9"/>
      <c r="L27362" s="6"/>
    </row>
    <row r="27363" spans="1:12">
      <c r="A27363" s="6" t="s">
        <v>28106</v>
      </c>
      <c r="B27363" s="6"/>
      <c r="C27363" s="6"/>
      <c r="D27363" s="6" t="s">
        <v>6171</v>
      </c>
      <c r="E27363" s="6"/>
      <c r="F27363" s="7"/>
      <c r="G27363" s="8">
        <v>0</v>
      </c>
      <c r="H27363" s="8">
        <v>0</v>
      </c>
      <c r="I27363" s="8">
        <v>0</v>
      </c>
      <c r="J27363" s="8">
        <v>1</v>
      </c>
      <c r="K27363" s="9"/>
      <c r="L27363" s="6"/>
    </row>
    <row r="27364" spans="1:12">
      <c r="A27364" s="6" t="s">
        <v>28107</v>
      </c>
      <c r="B27364" s="6"/>
      <c r="C27364" s="6"/>
      <c r="D27364" s="6" t="s">
        <v>6171</v>
      </c>
      <c r="E27364" s="6"/>
      <c r="F27364" s="7"/>
      <c r="G27364" s="8">
        <v>0</v>
      </c>
      <c r="H27364" s="8">
        <v>0</v>
      </c>
      <c r="I27364" s="8">
        <v>0</v>
      </c>
      <c r="J27364" s="8">
        <v>1</v>
      </c>
      <c r="K27364" s="9"/>
      <c r="L27364" s="6"/>
    </row>
    <row r="27365" spans="1:12">
      <c r="A27365" s="6" t="s">
        <v>28108</v>
      </c>
      <c r="B27365" s="6"/>
      <c r="C27365" s="6"/>
      <c r="D27365" s="6" t="s">
        <v>6171</v>
      </c>
      <c r="E27365" s="6"/>
      <c r="F27365" s="7"/>
      <c r="G27365" s="8">
        <v>0</v>
      </c>
      <c r="H27365" s="8">
        <v>0</v>
      </c>
      <c r="I27365" s="8">
        <v>0</v>
      </c>
      <c r="J27365" s="8">
        <v>1</v>
      </c>
      <c r="K27365" s="9"/>
      <c r="L27365" s="6"/>
    </row>
    <row r="27366" spans="1:12">
      <c r="A27366" s="6" t="s">
        <v>28109</v>
      </c>
      <c r="B27366" s="6"/>
      <c r="C27366" s="6"/>
      <c r="D27366" s="6" t="s">
        <v>6171</v>
      </c>
      <c r="E27366" s="6"/>
      <c r="F27366" s="7"/>
      <c r="G27366" s="8">
        <v>0</v>
      </c>
      <c r="H27366" s="8">
        <v>0</v>
      </c>
      <c r="I27366" s="8">
        <v>0</v>
      </c>
      <c r="J27366" s="8">
        <v>1</v>
      </c>
      <c r="K27366" s="9"/>
      <c r="L27366" s="6"/>
    </row>
    <row r="27367" spans="1:12">
      <c r="A27367" s="6" t="s">
        <v>28110</v>
      </c>
      <c r="B27367" s="6"/>
      <c r="C27367" s="6"/>
      <c r="D27367" s="6" t="s">
        <v>6171</v>
      </c>
      <c r="E27367" s="6"/>
      <c r="F27367" s="7"/>
      <c r="G27367" s="8">
        <v>0</v>
      </c>
      <c r="H27367" s="8">
        <v>0</v>
      </c>
      <c r="I27367" s="8">
        <v>0</v>
      </c>
      <c r="J27367" s="8">
        <v>1</v>
      </c>
      <c r="K27367" s="9"/>
      <c r="L27367" s="6"/>
    </row>
    <row r="27368" spans="1:12">
      <c r="A27368" s="6" t="s">
        <v>28111</v>
      </c>
      <c r="B27368" s="6"/>
      <c r="C27368" s="6"/>
      <c r="D27368" s="6" t="s">
        <v>6171</v>
      </c>
      <c r="E27368" s="6"/>
      <c r="F27368" s="7"/>
      <c r="G27368" s="8">
        <v>0</v>
      </c>
      <c r="H27368" s="8">
        <v>0</v>
      </c>
      <c r="I27368" s="8">
        <v>0</v>
      </c>
      <c r="J27368" s="8">
        <v>1</v>
      </c>
      <c r="K27368" s="9"/>
      <c r="L27368" s="6"/>
    </row>
    <row r="27369" spans="1:12">
      <c r="A27369" s="6" t="s">
        <v>28112</v>
      </c>
      <c r="B27369" s="6"/>
      <c r="C27369" s="6"/>
      <c r="D27369" s="6" t="s">
        <v>6171</v>
      </c>
      <c r="E27369" s="6"/>
      <c r="F27369" s="7"/>
      <c r="G27369" s="8">
        <v>0</v>
      </c>
      <c r="H27369" s="8">
        <v>0</v>
      </c>
      <c r="I27369" s="8">
        <v>0</v>
      </c>
      <c r="J27369" s="8">
        <v>1</v>
      </c>
      <c r="K27369" s="9"/>
      <c r="L27369" s="6"/>
    </row>
    <row r="27370" spans="1:12">
      <c r="A27370" s="6" t="s">
        <v>28112</v>
      </c>
      <c r="B27370" s="6"/>
      <c r="C27370" s="6"/>
      <c r="D27370" s="6" t="s">
        <v>6171</v>
      </c>
      <c r="E27370" s="6"/>
      <c r="F27370" s="7"/>
      <c r="G27370" s="8">
        <v>0</v>
      </c>
      <c r="H27370" s="8">
        <v>0</v>
      </c>
      <c r="I27370" s="8">
        <v>0</v>
      </c>
      <c r="J27370" s="8">
        <v>1</v>
      </c>
      <c r="K27370" s="9"/>
      <c r="L27370" s="6"/>
    </row>
    <row r="27371" spans="1:12">
      <c r="A27371" s="6" t="s">
        <v>28112</v>
      </c>
      <c r="B27371" s="6"/>
      <c r="C27371" s="6"/>
      <c r="D27371" s="6" t="s">
        <v>6171</v>
      </c>
      <c r="E27371" s="6"/>
      <c r="F27371" s="7"/>
      <c r="G27371" s="8">
        <v>0</v>
      </c>
      <c r="H27371" s="8">
        <v>0</v>
      </c>
      <c r="I27371" s="8">
        <v>0</v>
      </c>
      <c r="J27371" s="8">
        <v>1</v>
      </c>
      <c r="K27371" s="9"/>
      <c r="L27371" s="6"/>
    </row>
    <row r="27372" spans="1:12">
      <c r="A27372" s="6" t="s">
        <v>28112</v>
      </c>
      <c r="B27372" s="6"/>
      <c r="C27372" s="6"/>
      <c r="D27372" s="6" t="s">
        <v>6171</v>
      </c>
      <c r="E27372" s="6"/>
      <c r="F27372" s="7"/>
      <c r="G27372" s="8">
        <v>0</v>
      </c>
      <c r="H27372" s="8">
        <v>0</v>
      </c>
      <c r="I27372" s="8">
        <v>0</v>
      </c>
      <c r="J27372" s="8">
        <v>1</v>
      </c>
      <c r="K27372" s="9"/>
      <c r="L27372" s="6"/>
    </row>
    <row r="27373" spans="1:12">
      <c r="A27373" s="6" t="s">
        <v>28112</v>
      </c>
      <c r="B27373" s="6"/>
      <c r="C27373" s="6"/>
      <c r="D27373" s="6" t="s">
        <v>6171</v>
      </c>
      <c r="E27373" s="6"/>
      <c r="F27373" s="7"/>
      <c r="G27373" s="8">
        <v>0</v>
      </c>
      <c r="H27373" s="8">
        <v>0</v>
      </c>
      <c r="I27373" s="8">
        <v>0</v>
      </c>
      <c r="J27373" s="8">
        <v>1</v>
      </c>
      <c r="K27373" s="9"/>
      <c r="L27373" s="6"/>
    </row>
    <row r="27374" spans="1:12">
      <c r="A27374" s="6" t="s">
        <v>28112</v>
      </c>
      <c r="B27374" s="6"/>
      <c r="C27374" s="6"/>
      <c r="D27374" s="6" t="s">
        <v>6171</v>
      </c>
      <c r="E27374" s="6"/>
      <c r="F27374" s="7"/>
      <c r="G27374" s="8">
        <v>0</v>
      </c>
      <c r="H27374" s="8">
        <v>0</v>
      </c>
      <c r="I27374" s="8">
        <v>0</v>
      </c>
      <c r="J27374" s="8">
        <v>1</v>
      </c>
      <c r="K27374" s="9"/>
      <c r="L27374" s="6"/>
    </row>
    <row r="27375" spans="1:12">
      <c r="A27375" s="6" t="s">
        <v>28112</v>
      </c>
      <c r="B27375" s="6"/>
      <c r="C27375" s="6"/>
      <c r="D27375" s="6" t="s">
        <v>6171</v>
      </c>
      <c r="E27375" s="6"/>
      <c r="F27375" s="7"/>
      <c r="G27375" s="8">
        <v>0</v>
      </c>
      <c r="H27375" s="8">
        <v>0</v>
      </c>
      <c r="I27375" s="8">
        <v>0</v>
      </c>
      <c r="J27375" s="8">
        <v>1</v>
      </c>
      <c r="K27375" s="9"/>
      <c r="L27375" s="6"/>
    </row>
    <row r="27376" spans="1:12">
      <c r="A27376" s="6" t="s">
        <v>28113</v>
      </c>
      <c r="B27376" s="6"/>
      <c r="C27376" s="6"/>
      <c r="D27376" s="6" t="s">
        <v>6171</v>
      </c>
      <c r="E27376" s="6"/>
      <c r="F27376" s="7"/>
      <c r="G27376" s="8">
        <v>0</v>
      </c>
      <c r="H27376" s="8">
        <v>0</v>
      </c>
      <c r="I27376" s="8">
        <v>0</v>
      </c>
      <c r="J27376" s="8">
        <v>1</v>
      </c>
      <c r="K27376" s="9"/>
      <c r="L27376" s="6"/>
    </row>
    <row r="27377" spans="1:12">
      <c r="A27377" s="6" t="s">
        <v>28114</v>
      </c>
      <c r="B27377" s="6"/>
      <c r="C27377" s="6"/>
      <c r="D27377" s="6" t="s">
        <v>6171</v>
      </c>
      <c r="E27377" s="6"/>
      <c r="F27377" s="7"/>
      <c r="G27377" s="8">
        <v>0</v>
      </c>
      <c r="H27377" s="8">
        <v>0</v>
      </c>
      <c r="I27377" s="8">
        <v>0</v>
      </c>
      <c r="J27377" s="8">
        <v>1</v>
      </c>
      <c r="K27377" s="9"/>
      <c r="L27377" s="6"/>
    </row>
    <row r="27378" spans="1:12">
      <c r="A27378" s="6" t="s">
        <v>28114</v>
      </c>
      <c r="B27378" s="6"/>
      <c r="C27378" s="6"/>
      <c r="D27378" s="6" t="s">
        <v>6171</v>
      </c>
      <c r="E27378" s="6"/>
      <c r="F27378" s="7"/>
      <c r="G27378" s="8">
        <v>0</v>
      </c>
      <c r="H27378" s="8">
        <v>0</v>
      </c>
      <c r="I27378" s="8">
        <v>0</v>
      </c>
      <c r="J27378" s="8">
        <v>1</v>
      </c>
      <c r="K27378" s="9"/>
      <c r="L27378" s="6"/>
    </row>
    <row r="27379" spans="1:12">
      <c r="A27379" s="6" t="s">
        <v>28115</v>
      </c>
      <c r="B27379" s="6"/>
      <c r="C27379" s="6"/>
      <c r="D27379" s="6" t="s">
        <v>6171</v>
      </c>
      <c r="E27379" s="6"/>
      <c r="F27379" s="7"/>
      <c r="G27379" s="8">
        <v>0</v>
      </c>
      <c r="H27379" s="8">
        <v>0</v>
      </c>
      <c r="I27379" s="8">
        <v>0</v>
      </c>
      <c r="J27379" s="8">
        <v>1</v>
      </c>
      <c r="K27379" s="9"/>
      <c r="L27379" s="6"/>
    </row>
    <row r="27380" spans="1:12">
      <c r="A27380" s="6" t="s">
        <v>28116</v>
      </c>
      <c r="B27380" s="6"/>
      <c r="C27380" s="6"/>
      <c r="D27380" s="6" t="s">
        <v>6171</v>
      </c>
      <c r="E27380" s="6"/>
      <c r="F27380" s="7"/>
      <c r="G27380" s="8">
        <v>0</v>
      </c>
      <c r="H27380" s="8">
        <v>0</v>
      </c>
      <c r="I27380" s="8">
        <v>0</v>
      </c>
      <c r="J27380" s="8">
        <v>1</v>
      </c>
      <c r="K27380" s="9"/>
      <c r="L27380" s="6"/>
    </row>
    <row r="27381" spans="1:12">
      <c r="A27381" s="6" t="s">
        <v>28116</v>
      </c>
      <c r="B27381" s="6"/>
      <c r="C27381" s="6"/>
      <c r="D27381" s="6" t="s">
        <v>6171</v>
      </c>
      <c r="E27381" s="6"/>
      <c r="F27381" s="7"/>
      <c r="G27381" s="8">
        <v>0</v>
      </c>
      <c r="H27381" s="8">
        <v>0</v>
      </c>
      <c r="I27381" s="8">
        <v>0</v>
      </c>
      <c r="J27381" s="8">
        <v>1</v>
      </c>
      <c r="K27381" s="9"/>
      <c r="L27381" s="6"/>
    </row>
    <row r="27382" spans="1:12">
      <c r="A27382" s="6" t="s">
        <v>28116</v>
      </c>
      <c r="B27382" s="6"/>
      <c r="C27382" s="6"/>
      <c r="D27382" s="6" t="s">
        <v>6171</v>
      </c>
      <c r="E27382" s="6"/>
      <c r="F27382" s="7"/>
      <c r="G27382" s="8">
        <v>0</v>
      </c>
      <c r="H27382" s="8">
        <v>0</v>
      </c>
      <c r="I27382" s="8">
        <v>0</v>
      </c>
      <c r="J27382" s="8">
        <v>1</v>
      </c>
      <c r="K27382" s="9"/>
      <c r="L27382" s="6"/>
    </row>
    <row r="27383" spans="1:12">
      <c r="A27383" s="6" t="s">
        <v>28117</v>
      </c>
      <c r="B27383" s="6"/>
      <c r="C27383" s="6"/>
      <c r="D27383" s="6" t="s">
        <v>6171</v>
      </c>
      <c r="E27383" s="6"/>
      <c r="F27383" s="7"/>
      <c r="G27383" s="8">
        <v>0</v>
      </c>
      <c r="H27383" s="8">
        <v>0</v>
      </c>
      <c r="I27383" s="8">
        <v>0</v>
      </c>
      <c r="J27383" s="8">
        <v>1</v>
      </c>
      <c r="K27383" s="9"/>
      <c r="L27383" s="6"/>
    </row>
    <row r="27384" spans="1:12">
      <c r="A27384" s="6" t="s">
        <v>28118</v>
      </c>
      <c r="B27384" s="6"/>
      <c r="C27384" s="6"/>
      <c r="D27384" s="6" t="s">
        <v>6171</v>
      </c>
      <c r="E27384" s="6"/>
      <c r="F27384" s="7"/>
      <c r="G27384" s="8">
        <v>0</v>
      </c>
      <c r="H27384" s="8">
        <v>0</v>
      </c>
      <c r="I27384" s="8">
        <v>0</v>
      </c>
      <c r="J27384" s="8">
        <v>1</v>
      </c>
      <c r="K27384" s="9"/>
      <c r="L27384" s="6"/>
    </row>
    <row r="27385" spans="1:12">
      <c r="A27385" s="6" t="s">
        <v>28118</v>
      </c>
      <c r="B27385" s="6"/>
      <c r="C27385" s="6"/>
      <c r="D27385" s="6" t="s">
        <v>6171</v>
      </c>
      <c r="E27385" s="6"/>
      <c r="F27385" s="7"/>
      <c r="G27385" s="8">
        <v>0</v>
      </c>
      <c r="H27385" s="8">
        <v>0</v>
      </c>
      <c r="I27385" s="8">
        <v>0</v>
      </c>
      <c r="J27385" s="8">
        <v>1</v>
      </c>
      <c r="K27385" s="9"/>
      <c r="L27385" s="6"/>
    </row>
    <row r="27386" spans="1:12">
      <c r="A27386" s="6" t="s">
        <v>28119</v>
      </c>
      <c r="B27386" s="6"/>
      <c r="C27386" s="6"/>
      <c r="D27386" s="6" t="s">
        <v>6171</v>
      </c>
      <c r="E27386" s="6"/>
      <c r="F27386" s="7"/>
      <c r="G27386" s="8">
        <v>0</v>
      </c>
      <c r="H27386" s="8">
        <v>0</v>
      </c>
      <c r="I27386" s="8">
        <v>0</v>
      </c>
      <c r="J27386" s="8">
        <v>1</v>
      </c>
      <c r="K27386" s="9"/>
      <c r="L27386" s="6"/>
    </row>
    <row r="27387" spans="1:12">
      <c r="A27387" s="6" t="s">
        <v>28119</v>
      </c>
      <c r="B27387" s="6"/>
      <c r="C27387" s="6"/>
      <c r="D27387" s="6" t="s">
        <v>6171</v>
      </c>
      <c r="E27387" s="6"/>
      <c r="F27387" s="7"/>
      <c r="G27387" s="8">
        <v>0</v>
      </c>
      <c r="H27387" s="8">
        <v>0</v>
      </c>
      <c r="I27387" s="8">
        <v>0</v>
      </c>
      <c r="J27387" s="8">
        <v>1</v>
      </c>
      <c r="K27387" s="9"/>
      <c r="L27387" s="6"/>
    </row>
    <row r="27388" spans="1:12">
      <c r="A27388" s="6" t="s">
        <v>28120</v>
      </c>
      <c r="B27388" s="6"/>
      <c r="C27388" s="6"/>
      <c r="D27388" s="6" t="s">
        <v>6171</v>
      </c>
      <c r="E27388" s="6"/>
      <c r="F27388" s="7"/>
      <c r="G27388" s="8">
        <v>0</v>
      </c>
      <c r="H27388" s="8">
        <v>0</v>
      </c>
      <c r="I27388" s="8">
        <v>0</v>
      </c>
      <c r="J27388" s="8">
        <v>1</v>
      </c>
      <c r="K27388" s="9"/>
      <c r="L27388" s="6"/>
    </row>
    <row r="27389" spans="1:12">
      <c r="A27389" s="6" t="s">
        <v>28121</v>
      </c>
      <c r="B27389" s="6"/>
      <c r="C27389" s="6"/>
      <c r="D27389" s="6" t="s">
        <v>6171</v>
      </c>
      <c r="E27389" s="6"/>
      <c r="F27389" s="7"/>
      <c r="G27389" s="8">
        <v>0</v>
      </c>
      <c r="H27389" s="8">
        <v>0</v>
      </c>
      <c r="I27389" s="8">
        <v>0</v>
      </c>
      <c r="J27389" s="8">
        <v>1</v>
      </c>
      <c r="K27389" s="9"/>
      <c r="L27389" s="6"/>
    </row>
    <row r="27390" spans="1:12">
      <c r="A27390" s="6" t="s">
        <v>28121</v>
      </c>
      <c r="B27390" s="6"/>
      <c r="C27390" s="6"/>
      <c r="D27390" s="6" t="s">
        <v>6171</v>
      </c>
      <c r="E27390" s="6"/>
      <c r="F27390" s="7"/>
      <c r="G27390" s="8">
        <v>0</v>
      </c>
      <c r="H27390" s="8">
        <v>0</v>
      </c>
      <c r="I27390" s="8">
        <v>0</v>
      </c>
      <c r="J27390" s="8">
        <v>1</v>
      </c>
      <c r="K27390" s="9"/>
      <c r="L27390" s="6"/>
    </row>
    <row r="27391" spans="1:12">
      <c r="A27391" s="6" t="s">
        <v>28122</v>
      </c>
      <c r="B27391" s="6"/>
      <c r="C27391" s="6"/>
      <c r="D27391" s="6" t="s">
        <v>6171</v>
      </c>
      <c r="E27391" s="6"/>
      <c r="F27391" s="7"/>
      <c r="G27391" s="8">
        <v>0</v>
      </c>
      <c r="H27391" s="8">
        <v>0</v>
      </c>
      <c r="I27391" s="8">
        <v>0</v>
      </c>
      <c r="J27391" s="8">
        <v>1</v>
      </c>
      <c r="K27391" s="9"/>
      <c r="L27391" s="6"/>
    </row>
    <row r="27392" spans="1:12">
      <c r="A27392" s="6" t="s">
        <v>28122</v>
      </c>
      <c r="B27392" s="6"/>
      <c r="C27392" s="6"/>
      <c r="D27392" s="6" t="s">
        <v>6171</v>
      </c>
      <c r="E27392" s="6"/>
      <c r="F27392" s="7"/>
      <c r="G27392" s="8">
        <v>0</v>
      </c>
      <c r="H27392" s="8">
        <v>0</v>
      </c>
      <c r="I27392" s="8">
        <v>0</v>
      </c>
      <c r="J27392" s="8">
        <v>1</v>
      </c>
      <c r="K27392" s="9"/>
      <c r="L27392" s="6"/>
    </row>
    <row r="27393" spans="1:12">
      <c r="A27393" s="6" t="s">
        <v>28122</v>
      </c>
      <c r="B27393" s="6"/>
      <c r="C27393" s="6"/>
      <c r="D27393" s="6" t="s">
        <v>6171</v>
      </c>
      <c r="E27393" s="6"/>
      <c r="F27393" s="7"/>
      <c r="G27393" s="8">
        <v>0</v>
      </c>
      <c r="H27393" s="8">
        <v>0</v>
      </c>
      <c r="I27393" s="8">
        <v>0</v>
      </c>
      <c r="J27393" s="8">
        <v>1</v>
      </c>
      <c r="K27393" s="9"/>
      <c r="L27393" s="6"/>
    </row>
    <row r="27394" spans="1:12">
      <c r="A27394" s="6" t="s">
        <v>28122</v>
      </c>
      <c r="B27394" s="6"/>
      <c r="C27394" s="6"/>
      <c r="D27394" s="6" t="s">
        <v>6171</v>
      </c>
      <c r="E27394" s="6"/>
      <c r="F27394" s="7"/>
      <c r="G27394" s="8">
        <v>0</v>
      </c>
      <c r="H27394" s="8">
        <v>0</v>
      </c>
      <c r="I27394" s="8">
        <v>0</v>
      </c>
      <c r="J27394" s="8">
        <v>1</v>
      </c>
      <c r="K27394" s="9"/>
      <c r="L27394" s="6"/>
    </row>
    <row r="27395" spans="1:12">
      <c r="A27395" s="6" t="s">
        <v>28122</v>
      </c>
      <c r="B27395" s="6"/>
      <c r="C27395" s="6"/>
      <c r="D27395" s="6" t="s">
        <v>6171</v>
      </c>
      <c r="E27395" s="6"/>
      <c r="F27395" s="7"/>
      <c r="G27395" s="8">
        <v>0</v>
      </c>
      <c r="H27395" s="8">
        <v>0</v>
      </c>
      <c r="I27395" s="8">
        <v>0</v>
      </c>
      <c r="J27395" s="8">
        <v>1</v>
      </c>
      <c r="K27395" s="9"/>
      <c r="L27395" s="6"/>
    </row>
    <row r="27396" spans="1:12">
      <c r="A27396" s="6" t="s">
        <v>28122</v>
      </c>
      <c r="B27396" s="6"/>
      <c r="C27396" s="6"/>
      <c r="D27396" s="6" t="s">
        <v>6171</v>
      </c>
      <c r="E27396" s="6"/>
      <c r="F27396" s="7"/>
      <c r="G27396" s="8">
        <v>0</v>
      </c>
      <c r="H27396" s="8">
        <v>0</v>
      </c>
      <c r="I27396" s="8">
        <v>0</v>
      </c>
      <c r="J27396" s="8">
        <v>1</v>
      </c>
      <c r="K27396" s="9"/>
      <c r="L27396" s="6"/>
    </row>
    <row r="27397" spans="1:12">
      <c r="A27397" s="6" t="s">
        <v>28122</v>
      </c>
      <c r="B27397" s="6"/>
      <c r="C27397" s="6"/>
      <c r="D27397" s="6" t="s">
        <v>6171</v>
      </c>
      <c r="E27397" s="6"/>
      <c r="F27397" s="7"/>
      <c r="G27397" s="8">
        <v>0</v>
      </c>
      <c r="H27397" s="8">
        <v>0</v>
      </c>
      <c r="I27397" s="8">
        <v>0</v>
      </c>
      <c r="J27397" s="8">
        <v>1</v>
      </c>
      <c r="K27397" s="9"/>
      <c r="L27397" s="6"/>
    </row>
    <row r="27398" spans="1:12">
      <c r="A27398" s="6" t="s">
        <v>28122</v>
      </c>
      <c r="B27398" s="6"/>
      <c r="C27398" s="6"/>
      <c r="D27398" s="6" t="s">
        <v>6171</v>
      </c>
      <c r="E27398" s="6"/>
      <c r="F27398" s="7"/>
      <c r="G27398" s="8">
        <v>0</v>
      </c>
      <c r="H27398" s="8">
        <v>0</v>
      </c>
      <c r="I27398" s="8">
        <v>0</v>
      </c>
      <c r="J27398" s="8">
        <v>1</v>
      </c>
      <c r="K27398" s="9"/>
      <c r="L27398" s="6"/>
    </row>
    <row r="27399" spans="1:12">
      <c r="A27399" s="6" t="s">
        <v>28122</v>
      </c>
      <c r="B27399" s="6"/>
      <c r="C27399" s="6"/>
      <c r="D27399" s="6" t="s">
        <v>6171</v>
      </c>
      <c r="E27399" s="6"/>
      <c r="F27399" s="7"/>
      <c r="G27399" s="8">
        <v>0</v>
      </c>
      <c r="H27399" s="8">
        <v>0</v>
      </c>
      <c r="I27399" s="8">
        <v>0</v>
      </c>
      <c r="J27399" s="8">
        <v>1</v>
      </c>
      <c r="K27399" s="9"/>
      <c r="L27399" s="6"/>
    </row>
    <row r="27400" spans="1:12">
      <c r="A27400" s="6" t="s">
        <v>28122</v>
      </c>
      <c r="B27400" s="6"/>
      <c r="C27400" s="6"/>
      <c r="D27400" s="6" t="s">
        <v>6171</v>
      </c>
      <c r="E27400" s="6"/>
      <c r="F27400" s="7"/>
      <c r="G27400" s="8">
        <v>0</v>
      </c>
      <c r="H27400" s="8">
        <v>0</v>
      </c>
      <c r="I27400" s="8">
        <v>0</v>
      </c>
      <c r="J27400" s="8">
        <v>1</v>
      </c>
      <c r="K27400" s="9"/>
      <c r="L27400" s="6"/>
    </row>
    <row r="27401" spans="1:12">
      <c r="A27401" s="6" t="s">
        <v>28122</v>
      </c>
      <c r="B27401" s="6"/>
      <c r="C27401" s="6"/>
      <c r="D27401" s="6" t="s">
        <v>6171</v>
      </c>
      <c r="E27401" s="6"/>
      <c r="F27401" s="7"/>
      <c r="G27401" s="8">
        <v>0</v>
      </c>
      <c r="H27401" s="8">
        <v>0</v>
      </c>
      <c r="I27401" s="8">
        <v>0</v>
      </c>
      <c r="J27401" s="8">
        <v>1</v>
      </c>
      <c r="K27401" s="9"/>
      <c r="L27401" s="6"/>
    </row>
    <row r="27402" spans="1:12">
      <c r="A27402" s="6" t="s">
        <v>28122</v>
      </c>
      <c r="B27402" s="6"/>
      <c r="C27402" s="6"/>
      <c r="D27402" s="6" t="s">
        <v>6171</v>
      </c>
      <c r="E27402" s="6"/>
      <c r="F27402" s="7"/>
      <c r="G27402" s="8">
        <v>0</v>
      </c>
      <c r="H27402" s="8">
        <v>0</v>
      </c>
      <c r="I27402" s="8">
        <v>0</v>
      </c>
      <c r="J27402" s="8">
        <v>1</v>
      </c>
      <c r="K27402" s="9"/>
      <c r="L27402" s="6"/>
    </row>
    <row r="27403" spans="1:12">
      <c r="A27403" s="6" t="s">
        <v>28122</v>
      </c>
      <c r="B27403" s="6"/>
      <c r="C27403" s="6"/>
      <c r="D27403" s="6" t="s">
        <v>6171</v>
      </c>
      <c r="E27403" s="6"/>
      <c r="F27403" s="7"/>
      <c r="G27403" s="8">
        <v>0</v>
      </c>
      <c r="H27403" s="8">
        <v>0</v>
      </c>
      <c r="I27403" s="8">
        <v>0</v>
      </c>
      <c r="J27403" s="8">
        <v>1</v>
      </c>
      <c r="K27403" s="9"/>
      <c r="L27403" s="6"/>
    </row>
    <row r="27404" spans="1:12">
      <c r="A27404" s="6" t="s">
        <v>28122</v>
      </c>
      <c r="B27404" s="6"/>
      <c r="C27404" s="6"/>
      <c r="D27404" s="6" t="s">
        <v>6171</v>
      </c>
      <c r="E27404" s="6"/>
      <c r="F27404" s="7"/>
      <c r="G27404" s="8">
        <v>0</v>
      </c>
      <c r="H27404" s="8">
        <v>0</v>
      </c>
      <c r="I27404" s="8">
        <v>0</v>
      </c>
      <c r="J27404" s="8">
        <v>1</v>
      </c>
      <c r="K27404" s="9"/>
      <c r="L27404" s="6"/>
    </row>
    <row r="27405" spans="1:12">
      <c r="A27405" s="6" t="s">
        <v>28122</v>
      </c>
      <c r="B27405" s="6"/>
      <c r="C27405" s="6"/>
      <c r="D27405" s="6" t="s">
        <v>6171</v>
      </c>
      <c r="E27405" s="6"/>
      <c r="F27405" s="7"/>
      <c r="G27405" s="8">
        <v>0</v>
      </c>
      <c r="H27405" s="8">
        <v>0</v>
      </c>
      <c r="I27405" s="8">
        <v>0</v>
      </c>
      <c r="J27405" s="8">
        <v>1</v>
      </c>
      <c r="K27405" s="9"/>
      <c r="L27405" s="6"/>
    </row>
    <row r="27406" spans="1:12">
      <c r="A27406" s="6" t="s">
        <v>28122</v>
      </c>
      <c r="B27406" s="6"/>
      <c r="C27406" s="6"/>
      <c r="D27406" s="6" t="s">
        <v>6171</v>
      </c>
      <c r="E27406" s="6"/>
      <c r="F27406" s="7"/>
      <c r="G27406" s="8">
        <v>0</v>
      </c>
      <c r="H27406" s="8">
        <v>0</v>
      </c>
      <c r="I27406" s="8">
        <v>0</v>
      </c>
      <c r="J27406" s="8">
        <v>1</v>
      </c>
      <c r="K27406" s="9"/>
      <c r="L27406" s="6"/>
    </row>
    <row r="27407" spans="1:12">
      <c r="A27407" s="6" t="s">
        <v>28122</v>
      </c>
      <c r="B27407" s="6"/>
      <c r="C27407" s="6"/>
      <c r="D27407" s="6" t="s">
        <v>6171</v>
      </c>
      <c r="E27407" s="6"/>
      <c r="F27407" s="7"/>
      <c r="G27407" s="8">
        <v>0</v>
      </c>
      <c r="H27407" s="8">
        <v>0</v>
      </c>
      <c r="I27407" s="8">
        <v>0</v>
      </c>
      <c r="J27407" s="8">
        <v>1</v>
      </c>
      <c r="K27407" s="9"/>
      <c r="L27407" s="6"/>
    </row>
    <row r="27408" spans="1:12">
      <c r="A27408" s="6" t="s">
        <v>28122</v>
      </c>
      <c r="B27408" s="6"/>
      <c r="C27408" s="6"/>
      <c r="D27408" s="6" t="s">
        <v>6171</v>
      </c>
      <c r="E27408" s="6"/>
      <c r="F27408" s="7"/>
      <c r="G27408" s="8">
        <v>0</v>
      </c>
      <c r="H27408" s="8">
        <v>0</v>
      </c>
      <c r="I27408" s="8">
        <v>0</v>
      </c>
      <c r="J27408" s="8">
        <v>1</v>
      </c>
      <c r="K27408" s="9"/>
      <c r="L27408" s="6"/>
    </row>
    <row r="27409" spans="1:12">
      <c r="A27409" s="6" t="s">
        <v>28122</v>
      </c>
      <c r="B27409" s="6"/>
      <c r="C27409" s="6"/>
      <c r="D27409" s="6" t="s">
        <v>6171</v>
      </c>
      <c r="E27409" s="6"/>
      <c r="F27409" s="7"/>
      <c r="G27409" s="8">
        <v>0</v>
      </c>
      <c r="H27409" s="8">
        <v>0</v>
      </c>
      <c r="I27409" s="8">
        <v>0</v>
      </c>
      <c r="J27409" s="8">
        <v>1</v>
      </c>
      <c r="K27409" s="9"/>
      <c r="L27409" s="6"/>
    </row>
    <row r="27410" spans="1:12">
      <c r="A27410" s="6" t="s">
        <v>28122</v>
      </c>
      <c r="B27410" s="6"/>
      <c r="C27410" s="6"/>
      <c r="D27410" s="6" t="s">
        <v>6171</v>
      </c>
      <c r="E27410" s="6"/>
      <c r="F27410" s="7"/>
      <c r="G27410" s="8">
        <v>0</v>
      </c>
      <c r="H27410" s="8">
        <v>0</v>
      </c>
      <c r="I27410" s="8">
        <v>0</v>
      </c>
      <c r="J27410" s="8">
        <v>1</v>
      </c>
      <c r="K27410" s="9"/>
      <c r="L27410" s="6"/>
    </row>
    <row r="27411" spans="1:12">
      <c r="A27411" s="6" t="s">
        <v>28122</v>
      </c>
      <c r="B27411" s="6"/>
      <c r="C27411" s="6"/>
      <c r="D27411" s="6" t="s">
        <v>6171</v>
      </c>
      <c r="E27411" s="6"/>
      <c r="F27411" s="7"/>
      <c r="G27411" s="8">
        <v>0</v>
      </c>
      <c r="H27411" s="8">
        <v>0</v>
      </c>
      <c r="I27411" s="8">
        <v>0</v>
      </c>
      <c r="J27411" s="8">
        <v>1</v>
      </c>
      <c r="K27411" s="9"/>
      <c r="L27411" s="6"/>
    </row>
    <row r="27412" spans="1:12">
      <c r="A27412" s="6" t="s">
        <v>27602</v>
      </c>
      <c r="B27412" s="6"/>
      <c r="C27412" s="6"/>
      <c r="D27412" s="6" t="s">
        <v>6171</v>
      </c>
      <c r="E27412" s="6"/>
      <c r="F27412" s="7"/>
      <c r="G27412" s="8">
        <v>0</v>
      </c>
      <c r="H27412" s="8">
        <v>0</v>
      </c>
      <c r="I27412" s="8">
        <v>0</v>
      </c>
      <c r="J27412" s="8">
        <v>1</v>
      </c>
      <c r="K27412" s="9"/>
      <c r="L27412" s="6"/>
    </row>
    <row r="27413" spans="1:12">
      <c r="A27413" s="6" t="s">
        <v>27602</v>
      </c>
      <c r="B27413" s="6"/>
      <c r="C27413" s="6"/>
      <c r="D27413" s="6" t="s">
        <v>6171</v>
      </c>
      <c r="E27413" s="6"/>
      <c r="F27413" s="7"/>
      <c r="G27413" s="8">
        <v>0</v>
      </c>
      <c r="H27413" s="8">
        <v>0</v>
      </c>
      <c r="I27413" s="8">
        <v>0</v>
      </c>
      <c r="J27413" s="8">
        <v>1</v>
      </c>
      <c r="K27413" s="9"/>
      <c r="L27413" s="6"/>
    </row>
    <row r="27414" spans="1:12">
      <c r="A27414" s="6" t="s">
        <v>27602</v>
      </c>
      <c r="B27414" s="6"/>
      <c r="C27414" s="6"/>
      <c r="D27414" s="6" t="s">
        <v>6171</v>
      </c>
      <c r="E27414" s="6"/>
      <c r="F27414" s="7"/>
      <c r="G27414" s="8">
        <v>0</v>
      </c>
      <c r="H27414" s="8">
        <v>0</v>
      </c>
      <c r="I27414" s="8">
        <v>0</v>
      </c>
      <c r="J27414" s="8">
        <v>1</v>
      </c>
      <c r="K27414" s="9"/>
      <c r="L27414" s="6"/>
    </row>
    <row r="27415" spans="1:12">
      <c r="A27415" s="6" t="s">
        <v>27602</v>
      </c>
      <c r="B27415" s="6"/>
      <c r="C27415" s="6"/>
      <c r="D27415" s="6" t="s">
        <v>6171</v>
      </c>
      <c r="E27415" s="6"/>
      <c r="F27415" s="7"/>
      <c r="G27415" s="8">
        <v>0</v>
      </c>
      <c r="H27415" s="8">
        <v>0</v>
      </c>
      <c r="I27415" s="8">
        <v>0</v>
      </c>
      <c r="J27415" s="8">
        <v>1</v>
      </c>
      <c r="K27415" s="9"/>
      <c r="L27415" s="6"/>
    </row>
    <row r="27416" spans="1:12">
      <c r="A27416" s="6" t="s">
        <v>27602</v>
      </c>
      <c r="B27416" s="6"/>
      <c r="C27416" s="6"/>
      <c r="D27416" s="6" t="s">
        <v>6171</v>
      </c>
      <c r="E27416" s="6"/>
      <c r="F27416" s="7"/>
      <c r="G27416" s="8">
        <v>0</v>
      </c>
      <c r="H27416" s="8">
        <v>0</v>
      </c>
      <c r="I27416" s="8">
        <v>0</v>
      </c>
      <c r="J27416" s="8">
        <v>1</v>
      </c>
      <c r="K27416" s="9"/>
      <c r="L27416" s="6"/>
    </row>
    <row r="27417" spans="1:12">
      <c r="A27417" s="6" t="s">
        <v>27602</v>
      </c>
      <c r="B27417" s="6"/>
      <c r="C27417" s="6"/>
      <c r="D27417" s="6" t="s">
        <v>6171</v>
      </c>
      <c r="E27417" s="6"/>
      <c r="F27417" s="7"/>
      <c r="G27417" s="8">
        <v>0</v>
      </c>
      <c r="H27417" s="8">
        <v>0</v>
      </c>
      <c r="I27417" s="8">
        <v>0</v>
      </c>
      <c r="J27417" s="8">
        <v>1</v>
      </c>
      <c r="K27417" s="9"/>
      <c r="L27417" s="6"/>
    </row>
    <row r="27418" spans="1:12">
      <c r="A27418" s="6" t="s">
        <v>27602</v>
      </c>
      <c r="B27418" s="6"/>
      <c r="C27418" s="6"/>
      <c r="D27418" s="6" t="s">
        <v>6171</v>
      </c>
      <c r="E27418" s="6"/>
      <c r="F27418" s="7"/>
      <c r="G27418" s="8">
        <v>0</v>
      </c>
      <c r="H27418" s="8">
        <v>0</v>
      </c>
      <c r="I27418" s="8">
        <v>0</v>
      </c>
      <c r="J27418" s="8">
        <v>1</v>
      </c>
      <c r="K27418" s="9"/>
      <c r="L27418" s="6"/>
    </row>
    <row r="27419" spans="1:12">
      <c r="A27419" s="6" t="s">
        <v>27602</v>
      </c>
      <c r="B27419" s="6"/>
      <c r="C27419" s="6"/>
      <c r="D27419" s="6" t="s">
        <v>6171</v>
      </c>
      <c r="E27419" s="6"/>
      <c r="F27419" s="7"/>
      <c r="G27419" s="8">
        <v>0</v>
      </c>
      <c r="H27419" s="8">
        <v>0</v>
      </c>
      <c r="I27419" s="8">
        <v>0</v>
      </c>
      <c r="J27419" s="8">
        <v>1</v>
      </c>
      <c r="K27419" s="9"/>
      <c r="L27419" s="6"/>
    </row>
    <row r="27420" spans="1:12">
      <c r="A27420" s="6" t="s">
        <v>27602</v>
      </c>
      <c r="B27420" s="6"/>
      <c r="C27420" s="6"/>
      <c r="D27420" s="6" t="s">
        <v>6171</v>
      </c>
      <c r="E27420" s="6"/>
      <c r="F27420" s="7"/>
      <c r="G27420" s="8">
        <v>0</v>
      </c>
      <c r="H27420" s="8">
        <v>0</v>
      </c>
      <c r="I27420" s="8">
        <v>0</v>
      </c>
      <c r="J27420" s="8">
        <v>1</v>
      </c>
      <c r="K27420" s="9"/>
      <c r="L27420" s="6"/>
    </row>
    <row r="27421" spans="1:12">
      <c r="A27421" s="6" t="s">
        <v>27602</v>
      </c>
      <c r="B27421" s="6"/>
      <c r="C27421" s="6"/>
      <c r="D27421" s="6" t="s">
        <v>6171</v>
      </c>
      <c r="E27421" s="6"/>
      <c r="F27421" s="7"/>
      <c r="G27421" s="8">
        <v>0</v>
      </c>
      <c r="H27421" s="8">
        <v>0</v>
      </c>
      <c r="I27421" s="8">
        <v>0</v>
      </c>
      <c r="J27421" s="8">
        <v>1</v>
      </c>
      <c r="K27421" s="9"/>
      <c r="L27421" s="6"/>
    </row>
    <row r="27422" spans="1:12">
      <c r="A27422" s="6" t="s">
        <v>27602</v>
      </c>
      <c r="B27422" s="6"/>
      <c r="C27422" s="6"/>
      <c r="D27422" s="6" t="s">
        <v>6171</v>
      </c>
      <c r="E27422" s="6"/>
      <c r="F27422" s="7"/>
      <c r="G27422" s="8">
        <v>0</v>
      </c>
      <c r="H27422" s="8">
        <v>0</v>
      </c>
      <c r="I27422" s="8">
        <v>0</v>
      </c>
      <c r="J27422" s="8">
        <v>1</v>
      </c>
      <c r="K27422" s="9"/>
      <c r="L27422" s="6"/>
    </row>
    <row r="27423" spans="1:12">
      <c r="A27423" s="6" t="s">
        <v>27602</v>
      </c>
      <c r="B27423" s="6"/>
      <c r="C27423" s="6"/>
      <c r="D27423" s="6" t="s">
        <v>6171</v>
      </c>
      <c r="E27423" s="6"/>
      <c r="F27423" s="7"/>
      <c r="G27423" s="8">
        <v>0</v>
      </c>
      <c r="H27423" s="8">
        <v>0</v>
      </c>
      <c r="I27423" s="8">
        <v>0</v>
      </c>
      <c r="J27423" s="8">
        <v>1</v>
      </c>
      <c r="K27423" s="9"/>
      <c r="L27423" s="6"/>
    </row>
    <row r="27424" spans="1:12">
      <c r="A27424" s="6" t="s">
        <v>27602</v>
      </c>
      <c r="B27424" s="6"/>
      <c r="C27424" s="6"/>
      <c r="D27424" s="6" t="s">
        <v>6171</v>
      </c>
      <c r="E27424" s="6"/>
      <c r="F27424" s="7"/>
      <c r="G27424" s="8">
        <v>0</v>
      </c>
      <c r="H27424" s="8">
        <v>0</v>
      </c>
      <c r="I27424" s="8">
        <v>0</v>
      </c>
      <c r="J27424" s="8">
        <v>1</v>
      </c>
      <c r="K27424" s="9"/>
      <c r="L27424" s="6"/>
    </row>
    <row r="27425" spans="1:12">
      <c r="A27425" s="6" t="s">
        <v>27602</v>
      </c>
      <c r="B27425" s="6"/>
      <c r="C27425" s="6"/>
      <c r="D27425" s="6" t="s">
        <v>6171</v>
      </c>
      <c r="E27425" s="6"/>
      <c r="F27425" s="7"/>
      <c r="G27425" s="8">
        <v>0</v>
      </c>
      <c r="H27425" s="8">
        <v>0</v>
      </c>
      <c r="I27425" s="8">
        <v>0</v>
      </c>
      <c r="J27425" s="8">
        <v>1</v>
      </c>
      <c r="K27425" s="9"/>
      <c r="L27425" s="6"/>
    </row>
    <row r="27426" spans="1:12">
      <c r="A27426" s="6" t="s">
        <v>27602</v>
      </c>
      <c r="B27426" s="6"/>
      <c r="C27426" s="6"/>
      <c r="D27426" s="6" t="s">
        <v>6171</v>
      </c>
      <c r="E27426" s="6"/>
      <c r="F27426" s="7"/>
      <c r="G27426" s="8">
        <v>0</v>
      </c>
      <c r="H27426" s="8">
        <v>0</v>
      </c>
      <c r="I27426" s="8">
        <v>0</v>
      </c>
      <c r="J27426" s="8">
        <v>1</v>
      </c>
      <c r="K27426" s="9"/>
      <c r="L27426" s="6"/>
    </row>
    <row r="27427" spans="1:12">
      <c r="A27427" s="6" t="s">
        <v>27602</v>
      </c>
      <c r="B27427" s="6"/>
      <c r="C27427" s="6"/>
      <c r="D27427" s="6" t="s">
        <v>6171</v>
      </c>
      <c r="E27427" s="6"/>
      <c r="F27427" s="7"/>
      <c r="G27427" s="8">
        <v>0</v>
      </c>
      <c r="H27427" s="8">
        <v>0</v>
      </c>
      <c r="I27427" s="8">
        <v>0</v>
      </c>
      <c r="J27427" s="8">
        <v>1</v>
      </c>
      <c r="K27427" s="9"/>
      <c r="L27427" s="6"/>
    </row>
    <row r="27428" spans="1:12">
      <c r="A27428" s="6" t="s">
        <v>27602</v>
      </c>
      <c r="B27428" s="6"/>
      <c r="C27428" s="6"/>
      <c r="D27428" s="6" t="s">
        <v>6171</v>
      </c>
      <c r="E27428" s="6"/>
      <c r="F27428" s="7"/>
      <c r="G27428" s="8">
        <v>0</v>
      </c>
      <c r="H27428" s="8">
        <v>0</v>
      </c>
      <c r="I27428" s="8">
        <v>0</v>
      </c>
      <c r="J27428" s="8">
        <v>1</v>
      </c>
      <c r="K27428" s="9"/>
      <c r="L27428" s="6"/>
    </row>
    <row r="27429" spans="1:12">
      <c r="A27429" s="6" t="s">
        <v>27602</v>
      </c>
      <c r="B27429" s="6"/>
      <c r="C27429" s="6"/>
      <c r="D27429" s="6" t="s">
        <v>6171</v>
      </c>
      <c r="E27429" s="6"/>
      <c r="F27429" s="7"/>
      <c r="G27429" s="8">
        <v>0</v>
      </c>
      <c r="H27429" s="8">
        <v>0</v>
      </c>
      <c r="I27429" s="8">
        <v>0</v>
      </c>
      <c r="J27429" s="8">
        <v>1</v>
      </c>
      <c r="K27429" s="9"/>
      <c r="L27429" s="6"/>
    </row>
    <row r="27430" spans="1:12">
      <c r="A27430" s="6" t="s">
        <v>27602</v>
      </c>
      <c r="B27430" s="6"/>
      <c r="C27430" s="6"/>
      <c r="D27430" s="6" t="s">
        <v>6171</v>
      </c>
      <c r="E27430" s="6"/>
      <c r="F27430" s="7"/>
      <c r="G27430" s="8">
        <v>0</v>
      </c>
      <c r="H27430" s="8">
        <v>0</v>
      </c>
      <c r="I27430" s="8">
        <v>0</v>
      </c>
      <c r="J27430" s="8">
        <v>1</v>
      </c>
      <c r="K27430" s="9"/>
      <c r="L27430" s="6"/>
    </row>
    <row r="27431" spans="1:12">
      <c r="A27431" s="6" t="s">
        <v>27602</v>
      </c>
      <c r="B27431" s="6"/>
      <c r="C27431" s="6"/>
      <c r="D27431" s="6" t="s">
        <v>6171</v>
      </c>
      <c r="E27431" s="6"/>
      <c r="F27431" s="7"/>
      <c r="G27431" s="8">
        <v>0</v>
      </c>
      <c r="H27431" s="8">
        <v>0</v>
      </c>
      <c r="I27431" s="8">
        <v>0</v>
      </c>
      <c r="J27431" s="8">
        <v>1</v>
      </c>
      <c r="K27431" s="9"/>
      <c r="L27431" s="6"/>
    </row>
    <row r="27432" spans="1:12">
      <c r="A27432" s="6" t="s">
        <v>27602</v>
      </c>
      <c r="B27432" s="6"/>
      <c r="C27432" s="6"/>
      <c r="D27432" s="6" t="s">
        <v>6171</v>
      </c>
      <c r="E27432" s="6"/>
      <c r="F27432" s="7"/>
      <c r="G27432" s="8">
        <v>0</v>
      </c>
      <c r="H27432" s="8">
        <v>0</v>
      </c>
      <c r="I27432" s="8">
        <v>0</v>
      </c>
      <c r="J27432" s="8">
        <v>1</v>
      </c>
      <c r="K27432" s="9"/>
      <c r="L27432" s="6"/>
    </row>
    <row r="27433" spans="1:12">
      <c r="A27433" s="6" t="s">
        <v>27602</v>
      </c>
      <c r="B27433" s="6"/>
      <c r="C27433" s="6"/>
      <c r="D27433" s="6" t="s">
        <v>6171</v>
      </c>
      <c r="E27433" s="6"/>
      <c r="F27433" s="7"/>
      <c r="G27433" s="8">
        <v>0</v>
      </c>
      <c r="H27433" s="8">
        <v>0</v>
      </c>
      <c r="I27433" s="8">
        <v>0</v>
      </c>
      <c r="J27433" s="8">
        <v>1</v>
      </c>
      <c r="K27433" s="9"/>
      <c r="L27433" s="6"/>
    </row>
    <row r="27434" spans="1:12">
      <c r="A27434" s="6" t="s">
        <v>28123</v>
      </c>
      <c r="B27434" s="6"/>
      <c r="C27434" s="6" t="s">
        <v>28124</v>
      </c>
      <c r="D27434" s="6"/>
      <c r="E27434" s="6" t="s">
        <v>18740</v>
      </c>
      <c r="F27434" s="7">
        <v>38657</v>
      </c>
      <c r="G27434" s="8">
        <v>33706000</v>
      </c>
      <c r="H27434" s="8">
        <v>33706000</v>
      </c>
      <c r="I27434" s="8">
        <v>0</v>
      </c>
      <c r="J27434" s="8">
        <v>33706000</v>
      </c>
      <c r="K27434" s="9">
        <v>3548</v>
      </c>
      <c r="L27434" s="6" t="s">
        <v>1694</v>
      </c>
    </row>
    <row r="27435" spans="1:12">
      <c r="A27435" s="6" t="s">
        <v>28125</v>
      </c>
      <c r="B27435" s="6"/>
      <c r="C27435" s="6" t="s">
        <v>28126</v>
      </c>
      <c r="D27435" s="6"/>
      <c r="E27435" s="6" t="s">
        <v>9</v>
      </c>
      <c r="F27435" s="7">
        <v>38657</v>
      </c>
      <c r="G27435" s="8">
        <v>21093000</v>
      </c>
      <c r="H27435" s="8">
        <v>21093000</v>
      </c>
      <c r="I27435" s="8">
        <v>0</v>
      </c>
      <c r="J27435" s="8">
        <v>21093000</v>
      </c>
      <c r="K27435" s="9">
        <v>1335</v>
      </c>
      <c r="L27435" s="6" t="s">
        <v>1694</v>
      </c>
    </row>
    <row r="27436" spans="1:12">
      <c r="A27436" s="6" t="s">
        <v>28125</v>
      </c>
      <c r="B27436" s="6"/>
      <c r="C27436" s="6" t="s">
        <v>28127</v>
      </c>
      <c r="D27436" s="6"/>
      <c r="E27436" s="6" t="s">
        <v>9</v>
      </c>
      <c r="F27436" s="7">
        <v>38657</v>
      </c>
      <c r="G27436" s="8">
        <v>17648600</v>
      </c>
      <c r="H27436" s="8">
        <v>17648600</v>
      </c>
      <c r="I27436" s="8">
        <v>0</v>
      </c>
      <c r="J27436" s="8">
        <v>17648600</v>
      </c>
      <c r="K27436" s="9">
        <v>1117</v>
      </c>
      <c r="L27436" s="6" t="s">
        <v>1694</v>
      </c>
    </row>
    <row r="27437" spans="1:12">
      <c r="A27437" s="6" t="s">
        <v>28125</v>
      </c>
      <c r="B27437" s="6"/>
      <c r="C27437" s="6" t="s">
        <v>28128</v>
      </c>
      <c r="D27437" s="6"/>
      <c r="E27437" s="6" t="s">
        <v>9</v>
      </c>
      <c r="F27437" s="7">
        <v>38657</v>
      </c>
      <c r="G27437" s="8">
        <v>31868600</v>
      </c>
      <c r="H27437" s="8">
        <v>31868600</v>
      </c>
      <c r="I27437" s="8">
        <v>0</v>
      </c>
      <c r="J27437" s="8">
        <v>31868600</v>
      </c>
      <c r="K27437" s="9">
        <v>2017</v>
      </c>
      <c r="L27437" s="6" t="s">
        <v>1694</v>
      </c>
    </row>
    <row r="27438" spans="1:12">
      <c r="A27438" s="6" t="s">
        <v>28129</v>
      </c>
      <c r="B27438" s="6"/>
      <c r="C27438" s="6" t="s">
        <v>28130</v>
      </c>
      <c r="D27438" s="6"/>
      <c r="E27438" s="6" t="s">
        <v>18740</v>
      </c>
      <c r="F27438" s="7">
        <v>38657</v>
      </c>
      <c r="G27438" s="8">
        <v>38651158</v>
      </c>
      <c r="H27438" s="8">
        <v>38651158</v>
      </c>
      <c r="I27438" s="8">
        <v>0</v>
      </c>
      <c r="J27438" s="8">
        <v>38651158</v>
      </c>
      <c r="K27438" s="9">
        <v>2123.69</v>
      </c>
      <c r="L27438" s="6" t="s">
        <v>10</v>
      </c>
    </row>
    <row r="27439" spans="1:12">
      <c r="A27439" s="6" t="s">
        <v>28129</v>
      </c>
      <c r="B27439" s="6"/>
      <c r="C27439" s="6" t="s">
        <v>28131</v>
      </c>
      <c r="D27439" s="6"/>
      <c r="E27439" s="6" t="s">
        <v>18740</v>
      </c>
      <c r="F27439" s="7">
        <v>38657</v>
      </c>
      <c r="G27439" s="8">
        <v>50553594</v>
      </c>
      <c r="H27439" s="8">
        <v>50553594</v>
      </c>
      <c r="I27439" s="8">
        <v>0</v>
      </c>
      <c r="J27439" s="8">
        <v>50553594</v>
      </c>
      <c r="K27439" s="9">
        <v>2777.67</v>
      </c>
      <c r="L27439" s="6" t="s">
        <v>10</v>
      </c>
    </row>
    <row r="27440" spans="1:12">
      <c r="A27440" s="6" t="s">
        <v>28129</v>
      </c>
      <c r="B27440" s="6"/>
      <c r="C27440" s="6" t="s">
        <v>28132</v>
      </c>
      <c r="D27440" s="6"/>
      <c r="E27440" s="6" t="s">
        <v>18740</v>
      </c>
      <c r="F27440" s="7">
        <v>38657</v>
      </c>
      <c r="G27440" s="8">
        <v>329602</v>
      </c>
      <c r="H27440" s="8">
        <v>329602</v>
      </c>
      <c r="I27440" s="8">
        <v>0</v>
      </c>
      <c r="J27440" s="8">
        <v>329602</v>
      </c>
      <c r="K27440" s="9">
        <v>18.11</v>
      </c>
      <c r="L27440" s="6" t="s">
        <v>10</v>
      </c>
    </row>
    <row r="27441" spans="1:12">
      <c r="A27441" s="6" t="s">
        <v>28133</v>
      </c>
      <c r="B27441" s="6"/>
      <c r="C27441" s="6" t="s">
        <v>28134</v>
      </c>
      <c r="D27441" s="6"/>
      <c r="E27441" s="6" t="s">
        <v>9</v>
      </c>
      <c r="F27441" s="7">
        <v>38657</v>
      </c>
      <c r="G27441" s="8">
        <v>15567255</v>
      </c>
      <c r="H27441" s="8">
        <v>15567255</v>
      </c>
      <c r="I27441" s="8">
        <v>0</v>
      </c>
      <c r="J27441" s="8">
        <v>15567255</v>
      </c>
      <c r="K27441" s="9">
        <v>943.47</v>
      </c>
      <c r="L27441" s="6" t="s">
        <v>10</v>
      </c>
    </row>
    <row r="27442" spans="1:12">
      <c r="A27442" s="6" t="s">
        <v>28135</v>
      </c>
      <c r="B27442" s="6"/>
      <c r="C27442" s="6" t="s">
        <v>28136</v>
      </c>
      <c r="D27442" s="6"/>
      <c r="E27442" s="6" t="s">
        <v>9</v>
      </c>
      <c r="F27442" s="7">
        <v>38657</v>
      </c>
      <c r="G27442" s="8">
        <v>5423780</v>
      </c>
      <c r="H27442" s="8">
        <v>5423780</v>
      </c>
      <c r="I27442" s="8">
        <v>0</v>
      </c>
      <c r="J27442" s="8">
        <v>5423780</v>
      </c>
      <c r="K27442" s="9">
        <v>1060.99</v>
      </c>
      <c r="L27442" s="6" t="s">
        <v>23</v>
      </c>
    </row>
    <row r="27443" spans="1:12">
      <c r="A27443" s="6" t="s">
        <v>28137</v>
      </c>
      <c r="B27443" s="6"/>
      <c r="C27443" s="6" t="s">
        <v>28138</v>
      </c>
      <c r="D27443" s="6"/>
      <c r="E27443" s="6" t="s">
        <v>9</v>
      </c>
      <c r="F27443" s="7">
        <v>38657</v>
      </c>
      <c r="G27443" s="8">
        <v>57918</v>
      </c>
      <c r="H27443" s="8">
        <v>57918</v>
      </c>
      <c r="I27443" s="8">
        <v>0</v>
      </c>
      <c r="J27443" s="8">
        <v>57918</v>
      </c>
      <c r="K27443" s="9">
        <v>11.33</v>
      </c>
      <c r="L27443" s="6" t="s">
        <v>23</v>
      </c>
    </row>
    <row r="27444" spans="1:12">
      <c r="A27444" s="6" t="s">
        <v>28137</v>
      </c>
      <c r="B27444" s="6"/>
      <c r="C27444" s="6" t="s">
        <v>28139</v>
      </c>
      <c r="D27444" s="6"/>
      <c r="E27444" s="6" t="s">
        <v>9</v>
      </c>
      <c r="F27444" s="7">
        <v>38657</v>
      </c>
      <c r="G27444" s="8">
        <v>115837</v>
      </c>
      <c r="H27444" s="8">
        <v>115837</v>
      </c>
      <c r="I27444" s="8">
        <v>0</v>
      </c>
      <c r="J27444" s="8">
        <v>115837</v>
      </c>
      <c r="K27444" s="9">
        <v>22.66</v>
      </c>
      <c r="L27444" s="6" t="s">
        <v>23</v>
      </c>
    </row>
    <row r="27445" spans="1:12">
      <c r="A27445" s="6" t="s">
        <v>28137</v>
      </c>
      <c r="B27445" s="6"/>
      <c r="C27445" s="6" t="s">
        <v>28140</v>
      </c>
      <c r="D27445" s="6"/>
      <c r="E27445" s="6" t="s">
        <v>9</v>
      </c>
      <c r="F27445" s="7">
        <v>38657</v>
      </c>
      <c r="G27445" s="8">
        <v>47950</v>
      </c>
      <c r="H27445" s="8">
        <v>47950</v>
      </c>
      <c r="I27445" s="8">
        <v>0</v>
      </c>
      <c r="J27445" s="8">
        <v>47950</v>
      </c>
      <c r="K27445" s="9">
        <v>9.3800000000000008</v>
      </c>
      <c r="L27445" s="6" t="s">
        <v>23</v>
      </c>
    </row>
    <row r="27446" spans="1:12">
      <c r="A27446" s="6" t="s">
        <v>28137</v>
      </c>
      <c r="B27446" s="6"/>
      <c r="C27446" s="6" t="s">
        <v>28141</v>
      </c>
      <c r="D27446" s="6"/>
      <c r="E27446" s="6" t="s">
        <v>9</v>
      </c>
      <c r="F27446" s="7">
        <v>38657</v>
      </c>
      <c r="G27446" s="8">
        <v>20448</v>
      </c>
      <c r="H27446" s="8">
        <v>20448</v>
      </c>
      <c r="I27446" s="8">
        <v>0</v>
      </c>
      <c r="J27446" s="8">
        <v>20448</v>
      </c>
      <c r="K27446" s="9">
        <v>4</v>
      </c>
      <c r="L27446" s="6" t="s">
        <v>23</v>
      </c>
    </row>
    <row r="27447" spans="1:12">
      <c r="A27447" s="6" t="s">
        <v>28142</v>
      </c>
      <c r="B27447" s="6"/>
      <c r="C27447" s="6" t="s">
        <v>28143</v>
      </c>
      <c r="D27447" s="6"/>
      <c r="E27447" s="6" t="s">
        <v>25121</v>
      </c>
      <c r="F27447" s="7">
        <v>38657</v>
      </c>
      <c r="G27447" s="8">
        <v>1263321</v>
      </c>
      <c r="H27447" s="8">
        <v>1263321</v>
      </c>
      <c r="I27447" s="8">
        <v>0</v>
      </c>
      <c r="J27447" s="8">
        <v>1263321</v>
      </c>
      <c r="K27447" s="9">
        <v>82.57</v>
      </c>
      <c r="L27447" s="6" t="s">
        <v>10</v>
      </c>
    </row>
    <row r="27448" spans="1:12">
      <c r="A27448" s="6" t="s">
        <v>28144</v>
      </c>
      <c r="B27448" s="6"/>
      <c r="C27448" s="6" t="s">
        <v>28145</v>
      </c>
      <c r="D27448" s="6"/>
      <c r="E27448" s="6" t="s">
        <v>9</v>
      </c>
      <c r="F27448" s="7">
        <v>38657</v>
      </c>
      <c r="G27448" s="8">
        <v>2270077</v>
      </c>
      <c r="H27448" s="8">
        <v>2270077</v>
      </c>
      <c r="I27448" s="8">
        <v>0</v>
      </c>
      <c r="J27448" s="8">
        <v>2270077</v>
      </c>
      <c r="K27448" s="9">
        <v>99.13</v>
      </c>
      <c r="L27448" s="6" t="s">
        <v>10</v>
      </c>
    </row>
    <row r="27449" spans="1:12">
      <c r="A27449" s="6" t="s">
        <v>28146</v>
      </c>
      <c r="B27449" s="6"/>
      <c r="C27449" s="6" t="s">
        <v>28147</v>
      </c>
      <c r="D27449" s="6"/>
      <c r="E27449" s="6" t="s">
        <v>9</v>
      </c>
      <c r="F27449" s="7">
        <v>38657</v>
      </c>
      <c r="G27449" s="8">
        <v>1</v>
      </c>
      <c r="H27449" s="8">
        <v>1</v>
      </c>
      <c r="I27449" s="8">
        <v>0</v>
      </c>
      <c r="J27449" s="8">
        <v>1</v>
      </c>
      <c r="K27449" s="9">
        <v>33</v>
      </c>
      <c r="L27449" s="6" t="s">
        <v>51</v>
      </c>
    </row>
    <row r="27450" spans="1:12">
      <c r="A27450" s="6" t="s">
        <v>28148</v>
      </c>
      <c r="B27450" s="6"/>
      <c r="C27450" s="6" t="s">
        <v>28149</v>
      </c>
      <c r="D27450" s="6"/>
      <c r="E27450" s="6" t="s">
        <v>9</v>
      </c>
      <c r="F27450" s="7">
        <v>38657</v>
      </c>
      <c r="G27450" s="8">
        <v>352800</v>
      </c>
      <c r="H27450" s="8">
        <v>352800</v>
      </c>
      <c r="I27450" s="8">
        <v>0</v>
      </c>
      <c r="J27450" s="8">
        <v>352800</v>
      </c>
      <c r="K27450" s="9">
        <v>11.76</v>
      </c>
      <c r="L27450" s="6" t="s">
        <v>10</v>
      </c>
    </row>
    <row r="27451" spans="1:12">
      <c r="A27451" s="6" t="s">
        <v>28150</v>
      </c>
      <c r="B27451" s="6"/>
      <c r="C27451" s="6" t="s">
        <v>28151</v>
      </c>
      <c r="D27451" s="6"/>
      <c r="E27451" s="6" t="s">
        <v>9</v>
      </c>
      <c r="F27451" s="7">
        <v>43915</v>
      </c>
      <c r="G27451" s="8">
        <v>671220</v>
      </c>
      <c r="H27451" s="8">
        <v>671220</v>
      </c>
      <c r="I27451" s="8">
        <v>0</v>
      </c>
      <c r="J27451" s="8">
        <v>671220</v>
      </c>
      <c r="K27451" s="9">
        <v>61.02</v>
      </c>
      <c r="L27451" s="6" t="s">
        <v>51</v>
      </c>
    </row>
    <row r="27452" spans="1:12">
      <c r="A27452" s="6" t="s">
        <v>28152</v>
      </c>
      <c r="B27452" s="6"/>
      <c r="C27452" s="6" t="s">
        <v>28153</v>
      </c>
      <c r="D27452" s="6"/>
      <c r="E27452" s="6" t="s">
        <v>9</v>
      </c>
      <c r="F27452" s="7">
        <v>38657</v>
      </c>
      <c r="G27452" s="8">
        <v>1</v>
      </c>
      <c r="H27452" s="8">
        <v>1</v>
      </c>
      <c r="I27452" s="8">
        <v>0</v>
      </c>
      <c r="J27452" s="8">
        <v>1</v>
      </c>
      <c r="K27452" s="9">
        <v>51</v>
      </c>
      <c r="L27452" s="6" t="s">
        <v>51</v>
      </c>
    </row>
    <row r="27453" spans="1:12">
      <c r="A27453" s="6" t="s">
        <v>28154</v>
      </c>
      <c r="B27453" s="6"/>
      <c r="C27453" s="6" t="s">
        <v>28155</v>
      </c>
      <c r="D27453" s="6"/>
      <c r="E27453" s="6" t="s">
        <v>9</v>
      </c>
      <c r="F27453" s="7">
        <v>38657</v>
      </c>
      <c r="G27453" s="8">
        <v>122688</v>
      </c>
      <c r="H27453" s="8">
        <v>122688</v>
      </c>
      <c r="I27453" s="8">
        <v>0</v>
      </c>
      <c r="J27453" s="8">
        <v>122688</v>
      </c>
      <c r="K27453" s="9">
        <v>24</v>
      </c>
      <c r="L27453" s="6" t="s">
        <v>23</v>
      </c>
    </row>
    <row r="27454" spans="1:12">
      <c r="A27454" s="6" t="s">
        <v>28156</v>
      </c>
      <c r="B27454" s="6"/>
      <c r="C27454" s="6" t="s">
        <v>28157</v>
      </c>
      <c r="D27454" s="6"/>
      <c r="E27454" s="6" t="s">
        <v>9</v>
      </c>
      <c r="F27454" s="7">
        <v>38657</v>
      </c>
      <c r="G27454" s="8">
        <v>419184</v>
      </c>
      <c r="H27454" s="8">
        <v>419184</v>
      </c>
      <c r="I27454" s="8">
        <v>0</v>
      </c>
      <c r="J27454" s="8">
        <v>419184</v>
      </c>
      <c r="K27454" s="9">
        <v>82</v>
      </c>
      <c r="L27454" s="6" t="s">
        <v>23</v>
      </c>
    </row>
    <row r="27455" spans="1:12">
      <c r="A27455" s="6" t="s">
        <v>28158</v>
      </c>
      <c r="B27455" s="6"/>
      <c r="C27455" s="6" t="s">
        <v>28159</v>
      </c>
      <c r="D27455" s="6"/>
      <c r="E27455" s="6" t="s">
        <v>9</v>
      </c>
      <c r="F27455" s="7">
        <v>38657</v>
      </c>
      <c r="G27455" s="8">
        <v>1</v>
      </c>
      <c r="H27455" s="8">
        <v>1</v>
      </c>
      <c r="I27455" s="8">
        <v>0</v>
      </c>
      <c r="J27455" s="8">
        <v>1</v>
      </c>
      <c r="K27455" s="9">
        <v>30.2</v>
      </c>
      <c r="L27455" s="6" t="s">
        <v>51</v>
      </c>
    </row>
    <row r="27456" spans="1:12">
      <c r="A27456" s="6" t="s">
        <v>28160</v>
      </c>
      <c r="B27456" s="6"/>
      <c r="C27456" s="6" t="s">
        <v>28161</v>
      </c>
      <c r="D27456" s="6"/>
      <c r="E27456" s="6" t="s">
        <v>18740</v>
      </c>
      <c r="F27456" s="7">
        <v>38657</v>
      </c>
      <c r="G27456" s="8">
        <v>5554500</v>
      </c>
      <c r="H27456" s="8">
        <v>5554500</v>
      </c>
      <c r="I27456" s="8">
        <v>0</v>
      </c>
      <c r="J27456" s="8">
        <v>5554500</v>
      </c>
      <c r="K27456" s="9">
        <v>529</v>
      </c>
      <c r="L27456" s="6" t="s">
        <v>10</v>
      </c>
    </row>
    <row r="27457" spans="1:12">
      <c r="A27457" s="6" t="s">
        <v>28160</v>
      </c>
      <c r="B27457" s="6"/>
      <c r="C27457" s="6" t="s">
        <v>28161</v>
      </c>
      <c r="D27457" s="6" t="s">
        <v>28162</v>
      </c>
      <c r="E27457" s="6" t="s">
        <v>18740</v>
      </c>
      <c r="F27457" s="7"/>
      <c r="G27457" s="8">
        <v>0</v>
      </c>
      <c r="H27457" s="8">
        <v>0</v>
      </c>
      <c r="I27457" s="8">
        <v>0</v>
      </c>
      <c r="J27457" s="8">
        <v>-5554500</v>
      </c>
      <c r="K27457" s="9"/>
      <c r="L27457" s="6"/>
    </row>
    <row r="27458" spans="1:12">
      <c r="A27458" s="6" t="s">
        <v>28163</v>
      </c>
      <c r="B27458" s="6"/>
      <c r="C27458" s="6" t="s">
        <v>28164</v>
      </c>
      <c r="D27458" s="6"/>
      <c r="E27458" s="6" t="s">
        <v>9</v>
      </c>
      <c r="F27458" s="7">
        <v>38657</v>
      </c>
      <c r="G27458" s="8">
        <v>429663</v>
      </c>
      <c r="H27458" s="8">
        <v>429663</v>
      </c>
      <c r="I27458" s="8">
        <v>0</v>
      </c>
      <c r="J27458" s="8">
        <v>429663</v>
      </c>
      <c r="K27458" s="9">
        <v>84.05</v>
      </c>
      <c r="L27458" s="6" t="s">
        <v>23</v>
      </c>
    </row>
    <row r="27459" spans="1:12">
      <c r="A27459" s="6" t="s">
        <v>28165</v>
      </c>
      <c r="B27459" s="6"/>
      <c r="C27459" s="6" t="s">
        <v>28166</v>
      </c>
      <c r="D27459" s="6"/>
      <c r="E27459" s="6" t="s">
        <v>9</v>
      </c>
      <c r="F27459" s="7">
        <v>38657</v>
      </c>
      <c r="G27459" s="8">
        <v>270936</v>
      </c>
      <c r="H27459" s="8">
        <v>270936</v>
      </c>
      <c r="I27459" s="8">
        <v>0</v>
      </c>
      <c r="J27459" s="8">
        <v>270936</v>
      </c>
      <c r="K27459" s="9">
        <v>53</v>
      </c>
      <c r="L27459" s="6" t="s">
        <v>23</v>
      </c>
    </row>
    <row r="27460" spans="1:12">
      <c r="A27460" s="6" t="s">
        <v>28167</v>
      </c>
      <c r="B27460" s="6"/>
      <c r="C27460" s="6" t="s">
        <v>28168</v>
      </c>
      <c r="D27460" s="6"/>
      <c r="E27460" s="6" t="s">
        <v>9</v>
      </c>
      <c r="F27460" s="7">
        <v>38657</v>
      </c>
      <c r="G27460" s="8">
        <v>1584720</v>
      </c>
      <c r="H27460" s="8">
        <v>1584720</v>
      </c>
      <c r="I27460" s="8">
        <v>0</v>
      </c>
      <c r="J27460" s="8">
        <v>1584720</v>
      </c>
      <c r="K27460" s="9">
        <v>310</v>
      </c>
      <c r="L27460" s="6" t="s">
        <v>23</v>
      </c>
    </row>
    <row r="27461" spans="1:12">
      <c r="A27461" s="6" t="s">
        <v>28169</v>
      </c>
      <c r="B27461" s="6"/>
      <c r="C27461" s="6" t="s">
        <v>28170</v>
      </c>
      <c r="D27461" s="6"/>
      <c r="E27461" s="6" t="s">
        <v>9</v>
      </c>
      <c r="F27461" s="7">
        <v>38657</v>
      </c>
      <c r="G27461" s="8">
        <v>572544</v>
      </c>
      <c r="H27461" s="8">
        <v>572544</v>
      </c>
      <c r="I27461" s="8">
        <v>0</v>
      </c>
      <c r="J27461" s="8">
        <v>572544</v>
      </c>
      <c r="K27461" s="9">
        <v>112</v>
      </c>
      <c r="L27461" s="6" t="s">
        <v>23</v>
      </c>
    </row>
    <row r="27462" spans="1:12">
      <c r="A27462" s="6" t="s">
        <v>28171</v>
      </c>
      <c r="B27462" s="6"/>
      <c r="C27462" s="6" t="s">
        <v>28172</v>
      </c>
      <c r="D27462" s="6"/>
      <c r="E27462" s="6" t="s">
        <v>9</v>
      </c>
      <c r="F27462" s="7">
        <v>38657</v>
      </c>
      <c r="G27462" s="8">
        <v>148248</v>
      </c>
      <c r="H27462" s="8">
        <v>148248</v>
      </c>
      <c r="I27462" s="8">
        <v>0</v>
      </c>
      <c r="J27462" s="8">
        <v>148248</v>
      </c>
      <c r="K27462" s="9">
        <v>29</v>
      </c>
      <c r="L27462" s="6" t="s">
        <v>23</v>
      </c>
    </row>
    <row r="27463" spans="1:12">
      <c r="A27463" s="6" t="s">
        <v>28173</v>
      </c>
      <c r="B27463" s="6"/>
      <c r="C27463" s="6" t="s">
        <v>28174</v>
      </c>
      <c r="D27463" s="6"/>
      <c r="E27463" s="6" t="s">
        <v>9</v>
      </c>
      <c r="F27463" s="7">
        <v>38657</v>
      </c>
      <c r="G27463" s="8">
        <v>495864</v>
      </c>
      <c r="H27463" s="8">
        <v>495864</v>
      </c>
      <c r="I27463" s="8">
        <v>0</v>
      </c>
      <c r="J27463" s="8">
        <v>495864</v>
      </c>
      <c r="K27463" s="9">
        <v>97</v>
      </c>
      <c r="L27463" s="6" t="s">
        <v>23</v>
      </c>
    </row>
    <row r="27464" spans="1:12">
      <c r="A27464" s="6" t="s">
        <v>28175</v>
      </c>
      <c r="B27464" s="6"/>
      <c r="C27464" s="6" t="s">
        <v>28176</v>
      </c>
      <c r="D27464" s="6"/>
      <c r="E27464" s="6" t="s">
        <v>9</v>
      </c>
      <c r="F27464" s="7">
        <v>38657</v>
      </c>
      <c r="G27464" s="8">
        <v>1278200</v>
      </c>
      <c r="H27464" s="8">
        <v>1278200</v>
      </c>
      <c r="I27464" s="8">
        <v>0</v>
      </c>
      <c r="J27464" s="8">
        <v>1278200</v>
      </c>
      <c r="K27464" s="9">
        <v>77</v>
      </c>
      <c r="L27464" s="6" t="s">
        <v>10</v>
      </c>
    </row>
    <row r="27465" spans="1:12">
      <c r="A27465" s="6" t="s">
        <v>28177</v>
      </c>
      <c r="B27465" s="6"/>
      <c r="C27465" s="6" t="s">
        <v>28178</v>
      </c>
      <c r="D27465" s="6"/>
      <c r="E27465" s="6" t="s">
        <v>9</v>
      </c>
      <c r="F27465" s="7">
        <v>38657</v>
      </c>
      <c r="G27465" s="8">
        <v>327168</v>
      </c>
      <c r="H27465" s="8">
        <v>327168</v>
      </c>
      <c r="I27465" s="8">
        <v>0</v>
      </c>
      <c r="J27465" s="8">
        <v>327168</v>
      </c>
      <c r="K27465" s="9">
        <v>64</v>
      </c>
      <c r="L27465" s="6" t="s">
        <v>23</v>
      </c>
    </row>
    <row r="27466" spans="1:12">
      <c r="A27466" s="6" t="s">
        <v>28179</v>
      </c>
      <c r="B27466" s="6"/>
      <c r="C27466" s="6" t="s">
        <v>28180</v>
      </c>
      <c r="D27466" s="6"/>
      <c r="E27466" s="6" t="s">
        <v>9</v>
      </c>
      <c r="F27466" s="7">
        <v>38657</v>
      </c>
      <c r="G27466" s="8">
        <v>306720</v>
      </c>
      <c r="H27466" s="8">
        <v>306720</v>
      </c>
      <c r="I27466" s="8">
        <v>0</v>
      </c>
      <c r="J27466" s="8">
        <v>306720</v>
      </c>
      <c r="K27466" s="9">
        <v>60</v>
      </c>
      <c r="L27466" s="6" t="s">
        <v>23</v>
      </c>
    </row>
    <row r="27467" spans="1:12">
      <c r="A27467" s="6" t="s">
        <v>28181</v>
      </c>
      <c r="B27467" s="6"/>
      <c r="C27467" s="6" t="s">
        <v>28182</v>
      </c>
      <c r="D27467" s="6"/>
      <c r="E27467" s="6" t="s">
        <v>9</v>
      </c>
      <c r="F27467" s="7">
        <v>38657</v>
      </c>
      <c r="G27467" s="8">
        <v>362952</v>
      </c>
      <c r="H27467" s="8">
        <v>362952</v>
      </c>
      <c r="I27467" s="8">
        <v>0</v>
      </c>
      <c r="J27467" s="8">
        <v>362952</v>
      </c>
      <c r="K27467" s="9">
        <v>71</v>
      </c>
      <c r="L27467" s="6" t="s">
        <v>23</v>
      </c>
    </row>
    <row r="27468" spans="1:12">
      <c r="A27468" s="6" t="s">
        <v>28183</v>
      </c>
      <c r="B27468" s="6"/>
      <c r="C27468" s="6" t="s">
        <v>28184</v>
      </c>
      <c r="D27468" s="6"/>
      <c r="E27468" s="6" t="s">
        <v>9</v>
      </c>
      <c r="F27468" s="7">
        <v>38657</v>
      </c>
      <c r="G27468" s="8">
        <v>1002923</v>
      </c>
      <c r="H27468" s="8">
        <v>1002923</v>
      </c>
      <c r="I27468" s="8">
        <v>0</v>
      </c>
      <c r="J27468" s="8">
        <v>1002923</v>
      </c>
      <c r="K27468" s="9">
        <v>196.19</v>
      </c>
      <c r="L27468" s="6" t="s">
        <v>23</v>
      </c>
    </row>
    <row r="27469" spans="1:12">
      <c r="A27469" s="6" t="s">
        <v>28185</v>
      </c>
      <c r="B27469" s="6"/>
      <c r="C27469" s="6" t="s">
        <v>28186</v>
      </c>
      <c r="D27469" s="6"/>
      <c r="E27469" s="6" t="s">
        <v>9</v>
      </c>
      <c r="F27469" s="7">
        <v>38657</v>
      </c>
      <c r="G27469" s="8">
        <v>465192</v>
      </c>
      <c r="H27469" s="8">
        <v>465192</v>
      </c>
      <c r="I27469" s="8">
        <v>0</v>
      </c>
      <c r="J27469" s="8">
        <v>465192</v>
      </c>
      <c r="K27469" s="9">
        <v>91</v>
      </c>
      <c r="L27469" s="6" t="s">
        <v>23</v>
      </c>
    </row>
    <row r="27470" spans="1:12">
      <c r="A27470" s="6" t="s">
        <v>28187</v>
      </c>
      <c r="B27470" s="6"/>
      <c r="C27470" s="6" t="s">
        <v>28188</v>
      </c>
      <c r="D27470" s="6"/>
      <c r="E27470" s="6" t="s">
        <v>9</v>
      </c>
      <c r="F27470" s="7">
        <v>38657</v>
      </c>
      <c r="G27470" s="8">
        <v>403848</v>
      </c>
      <c r="H27470" s="8">
        <v>403848</v>
      </c>
      <c r="I27470" s="8">
        <v>0</v>
      </c>
      <c r="J27470" s="8">
        <v>403848</v>
      </c>
      <c r="K27470" s="9">
        <v>79</v>
      </c>
      <c r="L27470" s="6" t="s">
        <v>23</v>
      </c>
    </row>
    <row r="27471" spans="1:12">
      <c r="A27471" s="6" t="s">
        <v>28189</v>
      </c>
      <c r="B27471" s="6"/>
      <c r="C27471" s="6" t="s">
        <v>28190</v>
      </c>
      <c r="D27471" s="6"/>
      <c r="E27471" s="6" t="s">
        <v>9</v>
      </c>
      <c r="F27471" s="7">
        <v>38657</v>
      </c>
      <c r="G27471" s="8">
        <v>2982000</v>
      </c>
      <c r="H27471" s="8">
        <v>2982000</v>
      </c>
      <c r="I27471" s="8">
        <v>0</v>
      </c>
      <c r="J27471" s="8">
        <v>2982000</v>
      </c>
      <c r="K27471" s="9">
        <v>84</v>
      </c>
      <c r="L27471" s="6" t="s">
        <v>10</v>
      </c>
    </row>
    <row r="27472" spans="1:12">
      <c r="A27472" s="6" t="s">
        <v>28191</v>
      </c>
      <c r="B27472" s="6"/>
      <c r="C27472" s="6" t="s">
        <v>28192</v>
      </c>
      <c r="D27472" s="6"/>
      <c r="E27472" s="6" t="s">
        <v>9</v>
      </c>
      <c r="F27472" s="7">
        <v>38657</v>
      </c>
      <c r="G27472" s="8">
        <v>552096</v>
      </c>
      <c r="H27472" s="8">
        <v>552096</v>
      </c>
      <c r="I27472" s="8">
        <v>0</v>
      </c>
      <c r="J27472" s="8">
        <v>552096</v>
      </c>
      <c r="K27472" s="9">
        <v>108</v>
      </c>
      <c r="L27472" s="6" t="s">
        <v>23</v>
      </c>
    </row>
    <row r="27473" spans="1:12">
      <c r="A27473" s="6" t="s">
        <v>28193</v>
      </c>
      <c r="B27473" s="6"/>
      <c r="C27473" s="6" t="s">
        <v>28194</v>
      </c>
      <c r="D27473" s="6"/>
      <c r="E27473" s="6" t="s">
        <v>9</v>
      </c>
      <c r="F27473" s="7">
        <v>38657</v>
      </c>
      <c r="G27473" s="8">
        <v>398736</v>
      </c>
      <c r="H27473" s="8">
        <v>398736</v>
      </c>
      <c r="I27473" s="8">
        <v>0</v>
      </c>
      <c r="J27473" s="8">
        <v>398736</v>
      </c>
      <c r="K27473" s="9">
        <v>78</v>
      </c>
      <c r="L27473" s="6" t="s">
        <v>23</v>
      </c>
    </row>
    <row r="27474" spans="1:12">
      <c r="A27474" s="6" t="s">
        <v>28195</v>
      </c>
      <c r="B27474" s="6"/>
      <c r="C27474" s="6" t="s">
        <v>28196</v>
      </c>
      <c r="D27474" s="6"/>
      <c r="E27474" s="6" t="s">
        <v>9</v>
      </c>
      <c r="F27474" s="7">
        <v>38657</v>
      </c>
      <c r="G27474" s="8">
        <v>250488</v>
      </c>
      <c r="H27474" s="8">
        <v>250488</v>
      </c>
      <c r="I27474" s="8">
        <v>0</v>
      </c>
      <c r="J27474" s="8">
        <v>250488</v>
      </c>
      <c r="K27474" s="9">
        <v>49</v>
      </c>
      <c r="L27474" s="6" t="s">
        <v>23</v>
      </c>
    </row>
    <row r="27475" spans="1:12">
      <c r="A27475" s="6" t="s">
        <v>28197</v>
      </c>
      <c r="B27475" s="6"/>
      <c r="C27475" s="6" t="s">
        <v>28198</v>
      </c>
      <c r="D27475" s="6"/>
      <c r="E27475" s="6" t="s">
        <v>9</v>
      </c>
      <c r="F27475" s="7">
        <v>38657</v>
      </c>
      <c r="G27475" s="8">
        <v>9594000</v>
      </c>
      <c r="H27475" s="8">
        <v>9594000</v>
      </c>
      <c r="I27475" s="8">
        <v>0</v>
      </c>
      <c r="J27475" s="8">
        <v>9594000</v>
      </c>
      <c r="K27475" s="9">
        <v>260</v>
      </c>
      <c r="L27475" s="6" t="s">
        <v>10</v>
      </c>
    </row>
    <row r="27476" spans="1:12">
      <c r="A27476" s="6" t="s">
        <v>28199</v>
      </c>
      <c r="B27476" s="6"/>
      <c r="C27476" s="6" t="s">
        <v>28200</v>
      </c>
      <c r="D27476" s="6"/>
      <c r="E27476" s="6" t="s">
        <v>9</v>
      </c>
      <c r="F27476" s="7">
        <v>38657</v>
      </c>
      <c r="G27476" s="8">
        <v>792360</v>
      </c>
      <c r="H27476" s="8">
        <v>792360</v>
      </c>
      <c r="I27476" s="8">
        <v>0</v>
      </c>
      <c r="J27476" s="8">
        <v>792360</v>
      </c>
      <c r="K27476" s="9">
        <v>155</v>
      </c>
      <c r="L27476" s="6" t="s">
        <v>23</v>
      </c>
    </row>
    <row r="27477" spans="1:12">
      <c r="A27477" s="6" t="s">
        <v>28201</v>
      </c>
      <c r="B27477" s="6"/>
      <c r="C27477" s="6" t="s">
        <v>28202</v>
      </c>
      <c r="D27477" s="6"/>
      <c r="E27477" s="6" t="s">
        <v>9</v>
      </c>
      <c r="F27477" s="7">
        <v>38657</v>
      </c>
      <c r="G27477" s="8">
        <v>639000</v>
      </c>
      <c r="H27477" s="8">
        <v>639000</v>
      </c>
      <c r="I27477" s="8">
        <v>0</v>
      </c>
      <c r="J27477" s="8">
        <v>639000</v>
      </c>
      <c r="K27477" s="9">
        <v>125</v>
      </c>
      <c r="L27477" s="6" t="s">
        <v>23</v>
      </c>
    </row>
    <row r="27478" spans="1:12">
      <c r="A27478" s="6" t="s">
        <v>28203</v>
      </c>
      <c r="B27478" s="6"/>
      <c r="C27478" s="6" t="s">
        <v>28204</v>
      </c>
      <c r="D27478" s="6"/>
      <c r="E27478" s="6" t="s">
        <v>9</v>
      </c>
      <c r="F27478" s="7">
        <v>38657</v>
      </c>
      <c r="G27478" s="8">
        <v>84808</v>
      </c>
      <c r="H27478" s="8">
        <v>84808</v>
      </c>
      <c r="I27478" s="8">
        <v>0</v>
      </c>
      <c r="J27478" s="8">
        <v>84808</v>
      </c>
      <c r="K27478" s="9">
        <v>16.59</v>
      </c>
      <c r="L27478" s="6" t="s">
        <v>23</v>
      </c>
    </row>
    <row r="27479" spans="1:12">
      <c r="A27479" s="6" t="s">
        <v>28205</v>
      </c>
      <c r="B27479" s="6"/>
      <c r="C27479" s="6" t="s">
        <v>28206</v>
      </c>
      <c r="D27479" s="6"/>
      <c r="E27479" s="6" t="s">
        <v>9</v>
      </c>
      <c r="F27479" s="7">
        <v>38657</v>
      </c>
      <c r="G27479" s="8">
        <v>1</v>
      </c>
      <c r="H27479" s="8">
        <v>1</v>
      </c>
      <c r="I27479" s="8">
        <v>0</v>
      </c>
      <c r="J27479" s="8">
        <v>1</v>
      </c>
      <c r="K27479" s="9">
        <v>19</v>
      </c>
      <c r="L27479" s="6" t="s">
        <v>23</v>
      </c>
    </row>
    <row r="27480" spans="1:12">
      <c r="A27480" s="6" t="s">
        <v>28207</v>
      </c>
      <c r="B27480" s="6"/>
      <c r="C27480" s="6" t="s">
        <v>28208</v>
      </c>
      <c r="D27480" s="6"/>
      <c r="E27480" s="6" t="s">
        <v>9</v>
      </c>
      <c r="F27480" s="7">
        <v>38657</v>
      </c>
      <c r="G27480" s="8">
        <v>71568</v>
      </c>
      <c r="H27480" s="8">
        <v>71568</v>
      </c>
      <c r="I27480" s="8">
        <v>0</v>
      </c>
      <c r="J27480" s="8">
        <v>71568</v>
      </c>
      <c r="K27480" s="9">
        <v>14</v>
      </c>
      <c r="L27480" s="6" t="s">
        <v>23</v>
      </c>
    </row>
    <row r="27481" spans="1:12">
      <c r="A27481" s="6" t="s">
        <v>28209</v>
      </c>
      <c r="B27481" s="6"/>
      <c r="C27481" s="6" t="s">
        <v>28210</v>
      </c>
      <c r="D27481" s="6"/>
      <c r="E27481" s="6" t="s">
        <v>9</v>
      </c>
      <c r="F27481" s="7">
        <v>38657</v>
      </c>
      <c r="G27481" s="8">
        <v>10530</v>
      </c>
      <c r="H27481" s="8">
        <v>10530</v>
      </c>
      <c r="I27481" s="8">
        <v>0</v>
      </c>
      <c r="J27481" s="8">
        <v>10530</v>
      </c>
      <c r="K27481" s="9">
        <v>2.06</v>
      </c>
      <c r="L27481" s="6" t="s">
        <v>23</v>
      </c>
    </row>
    <row r="27482" spans="1:12">
      <c r="A27482" s="6" t="s">
        <v>28211</v>
      </c>
      <c r="B27482" s="6"/>
      <c r="C27482" s="6" t="s">
        <v>28212</v>
      </c>
      <c r="D27482" s="6"/>
      <c r="E27482" s="6" t="s">
        <v>9</v>
      </c>
      <c r="F27482" s="7">
        <v>38657</v>
      </c>
      <c r="G27482" s="8">
        <v>117576</v>
      </c>
      <c r="H27482" s="8">
        <v>117576</v>
      </c>
      <c r="I27482" s="8">
        <v>0</v>
      </c>
      <c r="J27482" s="8">
        <v>117576</v>
      </c>
      <c r="K27482" s="9">
        <v>23</v>
      </c>
      <c r="L27482" s="6" t="s">
        <v>2193</v>
      </c>
    </row>
    <row r="27483" spans="1:12">
      <c r="A27483" s="6" t="s">
        <v>28213</v>
      </c>
      <c r="B27483" s="6"/>
      <c r="C27483" s="6" t="s">
        <v>28214</v>
      </c>
      <c r="D27483" s="6"/>
      <c r="E27483" s="6" t="s">
        <v>9</v>
      </c>
      <c r="F27483" s="7">
        <v>38657</v>
      </c>
      <c r="G27483" s="8">
        <v>199368</v>
      </c>
      <c r="H27483" s="8">
        <v>199368</v>
      </c>
      <c r="I27483" s="8">
        <v>0</v>
      </c>
      <c r="J27483" s="8">
        <v>199368</v>
      </c>
      <c r="K27483" s="9">
        <v>39</v>
      </c>
      <c r="L27483" s="6" t="s">
        <v>23</v>
      </c>
    </row>
    <row r="27484" spans="1:12">
      <c r="A27484" s="6" t="s">
        <v>28215</v>
      </c>
      <c r="B27484" s="6"/>
      <c r="C27484" s="6" t="s">
        <v>28216</v>
      </c>
      <c r="D27484" s="6"/>
      <c r="E27484" s="6" t="s">
        <v>9</v>
      </c>
      <c r="F27484" s="7">
        <v>38657</v>
      </c>
      <c r="G27484" s="8">
        <v>393624</v>
      </c>
      <c r="H27484" s="8">
        <v>393624</v>
      </c>
      <c r="I27484" s="8">
        <v>0</v>
      </c>
      <c r="J27484" s="8">
        <v>393624</v>
      </c>
      <c r="K27484" s="9">
        <v>77</v>
      </c>
      <c r="L27484" s="6" t="s">
        <v>23</v>
      </c>
    </row>
    <row r="27485" spans="1:12">
      <c r="A27485" s="6" t="s">
        <v>28217</v>
      </c>
      <c r="B27485" s="6"/>
      <c r="C27485" s="6" t="s">
        <v>28218</v>
      </c>
      <c r="D27485" s="6"/>
      <c r="E27485" s="6" t="s">
        <v>9</v>
      </c>
      <c r="F27485" s="7">
        <v>38657</v>
      </c>
      <c r="G27485" s="8">
        <v>720792</v>
      </c>
      <c r="H27485" s="8">
        <v>720792</v>
      </c>
      <c r="I27485" s="8">
        <v>0</v>
      </c>
      <c r="J27485" s="8">
        <v>720792</v>
      </c>
      <c r="K27485" s="9">
        <v>141</v>
      </c>
      <c r="L27485" s="6" t="s">
        <v>23</v>
      </c>
    </row>
    <row r="27486" spans="1:12">
      <c r="A27486" s="6" t="s">
        <v>28219</v>
      </c>
      <c r="B27486" s="6"/>
      <c r="C27486" s="6" t="s">
        <v>28220</v>
      </c>
      <c r="D27486" s="6"/>
      <c r="E27486" s="6" t="s">
        <v>9</v>
      </c>
      <c r="F27486" s="7">
        <v>38657</v>
      </c>
      <c r="G27486" s="8">
        <v>3149060</v>
      </c>
      <c r="H27486" s="8">
        <v>3149060</v>
      </c>
      <c r="I27486" s="8">
        <v>0</v>
      </c>
      <c r="J27486" s="8">
        <v>3149060</v>
      </c>
      <c r="K27486" s="9">
        <v>165.74</v>
      </c>
      <c r="L27486" s="6" t="s">
        <v>10</v>
      </c>
    </row>
    <row r="27487" spans="1:12">
      <c r="A27487" s="6" t="s">
        <v>28221</v>
      </c>
      <c r="B27487" s="6"/>
      <c r="C27487" s="6" t="s">
        <v>28222</v>
      </c>
      <c r="D27487" s="6"/>
      <c r="E27487" s="6" t="s">
        <v>9</v>
      </c>
      <c r="F27487" s="7">
        <v>38657</v>
      </c>
      <c r="G27487" s="8">
        <v>45803</v>
      </c>
      <c r="H27487" s="8">
        <v>45803</v>
      </c>
      <c r="I27487" s="8">
        <v>0</v>
      </c>
      <c r="J27487" s="8">
        <v>45803</v>
      </c>
      <c r="K27487" s="9">
        <v>8.9600000000000009</v>
      </c>
      <c r="L27487" s="6" t="s">
        <v>23</v>
      </c>
    </row>
    <row r="27488" spans="1:12">
      <c r="A27488" s="6" t="s">
        <v>28223</v>
      </c>
      <c r="B27488" s="6"/>
      <c r="C27488" s="6" t="s">
        <v>28224</v>
      </c>
      <c r="D27488" s="6"/>
      <c r="E27488" s="6" t="s">
        <v>9</v>
      </c>
      <c r="F27488" s="7">
        <v>38657</v>
      </c>
      <c r="G27488" s="8">
        <v>15336</v>
      </c>
      <c r="H27488" s="8">
        <v>15336</v>
      </c>
      <c r="I27488" s="8">
        <v>0</v>
      </c>
      <c r="J27488" s="8">
        <v>15336</v>
      </c>
      <c r="K27488" s="9">
        <v>3</v>
      </c>
      <c r="L27488" s="6" t="s">
        <v>23</v>
      </c>
    </row>
    <row r="27489" spans="1:12">
      <c r="A27489" s="6" t="s">
        <v>28225</v>
      </c>
      <c r="B27489" s="6"/>
      <c r="C27489" s="6" t="s">
        <v>28226</v>
      </c>
      <c r="D27489" s="6"/>
      <c r="E27489" s="6" t="s">
        <v>9</v>
      </c>
      <c r="F27489" s="7">
        <v>38657</v>
      </c>
      <c r="G27489" s="8">
        <v>22850</v>
      </c>
      <c r="H27489" s="8">
        <v>22850</v>
      </c>
      <c r="I27489" s="8">
        <v>0</v>
      </c>
      <c r="J27489" s="8">
        <v>22850</v>
      </c>
      <c r="K27489" s="9">
        <v>4.47</v>
      </c>
      <c r="L27489" s="6" t="s">
        <v>23</v>
      </c>
    </row>
    <row r="27490" spans="1:12">
      <c r="A27490" s="6" t="s">
        <v>28227</v>
      </c>
      <c r="B27490" s="6"/>
      <c r="C27490" s="6" t="s">
        <v>28228</v>
      </c>
      <c r="D27490" s="6"/>
      <c r="E27490" s="6" t="s">
        <v>9</v>
      </c>
      <c r="F27490" s="7">
        <v>38657</v>
      </c>
      <c r="G27490" s="8">
        <v>20192</v>
      </c>
      <c r="H27490" s="8">
        <v>20192</v>
      </c>
      <c r="I27490" s="8">
        <v>0</v>
      </c>
      <c r="J27490" s="8">
        <v>20192</v>
      </c>
      <c r="K27490" s="9">
        <v>3.95</v>
      </c>
      <c r="L27490" s="6" t="s">
        <v>23</v>
      </c>
    </row>
    <row r="27491" spans="1:12">
      <c r="A27491" s="6" t="s">
        <v>28229</v>
      </c>
      <c r="B27491" s="6"/>
      <c r="C27491" s="6" t="s">
        <v>28230</v>
      </c>
      <c r="D27491" s="6"/>
      <c r="E27491" s="6" t="s">
        <v>9</v>
      </c>
      <c r="F27491" s="7">
        <v>38657</v>
      </c>
      <c r="G27491" s="8">
        <v>90686</v>
      </c>
      <c r="H27491" s="8">
        <v>90686</v>
      </c>
      <c r="I27491" s="8">
        <v>0</v>
      </c>
      <c r="J27491" s="8">
        <v>90686</v>
      </c>
      <c r="K27491" s="9">
        <v>17.739999999999899</v>
      </c>
      <c r="L27491" s="6" t="s">
        <v>23</v>
      </c>
    </row>
    <row r="27492" spans="1:12">
      <c r="A27492" s="6" t="s">
        <v>28231</v>
      </c>
      <c r="B27492" s="6"/>
      <c r="C27492" s="6" t="s">
        <v>28232</v>
      </c>
      <c r="D27492" s="6"/>
      <c r="E27492" s="6" t="s">
        <v>25121</v>
      </c>
      <c r="F27492" s="7">
        <v>38657</v>
      </c>
      <c r="G27492" s="8">
        <v>6919264</v>
      </c>
      <c r="H27492" s="8">
        <v>6919264</v>
      </c>
      <c r="I27492" s="8">
        <v>0</v>
      </c>
      <c r="J27492" s="8">
        <v>6919264</v>
      </c>
      <c r="K27492" s="9">
        <v>393.14</v>
      </c>
      <c r="L27492" s="6" t="s">
        <v>10</v>
      </c>
    </row>
    <row r="27493" spans="1:12">
      <c r="A27493" s="6" t="s">
        <v>28233</v>
      </c>
      <c r="B27493" s="6"/>
      <c r="C27493" s="6" t="s">
        <v>28234</v>
      </c>
      <c r="D27493" s="6"/>
      <c r="E27493" s="6" t="s">
        <v>25121</v>
      </c>
      <c r="F27493" s="7">
        <v>38657</v>
      </c>
      <c r="G27493" s="8">
        <v>2500400</v>
      </c>
      <c r="H27493" s="8">
        <v>2500400</v>
      </c>
      <c r="I27493" s="8">
        <v>0</v>
      </c>
      <c r="J27493" s="8">
        <v>2500400</v>
      </c>
      <c r="K27493" s="9">
        <v>188</v>
      </c>
      <c r="L27493" s="6" t="s">
        <v>10</v>
      </c>
    </row>
    <row r="27494" spans="1:12">
      <c r="A27494" s="6" t="s">
        <v>28233</v>
      </c>
      <c r="B27494" s="6"/>
      <c r="C27494" s="6" t="s">
        <v>28234</v>
      </c>
      <c r="D27494" s="6" t="s">
        <v>28235</v>
      </c>
      <c r="E27494" s="6" t="s">
        <v>25121</v>
      </c>
      <c r="F27494" s="7"/>
      <c r="G27494" s="8">
        <v>0</v>
      </c>
      <c r="H27494" s="8">
        <v>0</v>
      </c>
      <c r="I27494" s="8">
        <v>0</v>
      </c>
      <c r="J27494" s="8">
        <v>-2500400</v>
      </c>
      <c r="K27494" s="9"/>
      <c r="L27494" s="6"/>
    </row>
    <row r="27495" spans="1:12">
      <c r="A27495" s="6" t="s">
        <v>28236</v>
      </c>
      <c r="B27495" s="6"/>
      <c r="C27495" s="6" t="s">
        <v>28237</v>
      </c>
      <c r="D27495" s="6"/>
      <c r="E27495" s="6" t="s">
        <v>9</v>
      </c>
      <c r="F27495" s="7">
        <v>38657</v>
      </c>
      <c r="G27495" s="8">
        <v>60828570</v>
      </c>
      <c r="H27495" s="8">
        <v>60828570</v>
      </c>
      <c r="I27495" s="8">
        <v>0</v>
      </c>
      <c r="J27495" s="8">
        <v>60828570</v>
      </c>
      <c r="K27495" s="9">
        <v>1228.8599999999899</v>
      </c>
      <c r="L27495" s="6" t="s">
        <v>10</v>
      </c>
    </row>
    <row r="27496" spans="1:12">
      <c r="A27496" s="6" t="s">
        <v>28236</v>
      </c>
      <c r="B27496" s="6"/>
      <c r="C27496" s="6" t="s">
        <v>28238</v>
      </c>
      <c r="D27496" s="6"/>
      <c r="E27496" s="6" t="s">
        <v>9</v>
      </c>
      <c r="F27496" s="7">
        <v>38657</v>
      </c>
      <c r="G27496" s="8">
        <v>44720364</v>
      </c>
      <c r="H27496" s="8">
        <v>44720364</v>
      </c>
      <c r="I27496" s="8">
        <v>0</v>
      </c>
      <c r="J27496" s="8">
        <v>44720364</v>
      </c>
      <c r="K27496" s="9">
        <v>1256.19</v>
      </c>
      <c r="L27496" s="6" t="s">
        <v>10</v>
      </c>
    </row>
    <row r="27497" spans="1:12">
      <c r="A27497" s="6" t="s">
        <v>28236</v>
      </c>
      <c r="B27497" s="6"/>
      <c r="C27497" s="6" t="s">
        <v>28239</v>
      </c>
      <c r="D27497" s="6"/>
      <c r="E27497" s="6" t="s">
        <v>9</v>
      </c>
      <c r="F27497" s="7">
        <v>38657</v>
      </c>
      <c r="G27497" s="8">
        <v>4159225</v>
      </c>
      <c r="H27497" s="8">
        <v>4159225</v>
      </c>
      <c r="I27497" s="8">
        <v>0</v>
      </c>
      <c r="J27497" s="8">
        <v>4159225</v>
      </c>
      <c r="K27497" s="9">
        <v>813.62</v>
      </c>
      <c r="L27497" s="6" t="s">
        <v>10</v>
      </c>
    </row>
    <row r="27498" spans="1:12">
      <c r="A27498" s="6" t="s">
        <v>28236</v>
      </c>
      <c r="B27498" s="6"/>
      <c r="C27498" s="6" t="s">
        <v>28240</v>
      </c>
      <c r="D27498" s="6"/>
      <c r="E27498" s="6" t="s">
        <v>9</v>
      </c>
      <c r="F27498" s="7">
        <v>43459</v>
      </c>
      <c r="G27498" s="8">
        <v>1</v>
      </c>
      <c r="H27498" s="8">
        <v>1</v>
      </c>
      <c r="I27498" s="8">
        <v>0</v>
      </c>
      <c r="J27498" s="8">
        <v>1</v>
      </c>
      <c r="K27498" s="9">
        <v>20</v>
      </c>
      <c r="L27498" s="6" t="s">
        <v>10</v>
      </c>
    </row>
    <row r="27499" spans="1:12">
      <c r="A27499" s="6" t="s">
        <v>28236</v>
      </c>
      <c r="B27499" s="6"/>
      <c r="C27499" s="6" t="s">
        <v>28241</v>
      </c>
      <c r="D27499" s="6"/>
      <c r="E27499" s="6" t="s">
        <v>9</v>
      </c>
      <c r="F27499" s="7">
        <v>38657</v>
      </c>
      <c r="G27499" s="8">
        <v>389070</v>
      </c>
      <c r="H27499" s="8">
        <v>389070</v>
      </c>
      <c r="I27499" s="8">
        <v>0</v>
      </c>
      <c r="J27499" s="8">
        <v>389070</v>
      </c>
      <c r="K27499" s="9">
        <v>7.86</v>
      </c>
      <c r="L27499" s="6" t="s">
        <v>10</v>
      </c>
    </row>
    <row r="27500" spans="1:12">
      <c r="A27500" s="6" t="s">
        <v>28236</v>
      </c>
      <c r="B27500" s="6"/>
      <c r="C27500" s="6" t="s">
        <v>28242</v>
      </c>
      <c r="D27500" s="6"/>
      <c r="E27500" s="6" t="s">
        <v>9</v>
      </c>
      <c r="F27500" s="7">
        <v>38657</v>
      </c>
      <c r="G27500" s="8">
        <v>3155130</v>
      </c>
      <c r="H27500" s="8">
        <v>3155130</v>
      </c>
      <c r="I27500" s="8">
        <v>0</v>
      </c>
      <c r="J27500" s="8">
        <v>3155130</v>
      </c>
      <c r="K27500" s="9">
        <v>63.74</v>
      </c>
      <c r="L27500" s="6" t="s">
        <v>10</v>
      </c>
    </row>
    <row r="27501" spans="1:12">
      <c r="A27501" s="6" t="s">
        <v>28236</v>
      </c>
      <c r="B27501" s="6"/>
      <c r="C27501" s="6" t="s">
        <v>28243</v>
      </c>
      <c r="D27501" s="6"/>
      <c r="E27501" s="6" t="s">
        <v>9</v>
      </c>
      <c r="F27501" s="7">
        <v>38657</v>
      </c>
      <c r="G27501" s="8">
        <v>15710310</v>
      </c>
      <c r="H27501" s="8">
        <v>15710310</v>
      </c>
      <c r="I27501" s="8">
        <v>0</v>
      </c>
      <c r="J27501" s="8">
        <v>15710310</v>
      </c>
      <c r="K27501" s="9">
        <v>317.38</v>
      </c>
      <c r="L27501" s="6" t="s">
        <v>10</v>
      </c>
    </row>
    <row r="27502" spans="1:12">
      <c r="A27502" s="6" t="s">
        <v>28236</v>
      </c>
      <c r="B27502" s="6"/>
      <c r="C27502" s="6" t="s">
        <v>28244</v>
      </c>
      <c r="D27502" s="6"/>
      <c r="E27502" s="6" t="s">
        <v>9</v>
      </c>
      <c r="F27502" s="7">
        <v>38657</v>
      </c>
      <c r="G27502" s="8">
        <v>4405500</v>
      </c>
      <c r="H27502" s="8">
        <v>4405500</v>
      </c>
      <c r="I27502" s="8">
        <v>0</v>
      </c>
      <c r="J27502" s="8">
        <v>4405500</v>
      </c>
      <c r="K27502" s="9">
        <v>89</v>
      </c>
      <c r="L27502" s="6" t="s">
        <v>10</v>
      </c>
    </row>
    <row r="27503" spans="1:12">
      <c r="A27503" s="6" t="s">
        <v>28236</v>
      </c>
      <c r="B27503" s="6"/>
      <c r="C27503" s="6" t="s">
        <v>28245</v>
      </c>
      <c r="D27503" s="6"/>
      <c r="E27503" s="6" t="s">
        <v>9</v>
      </c>
      <c r="F27503" s="7">
        <v>38657</v>
      </c>
      <c r="G27503" s="8">
        <v>62181405</v>
      </c>
      <c r="H27503" s="8">
        <v>62181405</v>
      </c>
      <c r="I27503" s="8">
        <v>0</v>
      </c>
      <c r="J27503" s="8">
        <v>62181405</v>
      </c>
      <c r="K27503" s="9">
        <v>1256.19</v>
      </c>
      <c r="L27503" s="6" t="s">
        <v>10</v>
      </c>
    </row>
    <row r="27504" spans="1:12">
      <c r="A27504" s="6" t="s">
        <v>28236</v>
      </c>
      <c r="B27504" s="6"/>
      <c r="C27504" s="6" t="s">
        <v>28246</v>
      </c>
      <c r="D27504" s="6"/>
      <c r="E27504" s="6" t="s">
        <v>9</v>
      </c>
      <c r="F27504" s="7">
        <v>38657</v>
      </c>
      <c r="G27504" s="8">
        <v>34199550</v>
      </c>
      <c r="H27504" s="8">
        <v>34199550</v>
      </c>
      <c r="I27504" s="8">
        <v>0</v>
      </c>
      <c r="J27504" s="8">
        <v>34199550</v>
      </c>
      <c r="K27504" s="9">
        <v>690.9</v>
      </c>
      <c r="L27504" s="6" t="s">
        <v>10</v>
      </c>
    </row>
    <row r="27505" spans="1:12">
      <c r="A27505" s="6" t="s">
        <v>28236</v>
      </c>
      <c r="B27505" s="6"/>
      <c r="C27505" s="6" t="s">
        <v>28247</v>
      </c>
      <c r="D27505" s="6"/>
      <c r="E27505" s="6" t="s">
        <v>9</v>
      </c>
      <c r="F27505" s="7">
        <v>38657</v>
      </c>
      <c r="G27505" s="8">
        <v>490545</v>
      </c>
      <c r="H27505" s="8">
        <v>490545</v>
      </c>
      <c r="I27505" s="8">
        <v>0</v>
      </c>
      <c r="J27505" s="8">
        <v>490545</v>
      </c>
      <c r="K27505" s="9">
        <v>9.91</v>
      </c>
      <c r="L27505" s="6" t="s">
        <v>10</v>
      </c>
    </row>
    <row r="27506" spans="1:12">
      <c r="A27506" s="6" t="s">
        <v>28236</v>
      </c>
      <c r="B27506" s="6"/>
      <c r="C27506" s="6" t="s">
        <v>28248</v>
      </c>
      <c r="D27506" s="6"/>
      <c r="E27506" s="6" t="s">
        <v>9</v>
      </c>
      <c r="F27506" s="7">
        <v>38657</v>
      </c>
      <c r="G27506" s="8">
        <v>27981360</v>
      </c>
      <c r="H27506" s="8">
        <v>27981360</v>
      </c>
      <c r="I27506" s="8">
        <v>0</v>
      </c>
      <c r="J27506" s="8">
        <v>27981360</v>
      </c>
      <c r="K27506" s="9">
        <v>565.28</v>
      </c>
      <c r="L27506" s="6" t="s">
        <v>10</v>
      </c>
    </row>
    <row r="27507" spans="1:12">
      <c r="A27507" s="6" t="s">
        <v>28249</v>
      </c>
      <c r="B27507" s="6"/>
      <c r="C27507" s="6" t="s">
        <v>28250</v>
      </c>
      <c r="D27507" s="6"/>
      <c r="E27507" s="6" t="s">
        <v>25121</v>
      </c>
      <c r="F27507" s="7">
        <v>38657</v>
      </c>
      <c r="G27507" s="8">
        <v>266855</v>
      </c>
      <c r="H27507" s="8">
        <v>266855</v>
      </c>
      <c r="I27507" s="8">
        <v>0</v>
      </c>
      <c r="J27507" s="8">
        <v>266855</v>
      </c>
      <c r="K27507" s="9">
        <v>28.09</v>
      </c>
      <c r="L27507" s="6" t="s">
        <v>10</v>
      </c>
    </row>
    <row r="27508" spans="1:12">
      <c r="A27508" s="6" t="s">
        <v>28249</v>
      </c>
      <c r="B27508" s="6"/>
      <c r="C27508" s="6" t="s">
        <v>28251</v>
      </c>
      <c r="D27508" s="6"/>
      <c r="E27508" s="6" t="s">
        <v>25121</v>
      </c>
      <c r="F27508" s="7">
        <v>38657</v>
      </c>
      <c r="G27508" s="8">
        <v>345420</v>
      </c>
      <c r="H27508" s="8">
        <v>345420</v>
      </c>
      <c r="I27508" s="8">
        <v>0</v>
      </c>
      <c r="J27508" s="8">
        <v>345420</v>
      </c>
      <c r="K27508" s="9">
        <v>36.36</v>
      </c>
      <c r="L27508" s="6" t="s">
        <v>10</v>
      </c>
    </row>
    <row r="27509" spans="1:12">
      <c r="A27509" s="6" t="s">
        <v>28249</v>
      </c>
      <c r="B27509" s="6"/>
      <c r="C27509" s="6" t="s">
        <v>28252</v>
      </c>
      <c r="D27509" s="6"/>
      <c r="E27509" s="6" t="s">
        <v>25121</v>
      </c>
      <c r="F27509" s="7">
        <v>38657</v>
      </c>
      <c r="G27509" s="8">
        <v>560500</v>
      </c>
      <c r="H27509" s="8">
        <v>560500</v>
      </c>
      <c r="I27509" s="8">
        <v>0</v>
      </c>
      <c r="J27509" s="8">
        <v>560500</v>
      </c>
      <c r="K27509" s="9">
        <v>59</v>
      </c>
      <c r="L27509" s="6" t="s">
        <v>10</v>
      </c>
    </row>
    <row r="27510" spans="1:12">
      <c r="A27510" s="6" t="s">
        <v>28249</v>
      </c>
      <c r="B27510" s="6"/>
      <c r="C27510" s="6" t="s">
        <v>28253</v>
      </c>
      <c r="D27510" s="6"/>
      <c r="E27510" s="6" t="s">
        <v>25121</v>
      </c>
      <c r="F27510" s="7">
        <v>38657</v>
      </c>
      <c r="G27510" s="8">
        <v>942115</v>
      </c>
      <c r="H27510" s="8">
        <v>942115</v>
      </c>
      <c r="I27510" s="8">
        <v>0</v>
      </c>
      <c r="J27510" s="8">
        <v>942115</v>
      </c>
      <c r="K27510" s="9">
        <v>99.17</v>
      </c>
      <c r="L27510" s="6" t="s">
        <v>10</v>
      </c>
    </row>
    <row r="27511" spans="1:12">
      <c r="A27511" s="6" t="s">
        <v>28254</v>
      </c>
      <c r="B27511" s="6"/>
      <c r="C27511" s="6" t="s">
        <v>28255</v>
      </c>
      <c r="D27511" s="6"/>
      <c r="E27511" s="6" t="s">
        <v>9</v>
      </c>
      <c r="F27511" s="7">
        <v>42647</v>
      </c>
      <c r="G27511" s="8">
        <v>1</v>
      </c>
      <c r="H27511" s="8">
        <v>1</v>
      </c>
      <c r="I27511" s="8">
        <v>0</v>
      </c>
      <c r="J27511" s="8">
        <v>1</v>
      </c>
      <c r="K27511" s="9">
        <v>1.62</v>
      </c>
      <c r="L27511" s="6" t="s">
        <v>51</v>
      </c>
    </row>
    <row r="27512" spans="1:12">
      <c r="A27512" s="6" t="s">
        <v>28256</v>
      </c>
      <c r="B27512" s="6"/>
      <c r="C27512" s="6" t="s">
        <v>28257</v>
      </c>
      <c r="D27512" s="6"/>
      <c r="E27512" s="6" t="s">
        <v>9</v>
      </c>
      <c r="F27512" s="7">
        <v>42521</v>
      </c>
      <c r="G27512" s="8">
        <v>3626</v>
      </c>
      <c r="H27512" s="8">
        <v>3626</v>
      </c>
      <c r="I27512" s="8">
        <v>0</v>
      </c>
      <c r="J27512" s="8">
        <v>3626</v>
      </c>
      <c r="K27512" s="9">
        <v>1.7</v>
      </c>
      <c r="L27512" s="6" t="s">
        <v>1842</v>
      </c>
    </row>
    <row r="27513" spans="1:12">
      <c r="A27513" s="6" t="s">
        <v>28258</v>
      </c>
      <c r="B27513" s="6"/>
      <c r="C27513" s="6" t="s">
        <v>28259</v>
      </c>
      <c r="D27513" s="6"/>
      <c r="E27513" s="6" t="s">
        <v>18740</v>
      </c>
      <c r="F27513" s="7">
        <v>38657</v>
      </c>
      <c r="G27513" s="8">
        <v>509029532</v>
      </c>
      <c r="H27513" s="8">
        <v>509029532</v>
      </c>
      <c r="I27513" s="8">
        <v>0</v>
      </c>
      <c r="J27513" s="8">
        <v>509029532</v>
      </c>
      <c r="K27513" s="9">
        <v>12177.74</v>
      </c>
      <c r="L27513" s="6" t="s">
        <v>10</v>
      </c>
    </row>
    <row r="27514" spans="1:12">
      <c r="A27514" s="6" t="s">
        <v>28258</v>
      </c>
      <c r="B27514" s="6"/>
      <c r="C27514" s="6" t="s">
        <v>28260</v>
      </c>
      <c r="D27514" s="6"/>
      <c r="E27514" s="6" t="s">
        <v>18740</v>
      </c>
      <c r="F27514" s="7">
        <v>42772</v>
      </c>
      <c r="G27514" s="8">
        <v>1128419</v>
      </c>
      <c r="H27514" s="8">
        <v>1128419</v>
      </c>
      <c r="I27514" s="8">
        <v>0</v>
      </c>
      <c r="J27514" s="8">
        <v>1128419</v>
      </c>
      <c r="K27514" s="9">
        <v>48.43</v>
      </c>
      <c r="L27514" s="6" t="s">
        <v>10</v>
      </c>
    </row>
    <row r="27515" spans="1:12">
      <c r="A27515" s="6" t="s">
        <v>28258</v>
      </c>
      <c r="B27515" s="6"/>
      <c r="C27515" s="6" t="s">
        <v>28261</v>
      </c>
      <c r="D27515" s="6"/>
      <c r="E27515" s="6" t="s">
        <v>18740</v>
      </c>
      <c r="F27515" s="7">
        <v>42772</v>
      </c>
      <c r="G27515" s="8">
        <v>127684</v>
      </c>
      <c r="H27515" s="8">
        <v>127684</v>
      </c>
      <c r="I27515" s="8">
        <v>0</v>
      </c>
      <c r="J27515" s="8">
        <v>127684</v>
      </c>
      <c r="K27515" s="9">
        <v>5.48</v>
      </c>
      <c r="L27515" s="6" t="s">
        <v>10</v>
      </c>
    </row>
    <row r="27516" spans="1:12">
      <c r="A27516" s="6" t="s">
        <v>28262</v>
      </c>
      <c r="B27516" s="6"/>
      <c r="C27516" s="6" t="s">
        <v>28263</v>
      </c>
      <c r="D27516" s="6"/>
      <c r="E27516" s="6" t="s">
        <v>9</v>
      </c>
      <c r="F27516" s="7">
        <v>42794</v>
      </c>
      <c r="G27516" s="8">
        <v>172244</v>
      </c>
      <c r="H27516" s="8">
        <v>172244</v>
      </c>
      <c r="I27516" s="8">
        <v>0</v>
      </c>
      <c r="J27516" s="8">
        <v>172244</v>
      </c>
      <c r="K27516" s="9">
        <v>25</v>
      </c>
      <c r="L27516" s="6" t="s">
        <v>51</v>
      </c>
    </row>
    <row r="27517" spans="1:12">
      <c r="A27517" s="6" t="s">
        <v>28262</v>
      </c>
      <c r="B27517" s="6"/>
      <c r="C27517" s="6" t="s">
        <v>28264</v>
      </c>
      <c r="D27517" s="6"/>
      <c r="E27517" s="6" t="s">
        <v>9</v>
      </c>
      <c r="F27517" s="7">
        <v>42835</v>
      </c>
      <c r="G27517" s="8">
        <v>47668</v>
      </c>
      <c r="H27517" s="8">
        <v>47668</v>
      </c>
      <c r="I27517" s="8">
        <v>0</v>
      </c>
      <c r="J27517" s="8">
        <v>47668</v>
      </c>
      <c r="K27517" s="9">
        <v>7.01</v>
      </c>
      <c r="L27517" s="6" t="s">
        <v>51</v>
      </c>
    </row>
    <row r="27518" spans="1:12">
      <c r="A27518" s="6" t="s">
        <v>28262</v>
      </c>
      <c r="B27518" s="6"/>
      <c r="C27518" s="6" t="s">
        <v>28265</v>
      </c>
      <c r="D27518" s="6"/>
      <c r="E27518" s="6" t="s">
        <v>9</v>
      </c>
      <c r="F27518" s="7">
        <v>34024</v>
      </c>
      <c r="G27518" s="8">
        <v>1</v>
      </c>
      <c r="H27518" s="8">
        <v>1</v>
      </c>
      <c r="I27518" s="8">
        <v>0</v>
      </c>
      <c r="J27518" s="8">
        <v>1</v>
      </c>
      <c r="K27518" s="9">
        <v>215</v>
      </c>
      <c r="L27518" s="6" t="s">
        <v>51</v>
      </c>
    </row>
    <row r="27519" spans="1:12">
      <c r="A27519" s="6" t="s">
        <v>28262</v>
      </c>
      <c r="B27519" s="6"/>
      <c r="C27519" s="6" t="s">
        <v>28266</v>
      </c>
      <c r="D27519" s="6"/>
      <c r="E27519" s="6" t="s">
        <v>9</v>
      </c>
      <c r="F27519" s="7">
        <v>37673</v>
      </c>
      <c r="G27519" s="8">
        <v>1</v>
      </c>
      <c r="H27519" s="8">
        <v>1</v>
      </c>
      <c r="I27519" s="8">
        <v>0</v>
      </c>
      <c r="J27519" s="8">
        <v>1</v>
      </c>
      <c r="K27519" s="9">
        <v>308</v>
      </c>
      <c r="L27519" s="6" t="s">
        <v>51</v>
      </c>
    </row>
    <row r="27520" spans="1:12">
      <c r="A27520" s="6" t="s">
        <v>28262</v>
      </c>
      <c r="B27520" s="6"/>
      <c r="C27520" s="6" t="s">
        <v>28267</v>
      </c>
      <c r="D27520" s="6"/>
      <c r="E27520" s="6" t="s">
        <v>9</v>
      </c>
      <c r="F27520" s="7">
        <v>34024</v>
      </c>
      <c r="G27520" s="8">
        <v>1</v>
      </c>
      <c r="H27520" s="8">
        <v>1</v>
      </c>
      <c r="I27520" s="8">
        <v>0</v>
      </c>
      <c r="J27520" s="8">
        <v>1</v>
      </c>
      <c r="K27520" s="9">
        <v>245</v>
      </c>
      <c r="L27520" s="6" t="s">
        <v>51</v>
      </c>
    </row>
    <row r="27521" spans="1:12">
      <c r="A27521" s="6" t="s">
        <v>28262</v>
      </c>
      <c r="B27521" s="6"/>
      <c r="C27521" s="6" t="s">
        <v>28268</v>
      </c>
      <c r="D27521" s="6"/>
      <c r="E27521" s="6" t="s">
        <v>9</v>
      </c>
      <c r="F27521" s="7">
        <v>37673</v>
      </c>
      <c r="G27521" s="8">
        <v>1</v>
      </c>
      <c r="H27521" s="8">
        <v>1</v>
      </c>
      <c r="I27521" s="8">
        <v>0</v>
      </c>
      <c r="J27521" s="8">
        <v>1</v>
      </c>
      <c r="K27521" s="9">
        <v>355</v>
      </c>
      <c r="L27521" s="6" t="s">
        <v>51</v>
      </c>
    </row>
    <row r="27522" spans="1:12">
      <c r="A27522" s="6" t="s">
        <v>28262</v>
      </c>
      <c r="B27522" s="6"/>
      <c r="C27522" s="6" t="s">
        <v>28269</v>
      </c>
      <c r="D27522" s="6"/>
      <c r="E27522" s="6" t="s">
        <v>9</v>
      </c>
      <c r="F27522" s="7">
        <v>34024</v>
      </c>
      <c r="G27522" s="8">
        <v>1</v>
      </c>
      <c r="H27522" s="8">
        <v>1</v>
      </c>
      <c r="I27522" s="8">
        <v>0</v>
      </c>
      <c r="J27522" s="8">
        <v>1</v>
      </c>
      <c r="K27522" s="9">
        <v>239</v>
      </c>
      <c r="L27522" s="6" t="s">
        <v>51</v>
      </c>
    </row>
    <row r="27523" spans="1:12">
      <c r="A27523" s="6" t="s">
        <v>28262</v>
      </c>
      <c r="B27523" s="6"/>
      <c r="C27523" s="6" t="s">
        <v>28270</v>
      </c>
      <c r="D27523" s="6"/>
      <c r="E27523" s="6" t="s">
        <v>9</v>
      </c>
      <c r="F27523" s="7">
        <v>34024</v>
      </c>
      <c r="G27523" s="8">
        <v>1</v>
      </c>
      <c r="H27523" s="8">
        <v>1</v>
      </c>
      <c r="I27523" s="8">
        <v>0</v>
      </c>
      <c r="J27523" s="8">
        <v>1</v>
      </c>
      <c r="K27523" s="9">
        <v>220</v>
      </c>
      <c r="L27523" s="6" t="s">
        <v>51</v>
      </c>
    </row>
    <row r="27524" spans="1:12">
      <c r="A27524" s="6" t="s">
        <v>28271</v>
      </c>
      <c r="B27524" s="6"/>
      <c r="C27524" s="6" t="s">
        <v>28272</v>
      </c>
      <c r="D27524" s="6"/>
      <c r="E27524" s="6" t="s">
        <v>18740</v>
      </c>
      <c r="F27524" s="7">
        <v>38657</v>
      </c>
      <c r="G27524" s="8">
        <v>30766512</v>
      </c>
      <c r="H27524" s="8">
        <v>30766512</v>
      </c>
      <c r="I27524" s="8">
        <v>0</v>
      </c>
      <c r="J27524" s="8">
        <v>30766512</v>
      </c>
      <c r="K27524" s="9">
        <v>995.68</v>
      </c>
      <c r="L27524" s="6" t="s">
        <v>10</v>
      </c>
    </row>
    <row r="27525" spans="1:12">
      <c r="A27525" s="6" t="s">
        <v>28271</v>
      </c>
      <c r="B27525" s="6"/>
      <c r="C27525" s="6" t="s">
        <v>28273</v>
      </c>
      <c r="D27525" s="6"/>
      <c r="E27525" s="6" t="s">
        <v>18740</v>
      </c>
      <c r="F27525" s="7">
        <v>38657</v>
      </c>
      <c r="G27525" s="8">
        <v>348861</v>
      </c>
      <c r="H27525" s="8">
        <v>348861</v>
      </c>
      <c r="I27525" s="8">
        <v>0</v>
      </c>
      <c r="J27525" s="8">
        <v>348861</v>
      </c>
      <c r="K27525" s="9">
        <v>11.29</v>
      </c>
      <c r="L27525" s="6" t="s">
        <v>10</v>
      </c>
    </row>
    <row r="27526" spans="1:12">
      <c r="A27526" s="6" t="s">
        <v>28274</v>
      </c>
      <c r="B27526" s="6"/>
      <c r="C27526" s="6" t="s">
        <v>28275</v>
      </c>
      <c r="D27526" s="6"/>
      <c r="E27526" s="6" t="s">
        <v>9</v>
      </c>
      <c r="F27526" s="7">
        <v>42648</v>
      </c>
      <c r="G27526" s="8">
        <v>1</v>
      </c>
      <c r="H27526" s="8">
        <v>1</v>
      </c>
      <c r="I27526" s="8">
        <v>0</v>
      </c>
      <c r="J27526" s="8">
        <v>1</v>
      </c>
      <c r="K27526" s="9">
        <v>23</v>
      </c>
      <c r="L27526" s="6" t="s">
        <v>51</v>
      </c>
    </row>
    <row r="27527" spans="1:12">
      <c r="A27527" s="6" t="s">
        <v>28276</v>
      </c>
      <c r="B27527" s="6"/>
      <c r="C27527" s="6" t="s">
        <v>28277</v>
      </c>
      <c r="D27527" s="6"/>
      <c r="E27527" s="6" t="s">
        <v>9</v>
      </c>
      <c r="F27527" s="7">
        <v>38657</v>
      </c>
      <c r="G27527" s="8">
        <v>789018400</v>
      </c>
      <c r="H27527" s="8">
        <v>789018400</v>
      </c>
      <c r="I27527" s="8">
        <v>0</v>
      </c>
      <c r="J27527" s="8">
        <v>789018400</v>
      </c>
      <c r="K27527" s="9">
        <v>22804</v>
      </c>
      <c r="L27527" s="6" t="s">
        <v>10</v>
      </c>
    </row>
    <row r="27528" spans="1:12">
      <c r="A27528" s="6" t="s">
        <v>28278</v>
      </c>
      <c r="B27528" s="6"/>
      <c r="C27528" s="6" t="s">
        <v>28279</v>
      </c>
      <c r="D27528" s="6"/>
      <c r="E27528" s="6" t="s">
        <v>9</v>
      </c>
      <c r="F27528" s="7">
        <v>43412</v>
      </c>
      <c r="G27528" s="8">
        <v>1</v>
      </c>
      <c r="H27528" s="8">
        <v>1</v>
      </c>
      <c r="I27528" s="8">
        <v>0</v>
      </c>
      <c r="J27528" s="8">
        <v>1</v>
      </c>
      <c r="K27528" s="9">
        <v>16</v>
      </c>
      <c r="L27528" s="6" t="s">
        <v>51</v>
      </c>
    </row>
    <row r="27529" spans="1:12">
      <c r="A27529" s="6" t="s">
        <v>28278</v>
      </c>
      <c r="B27529" s="6"/>
      <c r="C27529" s="6" t="s">
        <v>28280</v>
      </c>
      <c r="D27529" s="6"/>
      <c r="E27529" s="6" t="s">
        <v>9</v>
      </c>
      <c r="F27529" s="7">
        <v>43412</v>
      </c>
      <c r="G27529" s="8">
        <v>1</v>
      </c>
      <c r="H27529" s="8">
        <v>1</v>
      </c>
      <c r="I27529" s="8">
        <v>0</v>
      </c>
      <c r="J27529" s="8">
        <v>1</v>
      </c>
      <c r="K27529" s="9">
        <v>6.61</v>
      </c>
      <c r="L27529" s="6" t="s">
        <v>51</v>
      </c>
    </row>
    <row r="27530" spans="1:12">
      <c r="A27530" s="6" t="s">
        <v>28281</v>
      </c>
      <c r="B27530" s="6"/>
      <c r="C27530" s="6" t="s">
        <v>28282</v>
      </c>
      <c r="D27530" s="6"/>
      <c r="E27530" s="6" t="s">
        <v>9</v>
      </c>
      <c r="F27530" s="7">
        <v>40242</v>
      </c>
      <c r="G27530" s="8">
        <v>1</v>
      </c>
      <c r="H27530" s="8">
        <v>1</v>
      </c>
      <c r="I27530" s="8">
        <v>0</v>
      </c>
      <c r="J27530" s="8">
        <v>1</v>
      </c>
      <c r="K27530" s="9">
        <v>18.98</v>
      </c>
      <c r="L27530" s="6" t="s">
        <v>51</v>
      </c>
    </row>
    <row r="27531" spans="1:12">
      <c r="A27531" s="6" t="s">
        <v>28281</v>
      </c>
      <c r="B27531" s="6"/>
      <c r="C27531" s="6" t="s">
        <v>28283</v>
      </c>
      <c r="D27531" s="6"/>
      <c r="E27531" s="6" t="s">
        <v>9</v>
      </c>
      <c r="F27531" s="7">
        <v>40966</v>
      </c>
      <c r="G27531" s="8">
        <v>1</v>
      </c>
      <c r="H27531" s="8">
        <v>1</v>
      </c>
      <c r="I27531" s="8">
        <v>0</v>
      </c>
      <c r="J27531" s="8">
        <v>1</v>
      </c>
      <c r="K27531" s="9">
        <v>1.68</v>
      </c>
      <c r="L27531" s="6" t="s">
        <v>51</v>
      </c>
    </row>
    <row r="27532" spans="1:12">
      <c r="A27532" s="6" t="s">
        <v>28281</v>
      </c>
      <c r="B27532" s="6"/>
      <c r="C27532" s="6" t="s">
        <v>28284</v>
      </c>
      <c r="D27532" s="6"/>
      <c r="E27532" s="6" t="s">
        <v>9</v>
      </c>
      <c r="F27532" s="7">
        <v>40242</v>
      </c>
      <c r="G27532" s="8">
        <v>1</v>
      </c>
      <c r="H27532" s="8">
        <v>1</v>
      </c>
      <c r="I27532" s="8">
        <v>0</v>
      </c>
      <c r="J27532" s="8">
        <v>1</v>
      </c>
      <c r="K27532" s="9">
        <v>13.06</v>
      </c>
      <c r="L27532" s="6" t="s">
        <v>51</v>
      </c>
    </row>
    <row r="27533" spans="1:12">
      <c r="A27533" s="6" t="s">
        <v>28281</v>
      </c>
      <c r="B27533" s="6"/>
      <c r="C27533" s="6" t="s">
        <v>28285</v>
      </c>
      <c r="D27533" s="6"/>
      <c r="E27533" s="6" t="s">
        <v>9</v>
      </c>
      <c r="F27533" s="7">
        <v>40242</v>
      </c>
      <c r="G27533" s="8">
        <v>1</v>
      </c>
      <c r="H27533" s="8">
        <v>1</v>
      </c>
      <c r="I27533" s="8">
        <v>0</v>
      </c>
      <c r="J27533" s="8">
        <v>1</v>
      </c>
      <c r="K27533" s="9">
        <v>31.35</v>
      </c>
      <c r="L27533" s="6" t="s">
        <v>51</v>
      </c>
    </row>
    <row r="27534" spans="1:12">
      <c r="A27534" s="6" t="s">
        <v>28281</v>
      </c>
      <c r="B27534" s="6"/>
      <c r="C27534" s="6" t="s">
        <v>28286</v>
      </c>
      <c r="D27534" s="6"/>
      <c r="E27534" s="6" t="s">
        <v>9</v>
      </c>
      <c r="F27534" s="7">
        <v>40242</v>
      </c>
      <c r="G27534" s="8">
        <v>1</v>
      </c>
      <c r="H27534" s="8">
        <v>1</v>
      </c>
      <c r="I27534" s="8">
        <v>0</v>
      </c>
      <c r="J27534" s="8">
        <v>1</v>
      </c>
      <c r="K27534" s="9">
        <v>14.02</v>
      </c>
      <c r="L27534" s="6" t="s">
        <v>51</v>
      </c>
    </row>
    <row r="27535" spans="1:12">
      <c r="A27535" s="6" t="s">
        <v>28281</v>
      </c>
      <c r="B27535" s="6"/>
      <c r="C27535" s="6" t="s">
        <v>28287</v>
      </c>
      <c r="D27535" s="6"/>
      <c r="E27535" s="6" t="s">
        <v>9</v>
      </c>
      <c r="F27535" s="7">
        <v>40242</v>
      </c>
      <c r="G27535" s="8">
        <v>1</v>
      </c>
      <c r="H27535" s="8">
        <v>1</v>
      </c>
      <c r="I27535" s="8">
        <v>0</v>
      </c>
      <c r="J27535" s="8">
        <v>1</v>
      </c>
      <c r="K27535" s="9">
        <v>12.74</v>
      </c>
      <c r="L27535" s="6" t="s">
        <v>51</v>
      </c>
    </row>
    <row r="27536" spans="1:12">
      <c r="A27536" s="6" t="s">
        <v>28281</v>
      </c>
      <c r="B27536" s="6"/>
      <c r="C27536" s="6" t="s">
        <v>28288</v>
      </c>
      <c r="D27536" s="6"/>
      <c r="E27536" s="6" t="s">
        <v>9</v>
      </c>
      <c r="F27536" s="7">
        <v>40242</v>
      </c>
      <c r="G27536" s="8">
        <v>1</v>
      </c>
      <c r="H27536" s="8">
        <v>1</v>
      </c>
      <c r="I27536" s="8">
        <v>0</v>
      </c>
      <c r="J27536" s="8">
        <v>1</v>
      </c>
      <c r="K27536" s="9">
        <v>20.350000000000001</v>
      </c>
      <c r="L27536" s="6" t="s">
        <v>51</v>
      </c>
    </row>
    <row r="27537" spans="1:12">
      <c r="A27537" s="6" t="s">
        <v>28281</v>
      </c>
      <c r="B27537" s="6"/>
      <c r="C27537" s="6" t="s">
        <v>28289</v>
      </c>
      <c r="D27537" s="6"/>
      <c r="E27537" s="6" t="s">
        <v>9</v>
      </c>
      <c r="F27537" s="7">
        <v>40502</v>
      </c>
      <c r="G27537" s="8">
        <v>1</v>
      </c>
      <c r="H27537" s="8">
        <v>1</v>
      </c>
      <c r="I27537" s="8">
        <v>0</v>
      </c>
      <c r="J27537" s="8">
        <v>1</v>
      </c>
      <c r="K27537" s="9">
        <v>13.66</v>
      </c>
      <c r="L27537" s="6" t="s">
        <v>51</v>
      </c>
    </row>
    <row r="27538" spans="1:12">
      <c r="A27538" s="6" t="s">
        <v>28281</v>
      </c>
      <c r="B27538" s="6"/>
      <c r="C27538" s="6" t="s">
        <v>28290</v>
      </c>
      <c r="D27538" s="6"/>
      <c r="E27538" s="6" t="s">
        <v>9</v>
      </c>
      <c r="F27538" s="7">
        <v>40242</v>
      </c>
      <c r="G27538" s="8">
        <v>1</v>
      </c>
      <c r="H27538" s="8">
        <v>1</v>
      </c>
      <c r="I27538" s="8">
        <v>0</v>
      </c>
      <c r="J27538" s="8">
        <v>1</v>
      </c>
      <c r="K27538" s="9">
        <v>22.49</v>
      </c>
      <c r="L27538" s="6" t="s">
        <v>51</v>
      </c>
    </row>
    <row r="27539" spans="1:12">
      <c r="A27539" s="6" t="s">
        <v>28281</v>
      </c>
      <c r="B27539" s="6"/>
      <c r="C27539" s="6" t="s">
        <v>28291</v>
      </c>
      <c r="D27539" s="6"/>
      <c r="E27539" s="6" t="s">
        <v>9</v>
      </c>
      <c r="F27539" s="7">
        <v>40242</v>
      </c>
      <c r="G27539" s="8">
        <v>1</v>
      </c>
      <c r="H27539" s="8">
        <v>1</v>
      </c>
      <c r="I27539" s="8">
        <v>0</v>
      </c>
      <c r="J27539" s="8">
        <v>1</v>
      </c>
      <c r="K27539" s="9">
        <v>9.84</v>
      </c>
      <c r="L27539" s="6" t="s">
        <v>51</v>
      </c>
    </row>
    <row r="27540" spans="1:12">
      <c r="A27540" s="6" t="s">
        <v>28281</v>
      </c>
      <c r="B27540" s="6"/>
      <c r="C27540" s="6" t="s">
        <v>28292</v>
      </c>
      <c r="D27540" s="6"/>
      <c r="E27540" s="6" t="s">
        <v>9</v>
      </c>
      <c r="F27540" s="7">
        <v>40242</v>
      </c>
      <c r="G27540" s="8">
        <v>1</v>
      </c>
      <c r="H27540" s="8">
        <v>1</v>
      </c>
      <c r="I27540" s="8">
        <v>0</v>
      </c>
      <c r="J27540" s="8">
        <v>1</v>
      </c>
      <c r="K27540" s="9">
        <v>7.13</v>
      </c>
      <c r="L27540" s="6" t="s">
        <v>51</v>
      </c>
    </row>
    <row r="27541" spans="1:12">
      <c r="A27541" s="6" t="s">
        <v>28293</v>
      </c>
      <c r="B27541" s="6"/>
      <c r="C27541" s="6" t="s">
        <v>28294</v>
      </c>
      <c r="D27541" s="6"/>
      <c r="E27541" s="6" t="s">
        <v>9</v>
      </c>
      <c r="F27541" s="7">
        <v>38657</v>
      </c>
      <c r="G27541" s="8">
        <v>14293776</v>
      </c>
      <c r="H27541" s="8">
        <v>14293776</v>
      </c>
      <c r="I27541" s="8">
        <v>0</v>
      </c>
      <c r="J27541" s="8">
        <v>14293776</v>
      </c>
      <c r="K27541" s="9">
        <v>425.41</v>
      </c>
      <c r="L27541" s="6" t="s">
        <v>10</v>
      </c>
    </row>
    <row r="27542" spans="1:12">
      <c r="A27542" s="6" t="s">
        <v>28293</v>
      </c>
      <c r="B27542" s="6"/>
      <c r="C27542" s="6" t="s">
        <v>28295</v>
      </c>
      <c r="D27542" s="6"/>
      <c r="E27542" s="6" t="s">
        <v>9</v>
      </c>
      <c r="F27542" s="7">
        <v>38657</v>
      </c>
      <c r="G27542" s="8">
        <v>50181936</v>
      </c>
      <c r="H27542" s="8">
        <v>50181936</v>
      </c>
      <c r="I27542" s="8">
        <v>0</v>
      </c>
      <c r="J27542" s="8">
        <v>50181936</v>
      </c>
      <c r="K27542" s="9">
        <v>1493.51</v>
      </c>
      <c r="L27542" s="6" t="s">
        <v>10</v>
      </c>
    </row>
    <row r="27543" spans="1:12">
      <c r="A27543" s="6" t="s">
        <v>28296</v>
      </c>
      <c r="B27543" s="6"/>
      <c r="C27543" s="6" t="s">
        <v>28297</v>
      </c>
      <c r="D27543" s="6"/>
      <c r="E27543" s="6" t="s">
        <v>18740</v>
      </c>
      <c r="F27543" s="7"/>
      <c r="G27543" s="8">
        <v>14667805</v>
      </c>
      <c r="H27543" s="8">
        <v>14667805</v>
      </c>
      <c r="I27543" s="8">
        <v>0</v>
      </c>
      <c r="J27543" s="8">
        <v>14667805</v>
      </c>
      <c r="K27543" s="9">
        <v>763.63</v>
      </c>
      <c r="L27543" s="6" t="s">
        <v>10</v>
      </c>
    </row>
    <row r="27544" spans="1:12">
      <c r="A27544" s="6" t="s">
        <v>28296</v>
      </c>
      <c r="B27544" s="6"/>
      <c r="C27544" s="6" t="s">
        <v>28298</v>
      </c>
      <c r="D27544" s="6"/>
      <c r="E27544" s="6" t="s">
        <v>18740</v>
      </c>
      <c r="F27544" s="7"/>
      <c r="G27544" s="8">
        <v>8127673</v>
      </c>
      <c r="H27544" s="8">
        <v>8127673</v>
      </c>
      <c r="I27544" s="8">
        <v>0</v>
      </c>
      <c r="J27544" s="8">
        <v>8127673</v>
      </c>
      <c r="K27544" s="9">
        <v>423.14</v>
      </c>
      <c r="L27544" s="6" t="s">
        <v>10</v>
      </c>
    </row>
    <row r="27545" spans="1:12">
      <c r="A27545" s="6" t="s">
        <v>28299</v>
      </c>
      <c r="B27545" s="6"/>
      <c r="C27545" s="6" t="s">
        <v>28300</v>
      </c>
      <c r="D27545" s="6"/>
      <c r="E27545" s="6" t="s">
        <v>9</v>
      </c>
      <c r="F27545" s="7">
        <v>43945</v>
      </c>
      <c r="G27545" s="8">
        <v>1</v>
      </c>
      <c r="H27545" s="8">
        <v>1</v>
      </c>
      <c r="I27545" s="8">
        <v>0</v>
      </c>
      <c r="J27545" s="8">
        <v>1</v>
      </c>
      <c r="K27545" s="9">
        <v>16.66</v>
      </c>
      <c r="L27545" s="6" t="s">
        <v>51</v>
      </c>
    </row>
    <row r="27546" spans="1:12">
      <c r="A27546" s="6" t="s">
        <v>28301</v>
      </c>
      <c r="B27546" s="6"/>
      <c r="C27546" s="6" t="s">
        <v>28302</v>
      </c>
      <c r="D27546" s="6"/>
      <c r="E27546" s="6" t="s">
        <v>9</v>
      </c>
      <c r="F27546" s="7">
        <v>43549</v>
      </c>
      <c r="G27546" s="8">
        <v>72044</v>
      </c>
      <c r="H27546" s="8">
        <v>72044</v>
      </c>
      <c r="I27546" s="8">
        <v>0</v>
      </c>
      <c r="J27546" s="8">
        <v>72044</v>
      </c>
      <c r="K27546" s="9">
        <v>24.29</v>
      </c>
      <c r="L27546" s="6" t="s">
        <v>51</v>
      </c>
    </row>
    <row r="27547" spans="1:12">
      <c r="A27547" s="6" t="s">
        <v>28301</v>
      </c>
      <c r="B27547" s="6"/>
      <c r="C27547" s="6" t="s">
        <v>28303</v>
      </c>
      <c r="D27547" s="6"/>
      <c r="E27547" s="6" t="s">
        <v>9</v>
      </c>
      <c r="F27547" s="7">
        <v>43549</v>
      </c>
      <c r="G27547" s="8">
        <v>71955</v>
      </c>
      <c r="H27547" s="8">
        <v>71955</v>
      </c>
      <c r="I27547" s="8">
        <v>0</v>
      </c>
      <c r="J27547" s="8">
        <v>71955</v>
      </c>
      <c r="K27547" s="9">
        <v>24.26</v>
      </c>
      <c r="L27547" s="6" t="s">
        <v>51</v>
      </c>
    </row>
    <row r="27548" spans="1:12">
      <c r="A27548" s="6" t="s">
        <v>28301</v>
      </c>
      <c r="B27548" s="6"/>
      <c r="C27548" s="6" t="s">
        <v>28304</v>
      </c>
      <c r="D27548" s="6"/>
      <c r="E27548" s="6" t="s">
        <v>9</v>
      </c>
      <c r="F27548" s="7">
        <v>43549</v>
      </c>
      <c r="G27548" s="8">
        <v>18296</v>
      </c>
      <c r="H27548" s="8">
        <v>18296</v>
      </c>
      <c r="I27548" s="8">
        <v>0</v>
      </c>
      <c r="J27548" s="8">
        <v>18296</v>
      </c>
      <c r="K27548" s="9">
        <v>8.33</v>
      </c>
      <c r="L27548" s="6" t="s">
        <v>51</v>
      </c>
    </row>
    <row r="27549" spans="1:12">
      <c r="A27549" s="6" t="s">
        <v>28305</v>
      </c>
      <c r="B27549" s="6"/>
      <c r="C27549" s="6" t="s">
        <v>28306</v>
      </c>
      <c r="D27549" s="6"/>
      <c r="E27549" s="6" t="s">
        <v>9</v>
      </c>
      <c r="F27549" s="7">
        <v>42627</v>
      </c>
      <c r="G27549" s="8">
        <v>1</v>
      </c>
      <c r="H27549" s="8">
        <v>1</v>
      </c>
      <c r="I27549" s="8">
        <v>0</v>
      </c>
      <c r="J27549" s="8">
        <v>1</v>
      </c>
      <c r="K27549" s="9">
        <v>162</v>
      </c>
      <c r="L27549" s="6" t="s">
        <v>51</v>
      </c>
    </row>
    <row r="27550" spans="1:12">
      <c r="A27550" s="6" t="s">
        <v>28307</v>
      </c>
      <c r="B27550" s="6"/>
      <c r="C27550" s="6" t="s">
        <v>28308</v>
      </c>
      <c r="D27550" s="6"/>
      <c r="E27550" s="6" t="s">
        <v>9</v>
      </c>
      <c r="F27550" s="7">
        <v>43549</v>
      </c>
      <c r="G27550" s="8">
        <v>140198</v>
      </c>
      <c r="H27550" s="8">
        <v>140198</v>
      </c>
      <c r="I27550" s="8">
        <v>0</v>
      </c>
      <c r="J27550" s="8">
        <v>140198</v>
      </c>
      <c r="K27550" s="9">
        <v>63</v>
      </c>
      <c r="L27550" s="6" t="s">
        <v>51</v>
      </c>
    </row>
    <row r="27551" spans="1:12">
      <c r="A27551" s="6" t="s">
        <v>28307</v>
      </c>
      <c r="B27551" s="6"/>
      <c r="C27551" s="6" t="s">
        <v>28309</v>
      </c>
      <c r="D27551" s="6"/>
      <c r="E27551" s="6" t="s">
        <v>9</v>
      </c>
      <c r="F27551" s="7">
        <v>43549</v>
      </c>
      <c r="G27551" s="8">
        <v>238950</v>
      </c>
      <c r="H27551" s="8">
        <v>238950</v>
      </c>
      <c r="I27551" s="8">
        <v>0</v>
      </c>
      <c r="J27551" s="8">
        <v>238950</v>
      </c>
      <c r="K27551" s="9">
        <v>108</v>
      </c>
      <c r="L27551" s="6" t="s">
        <v>51</v>
      </c>
    </row>
    <row r="27552" spans="1:12">
      <c r="A27552" s="6" t="s">
        <v>28307</v>
      </c>
      <c r="B27552" s="6"/>
      <c r="C27552" s="6" t="s">
        <v>28310</v>
      </c>
      <c r="D27552" s="6"/>
      <c r="E27552" s="6" t="s">
        <v>9</v>
      </c>
      <c r="F27552" s="7">
        <v>43549</v>
      </c>
      <c r="G27552" s="8">
        <v>84365</v>
      </c>
      <c r="H27552" s="8">
        <v>84365</v>
      </c>
      <c r="I27552" s="8">
        <v>0</v>
      </c>
      <c r="J27552" s="8">
        <v>84365</v>
      </c>
      <c r="K27552" s="9">
        <v>38</v>
      </c>
      <c r="L27552" s="6" t="s">
        <v>51</v>
      </c>
    </row>
    <row r="27553" spans="1:12">
      <c r="A27553" s="6" t="s">
        <v>28307</v>
      </c>
      <c r="B27553" s="6"/>
      <c r="C27553" s="6" t="s">
        <v>28311</v>
      </c>
      <c r="D27553" s="6"/>
      <c r="E27553" s="6" t="s">
        <v>9</v>
      </c>
      <c r="F27553" s="7">
        <v>43549</v>
      </c>
      <c r="G27553" s="8">
        <v>59766</v>
      </c>
      <c r="H27553" s="8">
        <v>59766</v>
      </c>
      <c r="I27553" s="8">
        <v>0</v>
      </c>
      <c r="J27553" s="8">
        <v>59766</v>
      </c>
      <c r="K27553" s="9">
        <v>27</v>
      </c>
      <c r="L27553" s="6" t="s">
        <v>51</v>
      </c>
    </row>
    <row r="27554" spans="1:12">
      <c r="A27554" s="6" t="s">
        <v>28307</v>
      </c>
      <c r="B27554" s="6"/>
      <c r="C27554" s="6" t="s">
        <v>28312</v>
      </c>
      <c r="D27554" s="6"/>
      <c r="E27554" s="6" t="s">
        <v>9</v>
      </c>
      <c r="F27554" s="7">
        <v>43549</v>
      </c>
      <c r="G27554" s="8">
        <v>190364</v>
      </c>
      <c r="H27554" s="8">
        <v>190364</v>
      </c>
      <c r="I27554" s="8">
        <v>0</v>
      </c>
      <c r="J27554" s="8">
        <v>190364</v>
      </c>
      <c r="K27554" s="9">
        <v>86</v>
      </c>
      <c r="L27554" s="6" t="s">
        <v>51</v>
      </c>
    </row>
    <row r="27555" spans="1:12">
      <c r="A27555" s="6" t="s">
        <v>28313</v>
      </c>
      <c r="B27555" s="6"/>
      <c r="C27555" s="6" t="s">
        <v>28314</v>
      </c>
      <c r="D27555" s="6"/>
      <c r="E27555" s="6" t="s">
        <v>18740</v>
      </c>
      <c r="F27555" s="7">
        <v>38657</v>
      </c>
      <c r="G27555" s="8">
        <v>3123900</v>
      </c>
      <c r="H27555" s="8">
        <v>3123900</v>
      </c>
      <c r="I27555" s="8">
        <v>0</v>
      </c>
      <c r="J27555" s="8">
        <v>3123900</v>
      </c>
      <c r="K27555" s="9">
        <v>231.4</v>
      </c>
      <c r="L27555" s="6" t="s">
        <v>10</v>
      </c>
    </row>
    <row r="27556" spans="1:12">
      <c r="A27556" s="6" t="s">
        <v>28315</v>
      </c>
      <c r="B27556" s="6"/>
      <c r="C27556" s="6" t="s">
        <v>28316</v>
      </c>
      <c r="D27556" s="6"/>
      <c r="E27556" s="6" t="s">
        <v>9</v>
      </c>
      <c r="F27556" s="7">
        <v>43945</v>
      </c>
      <c r="G27556" s="8">
        <v>1</v>
      </c>
      <c r="H27556" s="8">
        <v>1</v>
      </c>
      <c r="I27556" s="8">
        <v>0</v>
      </c>
      <c r="J27556" s="8">
        <v>1</v>
      </c>
      <c r="K27556" s="9">
        <v>3.79</v>
      </c>
      <c r="L27556" s="6" t="s">
        <v>51</v>
      </c>
    </row>
    <row r="27557" spans="1:12">
      <c r="A27557" s="6" t="s">
        <v>28317</v>
      </c>
      <c r="B27557" s="6"/>
      <c r="C27557" s="6" t="s">
        <v>28318</v>
      </c>
      <c r="D27557" s="6"/>
      <c r="E27557" s="6" t="s">
        <v>9</v>
      </c>
      <c r="F27557" s="7">
        <v>43461</v>
      </c>
      <c r="G27557" s="8">
        <v>1</v>
      </c>
      <c r="H27557" s="8">
        <v>1</v>
      </c>
      <c r="I27557" s="8">
        <v>0</v>
      </c>
      <c r="J27557" s="8">
        <v>1</v>
      </c>
      <c r="K27557" s="9">
        <v>16</v>
      </c>
      <c r="L27557" s="6" t="s">
        <v>51</v>
      </c>
    </row>
    <row r="27558" spans="1:12">
      <c r="A27558" s="6" t="s">
        <v>28319</v>
      </c>
      <c r="B27558" s="6"/>
      <c r="C27558" s="6" t="s">
        <v>28320</v>
      </c>
      <c r="D27558" s="6"/>
      <c r="E27558" s="6" t="s">
        <v>9</v>
      </c>
      <c r="F27558" s="7">
        <v>44145</v>
      </c>
      <c r="G27558" s="8">
        <v>1</v>
      </c>
      <c r="H27558" s="8">
        <v>1</v>
      </c>
      <c r="I27558" s="8">
        <v>0</v>
      </c>
      <c r="J27558" s="8">
        <v>1</v>
      </c>
      <c r="K27558" s="9">
        <v>19.53</v>
      </c>
      <c r="L27558" s="6" t="s">
        <v>10</v>
      </c>
    </row>
    <row r="27559" spans="1:12">
      <c r="A27559" s="6" t="s">
        <v>28321</v>
      </c>
      <c r="B27559" s="6"/>
      <c r="C27559" s="6" t="s">
        <v>28322</v>
      </c>
      <c r="D27559" s="6"/>
      <c r="E27559" s="6" t="s">
        <v>18740</v>
      </c>
      <c r="F27559" s="7">
        <v>38657</v>
      </c>
      <c r="G27559" s="8">
        <v>1956270</v>
      </c>
      <c r="H27559" s="8">
        <v>1956270</v>
      </c>
      <c r="I27559" s="8">
        <v>0</v>
      </c>
      <c r="J27559" s="8">
        <v>1956270</v>
      </c>
      <c r="K27559" s="9">
        <v>53.45</v>
      </c>
      <c r="L27559" s="6" t="s">
        <v>10</v>
      </c>
    </row>
    <row r="27560" spans="1:12">
      <c r="A27560" s="6" t="s">
        <v>28323</v>
      </c>
      <c r="B27560" s="6"/>
      <c r="C27560" s="6" t="s">
        <v>28324</v>
      </c>
      <c r="D27560" s="6"/>
      <c r="E27560" s="6" t="s">
        <v>9</v>
      </c>
      <c r="F27560" s="7">
        <v>38657</v>
      </c>
      <c r="G27560" s="8">
        <v>6383666</v>
      </c>
      <c r="H27560" s="8">
        <v>6383666</v>
      </c>
      <c r="I27560" s="8">
        <v>0</v>
      </c>
      <c r="J27560" s="8">
        <v>6383666</v>
      </c>
      <c r="K27560" s="9">
        <v>264.83</v>
      </c>
      <c r="L27560" s="6" t="s">
        <v>51</v>
      </c>
    </row>
    <row r="27561" spans="1:12">
      <c r="A27561" s="6" t="s">
        <v>28325</v>
      </c>
      <c r="B27561" s="6"/>
      <c r="C27561" s="6" t="s">
        <v>28326</v>
      </c>
      <c r="D27561" s="6"/>
      <c r="E27561" s="6" t="s">
        <v>9</v>
      </c>
      <c r="F27561" s="7">
        <v>43311</v>
      </c>
      <c r="G27561" s="8">
        <v>1</v>
      </c>
      <c r="H27561" s="8">
        <v>1</v>
      </c>
      <c r="I27561" s="8">
        <v>0</v>
      </c>
      <c r="J27561" s="8">
        <v>1</v>
      </c>
      <c r="K27561" s="9">
        <v>8.61</v>
      </c>
      <c r="L27561" s="6" t="s">
        <v>51</v>
      </c>
    </row>
    <row r="27562" spans="1:12">
      <c r="A27562" s="6" t="s">
        <v>28325</v>
      </c>
      <c r="B27562" s="6"/>
      <c r="C27562" s="6" t="s">
        <v>28327</v>
      </c>
      <c r="D27562" s="6"/>
      <c r="E27562" s="6" t="s">
        <v>9</v>
      </c>
      <c r="F27562" s="7">
        <v>43311</v>
      </c>
      <c r="G27562" s="8">
        <v>1</v>
      </c>
      <c r="H27562" s="8">
        <v>1</v>
      </c>
      <c r="I27562" s="8">
        <v>0</v>
      </c>
      <c r="J27562" s="8">
        <v>1</v>
      </c>
      <c r="K27562" s="9">
        <v>5.82</v>
      </c>
      <c r="L27562" s="6" t="s">
        <v>51</v>
      </c>
    </row>
    <row r="27563" spans="1:12">
      <c r="A27563" s="6" t="s">
        <v>28325</v>
      </c>
      <c r="B27563" s="6"/>
      <c r="C27563" s="6" t="s">
        <v>28328</v>
      </c>
      <c r="D27563" s="6"/>
      <c r="E27563" s="6" t="s">
        <v>9</v>
      </c>
      <c r="F27563" s="7">
        <v>43311</v>
      </c>
      <c r="G27563" s="8">
        <v>1</v>
      </c>
      <c r="H27563" s="8">
        <v>1</v>
      </c>
      <c r="I27563" s="8">
        <v>0</v>
      </c>
      <c r="J27563" s="8">
        <v>1</v>
      </c>
      <c r="K27563" s="9">
        <v>4.96</v>
      </c>
      <c r="L27563" s="6" t="s">
        <v>51</v>
      </c>
    </row>
    <row r="27564" spans="1:12">
      <c r="A27564" s="6" t="s">
        <v>28325</v>
      </c>
      <c r="B27564" s="6"/>
      <c r="C27564" s="6" t="s">
        <v>28329</v>
      </c>
      <c r="D27564" s="6"/>
      <c r="E27564" s="6" t="s">
        <v>9</v>
      </c>
      <c r="F27564" s="7">
        <v>43311</v>
      </c>
      <c r="G27564" s="8">
        <v>1</v>
      </c>
      <c r="H27564" s="8">
        <v>1</v>
      </c>
      <c r="I27564" s="8">
        <v>0</v>
      </c>
      <c r="J27564" s="8">
        <v>1</v>
      </c>
      <c r="K27564" s="9">
        <v>8.34</v>
      </c>
      <c r="L27564" s="6" t="s">
        <v>51</v>
      </c>
    </row>
    <row r="27565" spans="1:12">
      <c r="A27565" s="6" t="s">
        <v>28325</v>
      </c>
      <c r="B27565" s="6"/>
      <c r="C27565" s="6" t="s">
        <v>28330</v>
      </c>
      <c r="D27565" s="6"/>
      <c r="E27565" s="6" t="s">
        <v>9</v>
      </c>
      <c r="F27565" s="7">
        <v>43311</v>
      </c>
      <c r="G27565" s="8">
        <v>1</v>
      </c>
      <c r="H27565" s="8">
        <v>1</v>
      </c>
      <c r="I27565" s="8">
        <v>0</v>
      </c>
      <c r="J27565" s="8">
        <v>1</v>
      </c>
      <c r="K27565" s="9">
        <v>3.42</v>
      </c>
      <c r="L27565" s="6" t="s">
        <v>51</v>
      </c>
    </row>
    <row r="27566" spans="1:12">
      <c r="A27566" s="6" t="s">
        <v>28325</v>
      </c>
      <c r="B27566" s="6"/>
      <c r="C27566" s="6" t="s">
        <v>28331</v>
      </c>
      <c r="D27566" s="6"/>
      <c r="E27566" s="6" t="s">
        <v>9</v>
      </c>
      <c r="F27566" s="7">
        <v>43311</v>
      </c>
      <c r="G27566" s="8">
        <v>1</v>
      </c>
      <c r="H27566" s="8">
        <v>1</v>
      </c>
      <c r="I27566" s="8">
        <v>0</v>
      </c>
      <c r="J27566" s="8">
        <v>1</v>
      </c>
      <c r="K27566" s="9">
        <v>3.65</v>
      </c>
      <c r="L27566" s="6" t="s">
        <v>51</v>
      </c>
    </row>
    <row r="27567" spans="1:12">
      <c r="A27567" s="6" t="s">
        <v>28325</v>
      </c>
      <c r="B27567" s="6"/>
      <c r="C27567" s="6" t="s">
        <v>28332</v>
      </c>
      <c r="D27567" s="6"/>
      <c r="E27567" s="6" t="s">
        <v>9</v>
      </c>
      <c r="F27567" s="7">
        <v>43311</v>
      </c>
      <c r="G27567" s="8">
        <v>1</v>
      </c>
      <c r="H27567" s="8">
        <v>1</v>
      </c>
      <c r="I27567" s="8">
        <v>0</v>
      </c>
      <c r="J27567" s="8">
        <v>1</v>
      </c>
      <c r="K27567" s="9">
        <v>5.35</v>
      </c>
      <c r="L27567" s="6" t="s">
        <v>51</v>
      </c>
    </row>
    <row r="27568" spans="1:12">
      <c r="A27568" s="6" t="s">
        <v>28333</v>
      </c>
      <c r="B27568" s="6"/>
      <c r="C27568" s="6" t="s">
        <v>28334</v>
      </c>
      <c r="D27568" s="6"/>
      <c r="E27568" s="6" t="s">
        <v>9</v>
      </c>
      <c r="F27568" s="7">
        <v>42514</v>
      </c>
      <c r="G27568" s="8">
        <v>3095260</v>
      </c>
      <c r="H27568" s="8">
        <v>3095260</v>
      </c>
      <c r="I27568" s="8">
        <v>0</v>
      </c>
      <c r="J27568" s="8">
        <v>3095260</v>
      </c>
      <c r="K27568" s="9">
        <v>442</v>
      </c>
      <c r="L27568" s="6" t="s">
        <v>4773</v>
      </c>
    </row>
    <row r="27569" spans="1:12">
      <c r="A27569" s="6" t="s">
        <v>28333</v>
      </c>
      <c r="B27569" s="6"/>
      <c r="C27569" s="6" t="s">
        <v>28335</v>
      </c>
      <c r="D27569" s="6"/>
      <c r="E27569" s="6" t="s">
        <v>9</v>
      </c>
      <c r="F27569" s="7">
        <v>44160</v>
      </c>
      <c r="G27569" s="8">
        <v>1</v>
      </c>
      <c r="H27569" s="8">
        <v>1</v>
      </c>
      <c r="I27569" s="8">
        <v>0</v>
      </c>
      <c r="J27569" s="8">
        <v>1</v>
      </c>
      <c r="K27569" s="9">
        <v>31.36</v>
      </c>
      <c r="L27569" s="6" t="s">
        <v>10</v>
      </c>
    </row>
    <row r="27570" spans="1:12">
      <c r="A27570" s="6" t="s">
        <v>28333</v>
      </c>
      <c r="B27570" s="6"/>
      <c r="C27570" s="6" t="s">
        <v>28336</v>
      </c>
      <c r="D27570" s="6"/>
      <c r="E27570" s="6" t="s">
        <v>9</v>
      </c>
      <c r="F27570" s="7">
        <v>44160</v>
      </c>
      <c r="G27570" s="8">
        <v>1</v>
      </c>
      <c r="H27570" s="8">
        <v>1</v>
      </c>
      <c r="I27570" s="8">
        <v>0</v>
      </c>
      <c r="J27570" s="8">
        <v>1</v>
      </c>
      <c r="K27570" s="9">
        <v>22.34</v>
      </c>
      <c r="L27570" s="6" t="s">
        <v>10</v>
      </c>
    </row>
    <row r="27571" spans="1:12">
      <c r="A27571" s="6" t="s">
        <v>28333</v>
      </c>
      <c r="B27571" s="6"/>
      <c r="C27571" s="6" t="s">
        <v>28337</v>
      </c>
      <c r="D27571" s="6"/>
      <c r="E27571" s="6" t="s">
        <v>9</v>
      </c>
      <c r="F27571" s="7">
        <v>44160</v>
      </c>
      <c r="G27571" s="8">
        <v>1</v>
      </c>
      <c r="H27571" s="8">
        <v>1</v>
      </c>
      <c r="I27571" s="8">
        <v>0</v>
      </c>
      <c r="J27571" s="8">
        <v>1</v>
      </c>
      <c r="K27571" s="9">
        <v>11</v>
      </c>
      <c r="L27571" s="6" t="s">
        <v>23</v>
      </c>
    </row>
    <row r="27572" spans="1:12">
      <c r="A27572" s="6" t="s">
        <v>28333</v>
      </c>
      <c r="B27572" s="6"/>
      <c r="C27572" s="6" t="s">
        <v>28338</v>
      </c>
      <c r="D27572" s="6"/>
      <c r="E27572" s="6" t="s">
        <v>9</v>
      </c>
      <c r="F27572" s="7">
        <v>44265</v>
      </c>
      <c r="G27572" s="8">
        <v>8757</v>
      </c>
      <c r="H27572" s="8">
        <v>8757</v>
      </c>
      <c r="I27572" s="8">
        <v>0</v>
      </c>
      <c r="J27572" s="8">
        <v>8757</v>
      </c>
      <c r="K27572" s="9">
        <v>0.61</v>
      </c>
      <c r="L27572" s="6" t="s">
        <v>51</v>
      </c>
    </row>
    <row r="27573" spans="1:12">
      <c r="A27573" s="6" t="s">
        <v>28333</v>
      </c>
      <c r="B27573" s="6"/>
      <c r="C27573" s="6" t="s">
        <v>28339</v>
      </c>
      <c r="D27573" s="6"/>
      <c r="E27573" s="6" t="s">
        <v>9</v>
      </c>
      <c r="F27573" s="7">
        <v>42514</v>
      </c>
      <c r="G27573" s="8">
        <v>10185</v>
      </c>
      <c r="H27573" s="8">
        <v>10185</v>
      </c>
      <c r="I27573" s="8">
        <v>0</v>
      </c>
      <c r="J27573" s="8">
        <v>10185</v>
      </c>
      <c r="K27573" s="9">
        <v>0.97</v>
      </c>
      <c r="L27573" s="6" t="s">
        <v>10</v>
      </c>
    </row>
    <row r="27574" spans="1:12">
      <c r="A27574" s="6" t="s">
        <v>28333</v>
      </c>
      <c r="B27574" s="6"/>
      <c r="C27574" s="6" t="s">
        <v>28340</v>
      </c>
      <c r="D27574" s="6"/>
      <c r="E27574" s="6" t="s">
        <v>9</v>
      </c>
      <c r="F27574" s="7">
        <v>42618</v>
      </c>
      <c r="G27574" s="8">
        <v>43769</v>
      </c>
      <c r="H27574" s="8">
        <v>43769</v>
      </c>
      <c r="I27574" s="8">
        <v>0</v>
      </c>
      <c r="J27574" s="8">
        <v>43769</v>
      </c>
      <c r="K27574" s="9">
        <v>5.15</v>
      </c>
      <c r="L27574" s="6" t="s">
        <v>23</v>
      </c>
    </row>
    <row r="27575" spans="1:12">
      <c r="A27575" s="6" t="s">
        <v>28333</v>
      </c>
      <c r="B27575" s="6"/>
      <c r="C27575" s="6" t="s">
        <v>28341</v>
      </c>
      <c r="D27575" s="6"/>
      <c r="E27575" s="6" t="s">
        <v>9</v>
      </c>
      <c r="F27575" s="7">
        <v>42618</v>
      </c>
      <c r="G27575" s="8">
        <v>393960</v>
      </c>
      <c r="H27575" s="8">
        <v>393960</v>
      </c>
      <c r="I27575" s="8">
        <v>0</v>
      </c>
      <c r="J27575" s="8">
        <v>393960</v>
      </c>
      <c r="K27575" s="9">
        <v>28.14</v>
      </c>
      <c r="L27575" s="6" t="s">
        <v>10</v>
      </c>
    </row>
    <row r="27576" spans="1:12">
      <c r="A27576" s="6" t="s">
        <v>28333</v>
      </c>
      <c r="B27576" s="6"/>
      <c r="C27576" s="6" t="s">
        <v>28342</v>
      </c>
      <c r="D27576" s="6"/>
      <c r="E27576" s="6" t="s">
        <v>9</v>
      </c>
      <c r="F27576" s="7">
        <v>42718</v>
      </c>
      <c r="G27576" s="8">
        <v>311360</v>
      </c>
      <c r="H27576" s="8">
        <v>311360</v>
      </c>
      <c r="I27576" s="8">
        <v>0</v>
      </c>
      <c r="J27576" s="8">
        <v>311360</v>
      </c>
      <c r="K27576" s="9">
        <v>22.24</v>
      </c>
      <c r="L27576" s="6" t="s">
        <v>10</v>
      </c>
    </row>
    <row r="27577" spans="1:12">
      <c r="A27577" s="6" t="s">
        <v>28333</v>
      </c>
      <c r="B27577" s="6"/>
      <c r="C27577" s="6" t="s">
        <v>28343</v>
      </c>
      <c r="D27577" s="6"/>
      <c r="E27577" s="6" t="s">
        <v>9</v>
      </c>
      <c r="F27577" s="7">
        <v>44160</v>
      </c>
      <c r="G27577" s="8">
        <v>1</v>
      </c>
      <c r="H27577" s="8">
        <v>1</v>
      </c>
      <c r="I27577" s="8">
        <v>0</v>
      </c>
      <c r="J27577" s="8">
        <v>1</v>
      </c>
      <c r="K27577" s="9">
        <v>44.15</v>
      </c>
      <c r="L27577" s="6" t="s">
        <v>10</v>
      </c>
    </row>
    <row r="27578" spans="1:12">
      <c r="A27578" s="6" t="s">
        <v>28333</v>
      </c>
      <c r="B27578" s="6"/>
      <c r="C27578" s="6" t="s">
        <v>28344</v>
      </c>
      <c r="D27578" s="6"/>
      <c r="E27578" s="6" t="s">
        <v>9</v>
      </c>
      <c r="F27578" s="7">
        <v>44160</v>
      </c>
      <c r="G27578" s="8">
        <v>1</v>
      </c>
      <c r="H27578" s="8">
        <v>1</v>
      </c>
      <c r="I27578" s="8">
        <v>0</v>
      </c>
      <c r="J27578" s="8">
        <v>1</v>
      </c>
      <c r="K27578" s="9">
        <v>32.03</v>
      </c>
      <c r="L27578" s="6" t="s">
        <v>10</v>
      </c>
    </row>
    <row r="27579" spans="1:12">
      <c r="A27579" s="6" t="s">
        <v>28333</v>
      </c>
      <c r="B27579" s="6"/>
      <c r="C27579" s="6" t="s">
        <v>28345</v>
      </c>
      <c r="D27579" s="6"/>
      <c r="E27579" s="6" t="s">
        <v>9</v>
      </c>
      <c r="F27579" s="7">
        <v>44160</v>
      </c>
      <c r="G27579" s="8">
        <v>1</v>
      </c>
      <c r="H27579" s="8">
        <v>1</v>
      </c>
      <c r="I27579" s="8">
        <v>0</v>
      </c>
      <c r="J27579" s="8">
        <v>1</v>
      </c>
      <c r="K27579" s="9">
        <v>31.35</v>
      </c>
      <c r="L27579" s="6" t="s">
        <v>10</v>
      </c>
    </row>
    <row r="27580" spans="1:12">
      <c r="A27580" s="6" t="s">
        <v>28333</v>
      </c>
      <c r="B27580" s="6"/>
      <c r="C27580" s="6" t="s">
        <v>28346</v>
      </c>
      <c r="D27580" s="6"/>
      <c r="E27580" s="6" t="s">
        <v>9</v>
      </c>
      <c r="F27580" s="7">
        <v>44160</v>
      </c>
      <c r="G27580" s="8">
        <v>1</v>
      </c>
      <c r="H27580" s="8">
        <v>1</v>
      </c>
      <c r="I27580" s="8">
        <v>0</v>
      </c>
      <c r="J27580" s="8">
        <v>1</v>
      </c>
      <c r="K27580" s="9">
        <v>30.97</v>
      </c>
      <c r="L27580" s="6" t="s">
        <v>10</v>
      </c>
    </row>
    <row r="27581" spans="1:12">
      <c r="A27581" s="6" t="s">
        <v>28347</v>
      </c>
      <c r="B27581" s="6"/>
      <c r="C27581" s="6" t="s">
        <v>28348</v>
      </c>
      <c r="D27581" s="6"/>
      <c r="E27581" s="6" t="s">
        <v>9</v>
      </c>
      <c r="F27581" s="7">
        <v>44167</v>
      </c>
      <c r="G27581" s="8">
        <v>1</v>
      </c>
      <c r="H27581" s="8">
        <v>1</v>
      </c>
      <c r="I27581" s="8">
        <v>0</v>
      </c>
      <c r="J27581" s="8">
        <v>1</v>
      </c>
      <c r="K27581" s="9">
        <v>4.2300000000000004</v>
      </c>
      <c r="L27581" s="6" t="s">
        <v>51</v>
      </c>
    </row>
    <row r="27582" spans="1:12">
      <c r="A27582" s="6" t="s">
        <v>28349</v>
      </c>
      <c r="B27582" s="6"/>
      <c r="C27582" s="6" t="s">
        <v>28350</v>
      </c>
      <c r="D27582" s="6"/>
      <c r="E27582" s="6" t="s">
        <v>9</v>
      </c>
      <c r="F27582" s="7">
        <v>42583</v>
      </c>
      <c r="G27582" s="8">
        <v>1</v>
      </c>
      <c r="H27582" s="8">
        <v>1</v>
      </c>
      <c r="I27582" s="8">
        <v>0</v>
      </c>
      <c r="J27582" s="8">
        <v>1</v>
      </c>
      <c r="K27582" s="9">
        <v>184</v>
      </c>
      <c r="L27582" s="6" t="s">
        <v>23</v>
      </c>
    </row>
    <row r="27583" spans="1:12">
      <c r="A27583" s="6" t="s">
        <v>28349</v>
      </c>
      <c r="B27583" s="6"/>
      <c r="C27583" s="6" t="s">
        <v>28351</v>
      </c>
      <c r="D27583" s="6"/>
      <c r="E27583" s="6" t="s">
        <v>9</v>
      </c>
      <c r="F27583" s="7">
        <v>42583</v>
      </c>
      <c r="G27583" s="8">
        <v>1</v>
      </c>
      <c r="H27583" s="8">
        <v>1</v>
      </c>
      <c r="I27583" s="8">
        <v>0</v>
      </c>
      <c r="J27583" s="8">
        <v>1</v>
      </c>
      <c r="K27583" s="9">
        <v>119</v>
      </c>
      <c r="L27583" s="6" t="s">
        <v>23</v>
      </c>
    </row>
    <row r="27584" spans="1:12">
      <c r="A27584" s="6" t="s">
        <v>28352</v>
      </c>
      <c r="B27584" s="6"/>
      <c r="C27584" s="6" t="s">
        <v>28353</v>
      </c>
      <c r="D27584" s="6"/>
      <c r="E27584" s="6" t="s">
        <v>9</v>
      </c>
      <c r="F27584" s="7">
        <v>43242</v>
      </c>
      <c r="G27584" s="8">
        <v>1</v>
      </c>
      <c r="H27584" s="8">
        <v>1</v>
      </c>
      <c r="I27584" s="8">
        <v>0</v>
      </c>
      <c r="J27584" s="8">
        <v>1</v>
      </c>
      <c r="K27584" s="9">
        <v>1.67</v>
      </c>
      <c r="L27584" s="6" t="s">
        <v>51</v>
      </c>
    </row>
    <row r="27585" spans="1:12">
      <c r="A27585" s="6" t="s">
        <v>28352</v>
      </c>
      <c r="B27585" s="6"/>
      <c r="C27585" s="6" t="s">
        <v>28354</v>
      </c>
      <c r="D27585" s="6"/>
      <c r="E27585" s="6" t="s">
        <v>9</v>
      </c>
      <c r="F27585" s="7">
        <v>43314</v>
      </c>
      <c r="G27585" s="8">
        <v>1</v>
      </c>
      <c r="H27585" s="8">
        <v>1</v>
      </c>
      <c r="I27585" s="8">
        <v>0</v>
      </c>
      <c r="J27585" s="8">
        <v>1</v>
      </c>
      <c r="K27585" s="9">
        <v>52</v>
      </c>
      <c r="L27585" s="6" t="s">
        <v>51</v>
      </c>
    </row>
    <row r="27586" spans="1:12">
      <c r="A27586" s="6" t="s">
        <v>28352</v>
      </c>
      <c r="B27586" s="6"/>
      <c r="C27586" s="6" t="s">
        <v>28355</v>
      </c>
      <c r="D27586" s="6"/>
      <c r="E27586" s="6" t="s">
        <v>9</v>
      </c>
      <c r="F27586" s="7">
        <v>43314</v>
      </c>
      <c r="G27586" s="8">
        <v>1</v>
      </c>
      <c r="H27586" s="8">
        <v>1</v>
      </c>
      <c r="I27586" s="8">
        <v>0</v>
      </c>
      <c r="J27586" s="8">
        <v>1</v>
      </c>
      <c r="K27586" s="9">
        <v>39</v>
      </c>
      <c r="L27586" s="6" t="s">
        <v>51</v>
      </c>
    </row>
    <row r="27587" spans="1:12">
      <c r="A27587" s="6" t="s">
        <v>28356</v>
      </c>
      <c r="B27587" s="6"/>
      <c r="C27587" s="6" t="s">
        <v>28357</v>
      </c>
      <c r="D27587" s="6"/>
      <c r="E27587" s="6" t="s">
        <v>9</v>
      </c>
      <c r="F27587" s="7">
        <v>42503</v>
      </c>
      <c r="G27587" s="8">
        <v>1</v>
      </c>
      <c r="H27587" s="8">
        <v>1</v>
      </c>
      <c r="I27587" s="8">
        <v>0</v>
      </c>
      <c r="J27587" s="8">
        <v>1</v>
      </c>
      <c r="K27587" s="9">
        <v>1.71</v>
      </c>
      <c r="L27587" s="6" t="s">
        <v>51</v>
      </c>
    </row>
    <row r="27588" spans="1:12">
      <c r="A27588" s="6" t="s">
        <v>28356</v>
      </c>
      <c r="B27588" s="6"/>
      <c r="C27588" s="6" t="s">
        <v>28358</v>
      </c>
      <c r="D27588" s="6"/>
      <c r="E27588" s="6" t="s">
        <v>9</v>
      </c>
      <c r="F27588" s="7">
        <v>42503</v>
      </c>
      <c r="G27588" s="8">
        <v>1</v>
      </c>
      <c r="H27588" s="8">
        <v>1</v>
      </c>
      <c r="I27588" s="8">
        <v>0</v>
      </c>
      <c r="J27588" s="8">
        <v>1</v>
      </c>
      <c r="K27588" s="9">
        <v>2.39</v>
      </c>
      <c r="L27588" s="6" t="s">
        <v>51</v>
      </c>
    </row>
    <row r="27589" spans="1:12">
      <c r="A27589" s="6" t="s">
        <v>28356</v>
      </c>
      <c r="B27589" s="6"/>
      <c r="C27589" s="6" t="s">
        <v>28359</v>
      </c>
      <c r="D27589" s="6"/>
      <c r="E27589" s="6" t="s">
        <v>9</v>
      </c>
      <c r="F27589" s="7">
        <v>42503</v>
      </c>
      <c r="G27589" s="8">
        <v>1</v>
      </c>
      <c r="H27589" s="8">
        <v>1</v>
      </c>
      <c r="I27589" s="8">
        <v>0</v>
      </c>
      <c r="J27589" s="8">
        <v>1</v>
      </c>
      <c r="K27589" s="9">
        <v>12</v>
      </c>
      <c r="L27589" s="6" t="s">
        <v>51</v>
      </c>
    </row>
    <row r="27590" spans="1:12">
      <c r="A27590" s="6" t="s">
        <v>28360</v>
      </c>
      <c r="B27590" s="6"/>
      <c r="C27590" s="6" t="s">
        <v>28361</v>
      </c>
      <c r="D27590" s="6"/>
      <c r="E27590" s="6" t="s">
        <v>9</v>
      </c>
      <c r="F27590" s="7">
        <v>42503</v>
      </c>
      <c r="G27590" s="8">
        <v>1</v>
      </c>
      <c r="H27590" s="8">
        <v>1</v>
      </c>
      <c r="I27590" s="8">
        <v>0</v>
      </c>
      <c r="J27590" s="8">
        <v>1</v>
      </c>
      <c r="K27590" s="9">
        <v>0.55000000000000004</v>
      </c>
      <c r="L27590" s="6" t="s">
        <v>51</v>
      </c>
    </row>
    <row r="27591" spans="1:12">
      <c r="A27591" s="6" t="s">
        <v>28360</v>
      </c>
      <c r="B27591" s="6"/>
      <c r="C27591" s="6" t="s">
        <v>28362</v>
      </c>
      <c r="D27591" s="6"/>
      <c r="E27591" s="6" t="s">
        <v>9</v>
      </c>
      <c r="F27591" s="7">
        <v>42503</v>
      </c>
      <c r="G27591" s="8">
        <v>1</v>
      </c>
      <c r="H27591" s="8">
        <v>1</v>
      </c>
      <c r="I27591" s="8">
        <v>0</v>
      </c>
      <c r="J27591" s="8">
        <v>1</v>
      </c>
      <c r="K27591" s="9">
        <v>0.4</v>
      </c>
      <c r="L27591" s="6" t="s">
        <v>51</v>
      </c>
    </row>
    <row r="27592" spans="1:12">
      <c r="A27592" s="6" t="s">
        <v>28363</v>
      </c>
      <c r="B27592" s="6"/>
      <c r="C27592" s="6" t="s">
        <v>28364</v>
      </c>
      <c r="D27592" s="6"/>
      <c r="E27592" s="6" t="s">
        <v>9</v>
      </c>
      <c r="F27592" s="7">
        <v>43238</v>
      </c>
      <c r="G27592" s="8">
        <v>1</v>
      </c>
      <c r="H27592" s="8">
        <v>1</v>
      </c>
      <c r="I27592" s="8">
        <v>0</v>
      </c>
      <c r="J27592" s="8">
        <v>1</v>
      </c>
      <c r="K27592" s="9">
        <v>12.51</v>
      </c>
      <c r="L27592" s="6" t="s">
        <v>51</v>
      </c>
    </row>
    <row r="27593" spans="1:12">
      <c r="A27593" s="6" t="s">
        <v>28365</v>
      </c>
      <c r="B27593" s="6"/>
      <c r="C27593" s="6" t="s">
        <v>28366</v>
      </c>
      <c r="D27593" s="6"/>
      <c r="E27593" s="6" t="s">
        <v>9</v>
      </c>
      <c r="F27593" s="7">
        <v>42746</v>
      </c>
      <c r="G27593" s="8">
        <v>1</v>
      </c>
      <c r="H27593" s="8">
        <v>1</v>
      </c>
      <c r="I27593" s="8">
        <v>0</v>
      </c>
      <c r="J27593" s="8">
        <v>1</v>
      </c>
      <c r="K27593" s="9">
        <v>6.8</v>
      </c>
      <c r="L27593" s="6" t="s">
        <v>51</v>
      </c>
    </row>
    <row r="27594" spans="1:12">
      <c r="A27594" s="6" t="s">
        <v>28367</v>
      </c>
      <c r="B27594" s="6"/>
      <c r="C27594" s="6" t="s">
        <v>28368</v>
      </c>
      <c r="D27594" s="6"/>
      <c r="E27594" s="6" t="s">
        <v>18740</v>
      </c>
      <c r="F27594" s="7">
        <v>38657</v>
      </c>
      <c r="G27594" s="8">
        <v>11853000</v>
      </c>
      <c r="H27594" s="8">
        <v>11853000</v>
      </c>
      <c r="I27594" s="8">
        <v>0</v>
      </c>
      <c r="J27594" s="8">
        <v>11853000</v>
      </c>
      <c r="K27594" s="9">
        <v>395.1</v>
      </c>
      <c r="L27594" s="6" t="s">
        <v>10</v>
      </c>
    </row>
    <row r="27595" spans="1:12">
      <c r="A27595" s="6" t="s">
        <v>28369</v>
      </c>
      <c r="B27595" s="6"/>
      <c r="C27595" s="6" t="s">
        <v>28370</v>
      </c>
      <c r="D27595" s="6"/>
      <c r="E27595" s="6" t="s">
        <v>9</v>
      </c>
      <c r="F27595" s="7">
        <v>42746</v>
      </c>
      <c r="G27595" s="8">
        <v>1</v>
      </c>
      <c r="H27595" s="8">
        <v>1</v>
      </c>
      <c r="I27595" s="8">
        <v>0</v>
      </c>
      <c r="J27595" s="8">
        <v>1</v>
      </c>
      <c r="K27595" s="9">
        <v>24</v>
      </c>
      <c r="L27595" s="6" t="s">
        <v>51</v>
      </c>
    </row>
    <row r="27596" spans="1:12">
      <c r="A27596" s="6" t="s">
        <v>28371</v>
      </c>
      <c r="B27596" s="6"/>
      <c r="C27596" s="6" t="s">
        <v>28372</v>
      </c>
      <c r="D27596" s="6"/>
      <c r="E27596" s="6" t="s">
        <v>9</v>
      </c>
      <c r="F27596" s="7">
        <v>44092</v>
      </c>
      <c r="G27596" s="8">
        <v>1</v>
      </c>
      <c r="H27596" s="8">
        <v>1</v>
      </c>
      <c r="I27596" s="8">
        <v>0</v>
      </c>
      <c r="J27596" s="8">
        <v>1</v>
      </c>
      <c r="K27596" s="9">
        <v>9.0399999999999903</v>
      </c>
      <c r="L27596" s="6" t="s">
        <v>51</v>
      </c>
    </row>
    <row r="27597" spans="1:12">
      <c r="A27597" s="6" t="s">
        <v>28373</v>
      </c>
      <c r="B27597" s="6"/>
      <c r="C27597" s="6" t="s">
        <v>28374</v>
      </c>
      <c r="D27597" s="6"/>
      <c r="E27597" s="6" t="s">
        <v>9</v>
      </c>
      <c r="F27597" s="7">
        <v>43805</v>
      </c>
      <c r="G27597" s="8">
        <v>1</v>
      </c>
      <c r="H27597" s="8">
        <v>1</v>
      </c>
      <c r="I27597" s="8">
        <v>0</v>
      </c>
      <c r="J27597" s="8">
        <v>1</v>
      </c>
      <c r="K27597" s="9">
        <v>12</v>
      </c>
      <c r="L27597" s="6" t="s">
        <v>51</v>
      </c>
    </row>
    <row r="27598" spans="1:12">
      <c r="A27598" s="6" t="s">
        <v>28375</v>
      </c>
      <c r="B27598" s="6"/>
      <c r="C27598" s="6" t="s">
        <v>28376</v>
      </c>
      <c r="D27598" s="6"/>
      <c r="E27598" s="6" t="s">
        <v>9</v>
      </c>
      <c r="F27598" s="7">
        <v>42662</v>
      </c>
      <c r="G27598" s="8">
        <v>144622</v>
      </c>
      <c r="H27598" s="8">
        <v>144622</v>
      </c>
      <c r="I27598" s="8">
        <v>0</v>
      </c>
      <c r="J27598" s="8">
        <v>144622</v>
      </c>
      <c r="K27598" s="9">
        <v>22</v>
      </c>
      <c r="L27598" s="6" t="s">
        <v>51</v>
      </c>
    </row>
    <row r="27599" spans="1:12">
      <c r="A27599" s="6" t="s">
        <v>28375</v>
      </c>
      <c r="B27599" s="6"/>
      <c r="C27599" s="6" t="s">
        <v>28377</v>
      </c>
      <c r="D27599" s="6"/>
      <c r="E27599" s="6" t="s">
        <v>9</v>
      </c>
      <c r="F27599" s="7">
        <v>42662</v>
      </c>
      <c r="G27599" s="8">
        <v>61657</v>
      </c>
      <c r="H27599" s="8">
        <v>61657</v>
      </c>
      <c r="I27599" s="8">
        <v>0</v>
      </c>
      <c r="J27599" s="8">
        <v>61657</v>
      </c>
      <c r="K27599" s="9">
        <v>9.84</v>
      </c>
      <c r="L27599" s="6" t="s">
        <v>51</v>
      </c>
    </row>
    <row r="27600" spans="1:12">
      <c r="A27600" s="6" t="s">
        <v>28375</v>
      </c>
      <c r="B27600" s="6"/>
      <c r="C27600" s="6" t="s">
        <v>28378</v>
      </c>
      <c r="D27600" s="6"/>
      <c r="E27600" s="6" t="s">
        <v>9</v>
      </c>
      <c r="F27600" s="7">
        <v>43390</v>
      </c>
      <c r="G27600" s="8">
        <v>1</v>
      </c>
      <c r="H27600" s="8">
        <v>1</v>
      </c>
      <c r="I27600" s="8">
        <v>0</v>
      </c>
      <c r="J27600" s="8">
        <v>1</v>
      </c>
      <c r="K27600" s="9">
        <v>13</v>
      </c>
      <c r="L27600" s="6" t="s">
        <v>51</v>
      </c>
    </row>
    <row r="27601" spans="1:12">
      <c r="A27601" s="6" t="s">
        <v>28375</v>
      </c>
      <c r="B27601" s="6"/>
      <c r="C27601" s="6" t="s">
        <v>28379</v>
      </c>
      <c r="D27601" s="6"/>
      <c r="E27601" s="6" t="s">
        <v>9</v>
      </c>
      <c r="F27601" s="7">
        <v>43390</v>
      </c>
      <c r="G27601" s="8">
        <v>1</v>
      </c>
      <c r="H27601" s="8">
        <v>1</v>
      </c>
      <c r="I27601" s="8">
        <v>0</v>
      </c>
      <c r="J27601" s="8">
        <v>1</v>
      </c>
      <c r="K27601" s="9">
        <v>15</v>
      </c>
      <c r="L27601" s="6" t="s">
        <v>51</v>
      </c>
    </row>
    <row r="27602" spans="1:12">
      <c r="A27602" s="6" t="s">
        <v>28375</v>
      </c>
      <c r="B27602" s="6"/>
      <c r="C27602" s="6" t="s">
        <v>28380</v>
      </c>
      <c r="D27602" s="6"/>
      <c r="E27602" s="6" t="s">
        <v>9</v>
      </c>
      <c r="F27602" s="7">
        <v>43390</v>
      </c>
      <c r="G27602" s="8">
        <v>1</v>
      </c>
      <c r="H27602" s="8">
        <v>1</v>
      </c>
      <c r="I27602" s="8">
        <v>0</v>
      </c>
      <c r="J27602" s="8">
        <v>1</v>
      </c>
      <c r="K27602" s="9">
        <v>11</v>
      </c>
      <c r="L27602" s="6" t="s">
        <v>51</v>
      </c>
    </row>
    <row r="27603" spans="1:12">
      <c r="A27603" s="6" t="s">
        <v>28375</v>
      </c>
      <c r="B27603" s="6"/>
      <c r="C27603" s="6" t="s">
        <v>28381</v>
      </c>
      <c r="D27603" s="6"/>
      <c r="E27603" s="6" t="s">
        <v>9</v>
      </c>
      <c r="F27603" s="7">
        <v>43390</v>
      </c>
      <c r="G27603" s="8">
        <v>1</v>
      </c>
      <c r="H27603" s="8">
        <v>1</v>
      </c>
      <c r="I27603" s="8">
        <v>0</v>
      </c>
      <c r="J27603" s="8">
        <v>1</v>
      </c>
      <c r="K27603" s="9">
        <v>33</v>
      </c>
      <c r="L27603" s="6" t="s">
        <v>51</v>
      </c>
    </row>
    <row r="27604" spans="1:12">
      <c r="A27604" s="6" t="s">
        <v>28382</v>
      </c>
      <c r="B27604" s="6"/>
      <c r="C27604" s="6" t="s">
        <v>28383</v>
      </c>
      <c r="D27604" s="6"/>
      <c r="E27604" s="6" t="s">
        <v>9</v>
      </c>
      <c r="F27604" s="7">
        <v>43823</v>
      </c>
      <c r="G27604" s="8">
        <v>1</v>
      </c>
      <c r="H27604" s="8">
        <v>1</v>
      </c>
      <c r="I27604" s="8">
        <v>0</v>
      </c>
      <c r="J27604" s="8">
        <v>1</v>
      </c>
      <c r="K27604" s="9">
        <v>7.65</v>
      </c>
      <c r="L27604" s="6" t="s">
        <v>51</v>
      </c>
    </row>
    <row r="27605" spans="1:12">
      <c r="A27605" s="6" t="s">
        <v>28384</v>
      </c>
      <c r="B27605" s="6"/>
      <c r="C27605" s="6" t="s">
        <v>28385</v>
      </c>
      <c r="D27605" s="6"/>
      <c r="E27605" s="6" t="s">
        <v>9</v>
      </c>
      <c r="F27605" s="7">
        <v>42705</v>
      </c>
      <c r="G27605" s="8">
        <v>1</v>
      </c>
      <c r="H27605" s="8">
        <v>1</v>
      </c>
      <c r="I27605" s="8">
        <v>0</v>
      </c>
      <c r="J27605" s="8">
        <v>1</v>
      </c>
      <c r="K27605" s="9">
        <v>40</v>
      </c>
      <c r="L27605" s="6" t="s">
        <v>51</v>
      </c>
    </row>
    <row r="27606" spans="1:12">
      <c r="A27606" s="6" t="s">
        <v>28386</v>
      </c>
      <c r="B27606" s="6"/>
      <c r="C27606" s="6" t="s">
        <v>28387</v>
      </c>
      <c r="D27606" s="6"/>
      <c r="E27606" s="6" t="s">
        <v>9</v>
      </c>
      <c r="F27606" s="7">
        <v>43553</v>
      </c>
      <c r="G27606" s="8">
        <v>21649</v>
      </c>
      <c r="H27606" s="8">
        <v>21649</v>
      </c>
      <c r="I27606" s="8">
        <v>0</v>
      </c>
      <c r="J27606" s="8">
        <v>21649</v>
      </c>
      <c r="K27606" s="9">
        <v>8.49</v>
      </c>
      <c r="L27606" s="6" t="s">
        <v>51</v>
      </c>
    </row>
    <row r="27607" spans="1:12">
      <c r="A27607" s="6" t="s">
        <v>28386</v>
      </c>
      <c r="B27607" s="6"/>
      <c r="C27607" s="6" t="s">
        <v>28388</v>
      </c>
      <c r="D27607" s="6"/>
      <c r="E27607" s="6" t="s">
        <v>9</v>
      </c>
      <c r="F27607" s="7">
        <v>43553</v>
      </c>
      <c r="G27607" s="8">
        <v>9919</v>
      </c>
      <c r="H27607" s="8">
        <v>9919</v>
      </c>
      <c r="I27607" s="8">
        <v>0</v>
      </c>
      <c r="J27607" s="8">
        <v>9919</v>
      </c>
      <c r="K27607" s="9">
        <v>3.89</v>
      </c>
      <c r="L27607" s="6" t="s">
        <v>51</v>
      </c>
    </row>
    <row r="27608" spans="1:12">
      <c r="A27608" s="6" t="s">
        <v>28386</v>
      </c>
      <c r="B27608" s="6"/>
      <c r="C27608" s="6" t="s">
        <v>28389</v>
      </c>
      <c r="D27608" s="6"/>
      <c r="E27608" s="6" t="s">
        <v>9</v>
      </c>
      <c r="F27608" s="7">
        <v>43553</v>
      </c>
      <c r="G27608" s="8">
        <v>3468</v>
      </c>
      <c r="H27608" s="8">
        <v>3468</v>
      </c>
      <c r="I27608" s="8">
        <v>0</v>
      </c>
      <c r="J27608" s="8">
        <v>3468</v>
      </c>
      <c r="K27608" s="9">
        <v>1.36</v>
      </c>
      <c r="L27608" s="6" t="s">
        <v>51</v>
      </c>
    </row>
    <row r="27609" spans="1:12">
      <c r="A27609" s="6" t="s">
        <v>28386</v>
      </c>
      <c r="B27609" s="6"/>
      <c r="C27609" s="6" t="s">
        <v>28390</v>
      </c>
      <c r="D27609" s="6"/>
      <c r="E27609" s="6" t="s">
        <v>9</v>
      </c>
      <c r="F27609" s="7">
        <v>43553</v>
      </c>
      <c r="G27609" s="8">
        <v>77061</v>
      </c>
      <c r="H27609" s="8">
        <v>77061</v>
      </c>
      <c r="I27609" s="8">
        <v>0</v>
      </c>
      <c r="J27609" s="8">
        <v>77061</v>
      </c>
      <c r="K27609" s="9">
        <v>30</v>
      </c>
      <c r="L27609" s="6" t="s">
        <v>51</v>
      </c>
    </row>
    <row r="27610" spans="1:12">
      <c r="A27610" s="6" t="s">
        <v>28386</v>
      </c>
      <c r="B27610" s="6"/>
      <c r="C27610" s="6" t="s">
        <v>28391</v>
      </c>
      <c r="D27610" s="6"/>
      <c r="E27610" s="6" t="s">
        <v>9</v>
      </c>
      <c r="F27610" s="7">
        <v>43553</v>
      </c>
      <c r="G27610" s="8">
        <v>35674</v>
      </c>
      <c r="H27610" s="8">
        <v>35674</v>
      </c>
      <c r="I27610" s="8">
        <v>0</v>
      </c>
      <c r="J27610" s="8">
        <v>35674</v>
      </c>
      <c r="K27610" s="9">
        <v>13</v>
      </c>
      <c r="L27610" s="6" t="s">
        <v>51</v>
      </c>
    </row>
    <row r="27611" spans="1:12">
      <c r="A27611" s="6" t="s">
        <v>28386</v>
      </c>
      <c r="B27611" s="6"/>
      <c r="C27611" s="6" t="s">
        <v>28392</v>
      </c>
      <c r="D27611" s="6"/>
      <c r="E27611" s="6" t="s">
        <v>9</v>
      </c>
      <c r="F27611" s="7">
        <v>43553</v>
      </c>
      <c r="G27611" s="8">
        <v>1297</v>
      </c>
      <c r="H27611" s="8">
        <v>1297</v>
      </c>
      <c r="I27611" s="8">
        <v>0</v>
      </c>
      <c r="J27611" s="8">
        <v>1297</v>
      </c>
      <c r="K27611" s="9">
        <v>0.5</v>
      </c>
      <c r="L27611" s="6" t="s">
        <v>51</v>
      </c>
    </row>
    <row r="27612" spans="1:12">
      <c r="A27612" s="6" t="s">
        <v>28386</v>
      </c>
      <c r="B27612" s="6"/>
      <c r="C27612" s="6" t="s">
        <v>28393</v>
      </c>
      <c r="D27612" s="6"/>
      <c r="E27612" s="6" t="s">
        <v>9</v>
      </c>
      <c r="F27612" s="7">
        <v>43553</v>
      </c>
      <c r="G27612" s="8">
        <v>85581</v>
      </c>
      <c r="H27612" s="8">
        <v>85581</v>
      </c>
      <c r="I27612" s="8">
        <v>0</v>
      </c>
      <c r="J27612" s="8">
        <v>85581</v>
      </c>
      <c r="K27612" s="9">
        <v>33</v>
      </c>
      <c r="L27612" s="6" t="s">
        <v>51</v>
      </c>
    </row>
    <row r="27613" spans="1:12">
      <c r="A27613" s="6" t="s">
        <v>28394</v>
      </c>
      <c r="B27613" s="6"/>
      <c r="C27613" s="6" t="s">
        <v>28395</v>
      </c>
      <c r="D27613" s="6"/>
      <c r="E27613" s="6" t="s">
        <v>9</v>
      </c>
      <c r="F27613" s="7">
        <v>38657</v>
      </c>
      <c r="G27613" s="8">
        <v>1870992</v>
      </c>
      <c r="H27613" s="8">
        <v>1870992</v>
      </c>
      <c r="I27613" s="8">
        <v>0</v>
      </c>
      <c r="J27613" s="8">
        <v>1870992</v>
      </c>
      <c r="K27613" s="9">
        <v>366</v>
      </c>
      <c r="L27613" s="6" t="s">
        <v>23</v>
      </c>
    </row>
    <row r="27614" spans="1:12">
      <c r="A27614" s="6" t="s">
        <v>28394</v>
      </c>
      <c r="B27614" s="6"/>
      <c r="C27614" s="6" t="s">
        <v>28396</v>
      </c>
      <c r="D27614" s="6"/>
      <c r="E27614" s="6" t="s">
        <v>9</v>
      </c>
      <c r="F27614" s="7">
        <v>38657</v>
      </c>
      <c r="G27614" s="8">
        <v>17450400</v>
      </c>
      <c r="H27614" s="8">
        <v>17450400</v>
      </c>
      <c r="I27614" s="8">
        <v>0</v>
      </c>
      <c r="J27614" s="8">
        <v>17450400</v>
      </c>
      <c r="K27614" s="9">
        <v>1322</v>
      </c>
      <c r="L27614" s="6" t="s">
        <v>10</v>
      </c>
    </row>
    <row r="27615" spans="1:12">
      <c r="A27615" s="6" t="s">
        <v>28394</v>
      </c>
      <c r="B27615" s="6"/>
      <c r="C27615" s="6" t="s">
        <v>28397</v>
      </c>
      <c r="D27615" s="6"/>
      <c r="E27615" s="6" t="s">
        <v>9</v>
      </c>
      <c r="F27615" s="7">
        <v>38657</v>
      </c>
      <c r="G27615" s="8">
        <v>224400</v>
      </c>
      <c r="H27615" s="8">
        <v>224400</v>
      </c>
      <c r="I27615" s="8">
        <v>0</v>
      </c>
      <c r="J27615" s="8">
        <v>224400</v>
      </c>
      <c r="K27615" s="9">
        <v>17</v>
      </c>
      <c r="L27615" s="6" t="s">
        <v>10</v>
      </c>
    </row>
    <row r="27616" spans="1:12">
      <c r="A27616" s="6" t="s">
        <v>28394</v>
      </c>
      <c r="B27616" s="6"/>
      <c r="C27616" s="6" t="s">
        <v>28398</v>
      </c>
      <c r="D27616" s="6"/>
      <c r="E27616" s="6" t="s">
        <v>9</v>
      </c>
      <c r="F27616" s="7">
        <v>38657</v>
      </c>
      <c r="G27616" s="8">
        <v>963600</v>
      </c>
      <c r="H27616" s="8">
        <v>963600</v>
      </c>
      <c r="I27616" s="8">
        <v>0</v>
      </c>
      <c r="J27616" s="8">
        <v>963600</v>
      </c>
      <c r="K27616" s="9">
        <v>73</v>
      </c>
      <c r="L27616" s="6" t="s">
        <v>10</v>
      </c>
    </row>
    <row r="27617" spans="1:12">
      <c r="A27617" s="6" t="s">
        <v>28394</v>
      </c>
      <c r="B27617" s="6"/>
      <c r="C27617" s="6" t="s">
        <v>28399</v>
      </c>
      <c r="D27617" s="6"/>
      <c r="E27617" s="6" t="s">
        <v>9</v>
      </c>
      <c r="F27617" s="7">
        <v>38657</v>
      </c>
      <c r="G27617" s="8">
        <v>80916</v>
      </c>
      <c r="H27617" s="8">
        <v>80916</v>
      </c>
      <c r="I27617" s="8">
        <v>0</v>
      </c>
      <c r="J27617" s="8">
        <v>80916</v>
      </c>
      <c r="K27617" s="9">
        <v>6.13</v>
      </c>
      <c r="L27617" s="6" t="s">
        <v>10</v>
      </c>
    </row>
    <row r="27618" spans="1:12">
      <c r="A27618" s="6" t="s">
        <v>28394</v>
      </c>
      <c r="B27618" s="6"/>
      <c r="C27618" s="6" t="s">
        <v>28400</v>
      </c>
      <c r="D27618" s="6"/>
      <c r="E27618" s="6" t="s">
        <v>9</v>
      </c>
      <c r="F27618" s="7">
        <v>38657</v>
      </c>
      <c r="G27618" s="8">
        <v>17450400</v>
      </c>
      <c r="H27618" s="8">
        <v>17450400</v>
      </c>
      <c r="I27618" s="8">
        <v>0</v>
      </c>
      <c r="J27618" s="8">
        <v>17450400</v>
      </c>
      <c r="K27618" s="9">
        <v>1322</v>
      </c>
      <c r="L27618" s="6" t="s">
        <v>10</v>
      </c>
    </row>
    <row r="27619" spans="1:12">
      <c r="A27619" s="6" t="s">
        <v>28394</v>
      </c>
      <c r="B27619" s="6"/>
      <c r="C27619" s="6" t="s">
        <v>28401</v>
      </c>
      <c r="D27619" s="6"/>
      <c r="E27619" s="6" t="s">
        <v>9</v>
      </c>
      <c r="F27619" s="7">
        <v>38657</v>
      </c>
      <c r="G27619" s="8">
        <v>10837200</v>
      </c>
      <c r="H27619" s="8">
        <v>10837200</v>
      </c>
      <c r="I27619" s="8">
        <v>0</v>
      </c>
      <c r="J27619" s="8">
        <v>10837200</v>
      </c>
      <c r="K27619" s="9">
        <v>821</v>
      </c>
      <c r="L27619" s="6" t="s">
        <v>10</v>
      </c>
    </row>
    <row r="27620" spans="1:12">
      <c r="A27620" s="6" t="s">
        <v>28394</v>
      </c>
      <c r="B27620" s="6"/>
      <c r="C27620" s="6" t="s">
        <v>28402</v>
      </c>
      <c r="D27620" s="6"/>
      <c r="E27620" s="6" t="s">
        <v>9</v>
      </c>
      <c r="F27620" s="7">
        <v>38657</v>
      </c>
      <c r="G27620" s="8">
        <v>132000</v>
      </c>
      <c r="H27620" s="8">
        <v>132000</v>
      </c>
      <c r="I27620" s="8">
        <v>0</v>
      </c>
      <c r="J27620" s="8">
        <v>132000</v>
      </c>
      <c r="K27620" s="9">
        <v>10</v>
      </c>
      <c r="L27620" s="6" t="s">
        <v>10</v>
      </c>
    </row>
    <row r="27621" spans="1:12">
      <c r="A27621" s="6" t="s">
        <v>28394</v>
      </c>
      <c r="B27621" s="6"/>
      <c r="C27621" s="6" t="s">
        <v>28403</v>
      </c>
      <c r="D27621" s="6"/>
      <c r="E27621" s="6" t="s">
        <v>9</v>
      </c>
      <c r="F27621" s="7">
        <v>38657</v>
      </c>
      <c r="G27621" s="8">
        <v>488400</v>
      </c>
      <c r="H27621" s="8">
        <v>488400</v>
      </c>
      <c r="I27621" s="8">
        <v>0</v>
      </c>
      <c r="J27621" s="8">
        <v>488400</v>
      </c>
      <c r="K27621" s="9">
        <v>37</v>
      </c>
      <c r="L27621" s="6" t="s">
        <v>10</v>
      </c>
    </row>
    <row r="27622" spans="1:12">
      <c r="A27622" s="6" t="s">
        <v>28394</v>
      </c>
      <c r="B27622" s="6"/>
      <c r="C27622" s="6" t="s">
        <v>28404</v>
      </c>
      <c r="D27622" s="6"/>
      <c r="E27622" s="6" t="s">
        <v>9</v>
      </c>
      <c r="F27622" s="7">
        <v>38657</v>
      </c>
      <c r="G27622" s="8">
        <v>7946400</v>
      </c>
      <c r="H27622" s="8">
        <v>7946400</v>
      </c>
      <c r="I27622" s="8">
        <v>0</v>
      </c>
      <c r="J27622" s="8">
        <v>7946400</v>
      </c>
      <c r="K27622" s="9">
        <v>602</v>
      </c>
      <c r="L27622" s="6" t="s">
        <v>10</v>
      </c>
    </row>
    <row r="27623" spans="1:12">
      <c r="A27623" s="6" t="s">
        <v>28394</v>
      </c>
      <c r="B27623" s="6"/>
      <c r="C27623" s="6" t="s">
        <v>28405</v>
      </c>
      <c r="D27623" s="6"/>
      <c r="E27623" s="6" t="s">
        <v>9</v>
      </c>
      <c r="F27623" s="7">
        <v>38657</v>
      </c>
      <c r="G27623" s="8">
        <v>67848</v>
      </c>
      <c r="H27623" s="8">
        <v>67848</v>
      </c>
      <c r="I27623" s="8">
        <v>0</v>
      </c>
      <c r="J27623" s="8">
        <v>67848</v>
      </c>
      <c r="K27623" s="9">
        <v>5.14</v>
      </c>
      <c r="L27623" s="6" t="s">
        <v>10</v>
      </c>
    </row>
    <row r="27624" spans="1:12">
      <c r="A27624" s="6" t="s">
        <v>28394</v>
      </c>
      <c r="B27624" s="6"/>
      <c r="C27624" s="6" t="s">
        <v>28406</v>
      </c>
      <c r="D27624" s="6"/>
      <c r="E27624" s="6" t="s">
        <v>9</v>
      </c>
      <c r="F27624" s="7">
        <v>38657</v>
      </c>
      <c r="G27624" s="8">
        <v>1809648</v>
      </c>
      <c r="H27624" s="8">
        <v>1809648</v>
      </c>
      <c r="I27624" s="8">
        <v>0</v>
      </c>
      <c r="J27624" s="8">
        <v>1809648</v>
      </c>
      <c r="K27624" s="9">
        <v>354</v>
      </c>
      <c r="L27624" s="6" t="s">
        <v>23</v>
      </c>
    </row>
    <row r="27625" spans="1:12">
      <c r="A27625" s="6" t="s">
        <v>28394</v>
      </c>
      <c r="B27625" s="6"/>
      <c r="C27625" s="6" t="s">
        <v>28407</v>
      </c>
      <c r="D27625" s="6"/>
      <c r="E27625" s="6" t="s">
        <v>9</v>
      </c>
      <c r="F27625" s="7">
        <v>38657</v>
      </c>
      <c r="G27625" s="8">
        <v>10401600</v>
      </c>
      <c r="H27625" s="8">
        <v>10401600</v>
      </c>
      <c r="I27625" s="8">
        <v>0</v>
      </c>
      <c r="J27625" s="8">
        <v>10401600</v>
      </c>
      <c r="K27625" s="9">
        <v>788</v>
      </c>
      <c r="L27625" s="6" t="s">
        <v>10</v>
      </c>
    </row>
    <row r="27626" spans="1:12">
      <c r="A27626" s="6" t="s">
        <v>28394</v>
      </c>
      <c r="B27626" s="6"/>
      <c r="C27626" s="6" t="s">
        <v>28408</v>
      </c>
      <c r="D27626" s="6"/>
      <c r="E27626" s="6" t="s">
        <v>9</v>
      </c>
      <c r="F27626" s="7">
        <v>38657</v>
      </c>
      <c r="G27626" s="8">
        <v>81708</v>
      </c>
      <c r="H27626" s="8">
        <v>81708</v>
      </c>
      <c r="I27626" s="8">
        <v>0</v>
      </c>
      <c r="J27626" s="8">
        <v>81708</v>
      </c>
      <c r="K27626" s="9">
        <v>6.19</v>
      </c>
      <c r="L27626" s="6" t="s">
        <v>10</v>
      </c>
    </row>
    <row r="27627" spans="1:12">
      <c r="A27627" s="6" t="s">
        <v>28394</v>
      </c>
      <c r="B27627" s="6"/>
      <c r="C27627" s="6" t="s">
        <v>28409</v>
      </c>
      <c r="D27627" s="6"/>
      <c r="E27627" s="6" t="s">
        <v>9</v>
      </c>
      <c r="F27627" s="7">
        <v>38657</v>
      </c>
      <c r="G27627" s="8">
        <v>435600</v>
      </c>
      <c r="H27627" s="8">
        <v>435600</v>
      </c>
      <c r="I27627" s="8">
        <v>0</v>
      </c>
      <c r="J27627" s="8">
        <v>435600</v>
      </c>
      <c r="K27627" s="9">
        <v>33</v>
      </c>
      <c r="L27627" s="6" t="s">
        <v>10</v>
      </c>
    </row>
    <row r="27628" spans="1:12">
      <c r="A27628" s="6" t="s">
        <v>28394</v>
      </c>
      <c r="B27628" s="6"/>
      <c r="C27628" s="6" t="s">
        <v>28410</v>
      </c>
      <c r="D27628" s="6"/>
      <c r="E27628" s="6" t="s">
        <v>9</v>
      </c>
      <c r="F27628" s="7">
        <v>38657</v>
      </c>
      <c r="G27628" s="8">
        <v>15747600</v>
      </c>
      <c r="H27628" s="8">
        <v>15747600</v>
      </c>
      <c r="I27628" s="8">
        <v>0</v>
      </c>
      <c r="J27628" s="8">
        <v>15747600</v>
      </c>
      <c r="K27628" s="9">
        <v>1193</v>
      </c>
      <c r="L27628" s="6" t="s">
        <v>10</v>
      </c>
    </row>
    <row r="27629" spans="1:12">
      <c r="A27629" s="6" t="s">
        <v>28394</v>
      </c>
      <c r="B27629" s="6"/>
      <c r="C27629" s="6" t="s">
        <v>28411</v>
      </c>
      <c r="D27629" s="6"/>
      <c r="E27629" s="6" t="s">
        <v>9</v>
      </c>
      <c r="F27629" s="7">
        <v>38657</v>
      </c>
      <c r="G27629" s="8">
        <v>132000</v>
      </c>
      <c r="H27629" s="8">
        <v>132000</v>
      </c>
      <c r="I27629" s="8">
        <v>0</v>
      </c>
      <c r="J27629" s="8">
        <v>132000</v>
      </c>
      <c r="K27629" s="9">
        <v>10</v>
      </c>
      <c r="L27629" s="6" t="s">
        <v>10</v>
      </c>
    </row>
    <row r="27630" spans="1:12">
      <c r="A27630" s="6" t="s">
        <v>28394</v>
      </c>
      <c r="B27630" s="6"/>
      <c r="C27630" s="6" t="s">
        <v>28412</v>
      </c>
      <c r="D27630" s="6"/>
      <c r="E27630" s="6" t="s">
        <v>9</v>
      </c>
      <c r="F27630" s="7">
        <v>38657</v>
      </c>
      <c r="G27630" s="8">
        <v>1016400</v>
      </c>
      <c r="H27630" s="8">
        <v>1016400</v>
      </c>
      <c r="I27630" s="8">
        <v>0</v>
      </c>
      <c r="J27630" s="8">
        <v>1016400</v>
      </c>
      <c r="K27630" s="9">
        <v>77</v>
      </c>
      <c r="L27630" s="6" t="s">
        <v>10</v>
      </c>
    </row>
    <row r="27631" spans="1:12">
      <c r="A27631" s="6" t="s">
        <v>28394</v>
      </c>
      <c r="B27631" s="6"/>
      <c r="C27631" s="6" t="s">
        <v>28413</v>
      </c>
      <c r="D27631" s="6"/>
      <c r="E27631" s="6" t="s">
        <v>9</v>
      </c>
      <c r="F27631" s="7">
        <v>38657</v>
      </c>
      <c r="G27631" s="8">
        <v>95964</v>
      </c>
      <c r="H27631" s="8">
        <v>95964</v>
      </c>
      <c r="I27631" s="8">
        <v>0</v>
      </c>
      <c r="J27631" s="8">
        <v>95964</v>
      </c>
      <c r="K27631" s="9">
        <v>7.27</v>
      </c>
      <c r="L27631" s="6" t="s">
        <v>10</v>
      </c>
    </row>
    <row r="27632" spans="1:12">
      <c r="A27632" s="6" t="s">
        <v>28394</v>
      </c>
      <c r="B27632" s="6"/>
      <c r="C27632" s="6" t="s">
        <v>28414</v>
      </c>
      <c r="D27632" s="6"/>
      <c r="E27632" s="6" t="s">
        <v>9</v>
      </c>
      <c r="F27632" s="7">
        <v>38657</v>
      </c>
      <c r="G27632" s="8">
        <v>14652000</v>
      </c>
      <c r="H27632" s="8">
        <v>14652000</v>
      </c>
      <c r="I27632" s="8">
        <v>0</v>
      </c>
      <c r="J27632" s="8">
        <v>14652000</v>
      </c>
      <c r="K27632" s="9">
        <v>1110</v>
      </c>
      <c r="L27632" s="6" t="s">
        <v>10</v>
      </c>
    </row>
    <row r="27633" spans="1:12">
      <c r="A27633" s="6" t="s">
        <v>28394</v>
      </c>
      <c r="B27633" s="6"/>
      <c r="C27633" s="6" t="s">
        <v>28415</v>
      </c>
      <c r="D27633" s="6"/>
      <c r="E27633" s="6" t="s">
        <v>9</v>
      </c>
      <c r="F27633" s="7">
        <v>38657</v>
      </c>
      <c r="G27633" s="8">
        <v>6798000</v>
      </c>
      <c r="H27633" s="8">
        <v>6798000</v>
      </c>
      <c r="I27633" s="8">
        <v>0</v>
      </c>
      <c r="J27633" s="8">
        <v>6798000</v>
      </c>
      <c r="K27633" s="9">
        <v>515</v>
      </c>
      <c r="L27633" s="6" t="s">
        <v>10</v>
      </c>
    </row>
    <row r="27634" spans="1:12">
      <c r="A27634" s="6" t="s">
        <v>28394</v>
      </c>
      <c r="B27634" s="6"/>
      <c r="C27634" s="6" t="s">
        <v>28416</v>
      </c>
      <c r="D27634" s="6"/>
      <c r="E27634" s="6" t="s">
        <v>9</v>
      </c>
      <c r="F27634" s="7">
        <v>38657</v>
      </c>
      <c r="G27634" s="8">
        <v>10467600</v>
      </c>
      <c r="H27634" s="8">
        <v>10467600</v>
      </c>
      <c r="I27634" s="8">
        <v>0</v>
      </c>
      <c r="J27634" s="8">
        <v>10467600</v>
      </c>
      <c r="K27634" s="9">
        <v>793</v>
      </c>
      <c r="L27634" s="6" t="s">
        <v>10</v>
      </c>
    </row>
    <row r="27635" spans="1:12">
      <c r="A27635" s="6" t="s">
        <v>28394</v>
      </c>
      <c r="B27635" s="6"/>
      <c r="C27635" s="6" t="s">
        <v>28417</v>
      </c>
      <c r="D27635" s="6"/>
      <c r="E27635" s="6" t="s">
        <v>9</v>
      </c>
      <c r="F27635" s="7">
        <v>38657</v>
      </c>
      <c r="G27635" s="8">
        <v>4396320</v>
      </c>
      <c r="H27635" s="8">
        <v>4396320</v>
      </c>
      <c r="I27635" s="8">
        <v>0</v>
      </c>
      <c r="J27635" s="8">
        <v>4396320</v>
      </c>
      <c r="K27635" s="9">
        <v>860</v>
      </c>
      <c r="L27635" s="6" t="s">
        <v>23</v>
      </c>
    </row>
    <row r="27636" spans="1:12">
      <c r="A27636" s="6" t="s">
        <v>28394</v>
      </c>
      <c r="B27636" s="6"/>
      <c r="C27636" s="6" t="s">
        <v>28418</v>
      </c>
      <c r="D27636" s="6"/>
      <c r="E27636" s="6" t="s">
        <v>9</v>
      </c>
      <c r="F27636" s="7">
        <v>38657</v>
      </c>
      <c r="G27636" s="8">
        <v>1980000</v>
      </c>
      <c r="H27636" s="8">
        <v>1980000</v>
      </c>
      <c r="I27636" s="8">
        <v>0</v>
      </c>
      <c r="J27636" s="8">
        <v>1980000</v>
      </c>
      <c r="K27636" s="9">
        <v>150</v>
      </c>
      <c r="L27636" s="6" t="s">
        <v>10</v>
      </c>
    </row>
    <row r="27637" spans="1:12">
      <c r="A27637" s="6" t="s">
        <v>28394</v>
      </c>
      <c r="B27637" s="6"/>
      <c r="C27637" s="6" t="s">
        <v>28419</v>
      </c>
      <c r="D27637" s="6"/>
      <c r="E27637" s="6" t="s">
        <v>9</v>
      </c>
      <c r="F27637" s="7">
        <v>38657</v>
      </c>
      <c r="G27637" s="8">
        <v>2349600</v>
      </c>
      <c r="H27637" s="8">
        <v>2349600</v>
      </c>
      <c r="I27637" s="8">
        <v>0</v>
      </c>
      <c r="J27637" s="8">
        <v>2349600</v>
      </c>
      <c r="K27637" s="9">
        <v>178</v>
      </c>
      <c r="L27637" s="6" t="s">
        <v>10</v>
      </c>
    </row>
    <row r="27638" spans="1:12">
      <c r="A27638" s="6" t="s">
        <v>28394</v>
      </c>
      <c r="B27638" s="6"/>
      <c r="C27638" s="6" t="s">
        <v>28420</v>
      </c>
      <c r="D27638" s="6"/>
      <c r="E27638" s="6" t="s">
        <v>9</v>
      </c>
      <c r="F27638" s="7">
        <v>38657</v>
      </c>
      <c r="G27638" s="8">
        <v>237600</v>
      </c>
      <c r="H27638" s="8">
        <v>237600</v>
      </c>
      <c r="I27638" s="8">
        <v>0</v>
      </c>
      <c r="J27638" s="8">
        <v>237600</v>
      </c>
      <c r="K27638" s="9">
        <v>18</v>
      </c>
      <c r="L27638" s="6" t="s">
        <v>10</v>
      </c>
    </row>
    <row r="27639" spans="1:12">
      <c r="A27639" s="6" t="s">
        <v>28394</v>
      </c>
      <c r="B27639" s="6"/>
      <c r="C27639" s="6" t="s">
        <v>28421</v>
      </c>
      <c r="D27639" s="6"/>
      <c r="E27639" s="6" t="s">
        <v>9</v>
      </c>
      <c r="F27639" s="7">
        <v>38657</v>
      </c>
      <c r="G27639" s="8">
        <v>6362400</v>
      </c>
      <c r="H27639" s="8">
        <v>6362400</v>
      </c>
      <c r="I27639" s="8">
        <v>0</v>
      </c>
      <c r="J27639" s="8">
        <v>6362400</v>
      </c>
      <c r="K27639" s="9">
        <v>482</v>
      </c>
      <c r="L27639" s="6" t="s">
        <v>10</v>
      </c>
    </row>
    <row r="27640" spans="1:12">
      <c r="A27640" s="6" t="s">
        <v>28394</v>
      </c>
      <c r="B27640" s="6"/>
      <c r="C27640" s="6" t="s">
        <v>28422</v>
      </c>
      <c r="D27640" s="6"/>
      <c r="E27640" s="6" t="s">
        <v>9</v>
      </c>
      <c r="F27640" s="7">
        <v>38657</v>
      </c>
      <c r="G27640" s="8">
        <v>1042800</v>
      </c>
      <c r="H27640" s="8">
        <v>1042800</v>
      </c>
      <c r="I27640" s="8">
        <v>0</v>
      </c>
      <c r="J27640" s="8">
        <v>1042800</v>
      </c>
      <c r="K27640" s="9">
        <v>79</v>
      </c>
      <c r="L27640" s="6" t="s">
        <v>10</v>
      </c>
    </row>
    <row r="27641" spans="1:12">
      <c r="A27641" s="6" t="s">
        <v>28394</v>
      </c>
      <c r="B27641" s="6"/>
      <c r="C27641" s="6" t="s">
        <v>28423</v>
      </c>
      <c r="D27641" s="6"/>
      <c r="E27641" s="6" t="s">
        <v>9</v>
      </c>
      <c r="F27641" s="7">
        <v>38657</v>
      </c>
      <c r="G27641" s="8">
        <v>5055600</v>
      </c>
      <c r="H27641" s="8">
        <v>5055600</v>
      </c>
      <c r="I27641" s="8">
        <v>0</v>
      </c>
      <c r="J27641" s="8">
        <v>5055600</v>
      </c>
      <c r="K27641" s="9">
        <v>383</v>
      </c>
      <c r="L27641" s="6" t="s">
        <v>10</v>
      </c>
    </row>
    <row r="27642" spans="1:12">
      <c r="A27642" s="6" t="s">
        <v>28394</v>
      </c>
      <c r="B27642" s="6"/>
      <c r="C27642" s="6" t="s">
        <v>28424</v>
      </c>
      <c r="D27642" s="6"/>
      <c r="E27642" s="6" t="s">
        <v>9</v>
      </c>
      <c r="F27642" s="7">
        <v>38657</v>
      </c>
      <c r="G27642" s="8">
        <v>1497816</v>
      </c>
      <c r="H27642" s="8">
        <v>1497816</v>
      </c>
      <c r="I27642" s="8">
        <v>0</v>
      </c>
      <c r="J27642" s="8">
        <v>1497816</v>
      </c>
      <c r="K27642" s="9">
        <v>293</v>
      </c>
      <c r="L27642" s="6" t="s">
        <v>23</v>
      </c>
    </row>
    <row r="27643" spans="1:12">
      <c r="A27643" s="6" t="s">
        <v>28394</v>
      </c>
      <c r="B27643" s="6"/>
      <c r="C27643" s="6" t="s">
        <v>28425</v>
      </c>
      <c r="D27643" s="6"/>
      <c r="E27643" s="6" t="s">
        <v>9</v>
      </c>
      <c r="F27643" s="7">
        <v>38657</v>
      </c>
      <c r="G27643" s="8">
        <v>3609072</v>
      </c>
      <c r="H27643" s="8">
        <v>3609072</v>
      </c>
      <c r="I27643" s="8">
        <v>0</v>
      </c>
      <c r="J27643" s="8">
        <v>3609072</v>
      </c>
      <c r="K27643" s="9">
        <v>706</v>
      </c>
      <c r="L27643" s="6" t="s">
        <v>23</v>
      </c>
    </row>
    <row r="27644" spans="1:12">
      <c r="A27644" s="6" t="s">
        <v>28394</v>
      </c>
      <c r="B27644" s="6"/>
      <c r="C27644" s="6" t="s">
        <v>28426</v>
      </c>
      <c r="D27644" s="6"/>
      <c r="E27644" s="6" t="s">
        <v>9</v>
      </c>
      <c r="F27644" s="7">
        <v>38657</v>
      </c>
      <c r="G27644" s="8">
        <v>6943200</v>
      </c>
      <c r="H27644" s="8">
        <v>6943200</v>
      </c>
      <c r="I27644" s="8">
        <v>0</v>
      </c>
      <c r="J27644" s="8">
        <v>6943200</v>
      </c>
      <c r="K27644" s="9">
        <v>526</v>
      </c>
      <c r="L27644" s="6" t="s">
        <v>10</v>
      </c>
    </row>
    <row r="27645" spans="1:12">
      <c r="A27645" s="6" t="s">
        <v>28394</v>
      </c>
      <c r="B27645" s="6"/>
      <c r="C27645" s="6" t="s">
        <v>28427</v>
      </c>
      <c r="D27645" s="6"/>
      <c r="E27645" s="6" t="s">
        <v>9</v>
      </c>
      <c r="F27645" s="7">
        <v>38657</v>
      </c>
      <c r="G27645" s="8">
        <v>12870000</v>
      </c>
      <c r="H27645" s="8">
        <v>12870000</v>
      </c>
      <c r="I27645" s="8">
        <v>0</v>
      </c>
      <c r="J27645" s="8">
        <v>12870000</v>
      </c>
      <c r="K27645" s="9">
        <v>975</v>
      </c>
      <c r="L27645" s="6" t="s">
        <v>10</v>
      </c>
    </row>
    <row r="27646" spans="1:12">
      <c r="A27646" s="6" t="s">
        <v>28394</v>
      </c>
      <c r="B27646" s="6"/>
      <c r="C27646" s="6" t="s">
        <v>28428</v>
      </c>
      <c r="D27646" s="6"/>
      <c r="E27646" s="6" t="s">
        <v>9</v>
      </c>
      <c r="F27646" s="7">
        <v>38657</v>
      </c>
      <c r="G27646" s="8">
        <v>633600</v>
      </c>
      <c r="H27646" s="8">
        <v>633600</v>
      </c>
      <c r="I27646" s="8">
        <v>0</v>
      </c>
      <c r="J27646" s="8">
        <v>633600</v>
      </c>
      <c r="K27646" s="9">
        <v>48</v>
      </c>
      <c r="L27646" s="6" t="s">
        <v>10</v>
      </c>
    </row>
    <row r="27647" spans="1:12">
      <c r="A27647" s="6" t="s">
        <v>28394</v>
      </c>
      <c r="B27647" s="6"/>
      <c r="C27647" s="6" t="s">
        <v>28429</v>
      </c>
      <c r="D27647" s="6"/>
      <c r="E27647" s="6" t="s">
        <v>9</v>
      </c>
      <c r="F27647" s="7">
        <v>38657</v>
      </c>
      <c r="G27647" s="8">
        <v>2758800</v>
      </c>
      <c r="H27647" s="8">
        <v>2758800</v>
      </c>
      <c r="I27647" s="8">
        <v>0</v>
      </c>
      <c r="J27647" s="8">
        <v>2758800</v>
      </c>
      <c r="K27647" s="9">
        <v>209</v>
      </c>
      <c r="L27647" s="6" t="s">
        <v>10</v>
      </c>
    </row>
    <row r="27648" spans="1:12">
      <c r="A27648" s="6" t="s">
        <v>28394</v>
      </c>
      <c r="B27648" s="6"/>
      <c r="C27648" s="6" t="s">
        <v>28430</v>
      </c>
      <c r="D27648" s="6"/>
      <c r="E27648" s="6" t="s">
        <v>9</v>
      </c>
      <c r="F27648" s="7">
        <v>38657</v>
      </c>
      <c r="G27648" s="8">
        <v>224400</v>
      </c>
      <c r="H27648" s="8">
        <v>224400</v>
      </c>
      <c r="I27648" s="8">
        <v>0</v>
      </c>
      <c r="J27648" s="8">
        <v>224400</v>
      </c>
      <c r="K27648" s="9">
        <v>17</v>
      </c>
      <c r="L27648" s="6" t="s">
        <v>10</v>
      </c>
    </row>
    <row r="27649" spans="1:12">
      <c r="A27649" s="6" t="s">
        <v>28431</v>
      </c>
      <c r="B27649" s="6"/>
      <c r="C27649" s="6" t="s">
        <v>28432</v>
      </c>
      <c r="D27649" s="6"/>
      <c r="E27649" s="6" t="s">
        <v>9</v>
      </c>
      <c r="F27649" s="7">
        <v>44160</v>
      </c>
      <c r="G27649" s="8">
        <v>1</v>
      </c>
      <c r="H27649" s="8">
        <v>1</v>
      </c>
      <c r="I27649" s="8">
        <v>0</v>
      </c>
      <c r="J27649" s="8">
        <v>1</v>
      </c>
      <c r="K27649" s="9">
        <v>90</v>
      </c>
      <c r="L27649" s="6" t="s">
        <v>51</v>
      </c>
    </row>
    <row r="27650" spans="1:12">
      <c r="A27650" s="6" t="s">
        <v>28433</v>
      </c>
      <c r="B27650" s="6"/>
      <c r="C27650" s="6" t="s">
        <v>28434</v>
      </c>
      <c r="D27650" s="6"/>
      <c r="E27650" s="6" t="s">
        <v>9</v>
      </c>
      <c r="F27650" s="7">
        <v>43788</v>
      </c>
      <c r="G27650" s="8">
        <v>12404</v>
      </c>
      <c r="H27650" s="8">
        <v>12404</v>
      </c>
      <c r="I27650" s="8">
        <v>0</v>
      </c>
      <c r="J27650" s="8">
        <v>12404</v>
      </c>
      <c r="K27650" s="9">
        <v>4.43</v>
      </c>
      <c r="L27650" s="6" t="s">
        <v>51</v>
      </c>
    </row>
    <row r="27651" spans="1:12">
      <c r="A27651" s="6" t="s">
        <v>28433</v>
      </c>
      <c r="B27651" s="6"/>
      <c r="C27651" s="6" t="s">
        <v>28435</v>
      </c>
      <c r="D27651" s="6"/>
      <c r="E27651" s="6" t="s">
        <v>9</v>
      </c>
      <c r="F27651" s="7">
        <v>43788</v>
      </c>
      <c r="G27651" s="8">
        <v>1008</v>
      </c>
      <c r="H27651" s="8">
        <v>1008</v>
      </c>
      <c r="I27651" s="8">
        <v>0</v>
      </c>
      <c r="J27651" s="8">
        <v>1008</v>
      </c>
      <c r="K27651" s="9">
        <v>0.36</v>
      </c>
      <c r="L27651" s="6" t="s">
        <v>51</v>
      </c>
    </row>
    <row r="27652" spans="1:12">
      <c r="A27652" s="6" t="s">
        <v>28433</v>
      </c>
      <c r="B27652" s="6"/>
      <c r="C27652" s="6" t="s">
        <v>28436</v>
      </c>
      <c r="D27652" s="6"/>
      <c r="E27652" s="6" t="s">
        <v>9</v>
      </c>
      <c r="F27652" s="7">
        <v>43906</v>
      </c>
      <c r="G27652" s="8">
        <v>13580</v>
      </c>
      <c r="H27652" s="8">
        <v>13580</v>
      </c>
      <c r="I27652" s="8">
        <v>0</v>
      </c>
      <c r="J27652" s="8">
        <v>13580</v>
      </c>
      <c r="K27652" s="9">
        <v>4.8499999999999899</v>
      </c>
      <c r="L27652" s="6" t="s">
        <v>51</v>
      </c>
    </row>
    <row r="27653" spans="1:12">
      <c r="A27653" s="6" t="s">
        <v>28437</v>
      </c>
      <c r="B27653" s="6"/>
      <c r="C27653" s="6" t="s">
        <v>28438</v>
      </c>
      <c r="D27653" s="6"/>
      <c r="E27653" s="6" t="s">
        <v>9</v>
      </c>
      <c r="F27653" s="7">
        <v>42604</v>
      </c>
      <c r="G27653" s="8">
        <v>1</v>
      </c>
      <c r="H27653" s="8">
        <v>1</v>
      </c>
      <c r="I27653" s="8">
        <v>0</v>
      </c>
      <c r="J27653" s="8">
        <v>1</v>
      </c>
      <c r="K27653" s="9">
        <v>2.23</v>
      </c>
      <c r="L27653" s="6" t="s">
        <v>51</v>
      </c>
    </row>
    <row r="27654" spans="1:12">
      <c r="A27654" s="6" t="s">
        <v>28439</v>
      </c>
      <c r="B27654" s="6"/>
      <c r="C27654" s="6" t="s">
        <v>28440</v>
      </c>
      <c r="D27654" s="6"/>
      <c r="E27654" s="6" t="s">
        <v>9</v>
      </c>
      <c r="F27654" s="7">
        <v>43326</v>
      </c>
      <c r="G27654" s="8">
        <v>1</v>
      </c>
      <c r="H27654" s="8">
        <v>1</v>
      </c>
      <c r="I27654" s="8">
        <v>0</v>
      </c>
      <c r="J27654" s="8">
        <v>1</v>
      </c>
      <c r="K27654" s="9">
        <v>25</v>
      </c>
      <c r="L27654" s="6" t="s">
        <v>51</v>
      </c>
    </row>
    <row r="27655" spans="1:12">
      <c r="A27655" s="6" t="s">
        <v>28441</v>
      </c>
      <c r="B27655" s="6"/>
      <c r="C27655" s="6" t="s">
        <v>28442</v>
      </c>
      <c r="D27655" s="6"/>
      <c r="E27655" s="6" t="s">
        <v>9</v>
      </c>
      <c r="F27655" s="7">
        <v>42661</v>
      </c>
      <c r="G27655" s="8">
        <v>1</v>
      </c>
      <c r="H27655" s="8">
        <v>1</v>
      </c>
      <c r="I27655" s="8">
        <v>0</v>
      </c>
      <c r="J27655" s="8">
        <v>1</v>
      </c>
      <c r="K27655" s="9">
        <v>32</v>
      </c>
      <c r="L27655" s="6" t="s">
        <v>51</v>
      </c>
    </row>
    <row r="27656" spans="1:12">
      <c r="A27656" s="6" t="s">
        <v>28443</v>
      </c>
      <c r="B27656" s="6"/>
      <c r="C27656" s="6" t="s">
        <v>28444</v>
      </c>
      <c r="D27656" s="6"/>
      <c r="E27656" s="6" t="s">
        <v>9</v>
      </c>
      <c r="F27656" s="7">
        <v>44055</v>
      </c>
      <c r="G27656" s="8">
        <v>1</v>
      </c>
      <c r="H27656" s="8">
        <v>1</v>
      </c>
      <c r="I27656" s="8">
        <v>0</v>
      </c>
      <c r="J27656" s="8">
        <v>1</v>
      </c>
      <c r="K27656" s="9">
        <v>6.92</v>
      </c>
      <c r="L27656" s="6" t="s">
        <v>51</v>
      </c>
    </row>
    <row r="27657" spans="1:12">
      <c r="A27657" s="6" t="s">
        <v>28445</v>
      </c>
      <c r="B27657" s="6"/>
      <c r="C27657" s="6" t="s">
        <v>28446</v>
      </c>
      <c r="D27657" s="6"/>
      <c r="E27657" s="6" t="s">
        <v>9</v>
      </c>
      <c r="F27657" s="7">
        <v>43906</v>
      </c>
      <c r="G27657" s="8">
        <v>1</v>
      </c>
      <c r="H27657" s="8">
        <v>1</v>
      </c>
      <c r="I27657" s="8">
        <v>0</v>
      </c>
      <c r="J27657" s="8">
        <v>1</v>
      </c>
      <c r="K27657" s="9">
        <v>29.75</v>
      </c>
      <c r="L27657" s="6" t="s">
        <v>51</v>
      </c>
    </row>
    <row r="27658" spans="1:12">
      <c r="A27658" s="6" t="s">
        <v>28445</v>
      </c>
      <c r="B27658" s="6"/>
      <c r="C27658" s="6" t="s">
        <v>28447</v>
      </c>
      <c r="D27658" s="6"/>
      <c r="E27658" s="6" t="s">
        <v>9</v>
      </c>
      <c r="F27658" s="7">
        <v>43906</v>
      </c>
      <c r="G27658" s="8">
        <v>1</v>
      </c>
      <c r="H27658" s="8">
        <v>1</v>
      </c>
      <c r="I27658" s="8">
        <v>0</v>
      </c>
      <c r="J27658" s="8">
        <v>1</v>
      </c>
      <c r="K27658" s="9">
        <v>19.829999999999899</v>
      </c>
      <c r="L27658" s="6" t="s">
        <v>51</v>
      </c>
    </row>
    <row r="27659" spans="1:12">
      <c r="A27659" s="6" t="s">
        <v>28448</v>
      </c>
      <c r="B27659" s="6"/>
      <c r="C27659" s="6" t="s">
        <v>28449</v>
      </c>
      <c r="D27659" s="6"/>
      <c r="E27659" s="6" t="s">
        <v>9</v>
      </c>
      <c r="F27659" s="7">
        <v>42503</v>
      </c>
      <c r="G27659" s="8">
        <v>1</v>
      </c>
      <c r="H27659" s="8">
        <v>1</v>
      </c>
      <c r="I27659" s="8">
        <v>0</v>
      </c>
      <c r="J27659" s="8">
        <v>1</v>
      </c>
      <c r="K27659" s="9">
        <v>17</v>
      </c>
      <c r="L27659" s="6" t="s">
        <v>51</v>
      </c>
    </row>
    <row r="27660" spans="1:12">
      <c r="A27660" s="6" t="s">
        <v>28450</v>
      </c>
      <c r="B27660" s="6"/>
      <c r="C27660" s="6" t="s">
        <v>28451</v>
      </c>
      <c r="D27660" s="6"/>
      <c r="E27660" s="6" t="s">
        <v>9</v>
      </c>
      <c r="F27660" s="7">
        <v>44070</v>
      </c>
      <c r="G27660" s="8">
        <v>1</v>
      </c>
      <c r="H27660" s="8">
        <v>1</v>
      </c>
      <c r="I27660" s="8">
        <v>0</v>
      </c>
      <c r="J27660" s="8">
        <v>1</v>
      </c>
      <c r="K27660" s="9">
        <v>8.76</v>
      </c>
      <c r="L27660" s="6" t="s">
        <v>51</v>
      </c>
    </row>
    <row r="27661" spans="1:12">
      <c r="A27661" s="6" t="s">
        <v>28452</v>
      </c>
      <c r="B27661" s="6"/>
      <c r="C27661" s="6" t="s">
        <v>28453</v>
      </c>
      <c r="D27661" s="6"/>
      <c r="E27661" s="6" t="s">
        <v>9</v>
      </c>
      <c r="F27661" s="7">
        <v>43906</v>
      </c>
      <c r="G27661" s="8">
        <v>1</v>
      </c>
      <c r="H27661" s="8">
        <v>1</v>
      </c>
      <c r="I27661" s="8">
        <v>0</v>
      </c>
      <c r="J27661" s="8">
        <v>1</v>
      </c>
      <c r="K27661" s="9">
        <v>55.99</v>
      </c>
      <c r="L27661" s="6" t="s">
        <v>51</v>
      </c>
    </row>
    <row r="27662" spans="1:12">
      <c r="A27662" s="6" t="s">
        <v>28454</v>
      </c>
      <c r="B27662" s="6"/>
      <c r="C27662" s="6" t="s">
        <v>28455</v>
      </c>
      <c r="D27662" s="6"/>
      <c r="E27662" s="6" t="s">
        <v>9</v>
      </c>
      <c r="F27662" s="7">
        <v>43906</v>
      </c>
      <c r="G27662" s="8">
        <v>1</v>
      </c>
      <c r="H27662" s="8">
        <v>1</v>
      </c>
      <c r="I27662" s="8">
        <v>0</v>
      </c>
      <c r="J27662" s="8">
        <v>1</v>
      </c>
      <c r="K27662" s="9">
        <v>11.3</v>
      </c>
      <c r="L27662" s="6" t="s">
        <v>51</v>
      </c>
    </row>
    <row r="27663" spans="1:12">
      <c r="A27663" s="6" t="s">
        <v>28454</v>
      </c>
      <c r="B27663" s="6"/>
      <c r="C27663" s="6" t="s">
        <v>28456</v>
      </c>
      <c r="D27663" s="6"/>
      <c r="E27663" s="6" t="s">
        <v>9</v>
      </c>
      <c r="F27663" s="7">
        <v>43906</v>
      </c>
      <c r="G27663" s="8">
        <v>1</v>
      </c>
      <c r="H27663" s="8">
        <v>1</v>
      </c>
      <c r="I27663" s="8">
        <v>0</v>
      </c>
      <c r="J27663" s="8">
        <v>1</v>
      </c>
      <c r="K27663" s="9">
        <v>1.22</v>
      </c>
      <c r="L27663" s="6" t="s">
        <v>51</v>
      </c>
    </row>
    <row r="27664" spans="1:12">
      <c r="A27664" s="6" t="s">
        <v>28457</v>
      </c>
      <c r="B27664" s="6"/>
      <c r="C27664" s="6" t="s">
        <v>28458</v>
      </c>
      <c r="D27664" s="6"/>
      <c r="E27664" s="6" t="s">
        <v>9</v>
      </c>
      <c r="F27664" s="7">
        <v>43906</v>
      </c>
      <c r="G27664" s="8">
        <v>1</v>
      </c>
      <c r="H27664" s="8">
        <v>1</v>
      </c>
      <c r="I27664" s="8">
        <v>0</v>
      </c>
      <c r="J27664" s="8">
        <v>1</v>
      </c>
      <c r="K27664" s="9">
        <v>1.22</v>
      </c>
      <c r="L27664" s="6" t="s">
        <v>51</v>
      </c>
    </row>
    <row r="27665" spans="1:12">
      <c r="A27665" s="6" t="s">
        <v>28457</v>
      </c>
      <c r="B27665" s="6"/>
      <c r="C27665" s="6" t="s">
        <v>28459</v>
      </c>
      <c r="D27665" s="6"/>
      <c r="E27665" s="6" t="s">
        <v>9</v>
      </c>
      <c r="F27665" s="7">
        <v>43906</v>
      </c>
      <c r="G27665" s="8">
        <v>1</v>
      </c>
      <c r="H27665" s="8">
        <v>1</v>
      </c>
      <c r="I27665" s="8">
        <v>0</v>
      </c>
      <c r="J27665" s="8">
        <v>1</v>
      </c>
      <c r="K27665" s="9">
        <v>20.66</v>
      </c>
      <c r="L27665" s="6" t="s">
        <v>51</v>
      </c>
    </row>
    <row r="27666" spans="1:12">
      <c r="A27666" s="6" t="s">
        <v>28460</v>
      </c>
      <c r="B27666" s="6"/>
      <c r="C27666" s="6" t="s">
        <v>28461</v>
      </c>
      <c r="D27666" s="6"/>
      <c r="E27666" s="6" t="s">
        <v>9</v>
      </c>
      <c r="F27666" s="7">
        <v>44055</v>
      </c>
      <c r="G27666" s="8">
        <v>1</v>
      </c>
      <c r="H27666" s="8">
        <v>1</v>
      </c>
      <c r="I27666" s="8">
        <v>0</v>
      </c>
      <c r="J27666" s="8">
        <v>1</v>
      </c>
      <c r="K27666" s="9">
        <v>6.61</v>
      </c>
      <c r="L27666" s="6" t="s">
        <v>51</v>
      </c>
    </row>
    <row r="27667" spans="1:12">
      <c r="A27667" s="6" t="s">
        <v>28462</v>
      </c>
      <c r="B27667" s="6"/>
      <c r="C27667" s="6" t="s">
        <v>28463</v>
      </c>
      <c r="D27667" s="6"/>
      <c r="E27667" s="6" t="s">
        <v>9</v>
      </c>
      <c r="F27667" s="7">
        <v>38657</v>
      </c>
      <c r="G27667" s="8">
        <v>419184</v>
      </c>
      <c r="H27667" s="8">
        <v>419184</v>
      </c>
      <c r="I27667" s="8">
        <v>0</v>
      </c>
      <c r="J27667" s="8">
        <v>419184</v>
      </c>
      <c r="K27667" s="9">
        <v>82</v>
      </c>
      <c r="L27667" s="6" t="s">
        <v>14</v>
      </c>
    </row>
    <row r="27668" spans="1:12">
      <c r="A27668" s="6" t="s">
        <v>28462</v>
      </c>
      <c r="B27668" s="6"/>
      <c r="C27668" s="6" t="s">
        <v>28464</v>
      </c>
      <c r="D27668" s="6"/>
      <c r="E27668" s="6" t="s">
        <v>9</v>
      </c>
      <c r="F27668" s="7">
        <v>38657</v>
      </c>
      <c r="G27668" s="8">
        <v>2285064</v>
      </c>
      <c r="H27668" s="8">
        <v>2285064</v>
      </c>
      <c r="I27668" s="8">
        <v>0</v>
      </c>
      <c r="J27668" s="8">
        <v>2285064</v>
      </c>
      <c r="K27668" s="9">
        <v>447</v>
      </c>
      <c r="L27668" s="6" t="s">
        <v>14</v>
      </c>
    </row>
    <row r="27669" spans="1:12">
      <c r="A27669" s="6" t="s">
        <v>28465</v>
      </c>
      <c r="B27669" s="6"/>
      <c r="C27669" s="6" t="s">
        <v>28466</v>
      </c>
      <c r="D27669" s="6"/>
      <c r="E27669" s="6" t="s">
        <v>9</v>
      </c>
      <c r="F27669" s="7">
        <v>42622</v>
      </c>
      <c r="G27669" s="8">
        <v>1</v>
      </c>
      <c r="H27669" s="8">
        <v>1</v>
      </c>
      <c r="I27669" s="8">
        <v>0</v>
      </c>
      <c r="J27669" s="8">
        <v>1</v>
      </c>
      <c r="K27669" s="9">
        <v>0.64</v>
      </c>
      <c r="L27669" s="6" t="s">
        <v>51</v>
      </c>
    </row>
    <row r="27670" spans="1:12">
      <c r="A27670" s="6" t="s">
        <v>28467</v>
      </c>
      <c r="B27670" s="6"/>
      <c r="C27670" s="6" t="s">
        <v>28468</v>
      </c>
      <c r="D27670" s="6"/>
      <c r="E27670" s="6" t="s">
        <v>9</v>
      </c>
      <c r="F27670" s="7">
        <v>42622</v>
      </c>
      <c r="G27670" s="8">
        <v>1</v>
      </c>
      <c r="H27670" s="8">
        <v>1</v>
      </c>
      <c r="I27670" s="8">
        <v>0</v>
      </c>
      <c r="J27670" s="8">
        <v>1</v>
      </c>
      <c r="K27670" s="9">
        <v>0.37</v>
      </c>
      <c r="L27670" s="6" t="s">
        <v>51</v>
      </c>
    </row>
    <row r="27671" spans="1:12">
      <c r="A27671" s="6" t="s">
        <v>28469</v>
      </c>
      <c r="B27671" s="6"/>
      <c r="C27671" s="6" t="s">
        <v>28470</v>
      </c>
      <c r="D27671" s="6"/>
      <c r="E27671" s="6" t="s">
        <v>9</v>
      </c>
      <c r="F27671" s="7">
        <v>43986</v>
      </c>
      <c r="G27671" s="8">
        <v>1</v>
      </c>
      <c r="H27671" s="8">
        <v>1</v>
      </c>
      <c r="I27671" s="8">
        <v>0</v>
      </c>
      <c r="J27671" s="8">
        <v>1</v>
      </c>
      <c r="K27671" s="9">
        <v>8.5399999999999903</v>
      </c>
      <c r="L27671" s="6" t="s">
        <v>51</v>
      </c>
    </row>
    <row r="27672" spans="1:12">
      <c r="A27672" s="6" t="s">
        <v>28469</v>
      </c>
      <c r="B27672" s="6"/>
      <c r="C27672" s="6" t="s">
        <v>28471</v>
      </c>
      <c r="D27672" s="6"/>
      <c r="E27672" s="6" t="s">
        <v>9</v>
      </c>
      <c r="F27672" s="7">
        <v>43986</v>
      </c>
      <c r="G27672" s="8">
        <v>1</v>
      </c>
      <c r="H27672" s="8">
        <v>1</v>
      </c>
      <c r="I27672" s="8">
        <v>0</v>
      </c>
      <c r="J27672" s="8">
        <v>1</v>
      </c>
      <c r="K27672" s="9">
        <v>12</v>
      </c>
      <c r="L27672" s="6" t="s">
        <v>51</v>
      </c>
    </row>
    <row r="27673" spans="1:12">
      <c r="A27673" s="6" t="s">
        <v>28472</v>
      </c>
      <c r="B27673" s="6"/>
      <c r="C27673" s="6" t="s">
        <v>28473</v>
      </c>
      <c r="D27673" s="6"/>
      <c r="E27673" s="6" t="s">
        <v>9</v>
      </c>
      <c r="F27673" s="7">
        <v>42538</v>
      </c>
      <c r="G27673" s="8">
        <v>1</v>
      </c>
      <c r="H27673" s="8">
        <v>1</v>
      </c>
      <c r="I27673" s="8">
        <v>0</v>
      </c>
      <c r="J27673" s="8">
        <v>1</v>
      </c>
      <c r="K27673" s="9">
        <v>2.4300000000000002</v>
      </c>
      <c r="L27673" s="6" t="s">
        <v>51</v>
      </c>
    </row>
    <row r="27674" spans="1:12">
      <c r="A27674" s="6" t="s">
        <v>28472</v>
      </c>
      <c r="B27674" s="6"/>
      <c r="C27674" s="6" t="s">
        <v>28474</v>
      </c>
      <c r="D27674" s="6"/>
      <c r="E27674" s="6" t="s">
        <v>9</v>
      </c>
      <c r="F27674" s="7">
        <v>43986</v>
      </c>
      <c r="G27674" s="8">
        <v>1</v>
      </c>
      <c r="H27674" s="8">
        <v>1</v>
      </c>
      <c r="I27674" s="8">
        <v>0</v>
      </c>
      <c r="J27674" s="8">
        <v>1</v>
      </c>
      <c r="K27674" s="9">
        <v>7.4</v>
      </c>
      <c r="L27674" s="6" t="s">
        <v>51</v>
      </c>
    </row>
    <row r="27675" spans="1:12">
      <c r="A27675" s="6" t="s">
        <v>28475</v>
      </c>
      <c r="B27675" s="6"/>
      <c r="C27675" s="6" t="s">
        <v>28476</v>
      </c>
      <c r="D27675" s="6"/>
      <c r="E27675" s="6" t="s">
        <v>9</v>
      </c>
      <c r="F27675" s="7">
        <v>42472</v>
      </c>
      <c r="G27675" s="8">
        <v>271985</v>
      </c>
      <c r="H27675" s="8">
        <v>271985</v>
      </c>
      <c r="I27675" s="8">
        <v>0</v>
      </c>
      <c r="J27675" s="8">
        <v>271985</v>
      </c>
      <c r="K27675" s="9">
        <v>20.45</v>
      </c>
      <c r="L27675" s="6" t="s">
        <v>10</v>
      </c>
    </row>
    <row r="27676" spans="1:12">
      <c r="A27676" s="6" t="s">
        <v>28475</v>
      </c>
      <c r="B27676" s="6"/>
      <c r="C27676" s="6" t="s">
        <v>28477</v>
      </c>
      <c r="D27676" s="6"/>
      <c r="E27676" s="6" t="s">
        <v>9</v>
      </c>
      <c r="F27676" s="7">
        <v>42502</v>
      </c>
      <c r="G27676" s="8">
        <v>22780</v>
      </c>
      <c r="H27676" s="8">
        <v>22780</v>
      </c>
      <c r="I27676" s="8">
        <v>0</v>
      </c>
      <c r="J27676" s="8">
        <v>22780</v>
      </c>
      <c r="K27676" s="9">
        <v>5.34</v>
      </c>
      <c r="L27676" s="6" t="s">
        <v>10</v>
      </c>
    </row>
    <row r="27677" spans="1:12">
      <c r="A27677" s="6" t="s">
        <v>28478</v>
      </c>
      <c r="B27677" s="6"/>
      <c r="C27677" s="6" t="s">
        <v>28479</v>
      </c>
      <c r="D27677" s="6"/>
      <c r="E27677" s="6" t="s">
        <v>9</v>
      </c>
      <c r="F27677" s="7">
        <v>38657</v>
      </c>
      <c r="G27677" s="8">
        <v>4268520</v>
      </c>
      <c r="H27677" s="8">
        <v>4268520</v>
      </c>
      <c r="I27677" s="8">
        <v>0</v>
      </c>
      <c r="J27677" s="8">
        <v>4268520</v>
      </c>
      <c r="K27677" s="9">
        <v>835</v>
      </c>
      <c r="L27677" s="6" t="s">
        <v>14</v>
      </c>
    </row>
    <row r="27678" spans="1:12">
      <c r="A27678" s="6" t="s">
        <v>28480</v>
      </c>
      <c r="B27678" s="6"/>
      <c r="C27678" s="6" t="s">
        <v>28481</v>
      </c>
      <c r="D27678" s="6"/>
      <c r="E27678" s="6" t="s">
        <v>9</v>
      </c>
      <c r="F27678" s="7">
        <v>34312</v>
      </c>
      <c r="G27678" s="8">
        <v>1</v>
      </c>
      <c r="H27678" s="8">
        <v>1</v>
      </c>
      <c r="I27678" s="8">
        <v>0</v>
      </c>
      <c r="J27678" s="8">
        <v>1</v>
      </c>
      <c r="K27678" s="9">
        <v>37</v>
      </c>
      <c r="L27678" s="6" t="s">
        <v>51</v>
      </c>
    </row>
    <row r="27679" spans="1:12">
      <c r="A27679" s="6" t="s">
        <v>28480</v>
      </c>
      <c r="B27679" s="6"/>
      <c r="C27679" s="6" t="s">
        <v>28482</v>
      </c>
      <c r="D27679" s="6"/>
      <c r="E27679" s="6" t="s">
        <v>9</v>
      </c>
      <c r="F27679" s="7">
        <v>34312</v>
      </c>
      <c r="G27679" s="8">
        <v>1</v>
      </c>
      <c r="H27679" s="8">
        <v>1</v>
      </c>
      <c r="I27679" s="8">
        <v>0</v>
      </c>
      <c r="J27679" s="8">
        <v>1</v>
      </c>
      <c r="K27679" s="9">
        <v>51</v>
      </c>
      <c r="L27679" s="6" t="s">
        <v>51</v>
      </c>
    </row>
    <row r="27680" spans="1:12">
      <c r="A27680" s="6" t="s">
        <v>28480</v>
      </c>
      <c r="B27680" s="6"/>
      <c r="C27680" s="6" t="s">
        <v>28483</v>
      </c>
      <c r="D27680" s="6"/>
      <c r="E27680" s="6" t="s">
        <v>9</v>
      </c>
      <c r="F27680" s="7">
        <v>34312</v>
      </c>
      <c r="G27680" s="8">
        <v>1</v>
      </c>
      <c r="H27680" s="8">
        <v>1</v>
      </c>
      <c r="I27680" s="8">
        <v>0</v>
      </c>
      <c r="J27680" s="8">
        <v>1</v>
      </c>
      <c r="K27680" s="9">
        <v>2.61</v>
      </c>
      <c r="L27680" s="6" t="s">
        <v>51</v>
      </c>
    </row>
    <row r="27681" spans="1:12">
      <c r="A27681" s="6" t="s">
        <v>28480</v>
      </c>
      <c r="B27681" s="6"/>
      <c r="C27681" s="6" t="s">
        <v>28484</v>
      </c>
      <c r="D27681" s="6"/>
      <c r="E27681" s="6" t="s">
        <v>9</v>
      </c>
      <c r="F27681" s="7">
        <v>34312</v>
      </c>
      <c r="G27681" s="8">
        <v>1</v>
      </c>
      <c r="H27681" s="8">
        <v>1</v>
      </c>
      <c r="I27681" s="8">
        <v>0</v>
      </c>
      <c r="J27681" s="8">
        <v>1</v>
      </c>
      <c r="K27681" s="9">
        <v>19</v>
      </c>
      <c r="L27681" s="6" t="s">
        <v>51</v>
      </c>
    </row>
    <row r="27682" spans="1:12">
      <c r="A27682" s="6" t="s">
        <v>28485</v>
      </c>
      <c r="B27682" s="6"/>
      <c r="C27682" s="6" t="s">
        <v>28486</v>
      </c>
      <c r="D27682" s="6"/>
      <c r="E27682" s="6" t="s">
        <v>9</v>
      </c>
      <c r="F27682" s="7">
        <v>38657</v>
      </c>
      <c r="G27682" s="8">
        <v>8644392</v>
      </c>
      <c r="H27682" s="8">
        <v>8644392</v>
      </c>
      <c r="I27682" s="8">
        <v>0</v>
      </c>
      <c r="J27682" s="8">
        <v>8644392</v>
      </c>
      <c r="K27682" s="9">
        <v>1691</v>
      </c>
      <c r="L27682" s="6" t="s">
        <v>14</v>
      </c>
    </row>
    <row r="27683" spans="1:12">
      <c r="A27683" s="6" t="s">
        <v>28485</v>
      </c>
      <c r="B27683" s="6"/>
      <c r="C27683" s="6" t="s">
        <v>28487</v>
      </c>
      <c r="D27683" s="6"/>
      <c r="E27683" s="6" t="s">
        <v>9</v>
      </c>
      <c r="F27683" s="7">
        <v>38657</v>
      </c>
      <c r="G27683" s="8">
        <v>42889</v>
      </c>
      <c r="H27683" s="8">
        <v>42889</v>
      </c>
      <c r="I27683" s="8">
        <v>0</v>
      </c>
      <c r="J27683" s="8">
        <v>42889</v>
      </c>
      <c r="K27683" s="9">
        <v>8.39</v>
      </c>
      <c r="L27683" s="6" t="s">
        <v>14</v>
      </c>
    </row>
    <row r="27684" spans="1:12">
      <c r="A27684" s="6" t="s">
        <v>28488</v>
      </c>
      <c r="B27684" s="6"/>
      <c r="C27684" s="6" t="s">
        <v>28489</v>
      </c>
      <c r="D27684" s="6"/>
      <c r="E27684" s="6" t="s">
        <v>9</v>
      </c>
      <c r="F27684" s="7">
        <v>38657</v>
      </c>
      <c r="G27684" s="8">
        <v>19624968</v>
      </c>
      <c r="H27684" s="8">
        <v>19624968</v>
      </c>
      <c r="I27684" s="8">
        <v>0</v>
      </c>
      <c r="J27684" s="8">
        <v>19624968</v>
      </c>
      <c r="K27684" s="9">
        <v>3839</v>
      </c>
      <c r="L27684" s="6" t="s">
        <v>14</v>
      </c>
    </row>
    <row r="27685" spans="1:12">
      <c r="A27685" s="6" t="s">
        <v>28490</v>
      </c>
      <c r="B27685" s="6"/>
      <c r="C27685" s="6" t="s">
        <v>28491</v>
      </c>
      <c r="D27685" s="6"/>
      <c r="E27685" s="6" t="s">
        <v>9</v>
      </c>
      <c r="F27685" s="7">
        <v>43861</v>
      </c>
      <c r="G27685" s="8">
        <v>21547</v>
      </c>
      <c r="H27685" s="8">
        <v>21547</v>
      </c>
      <c r="I27685" s="8">
        <v>0</v>
      </c>
      <c r="J27685" s="8">
        <v>21547</v>
      </c>
      <c r="K27685" s="9">
        <v>8.4499999999999904</v>
      </c>
      <c r="L27685" s="6" t="s">
        <v>51</v>
      </c>
    </row>
    <row r="27686" spans="1:12">
      <c r="A27686" s="6" t="s">
        <v>28490</v>
      </c>
      <c r="B27686" s="6"/>
      <c r="C27686" s="6" t="s">
        <v>28492</v>
      </c>
      <c r="D27686" s="6"/>
      <c r="E27686" s="6" t="s">
        <v>9</v>
      </c>
      <c r="F27686" s="7">
        <v>43861</v>
      </c>
      <c r="G27686" s="8">
        <v>46692</v>
      </c>
      <c r="H27686" s="8">
        <v>46692</v>
      </c>
      <c r="I27686" s="8">
        <v>0</v>
      </c>
      <c r="J27686" s="8">
        <v>46692</v>
      </c>
      <c r="K27686" s="9">
        <v>12.97</v>
      </c>
      <c r="L27686" s="6" t="s">
        <v>51</v>
      </c>
    </row>
    <row r="27687" spans="1:12">
      <c r="A27687" s="6" t="s">
        <v>28490</v>
      </c>
      <c r="B27687" s="6"/>
      <c r="C27687" s="6" t="s">
        <v>28493</v>
      </c>
      <c r="D27687" s="6"/>
      <c r="E27687" s="6" t="s">
        <v>9</v>
      </c>
      <c r="F27687" s="7">
        <v>43861</v>
      </c>
      <c r="G27687" s="8">
        <v>4284</v>
      </c>
      <c r="H27687" s="8">
        <v>4284</v>
      </c>
      <c r="I27687" s="8">
        <v>0</v>
      </c>
      <c r="J27687" s="8">
        <v>4284</v>
      </c>
      <c r="K27687" s="9">
        <v>1.19</v>
      </c>
      <c r="L27687" s="6" t="s">
        <v>51</v>
      </c>
    </row>
    <row r="27688" spans="1:12">
      <c r="A27688" s="6" t="s">
        <v>28490</v>
      </c>
      <c r="B27688" s="6"/>
      <c r="C27688" s="6" t="s">
        <v>28494</v>
      </c>
      <c r="D27688" s="6"/>
      <c r="E27688" s="6" t="s">
        <v>9</v>
      </c>
      <c r="F27688" s="7">
        <v>43861</v>
      </c>
      <c r="G27688" s="8">
        <v>2664</v>
      </c>
      <c r="H27688" s="8">
        <v>2664</v>
      </c>
      <c r="I27688" s="8">
        <v>0</v>
      </c>
      <c r="J27688" s="8">
        <v>2664</v>
      </c>
      <c r="K27688" s="9">
        <v>0.74</v>
      </c>
      <c r="L27688" s="6" t="s">
        <v>51</v>
      </c>
    </row>
    <row r="27689" spans="1:12">
      <c r="A27689" s="6" t="s">
        <v>28490</v>
      </c>
      <c r="B27689" s="6"/>
      <c r="C27689" s="6" t="s">
        <v>28495</v>
      </c>
      <c r="D27689" s="6"/>
      <c r="E27689" s="6" t="s">
        <v>9</v>
      </c>
      <c r="F27689" s="7">
        <v>43861</v>
      </c>
      <c r="G27689" s="8">
        <v>60569</v>
      </c>
      <c r="H27689" s="8">
        <v>60569</v>
      </c>
      <c r="I27689" s="8">
        <v>0</v>
      </c>
      <c r="J27689" s="8">
        <v>60569</v>
      </c>
      <c r="K27689" s="9">
        <v>11</v>
      </c>
      <c r="L27689" s="6" t="s">
        <v>51</v>
      </c>
    </row>
    <row r="27690" spans="1:12">
      <c r="A27690" s="6" t="s">
        <v>28490</v>
      </c>
      <c r="B27690" s="6"/>
      <c r="C27690" s="6" t="s">
        <v>28496</v>
      </c>
      <c r="D27690" s="6"/>
      <c r="E27690" s="6" t="s">
        <v>9</v>
      </c>
      <c r="F27690" s="7">
        <v>43861</v>
      </c>
      <c r="G27690" s="8">
        <v>26742</v>
      </c>
      <c r="H27690" s="8">
        <v>26742</v>
      </c>
      <c r="I27690" s="8">
        <v>0</v>
      </c>
      <c r="J27690" s="8">
        <v>26742</v>
      </c>
      <c r="K27690" s="9">
        <v>5.21</v>
      </c>
      <c r="L27690" s="6" t="s">
        <v>51</v>
      </c>
    </row>
    <row r="27691" spans="1:12">
      <c r="A27691" s="6" t="s">
        <v>28490</v>
      </c>
      <c r="B27691" s="6"/>
      <c r="C27691" s="6" t="s">
        <v>28497</v>
      </c>
      <c r="D27691" s="6"/>
      <c r="E27691" s="6" t="s">
        <v>9</v>
      </c>
      <c r="F27691" s="7">
        <v>43861</v>
      </c>
      <c r="G27691" s="8">
        <v>37727</v>
      </c>
      <c r="H27691" s="8">
        <v>37727</v>
      </c>
      <c r="I27691" s="8">
        <v>0</v>
      </c>
      <c r="J27691" s="8">
        <v>37727</v>
      </c>
      <c r="K27691" s="9">
        <v>7.35</v>
      </c>
      <c r="L27691" s="6" t="s">
        <v>51</v>
      </c>
    </row>
    <row r="27692" spans="1:12">
      <c r="A27692" s="6" t="s">
        <v>28490</v>
      </c>
      <c r="B27692" s="6"/>
      <c r="C27692" s="6" t="s">
        <v>28498</v>
      </c>
      <c r="D27692" s="6"/>
      <c r="E27692" s="6" t="s">
        <v>9</v>
      </c>
      <c r="F27692" s="7">
        <v>43965</v>
      </c>
      <c r="G27692" s="8">
        <v>159892</v>
      </c>
      <c r="H27692" s="8">
        <v>159892</v>
      </c>
      <c r="I27692" s="8">
        <v>0</v>
      </c>
      <c r="J27692" s="8">
        <v>159892</v>
      </c>
      <c r="K27692" s="9">
        <v>31.15</v>
      </c>
      <c r="L27692" s="6" t="s">
        <v>51</v>
      </c>
    </row>
    <row r="27693" spans="1:12">
      <c r="A27693" s="6" t="s">
        <v>28499</v>
      </c>
      <c r="B27693" s="6"/>
      <c r="C27693" s="6" t="s">
        <v>28500</v>
      </c>
      <c r="D27693" s="6"/>
      <c r="E27693" s="6" t="s">
        <v>9</v>
      </c>
      <c r="F27693" s="7">
        <v>38657</v>
      </c>
      <c r="G27693" s="8">
        <v>9508320</v>
      </c>
      <c r="H27693" s="8">
        <v>9508320</v>
      </c>
      <c r="I27693" s="8">
        <v>0</v>
      </c>
      <c r="J27693" s="8">
        <v>9508320</v>
      </c>
      <c r="K27693" s="9">
        <v>1860</v>
      </c>
      <c r="L27693" s="6" t="s">
        <v>14</v>
      </c>
    </row>
    <row r="27694" spans="1:12">
      <c r="A27694" s="6" t="s">
        <v>28499</v>
      </c>
      <c r="B27694" s="6"/>
      <c r="C27694" s="6" t="s">
        <v>28501</v>
      </c>
      <c r="D27694" s="6"/>
      <c r="E27694" s="6" t="s">
        <v>9</v>
      </c>
      <c r="F27694" s="7">
        <v>38657</v>
      </c>
      <c r="G27694" s="8">
        <v>368064</v>
      </c>
      <c r="H27694" s="8">
        <v>368064</v>
      </c>
      <c r="I27694" s="8">
        <v>0</v>
      </c>
      <c r="J27694" s="8">
        <v>368064</v>
      </c>
      <c r="K27694" s="9">
        <v>72</v>
      </c>
      <c r="L27694" s="6" t="s">
        <v>14</v>
      </c>
    </row>
    <row r="27695" spans="1:12">
      <c r="A27695" s="6" t="s">
        <v>28502</v>
      </c>
      <c r="B27695" s="6"/>
      <c r="C27695" s="6" t="s">
        <v>28503</v>
      </c>
      <c r="D27695" s="6"/>
      <c r="E27695" s="6" t="s">
        <v>9</v>
      </c>
      <c r="F27695" s="7">
        <v>38657</v>
      </c>
      <c r="G27695" s="8">
        <v>10852776</v>
      </c>
      <c r="H27695" s="8">
        <v>10852776</v>
      </c>
      <c r="I27695" s="8">
        <v>0</v>
      </c>
      <c r="J27695" s="8">
        <v>10852776</v>
      </c>
      <c r="K27695" s="9">
        <v>2123</v>
      </c>
      <c r="L27695" s="6" t="s">
        <v>14</v>
      </c>
    </row>
    <row r="27696" spans="1:12">
      <c r="A27696" s="6" t="s">
        <v>28504</v>
      </c>
      <c r="B27696" s="6"/>
      <c r="C27696" s="6" t="s">
        <v>28505</v>
      </c>
      <c r="D27696" s="6"/>
      <c r="E27696" s="6" t="s">
        <v>9</v>
      </c>
      <c r="F27696" s="7">
        <v>38657</v>
      </c>
      <c r="G27696" s="8">
        <v>9438183</v>
      </c>
      <c r="H27696" s="8">
        <v>9438183</v>
      </c>
      <c r="I27696" s="8">
        <v>0</v>
      </c>
      <c r="J27696" s="8">
        <v>9438183</v>
      </c>
      <c r="K27696" s="9">
        <v>1846.28</v>
      </c>
      <c r="L27696" s="6" t="s">
        <v>14</v>
      </c>
    </row>
    <row r="27697" spans="1:12">
      <c r="A27697" s="6" t="s">
        <v>28506</v>
      </c>
      <c r="B27697" s="6"/>
      <c r="C27697" s="6" t="s">
        <v>28507</v>
      </c>
      <c r="D27697" s="6"/>
      <c r="E27697" s="6" t="s">
        <v>9</v>
      </c>
      <c r="F27697" s="7">
        <v>38657</v>
      </c>
      <c r="G27697" s="8">
        <v>15688728</v>
      </c>
      <c r="H27697" s="8">
        <v>15688728</v>
      </c>
      <c r="I27697" s="8">
        <v>0</v>
      </c>
      <c r="J27697" s="8">
        <v>15688728</v>
      </c>
      <c r="K27697" s="9">
        <v>3069</v>
      </c>
      <c r="L27697" s="6" t="s">
        <v>14</v>
      </c>
    </row>
    <row r="27698" spans="1:12">
      <c r="A27698" s="6" t="s">
        <v>28508</v>
      </c>
      <c r="B27698" s="6"/>
      <c r="C27698" s="6" t="s">
        <v>28509</v>
      </c>
      <c r="D27698" s="6"/>
      <c r="E27698" s="6" t="s">
        <v>9</v>
      </c>
      <c r="F27698" s="7">
        <v>38657</v>
      </c>
      <c r="G27698" s="8">
        <v>9017568</v>
      </c>
      <c r="H27698" s="8">
        <v>9017568</v>
      </c>
      <c r="I27698" s="8">
        <v>0</v>
      </c>
      <c r="J27698" s="8">
        <v>9017568</v>
      </c>
      <c r="K27698" s="9">
        <v>1764</v>
      </c>
      <c r="L27698" s="6" t="s">
        <v>14</v>
      </c>
    </row>
    <row r="27699" spans="1:12">
      <c r="A27699" s="6" t="s">
        <v>28508</v>
      </c>
      <c r="B27699" s="6"/>
      <c r="C27699" s="6" t="s">
        <v>28510</v>
      </c>
      <c r="D27699" s="6"/>
      <c r="E27699" s="6" t="s">
        <v>9</v>
      </c>
      <c r="F27699" s="7">
        <v>38657</v>
      </c>
      <c r="G27699" s="8">
        <v>1022400</v>
      </c>
      <c r="H27699" s="8">
        <v>1022400</v>
      </c>
      <c r="I27699" s="8">
        <v>0</v>
      </c>
      <c r="J27699" s="8">
        <v>1022400</v>
      </c>
      <c r="K27699" s="9">
        <v>200</v>
      </c>
      <c r="L27699" s="6" t="s">
        <v>14</v>
      </c>
    </row>
    <row r="27700" spans="1:12">
      <c r="A27700" s="6" t="s">
        <v>28508</v>
      </c>
      <c r="B27700" s="6"/>
      <c r="C27700" s="6" t="s">
        <v>28511</v>
      </c>
      <c r="D27700" s="6"/>
      <c r="E27700" s="6" t="s">
        <v>9</v>
      </c>
      <c r="F27700" s="7">
        <v>38657</v>
      </c>
      <c r="G27700" s="8">
        <v>15729624</v>
      </c>
      <c r="H27700" s="8">
        <v>15729624</v>
      </c>
      <c r="I27700" s="8">
        <v>0</v>
      </c>
      <c r="J27700" s="8">
        <v>15729624</v>
      </c>
      <c r="K27700" s="9">
        <v>3077</v>
      </c>
      <c r="L27700" s="6" t="s">
        <v>14</v>
      </c>
    </row>
    <row r="27701" spans="1:12">
      <c r="A27701" s="6" t="s">
        <v>28512</v>
      </c>
      <c r="B27701" s="6"/>
      <c r="C27701" s="6" t="s">
        <v>28513</v>
      </c>
      <c r="D27701" s="6"/>
      <c r="E27701" s="6" t="s">
        <v>9</v>
      </c>
      <c r="F27701" s="7">
        <v>38657</v>
      </c>
      <c r="G27701" s="8">
        <v>35784000</v>
      </c>
      <c r="H27701" s="8">
        <v>35784000</v>
      </c>
      <c r="I27701" s="8">
        <v>0</v>
      </c>
      <c r="J27701" s="8">
        <v>35784000</v>
      </c>
      <c r="K27701" s="9">
        <v>7000</v>
      </c>
      <c r="L27701" s="6" t="s">
        <v>14</v>
      </c>
    </row>
    <row r="27702" spans="1:12">
      <c r="A27702" s="6" t="s">
        <v>28514</v>
      </c>
      <c r="B27702" s="6"/>
      <c r="C27702" s="6" t="s">
        <v>28515</v>
      </c>
      <c r="D27702" s="6"/>
      <c r="E27702" s="6" t="s">
        <v>9</v>
      </c>
      <c r="F27702" s="7">
        <v>38657</v>
      </c>
      <c r="G27702" s="8">
        <v>1027512</v>
      </c>
      <c r="H27702" s="8">
        <v>1027512</v>
      </c>
      <c r="I27702" s="8">
        <v>0</v>
      </c>
      <c r="J27702" s="8">
        <v>1027512</v>
      </c>
      <c r="K27702" s="9">
        <v>201</v>
      </c>
      <c r="L27702" s="6" t="s">
        <v>14</v>
      </c>
    </row>
    <row r="27703" spans="1:12">
      <c r="A27703" s="6" t="s">
        <v>28514</v>
      </c>
      <c r="B27703" s="6"/>
      <c r="C27703" s="6" t="s">
        <v>28516</v>
      </c>
      <c r="D27703" s="6"/>
      <c r="E27703" s="6" t="s">
        <v>9</v>
      </c>
      <c r="F27703" s="7">
        <v>38657</v>
      </c>
      <c r="G27703" s="8">
        <v>2811600</v>
      </c>
      <c r="H27703" s="8">
        <v>2811600</v>
      </c>
      <c r="I27703" s="8">
        <v>0</v>
      </c>
      <c r="J27703" s="8">
        <v>2811600</v>
      </c>
      <c r="K27703" s="9">
        <v>550</v>
      </c>
      <c r="L27703" s="6" t="s">
        <v>14</v>
      </c>
    </row>
    <row r="27704" spans="1:12">
      <c r="A27704" s="6" t="s">
        <v>28514</v>
      </c>
      <c r="B27704" s="6"/>
      <c r="C27704" s="6" t="s">
        <v>28517</v>
      </c>
      <c r="D27704" s="6"/>
      <c r="E27704" s="6" t="s">
        <v>9</v>
      </c>
      <c r="F27704" s="7">
        <v>38657</v>
      </c>
      <c r="G27704" s="8">
        <v>3869784</v>
      </c>
      <c r="H27704" s="8">
        <v>3869784</v>
      </c>
      <c r="I27704" s="8">
        <v>0</v>
      </c>
      <c r="J27704" s="8">
        <v>3869784</v>
      </c>
      <c r="K27704" s="9">
        <v>757</v>
      </c>
      <c r="L27704" s="6" t="s">
        <v>14</v>
      </c>
    </row>
    <row r="27705" spans="1:12">
      <c r="A27705" s="6" t="s">
        <v>28514</v>
      </c>
      <c r="B27705" s="6"/>
      <c r="C27705" s="6" t="s">
        <v>28518</v>
      </c>
      <c r="D27705" s="6"/>
      <c r="E27705" s="6" t="s">
        <v>9</v>
      </c>
      <c r="F27705" s="7">
        <v>38657</v>
      </c>
      <c r="G27705" s="8">
        <v>920160</v>
      </c>
      <c r="H27705" s="8">
        <v>920160</v>
      </c>
      <c r="I27705" s="8">
        <v>0</v>
      </c>
      <c r="J27705" s="8">
        <v>920160</v>
      </c>
      <c r="K27705" s="9">
        <v>180</v>
      </c>
      <c r="L27705" s="6" t="s">
        <v>14</v>
      </c>
    </row>
    <row r="27706" spans="1:12">
      <c r="A27706" s="6" t="s">
        <v>28514</v>
      </c>
      <c r="B27706" s="6"/>
      <c r="C27706" s="6" t="s">
        <v>28519</v>
      </c>
      <c r="D27706" s="6"/>
      <c r="E27706" s="6" t="s">
        <v>9</v>
      </c>
      <c r="F27706" s="7">
        <v>38657</v>
      </c>
      <c r="G27706" s="8">
        <v>3118320</v>
      </c>
      <c r="H27706" s="8">
        <v>3118320</v>
      </c>
      <c r="I27706" s="8">
        <v>0</v>
      </c>
      <c r="J27706" s="8">
        <v>3118320</v>
      </c>
      <c r="K27706" s="9">
        <v>610</v>
      </c>
      <c r="L27706" s="6" t="s">
        <v>14</v>
      </c>
    </row>
    <row r="27707" spans="1:12">
      <c r="A27707" s="6" t="s">
        <v>28514</v>
      </c>
      <c r="B27707" s="6"/>
      <c r="C27707" s="6" t="s">
        <v>28520</v>
      </c>
      <c r="D27707" s="6"/>
      <c r="E27707" s="6" t="s">
        <v>9</v>
      </c>
      <c r="F27707" s="7">
        <v>38657</v>
      </c>
      <c r="G27707" s="8">
        <v>3041640</v>
      </c>
      <c r="H27707" s="8">
        <v>3041640</v>
      </c>
      <c r="I27707" s="8">
        <v>0</v>
      </c>
      <c r="J27707" s="8">
        <v>3041640</v>
      </c>
      <c r="K27707" s="9">
        <v>595</v>
      </c>
      <c r="L27707" s="6" t="s">
        <v>14</v>
      </c>
    </row>
    <row r="27708" spans="1:12">
      <c r="A27708" s="6" t="s">
        <v>28521</v>
      </c>
      <c r="B27708" s="6"/>
      <c r="C27708" s="6" t="s">
        <v>28522</v>
      </c>
      <c r="D27708" s="6"/>
      <c r="E27708" s="6" t="s">
        <v>9</v>
      </c>
      <c r="F27708" s="7">
        <v>38657</v>
      </c>
      <c r="G27708" s="8">
        <v>1983456</v>
      </c>
      <c r="H27708" s="8">
        <v>1983456</v>
      </c>
      <c r="I27708" s="8">
        <v>0</v>
      </c>
      <c r="J27708" s="8">
        <v>1983456</v>
      </c>
      <c r="K27708" s="9">
        <v>388</v>
      </c>
      <c r="L27708" s="6" t="s">
        <v>14</v>
      </c>
    </row>
    <row r="27709" spans="1:12">
      <c r="A27709" s="6" t="s">
        <v>28521</v>
      </c>
      <c r="B27709" s="6"/>
      <c r="C27709" s="6" t="s">
        <v>28523</v>
      </c>
      <c r="D27709" s="6"/>
      <c r="E27709" s="6" t="s">
        <v>9</v>
      </c>
      <c r="F27709" s="7">
        <v>38657</v>
      </c>
      <c r="G27709" s="8">
        <v>143136</v>
      </c>
      <c r="H27709" s="8">
        <v>143136</v>
      </c>
      <c r="I27709" s="8">
        <v>0</v>
      </c>
      <c r="J27709" s="8">
        <v>143136</v>
      </c>
      <c r="K27709" s="9">
        <v>28</v>
      </c>
      <c r="L27709" s="6" t="s">
        <v>14</v>
      </c>
    </row>
    <row r="27710" spans="1:12">
      <c r="A27710" s="6" t="s">
        <v>28521</v>
      </c>
      <c r="B27710" s="6"/>
      <c r="C27710" s="6" t="s">
        <v>28524</v>
      </c>
      <c r="D27710" s="6"/>
      <c r="E27710" s="6" t="s">
        <v>9</v>
      </c>
      <c r="F27710" s="7">
        <v>38657</v>
      </c>
      <c r="G27710" s="8">
        <v>613440</v>
      </c>
      <c r="H27710" s="8">
        <v>613440</v>
      </c>
      <c r="I27710" s="8">
        <v>0</v>
      </c>
      <c r="J27710" s="8">
        <v>613440</v>
      </c>
      <c r="K27710" s="9">
        <v>120</v>
      </c>
      <c r="L27710" s="6" t="s">
        <v>14</v>
      </c>
    </row>
    <row r="27711" spans="1:12">
      <c r="A27711" s="6" t="s">
        <v>28521</v>
      </c>
      <c r="B27711" s="6"/>
      <c r="C27711" s="6" t="s">
        <v>28525</v>
      </c>
      <c r="D27711" s="6"/>
      <c r="E27711" s="6" t="s">
        <v>9</v>
      </c>
      <c r="F27711" s="7">
        <v>38657</v>
      </c>
      <c r="G27711" s="8">
        <v>138024</v>
      </c>
      <c r="H27711" s="8">
        <v>138024</v>
      </c>
      <c r="I27711" s="8">
        <v>0</v>
      </c>
      <c r="J27711" s="8">
        <v>138024</v>
      </c>
      <c r="K27711" s="9">
        <v>27</v>
      </c>
      <c r="L27711" s="6" t="s">
        <v>14</v>
      </c>
    </row>
    <row r="27712" spans="1:12">
      <c r="A27712" s="6" t="s">
        <v>28521</v>
      </c>
      <c r="B27712" s="6"/>
      <c r="C27712" s="6" t="s">
        <v>28526</v>
      </c>
      <c r="D27712" s="6"/>
      <c r="E27712" s="6" t="s">
        <v>9</v>
      </c>
      <c r="F27712" s="7">
        <v>38657</v>
      </c>
      <c r="G27712" s="8">
        <v>7668</v>
      </c>
      <c r="H27712" s="8">
        <v>7668</v>
      </c>
      <c r="I27712" s="8">
        <v>0</v>
      </c>
      <c r="J27712" s="8">
        <v>7668</v>
      </c>
      <c r="K27712" s="9">
        <v>1.5</v>
      </c>
      <c r="L27712" s="6" t="s">
        <v>14</v>
      </c>
    </row>
    <row r="27713" spans="1:12">
      <c r="A27713" s="6" t="s">
        <v>28527</v>
      </c>
      <c r="B27713" s="6"/>
      <c r="C27713" s="6" t="s">
        <v>28528</v>
      </c>
      <c r="D27713" s="6"/>
      <c r="E27713" s="6" t="s">
        <v>9</v>
      </c>
      <c r="F27713" s="7">
        <v>38657</v>
      </c>
      <c r="G27713" s="8">
        <v>67667544</v>
      </c>
      <c r="H27713" s="8">
        <v>67667544</v>
      </c>
      <c r="I27713" s="8">
        <v>0</v>
      </c>
      <c r="J27713" s="8">
        <v>67667544</v>
      </c>
      <c r="K27713" s="9">
        <v>13237</v>
      </c>
      <c r="L27713" s="6" t="s">
        <v>14</v>
      </c>
    </row>
    <row r="27714" spans="1:12">
      <c r="A27714" s="6" t="s">
        <v>28529</v>
      </c>
      <c r="B27714" s="6"/>
      <c r="C27714" s="6" t="s">
        <v>28530</v>
      </c>
      <c r="D27714" s="6"/>
      <c r="E27714" s="6" t="s">
        <v>9</v>
      </c>
      <c r="F27714" s="7">
        <v>38657</v>
      </c>
      <c r="G27714" s="8">
        <v>169529256</v>
      </c>
      <c r="H27714" s="8">
        <v>169529256</v>
      </c>
      <c r="I27714" s="8">
        <v>0</v>
      </c>
      <c r="J27714" s="8">
        <v>169529256</v>
      </c>
      <c r="K27714" s="9">
        <v>33163</v>
      </c>
      <c r="L27714" s="6" t="s">
        <v>14</v>
      </c>
    </row>
    <row r="27715" spans="1:12">
      <c r="A27715" s="6" t="s">
        <v>28531</v>
      </c>
      <c r="B27715" s="6"/>
      <c r="C27715" s="6" t="s">
        <v>28532</v>
      </c>
      <c r="D27715" s="6"/>
      <c r="E27715" s="6" t="s">
        <v>9</v>
      </c>
      <c r="F27715" s="7">
        <v>38657</v>
      </c>
      <c r="G27715" s="8">
        <v>996840</v>
      </c>
      <c r="H27715" s="8">
        <v>996840</v>
      </c>
      <c r="I27715" s="8">
        <v>0</v>
      </c>
      <c r="J27715" s="8">
        <v>996840</v>
      </c>
      <c r="K27715" s="9">
        <v>195</v>
      </c>
      <c r="L27715" s="6" t="s">
        <v>14</v>
      </c>
    </row>
    <row r="27716" spans="1:12">
      <c r="A27716" s="6" t="s">
        <v>28531</v>
      </c>
      <c r="B27716" s="6"/>
      <c r="C27716" s="6" t="s">
        <v>28533</v>
      </c>
      <c r="D27716" s="6"/>
      <c r="E27716" s="6" t="s">
        <v>9</v>
      </c>
      <c r="F27716" s="7">
        <v>38657</v>
      </c>
      <c r="G27716" s="8">
        <v>301608</v>
      </c>
      <c r="H27716" s="8">
        <v>301608</v>
      </c>
      <c r="I27716" s="8">
        <v>0</v>
      </c>
      <c r="J27716" s="8">
        <v>301608</v>
      </c>
      <c r="K27716" s="9">
        <v>59</v>
      </c>
      <c r="L27716" s="6" t="s">
        <v>14</v>
      </c>
    </row>
    <row r="27717" spans="1:12">
      <c r="A27717" s="6" t="s">
        <v>28531</v>
      </c>
      <c r="B27717" s="6"/>
      <c r="C27717" s="6" t="s">
        <v>28534</v>
      </c>
      <c r="D27717" s="6"/>
      <c r="E27717" s="6" t="s">
        <v>9</v>
      </c>
      <c r="F27717" s="7">
        <v>38657</v>
      </c>
      <c r="G27717" s="8">
        <v>276048</v>
      </c>
      <c r="H27717" s="8">
        <v>276048</v>
      </c>
      <c r="I27717" s="8">
        <v>0</v>
      </c>
      <c r="J27717" s="8">
        <v>276048</v>
      </c>
      <c r="K27717" s="9">
        <v>54</v>
      </c>
      <c r="L27717" s="6" t="s">
        <v>14</v>
      </c>
    </row>
    <row r="27718" spans="1:12">
      <c r="A27718" s="6" t="s">
        <v>28531</v>
      </c>
      <c r="B27718" s="6"/>
      <c r="C27718" s="6" t="s">
        <v>28535</v>
      </c>
      <c r="D27718" s="6"/>
      <c r="E27718" s="6" t="s">
        <v>9</v>
      </c>
      <c r="F27718" s="7">
        <v>38657</v>
      </c>
      <c r="G27718" s="8">
        <v>296496</v>
      </c>
      <c r="H27718" s="8">
        <v>296496</v>
      </c>
      <c r="I27718" s="8">
        <v>0</v>
      </c>
      <c r="J27718" s="8">
        <v>296496</v>
      </c>
      <c r="K27718" s="9">
        <v>58</v>
      </c>
      <c r="L27718" s="6" t="s">
        <v>14</v>
      </c>
    </row>
    <row r="27719" spans="1:12">
      <c r="A27719" s="6" t="s">
        <v>28531</v>
      </c>
      <c r="B27719" s="6"/>
      <c r="C27719" s="6" t="s">
        <v>28536</v>
      </c>
      <c r="D27719" s="6"/>
      <c r="E27719" s="6" t="s">
        <v>9</v>
      </c>
      <c r="F27719" s="7">
        <v>38657</v>
      </c>
      <c r="G27719" s="8">
        <v>301608</v>
      </c>
      <c r="H27719" s="8">
        <v>301608</v>
      </c>
      <c r="I27719" s="8">
        <v>0</v>
      </c>
      <c r="J27719" s="8">
        <v>301608</v>
      </c>
      <c r="K27719" s="9">
        <v>59</v>
      </c>
      <c r="L27719" s="6" t="s">
        <v>14</v>
      </c>
    </row>
    <row r="27720" spans="1:12">
      <c r="A27720" s="6" t="s">
        <v>28531</v>
      </c>
      <c r="B27720" s="6"/>
      <c r="C27720" s="6" t="s">
        <v>28537</v>
      </c>
      <c r="D27720" s="6"/>
      <c r="E27720" s="6" t="s">
        <v>9</v>
      </c>
      <c r="F27720" s="7">
        <v>38657</v>
      </c>
      <c r="G27720" s="8">
        <v>250488</v>
      </c>
      <c r="H27720" s="8">
        <v>250488</v>
      </c>
      <c r="I27720" s="8">
        <v>0</v>
      </c>
      <c r="J27720" s="8">
        <v>250488</v>
      </c>
      <c r="K27720" s="9">
        <v>49</v>
      </c>
      <c r="L27720" s="6" t="s">
        <v>14</v>
      </c>
    </row>
    <row r="27721" spans="1:12">
      <c r="A27721" s="6" t="s">
        <v>28531</v>
      </c>
      <c r="B27721" s="6"/>
      <c r="C27721" s="6" t="s">
        <v>28538</v>
      </c>
      <c r="D27721" s="6"/>
      <c r="E27721" s="6" t="s">
        <v>9</v>
      </c>
      <c r="F27721" s="7">
        <v>38657</v>
      </c>
      <c r="G27721" s="8">
        <v>286272</v>
      </c>
      <c r="H27721" s="8">
        <v>286272</v>
      </c>
      <c r="I27721" s="8">
        <v>0</v>
      </c>
      <c r="J27721" s="8">
        <v>286272</v>
      </c>
      <c r="K27721" s="9">
        <v>56</v>
      </c>
      <c r="L27721" s="6" t="s">
        <v>14</v>
      </c>
    </row>
    <row r="27722" spans="1:12">
      <c r="A27722" s="6" t="s">
        <v>28531</v>
      </c>
      <c r="B27722" s="6"/>
      <c r="C27722" s="6" t="s">
        <v>28539</v>
      </c>
      <c r="D27722" s="6"/>
      <c r="E27722" s="6" t="s">
        <v>9</v>
      </c>
      <c r="F27722" s="7">
        <v>38657</v>
      </c>
      <c r="G27722" s="8">
        <v>286272</v>
      </c>
      <c r="H27722" s="8">
        <v>286272</v>
      </c>
      <c r="I27722" s="8">
        <v>0</v>
      </c>
      <c r="J27722" s="8">
        <v>286272</v>
      </c>
      <c r="K27722" s="9">
        <v>56</v>
      </c>
      <c r="L27722" s="6" t="s">
        <v>14</v>
      </c>
    </row>
    <row r="27723" spans="1:12">
      <c r="A27723" s="6" t="s">
        <v>28531</v>
      </c>
      <c r="B27723" s="6"/>
      <c r="C27723" s="6" t="s">
        <v>28540</v>
      </c>
      <c r="D27723" s="6"/>
      <c r="E27723" s="6" t="s">
        <v>9</v>
      </c>
      <c r="F27723" s="7">
        <v>38657</v>
      </c>
      <c r="G27723" s="8">
        <v>148248</v>
      </c>
      <c r="H27723" s="8">
        <v>148248</v>
      </c>
      <c r="I27723" s="8">
        <v>0</v>
      </c>
      <c r="J27723" s="8">
        <v>148248</v>
      </c>
      <c r="K27723" s="9">
        <v>29</v>
      </c>
      <c r="L27723" s="6" t="s">
        <v>14</v>
      </c>
    </row>
    <row r="27724" spans="1:12">
      <c r="A27724" s="6" t="s">
        <v>28531</v>
      </c>
      <c r="B27724" s="6"/>
      <c r="C27724" s="6" t="s">
        <v>28541</v>
      </c>
      <c r="D27724" s="6"/>
      <c r="E27724" s="6" t="s">
        <v>9</v>
      </c>
      <c r="F27724" s="7">
        <v>38657</v>
      </c>
      <c r="G27724" s="8">
        <v>470304</v>
      </c>
      <c r="H27724" s="8">
        <v>470304</v>
      </c>
      <c r="I27724" s="8">
        <v>0</v>
      </c>
      <c r="J27724" s="8">
        <v>470304</v>
      </c>
      <c r="K27724" s="9">
        <v>92</v>
      </c>
      <c r="L27724" s="6" t="s">
        <v>14</v>
      </c>
    </row>
    <row r="27725" spans="1:12">
      <c r="A27725" s="6" t="s">
        <v>28531</v>
      </c>
      <c r="B27725" s="6"/>
      <c r="C27725" s="6" t="s">
        <v>28542</v>
      </c>
      <c r="D27725" s="6"/>
      <c r="E27725" s="6" t="s">
        <v>9</v>
      </c>
      <c r="F27725" s="7">
        <v>38657</v>
      </c>
      <c r="G27725" s="8">
        <v>265824</v>
      </c>
      <c r="H27725" s="8">
        <v>265824</v>
      </c>
      <c r="I27725" s="8">
        <v>0</v>
      </c>
      <c r="J27725" s="8">
        <v>265824</v>
      </c>
      <c r="K27725" s="9">
        <v>52</v>
      </c>
      <c r="L27725" s="6" t="s">
        <v>14</v>
      </c>
    </row>
    <row r="27726" spans="1:12">
      <c r="A27726" s="6" t="s">
        <v>28531</v>
      </c>
      <c r="B27726" s="6"/>
      <c r="C27726" s="6" t="s">
        <v>28543</v>
      </c>
      <c r="D27726" s="6"/>
      <c r="E27726" s="6" t="s">
        <v>9</v>
      </c>
      <c r="F27726" s="7">
        <v>38657</v>
      </c>
      <c r="G27726" s="8">
        <v>1993680</v>
      </c>
      <c r="H27726" s="8">
        <v>1993680</v>
      </c>
      <c r="I27726" s="8">
        <v>0</v>
      </c>
      <c r="J27726" s="8">
        <v>1993680</v>
      </c>
      <c r="K27726" s="9">
        <v>390</v>
      </c>
      <c r="L27726" s="6" t="s">
        <v>14</v>
      </c>
    </row>
    <row r="27727" spans="1:12">
      <c r="A27727" s="6" t="s">
        <v>28531</v>
      </c>
      <c r="B27727" s="6"/>
      <c r="C27727" s="6" t="s">
        <v>28544</v>
      </c>
      <c r="D27727" s="6"/>
      <c r="E27727" s="6" t="s">
        <v>9</v>
      </c>
      <c r="F27727" s="7">
        <v>38657</v>
      </c>
      <c r="G27727" s="8">
        <v>337392</v>
      </c>
      <c r="H27727" s="8">
        <v>337392</v>
      </c>
      <c r="I27727" s="8">
        <v>0</v>
      </c>
      <c r="J27727" s="8">
        <v>337392</v>
      </c>
      <c r="K27727" s="9">
        <v>66</v>
      </c>
      <c r="L27727" s="6" t="s">
        <v>14</v>
      </c>
    </row>
    <row r="27728" spans="1:12">
      <c r="A27728" s="6" t="s">
        <v>28531</v>
      </c>
      <c r="B27728" s="6"/>
      <c r="C27728" s="6" t="s">
        <v>28545</v>
      </c>
      <c r="D27728" s="6"/>
      <c r="E27728" s="6" t="s">
        <v>9</v>
      </c>
      <c r="F27728" s="7">
        <v>38657</v>
      </c>
      <c r="G27728" s="8">
        <v>250488</v>
      </c>
      <c r="H27728" s="8">
        <v>250488</v>
      </c>
      <c r="I27728" s="8">
        <v>0</v>
      </c>
      <c r="J27728" s="8">
        <v>250488</v>
      </c>
      <c r="K27728" s="9">
        <v>49</v>
      </c>
      <c r="L27728" s="6" t="s">
        <v>14</v>
      </c>
    </row>
    <row r="27729" spans="1:12">
      <c r="A27729" s="6" t="s">
        <v>28531</v>
      </c>
      <c r="B27729" s="6"/>
      <c r="C27729" s="6" t="s">
        <v>28546</v>
      </c>
      <c r="D27729" s="6"/>
      <c r="E27729" s="6" t="s">
        <v>9</v>
      </c>
      <c r="F27729" s="7">
        <v>38657</v>
      </c>
      <c r="G27729" s="8">
        <v>434520</v>
      </c>
      <c r="H27729" s="8">
        <v>434520</v>
      </c>
      <c r="I27729" s="8">
        <v>0</v>
      </c>
      <c r="J27729" s="8">
        <v>434520</v>
      </c>
      <c r="K27729" s="9">
        <v>85</v>
      </c>
      <c r="L27729" s="6" t="s">
        <v>14</v>
      </c>
    </row>
    <row r="27730" spans="1:12">
      <c r="A27730" s="6" t="s">
        <v>28531</v>
      </c>
      <c r="B27730" s="6"/>
      <c r="C27730" s="6" t="s">
        <v>28547</v>
      </c>
      <c r="D27730" s="6"/>
      <c r="E27730" s="6" t="s">
        <v>9</v>
      </c>
      <c r="F27730" s="7">
        <v>38657</v>
      </c>
      <c r="G27730" s="8">
        <v>470304</v>
      </c>
      <c r="H27730" s="8">
        <v>470304</v>
      </c>
      <c r="I27730" s="8">
        <v>0</v>
      </c>
      <c r="J27730" s="8">
        <v>470304</v>
      </c>
      <c r="K27730" s="9">
        <v>92</v>
      </c>
      <c r="L27730" s="6" t="s">
        <v>14</v>
      </c>
    </row>
    <row r="27731" spans="1:12">
      <c r="A27731" s="6" t="s">
        <v>28531</v>
      </c>
      <c r="B27731" s="6"/>
      <c r="C27731" s="6" t="s">
        <v>28548</v>
      </c>
      <c r="D27731" s="6"/>
      <c r="E27731" s="6" t="s">
        <v>9</v>
      </c>
      <c r="F27731" s="7">
        <v>38657</v>
      </c>
      <c r="G27731" s="8">
        <v>117576</v>
      </c>
      <c r="H27731" s="8">
        <v>117576</v>
      </c>
      <c r="I27731" s="8">
        <v>0</v>
      </c>
      <c r="J27731" s="8">
        <v>117576</v>
      </c>
      <c r="K27731" s="9">
        <v>23</v>
      </c>
      <c r="L27731" s="6" t="s">
        <v>14</v>
      </c>
    </row>
    <row r="27732" spans="1:12">
      <c r="A27732" s="6" t="s">
        <v>28531</v>
      </c>
      <c r="B27732" s="6"/>
      <c r="C27732" s="6" t="s">
        <v>28549</v>
      </c>
      <c r="D27732" s="6"/>
      <c r="E27732" s="6" t="s">
        <v>9</v>
      </c>
      <c r="F27732" s="7">
        <v>38657</v>
      </c>
      <c r="G27732" s="8">
        <v>235152</v>
      </c>
      <c r="H27732" s="8">
        <v>235152</v>
      </c>
      <c r="I27732" s="8">
        <v>0</v>
      </c>
      <c r="J27732" s="8">
        <v>235152</v>
      </c>
      <c r="K27732" s="9">
        <v>46</v>
      </c>
      <c r="L27732" s="6" t="s">
        <v>14</v>
      </c>
    </row>
    <row r="27733" spans="1:12">
      <c r="A27733" s="6" t="s">
        <v>28531</v>
      </c>
      <c r="B27733" s="6"/>
      <c r="C27733" s="6" t="s">
        <v>28550</v>
      </c>
      <c r="D27733" s="6"/>
      <c r="E27733" s="6" t="s">
        <v>9</v>
      </c>
      <c r="F27733" s="7">
        <v>38657</v>
      </c>
      <c r="G27733" s="8">
        <v>184032</v>
      </c>
      <c r="H27733" s="8">
        <v>184032</v>
      </c>
      <c r="I27733" s="8">
        <v>0</v>
      </c>
      <c r="J27733" s="8">
        <v>184032</v>
      </c>
      <c r="K27733" s="9">
        <v>36</v>
      </c>
      <c r="L27733" s="6" t="s">
        <v>14</v>
      </c>
    </row>
    <row r="27734" spans="1:12">
      <c r="A27734" s="6" t="s">
        <v>28531</v>
      </c>
      <c r="B27734" s="6"/>
      <c r="C27734" s="6" t="s">
        <v>28551</v>
      </c>
      <c r="D27734" s="6"/>
      <c r="E27734" s="6" t="s">
        <v>9</v>
      </c>
      <c r="F27734" s="7">
        <v>38657</v>
      </c>
      <c r="G27734" s="8">
        <v>439632</v>
      </c>
      <c r="H27734" s="8">
        <v>439632</v>
      </c>
      <c r="I27734" s="8">
        <v>0</v>
      </c>
      <c r="J27734" s="8">
        <v>439632</v>
      </c>
      <c r="K27734" s="9">
        <v>86</v>
      </c>
      <c r="L27734" s="6" t="s">
        <v>14</v>
      </c>
    </row>
    <row r="27735" spans="1:12">
      <c r="A27735" s="6" t="s">
        <v>28531</v>
      </c>
      <c r="B27735" s="6"/>
      <c r="C27735" s="6" t="s">
        <v>28552</v>
      </c>
      <c r="D27735" s="6"/>
      <c r="E27735" s="6" t="s">
        <v>9</v>
      </c>
      <c r="F27735" s="7">
        <v>38657</v>
      </c>
      <c r="G27735" s="8">
        <v>531648</v>
      </c>
      <c r="H27735" s="8">
        <v>531648</v>
      </c>
      <c r="I27735" s="8">
        <v>0</v>
      </c>
      <c r="J27735" s="8">
        <v>531648</v>
      </c>
      <c r="K27735" s="9">
        <v>104</v>
      </c>
      <c r="L27735" s="6" t="s">
        <v>14</v>
      </c>
    </row>
    <row r="27736" spans="1:12">
      <c r="A27736" s="6" t="s">
        <v>28531</v>
      </c>
      <c r="B27736" s="6"/>
      <c r="C27736" s="6" t="s">
        <v>28553</v>
      </c>
      <c r="D27736" s="6"/>
      <c r="E27736" s="6" t="s">
        <v>9</v>
      </c>
      <c r="F27736" s="7">
        <v>38657</v>
      </c>
      <c r="G27736" s="8">
        <v>184032</v>
      </c>
      <c r="H27736" s="8">
        <v>184032</v>
      </c>
      <c r="I27736" s="8">
        <v>0</v>
      </c>
      <c r="J27736" s="8">
        <v>184032</v>
      </c>
      <c r="K27736" s="9">
        <v>36</v>
      </c>
      <c r="L27736" s="6" t="s">
        <v>14</v>
      </c>
    </row>
    <row r="27737" spans="1:12">
      <c r="A27737" s="6" t="s">
        <v>28531</v>
      </c>
      <c r="B27737" s="6"/>
      <c r="C27737" s="6" t="s">
        <v>28554</v>
      </c>
      <c r="D27737" s="6"/>
      <c r="E27737" s="6" t="s">
        <v>9</v>
      </c>
      <c r="F27737" s="7">
        <v>38657</v>
      </c>
      <c r="G27737" s="8">
        <v>9150480</v>
      </c>
      <c r="H27737" s="8">
        <v>9150480</v>
      </c>
      <c r="I27737" s="8">
        <v>0</v>
      </c>
      <c r="J27737" s="8">
        <v>9150480</v>
      </c>
      <c r="K27737" s="9">
        <v>1790</v>
      </c>
      <c r="L27737" s="6" t="s">
        <v>14</v>
      </c>
    </row>
    <row r="27738" spans="1:12">
      <c r="A27738" s="6" t="s">
        <v>28531</v>
      </c>
      <c r="B27738" s="6"/>
      <c r="C27738" s="6" t="s">
        <v>28555</v>
      </c>
      <c r="D27738" s="6"/>
      <c r="E27738" s="6" t="s">
        <v>9</v>
      </c>
      <c r="F27738" s="7">
        <v>38657</v>
      </c>
      <c r="G27738" s="8">
        <v>316944</v>
      </c>
      <c r="H27738" s="8">
        <v>316944</v>
      </c>
      <c r="I27738" s="8">
        <v>0</v>
      </c>
      <c r="J27738" s="8">
        <v>316944</v>
      </c>
      <c r="K27738" s="9">
        <v>62</v>
      </c>
      <c r="L27738" s="6" t="s">
        <v>14</v>
      </c>
    </row>
    <row r="27739" spans="1:12">
      <c r="A27739" s="6" t="s">
        <v>28531</v>
      </c>
      <c r="B27739" s="6"/>
      <c r="C27739" s="6" t="s">
        <v>28556</v>
      </c>
      <c r="D27739" s="6"/>
      <c r="E27739" s="6" t="s">
        <v>9</v>
      </c>
      <c r="F27739" s="7">
        <v>38657</v>
      </c>
      <c r="G27739" s="8">
        <v>214704</v>
      </c>
      <c r="H27739" s="8">
        <v>214704</v>
      </c>
      <c r="I27739" s="8">
        <v>0</v>
      </c>
      <c r="J27739" s="8">
        <v>214704</v>
      </c>
      <c r="K27739" s="9">
        <v>42</v>
      </c>
      <c r="L27739" s="6" t="s">
        <v>14</v>
      </c>
    </row>
    <row r="27740" spans="1:12">
      <c r="A27740" s="6" t="s">
        <v>28531</v>
      </c>
      <c r="B27740" s="6"/>
      <c r="C27740" s="6" t="s">
        <v>28557</v>
      </c>
      <c r="D27740" s="6"/>
      <c r="E27740" s="6" t="s">
        <v>9</v>
      </c>
      <c r="F27740" s="7">
        <v>38657</v>
      </c>
      <c r="G27740" s="8">
        <v>235152</v>
      </c>
      <c r="H27740" s="8">
        <v>235152</v>
      </c>
      <c r="I27740" s="8">
        <v>0</v>
      </c>
      <c r="J27740" s="8">
        <v>235152</v>
      </c>
      <c r="K27740" s="9">
        <v>46</v>
      </c>
      <c r="L27740" s="6" t="s">
        <v>14</v>
      </c>
    </row>
    <row r="27741" spans="1:12">
      <c r="A27741" s="6" t="s">
        <v>28531</v>
      </c>
      <c r="B27741" s="6"/>
      <c r="C27741" s="6" t="s">
        <v>28558</v>
      </c>
      <c r="D27741" s="6"/>
      <c r="E27741" s="6" t="s">
        <v>9</v>
      </c>
      <c r="F27741" s="7">
        <v>38657</v>
      </c>
      <c r="G27741" s="8">
        <v>337392</v>
      </c>
      <c r="H27741" s="8">
        <v>337392</v>
      </c>
      <c r="I27741" s="8">
        <v>0</v>
      </c>
      <c r="J27741" s="8">
        <v>337392</v>
      </c>
      <c r="K27741" s="9">
        <v>66</v>
      </c>
      <c r="L27741" s="6" t="s">
        <v>14</v>
      </c>
    </row>
    <row r="27742" spans="1:12">
      <c r="A27742" s="6" t="s">
        <v>28531</v>
      </c>
      <c r="B27742" s="6"/>
      <c r="C27742" s="6" t="s">
        <v>28559</v>
      </c>
      <c r="D27742" s="6"/>
      <c r="E27742" s="6" t="s">
        <v>9</v>
      </c>
      <c r="F27742" s="7">
        <v>38657</v>
      </c>
      <c r="G27742" s="8">
        <v>1334232</v>
      </c>
      <c r="H27742" s="8">
        <v>1334232</v>
      </c>
      <c r="I27742" s="8">
        <v>0</v>
      </c>
      <c r="J27742" s="8">
        <v>1334232</v>
      </c>
      <c r="K27742" s="9">
        <v>261</v>
      </c>
      <c r="L27742" s="6" t="s">
        <v>14</v>
      </c>
    </row>
    <row r="27743" spans="1:12">
      <c r="A27743" s="6" t="s">
        <v>28531</v>
      </c>
      <c r="B27743" s="6"/>
      <c r="C27743" s="6" t="s">
        <v>28560</v>
      </c>
      <c r="D27743" s="6"/>
      <c r="E27743" s="6" t="s">
        <v>9</v>
      </c>
      <c r="F27743" s="7">
        <v>38657</v>
      </c>
      <c r="G27743" s="8">
        <v>1313784</v>
      </c>
      <c r="H27743" s="8">
        <v>1313784</v>
      </c>
      <c r="I27743" s="8">
        <v>0</v>
      </c>
      <c r="J27743" s="8">
        <v>1313784</v>
      </c>
      <c r="K27743" s="9">
        <v>257</v>
      </c>
      <c r="L27743" s="6" t="s">
        <v>14</v>
      </c>
    </row>
    <row r="27744" spans="1:12">
      <c r="A27744" s="6" t="s">
        <v>28531</v>
      </c>
      <c r="B27744" s="6"/>
      <c r="C27744" s="6" t="s">
        <v>28561</v>
      </c>
      <c r="D27744" s="6"/>
      <c r="E27744" s="6" t="s">
        <v>9</v>
      </c>
      <c r="F27744" s="7">
        <v>38657</v>
      </c>
      <c r="G27744" s="8">
        <v>608328</v>
      </c>
      <c r="H27744" s="8">
        <v>608328</v>
      </c>
      <c r="I27744" s="8">
        <v>0</v>
      </c>
      <c r="J27744" s="8">
        <v>608328</v>
      </c>
      <c r="K27744" s="9">
        <v>119</v>
      </c>
      <c r="L27744" s="6" t="s">
        <v>14</v>
      </c>
    </row>
    <row r="27745" spans="1:12">
      <c r="A27745" s="6" t="s">
        <v>28531</v>
      </c>
      <c r="B27745" s="6"/>
      <c r="C27745" s="6" t="s">
        <v>28562</v>
      </c>
      <c r="D27745" s="6"/>
      <c r="E27745" s="6" t="s">
        <v>9</v>
      </c>
      <c r="F27745" s="7">
        <v>38657</v>
      </c>
      <c r="G27745" s="8">
        <v>454968</v>
      </c>
      <c r="H27745" s="8">
        <v>454968</v>
      </c>
      <c r="I27745" s="8">
        <v>0</v>
      </c>
      <c r="J27745" s="8">
        <v>454968</v>
      </c>
      <c r="K27745" s="9">
        <v>89</v>
      </c>
      <c r="L27745" s="6" t="s">
        <v>14</v>
      </c>
    </row>
    <row r="27746" spans="1:12">
      <c r="A27746" s="6" t="s">
        <v>28531</v>
      </c>
      <c r="B27746" s="6"/>
      <c r="C27746" s="6" t="s">
        <v>28563</v>
      </c>
      <c r="D27746" s="6"/>
      <c r="E27746" s="6" t="s">
        <v>9</v>
      </c>
      <c r="F27746" s="7">
        <v>38657</v>
      </c>
      <c r="G27746" s="8">
        <v>419184</v>
      </c>
      <c r="H27746" s="8">
        <v>419184</v>
      </c>
      <c r="I27746" s="8">
        <v>0</v>
      </c>
      <c r="J27746" s="8">
        <v>419184</v>
      </c>
      <c r="K27746" s="9">
        <v>82</v>
      </c>
      <c r="L27746" s="6" t="s">
        <v>14</v>
      </c>
    </row>
    <row r="27747" spans="1:12">
      <c r="A27747" s="6" t="s">
        <v>28531</v>
      </c>
      <c r="B27747" s="6"/>
      <c r="C27747" s="6" t="s">
        <v>28564</v>
      </c>
      <c r="D27747" s="6"/>
      <c r="E27747" s="6" t="s">
        <v>9</v>
      </c>
      <c r="F27747" s="7">
        <v>38657</v>
      </c>
      <c r="G27747" s="8">
        <v>705456</v>
      </c>
      <c r="H27747" s="8">
        <v>705456</v>
      </c>
      <c r="I27747" s="8">
        <v>0</v>
      </c>
      <c r="J27747" s="8">
        <v>705456</v>
      </c>
      <c r="K27747" s="9">
        <v>138</v>
      </c>
      <c r="L27747" s="6" t="s">
        <v>14</v>
      </c>
    </row>
    <row r="27748" spans="1:12">
      <c r="A27748" s="6" t="s">
        <v>28531</v>
      </c>
      <c r="B27748" s="6"/>
      <c r="C27748" s="6" t="s">
        <v>28565</v>
      </c>
      <c r="D27748" s="6"/>
      <c r="E27748" s="6" t="s">
        <v>9</v>
      </c>
      <c r="F27748" s="7">
        <v>38657</v>
      </c>
      <c r="G27748" s="8">
        <v>2239056</v>
      </c>
      <c r="H27748" s="8">
        <v>2239056</v>
      </c>
      <c r="I27748" s="8">
        <v>0</v>
      </c>
      <c r="J27748" s="8">
        <v>2239056</v>
      </c>
      <c r="K27748" s="9">
        <v>438</v>
      </c>
      <c r="L27748" s="6" t="s">
        <v>14</v>
      </c>
    </row>
    <row r="27749" spans="1:12">
      <c r="A27749" s="6" t="s">
        <v>28531</v>
      </c>
      <c r="B27749" s="6"/>
      <c r="C27749" s="6" t="s">
        <v>28566</v>
      </c>
      <c r="D27749" s="6"/>
      <c r="E27749" s="6" t="s">
        <v>9</v>
      </c>
      <c r="F27749" s="7">
        <v>38657</v>
      </c>
      <c r="G27749" s="8">
        <v>470304</v>
      </c>
      <c r="H27749" s="8">
        <v>470304</v>
      </c>
      <c r="I27749" s="8">
        <v>0</v>
      </c>
      <c r="J27749" s="8">
        <v>470304</v>
      </c>
      <c r="K27749" s="9">
        <v>92</v>
      </c>
      <c r="L27749" s="6" t="s">
        <v>14</v>
      </c>
    </row>
    <row r="27750" spans="1:12">
      <c r="A27750" s="6" t="s">
        <v>28531</v>
      </c>
      <c r="B27750" s="6"/>
      <c r="C27750" s="6" t="s">
        <v>28567</v>
      </c>
      <c r="D27750" s="6"/>
      <c r="E27750" s="6" t="s">
        <v>9</v>
      </c>
      <c r="F27750" s="7">
        <v>38657</v>
      </c>
      <c r="G27750" s="8">
        <v>485640</v>
      </c>
      <c r="H27750" s="8">
        <v>485640</v>
      </c>
      <c r="I27750" s="8">
        <v>0</v>
      </c>
      <c r="J27750" s="8">
        <v>485640</v>
      </c>
      <c r="K27750" s="9">
        <v>95</v>
      </c>
      <c r="L27750" s="6" t="s">
        <v>14</v>
      </c>
    </row>
    <row r="27751" spans="1:12">
      <c r="A27751" s="6" t="s">
        <v>28531</v>
      </c>
      <c r="B27751" s="6"/>
      <c r="C27751" s="6" t="s">
        <v>28568</v>
      </c>
      <c r="D27751" s="6"/>
      <c r="E27751" s="6" t="s">
        <v>9</v>
      </c>
      <c r="F27751" s="7">
        <v>38657</v>
      </c>
      <c r="G27751" s="8">
        <v>301608</v>
      </c>
      <c r="H27751" s="8">
        <v>301608</v>
      </c>
      <c r="I27751" s="8">
        <v>0</v>
      </c>
      <c r="J27751" s="8">
        <v>301608</v>
      </c>
      <c r="K27751" s="9">
        <v>59</v>
      </c>
      <c r="L27751" s="6" t="s">
        <v>14</v>
      </c>
    </row>
    <row r="27752" spans="1:12">
      <c r="A27752" s="6" t="s">
        <v>28531</v>
      </c>
      <c r="B27752" s="6"/>
      <c r="C27752" s="6" t="s">
        <v>28569</v>
      </c>
      <c r="D27752" s="6"/>
      <c r="E27752" s="6" t="s">
        <v>9</v>
      </c>
      <c r="F27752" s="7">
        <v>38657</v>
      </c>
      <c r="G27752" s="8">
        <v>1262664</v>
      </c>
      <c r="H27752" s="8">
        <v>1262664</v>
      </c>
      <c r="I27752" s="8">
        <v>0</v>
      </c>
      <c r="J27752" s="8">
        <v>1262664</v>
      </c>
      <c r="K27752" s="9">
        <v>247</v>
      </c>
      <c r="L27752" s="6" t="s">
        <v>14</v>
      </c>
    </row>
    <row r="27753" spans="1:12">
      <c r="A27753" s="6" t="s">
        <v>28531</v>
      </c>
      <c r="B27753" s="6"/>
      <c r="C27753" s="6" t="s">
        <v>28570</v>
      </c>
      <c r="D27753" s="6"/>
      <c r="E27753" s="6" t="s">
        <v>9</v>
      </c>
      <c r="F27753" s="7">
        <v>38657</v>
      </c>
      <c r="G27753" s="8">
        <v>368064</v>
      </c>
      <c r="H27753" s="8">
        <v>368064</v>
      </c>
      <c r="I27753" s="8">
        <v>0</v>
      </c>
      <c r="J27753" s="8">
        <v>368064</v>
      </c>
      <c r="K27753" s="9">
        <v>72</v>
      </c>
      <c r="L27753" s="6" t="s">
        <v>14</v>
      </c>
    </row>
    <row r="27754" spans="1:12">
      <c r="A27754" s="6" t="s">
        <v>28531</v>
      </c>
      <c r="B27754" s="6"/>
      <c r="C27754" s="6" t="s">
        <v>28571</v>
      </c>
      <c r="D27754" s="6"/>
      <c r="E27754" s="6" t="s">
        <v>9</v>
      </c>
      <c r="F27754" s="7">
        <v>38657</v>
      </c>
      <c r="G27754" s="8">
        <v>434520</v>
      </c>
      <c r="H27754" s="8">
        <v>434520</v>
      </c>
      <c r="I27754" s="8">
        <v>0</v>
      </c>
      <c r="J27754" s="8">
        <v>434520</v>
      </c>
      <c r="K27754" s="9">
        <v>85</v>
      </c>
      <c r="L27754" s="6" t="s">
        <v>14</v>
      </c>
    </row>
    <row r="27755" spans="1:12">
      <c r="A27755" s="6" t="s">
        <v>28531</v>
      </c>
      <c r="B27755" s="6"/>
      <c r="C27755" s="6" t="s">
        <v>28572</v>
      </c>
      <c r="D27755" s="6"/>
      <c r="E27755" s="6" t="s">
        <v>9</v>
      </c>
      <c r="F27755" s="7">
        <v>38657</v>
      </c>
      <c r="G27755" s="8">
        <v>434520</v>
      </c>
      <c r="H27755" s="8">
        <v>434520</v>
      </c>
      <c r="I27755" s="8">
        <v>0</v>
      </c>
      <c r="J27755" s="8">
        <v>434520</v>
      </c>
      <c r="K27755" s="9">
        <v>85</v>
      </c>
      <c r="L27755" s="6" t="s">
        <v>14</v>
      </c>
    </row>
    <row r="27756" spans="1:12">
      <c r="A27756" s="6" t="s">
        <v>28531</v>
      </c>
      <c r="B27756" s="6"/>
      <c r="C27756" s="6" t="s">
        <v>28573</v>
      </c>
      <c r="D27756" s="6"/>
      <c r="E27756" s="6" t="s">
        <v>9</v>
      </c>
      <c r="F27756" s="7">
        <v>38657</v>
      </c>
      <c r="G27756" s="8">
        <v>373176</v>
      </c>
      <c r="H27756" s="8">
        <v>373176</v>
      </c>
      <c r="I27756" s="8">
        <v>0</v>
      </c>
      <c r="J27756" s="8">
        <v>373176</v>
      </c>
      <c r="K27756" s="9">
        <v>73</v>
      </c>
      <c r="L27756" s="6" t="s">
        <v>14</v>
      </c>
    </row>
    <row r="27757" spans="1:12">
      <c r="A27757" s="6" t="s">
        <v>28531</v>
      </c>
      <c r="B27757" s="6"/>
      <c r="C27757" s="6" t="s">
        <v>28574</v>
      </c>
      <c r="D27757" s="6"/>
      <c r="E27757" s="6" t="s">
        <v>9</v>
      </c>
      <c r="F27757" s="7">
        <v>38657</v>
      </c>
      <c r="G27757" s="8">
        <v>572544</v>
      </c>
      <c r="H27757" s="8">
        <v>572544</v>
      </c>
      <c r="I27757" s="8">
        <v>0</v>
      </c>
      <c r="J27757" s="8">
        <v>572544</v>
      </c>
      <c r="K27757" s="9">
        <v>112</v>
      </c>
      <c r="L27757" s="6" t="s">
        <v>14</v>
      </c>
    </row>
    <row r="27758" spans="1:12">
      <c r="A27758" s="6" t="s">
        <v>28531</v>
      </c>
      <c r="B27758" s="6"/>
      <c r="C27758" s="6" t="s">
        <v>28575</v>
      </c>
      <c r="D27758" s="6"/>
      <c r="E27758" s="6" t="s">
        <v>9</v>
      </c>
      <c r="F27758" s="7">
        <v>38657</v>
      </c>
      <c r="G27758" s="8">
        <v>470304</v>
      </c>
      <c r="H27758" s="8">
        <v>470304</v>
      </c>
      <c r="I27758" s="8">
        <v>0</v>
      </c>
      <c r="J27758" s="8">
        <v>470304</v>
      </c>
      <c r="K27758" s="9">
        <v>92</v>
      </c>
      <c r="L27758" s="6" t="s">
        <v>14</v>
      </c>
    </row>
    <row r="27759" spans="1:12">
      <c r="A27759" s="6" t="s">
        <v>28531</v>
      </c>
      <c r="B27759" s="6"/>
      <c r="C27759" s="6" t="s">
        <v>28576</v>
      </c>
      <c r="D27759" s="6"/>
      <c r="E27759" s="6" t="s">
        <v>9</v>
      </c>
      <c r="F27759" s="7">
        <v>38657</v>
      </c>
      <c r="G27759" s="8">
        <v>2065248</v>
      </c>
      <c r="H27759" s="8">
        <v>2065248</v>
      </c>
      <c r="I27759" s="8">
        <v>0</v>
      </c>
      <c r="J27759" s="8">
        <v>2065248</v>
      </c>
      <c r="K27759" s="9">
        <v>404</v>
      </c>
      <c r="L27759" s="6" t="s">
        <v>14</v>
      </c>
    </row>
    <row r="27760" spans="1:12">
      <c r="A27760" s="6" t="s">
        <v>28531</v>
      </c>
      <c r="B27760" s="6"/>
      <c r="C27760" s="6" t="s">
        <v>28577</v>
      </c>
      <c r="D27760" s="6"/>
      <c r="E27760" s="6" t="s">
        <v>9</v>
      </c>
      <c r="F27760" s="7">
        <v>38657</v>
      </c>
      <c r="G27760" s="8">
        <v>470304</v>
      </c>
      <c r="H27760" s="8">
        <v>470304</v>
      </c>
      <c r="I27760" s="8">
        <v>0</v>
      </c>
      <c r="J27760" s="8">
        <v>470304</v>
      </c>
      <c r="K27760" s="9">
        <v>92</v>
      </c>
      <c r="L27760" s="6" t="s">
        <v>14</v>
      </c>
    </row>
    <row r="27761" spans="1:12">
      <c r="A27761" s="6" t="s">
        <v>28531</v>
      </c>
      <c r="B27761" s="6"/>
      <c r="C27761" s="6" t="s">
        <v>28578</v>
      </c>
      <c r="D27761" s="6"/>
      <c r="E27761" s="6" t="s">
        <v>9</v>
      </c>
      <c r="F27761" s="7">
        <v>38657</v>
      </c>
      <c r="G27761" s="8">
        <v>388512</v>
      </c>
      <c r="H27761" s="8">
        <v>388512</v>
      </c>
      <c r="I27761" s="8">
        <v>0</v>
      </c>
      <c r="J27761" s="8">
        <v>388512</v>
      </c>
      <c r="K27761" s="9">
        <v>76</v>
      </c>
      <c r="L27761" s="6" t="s">
        <v>14</v>
      </c>
    </row>
    <row r="27762" spans="1:12">
      <c r="A27762" s="6" t="s">
        <v>28531</v>
      </c>
      <c r="B27762" s="6"/>
      <c r="C27762" s="6" t="s">
        <v>28579</v>
      </c>
      <c r="D27762" s="6"/>
      <c r="E27762" s="6" t="s">
        <v>9</v>
      </c>
      <c r="F27762" s="7">
        <v>38657</v>
      </c>
      <c r="G27762" s="8">
        <v>623664</v>
      </c>
      <c r="H27762" s="8">
        <v>623664</v>
      </c>
      <c r="I27762" s="8">
        <v>0</v>
      </c>
      <c r="J27762" s="8">
        <v>623664</v>
      </c>
      <c r="K27762" s="9">
        <v>122</v>
      </c>
      <c r="L27762" s="6" t="s">
        <v>14</v>
      </c>
    </row>
    <row r="27763" spans="1:12">
      <c r="A27763" s="6" t="s">
        <v>28531</v>
      </c>
      <c r="B27763" s="6"/>
      <c r="C27763" s="6" t="s">
        <v>28580</v>
      </c>
      <c r="D27763" s="6"/>
      <c r="E27763" s="6" t="s">
        <v>9</v>
      </c>
      <c r="F27763" s="7">
        <v>38657</v>
      </c>
      <c r="G27763" s="8">
        <v>909936</v>
      </c>
      <c r="H27763" s="8">
        <v>909936</v>
      </c>
      <c r="I27763" s="8">
        <v>0</v>
      </c>
      <c r="J27763" s="8">
        <v>909936</v>
      </c>
      <c r="K27763" s="9">
        <v>178</v>
      </c>
      <c r="L27763" s="6" t="s">
        <v>14</v>
      </c>
    </row>
    <row r="27764" spans="1:12">
      <c r="A27764" s="6" t="s">
        <v>28531</v>
      </c>
      <c r="B27764" s="6"/>
      <c r="C27764" s="6" t="s">
        <v>28581</v>
      </c>
      <c r="D27764" s="6"/>
      <c r="E27764" s="6" t="s">
        <v>9</v>
      </c>
      <c r="F27764" s="7">
        <v>38657</v>
      </c>
      <c r="G27764" s="8">
        <v>316944</v>
      </c>
      <c r="H27764" s="8">
        <v>316944</v>
      </c>
      <c r="I27764" s="8">
        <v>0</v>
      </c>
      <c r="J27764" s="8">
        <v>316944</v>
      </c>
      <c r="K27764" s="9">
        <v>62</v>
      </c>
      <c r="L27764" s="6" t="s">
        <v>14</v>
      </c>
    </row>
    <row r="27765" spans="1:12">
      <c r="A27765" s="6" t="s">
        <v>28531</v>
      </c>
      <c r="B27765" s="6"/>
      <c r="C27765" s="6" t="s">
        <v>28582</v>
      </c>
      <c r="D27765" s="6"/>
      <c r="E27765" s="6" t="s">
        <v>9</v>
      </c>
      <c r="F27765" s="7">
        <v>38657</v>
      </c>
      <c r="G27765" s="8">
        <v>316944</v>
      </c>
      <c r="H27765" s="8">
        <v>316944</v>
      </c>
      <c r="I27765" s="8">
        <v>0</v>
      </c>
      <c r="J27765" s="8">
        <v>316944</v>
      </c>
      <c r="K27765" s="9">
        <v>62</v>
      </c>
      <c r="L27765" s="6" t="s">
        <v>14</v>
      </c>
    </row>
    <row r="27766" spans="1:12">
      <c r="A27766" s="6" t="s">
        <v>28531</v>
      </c>
      <c r="B27766" s="6"/>
      <c r="C27766" s="6" t="s">
        <v>28583</v>
      </c>
      <c r="D27766" s="6"/>
      <c r="E27766" s="6" t="s">
        <v>9</v>
      </c>
      <c r="F27766" s="7">
        <v>38657</v>
      </c>
      <c r="G27766" s="8">
        <v>823032</v>
      </c>
      <c r="H27766" s="8">
        <v>823032</v>
      </c>
      <c r="I27766" s="8">
        <v>0</v>
      </c>
      <c r="J27766" s="8">
        <v>823032</v>
      </c>
      <c r="K27766" s="9">
        <v>161</v>
      </c>
      <c r="L27766" s="6" t="s">
        <v>14</v>
      </c>
    </row>
    <row r="27767" spans="1:12">
      <c r="A27767" s="6" t="s">
        <v>28531</v>
      </c>
      <c r="B27767" s="6"/>
      <c r="C27767" s="6" t="s">
        <v>28584</v>
      </c>
      <c r="D27767" s="6"/>
      <c r="E27767" s="6" t="s">
        <v>9</v>
      </c>
      <c r="F27767" s="7">
        <v>38657</v>
      </c>
      <c r="G27767" s="8">
        <v>623664</v>
      </c>
      <c r="H27767" s="8">
        <v>623664</v>
      </c>
      <c r="I27767" s="8">
        <v>0</v>
      </c>
      <c r="J27767" s="8">
        <v>623664</v>
      </c>
      <c r="K27767" s="9">
        <v>122</v>
      </c>
      <c r="L27767" s="6" t="s">
        <v>14</v>
      </c>
    </row>
    <row r="27768" spans="1:12">
      <c r="A27768" s="6" t="s">
        <v>28531</v>
      </c>
      <c r="B27768" s="6"/>
      <c r="C27768" s="6" t="s">
        <v>28585</v>
      </c>
      <c r="D27768" s="6"/>
      <c r="E27768" s="6" t="s">
        <v>9</v>
      </c>
      <c r="F27768" s="7">
        <v>38657</v>
      </c>
      <c r="G27768" s="8">
        <v>777024</v>
      </c>
      <c r="H27768" s="8">
        <v>777024</v>
      </c>
      <c r="I27768" s="8">
        <v>0</v>
      </c>
      <c r="J27768" s="8">
        <v>777024</v>
      </c>
      <c r="K27768" s="9">
        <v>152</v>
      </c>
      <c r="L27768" s="6" t="s">
        <v>14</v>
      </c>
    </row>
    <row r="27769" spans="1:12">
      <c r="A27769" s="6" t="s">
        <v>28531</v>
      </c>
      <c r="B27769" s="6"/>
      <c r="C27769" s="6" t="s">
        <v>28586</v>
      </c>
      <c r="D27769" s="6"/>
      <c r="E27769" s="6" t="s">
        <v>9</v>
      </c>
      <c r="F27769" s="7">
        <v>38657</v>
      </c>
      <c r="G27769" s="8">
        <v>925272</v>
      </c>
      <c r="H27769" s="8">
        <v>925272</v>
      </c>
      <c r="I27769" s="8">
        <v>0</v>
      </c>
      <c r="J27769" s="8">
        <v>925272</v>
      </c>
      <c r="K27769" s="9">
        <v>181</v>
      </c>
      <c r="L27769" s="6" t="s">
        <v>14</v>
      </c>
    </row>
    <row r="27770" spans="1:12">
      <c r="A27770" s="6" t="s">
        <v>28531</v>
      </c>
      <c r="B27770" s="6"/>
      <c r="C27770" s="6" t="s">
        <v>28587</v>
      </c>
      <c r="D27770" s="6"/>
      <c r="E27770" s="6" t="s">
        <v>9</v>
      </c>
      <c r="F27770" s="7">
        <v>38657</v>
      </c>
      <c r="G27770" s="8">
        <v>286272</v>
      </c>
      <c r="H27770" s="8">
        <v>286272</v>
      </c>
      <c r="I27770" s="8">
        <v>0</v>
      </c>
      <c r="J27770" s="8">
        <v>286272</v>
      </c>
      <c r="K27770" s="9">
        <v>56</v>
      </c>
      <c r="L27770" s="6" t="s">
        <v>14</v>
      </c>
    </row>
    <row r="27771" spans="1:12">
      <c r="A27771" s="6" t="s">
        <v>28531</v>
      </c>
      <c r="B27771" s="6"/>
      <c r="C27771" s="6" t="s">
        <v>28588</v>
      </c>
      <c r="D27771" s="6"/>
      <c r="E27771" s="6" t="s">
        <v>9</v>
      </c>
      <c r="F27771" s="7">
        <v>38657</v>
      </c>
      <c r="G27771" s="8">
        <v>148248</v>
      </c>
      <c r="H27771" s="8">
        <v>148248</v>
      </c>
      <c r="I27771" s="8">
        <v>0</v>
      </c>
      <c r="J27771" s="8">
        <v>148248</v>
      </c>
      <c r="K27771" s="9">
        <v>29</v>
      </c>
      <c r="L27771" s="6" t="s">
        <v>14</v>
      </c>
    </row>
    <row r="27772" spans="1:12">
      <c r="A27772" s="6" t="s">
        <v>28531</v>
      </c>
      <c r="B27772" s="6"/>
      <c r="C27772" s="6" t="s">
        <v>28589</v>
      </c>
      <c r="D27772" s="6"/>
      <c r="E27772" s="6" t="s">
        <v>9</v>
      </c>
      <c r="F27772" s="7">
        <v>38657</v>
      </c>
      <c r="G27772" s="8">
        <v>235152</v>
      </c>
      <c r="H27772" s="8">
        <v>235152</v>
      </c>
      <c r="I27772" s="8">
        <v>0</v>
      </c>
      <c r="J27772" s="8">
        <v>235152</v>
      </c>
      <c r="K27772" s="9">
        <v>46</v>
      </c>
      <c r="L27772" s="6" t="s">
        <v>14</v>
      </c>
    </row>
    <row r="27773" spans="1:12">
      <c r="A27773" s="6" t="s">
        <v>28531</v>
      </c>
      <c r="B27773" s="6"/>
      <c r="C27773" s="6" t="s">
        <v>28590</v>
      </c>
      <c r="D27773" s="6"/>
      <c r="E27773" s="6" t="s">
        <v>9</v>
      </c>
      <c r="F27773" s="7">
        <v>38657</v>
      </c>
      <c r="G27773" s="8">
        <v>741240</v>
      </c>
      <c r="H27773" s="8">
        <v>741240</v>
      </c>
      <c r="I27773" s="8">
        <v>0</v>
      </c>
      <c r="J27773" s="8">
        <v>741240</v>
      </c>
      <c r="K27773" s="9">
        <v>145</v>
      </c>
      <c r="L27773" s="6" t="s">
        <v>14</v>
      </c>
    </row>
    <row r="27774" spans="1:12">
      <c r="A27774" s="6" t="s">
        <v>28531</v>
      </c>
      <c r="B27774" s="6"/>
      <c r="C27774" s="6" t="s">
        <v>28591</v>
      </c>
      <c r="D27774" s="6"/>
      <c r="E27774" s="6" t="s">
        <v>9</v>
      </c>
      <c r="F27774" s="7">
        <v>38657</v>
      </c>
      <c r="G27774" s="8">
        <v>976392</v>
      </c>
      <c r="H27774" s="8">
        <v>976392</v>
      </c>
      <c r="I27774" s="8">
        <v>0</v>
      </c>
      <c r="J27774" s="8">
        <v>976392</v>
      </c>
      <c r="K27774" s="9">
        <v>191</v>
      </c>
      <c r="L27774" s="6" t="s">
        <v>14</v>
      </c>
    </row>
    <row r="27775" spans="1:12">
      <c r="A27775" s="6" t="s">
        <v>28531</v>
      </c>
      <c r="B27775" s="6"/>
      <c r="C27775" s="6" t="s">
        <v>28592</v>
      </c>
      <c r="D27775" s="6"/>
      <c r="E27775" s="6" t="s">
        <v>9</v>
      </c>
      <c r="F27775" s="7">
        <v>38657</v>
      </c>
      <c r="G27775" s="8">
        <v>286272</v>
      </c>
      <c r="H27775" s="8">
        <v>286272</v>
      </c>
      <c r="I27775" s="8">
        <v>0</v>
      </c>
      <c r="J27775" s="8">
        <v>286272</v>
      </c>
      <c r="K27775" s="9">
        <v>56</v>
      </c>
      <c r="L27775" s="6" t="s">
        <v>14</v>
      </c>
    </row>
    <row r="27776" spans="1:12">
      <c r="A27776" s="6" t="s">
        <v>28531</v>
      </c>
      <c r="B27776" s="6"/>
      <c r="C27776" s="6" t="s">
        <v>28593</v>
      </c>
      <c r="D27776" s="6"/>
      <c r="E27776" s="6" t="s">
        <v>9</v>
      </c>
      <c r="F27776" s="7">
        <v>38657</v>
      </c>
      <c r="G27776" s="8">
        <v>132912</v>
      </c>
      <c r="H27776" s="8">
        <v>132912</v>
      </c>
      <c r="I27776" s="8">
        <v>0</v>
      </c>
      <c r="J27776" s="8">
        <v>132912</v>
      </c>
      <c r="K27776" s="9">
        <v>26</v>
      </c>
      <c r="L27776" s="6" t="s">
        <v>14</v>
      </c>
    </row>
    <row r="27777" spans="1:12">
      <c r="A27777" s="6" t="s">
        <v>28531</v>
      </c>
      <c r="B27777" s="6"/>
      <c r="C27777" s="6" t="s">
        <v>28594</v>
      </c>
      <c r="D27777" s="6"/>
      <c r="E27777" s="6" t="s">
        <v>9</v>
      </c>
      <c r="F27777" s="7">
        <v>38657</v>
      </c>
      <c r="G27777" s="8">
        <v>265824</v>
      </c>
      <c r="H27777" s="8">
        <v>265824</v>
      </c>
      <c r="I27777" s="8">
        <v>0</v>
      </c>
      <c r="J27777" s="8">
        <v>265824</v>
      </c>
      <c r="K27777" s="9">
        <v>52</v>
      </c>
      <c r="L27777" s="6" t="s">
        <v>14</v>
      </c>
    </row>
    <row r="27778" spans="1:12">
      <c r="A27778" s="6" t="s">
        <v>28531</v>
      </c>
      <c r="B27778" s="6"/>
      <c r="C27778" s="6" t="s">
        <v>28595</v>
      </c>
      <c r="D27778" s="6"/>
      <c r="E27778" s="6" t="s">
        <v>9</v>
      </c>
      <c r="F27778" s="7">
        <v>38657</v>
      </c>
      <c r="G27778" s="8">
        <v>250488</v>
      </c>
      <c r="H27778" s="8">
        <v>250488</v>
      </c>
      <c r="I27778" s="8">
        <v>0</v>
      </c>
      <c r="J27778" s="8">
        <v>250488</v>
      </c>
      <c r="K27778" s="9">
        <v>49</v>
      </c>
      <c r="L27778" s="6" t="s">
        <v>14</v>
      </c>
    </row>
    <row r="27779" spans="1:12">
      <c r="A27779" s="6" t="s">
        <v>28531</v>
      </c>
      <c r="B27779" s="6"/>
      <c r="C27779" s="6" t="s">
        <v>28596</v>
      </c>
      <c r="D27779" s="6"/>
      <c r="E27779" s="6" t="s">
        <v>9</v>
      </c>
      <c r="F27779" s="7">
        <v>38657</v>
      </c>
      <c r="G27779" s="8">
        <v>132912</v>
      </c>
      <c r="H27779" s="8">
        <v>132912</v>
      </c>
      <c r="I27779" s="8">
        <v>0</v>
      </c>
      <c r="J27779" s="8">
        <v>132912</v>
      </c>
      <c r="K27779" s="9">
        <v>26</v>
      </c>
      <c r="L27779" s="6" t="s">
        <v>14</v>
      </c>
    </row>
    <row r="27780" spans="1:12">
      <c r="A27780" s="6" t="s">
        <v>28531</v>
      </c>
      <c r="B27780" s="6"/>
      <c r="C27780" s="6" t="s">
        <v>28597</v>
      </c>
      <c r="D27780" s="6"/>
      <c r="E27780" s="6" t="s">
        <v>9</v>
      </c>
      <c r="F27780" s="7">
        <v>38657</v>
      </c>
      <c r="G27780" s="8">
        <v>55092024</v>
      </c>
      <c r="H27780" s="8">
        <v>55092024</v>
      </c>
      <c r="I27780" s="8">
        <v>0</v>
      </c>
      <c r="J27780" s="8">
        <v>55092024</v>
      </c>
      <c r="K27780" s="9">
        <v>10777</v>
      </c>
      <c r="L27780" s="6" t="s">
        <v>14</v>
      </c>
    </row>
    <row r="27781" spans="1:12">
      <c r="A27781" s="6" t="s">
        <v>28531</v>
      </c>
      <c r="B27781" s="6"/>
      <c r="C27781" s="6" t="s">
        <v>28598</v>
      </c>
      <c r="D27781" s="6"/>
      <c r="E27781" s="6" t="s">
        <v>9</v>
      </c>
      <c r="F27781" s="7">
        <v>38657</v>
      </c>
      <c r="G27781" s="8">
        <v>403848</v>
      </c>
      <c r="H27781" s="8">
        <v>403848</v>
      </c>
      <c r="I27781" s="8">
        <v>0</v>
      </c>
      <c r="J27781" s="8">
        <v>403848</v>
      </c>
      <c r="K27781" s="9">
        <v>79</v>
      </c>
      <c r="L27781" s="6" t="s">
        <v>14</v>
      </c>
    </row>
    <row r="27782" spans="1:12">
      <c r="A27782" s="6" t="s">
        <v>28531</v>
      </c>
      <c r="B27782" s="6"/>
      <c r="C27782" s="6" t="s">
        <v>28599</v>
      </c>
      <c r="D27782" s="6"/>
      <c r="E27782" s="6" t="s">
        <v>9</v>
      </c>
      <c r="F27782" s="7">
        <v>38657</v>
      </c>
      <c r="G27782" s="8">
        <v>138024</v>
      </c>
      <c r="H27782" s="8">
        <v>138024</v>
      </c>
      <c r="I27782" s="8">
        <v>0</v>
      </c>
      <c r="J27782" s="8">
        <v>138024</v>
      </c>
      <c r="K27782" s="9">
        <v>27</v>
      </c>
      <c r="L27782" s="6" t="s">
        <v>14</v>
      </c>
    </row>
    <row r="27783" spans="1:12">
      <c r="A27783" s="6" t="s">
        <v>28531</v>
      </c>
      <c r="B27783" s="6"/>
      <c r="C27783" s="6" t="s">
        <v>28600</v>
      </c>
      <c r="D27783" s="6"/>
      <c r="E27783" s="6" t="s">
        <v>9</v>
      </c>
      <c r="F27783" s="7">
        <v>38657</v>
      </c>
      <c r="G27783" s="8">
        <v>2259504</v>
      </c>
      <c r="H27783" s="8">
        <v>2259504</v>
      </c>
      <c r="I27783" s="8">
        <v>0</v>
      </c>
      <c r="J27783" s="8">
        <v>2259504</v>
      </c>
      <c r="K27783" s="9">
        <v>442</v>
      </c>
      <c r="L27783" s="6" t="s">
        <v>14</v>
      </c>
    </row>
    <row r="27784" spans="1:12">
      <c r="A27784" s="6" t="s">
        <v>28531</v>
      </c>
      <c r="B27784" s="6"/>
      <c r="C27784" s="6" t="s">
        <v>28601</v>
      </c>
      <c r="D27784" s="6"/>
      <c r="E27784" s="6" t="s">
        <v>9</v>
      </c>
      <c r="F27784" s="7">
        <v>38657</v>
      </c>
      <c r="G27784" s="8">
        <v>3481272</v>
      </c>
      <c r="H27784" s="8">
        <v>3481272</v>
      </c>
      <c r="I27784" s="8">
        <v>0</v>
      </c>
      <c r="J27784" s="8">
        <v>3481272</v>
      </c>
      <c r="K27784" s="9">
        <v>681</v>
      </c>
      <c r="L27784" s="6" t="s">
        <v>14</v>
      </c>
    </row>
    <row r="27785" spans="1:12">
      <c r="A27785" s="6" t="s">
        <v>28531</v>
      </c>
      <c r="B27785" s="6"/>
      <c r="C27785" s="6" t="s">
        <v>28602</v>
      </c>
      <c r="D27785" s="6"/>
      <c r="E27785" s="6" t="s">
        <v>9</v>
      </c>
      <c r="F27785" s="7">
        <v>38657</v>
      </c>
      <c r="G27785" s="8">
        <v>17646624</v>
      </c>
      <c r="H27785" s="8">
        <v>17646624</v>
      </c>
      <c r="I27785" s="8">
        <v>0</v>
      </c>
      <c r="J27785" s="8">
        <v>17646624</v>
      </c>
      <c r="K27785" s="9">
        <v>3452</v>
      </c>
      <c r="L27785" s="6" t="s">
        <v>14</v>
      </c>
    </row>
    <row r="27786" spans="1:12">
      <c r="A27786" s="6" t="s">
        <v>28531</v>
      </c>
      <c r="B27786" s="6"/>
      <c r="C27786" s="6" t="s">
        <v>28603</v>
      </c>
      <c r="D27786" s="6"/>
      <c r="E27786" s="6" t="s">
        <v>9</v>
      </c>
      <c r="F27786" s="7">
        <v>38657</v>
      </c>
      <c r="G27786" s="8">
        <v>178920</v>
      </c>
      <c r="H27786" s="8">
        <v>178920</v>
      </c>
      <c r="I27786" s="8">
        <v>0</v>
      </c>
      <c r="J27786" s="8">
        <v>178920</v>
      </c>
      <c r="K27786" s="9">
        <v>35</v>
      </c>
      <c r="L27786" s="6" t="s">
        <v>14</v>
      </c>
    </row>
    <row r="27787" spans="1:12">
      <c r="A27787" s="6" t="s">
        <v>28531</v>
      </c>
      <c r="B27787" s="6"/>
      <c r="C27787" s="6" t="s">
        <v>28604</v>
      </c>
      <c r="D27787" s="6"/>
      <c r="E27787" s="6" t="s">
        <v>9</v>
      </c>
      <c r="F27787" s="7">
        <v>38657</v>
      </c>
      <c r="G27787" s="8">
        <v>7494192</v>
      </c>
      <c r="H27787" s="8">
        <v>7494192</v>
      </c>
      <c r="I27787" s="8">
        <v>0</v>
      </c>
      <c r="J27787" s="8">
        <v>7494192</v>
      </c>
      <c r="K27787" s="9">
        <v>1466</v>
      </c>
      <c r="L27787" s="6" t="s">
        <v>14</v>
      </c>
    </row>
    <row r="27788" spans="1:12">
      <c r="A27788" s="6" t="s">
        <v>28531</v>
      </c>
      <c r="B27788" s="6"/>
      <c r="C27788" s="6" t="s">
        <v>28605</v>
      </c>
      <c r="D27788" s="6"/>
      <c r="E27788" s="6" t="s">
        <v>9</v>
      </c>
      <c r="F27788" s="7">
        <v>38657</v>
      </c>
      <c r="G27788" s="8">
        <v>639000</v>
      </c>
      <c r="H27788" s="8">
        <v>639000</v>
      </c>
      <c r="I27788" s="8">
        <v>0</v>
      </c>
      <c r="J27788" s="8">
        <v>639000</v>
      </c>
      <c r="K27788" s="9">
        <v>125</v>
      </c>
      <c r="L27788" s="6" t="s">
        <v>14</v>
      </c>
    </row>
    <row r="27789" spans="1:12">
      <c r="A27789" s="6" t="s">
        <v>28531</v>
      </c>
      <c r="B27789" s="6"/>
      <c r="C27789" s="6" t="s">
        <v>28606</v>
      </c>
      <c r="D27789" s="6"/>
      <c r="E27789" s="6" t="s">
        <v>9</v>
      </c>
      <c r="F27789" s="7">
        <v>38657</v>
      </c>
      <c r="G27789" s="8">
        <v>557208</v>
      </c>
      <c r="H27789" s="8">
        <v>557208</v>
      </c>
      <c r="I27789" s="8">
        <v>0</v>
      </c>
      <c r="J27789" s="8">
        <v>557208</v>
      </c>
      <c r="K27789" s="9">
        <v>109</v>
      </c>
      <c r="L27789" s="6" t="s">
        <v>14</v>
      </c>
    </row>
    <row r="27790" spans="1:12">
      <c r="A27790" s="6" t="s">
        <v>28607</v>
      </c>
      <c r="B27790" s="6"/>
      <c r="C27790" s="6" t="s">
        <v>28608</v>
      </c>
      <c r="D27790" s="6"/>
      <c r="E27790" s="6" t="s">
        <v>9</v>
      </c>
      <c r="F27790" s="7">
        <v>38657</v>
      </c>
      <c r="G27790" s="8">
        <v>88677864</v>
      </c>
      <c r="H27790" s="8">
        <v>88677864</v>
      </c>
      <c r="I27790" s="8">
        <v>0</v>
      </c>
      <c r="J27790" s="8">
        <v>88677864</v>
      </c>
      <c r="K27790" s="9">
        <v>17347</v>
      </c>
      <c r="L27790" s="6" t="s">
        <v>14</v>
      </c>
    </row>
    <row r="27791" spans="1:12">
      <c r="A27791" s="6" t="s">
        <v>28607</v>
      </c>
      <c r="B27791" s="6"/>
      <c r="C27791" s="6" t="s">
        <v>28609</v>
      </c>
      <c r="D27791" s="6"/>
      <c r="E27791" s="6" t="s">
        <v>9</v>
      </c>
      <c r="F27791" s="7">
        <v>38657</v>
      </c>
      <c r="G27791" s="8">
        <v>109391688</v>
      </c>
      <c r="H27791" s="8">
        <v>109391688</v>
      </c>
      <c r="I27791" s="8">
        <v>0</v>
      </c>
      <c r="J27791" s="8">
        <v>109391688</v>
      </c>
      <c r="K27791" s="9">
        <v>21399</v>
      </c>
      <c r="L27791" s="6" t="s">
        <v>14</v>
      </c>
    </row>
    <row r="27792" spans="1:12">
      <c r="A27792" s="6" t="s">
        <v>28607</v>
      </c>
      <c r="B27792" s="6"/>
      <c r="C27792" s="6" t="s">
        <v>28610</v>
      </c>
      <c r="D27792" s="6"/>
      <c r="E27792" s="6" t="s">
        <v>9</v>
      </c>
      <c r="F27792" s="7">
        <v>38657</v>
      </c>
      <c r="G27792" s="8">
        <v>5843016</v>
      </c>
      <c r="H27792" s="8">
        <v>5843016</v>
      </c>
      <c r="I27792" s="8">
        <v>0</v>
      </c>
      <c r="J27792" s="8">
        <v>5843016</v>
      </c>
      <c r="K27792" s="9">
        <v>1143</v>
      </c>
      <c r="L27792" s="6" t="s">
        <v>14</v>
      </c>
    </row>
    <row r="27793" spans="1:12">
      <c r="A27793" s="6" t="s">
        <v>28607</v>
      </c>
      <c r="B27793" s="6"/>
      <c r="C27793" s="6" t="s">
        <v>28611</v>
      </c>
      <c r="D27793" s="6"/>
      <c r="E27793" s="6" t="s">
        <v>9</v>
      </c>
      <c r="F27793" s="7">
        <v>38657</v>
      </c>
      <c r="G27793" s="8">
        <v>12969144</v>
      </c>
      <c r="H27793" s="8">
        <v>12969144</v>
      </c>
      <c r="I27793" s="8">
        <v>0</v>
      </c>
      <c r="J27793" s="8">
        <v>12969144</v>
      </c>
      <c r="K27793" s="9">
        <v>2537</v>
      </c>
      <c r="L27793" s="6" t="s">
        <v>14</v>
      </c>
    </row>
    <row r="27794" spans="1:12">
      <c r="A27794" s="6" t="s">
        <v>28607</v>
      </c>
      <c r="B27794" s="6"/>
      <c r="C27794" s="6" t="s">
        <v>28612</v>
      </c>
      <c r="D27794" s="6"/>
      <c r="E27794" s="6" t="s">
        <v>9</v>
      </c>
      <c r="F27794" s="7">
        <v>38657</v>
      </c>
      <c r="G27794" s="8">
        <v>13280976</v>
      </c>
      <c r="H27794" s="8">
        <v>13280976</v>
      </c>
      <c r="I27794" s="8">
        <v>0</v>
      </c>
      <c r="J27794" s="8">
        <v>13280976</v>
      </c>
      <c r="K27794" s="9">
        <v>2598</v>
      </c>
      <c r="L27794" s="6" t="s">
        <v>14</v>
      </c>
    </row>
    <row r="27795" spans="1:12">
      <c r="A27795" s="6" t="s">
        <v>28607</v>
      </c>
      <c r="B27795" s="6"/>
      <c r="C27795" s="6" t="s">
        <v>28613</v>
      </c>
      <c r="D27795" s="6"/>
      <c r="E27795" s="6" t="s">
        <v>9</v>
      </c>
      <c r="F27795" s="7">
        <v>38657</v>
      </c>
      <c r="G27795" s="8">
        <v>48773592</v>
      </c>
      <c r="H27795" s="8">
        <v>48773592</v>
      </c>
      <c r="I27795" s="8">
        <v>0</v>
      </c>
      <c r="J27795" s="8">
        <v>48773592</v>
      </c>
      <c r="K27795" s="9">
        <v>9541</v>
      </c>
      <c r="L27795" s="6" t="s">
        <v>14</v>
      </c>
    </row>
    <row r="27796" spans="1:12">
      <c r="A27796" s="6" t="s">
        <v>28614</v>
      </c>
      <c r="B27796" s="6"/>
      <c r="C27796" s="6" t="s">
        <v>28615</v>
      </c>
      <c r="D27796" s="6"/>
      <c r="E27796" s="6" t="s">
        <v>9</v>
      </c>
      <c r="F27796" s="7">
        <v>38657</v>
      </c>
      <c r="G27796" s="8">
        <v>29035800</v>
      </c>
      <c r="H27796" s="8">
        <v>29035800</v>
      </c>
      <c r="I27796" s="8">
        <v>0</v>
      </c>
      <c r="J27796" s="8">
        <v>29035800</v>
      </c>
      <c r="K27796" s="9">
        <v>849</v>
      </c>
      <c r="L27796" s="6" t="s">
        <v>10</v>
      </c>
    </row>
    <row r="27797" spans="1:12">
      <c r="A27797" s="6" t="s">
        <v>28614</v>
      </c>
      <c r="B27797" s="6"/>
      <c r="C27797" s="6" t="s">
        <v>28616</v>
      </c>
      <c r="D27797" s="6"/>
      <c r="E27797" s="6" t="s">
        <v>9</v>
      </c>
      <c r="F27797" s="7">
        <v>38657</v>
      </c>
      <c r="G27797" s="8">
        <v>2701800</v>
      </c>
      <c r="H27797" s="8">
        <v>2701800</v>
      </c>
      <c r="I27797" s="8">
        <v>0</v>
      </c>
      <c r="J27797" s="8">
        <v>2701800</v>
      </c>
      <c r="K27797" s="9">
        <v>79</v>
      </c>
      <c r="L27797" s="6" t="s">
        <v>10</v>
      </c>
    </row>
    <row r="27798" spans="1:12">
      <c r="A27798" s="6" t="s">
        <v>28617</v>
      </c>
      <c r="B27798" s="6"/>
      <c r="C27798" s="6" t="s">
        <v>28618</v>
      </c>
      <c r="D27798" s="6"/>
      <c r="E27798" s="6" t="s">
        <v>18740</v>
      </c>
      <c r="F27798" s="7">
        <v>38657</v>
      </c>
      <c r="G27798" s="8">
        <v>1124550</v>
      </c>
      <c r="H27798" s="8">
        <v>1124550</v>
      </c>
      <c r="I27798" s="8">
        <v>0</v>
      </c>
      <c r="J27798" s="8">
        <v>1124550</v>
      </c>
      <c r="K27798" s="9">
        <v>89.25</v>
      </c>
      <c r="L27798" s="6" t="s">
        <v>10</v>
      </c>
    </row>
    <row r="27799" spans="1:12">
      <c r="A27799" s="6" t="s">
        <v>28619</v>
      </c>
      <c r="B27799" s="6"/>
      <c r="C27799" s="6" t="s">
        <v>28620</v>
      </c>
      <c r="D27799" s="6"/>
      <c r="E27799" s="6" t="s">
        <v>9</v>
      </c>
      <c r="F27799" s="7">
        <v>38657</v>
      </c>
      <c r="G27799" s="8">
        <v>92670904</v>
      </c>
      <c r="H27799" s="8">
        <v>92670904</v>
      </c>
      <c r="I27799" s="8">
        <v>0</v>
      </c>
      <c r="J27799" s="8">
        <v>92670904</v>
      </c>
      <c r="K27799" s="9">
        <v>6096.77</v>
      </c>
      <c r="L27799" s="6" t="s">
        <v>10</v>
      </c>
    </row>
    <row r="27800" spans="1:12">
      <c r="A27800" s="6" t="s">
        <v>28619</v>
      </c>
      <c r="B27800" s="6"/>
      <c r="C27800" s="6" t="s">
        <v>28621</v>
      </c>
      <c r="D27800" s="6"/>
      <c r="E27800" s="6" t="s">
        <v>9</v>
      </c>
      <c r="F27800" s="7">
        <v>38657</v>
      </c>
      <c r="G27800" s="8">
        <v>395200</v>
      </c>
      <c r="H27800" s="8">
        <v>395200</v>
      </c>
      <c r="I27800" s="8">
        <v>0</v>
      </c>
      <c r="J27800" s="8">
        <v>395200</v>
      </c>
      <c r="K27800" s="9">
        <v>26</v>
      </c>
      <c r="L27800" s="6" t="s">
        <v>10</v>
      </c>
    </row>
    <row r="27801" spans="1:12">
      <c r="A27801" s="6" t="s">
        <v>28619</v>
      </c>
      <c r="B27801" s="6"/>
      <c r="C27801" s="6" t="s">
        <v>28622</v>
      </c>
      <c r="D27801" s="6"/>
      <c r="E27801" s="6" t="s">
        <v>9</v>
      </c>
      <c r="F27801" s="7">
        <v>38657</v>
      </c>
      <c r="G27801" s="8">
        <v>1945600</v>
      </c>
      <c r="H27801" s="8">
        <v>1945600</v>
      </c>
      <c r="I27801" s="8">
        <v>0</v>
      </c>
      <c r="J27801" s="8">
        <v>1945600</v>
      </c>
      <c r="K27801" s="9">
        <v>128</v>
      </c>
      <c r="L27801" s="6" t="s">
        <v>10</v>
      </c>
    </row>
    <row r="27802" spans="1:12">
      <c r="A27802" s="6" t="s">
        <v>28619</v>
      </c>
      <c r="B27802" s="6"/>
      <c r="C27802" s="6" t="s">
        <v>28623</v>
      </c>
      <c r="D27802" s="6"/>
      <c r="E27802" s="6" t="s">
        <v>9</v>
      </c>
      <c r="F27802" s="7">
        <v>38657</v>
      </c>
      <c r="G27802" s="8">
        <v>1003200</v>
      </c>
      <c r="H27802" s="8">
        <v>1003200</v>
      </c>
      <c r="I27802" s="8">
        <v>0</v>
      </c>
      <c r="J27802" s="8">
        <v>1003200</v>
      </c>
      <c r="K27802" s="9">
        <v>66</v>
      </c>
      <c r="L27802" s="6" t="s">
        <v>10</v>
      </c>
    </row>
    <row r="27803" spans="1:12">
      <c r="A27803" s="6" t="s">
        <v>28619</v>
      </c>
      <c r="B27803" s="6"/>
      <c r="C27803" s="6" t="s">
        <v>28624</v>
      </c>
      <c r="D27803" s="6"/>
      <c r="E27803" s="6" t="s">
        <v>9</v>
      </c>
      <c r="F27803" s="7">
        <v>38657</v>
      </c>
      <c r="G27803" s="8">
        <v>699200</v>
      </c>
      <c r="H27803" s="8">
        <v>699200</v>
      </c>
      <c r="I27803" s="8">
        <v>0</v>
      </c>
      <c r="J27803" s="8">
        <v>699200</v>
      </c>
      <c r="K27803" s="9">
        <v>46</v>
      </c>
      <c r="L27803" s="6" t="s">
        <v>10</v>
      </c>
    </row>
    <row r="27804" spans="1:12">
      <c r="A27804" s="6" t="s">
        <v>28619</v>
      </c>
      <c r="B27804" s="6"/>
      <c r="C27804" s="6" t="s">
        <v>28625</v>
      </c>
      <c r="D27804" s="6"/>
      <c r="E27804" s="6" t="s">
        <v>9</v>
      </c>
      <c r="F27804" s="7">
        <v>38657</v>
      </c>
      <c r="G27804" s="8">
        <v>349600</v>
      </c>
      <c r="H27804" s="8">
        <v>349600</v>
      </c>
      <c r="I27804" s="8">
        <v>0</v>
      </c>
      <c r="J27804" s="8">
        <v>349600</v>
      </c>
      <c r="K27804" s="9">
        <v>23</v>
      </c>
      <c r="L27804" s="6" t="s">
        <v>10</v>
      </c>
    </row>
    <row r="27805" spans="1:12">
      <c r="A27805" s="6" t="s">
        <v>28619</v>
      </c>
      <c r="B27805" s="6"/>
      <c r="C27805" s="6" t="s">
        <v>28626</v>
      </c>
      <c r="D27805" s="6"/>
      <c r="E27805" s="6" t="s">
        <v>9</v>
      </c>
      <c r="F27805" s="7">
        <v>38657</v>
      </c>
      <c r="G27805" s="8">
        <v>1200800</v>
      </c>
      <c r="H27805" s="8">
        <v>1200800</v>
      </c>
      <c r="I27805" s="8">
        <v>0</v>
      </c>
      <c r="J27805" s="8">
        <v>1200800</v>
      </c>
      <c r="K27805" s="9">
        <v>79</v>
      </c>
      <c r="L27805" s="6" t="s">
        <v>10</v>
      </c>
    </row>
    <row r="27806" spans="1:12">
      <c r="A27806" s="6" t="s">
        <v>28619</v>
      </c>
      <c r="B27806" s="6"/>
      <c r="C27806" s="6" t="s">
        <v>28627</v>
      </c>
      <c r="D27806" s="6"/>
      <c r="E27806" s="6" t="s">
        <v>9</v>
      </c>
      <c r="F27806" s="7">
        <v>38657</v>
      </c>
      <c r="G27806" s="8">
        <v>2310400</v>
      </c>
      <c r="H27806" s="8">
        <v>2310400</v>
      </c>
      <c r="I27806" s="8">
        <v>0</v>
      </c>
      <c r="J27806" s="8">
        <v>2310400</v>
      </c>
      <c r="K27806" s="9">
        <v>152</v>
      </c>
      <c r="L27806" s="6" t="s">
        <v>10</v>
      </c>
    </row>
    <row r="27807" spans="1:12">
      <c r="A27807" s="6" t="s">
        <v>28619</v>
      </c>
      <c r="B27807" s="6"/>
      <c r="C27807" s="6" t="s">
        <v>28628</v>
      </c>
      <c r="D27807" s="6"/>
      <c r="E27807" s="6" t="s">
        <v>9</v>
      </c>
      <c r="F27807" s="7">
        <v>38657</v>
      </c>
      <c r="G27807" s="8">
        <v>1003200</v>
      </c>
      <c r="H27807" s="8">
        <v>1003200</v>
      </c>
      <c r="I27807" s="8">
        <v>0</v>
      </c>
      <c r="J27807" s="8">
        <v>1003200</v>
      </c>
      <c r="K27807" s="9">
        <v>66</v>
      </c>
      <c r="L27807" s="6" t="s">
        <v>10</v>
      </c>
    </row>
    <row r="27808" spans="1:12">
      <c r="A27808" s="6" t="s">
        <v>28619</v>
      </c>
      <c r="B27808" s="6"/>
      <c r="C27808" s="6" t="s">
        <v>28629</v>
      </c>
      <c r="D27808" s="6"/>
      <c r="E27808" s="6" t="s">
        <v>9</v>
      </c>
      <c r="F27808" s="7">
        <v>38657</v>
      </c>
      <c r="G27808" s="8">
        <v>1200800</v>
      </c>
      <c r="H27808" s="8">
        <v>1200800</v>
      </c>
      <c r="I27808" s="8">
        <v>0</v>
      </c>
      <c r="J27808" s="8">
        <v>1200800</v>
      </c>
      <c r="K27808" s="9">
        <v>79</v>
      </c>
      <c r="L27808" s="6" t="s">
        <v>10</v>
      </c>
    </row>
    <row r="27809" spans="1:12">
      <c r="A27809" s="6" t="s">
        <v>28619</v>
      </c>
      <c r="B27809" s="6"/>
      <c r="C27809" s="6" t="s">
        <v>28630</v>
      </c>
      <c r="D27809" s="6"/>
      <c r="E27809" s="6" t="s">
        <v>9</v>
      </c>
      <c r="F27809" s="7">
        <v>38657</v>
      </c>
      <c r="G27809" s="8">
        <v>592800</v>
      </c>
      <c r="H27809" s="8">
        <v>592800</v>
      </c>
      <c r="I27809" s="8">
        <v>0</v>
      </c>
      <c r="J27809" s="8">
        <v>592800</v>
      </c>
      <c r="K27809" s="9">
        <v>39</v>
      </c>
      <c r="L27809" s="6" t="s">
        <v>10</v>
      </c>
    </row>
    <row r="27810" spans="1:12">
      <c r="A27810" s="6" t="s">
        <v>28619</v>
      </c>
      <c r="B27810" s="6"/>
      <c r="C27810" s="6" t="s">
        <v>28631</v>
      </c>
      <c r="D27810" s="6"/>
      <c r="E27810" s="6" t="s">
        <v>9</v>
      </c>
      <c r="F27810" s="7">
        <v>38657</v>
      </c>
      <c r="G27810" s="8">
        <v>197600</v>
      </c>
      <c r="H27810" s="8">
        <v>197600</v>
      </c>
      <c r="I27810" s="8">
        <v>0</v>
      </c>
      <c r="J27810" s="8">
        <v>197600</v>
      </c>
      <c r="K27810" s="9">
        <v>13</v>
      </c>
      <c r="L27810" s="6" t="s">
        <v>10</v>
      </c>
    </row>
    <row r="27811" spans="1:12">
      <c r="A27811" s="6" t="s">
        <v>28619</v>
      </c>
      <c r="B27811" s="6"/>
      <c r="C27811" s="6" t="s">
        <v>28632</v>
      </c>
      <c r="D27811" s="6"/>
      <c r="E27811" s="6" t="s">
        <v>9</v>
      </c>
      <c r="F27811" s="7">
        <v>38657</v>
      </c>
      <c r="G27811" s="8">
        <v>638400</v>
      </c>
      <c r="H27811" s="8">
        <v>638400</v>
      </c>
      <c r="I27811" s="8">
        <v>0</v>
      </c>
      <c r="J27811" s="8">
        <v>638400</v>
      </c>
      <c r="K27811" s="9">
        <v>42</v>
      </c>
      <c r="L27811" s="6" t="s">
        <v>10</v>
      </c>
    </row>
    <row r="27812" spans="1:12">
      <c r="A27812" s="6" t="s">
        <v>28619</v>
      </c>
      <c r="B27812" s="6"/>
      <c r="C27812" s="6" t="s">
        <v>28633</v>
      </c>
      <c r="D27812" s="6"/>
      <c r="E27812" s="6" t="s">
        <v>9</v>
      </c>
      <c r="F27812" s="7">
        <v>38657</v>
      </c>
      <c r="G27812" s="8">
        <v>1094400</v>
      </c>
      <c r="H27812" s="8">
        <v>1094400</v>
      </c>
      <c r="I27812" s="8">
        <v>0</v>
      </c>
      <c r="J27812" s="8">
        <v>1094400</v>
      </c>
      <c r="K27812" s="9">
        <v>72</v>
      </c>
      <c r="L27812" s="6" t="s">
        <v>10</v>
      </c>
    </row>
    <row r="27813" spans="1:12">
      <c r="A27813" s="6" t="s">
        <v>28619</v>
      </c>
      <c r="B27813" s="6"/>
      <c r="C27813" s="6" t="s">
        <v>28634</v>
      </c>
      <c r="D27813" s="6"/>
      <c r="E27813" s="6" t="s">
        <v>9</v>
      </c>
      <c r="F27813" s="7">
        <v>38657</v>
      </c>
      <c r="G27813" s="8">
        <v>744800</v>
      </c>
      <c r="H27813" s="8">
        <v>744800</v>
      </c>
      <c r="I27813" s="8">
        <v>0</v>
      </c>
      <c r="J27813" s="8">
        <v>744800</v>
      </c>
      <c r="K27813" s="9">
        <v>49</v>
      </c>
      <c r="L27813" s="6" t="s">
        <v>10</v>
      </c>
    </row>
    <row r="27814" spans="1:12">
      <c r="A27814" s="6" t="s">
        <v>28619</v>
      </c>
      <c r="B27814" s="6"/>
      <c r="C27814" s="6" t="s">
        <v>28635</v>
      </c>
      <c r="D27814" s="6"/>
      <c r="E27814" s="6" t="s">
        <v>9</v>
      </c>
      <c r="F27814" s="7">
        <v>38657</v>
      </c>
      <c r="G27814" s="8">
        <v>1550400</v>
      </c>
      <c r="H27814" s="8">
        <v>1550400</v>
      </c>
      <c r="I27814" s="8">
        <v>0</v>
      </c>
      <c r="J27814" s="8">
        <v>1550400</v>
      </c>
      <c r="K27814" s="9">
        <v>102</v>
      </c>
      <c r="L27814" s="6" t="s">
        <v>10</v>
      </c>
    </row>
    <row r="27815" spans="1:12">
      <c r="A27815" s="6" t="s">
        <v>28619</v>
      </c>
      <c r="B27815" s="6"/>
      <c r="C27815" s="6" t="s">
        <v>28636</v>
      </c>
      <c r="D27815" s="6"/>
      <c r="E27815" s="6" t="s">
        <v>9</v>
      </c>
      <c r="F27815" s="7">
        <v>38657</v>
      </c>
      <c r="G27815" s="8">
        <v>744800</v>
      </c>
      <c r="H27815" s="8">
        <v>744800</v>
      </c>
      <c r="I27815" s="8">
        <v>0</v>
      </c>
      <c r="J27815" s="8">
        <v>744800</v>
      </c>
      <c r="K27815" s="9">
        <v>49</v>
      </c>
      <c r="L27815" s="6" t="s">
        <v>10</v>
      </c>
    </row>
    <row r="27816" spans="1:12">
      <c r="A27816" s="6" t="s">
        <v>28619</v>
      </c>
      <c r="B27816" s="6"/>
      <c r="C27816" s="6" t="s">
        <v>28637</v>
      </c>
      <c r="D27816" s="6"/>
      <c r="E27816" s="6" t="s">
        <v>9</v>
      </c>
      <c r="F27816" s="7">
        <v>38657</v>
      </c>
      <c r="G27816" s="8">
        <v>1094400</v>
      </c>
      <c r="H27816" s="8">
        <v>1094400</v>
      </c>
      <c r="I27816" s="8">
        <v>0</v>
      </c>
      <c r="J27816" s="8">
        <v>1094400</v>
      </c>
      <c r="K27816" s="9">
        <v>72</v>
      </c>
      <c r="L27816" s="6" t="s">
        <v>10</v>
      </c>
    </row>
    <row r="27817" spans="1:12">
      <c r="A27817" s="6" t="s">
        <v>28619</v>
      </c>
      <c r="B27817" s="6"/>
      <c r="C27817" s="6" t="s">
        <v>28638</v>
      </c>
      <c r="D27817" s="6"/>
      <c r="E27817" s="6" t="s">
        <v>9</v>
      </c>
      <c r="F27817" s="7">
        <v>38657</v>
      </c>
      <c r="G27817" s="8">
        <v>1094400</v>
      </c>
      <c r="H27817" s="8">
        <v>1094400</v>
      </c>
      <c r="I27817" s="8">
        <v>0</v>
      </c>
      <c r="J27817" s="8">
        <v>1094400</v>
      </c>
      <c r="K27817" s="9">
        <v>72</v>
      </c>
      <c r="L27817" s="6" t="s">
        <v>10</v>
      </c>
    </row>
    <row r="27818" spans="1:12">
      <c r="A27818" s="6" t="s">
        <v>28619</v>
      </c>
      <c r="B27818" s="6"/>
      <c r="C27818" s="6" t="s">
        <v>28639</v>
      </c>
      <c r="D27818" s="6"/>
      <c r="E27818" s="6" t="s">
        <v>9</v>
      </c>
      <c r="F27818" s="7">
        <v>38657</v>
      </c>
      <c r="G27818" s="8">
        <v>349600</v>
      </c>
      <c r="H27818" s="8">
        <v>349600</v>
      </c>
      <c r="I27818" s="8">
        <v>0</v>
      </c>
      <c r="J27818" s="8">
        <v>349600</v>
      </c>
      <c r="K27818" s="9">
        <v>23</v>
      </c>
      <c r="L27818" s="6" t="s">
        <v>10</v>
      </c>
    </row>
    <row r="27819" spans="1:12">
      <c r="A27819" s="6" t="s">
        <v>28619</v>
      </c>
      <c r="B27819" s="6"/>
      <c r="C27819" s="6" t="s">
        <v>28640</v>
      </c>
      <c r="D27819" s="6"/>
      <c r="E27819" s="6" t="s">
        <v>9</v>
      </c>
      <c r="F27819" s="7">
        <v>38657</v>
      </c>
      <c r="G27819" s="8">
        <v>100472</v>
      </c>
      <c r="H27819" s="8">
        <v>100472</v>
      </c>
      <c r="I27819" s="8">
        <v>0</v>
      </c>
      <c r="J27819" s="8">
        <v>100472</v>
      </c>
      <c r="K27819" s="9">
        <v>6.61</v>
      </c>
      <c r="L27819" s="6" t="s">
        <v>10</v>
      </c>
    </row>
    <row r="27820" spans="1:12">
      <c r="A27820" s="6" t="s">
        <v>28619</v>
      </c>
      <c r="B27820" s="6"/>
      <c r="C27820" s="6" t="s">
        <v>28641</v>
      </c>
      <c r="D27820" s="6"/>
      <c r="E27820" s="6" t="s">
        <v>9</v>
      </c>
      <c r="F27820" s="7">
        <v>38657</v>
      </c>
      <c r="G27820" s="8">
        <v>440800</v>
      </c>
      <c r="H27820" s="8">
        <v>440800</v>
      </c>
      <c r="I27820" s="8">
        <v>0</v>
      </c>
      <c r="J27820" s="8">
        <v>440800</v>
      </c>
      <c r="K27820" s="9">
        <v>29</v>
      </c>
      <c r="L27820" s="6" t="s">
        <v>10</v>
      </c>
    </row>
    <row r="27821" spans="1:12">
      <c r="A27821" s="6" t="s">
        <v>28619</v>
      </c>
      <c r="B27821" s="6"/>
      <c r="C27821" s="6" t="s">
        <v>28642</v>
      </c>
      <c r="D27821" s="6"/>
      <c r="E27821" s="6" t="s">
        <v>9</v>
      </c>
      <c r="F27821" s="7">
        <v>38657</v>
      </c>
      <c r="G27821" s="8">
        <v>243200</v>
      </c>
      <c r="H27821" s="8">
        <v>243200</v>
      </c>
      <c r="I27821" s="8">
        <v>0</v>
      </c>
      <c r="J27821" s="8">
        <v>243200</v>
      </c>
      <c r="K27821" s="9">
        <v>16</v>
      </c>
      <c r="L27821" s="6" t="s">
        <v>10</v>
      </c>
    </row>
    <row r="27822" spans="1:12">
      <c r="A27822" s="6" t="s">
        <v>28619</v>
      </c>
      <c r="B27822" s="6"/>
      <c r="C27822" s="6" t="s">
        <v>28643</v>
      </c>
      <c r="D27822" s="6"/>
      <c r="E27822" s="6" t="s">
        <v>9</v>
      </c>
      <c r="F27822" s="7">
        <v>38657</v>
      </c>
      <c r="G27822" s="8">
        <v>1155200</v>
      </c>
      <c r="H27822" s="8">
        <v>1155200</v>
      </c>
      <c r="I27822" s="8">
        <v>0</v>
      </c>
      <c r="J27822" s="8">
        <v>1155200</v>
      </c>
      <c r="K27822" s="9">
        <v>76</v>
      </c>
      <c r="L27822" s="6" t="s">
        <v>10</v>
      </c>
    </row>
    <row r="27823" spans="1:12">
      <c r="A27823" s="6" t="s">
        <v>28619</v>
      </c>
      <c r="B27823" s="6"/>
      <c r="C27823" s="6" t="s">
        <v>28644</v>
      </c>
      <c r="D27823" s="6"/>
      <c r="E27823" s="6" t="s">
        <v>9</v>
      </c>
      <c r="F27823" s="7">
        <v>38657</v>
      </c>
      <c r="G27823" s="8">
        <v>2508000</v>
      </c>
      <c r="H27823" s="8">
        <v>2508000</v>
      </c>
      <c r="I27823" s="8">
        <v>0</v>
      </c>
      <c r="J27823" s="8">
        <v>2508000</v>
      </c>
      <c r="K27823" s="9">
        <v>165</v>
      </c>
      <c r="L27823" s="6" t="s">
        <v>10</v>
      </c>
    </row>
    <row r="27824" spans="1:12">
      <c r="A27824" s="6" t="s">
        <v>28619</v>
      </c>
      <c r="B27824" s="6"/>
      <c r="C27824" s="6" t="s">
        <v>28645</v>
      </c>
      <c r="D27824" s="6"/>
      <c r="E27824" s="6" t="s">
        <v>9</v>
      </c>
      <c r="F27824" s="7">
        <v>38657</v>
      </c>
      <c r="G27824" s="8">
        <v>288800</v>
      </c>
      <c r="H27824" s="8">
        <v>288800</v>
      </c>
      <c r="I27824" s="8">
        <v>0</v>
      </c>
      <c r="J27824" s="8">
        <v>288800</v>
      </c>
      <c r="K27824" s="9">
        <v>19</v>
      </c>
      <c r="L27824" s="6" t="s">
        <v>10</v>
      </c>
    </row>
    <row r="27825" spans="1:12">
      <c r="A27825" s="6" t="s">
        <v>28619</v>
      </c>
      <c r="B27825" s="6"/>
      <c r="C27825" s="6" t="s">
        <v>28646</v>
      </c>
      <c r="D27825" s="6"/>
      <c r="E27825" s="6" t="s">
        <v>9</v>
      </c>
      <c r="F27825" s="7">
        <v>38657</v>
      </c>
      <c r="G27825" s="8">
        <v>1155200</v>
      </c>
      <c r="H27825" s="8">
        <v>1155200</v>
      </c>
      <c r="I27825" s="8">
        <v>0</v>
      </c>
      <c r="J27825" s="8">
        <v>1155200</v>
      </c>
      <c r="K27825" s="9">
        <v>76</v>
      </c>
      <c r="L27825" s="6" t="s">
        <v>10</v>
      </c>
    </row>
    <row r="27826" spans="1:12">
      <c r="A27826" s="6" t="s">
        <v>28619</v>
      </c>
      <c r="B27826" s="6"/>
      <c r="C27826" s="6" t="s">
        <v>28647</v>
      </c>
      <c r="D27826" s="6"/>
      <c r="E27826" s="6" t="s">
        <v>9</v>
      </c>
      <c r="F27826" s="7">
        <v>38657</v>
      </c>
      <c r="G27826" s="8">
        <v>790400</v>
      </c>
      <c r="H27826" s="8">
        <v>790400</v>
      </c>
      <c r="I27826" s="8">
        <v>0</v>
      </c>
      <c r="J27826" s="8">
        <v>790400</v>
      </c>
      <c r="K27826" s="9">
        <v>52</v>
      </c>
      <c r="L27826" s="6" t="s">
        <v>10</v>
      </c>
    </row>
    <row r="27827" spans="1:12">
      <c r="A27827" s="6" t="s">
        <v>28619</v>
      </c>
      <c r="B27827" s="6"/>
      <c r="C27827" s="6" t="s">
        <v>28648</v>
      </c>
      <c r="D27827" s="6"/>
      <c r="E27827" s="6" t="s">
        <v>9</v>
      </c>
      <c r="F27827" s="7">
        <v>38657</v>
      </c>
      <c r="G27827" s="8">
        <v>150632</v>
      </c>
      <c r="H27827" s="8">
        <v>150632</v>
      </c>
      <c r="I27827" s="8">
        <v>0</v>
      </c>
      <c r="J27827" s="8">
        <v>150632</v>
      </c>
      <c r="K27827" s="9">
        <v>9.91</v>
      </c>
      <c r="L27827" s="6" t="s">
        <v>10</v>
      </c>
    </row>
    <row r="27828" spans="1:12">
      <c r="A27828" s="6" t="s">
        <v>28619</v>
      </c>
      <c r="B27828" s="6"/>
      <c r="C27828" s="6" t="s">
        <v>28649</v>
      </c>
      <c r="D27828" s="6"/>
      <c r="E27828" s="6" t="s">
        <v>9</v>
      </c>
      <c r="F27828" s="7">
        <v>38657</v>
      </c>
      <c r="G27828" s="8">
        <v>942400</v>
      </c>
      <c r="H27828" s="8">
        <v>942400</v>
      </c>
      <c r="I27828" s="8">
        <v>0</v>
      </c>
      <c r="J27828" s="8">
        <v>942400</v>
      </c>
      <c r="K27828" s="9">
        <v>62</v>
      </c>
      <c r="L27828" s="6" t="s">
        <v>10</v>
      </c>
    </row>
    <row r="27829" spans="1:12">
      <c r="A27829" s="6" t="s">
        <v>28619</v>
      </c>
      <c r="B27829" s="6"/>
      <c r="C27829" s="6" t="s">
        <v>28650</v>
      </c>
      <c r="D27829" s="6"/>
      <c r="E27829" s="6" t="s">
        <v>9</v>
      </c>
      <c r="F27829" s="7">
        <v>38657</v>
      </c>
      <c r="G27829" s="8">
        <v>1094400</v>
      </c>
      <c r="H27829" s="8">
        <v>1094400</v>
      </c>
      <c r="I27829" s="8">
        <v>0</v>
      </c>
      <c r="J27829" s="8">
        <v>1094400</v>
      </c>
      <c r="K27829" s="9">
        <v>72</v>
      </c>
      <c r="L27829" s="6" t="s">
        <v>10</v>
      </c>
    </row>
    <row r="27830" spans="1:12">
      <c r="A27830" s="6" t="s">
        <v>28619</v>
      </c>
      <c r="B27830" s="6"/>
      <c r="C27830" s="6" t="s">
        <v>28651</v>
      </c>
      <c r="D27830" s="6"/>
      <c r="E27830" s="6" t="s">
        <v>9</v>
      </c>
      <c r="F27830" s="7">
        <v>38657</v>
      </c>
      <c r="G27830" s="8">
        <v>243200</v>
      </c>
      <c r="H27830" s="8">
        <v>243200</v>
      </c>
      <c r="I27830" s="8">
        <v>0</v>
      </c>
      <c r="J27830" s="8">
        <v>243200</v>
      </c>
      <c r="K27830" s="9">
        <v>16</v>
      </c>
      <c r="L27830" s="6" t="s">
        <v>10</v>
      </c>
    </row>
    <row r="27831" spans="1:12">
      <c r="A27831" s="6" t="s">
        <v>28619</v>
      </c>
      <c r="B27831" s="6"/>
      <c r="C27831" s="6" t="s">
        <v>28652</v>
      </c>
      <c r="D27831" s="6"/>
      <c r="E27831" s="6" t="s">
        <v>9</v>
      </c>
      <c r="F27831" s="7">
        <v>38657</v>
      </c>
      <c r="G27831" s="8">
        <v>288800</v>
      </c>
      <c r="H27831" s="8">
        <v>288800</v>
      </c>
      <c r="I27831" s="8">
        <v>0</v>
      </c>
      <c r="J27831" s="8">
        <v>288800</v>
      </c>
      <c r="K27831" s="9">
        <v>19</v>
      </c>
      <c r="L27831" s="6" t="s">
        <v>10</v>
      </c>
    </row>
    <row r="27832" spans="1:12">
      <c r="A27832" s="6" t="s">
        <v>28619</v>
      </c>
      <c r="B27832" s="6"/>
      <c r="C27832" s="6" t="s">
        <v>28653</v>
      </c>
      <c r="D27832" s="6"/>
      <c r="E27832" s="6" t="s">
        <v>9</v>
      </c>
      <c r="F27832" s="7">
        <v>38657</v>
      </c>
      <c r="G27832" s="8">
        <v>896800</v>
      </c>
      <c r="H27832" s="8">
        <v>896800</v>
      </c>
      <c r="I27832" s="8">
        <v>0</v>
      </c>
      <c r="J27832" s="8">
        <v>896800</v>
      </c>
      <c r="K27832" s="9">
        <v>59</v>
      </c>
      <c r="L27832" s="6" t="s">
        <v>10</v>
      </c>
    </row>
    <row r="27833" spans="1:12">
      <c r="A27833" s="6" t="s">
        <v>28619</v>
      </c>
      <c r="B27833" s="6"/>
      <c r="C27833" s="6" t="s">
        <v>28654</v>
      </c>
      <c r="D27833" s="6"/>
      <c r="E27833" s="6" t="s">
        <v>9</v>
      </c>
      <c r="F27833" s="7">
        <v>38657</v>
      </c>
      <c r="G27833" s="8">
        <v>1398400</v>
      </c>
      <c r="H27833" s="8">
        <v>1398400</v>
      </c>
      <c r="I27833" s="8">
        <v>0</v>
      </c>
      <c r="J27833" s="8">
        <v>1398400</v>
      </c>
      <c r="K27833" s="9">
        <v>92</v>
      </c>
      <c r="L27833" s="6" t="s">
        <v>10</v>
      </c>
    </row>
    <row r="27834" spans="1:12">
      <c r="A27834" s="6" t="s">
        <v>28619</v>
      </c>
      <c r="B27834" s="6"/>
      <c r="C27834" s="6" t="s">
        <v>28655</v>
      </c>
      <c r="D27834" s="6"/>
      <c r="E27834" s="6" t="s">
        <v>9</v>
      </c>
      <c r="F27834" s="7">
        <v>38657</v>
      </c>
      <c r="G27834" s="8">
        <v>744800</v>
      </c>
      <c r="H27834" s="8">
        <v>744800</v>
      </c>
      <c r="I27834" s="8">
        <v>0</v>
      </c>
      <c r="J27834" s="8">
        <v>744800</v>
      </c>
      <c r="K27834" s="9">
        <v>49</v>
      </c>
      <c r="L27834" s="6" t="s">
        <v>10</v>
      </c>
    </row>
    <row r="27835" spans="1:12">
      <c r="A27835" s="6" t="s">
        <v>28619</v>
      </c>
      <c r="B27835" s="6"/>
      <c r="C27835" s="6" t="s">
        <v>28656</v>
      </c>
      <c r="D27835" s="6"/>
      <c r="E27835" s="6" t="s">
        <v>9</v>
      </c>
      <c r="F27835" s="7">
        <v>38657</v>
      </c>
      <c r="G27835" s="8">
        <v>395200</v>
      </c>
      <c r="H27835" s="8">
        <v>395200</v>
      </c>
      <c r="I27835" s="8">
        <v>0</v>
      </c>
      <c r="J27835" s="8">
        <v>395200</v>
      </c>
      <c r="K27835" s="9">
        <v>26</v>
      </c>
      <c r="L27835" s="6" t="s">
        <v>10</v>
      </c>
    </row>
    <row r="27836" spans="1:12">
      <c r="A27836" s="6" t="s">
        <v>28657</v>
      </c>
      <c r="B27836" s="6"/>
      <c r="C27836" s="6" t="s">
        <v>28658</v>
      </c>
      <c r="D27836" s="6"/>
      <c r="E27836" s="6" t="s">
        <v>9</v>
      </c>
      <c r="F27836" s="7">
        <v>38657</v>
      </c>
      <c r="G27836" s="8">
        <v>20412546</v>
      </c>
      <c r="H27836" s="8">
        <v>20412546</v>
      </c>
      <c r="I27836" s="8">
        <v>0</v>
      </c>
      <c r="J27836" s="8">
        <v>20412546</v>
      </c>
      <c r="K27836" s="9">
        <v>602.14</v>
      </c>
      <c r="L27836" s="6" t="s">
        <v>10</v>
      </c>
    </row>
    <row r="27837" spans="1:12">
      <c r="A27837" s="6" t="s">
        <v>28657</v>
      </c>
      <c r="B27837" s="6"/>
      <c r="C27837" s="6" t="s">
        <v>28659</v>
      </c>
      <c r="D27837" s="6"/>
      <c r="E27837" s="6" t="s">
        <v>9</v>
      </c>
      <c r="F27837" s="7">
        <v>38657</v>
      </c>
      <c r="G27837" s="8">
        <v>4583280</v>
      </c>
      <c r="H27837" s="8">
        <v>4583280</v>
      </c>
      <c r="I27837" s="8">
        <v>0</v>
      </c>
      <c r="J27837" s="8">
        <v>4583280</v>
      </c>
      <c r="K27837" s="9">
        <v>135.19999999999899</v>
      </c>
      <c r="L27837" s="6" t="s">
        <v>10</v>
      </c>
    </row>
    <row r="27838" spans="1:12">
      <c r="A27838" s="6" t="s">
        <v>28657</v>
      </c>
      <c r="B27838" s="6"/>
      <c r="C27838" s="6" t="s">
        <v>28660</v>
      </c>
      <c r="D27838" s="6"/>
      <c r="E27838" s="6" t="s">
        <v>9</v>
      </c>
      <c r="F27838" s="7">
        <v>38657</v>
      </c>
      <c r="G27838" s="8">
        <v>9835746</v>
      </c>
      <c r="H27838" s="8">
        <v>9835746</v>
      </c>
      <c r="I27838" s="8">
        <v>0</v>
      </c>
      <c r="J27838" s="8">
        <v>9835746</v>
      </c>
      <c r="K27838" s="9">
        <v>290.14</v>
      </c>
      <c r="L27838" s="6" t="s">
        <v>10</v>
      </c>
    </row>
    <row r="27839" spans="1:12">
      <c r="A27839" s="6" t="s">
        <v>28657</v>
      </c>
      <c r="B27839" s="6"/>
      <c r="C27839" s="6" t="s">
        <v>28661</v>
      </c>
      <c r="D27839" s="6"/>
      <c r="E27839" s="6" t="s">
        <v>9</v>
      </c>
      <c r="F27839" s="7">
        <v>38657</v>
      </c>
      <c r="G27839" s="8">
        <v>521043</v>
      </c>
      <c r="H27839" s="8">
        <v>521043</v>
      </c>
      <c r="I27839" s="8">
        <v>0</v>
      </c>
      <c r="J27839" s="8">
        <v>521043</v>
      </c>
      <c r="K27839" s="9">
        <v>15.37</v>
      </c>
      <c r="L27839" s="6" t="s">
        <v>10</v>
      </c>
    </row>
    <row r="27840" spans="1:12">
      <c r="A27840" s="6" t="s">
        <v>28657</v>
      </c>
      <c r="B27840" s="6"/>
      <c r="C27840" s="6" t="s">
        <v>28662</v>
      </c>
      <c r="D27840" s="6"/>
      <c r="E27840" s="6" t="s">
        <v>9</v>
      </c>
      <c r="F27840" s="7">
        <v>38657</v>
      </c>
      <c r="G27840" s="8">
        <v>8797050</v>
      </c>
      <c r="H27840" s="8">
        <v>8797050</v>
      </c>
      <c r="I27840" s="8">
        <v>0</v>
      </c>
      <c r="J27840" s="8">
        <v>8797050</v>
      </c>
      <c r="K27840" s="9">
        <v>259.5</v>
      </c>
      <c r="L27840" s="6" t="s">
        <v>10</v>
      </c>
    </row>
    <row r="27841" spans="1:12">
      <c r="A27841" s="6" t="s">
        <v>28657</v>
      </c>
      <c r="B27841" s="6"/>
      <c r="C27841" s="6" t="s">
        <v>28663</v>
      </c>
      <c r="D27841" s="6"/>
      <c r="E27841" s="6" t="s">
        <v>9</v>
      </c>
      <c r="F27841" s="7">
        <v>38657</v>
      </c>
      <c r="G27841" s="8">
        <v>2992014</v>
      </c>
      <c r="H27841" s="8">
        <v>2992014</v>
      </c>
      <c r="I27841" s="8">
        <v>0</v>
      </c>
      <c r="J27841" s="8">
        <v>2992014</v>
      </c>
      <c r="K27841" s="9">
        <v>88.26</v>
      </c>
      <c r="L27841" s="6" t="s">
        <v>10</v>
      </c>
    </row>
    <row r="27842" spans="1:12">
      <c r="A27842" s="6" t="s">
        <v>28664</v>
      </c>
      <c r="B27842" s="6"/>
      <c r="C27842" s="6" t="s">
        <v>28665</v>
      </c>
      <c r="D27842" s="6"/>
      <c r="E27842" s="6" t="s">
        <v>9</v>
      </c>
      <c r="F27842" s="7">
        <v>38657</v>
      </c>
      <c r="G27842" s="8">
        <v>1339344</v>
      </c>
      <c r="H27842" s="8">
        <v>1339344</v>
      </c>
      <c r="I27842" s="8">
        <v>0</v>
      </c>
      <c r="J27842" s="8">
        <v>1339344</v>
      </c>
      <c r="K27842" s="9">
        <v>262</v>
      </c>
      <c r="L27842" s="6" t="s">
        <v>14</v>
      </c>
    </row>
    <row r="27843" spans="1:12">
      <c r="A27843" s="6" t="s">
        <v>28664</v>
      </c>
      <c r="B27843" s="6"/>
      <c r="C27843" s="6" t="s">
        <v>28666</v>
      </c>
      <c r="D27843" s="6"/>
      <c r="E27843" s="6" t="s">
        <v>9</v>
      </c>
      <c r="F27843" s="7">
        <v>38657</v>
      </c>
      <c r="G27843" s="8">
        <v>1702296</v>
      </c>
      <c r="H27843" s="8">
        <v>1702296</v>
      </c>
      <c r="I27843" s="8">
        <v>0</v>
      </c>
      <c r="J27843" s="8">
        <v>1702296</v>
      </c>
      <c r="K27843" s="9">
        <v>333</v>
      </c>
      <c r="L27843" s="6" t="s">
        <v>14</v>
      </c>
    </row>
    <row r="27844" spans="1:12">
      <c r="A27844" s="6" t="s">
        <v>28664</v>
      </c>
      <c r="B27844" s="6"/>
      <c r="C27844" s="6" t="s">
        <v>28667</v>
      </c>
      <c r="D27844" s="6"/>
      <c r="E27844" s="6" t="s">
        <v>9</v>
      </c>
      <c r="F27844" s="7">
        <v>38657</v>
      </c>
      <c r="G27844" s="8">
        <v>1702296</v>
      </c>
      <c r="H27844" s="8">
        <v>1702296</v>
      </c>
      <c r="I27844" s="8">
        <v>0</v>
      </c>
      <c r="J27844" s="8">
        <v>1702296</v>
      </c>
      <c r="K27844" s="9">
        <v>333</v>
      </c>
      <c r="L27844" s="6" t="s">
        <v>14</v>
      </c>
    </row>
    <row r="27845" spans="1:12">
      <c r="A27845" s="6" t="s">
        <v>28664</v>
      </c>
      <c r="B27845" s="6"/>
      <c r="C27845" s="6" t="s">
        <v>28668</v>
      </c>
      <c r="D27845" s="6"/>
      <c r="E27845" s="6" t="s">
        <v>9</v>
      </c>
      <c r="F27845" s="7">
        <v>38657</v>
      </c>
      <c r="G27845" s="8">
        <v>1702296</v>
      </c>
      <c r="H27845" s="8">
        <v>1702296</v>
      </c>
      <c r="I27845" s="8">
        <v>0</v>
      </c>
      <c r="J27845" s="8">
        <v>1702296</v>
      </c>
      <c r="K27845" s="9">
        <v>333</v>
      </c>
      <c r="L27845" s="6" t="s">
        <v>14</v>
      </c>
    </row>
    <row r="27846" spans="1:12">
      <c r="A27846" s="6" t="s">
        <v>28669</v>
      </c>
      <c r="B27846" s="6"/>
      <c r="C27846" s="6" t="s">
        <v>28670</v>
      </c>
      <c r="D27846" s="6"/>
      <c r="E27846" s="6" t="s">
        <v>9</v>
      </c>
      <c r="F27846" s="7">
        <v>38657</v>
      </c>
      <c r="G27846" s="8">
        <v>2501506</v>
      </c>
      <c r="H27846" s="8">
        <v>2501506</v>
      </c>
      <c r="I27846" s="8">
        <v>0</v>
      </c>
      <c r="J27846" s="8">
        <v>2501506</v>
      </c>
      <c r="K27846" s="9">
        <v>489.34</v>
      </c>
      <c r="L27846" s="6" t="s">
        <v>23</v>
      </c>
    </row>
    <row r="27847" spans="1:12">
      <c r="A27847" s="6" t="s">
        <v>28669</v>
      </c>
      <c r="B27847" s="6"/>
      <c r="C27847" s="6" t="s">
        <v>28671</v>
      </c>
      <c r="D27847" s="6"/>
      <c r="E27847" s="6" t="s">
        <v>9</v>
      </c>
      <c r="F27847" s="7">
        <v>38657</v>
      </c>
      <c r="G27847" s="8">
        <v>89132525</v>
      </c>
      <c r="H27847" s="8">
        <v>89132525</v>
      </c>
      <c r="I27847" s="8">
        <v>0</v>
      </c>
      <c r="J27847" s="8">
        <v>89132525</v>
      </c>
      <c r="K27847" s="9">
        <v>17435.9399999999</v>
      </c>
      <c r="L27847" s="6" t="s">
        <v>23</v>
      </c>
    </row>
    <row r="27848" spans="1:12">
      <c r="A27848" s="6" t="s">
        <v>28672</v>
      </c>
      <c r="B27848" s="6"/>
      <c r="C27848" s="6" t="s">
        <v>28673</v>
      </c>
      <c r="D27848" s="6"/>
      <c r="E27848" s="6" t="s">
        <v>18740</v>
      </c>
      <c r="F27848" s="7">
        <v>25267</v>
      </c>
      <c r="G27848" s="8">
        <v>6868620</v>
      </c>
      <c r="H27848" s="8">
        <v>6868620</v>
      </c>
      <c r="I27848" s="8">
        <v>0</v>
      </c>
      <c r="J27848" s="8">
        <v>6868620</v>
      </c>
      <c r="K27848" s="9">
        <v>346.9</v>
      </c>
      <c r="L27848" s="6" t="s">
        <v>10</v>
      </c>
    </row>
    <row r="27849" spans="1:12">
      <c r="A27849" s="6" t="s">
        <v>28674</v>
      </c>
      <c r="B27849" s="6"/>
      <c r="C27849" s="6" t="s">
        <v>28675</v>
      </c>
      <c r="D27849" s="6"/>
      <c r="E27849" s="6" t="s">
        <v>9</v>
      </c>
      <c r="F27849" s="7">
        <v>38657</v>
      </c>
      <c r="G27849" s="8">
        <v>165184706</v>
      </c>
      <c r="H27849" s="8">
        <v>165184706</v>
      </c>
      <c r="I27849" s="8">
        <v>0</v>
      </c>
      <c r="J27849" s="8">
        <v>165184706</v>
      </c>
      <c r="K27849" s="9">
        <v>13539.73</v>
      </c>
      <c r="L27849" s="6" t="s">
        <v>10</v>
      </c>
    </row>
    <row r="27850" spans="1:12">
      <c r="A27850" s="6" t="s">
        <v>28674</v>
      </c>
      <c r="B27850" s="6"/>
      <c r="C27850" s="6" t="s">
        <v>28676</v>
      </c>
      <c r="D27850" s="6"/>
      <c r="E27850" s="6" t="s">
        <v>9</v>
      </c>
      <c r="F27850" s="7">
        <v>38657</v>
      </c>
      <c r="G27850" s="8">
        <v>54961000</v>
      </c>
      <c r="H27850" s="8">
        <v>54961000</v>
      </c>
      <c r="I27850" s="8">
        <v>0</v>
      </c>
      <c r="J27850" s="8">
        <v>54961000</v>
      </c>
      <c r="K27850" s="9">
        <v>4505</v>
      </c>
      <c r="L27850" s="6" t="s">
        <v>10</v>
      </c>
    </row>
    <row r="27851" spans="1:12">
      <c r="A27851" s="6" t="s">
        <v>28677</v>
      </c>
      <c r="B27851" s="6"/>
      <c r="C27851" s="6" t="s">
        <v>28678</v>
      </c>
      <c r="D27851" s="6"/>
      <c r="E27851" s="6" t="s">
        <v>25121</v>
      </c>
      <c r="F27851" s="7"/>
      <c r="G27851" s="8">
        <v>214704</v>
      </c>
      <c r="H27851" s="8">
        <v>214704</v>
      </c>
      <c r="I27851" s="8">
        <v>0</v>
      </c>
      <c r="J27851" s="8">
        <v>214704</v>
      </c>
      <c r="K27851" s="9">
        <v>42</v>
      </c>
      <c r="L27851" s="6" t="s">
        <v>6099</v>
      </c>
    </row>
    <row r="27852" spans="1:12">
      <c r="A27852" s="6" t="s">
        <v>28679</v>
      </c>
      <c r="B27852" s="6"/>
      <c r="C27852" s="6" t="s">
        <v>28680</v>
      </c>
      <c r="D27852" s="6"/>
      <c r="E27852" s="6" t="s">
        <v>18740</v>
      </c>
      <c r="F27852" s="7">
        <v>38657</v>
      </c>
      <c r="G27852" s="8">
        <v>10556742</v>
      </c>
      <c r="H27852" s="8">
        <v>10556742</v>
      </c>
      <c r="I27852" s="8">
        <v>0</v>
      </c>
      <c r="J27852" s="8">
        <v>10556742</v>
      </c>
      <c r="K27852" s="9">
        <v>793.74</v>
      </c>
      <c r="L27852" s="6" t="s">
        <v>1694</v>
      </c>
    </row>
    <row r="27853" spans="1:12">
      <c r="A27853" s="6" t="s">
        <v>28679</v>
      </c>
      <c r="B27853" s="6"/>
      <c r="C27853" s="6" t="s">
        <v>28681</v>
      </c>
      <c r="D27853" s="6"/>
      <c r="E27853" s="6" t="s">
        <v>18740</v>
      </c>
      <c r="F27853" s="7">
        <v>38657</v>
      </c>
      <c r="G27853" s="8">
        <v>8272600</v>
      </c>
      <c r="H27853" s="8">
        <v>8272600</v>
      </c>
      <c r="I27853" s="8">
        <v>0</v>
      </c>
      <c r="J27853" s="8">
        <v>8272600</v>
      </c>
      <c r="K27853" s="9">
        <v>622</v>
      </c>
      <c r="L27853" s="6" t="s">
        <v>1694</v>
      </c>
    </row>
    <row r="27854" spans="1:12">
      <c r="A27854" s="6" t="s">
        <v>28679</v>
      </c>
      <c r="B27854" s="6"/>
      <c r="C27854" s="6" t="s">
        <v>28682</v>
      </c>
      <c r="D27854" s="6"/>
      <c r="E27854" s="6" t="s">
        <v>18740</v>
      </c>
      <c r="F27854" s="7">
        <v>38657</v>
      </c>
      <c r="G27854" s="8">
        <v>20814633</v>
      </c>
      <c r="H27854" s="8">
        <v>20814633</v>
      </c>
      <c r="I27854" s="8">
        <v>0</v>
      </c>
      <c r="J27854" s="8">
        <v>20814633</v>
      </c>
      <c r="K27854" s="9">
        <v>1565.01</v>
      </c>
      <c r="L27854" s="6" t="s">
        <v>1694</v>
      </c>
    </row>
    <row r="27855" spans="1:12">
      <c r="A27855" s="6" t="s">
        <v>28679</v>
      </c>
      <c r="B27855" s="6"/>
      <c r="C27855" s="6" t="s">
        <v>28683</v>
      </c>
      <c r="D27855" s="6"/>
      <c r="E27855" s="6" t="s">
        <v>18740</v>
      </c>
      <c r="F27855" s="7">
        <v>38657</v>
      </c>
      <c r="G27855" s="8">
        <v>20056400</v>
      </c>
      <c r="H27855" s="8">
        <v>20056400</v>
      </c>
      <c r="I27855" s="8">
        <v>0</v>
      </c>
      <c r="J27855" s="8">
        <v>20056400</v>
      </c>
      <c r="K27855" s="9">
        <v>1508</v>
      </c>
      <c r="L27855" s="6" t="s">
        <v>1694</v>
      </c>
    </row>
    <row r="27856" spans="1:12">
      <c r="A27856" s="6" t="s">
        <v>28679</v>
      </c>
      <c r="B27856" s="6"/>
      <c r="C27856" s="6" t="s">
        <v>28684</v>
      </c>
      <c r="D27856" s="6"/>
      <c r="E27856" s="6" t="s">
        <v>18740</v>
      </c>
      <c r="F27856" s="7">
        <v>38657</v>
      </c>
      <c r="G27856" s="8">
        <v>385700</v>
      </c>
      <c r="H27856" s="8">
        <v>385700</v>
      </c>
      <c r="I27856" s="8">
        <v>0</v>
      </c>
      <c r="J27856" s="8">
        <v>385700</v>
      </c>
      <c r="K27856" s="9">
        <v>29</v>
      </c>
      <c r="L27856" s="6" t="s">
        <v>1694</v>
      </c>
    </row>
    <row r="27857" spans="1:12">
      <c r="A27857" s="6" t="s">
        <v>28679</v>
      </c>
      <c r="B27857" s="6"/>
      <c r="C27857" s="6" t="s">
        <v>28685</v>
      </c>
      <c r="D27857" s="6"/>
      <c r="E27857" s="6" t="s">
        <v>18740</v>
      </c>
      <c r="F27857" s="7">
        <v>38657</v>
      </c>
      <c r="G27857" s="8">
        <v>2498937</v>
      </c>
      <c r="H27857" s="8">
        <v>2498937</v>
      </c>
      <c r="I27857" s="8">
        <v>0</v>
      </c>
      <c r="J27857" s="8">
        <v>2498937</v>
      </c>
      <c r="K27857" s="9">
        <v>187.89</v>
      </c>
      <c r="L27857" s="6" t="s">
        <v>1694</v>
      </c>
    </row>
    <row r="27858" spans="1:12">
      <c r="A27858" s="6" t="s">
        <v>28686</v>
      </c>
      <c r="B27858" s="6"/>
      <c r="C27858" s="6" t="s">
        <v>28687</v>
      </c>
      <c r="D27858" s="6"/>
      <c r="E27858" s="6" t="s">
        <v>25121</v>
      </c>
      <c r="F27858" s="7">
        <v>38657</v>
      </c>
      <c r="G27858" s="8">
        <v>189144</v>
      </c>
      <c r="H27858" s="8">
        <v>189144</v>
      </c>
      <c r="I27858" s="8">
        <v>0</v>
      </c>
      <c r="J27858" s="8">
        <v>189144</v>
      </c>
      <c r="K27858" s="9">
        <v>37</v>
      </c>
      <c r="L27858" s="6" t="s">
        <v>23</v>
      </c>
    </row>
    <row r="27859" spans="1:12">
      <c r="A27859" s="6" t="s">
        <v>28688</v>
      </c>
      <c r="B27859" s="6"/>
      <c r="C27859" s="6" t="s">
        <v>28689</v>
      </c>
      <c r="D27859" s="6"/>
      <c r="E27859" s="6" t="s">
        <v>25121</v>
      </c>
      <c r="F27859" s="7">
        <v>38657</v>
      </c>
      <c r="G27859" s="8">
        <v>2796480</v>
      </c>
      <c r="H27859" s="8">
        <v>2796480</v>
      </c>
      <c r="I27859" s="8">
        <v>0</v>
      </c>
      <c r="J27859" s="8">
        <v>2796480</v>
      </c>
      <c r="K27859" s="9">
        <v>77.680000000000007</v>
      </c>
      <c r="L27859" s="6" t="s">
        <v>10</v>
      </c>
    </row>
    <row r="27860" spans="1:12">
      <c r="A27860" s="6" t="s">
        <v>28690</v>
      </c>
      <c r="B27860" s="6"/>
      <c r="C27860" s="6" t="s">
        <v>28691</v>
      </c>
      <c r="D27860" s="6"/>
      <c r="E27860" s="6" t="s">
        <v>18740</v>
      </c>
      <c r="F27860" s="7">
        <v>38657</v>
      </c>
      <c r="G27860" s="8">
        <v>793800</v>
      </c>
      <c r="H27860" s="8">
        <v>793800</v>
      </c>
      <c r="I27860" s="8">
        <v>0</v>
      </c>
      <c r="J27860" s="8">
        <v>793800</v>
      </c>
      <c r="K27860" s="9">
        <v>49</v>
      </c>
      <c r="L27860" s="6" t="s">
        <v>1694</v>
      </c>
    </row>
    <row r="27861" spans="1:12">
      <c r="A27861" s="6" t="s">
        <v>28690</v>
      </c>
      <c r="B27861" s="6"/>
      <c r="C27861" s="6" t="s">
        <v>28692</v>
      </c>
      <c r="D27861" s="6"/>
      <c r="E27861" s="6" t="s">
        <v>18740</v>
      </c>
      <c r="F27861" s="7">
        <v>38657</v>
      </c>
      <c r="G27861" s="8">
        <v>3937200</v>
      </c>
      <c r="H27861" s="8">
        <v>3937200</v>
      </c>
      <c r="I27861" s="8">
        <v>0</v>
      </c>
      <c r="J27861" s="8">
        <v>3937200</v>
      </c>
      <c r="K27861" s="9">
        <v>386</v>
      </c>
      <c r="L27861" s="6" t="s">
        <v>1694</v>
      </c>
    </row>
    <row r="27862" spans="1:12">
      <c r="A27862" s="6" t="s">
        <v>28690</v>
      </c>
      <c r="B27862" s="6"/>
      <c r="C27862" s="6" t="s">
        <v>28693</v>
      </c>
      <c r="D27862" s="6"/>
      <c r="E27862" s="6" t="s">
        <v>18740</v>
      </c>
      <c r="F27862" s="7">
        <v>38657</v>
      </c>
      <c r="G27862" s="8">
        <v>3790800</v>
      </c>
      <c r="H27862" s="8">
        <v>3790800</v>
      </c>
      <c r="I27862" s="8">
        <v>0</v>
      </c>
      <c r="J27862" s="8">
        <v>3790800</v>
      </c>
      <c r="K27862" s="9">
        <v>234</v>
      </c>
      <c r="L27862" s="6" t="s">
        <v>1694</v>
      </c>
    </row>
    <row r="27863" spans="1:12">
      <c r="A27863" s="6" t="s">
        <v>28690</v>
      </c>
      <c r="B27863" s="6"/>
      <c r="C27863" s="6" t="s">
        <v>28694</v>
      </c>
      <c r="D27863" s="6"/>
      <c r="E27863" s="6" t="s">
        <v>18740</v>
      </c>
      <c r="F27863" s="7">
        <v>38657</v>
      </c>
      <c r="G27863" s="8">
        <v>12111276</v>
      </c>
      <c r="H27863" s="8">
        <v>12111276</v>
      </c>
      <c r="I27863" s="8">
        <v>0</v>
      </c>
      <c r="J27863" s="8">
        <v>12111276</v>
      </c>
      <c r="K27863" s="9">
        <v>1187.3800000000001</v>
      </c>
      <c r="L27863" s="6" t="s">
        <v>10</v>
      </c>
    </row>
    <row r="27864" spans="1:12">
      <c r="A27864" s="6" t="s">
        <v>28690</v>
      </c>
      <c r="B27864" s="6"/>
      <c r="C27864" s="6" t="s">
        <v>28695</v>
      </c>
      <c r="D27864" s="6"/>
      <c r="E27864" s="6" t="s">
        <v>18740</v>
      </c>
      <c r="F27864" s="7">
        <v>38657</v>
      </c>
      <c r="G27864" s="8">
        <v>6495972</v>
      </c>
      <c r="H27864" s="8">
        <v>6495972</v>
      </c>
      <c r="I27864" s="8">
        <v>0</v>
      </c>
      <c r="J27864" s="8">
        <v>6495972</v>
      </c>
      <c r="K27864" s="9">
        <v>636.86</v>
      </c>
      <c r="L27864" s="6" t="s">
        <v>1694</v>
      </c>
    </row>
    <row r="27865" spans="1:12">
      <c r="A27865" s="6" t="s">
        <v>28690</v>
      </c>
      <c r="B27865" s="6"/>
      <c r="C27865" s="6" t="s">
        <v>28696</v>
      </c>
      <c r="D27865" s="6"/>
      <c r="E27865" s="6" t="s">
        <v>18740</v>
      </c>
      <c r="F27865" s="7">
        <v>38657</v>
      </c>
      <c r="G27865" s="8">
        <v>4537368</v>
      </c>
      <c r="H27865" s="8">
        <v>4537368</v>
      </c>
      <c r="I27865" s="8">
        <v>0</v>
      </c>
      <c r="J27865" s="8">
        <v>4537368</v>
      </c>
      <c r="K27865" s="9">
        <v>444.84</v>
      </c>
      <c r="L27865" s="6" t="s">
        <v>1694</v>
      </c>
    </row>
    <row r="27866" spans="1:12">
      <c r="A27866" s="6" t="s">
        <v>28690</v>
      </c>
      <c r="B27866" s="6"/>
      <c r="C27866" s="6" t="s">
        <v>28697</v>
      </c>
      <c r="D27866" s="6"/>
      <c r="E27866" s="6" t="s">
        <v>18740</v>
      </c>
      <c r="F27866" s="7">
        <v>38657</v>
      </c>
      <c r="G27866" s="8">
        <v>3754620</v>
      </c>
      <c r="H27866" s="8">
        <v>3754620</v>
      </c>
      <c r="I27866" s="8">
        <v>0</v>
      </c>
      <c r="J27866" s="8">
        <v>3754620</v>
      </c>
      <c r="K27866" s="9">
        <v>368.1</v>
      </c>
      <c r="L27866" s="6" t="s">
        <v>1694</v>
      </c>
    </row>
    <row r="27867" spans="1:12">
      <c r="A27867" s="6" t="s">
        <v>28690</v>
      </c>
      <c r="B27867" s="6"/>
      <c r="C27867" s="6" t="s">
        <v>28698</v>
      </c>
      <c r="D27867" s="6"/>
      <c r="E27867" s="6" t="s">
        <v>18740</v>
      </c>
      <c r="F27867" s="7">
        <v>38657</v>
      </c>
      <c r="G27867" s="8">
        <v>2883600</v>
      </c>
      <c r="H27867" s="8">
        <v>2883600</v>
      </c>
      <c r="I27867" s="8">
        <v>0</v>
      </c>
      <c r="J27867" s="8">
        <v>2883600</v>
      </c>
      <c r="K27867" s="9">
        <v>178</v>
      </c>
      <c r="L27867" s="6" t="s">
        <v>1694</v>
      </c>
    </row>
    <row r="27868" spans="1:12">
      <c r="A27868" s="6" t="s">
        <v>28690</v>
      </c>
      <c r="B27868" s="6"/>
      <c r="C27868" s="6" t="s">
        <v>28699</v>
      </c>
      <c r="D27868" s="6"/>
      <c r="E27868" s="6" t="s">
        <v>18740</v>
      </c>
      <c r="F27868" s="7">
        <v>38657</v>
      </c>
      <c r="G27868" s="8">
        <v>3094200</v>
      </c>
      <c r="H27868" s="8">
        <v>3094200</v>
      </c>
      <c r="I27868" s="8">
        <v>0</v>
      </c>
      <c r="J27868" s="8">
        <v>3094200</v>
      </c>
      <c r="K27868" s="9">
        <v>191</v>
      </c>
      <c r="L27868" s="6" t="s">
        <v>1694</v>
      </c>
    </row>
    <row r="27869" spans="1:12">
      <c r="A27869" s="6" t="s">
        <v>28690</v>
      </c>
      <c r="B27869" s="6"/>
      <c r="C27869" s="6" t="s">
        <v>28700</v>
      </c>
      <c r="D27869" s="6"/>
      <c r="E27869" s="6" t="s">
        <v>18740</v>
      </c>
      <c r="F27869" s="7">
        <v>38657</v>
      </c>
      <c r="G27869" s="8">
        <v>3742200</v>
      </c>
      <c r="H27869" s="8">
        <v>3742200</v>
      </c>
      <c r="I27869" s="8">
        <v>0</v>
      </c>
      <c r="J27869" s="8">
        <v>3742200</v>
      </c>
      <c r="K27869" s="9">
        <v>231</v>
      </c>
      <c r="L27869" s="6" t="s">
        <v>1694</v>
      </c>
    </row>
    <row r="27870" spans="1:12">
      <c r="A27870" s="6" t="s">
        <v>28690</v>
      </c>
      <c r="B27870" s="6"/>
      <c r="C27870" s="6" t="s">
        <v>28701</v>
      </c>
      <c r="D27870" s="6"/>
      <c r="E27870" s="6" t="s">
        <v>18740</v>
      </c>
      <c r="F27870" s="7">
        <v>38657</v>
      </c>
      <c r="G27870" s="8">
        <v>2349000</v>
      </c>
      <c r="H27870" s="8">
        <v>2349000</v>
      </c>
      <c r="I27870" s="8">
        <v>0</v>
      </c>
      <c r="J27870" s="8">
        <v>2349000</v>
      </c>
      <c r="K27870" s="9">
        <v>145</v>
      </c>
      <c r="L27870" s="6" t="s">
        <v>1694</v>
      </c>
    </row>
    <row r="27871" spans="1:12">
      <c r="A27871" s="6" t="s">
        <v>28702</v>
      </c>
      <c r="B27871" s="6"/>
      <c r="C27871" s="6" t="s">
        <v>28703</v>
      </c>
      <c r="D27871" s="6"/>
      <c r="E27871" s="6" t="s">
        <v>18740</v>
      </c>
      <c r="F27871" s="7">
        <v>38657</v>
      </c>
      <c r="G27871" s="8">
        <v>5967000</v>
      </c>
      <c r="H27871" s="8">
        <v>5967000</v>
      </c>
      <c r="I27871" s="8">
        <v>0</v>
      </c>
      <c r="J27871" s="8">
        <v>5967000</v>
      </c>
      <c r="K27871" s="9">
        <v>195</v>
      </c>
      <c r="L27871" s="6" t="s">
        <v>1694</v>
      </c>
    </row>
    <row r="27872" spans="1:12">
      <c r="A27872" s="6" t="s">
        <v>28702</v>
      </c>
      <c r="B27872" s="6"/>
      <c r="C27872" s="6" t="s">
        <v>28704</v>
      </c>
      <c r="D27872" s="6"/>
      <c r="E27872" s="6" t="s">
        <v>18740</v>
      </c>
      <c r="F27872" s="7">
        <v>38657</v>
      </c>
      <c r="G27872" s="8">
        <v>18857000</v>
      </c>
      <c r="H27872" s="8">
        <v>18857000</v>
      </c>
      <c r="I27872" s="8">
        <v>0</v>
      </c>
      <c r="J27872" s="8">
        <v>18857000</v>
      </c>
      <c r="K27872" s="9">
        <v>545</v>
      </c>
      <c r="L27872" s="6" t="s">
        <v>1694</v>
      </c>
    </row>
    <row r="27873" spans="1:12">
      <c r="A27873" s="6" t="s">
        <v>28702</v>
      </c>
      <c r="B27873" s="6"/>
      <c r="C27873" s="6" t="s">
        <v>28705</v>
      </c>
      <c r="D27873" s="6"/>
      <c r="E27873" s="6" t="s">
        <v>18740</v>
      </c>
      <c r="F27873" s="7">
        <v>38657</v>
      </c>
      <c r="G27873" s="8">
        <v>11764000</v>
      </c>
      <c r="H27873" s="8">
        <v>11764000</v>
      </c>
      <c r="I27873" s="8">
        <v>0</v>
      </c>
      <c r="J27873" s="8">
        <v>11764000</v>
      </c>
      <c r="K27873" s="9">
        <v>340</v>
      </c>
      <c r="L27873" s="6" t="s">
        <v>1694</v>
      </c>
    </row>
    <row r="27874" spans="1:12">
      <c r="A27874" s="6" t="s">
        <v>28702</v>
      </c>
      <c r="B27874" s="6"/>
      <c r="C27874" s="6" t="s">
        <v>28706</v>
      </c>
      <c r="D27874" s="6"/>
      <c r="E27874" s="6" t="s">
        <v>18740</v>
      </c>
      <c r="F27874" s="7">
        <v>38657</v>
      </c>
      <c r="G27874" s="8">
        <v>16469600</v>
      </c>
      <c r="H27874" s="8">
        <v>16469600</v>
      </c>
      <c r="I27874" s="8">
        <v>0</v>
      </c>
      <c r="J27874" s="8">
        <v>16469600</v>
      </c>
      <c r="K27874" s="9">
        <v>476</v>
      </c>
      <c r="L27874" s="6" t="s">
        <v>1694</v>
      </c>
    </row>
    <row r="27875" spans="1:12">
      <c r="A27875" s="6" t="s">
        <v>28702</v>
      </c>
      <c r="B27875" s="6"/>
      <c r="C27875" s="6" t="s">
        <v>28707</v>
      </c>
      <c r="D27875" s="6"/>
      <c r="E27875" s="6" t="s">
        <v>18740</v>
      </c>
      <c r="F27875" s="7">
        <v>38657</v>
      </c>
      <c r="G27875" s="8">
        <v>5232600</v>
      </c>
      <c r="H27875" s="8">
        <v>5232600</v>
      </c>
      <c r="I27875" s="8">
        <v>0</v>
      </c>
      <c r="J27875" s="8">
        <v>5232600</v>
      </c>
      <c r="K27875" s="9">
        <v>171</v>
      </c>
      <c r="L27875" s="6" t="s">
        <v>1694</v>
      </c>
    </row>
    <row r="27876" spans="1:12">
      <c r="A27876" s="6" t="s">
        <v>28702</v>
      </c>
      <c r="B27876" s="6"/>
      <c r="C27876" s="6" t="s">
        <v>28708</v>
      </c>
      <c r="D27876" s="6"/>
      <c r="E27876" s="6" t="s">
        <v>18740</v>
      </c>
      <c r="F27876" s="7">
        <v>38657</v>
      </c>
      <c r="G27876" s="8">
        <v>3335400</v>
      </c>
      <c r="H27876" s="8">
        <v>3335400</v>
      </c>
      <c r="I27876" s="8">
        <v>0</v>
      </c>
      <c r="J27876" s="8">
        <v>3335400</v>
      </c>
      <c r="K27876" s="9">
        <v>109</v>
      </c>
      <c r="L27876" s="6" t="s">
        <v>1694</v>
      </c>
    </row>
    <row r="27877" spans="1:12">
      <c r="A27877" s="6" t="s">
        <v>28702</v>
      </c>
      <c r="B27877" s="6"/>
      <c r="C27877" s="6" t="s">
        <v>28709</v>
      </c>
      <c r="D27877" s="6"/>
      <c r="E27877" s="6" t="s">
        <v>18740</v>
      </c>
      <c r="F27877" s="7">
        <v>38657</v>
      </c>
      <c r="G27877" s="8">
        <v>5661000</v>
      </c>
      <c r="H27877" s="8">
        <v>5661000</v>
      </c>
      <c r="I27877" s="8">
        <v>0</v>
      </c>
      <c r="J27877" s="8">
        <v>5661000</v>
      </c>
      <c r="K27877" s="9">
        <v>185</v>
      </c>
      <c r="L27877" s="6" t="s">
        <v>1694</v>
      </c>
    </row>
    <row r="27878" spans="1:12">
      <c r="A27878" s="6" t="s">
        <v>28702</v>
      </c>
      <c r="B27878" s="6"/>
      <c r="C27878" s="6" t="s">
        <v>28710</v>
      </c>
      <c r="D27878" s="6"/>
      <c r="E27878" s="6" t="s">
        <v>18740</v>
      </c>
      <c r="F27878" s="7">
        <v>38657</v>
      </c>
      <c r="G27878" s="8">
        <v>8476200</v>
      </c>
      <c r="H27878" s="8">
        <v>8476200</v>
      </c>
      <c r="I27878" s="8">
        <v>0</v>
      </c>
      <c r="J27878" s="8">
        <v>8476200</v>
      </c>
      <c r="K27878" s="9">
        <v>277</v>
      </c>
      <c r="L27878" s="6" t="s">
        <v>1694</v>
      </c>
    </row>
    <row r="27879" spans="1:12">
      <c r="A27879" s="6" t="s">
        <v>28702</v>
      </c>
      <c r="B27879" s="6"/>
      <c r="C27879" s="6" t="s">
        <v>28711</v>
      </c>
      <c r="D27879" s="6"/>
      <c r="E27879" s="6" t="s">
        <v>18740</v>
      </c>
      <c r="F27879" s="7">
        <v>38657</v>
      </c>
      <c r="G27879" s="8">
        <v>2111400</v>
      </c>
      <c r="H27879" s="8">
        <v>2111400</v>
      </c>
      <c r="I27879" s="8">
        <v>0</v>
      </c>
      <c r="J27879" s="8">
        <v>2111400</v>
      </c>
      <c r="K27879" s="9">
        <v>69</v>
      </c>
      <c r="L27879" s="6" t="s">
        <v>1694</v>
      </c>
    </row>
    <row r="27880" spans="1:12">
      <c r="A27880" s="6" t="s">
        <v>28702</v>
      </c>
      <c r="B27880" s="6"/>
      <c r="C27880" s="6" t="s">
        <v>28712</v>
      </c>
      <c r="D27880" s="6"/>
      <c r="E27880" s="6" t="s">
        <v>18740</v>
      </c>
      <c r="F27880" s="7">
        <v>38657</v>
      </c>
      <c r="G27880" s="8">
        <v>21542400</v>
      </c>
      <c r="H27880" s="8">
        <v>21542400</v>
      </c>
      <c r="I27880" s="8">
        <v>0</v>
      </c>
      <c r="J27880" s="8">
        <v>21542400</v>
      </c>
      <c r="K27880" s="9">
        <v>704</v>
      </c>
      <c r="L27880" s="6" t="s">
        <v>1694</v>
      </c>
    </row>
    <row r="27881" spans="1:12">
      <c r="A27881" s="6" t="s">
        <v>28702</v>
      </c>
      <c r="B27881" s="6"/>
      <c r="C27881" s="6" t="s">
        <v>28713</v>
      </c>
      <c r="D27881" s="6"/>
      <c r="E27881" s="6" t="s">
        <v>18740</v>
      </c>
      <c r="F27881" s="7">
        <v>38657</v>
      </c>
      <c r="G27881" s="8">
        <v>31395600</v>
      </c>
      <c r="H27881" s="8">
        <v>31395600</v>
      </c>
      <c r="I27881" s="8">
        <v>0</v>
      </c>
      <c r="J27881" s="8">
        <v>31395600</v>
      </c>
      <c r="K27881" s="9">
        <v>1026</v>
      </c>
      <c r="L27881" s="6" t="s">
        <v>1694</v>
      </c>
    </row>
    <row r="27882" spans="1:12">
      <c r="A27882" s="6" t="s">
        <v>28702</v>
      </c>
      <c r="B27882" s="6"/>
      <c r="C27882" s="6" t="s">
        <v>28714</v>
      </c>
      <c r="D27882" s="6"/>
      <c r="E27882" s="6" t="s">
        <v>18740</v>
      </c>
      <c r="F27882" s="7">
        <v>38657</v>
      </c>
      <c r="G27882" s="8">
        <v>13355600</v>
      </c>
      <c r="H27882" s="8">
        <v>13355600</v>
      </c>
      <c r="I27882" s="8">
        <v>0</v>
      </c>
      <c r="J27882" s="8">
        <v>13355600</v>
      </c>
      <c r="K27882" s="9">
        <v>386</v>
      </c>
      <c r="L27882" s="6" t="s">
        <v>1694</v>
      </c>
    </row>
    <row r="27883" spans="1:12">
      <c r="A27883" s="6" t="s">
        <v>28715</v>
      </c>
      <c r="B27883" s="6"/>
      <c r="C27883" s="6" t="s">
        <v>28716</v>
      </c>
      <c r="D27883" s="6"/>
      <c r="E27883" s="6" t="s">
        <v>9</v>
      </c>
      <c r="F27883" s="7">
        <v>38657</v>
      </c>
      <c r="G27883" s="8">
        <v>13135500</v>
      </c>
      <c r="H27883" s="8">
        <v>13135500</v>
      </c>
      <c r="I27883" s="8">
        <v>0</v>
      </c>
      <c r="J27883" s="8">
        <v>13135500</v>
      </c>
      <c r="K27883" s="9">
        <v>417</v>
      </c>
      <c r="L27883" s="6" t="s">
        <v>10</v>
      </c>
    </row>
    <row r="27884" spans="1:12">
      <c r="A27884" s="6" t="s">
        <v>28717</v>
      </c>
      <c r="B27884" s="6"/>
      <c r="C27884" s="6" t="s">
        <v>28718</v>
      </c>
      <c r="D27884" s="6"/>
      <c r="E27884" s="6" t="s">
        <v>25121</v>
      </c>
      <c r="F27884" s="7">
        <v>38657</v>
      </c>
      <c r="G27884" s="8">
        <v>76680</v>
      </c>
      <c r="H27884" s="8">
        <v>76680</v>
      </c>
      <c r="I27884" s="8">
        <v>0</v>
      </c>
      <c r="J27884" s="8">
        <v>76680</v>
      </c>
      <c r="K27884" s="9">
        <v>15</v>
      </c>
      <c r="L27884" s="6" t="s">
        <v>23</v>
      </c>
    </row>
    <row r="27885" spans="1:12">
      <c r="A27885" s="6" t="s">
        <v>28717</v>
      </c>
      <c r="B27885" s="6"/>
      <c r="C27885" s="6" t="s">
        <v>28719</v>
      </c>
      <c r="D27885" s="6"/>
      <c r="E27885" s="6" t="s">
        <v>25121</v>
      </c>
      <c r="F27885" s="7">
        <v>38657</v>
      </c>
      <c r="G27885" s="8">
        <v>184032</v>
      </c>
      <c r="H27885" s="8">
        <v>184032</v>
      </c>
      <c r="I27885" s="8">
        <v>0</v>
      </c>
      <c r="J27885" s="8">
        <v>184032</v>
      </c>
      <c r="K27885" s="9">
        <v>36</v>
      </c>
      <c r="L27885" s="6" t="s">
        <v>23</v>
      </c>
    </row>
    <row r="27886" spans="1:12">
      <c r="A27886" s="6" t="s">
        <v>28720</v>
      </c>
      <c r="B27886" s="6"/>
      <c r="C27886" s="6" t="s">
        <v>28721</v>
      </c>
      <c r="D27886" s="6"/>
      <c r="E27886" s="6" t="s">
        <v>9</v>
      </c>
      <c r="F27886" s="7">
        <v>38657</v>
      </c>
      <c r="G27886" s="8">
        <v>59039200</v>
      </c>
      <c r="H27886" s="8">
        <v>59039200</v>
      </c>
      <c r="I27886" s="8">
        <v>0</v>
      </c>
      <c r="J27886" s="8">
        <v>59039200</v>
      </c>
      <c r="K27886" s="9">
        <v>1073.44</v>
      </c>
      <c r="L27886" s="6" t="s">
        <v>10</v>
      </c>
    </row>
    <row r="27887" spans="1:12">
      <c r="A27887" s="6" t="s">
        <v>28722</v>
      </c>
      <c r="B27887" s="6"/>
      <c r="C27887" s="6" t="s">
        <v>28723</v>
      </c>
      <c r="D27887" s="6"/>
      <c r="E27887" s="6" t="s">
        <v>9</v>
      </c>
      <c r="F27887" s="7">
        <v>38657</v>
      </c>
      <c r="G27887" s="8">
        <v>132912</v>
      </c>
      <c r="H27887" s="8">
        <v>132912</v>
      </c>
      <c r="I27887" s="8">
        <v>0</v>
      </c>
      <c r="J27887" s="8">
        <v>132912</v>
      </c>
      <c r="K27887" s="9">
        <v>26</v>
      </c>
      <c r="L27887" s="6" t="s">
        <v>23</v>
      </c>
    </row>
    <row r="27888" spans="1:12">
      <c r="A27888" s="6" t="s">
        <v>28722</v>
      </c>
      <c r="B27888" s="6"/>
      <c r="C27888" s="6" t="s">
        <v>28724</v>
      </c>
      <c r="D27888" s="6"/>
      <c r="E27888" s="6" t="s">
        <v>9</v>
      </c>
      <c r="F27888" s="7">
        <v>38657</v>
      </c>
      <c r="G27888" s="8">
        <v>8536500</v>
      </c>
      <c r="H27888" s="8">
        <v>8536500</v>
      </c>
      <c r="I27888" s="8">
        <v>0</v>
      </c>
      <c r="J27888" s="8">
        <v>8536500</v>
      </c>
      <c r="K27888" s="9">
        <v>271</v>
      </c>
      <c r="L27888" s="6" t="s">
        <v>10</v>
      </c>
    </row>
    <row r="27889" spans="1:12">
      <c r="A27889" s="6" t="s">
        <v>28722</v>
      </c>
      <c r="B27889" s="6"/>
      <c r="C27889" s="6" t="s">
        <v>28725</v>
      </c>
      <c r="D27889" s="6"/>
      <c r="E27889" s="6" t="s">
        <v>9</v>
      </c>
      <c r="F27889" s="7">
        <v>38657</v>
      </c>
      <c r="G27889" s="8">
        <v>199368</v>
      </c>
      <c r="H27889" s="8">
        <v>199368</v>
      </c>
      <c r="I27889" s="8">
        <v>0</v>
      </c>
      <c r="J27889" s="8">
        <v>199368</v>
      </c>
      <c r="K27889" s="9">
        <v>39</v>
      </c>
      <c r="L27889" s="6" t="s">
        <v>23</v>
      </c>
    </row>
    <row r="27890" spans="1:12">
      <c r="A27890" s="6" t="s">
        <v>28722</v>
      </c>
      <c r="B27890" s="6"/>
      <c r="C27890" s="6" t="s">
        <v>28726</v>
      </c>
      <c r="D27890" s="6"/>
      <c r="E27890" s="6" t="s">
        <v>9</v>
      </c>
      <c r="F27890" s="7">
        <v>38657</v>
      </c>
      <c r="G27890" s="8">
        <v>3528000</v>
      </c>
      <c r="H27890" s="8">
        <v>3528000</v>
      </c>
      <c r="I27890" s="8">
        <v>0</v>
      </c>
      <c r="J27890" s="8">
        <v>3528000</v>
      </c>
      <c r="K27890" s="9">
        <v>112</v>
      </c>
      <c r="L27890" s="6" t="s">
        <v>10</v>
      </c>
    </row>
    <row r="27891" spans="1:12">
      <c r="A27891" s="6" t="s">
        <v>28722</v>
      </c>
      <c r="B27891" s="6"/>
      <c r="C27891" s="6" t="s">
        <v>28727</v>
      </c>
      <c r="D27891" s="6"/>
      <c r="E27891" s="6" t="s">
        <v>9</v>
      </c>
      <c r="F27891" s="7">
        <v>38657</v>
      </c>
      <c r="G27891" s="8">
        <v>308700</v>
      </c>
      <c r="H27891" s="8">
        <v>308700</v>
      </c>
      <c r="I27891" s="8">
        <v>0</v>
      </c>
      <c r="J27891" s="8">
        <v>308700</v>
      </c>
      <c r="K27891" s="9">
        <v>9.8000000000000007</v>
      </c>
      <c r="L27891" s="6" t="s">
        <v>10</v>
      </c>
    </row>
    <row r="27892" spans="1:12">
      <c r="A27892" s="6" t="s">
        <v>28722</v>
      </c>
      <c r="B27892" s="6"/>
      <c r="C27892" s="6" t="s">
        <v>28728</v>
      </c>
      <c r="D27892" s="6"/>
      <c r="E27892" s="6" t="s">
        <v>9</v>
      </c>
      <c r="F27892" s="7">
        <v>38657</v>
      </c>
      <c r="G27892" s="8">
        <v>41867</v>
      </c>
      <c r="H27892" s="8">
        <v>41867</v>
      </c>
      <c r="I27892" s="8">
        <v>0</v>
      </c>
      <c r="J27892" s="8">
        <v>41867</v>
      </c>
      <c r="K27892" s="9">
        <v>8.19</v>
      </c>
      <c r="L27892" s="6" t="s">
        <v>23</v>
      </c>
    </row>
    <row r="27893" spans="1:12">
      <c r="A27893" s="6" t="s">
        <v>28722</v>
      </c>
      <c r="B27893" s="6"/>
      <c r="C27893" s="6" t="s">
        <v>28729</v>
      </c>
      <c r="D27893" s="6"/>
      <c r="E27893" s="6" t="s">
        <v>9</v>
      </c>
      <c r="F27893" s="7">
        <v>38657</v>
      </c>
      <c r="G27893" s="8">
        <v>48103</v>
      </c>
      <c r="H27893" s="8">
        <v>48103</v>
      </c>
      <c r="I27893" s="8">
        <v>0</v>
      </c>
      <c r="J27893" s="8">
        <v>48103</v>
      </c>
      <c r="K27893" s="9">
        <v>9.41</v>
      </c>
      <c r="L27893" s="6" t="s">
        <v>23</v>
      </c>
    </row>
    <row r="27894" spans="1:12">
      <c r="A27894" s="6" t="s">
        <v>28722</v>
      </c>
      <c r="B27894" s="6"/>
      <c r="C27894" s="6" t="s">
        <v>28730</v>
      </c>
      <c r="D27894" s="6"/>
      <c r="E27894" s="6" t="s">
        <v>9</v>
      </c>
      <c r="F27894" s="7">
        <v>38657</v>
      </c>
      <c r="G27894" s="8">
        <v>107352</v>
      </c>
      <c r="H27894" s="8">
        <v>107352</v>
      </c>
      <c r="I27894" s="8">
        <v>0</v>
      </c>
      <c r="J27894" s="8">
        <v>107352</v>
      </c>
      <c r="K27894" s="9">
        <v>21</v>
      </c>
      <c r="L27894" s="6" t="s">
        <v>23</v>
      </c>
    </row>
    <row r="27895" spans="1:12">
      <c r="A27895" s="6" t="s">
        <v>28722</v>
      </c>
      <c r="B27895" s="6"/>
      <c r="C27895" s="6" t="s">
        <v>28731</v>
      </c>
      <c r="D27895" s="6"/>
      <c r="E27895" s="6" t="s">
        <v>9</v>
      </c>
      <c r="F27895" s="7">
        <v>38657</v>
      </c>
      <c r="G27895" s="8">
        <v>4378500</v>
      </c>
      <c r="H27895" s="8">
        <v>4378500</v>
      </c>
      <c r="I27895" s="8">
        <v>0</v>
      </c>
      <c r="J27895" s="8">
        <v>4378500</v>
      </c>
      <c r="K27895" s="9">
        <v>139</v>
      </c>
      <c r="L27895" s="6" t="s">
        <v>10</v>
      </c>
    </row>
    <row r="27896" spans="1:12">
      <c r="A27896" s="6" t="s">
        <v>28722</v>
      </c>
      <c r="B27896" s="6"/>
      <c r="C27896" s="6" t="s">
        <v>28732</v>
      </c>
      <c r="D27896" s="6"/>
      <c r="E27896" s="6" t="s">
        <v>9</v>
      </c>
      <c r="F27896" s="7">
        <v>38657</v>
      </c>
      <c r="G27896" s="8">
        <v>850500</v>
      </c>
      <c r="H27896" s="8">
        <v>850500</v>
      </c>
      <c r="I27896" s="8">
        <v>0</v>
      </c>
      <c r="J27896" s="8">
        <v>850500</v>
      </c>
      <c r="K27896" s="9">
        <v>27</v>
      </c>
      <c r="L27896" s="6" t="s">
        <v>10</v>
      </c>
    </row>
    <row r="27897" spans="1:12">
      <c r="A27897" s="6" t="s">
        <v>28733</v>
      </c>
      <c r="B27897" s="6"/>
      <c r="C27897" s="6" t="s">
        <v>28734</v>
      </c>
      <c r="D27897" s="6"/>
      <c r="E27897" s="6" t="s">
        <v>25121</v>
      </c>
      <c r="F27897" s="7">
        <v>38657</v>
      </c>
      <c r="G27897" s="8">
        <v>714000</v>
      </c>
      <c r="H27897" s="8">
        <v>714000</v>
      </c>
      <c r="I27897" s="8">
        <v>0</v>
      </c>
      <c r="J27897" s="8">
        <v>714000</v>
      </c>
      <c r="K27897" s="9">
        <v>68</v>
      </c>
      <c r="L27897" s="6" t="s">
        <v>10</v>
      </c>
    </row>
    <row r="27898" spans="1:12">
      <c r="A27898" s="6" t="s">
        <v>28735</v>
      </c>
      <c r="B27898" s="6"/>
      <c r="C27898" s="6" t="s">
        <v>28736</v>
      </c>
      <c r="D27898" s="6"/>
      <c r="E27898" s="6" t="s">
        <v>9</v>
      </c>
      <c r="F27898" s="7">
        <v>38657</v>
      </c>
      <c r="G27898" s="8">
        <v>168696</v>
      </c>
      <c r="H27898" s="8">
        <v>168696</v>
      </c>
      <c r="I27898" s="8">
        <v>0</v>
      </c>
      <c r="J27898" s="8">
        <v>168696</v>
      </c>
      <c r="K27898" s="9">
        <v>33</v>
      </c>
      <c r="L27898" s="6" t="s">
        <v>14</v>
      </c>
    </row>
    <row r="27899" spans="1:12">
      <c r="A27899" s="6" t="s">
        <v>28735</v>
      </c>
      <c r="B27899" s="6"/>
      <c r="C27899" s="6" t="s">
        <v>28737</v>
      </c>
      <c r="D27899" s="6"/>
      <c r="E27899" s="6" t="s">
        <v>9</v>
      </c>
      <c r="F27899" s="7">
        <v>38657</v>
      </c>
      <c r="G27899" s="8">
        <v>760461</v>
      </c>
      <c r="H27899" s="8">
        <v>760461</v>
      </c>
      <c r="I27899" s="8">
        <v>0</v>
      </c>
      <c r="J27899" s="8">
        <v>760461</v>
      </c>
      <c r="K27899" s="9">
        <v>148.76</v>
      </c>
      <c r="L27899" s="6" t="s">
        <v>14</v>
      </c>
    </row>
    <row r="27900" spans="1:12">
      <c r="A27900" s="6" t="s">
        <v>28735</v>
      </c>
      <c r="B27900" s="6"/>
      <c r="C27900" s="6" t="s">
        <v>28738</v>
      </c>
      <c r="D27900" s="6"/>
      <c r="E27900" s="6" t="s">
        <v>9</v>
      </c>
      <c r="F27900" s="7">
        <v>38657</v>
      </c>
      <c r="G27900" s="8">
        <v>726619</v>
      </c>
      <c r="H27900" s="8">
        <v>726619</v>
      </c>
      <c r="I27900" s="8">
        <v>0</v>
      </c>
      <c r="J27900" s="8">
        <v>726619</v>
      </c>
      <c r="K27900" s="9">
        <v>142.13999999999899</v>
      </c>
      <c r="L27900" s="6" t="s">
        <v>14</v>
      </c>
    </row>
    <row r="27901" spans="1:12">
      <c r="A27901" s="6" t="s">
        <v>28735</v>
      </c>
      <c r="B27901" s="6"/>
      <c r="C27901" s="6" t="s">
        <v>28739</v>
      </c>
      <c r="D27901" s="6"/>
      <c r="E27901" s="6" t="s">
        <v>9</v>
      </c>
      <c r="F27901" s="7">
        <v>38657</v>
      </c>
      <c r="G27901" s="8">
        <v>1639213</v>
      </c>
      <c r="H27901" s="8">
        <v>1639213</v>
      </c>
      <c r="I27901" s="8">
        <v>0</v>
      </c>
      <c r="J27901" s="8">
        <v>1639213</v>
      </c>
      <c r="K27901" s="9">
        <v>320.66000000000003</v>
      </c>
      <c r="L27901" s="6" t="s">
        <v>14</v>
      </c>
    </row>
    <row r="27902" spans="1:12">
      <c r="A27902" s="6" t="s">
        <v>28735</v>
      </c>
      <c r="B27902" s="6"/>
      <c r="C27902" s="6" t="s">
        <v>28740</v>
      </c>
      <c r="D27902" s="6"/>
      <c r="E27902" s="6" t="s">
        <v>9</v>
      </c>
      <c r="F27902" s="7">
        <v>38657</v>
      </c>
      <c r="G27902" s="8">
        <v>2545776</v>
      </c>
      <c r="H27902" s="8">
        <v>2545776</v>
      </c>
      <c r="I27902" s="8">
        <v>0</v>
      </c>
      <c r="J27902" s="8">
        <v>2545776</v>
      </c>
      <c r="K27902" s="9">
        <v>498</v>
      </c>
      <c r="L27902" s="6" t="s">
        <v>14</v>
      </c>
    </row>
    <row r="27903" spans="1:12">
      <c r="A27903" s="6" t="s">
        <v>28735</v>
      </c>
      <c r="B27903" s="6"/>
      <c r="C27903" s="6" t="s">
        <v>28741</v>
      </c>
      <c r="D27903" s="6"/>
      <c r="E27903" s="6" t="s">
        <v>9</v>
      </c>
      <c r="F27903" s="7">
        <v>38657</v>
      </c>
      <c r="G27903" s="8">
        <v>68439456</v>
      </c>
      <c r="H27903" s="8">
        <v>68439456</v>
      </c>
      <c r="I27903" s="8">
        <v>0</v>
      </c>
      <c r="J27903" s="8">
        <v>68439456</v>
      </c>
      <c r="K27903" s="9">
        <v>13388</v>
      </c>
      <c r="L27903" s="6" t="s">
        <v>14</v>
      </c>
    </row>
    <row r="27904" spans="1:12">
      <c r="A27904" s="6" t="s">
        <v>28735</v>
      </c>
      <c r="B27904" s="6"/>
      <c r="C27904" s="6" t="s">
        <v>28742</v>
      </c>
      <c r="D27904" s="6"/>
      <c r="E27904" s="6" t="s">
        <v>9</v>
      </c>
      <c r="F27904" s="7">
        <v>38657</v>
      </c>
      <c r="G27904" s="8">
        <v>403848</v>
      </c>
      <c r="H27904" s="8">
        <v>403848</v>
      </c>
      <c r="I27904" s="8">
        <v>0</v>
      </c>
      <c r="J27904" s="8">
        <v>403848</v>
      </c>
      <c r="K27904" s="9">
        <v>79</v>
      </c>
      <c r="L27904" s="6" t="s">
        <v>14</v>
      </c>
    </row>
    <row r="27905" spans="1:12">
      <c r="A27905" s="6" t="s">
        <v>28735</v>
      </c>
      <c r="B27905" s="6"/>
      <c r="C27905" s="6" t="s">
        <v>28743</v>
      </c>
      <c r="D27905" s="6"/>
      <c r="E27905" s="6" t="s">
        <v>9</v>
      </c>
      <c r="F27905" s="7">
        <v>38657</v>
      </c>
      <c r="G27905" s="8">
        <v>354875</v>
      </c>
      <c r="H27905" s="8">
        <v>354875</v>
      </c>
      <c r="I27905" s="8">
        <v>0</v>
      </c>
      <c r="J27905" s="8">
        <v>354875</v>
      </c>
      <c r="K27905" s="9">
        <v>69.42</v>
      </c>
      <c r="L27905" s="6" t="s">
        <v>14</v>
      </c>
    </row>
    <row r="27906" spans="1:12">
      <c r="A27906" s="6" t="s">
        <v>28735</v>
      </c>
      <c r="B27906" s="6"/>
      <c r="C27906" s="6" t="s">
        <v>28744</v>
      </c>
      <c r="D27906" s="6"/>
      <c r="E27906" s="6" t="s">
        <v>9</v>
      </c>
      <c r="F27906" s="7">
        <v>38657</v>
      </c>
      <c r="G27906" s="8">
        <v>1132205</v>
      </c>
      <c r="H27906" s="8">
        <v>1132205</v>
      </c>
      <c r="I27906" s="8">
        <v>0</v>
      </c>
      <c r="J27906" s="8">
        <v>1132205</v>
      </c>
      <c r="K27906" s="9">
        <v>221.48</v>
      </c>
      <c r="L27906" s="6" t="s">
        <v>14</v>
      </c>
    </row>
    <row r="27907" spans="1:12">
      <c r="A27907" s="6" t="s">
        <v>28735</v>
      </c>
      <c r="B27907" s="6"/>
      <c r="C27907" s="6" t="s">
        <v>28745</v>
      </c>
      <c r="D27907" s="6"/>
      <c r="E27907" s="6" t="s">
        <v>9</v>
      </c>
      <c r="F27907" s="7">
        <v>38657</v>
      </c>
      <c r="G27907" s="8">
        <v>980123</v>
      </c>
      <c r="H27907" s="8">
        <v>980123</v>
      </c>
      <c r="I27907" s="8">
        <v>0</v>
      </c>
      <c r="J27907" s="8">
        <v>980123</v>
      </c>
      <c r="K27907" s="9">
        <v>191.73</v>
      </c>
      <c r="L27907" s="6" t="s">
        <v>14</v>
      </c>
    </row>
    <row r="27908" spans="1:12">
      <c r="A27908" s="6" t="s">
        <v>28735</v>
      </c>
      <c r="B27908" s="6"/>
      <c r="C27908" s="6" t="s">
        <v>28746</v>
      </c>
      <c r="D27908" s="6"/>
      <c r="E27908" s="6" t="s">
        <v>9</v>
      </c>
      <c r="F27908" s="7">
        <v>38657</v>
      </c>
      <c r="G27908" s="8">
        <v>726619</v>
      </c>
      <c r="H27908" s="8">
        <v>726619</v>
      </c>
      <c r="I27908" s="8">
        <v>0</v>
      </c>
      <c r="J27908" s="8">
        <v>726619</v>
      </c>
      <c r="K27908" s="9">
        <v>142.13999999999899</v>
      </c>
      <c r="L27908" s="6" t="s">
        <v>14</v>
      </c>
    </row>
    <row r="27909" spans="1:12">
      <c r="A27909" s="6" t="s">
        <v>28735</v>
      </c>
      <c r="B27909" s="6"/>
      <c r="C27909" s="6" t="s">
        <v>28747</v>
      </c>
      <c r="D27909" s="6"/>
      <c r="E27909" s="6" t="s">
        <v>9</v>
      </c>
      <c r="F27909" s="7">
        <v>38657</v>
      </c>
      <c r="G27909" s="8">
        <v>1250497</v>
      </c>
      <c r="H27909" s="8">
        <v>1250497</v>
      </c>
      <c r="I27909" s="8">
        <v>0</v>
      </c>
      <c r="J27909" s="8">
        <v>1250497</v>
      </c>
      <c r="K27909" s="9">
        <v>244.62</v>
      </c>
      <c r="L27909" s="6" t="s">
        <v>14</v>
      </c>
    </row>
    <row r="27910" spans="1:12">
      <c r="A27910" s="6" t="s">
        <v>28735</v>
      </c>
      <c r="B27910" s="6"/>
      <c r="C27910" s="6" t="s">
        <v>28748</v>
      </c>
      <c r="D27910" s="6"/>
      <c r="E27910" s="6" t="s">
        <v>9</v>
      </c>
      <c r="F27910" s="7">
        <v>38657</v>
      </c>
      <c r="G27910" s="8">
        <v>878752</v>
      </c>
      <c r="H27910" s="8">
        <v>878752</v>
      </c>
      <c r="I27910" s="8">
        <v>0</v>
      </c>
      <c r="J27910" s="8">
        <v>878752</v>
      </c>
      <c r="K27910" s="9">
        <v>171.9</v>
      </c>
      <c r="L27910" s="6" t="s">
        <v>14</v>
      </c>
    </row>
    <row r="27911" spans="1:12">
      <c r="A27911" s="6" t="s">
        <v>28735</v>
      </c>
      <c r="B27911" s="6"/>
      <c r="C27911" s="6" t="s">
        <v>28749</v>
      </c>
      <c r="D27911" s="6"/>
      <c r="E27911" s="6" t="s">
        <v>9</v>
      </c>
      <c r="F27911" s="7">
        <v>38657</v>
      </c>
      <c r="G27911" s="8">
        <v>794251</v>
      </c>
      <c r="H27911" s="8">
        <v>794251</v>
      </c>
      <c r="I27911" s="8">
        <v>0</v>
      </c>
      <c r="J27911" s="8">
        <v>794251</v>
      </c>
      <c r="K27911" s="9">
        <v>155.37</v>
      </c>
      <c r="L27911" s="6" t="s">
        <v>14</v>
      </c>
    </row>
    <row r="27912" spans="1:12">
      <c r="A27912" s="6" t="s">
        <v>28750</v>
      </c>
      <c r="B27912" s="6"/>
      <c r="C27912" s="6" t="s">
        <v>28751</v>
      </c>
      <c r="D27912" s="6"/>
      <c r="E27912" s="6" t="s">
        <v>9</v>
      </c>
      <c r="F27912" s="7">
        <v>38657</v>
      </c>
      <c r="G27912" s="8">
        <v>161472744</v>
      </c>
      <c r="H27912" s="8">
        <v>161472744</v>
      </c>
      <c r="I27912" s="8">
        <v>0</v>
      </c>
      <c r="J27912" s="8">
        <v>161472744</v>
      </c>
      <c r="K27912" s="9">
        <v>31587</v>
      </c>
      <c r="L27912" s="6" t="s">
        <v>14</v>
      </c>
    </row>
    <row r="27913" spans="1:12">
      <c r="A27913" s="6" t="s">
        <v>28752</v>
      </c>
      <c r="B27913" s="6"/>
      <c r="C27913" s="6" t="s">
        <v>28753</v>
      </c>
      <c r="D27913" s="6"/>
      <c r="E27913" s="6" t="s">
        <v>9</v>
      </c>
      <c r="F27913" s="7">
        <v>38657</v>
      </c>
      <c r="G27913" s="8">
        <v>1</v>
      </c>
      <c r="H27913" s="8">
        <v>1</v>
      </c>
      <c r="I27913" s="8">
        <v>0</v>
      </c>
      <c r="J27913" s="8">
        <v>1</v>
      </c>
      <c r="K27913" s="9">
        <v>1438.68</v>
      </c>
      <c r="L27913" s="6" t="s">
        <v>51</v>
      </c>
    </row>
    <row r="27914" spans="1:12">
      <c r="A27914" s="6" t="s">
        <v>28752</v>
      </c>
      <c r="B27914" s="6"/>
      <c r="C27914" s="6" t="s">
        <v>28754</v>
      </c>
      <c r="D27914" s="6"/>
      <c r="E27914" s="6" t="s">
        <v>9</v>
      </c>
      <c r="F27914" s="7">
        <v>38657</v>
      </c>
      <c r="G27914" s="8">
        <v>1</v>
      </c>
      <c r="H27914" s="8">
        <v>1</v>
      </c>
      <c r="I27914" s="8">
        <v>0</v>
      </c>
      <c r="J27914" s="8">
        <v>1</v>
      </c>
      <c r="K27914" s="9">
        <v>645.84</v>
      </c>
      <c r="L27914" s="6" t="s">
        <v>51</v>
      </c>
    </row>
    <row r="27915" spans="1:12">
      <c r="A27915" s="6" t="s">
        <v>28752</v>
      </c>
      <c r="B27915" s="6"/>
      <c r="C27915" s="6" t="s">
        <v>28755</v>
      </c>
      <c r="D27915" s="6"/>
      <c r="E27915" s="6" t="s">
        <v>9</v>
      </c>
      <c r="F27915" s="7">
        <v>38657</v>
      </c>
      <c r="G27915" s="8">
        <v>1</v>
      </c>
      <c r="H27915" s="8">
        <v>1</v>
      </c>
      <c r="I27915" s="8">
        <v>0</v>
      </c>
      <c r="J27915" s="8">
        <v>1</v>
      </c>
      <c r="K27915" s="9">
        <v>3529.33</v>
      </c>
      <c r="L27915" s="6" t="s">
        <v>51</v>
      </c>
    </row>
    <row r="27916" spans="1:12">
      <c r="A27916" s="6" t="s">
        <v>28752</v>
      </c>
      <c r="B27916" s="6"/>
      <c r="C27916" s="6" t="s">
        <v>28756</v>
      </c>
      <c r="D27916" s="6"/>
      <c r="E27916" s="6" t="s">
        <v>9</v>
      </c>
      <c r="F27916" s="7">
        <v>38657</v>
      </c>
      <c r="G27916" s="8">
        <v>1</v>
      </c>
      <c r="H27916" s="8">
        <v>1</v>
      </c>
      <c r="I27916" s="8">
        <v>0</v>
      </c>
      <c r="J27916" s="8">
        <v>1</v>
      </c>
      <c r="K27916" s="9">
        <v>264</v>
      </c>
      <c r="L27916" s="6" t="s">
        <v>51</v>
      </c>
    </row>
    <row r="27917" spans="1:12">
      <c r="A27917" s="6" t="s">
        <v>28752</v>
      </c>
      <c r="B27917" s="6"/>
      <c r="C27917" s="6" t="s">
        <v>28757</v>
      </c>
      <c r="D27917" s="6"/>
      <c r="E27917" s="6" t="s">
        <v>9</v>
      </c>
      <c r="F27917" s="7">
        <v>38657</v>
      </c>
      <c r="G27917" s="8">
        <v>1</v>
      </c>
      <c r="H27917" s="8">
        <v>1</v>
      </c>
      <c r="I27917" s="8">
        <v>0</v>
      </c>
      <c r="J27917" s="8">
        <v>1</v>
      </c>
      <c r="K27917" s="9">
        <v>14.79</v>
      </c>
      <c r="L27917" s="6" t="s">
        <v>51</v>
      </c>
    </row>
    <row r="27918" spans="1:12">
      <c r="A27918" s="6" t="s">
        <v>28758</v>
      </c>
      <c r="B27918" s="6"/>
      <c r="C27918" s="6" t="s">
        <v>28759</v>
      </c>
      <c r="D27918" s="6"/>
      <c r="E27918" s="6" t="s">
        <v>9</v>
      </c>
      <c r="F27918" s="7">
        <v>38657</v>
      </c>
      <c r="G27918" s="8">
        <v>1</v>
      </c>
      <c r="H27918" s="8">
        <v>1</v>
      </c>
      <c r="I27918" s="8">
        <v>0</v>
      </c>
      <c r="J27918" s="8">
        <v>1</v>
      </c>
      <c r="K27918" s="9">
        <v>7371.65</v>
      </c>
      <c r="L27918" s="6" t="s">
        <v>10</v>
      </c>
    </row>
    <row r="27919" spans="1:12">
      <c r="A27919" s="6" t="s">
        <v>28760</v>
      </c>
      <c r="B27919" s="6"/>
      <c r="C27919" s="6" t="s">
        <v>28759</v>
      </c>
      <c r="D27919" s="6" t="s">
        <v>28761</v>
      </c>
      <c r="E27919" s="6" t="s">
        <v>9</v>
      </c>
      <c r="F27919" s="7"/>
      <c r="G27919" s="8">
        <v>0</v>
      </c>
      <c r="H27919" s="8">
        <v>0</v>
      </c>
      <c r="I27919" s="8">
        <v>0</v>
      </c>
      <c r="J27919" s="8">
        <v>0</v>
      </c>
      <c r="K27919" s="9"/>
      <c r="L27919" s="6"/>
    </row>
    <row r="27920" spans="1:12">
      <c r="A27920" s="6" t="s">
        <v>28758</v>
      </c>
      <c r="B27920" s="6"/>
      <c r="C27920" s="6" t="s">
        <v>28759</v>
      </c>
      <c r="D27920" s="6" t="s">
        <v>28762</v>
      </c>
      <c r="E27920" s="6" t="s">
        <v>9</v>
      </c>
      <c r="F27920" s="7"/>
      <c r="G27920" s="8">
        <v>0</v>
      </c>
      <c r="H27920" s="8">
        <v>0</v>
      </c>
      <c r="I27920" s="8">
        <v>0</v>
      </c>
      <c r="J27920" s="8">
        <v>1</v>
      </c>
      <c r="K27920" s="9"/>
      <c r="L27920" s="6"/>
    </row>
    <row r="27921" spans="1:12">
      <c r="A27921" s="6" t="s">
        <v>28758</v>
      </c>
      <c r="B27921" s="6"/>
      <c r="C27921" s="6" t="s">
        <v>28763</v>
      </c>
      <c r="D27921" s="6"/>
      <c r="E27921" s="6" t="s">
        <v>9</v>
      </c>
      <c r="F27921" s="7">
        <v>38657</v>
      </c>
      <c r="G27921" s="8">
        <v>1</v>
      </c>
      <c r="H27921" s="8">
        <v>1</v>
      </c>
      <c r="I27921" s="8">
        <v>0</v>
      </c>
      <c r="J27921" s="8">
        <v>1</v>
      </c>
      <c r="K27921" s="9">
        <v>57</v>
      </c>
      <c r="L27921" s="6" t="s">
        <v>10</v>
      </c>
    </row>
    <row r="27922" spans="1:12">
      <c r="A27922" s="6" t="s">
        <v>28758</v>
      </c>
      <c r="B27922" s="6"/>
      <c r="C27922" s="6" t="s">
        <v>28764</v>
      </c>
      <c r="D27922" s="6"/>
      <c r="E27922" s="6" t="s">
        <v>9</v>
      </c>
      <c r="F27922" s="7">
        <v>38657</v>
      </c>
      <c r="G27922" s="8">
        <v>1</v>
      </c>
      <c r="H27922" s="8">
        <v>1</v>
      </c>
      <c r="I27922" s="8">
        <v>0</v>
      </c>
      <c r="J27922" s="8">
        <v>1</v>
      </c>
      <c r="K27922" s="9">
        <v>715</v>
      </c>
      <c r="L27922" s="6" t="s">
        <v>10</v>
      </c>
    </row>
    <row r="27923" spans="1:12">
      <c r="A27923" s="6" t="s">
        <v>28758</v>
      </c>
      <c r="B27923" s="6"/>
      <c r="C27923" s="6" t="s">
        <v>28765</v>
      </c>
      <c r="D27923" s="6"/>
      <c r="E27923" s="6" t="s">
        <v>9</v>
      </c>
      <c r="F27923" s="7">
        <v>38657</v>
      </c>
      <c r="G27923" s="8">
        <v>1</v>
      </c>
      <c r="H27923" s="8">
        <v>1</v>
      </c>
      <c r="I27923" s="8">
        <v>0</v>
      </c>
      <c r="J27923" s="8">
        <v>1</v>
      </c>
      <c r="K27923" s="9">
        <v>43</v>
      </c>
      <c r="L27923" s="6" t="s">
        <v>10</v>
      </c>
    </row>
    <row r="27924" spans="1:12">
      <c r="A27924" s="6" t="s">
        <v>28758</v>
      </c>
      <c r="B27924" s="6"/>
      <c r="C27924" s="6" t="s">
        <v>28766</v>
      </c>
      <c r="D27924" s="6"/>
      <c r="E27924" s="6" t="s">
        <v>9</v>
      </c>
      <c r="F27924" s="7">
        <v>38657</v>
      </c>
      <c r="G27924" s="8">
        <v>1</v>
      </c>
      <c r="H27924" s="8">
        <v>1</v>
      </c>
      <c r="I27924" s="8">
        <v>0</v>
      </c>
      <c r="J27924" s="8">
        <v>1</v>
      </c>
      <c r="K27924" s="9">
        <v>117.08</v>
      </c>
      <c r="L27924" s="6" t="s">
        <v>10</v>
      </c>
    </row>
    <row r="27925" spans="1:12">
      <c r="A27925" s="6" t="s">
        <v>28767</v>
      </c>
      <c r="B27925" s="6"/>
      <c r="C27925" s="6" t="s">
        <v>28768</v>
      </c>
      <c r="D27925" s="6"/>
      <c r="E27925" s="6" t="s">
        <v>18740</v>
      </c>
      <c r="F27925" s="7">
        <v>38657</v>
      </c>
      <c r="G27925" s="8">
        <v>9110692</v>
      </c>
      <c r="H27925" s="8">
        <v>9110692</v>
      </c>
      <c r="I27925" s="8">
        <v>0</v>
      </c>
      <c r="J27925" s="8">
        <v>9110692</v>
      </c>
      <c r="K27925" s="9">
        <v>312.01</v>
      </c>
      <c r="L27925" s="6" t="s">
        <v>10</v>
      </c>
    </row>
    <row r="27926" spans="1:12">
      <c r="A27926" s="6" t="s">
        <v>28767</v>
      </c>
      <c r="B27926" s="6"/>
      <c r="C27926" s="6" t="s">
        <v>28769</v>
      </c>
      <c r="D27926" s="6"/>
      <c r="E27926" s="6" t="s">
        <v>18740</v>
      </c>
      <c r="F27926" s="7">
        <v>38657</v>
      </c>
      <c r="G27926" s="8">
        <v>17392923</v>
      </c>
      <c r="H27926" s="8">
        <v>17392923</v>
      </c>
      <c r="I27926" s="8">
        <v>0</v>
      </c>
      <c r="J27926" s="8">
        <v>17392923</v>
      </c>
      <c r="K27926" s="9">
        <v>522.30999999999904</v>
      </c>
      <c r="L27926" s="6" t="s">
        <v>10</v>
      </c>
    </row>
    <row r="27927" spans="1:12">
      <c r="A27927" s="6" t="s">
        <v>28770</v>
      </c>
      <c r="B27927" s="6"/>
      <c r="C27927" s="6" t="s">
        <v>28771</v>
      </c>
      <c r="D27927" s="6"/>
      <c r="E27927" s="6" t="s">
        <v>18740</v>
      </c>
      <c r="F27927" s="7">
        <v>38657</v>
      </c>
      <c r="G27927" s="8">
        <v>13961600</v>
      </c>
      <c r="H27927" s="8">
        <v>13961600</v>
      </c>
      <c r="I27927" s="8">
        <v>0</v>
      </c>
      <c r="J27927" s="8">
        <v>13961600</v>
      </c>
      <c r="K27927" s="9">
        <v>436.3</v>
      </c>
      <c r="L27927" s="6" t="s">
        <v>10</v>
      </c>
    </row>
    <row r="27928" spans="1:12">
      <c r="A27928" s="6" t="s">
        <v>28772</v>
      </c>
      <c r="B27928" s="6"/>
      <c r="C27928" s="6" t="s">
        <v>28773</v>
      </c>
      <c r="D27928" s="6"/>
      <c r="E27928" s="6" t="s">
        <v>18740</v>
      </c>
      <c r="F27928" s="7">
        <v>38657</v>
      </c>
      <c r="G27928" s="8">
        <v>11521656</v>
      </c>
      <c r="H27928" s="8">
        <v>11521656</v>
      </c>
      <c r="I27928" s="8">
        <v>0</v>
      </c>
      <c r="J27928" s="8">
        <v>11521656</v>
      </c>
      <c r="K27928" s="9">
        <v>351.27</v>
      </c>
      <c r="L27928" s="6" t="s">
        <v>10</v>
      </c>
    </row>
    <row r="27929" spans="1:12">
      <c r="A27929" s="6" t="s">
        <v>28774</v>
      </c>
      <c r="B27929" s="6"/>
      <c r="C27929" s="6" t="s">
        <v>28775</v>
      </c>
      <c r="D27929" s="6"/>
      <c r="E27929" s="6" t="s">
        <v>9</v>
      </c>
      <c r="F27929" s="7">
        <v>38657</v>
      </c>
      <c r="G27929" s="8">
        <v>23664214</v>
      </c>
      <c r="H27929" s="8">
        <v>23664214</v>
      </c>
      <c r="I27929" s="8">
        <v>0</v>
      </c>
      <c r="J27929" s="8">
        <v>23664214</v>
      </c>
      <c r="K27929" s="9">
        <v>4629.1499999999896</v>
      </c>
      <c r="L27929" s="6" t="s">
        <v>14</v>
      </c>
    </row>
    <row r="27930" spans="1:12">
      <c r="A27930" s="6" t="s">
        <v>28776</v>
      </c>
      <c r="B27930" s="6"/>
      <c r="C27930" s="6" t="s">
        <v>28777</v>
      </c>
      <c r="D27930" s="6"/>
      <c r="E27930" s="6" t="s">
        <v>18740</v>
      </c>
      <c r="F27930" s="7">
        <v>38657</v>
      </c>
      <c r="G27930" s="8">
        <v>23735500</v>
      </c>
      <c r="H27930" s="8">
        <v>23735500</v>
      </c>
      <c r="I27930" s="8">
        <v>0</v>
      </c>
      <c r="J27930" s="8">
        <v>23735500</v>
      </c>
      <c r="K27930" s="9">
        <v>1283</v>
      </c>
      <c r="L27930" s="6" t="s">
        <v>1694</v>
      </c>
    </row>
    <row r="27931" spans="1:12">
      <c r="A27931" s="6" t="s">
        <v>28776</v>
      </c>
      <c r="B27931" s="6"/>
      <c r="C27931" s="6" t="s">
        <v>28778</v>
      </c>
      <c r="D27931" s="6"/>
      <c r="E27931" s="6" t="s">
        <v>18740</v>
      </c>
      <c r="F27931" s="7">
        <v>38657</v>
      </c>
      <c r="G27931" s="8">
        <v>23735500</v>
      </c>
      <c r="H27931" s="8">
        <v>23735500</v>
      </c>
      <c r="I27931" s="8">
        <v>0</v>
      </c>
      <c r="J27931" s="8">
        <v>23735500</v>
      </c>
      <c r="K27931" s="9">
        <v>1283</v>
      </c>
      <c r="L27931" s="6" t="s">
        <v>1694</v>
      </c>
    </row>
    <row r="27932" spans="1:12">
      <c r="A27932" s="6" t="s">
        <v>28776</v>
      </c>
      <c r="B27932" s="6"/>
      <c r="C27932" s="6" t="s">
        <v>28779</v>
      </c>
      <c r="D27932" s="6"/>
      <c r="E27932" s="6" t="s">
        <v>18740</v>
      </c>
      <c r="F27932" s="7">
        <v>38657</v>
      </c>
      <c r="G27932" s="8">
        <v>13264500</v>
      </c>
      <c r="H27932" s="8">
        <v>13264500</v>
      </c>
      <c r="I27932" s="8">
        <v>0</v>
      </c>
      <c r="J27932" s="8">
        <v>13264500</v>
      </c>
      <c r="K27932" s="9">
        <v>717</v>
      </c>
      <c r="L27932" s="6" t="s">
        <v>1694</v>
      </c>
    </row>
    <row r="27933" spans="1:12">
      <c r="A27933" s="6" t="s">
        <v>28780</v>
      </c>
      <c r="B27933" s="6"/>
      <c r="C27933" s="6" t="s">
        <v>28781</v>
      </c>
      <c r="D27933" s="6"/>
      <c r="E27933" s="6" t="s">
        <v>9</v>
      </c>
      <c r="F27933" s="7">
        <v>38657</v>
      </c>
      <c r="G27933" s="8">
        <v>5941888</v>
      </c>
      <c r="H27933" s="8">
        <v>5941888</v>
      </c>
      <c r="I27933" s="8">
        <v>0</v>
      </c>
      <c r="J27933" s="8">
        <v>5941888</v>
      </c>
      <c r="K27933" s="9">
        <v>487.04</v>
      </c>
      <c r="L27933" s="6" t="s">
        <v>10</v>
      </c>
    </row>
    <row r="27934" spans="1:12">
      <c r="A27934" s="6" t="s">
        <v>28782</v>
      </c>
      <c r="B27934" s="6"/>
      <c r="C27934" s="6" t="s">
        <v>28783</v>
      </c>
      <c r="D27934" s="6"/>
      <c r="E27934" s="6" t="s">
        <v>18740</v>
      </c>
      <c r="F27934" s="7">
        <v>38657</v>
      </c>
      <c r="G27934" s="8">
        <v>879130</v>
      </c>
      <c r="H27934" s="8">
        <v>879130</v>
      </c>
      <c r="I27934" s="8">
        <v>0</v>
      </c>
      <c r="J27934" s="8">
        <v>879130</v>
      </c>
      <c r="K27934" s="9">
        <v>66.099999999999895</v>
      </c>
      <c r="L27934" s="6" t="s">
        <v>10</v>
      </c>
    </row>
    <row r="27935" spans="1:12">
      <c r="A27935" s="6" t="s">
        <v>28784</v>
      </c>
      <c r="B27935" s="6"/>
      <c r="C27935" s="6" t="s">
        <v>28785</v>
      </c>
      <c r="D27935" s="6"/>
      <c r="E27935" s="6" t="s">
        <v>9</v>
      </c>
      <c r="F27935" s="7">
        <v>38657</v>
      </c>
      <c r="G27935" s="8">
        <v>1097336</v>
      </c>
      <c r="H27935" s="8">
        <v>1097336</v>
      </c>
      <c r="I27935" s="8">
        <v>0</v>
      </c>
      <c r="J27935" s="8">
        <v>1097336</v>
      </c>
      <c r="K27935" s="9">
        <v>75.16</v>
      </c>
      <c r="L27935" s="6" t="s">
        <v>10</v>
      </c>
    </row>
    <row r="27936" spans="1:12">
      <c r="A27936" s="6" t="s">
        <v>28784</v>
      </c>
      <c r="B27936" s="6"/>
      <c r="C27936" s="6" t="s">
        <v>28786</v>
      </c>
      <c r="D27936" s="6"/>
      <c r="E27936" s="6" t="s">
        <v>9</v>
      </c>
      <c r="F27936" s="7">
        <v>38657</v>
      </c>
      <c r="G27936" s="8">
        <v>80154</v>
      </c>
      <c r="H27936" s="8">
        <v>80154</v>
      </c>
      <c r="I27936" s="8">
        <v>0</v>
      </c>
      <c r="J27936" s="8">
        <v>80154</v>
      </c>
      <c r="K27936" s="9">
        <v>5.49</v>
      </c>
      <c r="L27936" s="6" t="s">
        <v>10</v>
      </c>
    </row>
    <row r="27937" spans="1:12">
      <c r="A27937" s="6" t="s">
        <v>28784</v>
      </c>
      <c r="B27937" s="6"/>
      <c r="C27937" s="6" t="s">
        <v>28787</v>
      </c>
      <c r="D27937" s="6"/>
      <c r="E27937" s="6" t="s">
        <v>9</v>
      </c>
      <c r="F27937" s="7">
        <v>38657</v>
      </c>
      <c r="G27937" s="8">
        <v>1985600</v>
      </c>
      <c r="H27937" s="8">
        <v>1985600</v>
      </c>
      <c r="I27937" s="8">
        <v>0</v>
      </c>
      <c r="J27937" s="8">
        <v>1985600</v>
      </c>
      <c r="K27937" s="9">
        <v>136</v>
      </c>
      <c r="L27937" s="6" t="s">
        <v>10</v>
      </c>
    </row>
    <row r="27938" spans="1:12">
      <c r="A27938" s="6" t="s">
        <v>28784</v>
      </c>
      <c r="B27938" s="6"/>
      <c r="C27938" s="6" t="s">
        <v>28788</v>
      </c>
      <c r="D27938" s="6"/>
      <c r="E27938" s="6" t="s">
        <v>9</v>
      </c>
      <c r="F27938" s="7">
        <v>38657</v>
      </c>
      <c r="G27938" s="8">
        <v>357408</v>
      </c>
      <c r="H27938" s="8">
        <v>357408</v>
      </c>
      <c r="I27938" s="8">
        <v>0</v>
      </c>
      <c r="J27938" s="8">
        <v>357408</v>
      </c>
      <c r="K27938" s="9">
        <v>24.48</v>
      </c>
      <c r="L27938" s="6" t="s">
        <v>10</v>
      </c>
    </row>
    <row r="27939" spans="1:12">
      <c r="A27939" s="6" t="s">
        <v>28784</v>
      </c>
      <c r="B27939" s="6"/>
      <c r="C27939" s="6" t="s">
        <v>28789</v>
      </c>
      <c r="D27939" s="6"/>
      <c r="E27939" s="6" t="s">
        <v>9</v>
      </c>
      <c r="F27939" s="7">
        <v>38657</v>
      </c>
      <c r="G27939" s="8">
        <v>6935000</v>
      </c>
      <c r="H27939" s="8">
        <v>6935000</v>
      </c>
      <c r="I27939" s="8">
        <v>0</v>
      </c>
      <c r="J27939" s="8">
        <v>6935000</v>
      </c>
      <c r="K27939" s="9">
        <v>475</v>
      </c>
      <c r="L27939" s="6" t="s">
        <v>10</v>
      </c>
    </row>
    <row r="27940" spans="1:12">
      <c r="A27940" s="6" t="s">
        <v>28784</v>
      </c>
      <c r="B27940" s="6"/>
      <c r="C27940" s="6" t="s">
        <v>28790</v>
      </c>
      <c r="D27940" s="6"/>
      <c r="E27940" s="6" t="s">
        <v>9</v>
      </c>
      <c r="F27940" s="7">
        <v>38657</v>
      </c>
      <c r="G27940" s="8">
        <v>7475200</v>
      </c>
      <c r="H27940" s="8">
        <v>7475200</v>
      </c>
      <c r="I27940" s="8">
        <v>0</v>
      </c>
      <c r="J27940" s="8">
        <v>7475200</v>
      </c>
      <c r="K27940" s="9">
        <v>512</v>
      </c>
      <c r="L27940" s="6" t="s">
        <v>10</v>
      </c>
    </row>
    <row r="27941" spans="1:12">
      <c r="A27941" s="6" t="s">
        <v>28784</v>
      </c>
      <c r="B27941" s="6"/>
      <c r="C27941" s="6" t="s">
        <v>28791</v>
      </c>
      <c r="D27941" s="6"/>
      <c r="E27941" s="6" t="s">
        <v>9</v>
      </c>
      <c r="F27941" s="7">
        <v>38657</v>
      </c>
      <c r="G27941" s="8">
        <v>11037600</v>
      </c>
      <c r="H27941" s="8">
        <v>11037600</v>
      </c>
      <c r="I27941" s="8">
        <v>0</v>
      </c>
      <c r="J27941" s="8">
        <v>11037600</v>
      </c>
      <c r="K27941" s="9">
        <v>756</v>
      </c>
      <c r="L27941" s="6" t="s">
        <v>10</v>
      </c>
    </row>
    <row r="27942" spans="1:12">
      <c r="A27942" s="6" t="s">
        <v>28784</v>
      </c>
      <c r="B27942" s="6"/>
      <c r="C27942" s="6" t="s">
        <v>28792</v>
      </c>
      <c r="D27942" s="6"/>
      <c r="E27942" s="6" t="s">
        <v>9</v>
      </c>
      <c r="F27942" s="7">
        <v>38657</v>
      </c>
      <c r="G27942" s="8">
        <v>933670</v>
      </c>
      <c r="H27942" s="8">
        <v>933670</v>
      </c>
      <c r="I27942" s="8">
        <v>0</v>
      </c>
      <c r="J27942" s="8">
        <v>933670</v>
      </c>
      <c r="K27942" s="9">
        <v>63.95</v>
      </c>
      <c r="L27942" s="6" t="s">
        <v>10</v>
      </c>
    </row>
    <row r="27943" spans="1:12">
      <c r="A27943" s="6" t="s">
        <v>28784</v>
      </c>
      <c r="B27943" s="6"/>
      <c r="C27943" s="6" t="s">
        <v>28793</v>
      </c>
      <c r="D27943" s="6"/>
      <c r="E27943" s="6" t="s">
        <v>9</v>
      </c>
      <c r="F27943" s="7">
        <v>38657</v>
      </c>
      <c r="G27943" s="8">
        <v>8716200</v>
      </c>
      <c r="H27943" s="8">
        <v>8716200</v>
      </c>
      <c r="I27943" s="8">
        <v>0</v>
      </c>
      <c r="J27943" s="8">
        <v>8716200</v>
      </c>
      <c r="K27943" s="9">
        <v>597</v>
      </c>
      <c r="L27943" s="6" t="s">
        <v>10</v>
      </c>
    </row>
    <row r="27944" spans="1:12">
      <c r="A27944" s="6" t="s">
        <v>28784</v>
      </c>
      <c r="B27944" s="6"/>
      <c r="C27944" s="6" t="s">
        <v>28794</v>
      </c>
      <c r="D27944" s="6"/>
      <c r="E27944" s="6" t="s">
        <v>9</v>
      </c>
      <c r="F27944" s="7">
        <v>38657</v>
      </c>
      <c r="G27944" s="8">
        <v>511292</v>
      </c>
      <c r="H27944" s="8">
        <v>511292</v>
      </c>
      <c r="I27944" s="8">
        <v>0</v>
      </c>
      <c r="J27944" s="8">
        <v>511292</v>
      </c>
      <c r="K27944" s="9">
        <v>35.020000000000003</v>
      </c>
      <c r="L27944" s="6" t="s">
        <v>10</v>
      </c>
    </row>
    <row r="27945" spans="1:12">
      <c r="A27945" s="6" t="s">
        <v>28784</v>
      </c>
      <c r="B27945" s="6"/>
      <c r="C27945" s="6" t="s">
        <v>28795</v>
      </c>
      <c r="D27945" s="6"/>
      <c r="E27945" s="6" t="s">
        <v>9</v>
      </c>
      <c r="F27945" s="7">
        <v>38657</v>
      </c>
      <c r="G27945" s="8">
        <v>2496600</v>
      </c>
      <c r="H27945" s="8">
        <v>2496600</v>
      </c>
      <c r="I27945" s="8">
        <v>0</v>
      </c>
      <c r="J27945" s="8">
        <v>2496600</v>
      </c>
      <c r="K27945" s="9">
        <v>171</v>
      </c>
      <c r="L27945" s="6" t="s">
        <v>10</v>
      </c>
    </row>
    <row r="27946" spans="1:12">
      <c r="A27946" s="6" t="s">
        <v>28784</v>
      </c>
      <c r="B27946" s="6"/>
      <c r="C27946" s="6" t="s">
        <v>28796</v>
      </c>
      <c r="D27946" s="6"/>
      <c r="E27946" s="6" t="s">
        <v>9</v>
      </c>
      <c r="F27946" s="7">
        <v>38657</v>
      </c>
      <c r="G27946" s="8">
        <v>11242000</v>
      </c>
      <c r="H27946" s="8">
        <v>11242000</v>
      </c>
      <c r="I27946" s="8">
        <v>0</v>
      </c>
      <c r="J27946" s="8">
        <v>11242000</v>
      </c>
      <c r="K27946" s="9">
        <v>770</v>
      </c>
      <c r="L27946" s="6" t="s">
        <v>10</v>
      </c>
    </row>
    <row r="27947" spans="1:12">
      <c r="A27947" s="6" t="s">
        <v>28784</v>
      </c>
      <c r="B27947" s="6"/>
      <c r="C27947" s="6" t="s">
        <v>28797</v>
      </c>
      <c r="D27947" s="6"/>
      <c r="E27947" s="6" t="s">
        <v>9</v>
      </c>
      <c r="F27947" s="7">
        <v>38657</v>
      </c>
      <c r="G27947" s="8">
        <v>821834</v>
      </c>
      <c r="H27947" s="8">
        <v>821834</v>
      </c>
      <c r="I27947" s="8">
        <v>0</v>
      </c>
      <c r="J27947" s="8">
        <v>821834</v>
      </c>
      <c r="K27947" s="9">
        <v>56.29</v>
      </c>
      <c r="L27947" s="6" t="s">
        <v>10</v>
      </c>
    </row>
    <row r="27948" spans="1:12">
      <c r="A27948" s="6" t="s">
        <v>28784</v>
      </c>
      <c r="B27948" s="6"/>
      <c r="C27948" s="6" t="s">
        <v>28798</v>
      </c>
      <c r="D27948" s="6"/>
      <c r="E27948" s="6" t="s">
        <v>9</v>
      </c>
      <c r="F27948" s="7">
        <v>38657</v>
      </c>
      <c r="G27948" s="8">
        <v>2759400</v>
      </c>
      <c r="H27948" s="8">
        <v>2759400</v>
      </c>
      <c r="I27948" s="8">
        <v>0</v>
      </c>
      <c r="J27948" s="8">
        <v>2759400</v>
      </c>
      <c r="K27948" s="9">
        <v>189</v>
      </c>
      <c r="L27948" s="6" t="s">
        <v>10</v>
      </c>
    </row>
    <row r="27949" spans="1:12">
      <c r="A27949" s="6" t="s">
        <v>28784</v>
      </c>
      <c r="B27949" s="6"/>
      <c r="C27949" s="6" t="s">
        <v>28799</v>
      </c>
      <c r="D27949" s="6"/>
      <c r="E27949" s="6" t="s">
        <v>9</v>
      </c>
      <c r="F27949" s="7">
        <v>38657</v>
      </c>
      <c r="G27949" s="8">
        <v>1494602</v>
      </c>
      <c r="H27949" s="8">
        <v>1494602</v>
      </c>
      <c r="I27949" s="8">
        <v>0</v>
      </c>
      <c r="J27949" s="8">
        <v>1494602</v>
      </c>
      <c r="K27949" s="9">
        <v>102.37</v>
      </c>
      <c r="L27949" s="6" t="s">
        <v>10</v>
      </c>
    </row>
    <row r="27950" spans="1:12">
      <c r="A27950" s="6" t="s">
        <v>28784</v>
      </c>
      <c r="B27950" s="6"/>
      <c r="C27950" s="6" t="s">
        <v>28800</v>
      </c>
      <c r="D27950" s="6"/>
      <c r="E27950" s="6" t="s">
        <v>9</v>
      </c>
      <c r="F27950" s="7">
        <v>38657</v>
      </c>
      <c r="G27950" s="8">
        <v>2701000</v>
      </c>
      <c r="H27950" s="8">
        <v>2701000</v>
      </c>
      <c r="I27950" s="8">
        <v>0</v>
      </c>
      <c r="J27950" s="8">
        <v>2701000</v>
      </c>
      <c r="K27950" s="9">
        <v>185</v>
      </c>
      <c r="L27950" s="6" t="s">
        <v>10</v>
      </c>
    </row>
    <row r="27951" spans="1:12">
      <c r="A27951" s="6" t="s">
        <v>28784</v>
      </c>
      <c r="B27951" s="6"/>
      <c r="C27951" s="6" t="s">
        <v>28801</v>
      </c>
      <c r="D27951" s="6"/>
      <c r="E27951" s="6" t="s">
        <v>9</v>
      </c>
      <c r="F27951" s="7">
        <v>38657</v>
      </c>
      <c r="G27951" s="8">
        <v>78694</v>
      </c>
      <c r="H27951" s="8">
        <v>78694</v>
      </c>
      <c r="I27951" s="8">
        <v>0</v>
      </c>
      <c r="J27951" s="8">
        <v>78694</v>
      </c>
      <c r="K27951" s="9">
        <v>5.39</v>
      </c>
      <c r="L27951" s="6" t="s">
        <v>10</v>
      </c>
    </row>
    <row r="27952" spans="1:12">
      <c r="A27952" s="6" t="s">
        <v>28784</v>
      </c>
      <c r="B27952" s="6"/>
      <c r="C27952" s="6" t="s">
        <v>28802</v>
      </c>
      <c r="D27952" s="6"/>
      <c r="E27952" s="6" t="s">
        <v>9</v>
      </c>
      <c r="F27952" s="7">
        <v>38657</v>
      </c>
      <c r="G27952" s="8">
        <v>8876800</v>
      </c>
      <c r="H27952" s="8">
        <v>8876800</v>
      </c>
      <c r="I27952" s="8">
        <v>0</v>
      </c>
      <c r="J27952" s="8">
        <v>8876800</v>
      </c>
      <c r="K27952" s="9">
        <v>608</v>
      </c>
      <c r="L27952" s="6" t="s">
        <v>10</v>
      </c>
    </row>
    <row r="27953" spans="1:12">
      <c r="A27953" s="6" t="s">
        <v>28784</v>
      </c>
      <c r="B27953" s="6"/>
      <c r="C27953" s="6" t="s">
        <v>28803</v>
      </c>
      <c r="D27953" s="6"/>
      <c r="E27953" s="6" t="s">
        <v>9</v>
      </c>
      <c r="F27953" s="7">
        <v>38657</v>
      </c>
      <c r="G27953" s="8">
        <v>17347428</v>
      </c>
      <c r="H27953" s="8">
        <v>17347428</v>
      </c>
      <c r="I27953" s="8">
        <v>0</v>
      </c>
      <c r="J27953" s="8">
        <v>17347428</v>
      </c>
      <c r="K27953" s="9">
        <v>1188.18</v>
      </c>
      <c r="L27953" s="6" t="s">
        <v>10</v>
      </c>
    </row>
    <row r="27954" spans="1:12">
      <c r="A27954" s="6" t="s">
        <v>28784</v>
      </c>
      <c r="B27954" s="6"/>
      <c r="C27954" s="6" t="s">
        <v>28804</v>
      </c>
      <c r="D27954" s="6"/>
      <c r="E27954" s="6" t="s">
        <v>9</v>
      </c>
      <c r="F27954" s="7">
        <v>38657</v>
      </c>
      <c r="G27954" s="8">
        <v>9607400</v>
      </c>
      <c r="H27954" s="8">
        <v>9607400</v>
      </c>
      <c r="I27954" s="8">
        <v>0</v>
      </c>
      <c r="J27954" s="8">
        <v>9607400</v>
      </c>
      <c r="K27954" s="9">
        <v>397</v>
      </c>
      <c r="L27954" s="6" t="s">
        <v>10</v>
      </c>
    </row>
    <row r="27955" spans="1:12">
      <c r="A27955" s="6" t="s">
        <v>28784</v>
      </c>
      <c r="B27955" s="6"/>
      <c r="C27955" s="6" t="s">
        <v>28805</v>
      </c>
      <c r="D27955" s="6"/>
      <c r="E27955" s="6" t="s">
        <v>9</v>
      </c>
      <c r="F27955" s="7">
        <v>38657</v>
      </c>
      <c r="G27955" s="8">
        <v>4307000</v>
      </c>
      <c r="H27955" s="8">
        <v>4307000</v>
      </c>
      <c r="I27955" s="8">
        <v>0</v>
      </c>
      <c r="J27955" s="8">
        <v>4307000</v>
      </c>
      <c r="K27955" s="9">
        <v>295</v>
      </c>
      <c r="L27955" s="6" t="s">
        <v>10</v>
      </c>
    </row>
    <row r="27956" spans="1:12">
      <c r="A27956" s="6" t="s">
        <v>28784</v>
      </c>
      <c r="B27956" s="6"/>
      <c r="C27956" s="6" t="s">
        <v>28806</v>
      </c>
      <c r="D27956" s="6"/>
      <c r="E27956" s="6" t="s">
        <v>9</v>
      </c>
      <c r="F27956" s="7">
        <v>38657</v>
      </c>
      <c r="G27956" s="8">
        <v>78840</v>
      </c>
      <c r="H27956" s="8">
        <v>78840</v>
      </c>
      <c r="I27956" s="8">
        <v>0</v>
      </c>
      <c r="J27956" s="8">
        <v>78840</v>
      </c>
      <c r="K27956" s="9">
        <v>5.4</v>
      </c>
      <c r="L27956" s="6" t="s">
        <v>10</v>
      </c>
    </row>
    <row r="27957" spans="1:12">
      <c r="A27957" s="6" t="s">
        <v>28784</v>
      </c>
      <c r="B27957" s="6"/>
      <c r="C27957" s="6" t="s">
        <v>28807</v>
      </c>
      <c r="D27957" s="6"/>
      <c r="E27957" s="6" t="s">
        <v>9</v>
      </c>
      <c r="F27957" s="7">
        <v>38657</v>
      </c>
      <c r="G27957" s="8">
        <v>28630600</v>
      </c>
      <c r="H27957" s="8">
        <v>28630600</v>
      </c>
      <c r="I27957" s="8">
        <v>0</v>
      </c>
      <c r="J27957" s="8">
        <v>28630600</v>
      </c>
      <c r="K27957" s="9">
        <v>1961</v>
      </c>
      <c r="L27957" s="6" t="s">
        <v>10</v>
      </c>
    </row>
    <row r="27958" spans="1:12">
      <c r="A27958" s="6" t="s">
        <v>28784</v>
      </c>
      <c r="B27958" s="6"/>
      <c r="C27958" s="6" t="s">
        <v>28808</v>
      </c>
      <c r="D27958" s="6"/>
      <c r="E27958" s="6" t="s">
        <v>9</v>
      </c>
      <c r="F27958" s="7">
        <v>38657</v>
      </c>
      <c r="G27958" s="8">
        <v>130232</v>
      </c>
      <c r="H27958" s="8">
        <v>130232</v>
      </c>
      <c r="I27958" s="8">
        <v>0</v>
      </c>
      <c r="J27958" s="8">
        <v>130232</v>
      </c>
      <c r="K27958" s="9">
        <v>8.92</v>
      </c>
      <c r="L27958" s="6" t="s">
        <v>10</v>
      </c>
    </row>
    <row r="27959" spans="1:12">
      <c r="A27959" s="6" t="s">
        <v>28809</v>
      </c>
      <c r="B27959" s="6"/>
      <c r="C27959" s="6" t="s">
        <v>28810</v>
      </c>
      <c r="D27959" s="6"/>
      <c r="E27959" s="6" t="s">
        <v>18740</v>
      </c>
      <c r="F27959" s="7">
        <v>38657</v>
      </c>
      <c r="G27959" s="8">
        <v>20133855</v>
      </c>
      <c r="H27959" s="8">
        <v>20133855</v>
      </c>
      <c r="I27959" s="8">
        <v>0</v>
      </c>
      <c r="J27959" s="8">
        <v>20133855</v>
      </c>
      <c r="K27959" s="9">
        <v>1750.77</v>
      </c>
      <c r="L27959" s="6" t="s">
        <v>1694</v>
      </c>
    </row>
    <row r="27960" spans="1:12">
      <c r="A27960" s="6" t="s">
        <v>28809</v>
      </c>
      <c r="B27960" s="6"/>
      <c r="C27960" s="6" t="s">
        <v>28811</v>
      </c>
      <c r="D27960" s="6"/>
      <c r="E27960" s="6" t="s">
        <v>18740</v>
      </c>
      <c r="F27960" s="7">
        <v>41010</v>
      </c>
      <c r="G27960" s="8">
        <v>896310</v>
      </c>
      <c r="H27960" s="8">
        <v>896310</v>
      </c>
      <c r="I27960" s="8">
        <v>0</v>
      </c>
      <c r="J27960" s="8">
        <v>896310</v>
      </c>
      <c r="K27960" s="9">
        <v>77.94</v>
      </c>
      <c r="L27960" s="6" t="s">
        <v>1694</v>
      </c>
    </row>
    <row r="27961" spans="1:12">
      <c r="A27961" s="6" t="s">
        <v>28809</v>
      </c>
      <c r="B27961" s="6"/>
      <c r="C27961" s="6" t="s">
        <v>28812</v>
      </c>
      <c r="D27961" s="6"/>
      <c r="E27961" s="6" t="s">
        <v>18740</v>
      </c>
      <c r="F27961" s="7">
        <v>41010</v>
      </c>
      <c r="G27961" s="8">
        <v>904245</v>
      </c>
      <c r="H27961" s="8">
        <v>904245</v>
      </c>
      <c r="I27961" s="8">
        <v>0</v>
      </c>
      <c r="J27961" s="8">
        <v>904245</v>
      </c>
      <c r="K27961" s="9">
        <v>78.63</v>
      </c>
      <c r="L27961" s="6" t="s">
        <v>1694</v>
      </c>
    </row>
    <row r="27962" spans="1:12">
      <c r="A27962" s="6" t="s">
        <v>28809</v>
      </c>
      <c r="B27962" s="6"/>
      <c r="C27962" s="6" t="s">
        <v>28813</v>
      </c>
      <c r="D27962" s="6"/>
      <c r="E27962" s="6" t="s">
        <v>18740</v>
      </c>
      <c r="F27962" s="7">
        <v>38657</v>
      </c>
      <c r="G27962" s="8">
        <v>14525190</v>
      </c>
      <c r="H27962" s="8">
        <v>14525190</v>
      </c>
      <c r="I27962" s="8">
        <v>0</v>
      </c>
      <c r="J27962" s="8">
        <v>14525190</v>
      </c>
      <c r="K27962" s="9">
        <v>1263.06</v>
      </c>
      <c r="L27962" s="6" t="s">
        <v>1694</v>
      </c>
    </row>
    <row r="27963" spans="1:12">
      <c r="A27963" s="6" t="s">
        <v>28809</v>
      </c>
      <c r="B27963" s="6"/>
      <c r="C27963" s="6" t="s">
        <v>28814</v>
      </c>
      <c r="D27963" s="6"/>
      <c r="E27963" s="6" t="s">
        <v>18740</v>
      </c>
      <c r="F27963" s="7">
        <v>38657</v>
      </c>
      <c r="G27963" s="8">
        <v>6359845</v>
      </c>
      <c r="H27963" s="8">
        <v>6359845</v>
      </c>
      <c r="I27963" s="8">
        <v>0</v>
      </c>
      <c r="J27963" s="8">
        <v>6359845</v>
      </c>
      <c r="K27963" s="9">
        <v>553.03</v>
      </c>
      <c r="L27963" s="6" t="s">
        <v>1694</v>
      </c>
    </row>
    <row r="27964" spans="1:12">
      <c r="A27964" s="6" t="s">
        <v>28809</v>
      </c>
      <c r="B27964" s="6"/>
      <c r="C27964" s="6" t="s">
        <v>28815</v>
      </c>
      <c r="D27964" s="6"/>
      <c r="E27964" s="6" t="s">
        <v>18740</v>
      </c>
      <c r="F27964" s="7">
        <v>38657</v>
      </c>
      <c r="G27964" s="8">
        <v>7389785</v>
      </c>
      <c r="H27964" s="8">
        <v>7389785</v>
      </c>
      <c r="I27964" s="8">
        <v>0</v>
      </c>
      <c r="J27964" s="8">
        <v>7389785</v>
      </c>
      <c r="K27964" s="9">
        <v>642.59</v>
      </c>
      <c r="L27964" s="6" t="s">
        <v>1694</v>
      </c>
    </row>
    <row r="27965" spans="1:12">
      <c r="A27965" s="6" t="s">
        <v>28816</v>
      </c>
      <c r="B27965" s="6"/>
      <c r="C27965" s="6" t="s">
        <v>28817</v>
      </c>
      <c r="D27965" s="6"/>
      <c r="E27965" s="6" t="s">
        <v>18740</v>
      </c>
      <c r="F27965" s="7"/>
      <c r="G27965" s="8">
        <v>506088</v>
      </c>
      <c r="H27965" s="8">
        <v>506088</v>
      </c>
      <c r="I27965" s="8">
        <v>0</v>
      </c>
      <c r="J27965" s="8">
        <v>506088</v>
      </c>
      <c r="K27965" s="9">
        <v>99</v>
      </c>
      <c r="L27965" s="6" t="s">
        <v>23</v>
      </c>
    </row>
    <row r="27966" spans="1:12">
      <c r="A27966" s="6" t="s">
        <v>28816</v>
      </c>
      <c r="B27966" s="6"/>
      <c r="C27966" s="6" t="s">
        <v>28818</v>
      </c>
      <c r="D27966" s="6"/>
      <c r="E27966" s="6" t="s">
        <v>18740</v>
      </c>
      <c r="F27966" s="7"/>
      <c r="G27966" s="8">
        <v>4171392</v>
      </c>
      <c r="H27966" s="8">
        <v>4171392</v>
      </c>
      <c r="I27966" s="8">
        <v>0</v>
      </c>
      <c r="J27966" s="8">
        <v>4171392</v>
      </c>
      <c r="K27966" s="9">
        <v>816</v>
      </c>
      <c r="L27966" s="6" t="s">
        <v>23</v>
      </c>
    </row>
    <row r="27967" spans="1:12">
      <c r="A27967" s="6" t="s">
        <v>28816</v>
      </c>
      <c r="B27967" s="6"/>
      <c r="C27967" s="6" t="s">
        <v>28819</v>
      </c>
      <c r="D27967" s="6"/>
      <c r="E27967" s="6" t="s">
        <v>18740</v>
      </c>
      <c r="F27967" s="7"/>
      <c r="G27967" s="8">
        <v>106476</v>
      </c>
      <c r="H27967" s="8">
        <v>106476</v>
      </c>
      <c r="I27967" s="8">
        <v>0</v>
      </c>
      <c r="J27967" s="8">
        <v>106476</v>
      </c>
      <c r="K27967" s="9">
        <v>934</v>
      </c>
      <c r="L27967" s="6" t="s">
        <v>4773</v>
      </c>
    </row>
    <row r="27968" spans="1:12">
      <c r="A27968" s="6" t="s">
        <v>28816</v>
      </c>
      <c r="B27968" s="6"/>
      <c r="C27968" s="6" t="s">
        <v>28820</v>
      </c>
      <c r="D27968" s="6"/>
      <c r="E27968" s="6" t="s">
        <v>18740</v>
      </c>
      <c r="F27968" s="7"/>
      <c r="G27968" s="8">
        <v>106476</v>
      </c>
      <c r="H27968" s="8">
        <v>106476</v>
      </c>
      <c r="I27968" s="8">
        <v>0</v>
      </c>
      <c r="J27968" s="8">
        <v>106476</v>
      </c>
      <c r="K27968" s="9">
        <v>934</v>
      </c>
      <c r="L27968" s="6" t="s">
        <v>4773</v>
      </c>
    </row>
    <row r="27969" spans="1:12">
      <c r="A27969" s="6" t="s">
        <v>28816</v>
      </c>
      <c r="B27969" s="6"/>
      <c r="C27969" s="6" t="s">
        <v>28821</v>
      </c>
      <c r="D27969" s="6"/>
      <c r="E27969" s="6" t="s">
        <v>18740</v>
      </c>
      <c r="F27969" s="7"/>
      <c r="G27969" s="8">
        <v>106590</v>
      </c>
      <c r="H27969" s="8">
        <v>106590</v>
      </c>
      <c r="I27969" s="8">
        <v>0</v>
      </c>
      <c r="J27969" s="8">
        <v>106590</v>
      </c>
      <c r="K27969" s="9">
        <v>935</v>
      </c>
      <c r="L27969" s="6" t="s">
        <v>4773</v>
      </c>
    </row>
    <row r="27970" spans="1:12">
      <c r="A27970" s="6" t="s">
        <v>28816</v>
      </c>
      <c r="B27970" s="6"/>
      <c r="C27970" s="6" t="s">
        <v>28822</v>
      </c>
      <c r="D27970" s="6"/>
      <c r="E27970" s="6" t="s">
        <v>18740</v>
      </c>
      <c r="F27970" s="7"/>
      <c r="G27970" s="8">
        <v>106590</v>
      </c>
      <c r="H27970" s="8">
        <v>106590</v>
      </c>
      <c r="I27970" s="8">
        <v>0</v>
      </c>
      <c r="J27970" s="8">
        <v>106590</v>
      </c>
      <c r="K27970" s="9">
        <v>935</v>
      </c>
      <c r="L27970" s="6" t="s">
        <v>4773</v>
      </c>
    </row>
    <row r="27971" spans="1:12">
      <c r="A27971" s="6" t="s">
        <v>28816</v>
      </c>
      <c r="B27971" s="6"/>
      <c r="C27971" s="6" t="s">
        <v>28823</v>
      </c>
      <c r="D27971" s="6"/>
      <c r="E27971" s="6" t="s">
        <v>18740</v>
      </c>
      <c r="F27971" s="7"/>
      <c r="G27971" s="8">
        <v>105336</v>
      </c>
      <c r="H27971" s="8">
        <v>105336</v>
      </c>
      <c r="I27971" s="8">
        <v>0</v>
      </c>
      <c r="J27971" s="8">
        <v>105336</v>
      </c>
      <c r="K27971" s="9">
        <v>924</v>
      </c>
      <c r="L27971" s="6" t="s">
        <v>4773</v>
      </c>
    </row>
    <row r="27972" spans="1:12">
      <c r="A27972" s="6" t="s">
        <v>28816</v>
      </c>
      <c r="B27972" s="6"/>
      <c r="C27972" s="6" t="s">
        <v>28824</v>
      </c>
      <c r="D27972" s="6"/>
      <c r="E27972" s="6" t="s">
        <v>18740</v>
      </c>
      <c r="F27972" s="7"/>
      <c r="G27972" s="8">
        <v>105678</v>
      </c>
      <c r="H27972" s="8">
        <v>105678</v>
      </c>
      <c r="I27972" s="8">
        <v>0</v>
      </c>
      <c r="J27972" s="8">
        <v>105678</v>
      </c>
      <c r="K27972" s="9">
        <v>927</v>
      </c>
      <c r="L27972" s="6" t="s">
        <v>4773</v>
      </c>
    </row>
    <row r="27973" spans="1:12">
      <c r="A27973" s="6" t="s">
        <v>28816</v>
      </c>
      <c r="B27973" s="6"/>
      <c r="C27973" s="6" t="s">
        <v>28825</v>
      </c>
      <c r="D27973" s="6"/>
      <c r="E27973" s="6" t="s">
        <v>18740</v>
      </c>
      <c r="F27973" s="7"/>
      <c r="G27973" s="8">
        <v>105450</v>
      </c>
      <c r="H27973" s="8">
        <v>105450</v>
      </c>
      <c r="I27973" s="8">
        <v>0</v>
      </c>
      <c r="J27973" s="8">
        <v>105450</v>
      </c>
      <c r="K27973" s="9">
        <v>925</v>
      </c>
      <c r="L27973" s="6" t="s">
        <v>4773</v>
      </c>
    </row>
    <row r="27974" spans="1:12">
      <c r="A27974" s="6" t="s">
        <v>28816</v>
      </c>
      <c r="B27974" s="6"/>
      <c r="C27974" s="6" t="s">
        <v>28826</v>
      </c>
      <c r="D27974" s="6"/>
      <c r="E27974" s="6" t="s">
        <v>18740</v>
      </c>
      <c r="F27974" s="7"/>
      <c r="G27974" s="8">
        <v>105564</v>
      </c>
      <c r="H27974" s="8">
        <v>105564</v>
      </c>
      <c r="I27974" s="8">
        <v>0</v>
      </c>
      <c r="J27974" s="8">
        <v>105564</v>
      </c>
      <c r="K27974" s="9">
        <v>926</v>
      </c>
      <c r="L27974" s="6" t="s">
        <v>4773</v>
      </c>
    </row>
    <row r="27975" spans="1:12">
      <c r="A27975" s="6" t="s">
        <v>28816</v>
      </c>
      <c r="B27975" s="6"/>
      <c r="C27975" s="6" t="s">
        <v>28827</v>
      </c>
      <c r="D27975" s="6"/>
      <c r="E27975" s="6" t="s">
        <v>18740</v>
      </c>
      <c r="F27975" s="7"/>
      <c r="G27975" s="8">
        <v>105336</v>
      </c>
      <c r="H27975" s="8">
        <v>105336</v>
      </c>
      <c r="I27975" s="8">
        <v>0</v>
      </c>
      <c r="J27975" s="8">
        <v>105336</v>
      </c>
      <c r="K27975" s="9">
        <v>924</v>
      </c>
      <c r="L27975" s="6" t="s">
        <v>4773</v>
      </c>
    </row>
    <row r="27976" spans="1:12">
      <c r="A27976" s="6" t="s">
        <v>28816</v>
      </c>
      <c r="B27976" s="6"/>
      <c r="C27976" s="6" t="s">
        <v>28828</v>
      </c>
      <c r="D27976" s="6"/>
      <c r="E27976" s="6" t="s">
        <v>18740</v>
      </c>
      <c r="F27976" s="7"/>
      <c r="G27976" s="8">
        <v>105336</v>
      </c>
      <c r="H27976" s="8">
        <v>105336</v>
      </c>
      <c r="I27976" s="8">
        <v>0</v>
      </c>
      <c r="J27976" s="8">
        <v>105336</v>
      </c>
      <c r="K27976" s="9">
        <v>924</v>
      </c>
      <c r="L27976" s="6" t="s">
        <v>4773</v>
      </c>
    </row>
    <row r="27977" spans="1:12">
      <c r="A27977" s="6" t="s">
        <v>28816</v>
      </c>
      <c r="B27977" s="6"/>
      <c r="C27977" s="6" t="s">
        <v>28829</v>
      </c>
      <c r="D27977" s="6"/>
      <c r="E27977" s="6" t="s">
        <v>18740</v>
      </c>
      <c r="F27977" s="7"/>
      <c r="G27977" s="8">
        <v>843480</v>
      </c>
      <c r="H27977" s="8">
        <v>843480</v>
      </c>
      <c r="I27977" s="8">
        <v>0</v>
      </c>
      <c r="J27977" s="8">
        <v>843480</v>
      </c>
      <c r="K27977" s="9">
        <v>165</v>
      </c>
      <c r="L27977" s="6" t="s">
        <v>23</v>
      </c>
    </row>
    <row r="27978" spans="1:12">
      <c r="A27978" s="6" t="s">
        <v>28816</v>
      </c>
      <c r="B27978" s="6"/>
      <c r="C27978" s="6" t="s">
        <v>28830</v>
      </c>
      <c r="D27978" s="6"/>
      <c r="E27978" s="6" t="s">
        <v>18740</v>
      </c>
      <c r="F27978" s="7"/>
      <c r="G27978" s="8">
        <v>105336</v>
      </c>
      <c r="H27978" s="8">
        <v>105336</v>
      </c>
      <c r="I27978" s="8">
        <v>0</v>
      </c>
      <c r="J27978" s="8">
        <v>105336</v>
      </c>
      <c r="K27978" s="9">
        <v>924</v>
      </c>
      <c r="L27978" s="6" t="s">
        <v>4773</v>
      </c>
    </row>
    <row r="27979" spans="1:12">
      <c r="A27979" s="6" t="s">
        <v>28816</v>
      </c>
      <c r="B27979" s="6"/>
      <c r="C27979" s="6" t="s">
        <v>28831</v>
      </c>
      <c r="D27979" s="6"/>
      <c r="E27979" s="6" t="s">
        <v>18740</v>
      </c>
      <c r="F27979" s="7"/>
      <c r="G27979" s="8">
        <v>6421</v>
      </c>
      <c r="H27979" s="8">
        <v>6421</v>
      </c>
      <c r="I27979" s="8">
        <v>0</v>
      </c>
      <c r="J27979" s="8">
        <v>6421</v>
      </c>
      <c r="K27979" s="9">
        <v>56.33</v>
      </c>
      <c r="L27979" s="6" t="s">
        <v>4773</v>
      </c>
    </row>
    <row r="27980" spans="1:12">
      <c r="A27980" s="6" t="s">
        <v>28816</v>
      </c>
      <c r="B27980" s="6"/>
      <c r="C27980" s="6" t="s">
        <v>28832</v>
      </c>
      <c r="D27980" s="6"/>
      <c r="E27980" s="6" t="s">
        <v>18740</v>
      </c>
      <c r="F27980" s="7"/>
      <c r="G27980" s="8">
        <v>106020</v>
      </c>
      <c r="H27980" s="8">
        <v>106020</v>
      </c>
      <c r="I27980" s="8">
        <v>0</v>
      </c>
      <c r="J27980" s="8">
        <v>106020</v>
      </c>
      <c r="K27980" s="9">
        <v>930</v>
      </c>
      <c r="L27980" s="6" t="s">
        <v>4773</v>
      </c>
    </row>
    <row r="27981" spans="1:12">
      <c r="A27981" s="6" t="s">
        <v>28816</v>
      </c>
      <c r="B27981" s="6"/>
      <c r="C27981" s="6" t="s">
        <v>28833</v>
      </c>
      <c r="D27981" s="6"/>
      <c r="E27981" s="6" t="s">
        <v>18740</v>
      </c>
      <c r="F27981" s="7"/>
      <c r="G27981" s="8">
        <v>105906</v>
      </c>
      <c r="H27981" s="8">
        <v>105906</v>
      </c>
      <c r="I27981" s="8">
        <v>0</v>
      </c>
      <c r="J27981" s="8">
        <v>105906</v>
      </c>
      <c r="K27981" s="9">
        <v>929</v>
      </c>
      <c r="L27981" s="6" t="s">
        <v>4773</v>
      </c>
    </row>
    <row r="27982" spans="1:12">
      <c r="A27982" s="6" t="s">
        <v>28816</v>
      </c>
      <c r="B27982" s="6"/>
      <c r="C27982" s="6" t="s">
        <v>28834</v>
      </c>
      <c r="D27982" s="6"/>
      <c r="E27982" s="6" t="s">
        <v>18740</v>
      </c>
      <c r="F27982" s="7"/>
      <c r="G27982" s="8">
        <v>106020</v>
      </c>
      <c r="H27982" s="8">
        <v>106020</v>
      </c>
      <c r="I27982" s="8">
        <v>0</v>
      </c>
      <c r="J27982" s="8">
        <v>106020</v>
      </c>
      <c r="K27982" s="9">
        <v>930</v>
      </c>
      <c r="L27982" s="6" t="s">
        <v>4773</v>
      </c>
    </row>
    <row r="27983" spans="1:12">
      <c r="A27983" s="6" t="s">
        <v>28816</v>
      </c>
      <c r="B27983" s="6"/>
      <c r="C27983" s="6" t="s">
        <v>28835</v>
      </c>
      <c r="D27983" s="6"/>
      <c r="E27983" s="6" t="s">
        <v>18740</v>
      </c>
      <c r="F27983" s="7"/>
      <c r="G27983" s="8">
        <v>100092</v>
      </c>
      <c r="H27983" s="8">
        <v>100092</v>
      </c>
      <c r="I27983" s="8">
        <v>0</v>
      </c>
      <c r="J27983" s="8">
        <v>100092</v>
      </c>
      <c r="K27983" s="9">
        <v>878</v>
      </c>
      <c r="L27983" s="6" t="s">
        <v>4773</v>
      </c>
    </row>
    <row r="27984" spans="1:12">
      <c r="A27984" s="6" t="s">
        <v>28816</v>
      </c>
      <c r="B27984" s="6"/>
      <c r="C27984" s="6" t="s">
        <v>28836</v>
      </c>
      <c r="D27984" s="6"/>
      <c r="E27984" s="6" t="s">
        <v>18740</v>
      </c>
      <c r="F27984" s="7"/>
      <c r="G27984" s="8">
        <v>100206</v>
      </c>
      <c r="H27984" s="8">
        <v>100206</v>
      </c>
      <c r="I27984" s="8">
        <v>0</v>
      </c>
      <c r="J27984" s="8">
        <v>100206</v>
      </c>
      <c r="K27984" s="9">
        <v>879</v>
      </c>
      <c r="L27984" s="6" t="s">
        <v>4773</v>
      </c>
    </row>
    <row r="27985" spans="1:12">
      <c r="A27985" s="6" t="s">
        <v>28816</v>
      </c>
      <c r="B27985" s="6"/>
      <c r="C27985" s="6" t="s">
        <v>28837</v>
      </c>
      <c r="D27985" s="6"/>
      <c r="E27985" s="6" t="s">
        <v>18740</v>
      </c>
      <c r="F27985" s="7"/>
      <c r="G27985" s="8">
        <v>106248</v>
      </c>
      <c r="H27985" s="8">
        <v>106248</v>
      </c>
      <c r="I27985" s="8">
        <v>0</v>
      </c>
      <c r="J27985" s="8">
        <v>106248</v>
      </c>
      <c r="K27985" s="9">
        <v>932</v>
      </c>
      <c r="L27985" s="6" t="s">
        <v>4773</v>
      </c>
    </row>
    <row r="27986" spans="1:12">
      <c r="A27986" s="6" t="s">
        <v>28816</v>
      </c>
      <c r="B27986" s="6"/>
      <c r="C27986" s="6" t="s">
        <v>28838</v>
      </c>
      <c r="D27986" s="6"/>
      <c r="E27986" s="6" t="s">
        <v>18740</v>
      </c>
      <c r="F27986" s="7"/>
      <c r="G27986" s="8">
        <v>106248</v>
      </c>
      <c r="H27986" s="8">
        <v>106248</v>
      </c>
      <c r="I27986" s="8">
        <v>0</v>
      </c>
      <c r="J27986" s="8">
        <v>106248</v>
      </c>
      <c r="K27986" s="9">
        <v>932</v>
      </c>
      <c r="L27986" s="6" t="s">
        <v>4773</v>
      </c>
    </row>
    <row r="27987" spans="1:12">
      <c r="A27987" s="6" t="s">
        <v>28816</v>
      </c>
      <c r="B27987" s="6"/>
      <c r="C27987" s="6" t="s">
        <v>28839</v>
      </c>
      <c r="D27987" s="6"/>
      <c r="E27987" s="6" t="s">
        <v>18740</v>
      </c>
      <c r="F27987" s="7"/>
      <c r="G27987" s="8">
        <v>106362</v>
      </c>
      <c r="H27987" s="8">
        <v>106362</v>
      </c>
      <c r="I27987" s="8">
        <v>0</v>
      </c>
      <c r="J27987" s="8">
        <v>106362</v>
      </c>
      <c r="K27987" s="9">
        <v>933</v>
      </c>
      <c r="L27987" s="6" t="s">
        <v>4773</v>
      </c>
    </row>
    <row r="27988" spans="1:12">
      <c r="A27988" s="6" t="s">
        <v>28816</v>
      </c>
      <c r="B27988" s="6"/>
      <c r="C27988" s="6" t="s">
        <v>28840</v>
      </c>
      <c r="D27988" s="6"/>
      <c r="E27988" s="6" t="s">
        <v>18740</v>
      </c>
      <c r="F27988" s="7"/>
      <c r="G27988" s="8">
        <v>2228832</v>
      </c>
      <c r="H27988" s="8">
        <v>2228832</v>
      </c>
      <c r="I27988" s="8">
        <v>0</v>
      </c>
      <c r="J27988" s="8">
        <v>2228832</v>
      </c>
      <c r="K27988" s="9">
        <v>436</v>
      </c>
      <c r="L27988" s="6" t="s">
        <v>23</v>
      </c>
    </row>
    <row r="27989" spans="1:12">
      <c r="A27989" s="6" t="s">
        <v>28816</v>
      </c>
      <c r="B27989" s="6"/>
      <c r="C27989" s="6" t="s">
        <v>28841</v>
      </c>
      <c r="D27989" s="6"/>
      <c r="E27989" s="6" t="s">
        <v>18740</v>
      </c>
      <c r="F27989" s="7"/>
      <c r="G27989" s="8">
        <v>106134</v>
      </c>
      <c r="H27989" s="8">
        <v>106134</v>
      </c>
      <c r="I27989" s="8">
        <v>0</v>
      </c>
      <c r="J27989" s="8">
        <v>106134</v>
      </c>
      <c r="K27989" s="9">
        <v>931</v>
      </c>
      <c r="L27989" s="6" t="s">
        <v>4773</v>
      </c>
    </row>
    <row r="27990" spans="1:12">
      <c r="A27990" s="6" t="s">
        <v>28816</v>
      </c>
      <c r="B27990" s="6"/>
      <c r="C27990" s="6" t="s">
        <v>28842</v>
      </c>
      <c r="D27990" s="6"/>
      <c r="E27990" s="6" t="s">
        <v>18740</v>
      </c>
      <c r="F27990" s="7"/>
      <c r="G27990" s="8">
        <v>105678</v>
      </c>
      <c r="H27990" s="8">
        <v>105678</v>
      </c>
      <c r="I27990" s="8">
        <v>0</v>
      </c>
      <c r="J27990" s="8">
        <v>105678</v>
      </c>
      <c r="K27990" s="9">
        <v>927</v>
      </c>
      <c r="L27990" s="6" t="s">
        <v>4773</v>
      </c>
    </row>
    <row r="27991" spans="1:12">
      <c r="A27991" s="6" t="s">
        <v>28816</v>
      </c>
      <c r="B27991" s="6"/>
      <c r="C27991" s="6" t="s">
        <v>28843</v>
      </c>
      <c r="D27991" s="6"/>
      <c r="E27991" s="6" t="s">
        <v>18740</v>
      </c>
      <c r="F27991" s="7"/>
      <c r="G27991" s="8">
        <v>106476</v>
      </c>
      <c r="H27991" s="8">
        <v>106476</v>
      </c>
      <c r="I27991" s="8">
        <v>0</v>
      </c>
      <c r="J27991" s="8">
        <v>106476</v>
      </c>
      <c r="K27991" s="9">
        <v>934</v>
      </c>
      <c r="L27991" s="6" t="s">
        <v>4773</v>
      </c>
    </row>
    <row r="27992" spans="1:12">
      <c r="A27992" s="6" t="s">
        <v>28816</v>
      </c>
      <c r="B27992" s="6"/>
      <c r="C27992" s="6" t="s">
        <v>28844</v>
      </c>
      <c r="D27992" s="6"/>
      <c r="E27992" s="6" t="s">
        <v>18740</v>
      </c>
      <c r="F27992" s="7"/>
      <c r="G27992" s="8">
        <v>106248</v>
      </c>
      <c r="H27992" s="8">
        <v>106248</v>
      </c>
      <c r="I27992" s="8">
        <v>0</v>
      </c>
      <c r="J27992" s="8">
        <v>106248</v>
      </c>
      <c r="K27992" s="9">
        <v>932</v>
      </c>
      <c r="L27992" s="6" t="s">
        <v>4773</v>
      </c>
    </row>
    <row r="27993" spans="1:12">
      <c r="A27993" s="6" t="s">
        <v>28816</v>
      </c>
      <c r="B27993" s="6"/>
      <c r="C27993" s="6" t="s">
        <v>28845</v>
      </c>
      <c r="D27993" s="6"/>
      <c r="E27993" s="6" t="s">
        <v>18740</v>
      </c>
      <c r="F27993" s="7"/>
      <c r="G27993" s="8">
        <v>106248</v>
      </c>
      <c r="H27993" s="8">
        <v>106248</v>
      </c>
      <c r="I27993" s="8">
        <v>0</v>
      </c>
      <c r="J27993" s="8">
        <v>106248</v>
      </c>
      <c r="K27993" s="9">
        <v>932</v>
      </c>
      <c r="L27993" s="6" t="s">
        <v>4773</v>
      </c>
    </row>
    <row r="27994" spans="1:12">
      <c r="A27994" s="6" t="s">
        <v>28816</v>
      </c>
      <c r="B27994" s="6"/>
      <c r="C27994" s="6" t="s">
        <v>28846</v>
      </c>
      <c r="D27994" s="6"/>
      <c r="E27994" s="6" t="s">
        <v>18740</v>
      </c>
      <c r="F27994" s="7"/>
      <c r="G27994" s="8">
        <v>106248</v>
      </c>
      <c r="H27994" s="8">
        <v>106248</v>
      </c>
      <c r="I27994" s="8">
        <v>0</v>
      </c>
      <c r="J27994" s="8">
        <v>106248</v>
      </c>
      <c r="K27994" s="9">
        <v>932</v>
      </c>
      <c r="L27994" s="6" t="s">
        <v>4773</v>
      </c>
    </row>
    <row r="27995" spans="1:12">
      <c r="A27995" s="6" t="s">
        <v>28816</v>
      </c>
      <c r="B27995" s="6"/>
      <c r="C27995" s="6" t="s">
        <v>28847</v>
      </c>
      <c r="D27995" s="6"/>
      <c r="E27995" s="6" t="s">
        <v>18740</v>
      </c>
      <c r="F27995" s="7"/>
      <c r="G27995" s="8">
        <v>106248</v>
      </c>
      <c r="H27995" s="8">
        <v>106248</v>
      </c>
      <c r="I27995" s="8">
        <v>0</v>
      </c>
      <c r="J27995" s="8">
        <v>106248</v>
      </c>
      <c r="K27995" s="9">
        <v>932</v>
      </c>
      <c r="L27995" s="6" t="s">
        <v>4773</v>
      </c>
    </row>
    <row r="27996" spans="1:12">
      <c r="A27996" s="6" t="s">
        <v>28816</v>
      </c>
      <c r="B27996" s="6"/>
      <c r="C27996" s="6" t="s">
        <v>28848</v>
      </c>
      <c r="D27996" s="6"/>
      <c r="E27996" s="6" t="s">
        <v>18740</v>
      </c>
      <c r="F27996" s="7"/>
      <c r="G27996" s="8">
        <v>105564</v>
      </c>
      <c r="H27996" s="8">
        <v>105564</v>
      </c>
      <c r="I27996" s="8">
        <v>0</v>
      </c>
      <c r="J27996" s="8">
        <v>105564</v>
      </c>
      <c r="K27996" s="9">
        <v>926</v>
      </c>
      <c r="L27996" s="6" t="s">
        <v>4773</v>
      </c>
    </row>
    <row r="27997" spans="1:12">
      <c r="A27997" s="6" t="s">
        <v>28816</v>
      </c>
      <c r="B27997" s="6"/>
      <c r="C27997" s="6" t="s">
        <v>28849</v>
      </c>
      <c r="D27997" s="6"/>
      <c r="E27997" s="6" t="s">
        <v>18740</v>
      </c>
      <c r="F27997" s="7"/>
      <c r="G27997" s="8">
        <v>106248</v>
      </c>
      <c r="H27997" s="8">
        <v>106248</v>
      </c>
      <c r="I27997" s="8">
        <v>0</v>
      </c>
      <c r="J27997" s="8">
        <v>106248</v>
      </c>
      <c r="K27997" s="9">
        <v>932</v>
      </c>
      <c r="L27997" s="6" t="s">
        <v>4773</v>
      </c>
    </row>
    <row r="27998" spans="1:12">
      <c r="A27998" s="6" t="s">
        <v>28816</v>
      </c>
      <c r="B27998" s="6"/>
      <c r="C27998" s="6" t="s">
        <v>28850</v>
      </c>
      <c r="D27998" s="6"/>
      <c r="E27998" s="6" t="s">
        <v>18740</v>
      </c>
      <c r="F27998" s="7"/>
      <c r="G27998" s="8">
        <v>106362</v>
      </c>
      <c r="H27998" s="8">
        <v>106362</v>
      </c>
      <c r="I27998" s="8">
        <v>0</v>
      </c>
      <c r="J27998" s="8">
        <v>106362</v>
      </c>
      <c r="K27998" s="9">
        <v>933</v>
      </c>
      <c r="L27998" s="6" t="s">
        <v>4773</v>
      </c>
    </row>
    <row r="27999" spans="1:12">
      <c r="A27999" s="6" t="s">
        <v>28816</v>
      </c>
      <c r="B27999" s="6"/>
      <c r="C27999" s="6" t="s">
        <v>28851</v>
      </c>
      <c r="D27999" s="6"/>
      <c r="E27999" s="6" t="s">
        <v>18740</v>
      </c>
      <c r="F27999" s="7"/>
      <c r="G27999" s="8">
        <v>1269840</v>
      </c>
      <c r="H27999" s="8">
        <v>1269840</v>
      </c>
      <c r="I27999" s="8">
        <v>0</v>
      </c>
      <c r="J27999" s="8">
        <v>1269840</v>
      </c>
      <c r="K27999" s="9">
        <v>66.11</v>
      </c>
      <c r="L27999" s="6" t="s">
        <v>10</v>
      </c>
    </row>
    <row r="28000" spans="1:12">
      <c r="A28000" s="6" t="s">
        <v>28816</v>
      </c>
      <c r="B28000" s="6"/>
      <c r="C28000" s="6" t="s">
        <v>28852</v>
      </c>
      <c r="D28000" s="6"/>
      <c r="E28000" s="6" t="s">
        <v>18740</v>
      </c>
      <c r="F28000" s="7"/>
      <c r="G28000" s="8">
        <v>81966</v>
      </c>
      <c r="H28000" s="8">
        <v>81966</v>
      </c>
      <c r="I28000" s="8">
        <v>0</v>
      </c>
      <c r="J28000" s="8">
        <v>81966</v>
      </c>
      <c r="K28000" s="9">
        <v>719</v>
      </c>
      <c r="L28000" s="6" t="s">
        <v>4773</v>
      </c>
    </row>
    <row r="28001" spans="1:12">
      <c r="A28001" s="6" t="s">
        <v>28816</v>
      </c>
      <c r="B28001" s="6"/>
      <c r="C28001" s="6" t="s">
        <v>28853</v>
      </c>
      <c r="D28001" s="6"/>
      <c r="E28001" s="6" t="s">
        <v>18740</v>
      </c>
      <c r="F28001" s="7"/>
      <c r="G28001" s="8">
        <v>24510</v>
      </c>
      <c r="H28001" s="8">
        <v>24510</v>
      </c>
      <c r="I28001" s="8">
        <v>0</v>
      </c>
      <c r="J28001" s="8">
        <v>24510</v>
      </c>
      <c r="K28001" s="9">
        <v>215</v>
      </c>
      <c r="L28001" s="6" t="s">
        <v>4773</v>
      </c>
    </row>
    <row r="28002" spans="1:12">
      <c r="A28002" s="6" t="s">
        <v>28816</v>
      </c>
      <c r="B28002" s="6"/>
      <c r="C28002" s="6" t="s">
        <v>28854</v>
      </c>
      <c r="D28002" s="6"/>
      <c r="E28002" s="6" t="s">
        <v>18740</v>
      </c>
      <c r="F28002" s="7"/>
      <c r="G28002" s="8">
        <v>106818</v>
      </c>
      <c r="H28002" s="8">
        <v>106818</v>
      </c>
      <c r="I28002" s="8">
        <v>0</v>
      </c>
      <c r="J28002" s="8">
        <v>106818</v>
      </c>
      <c r="K28002" s="9">
        <v>937</v>
      </c>
      <c r="L28002" s="6" t="s">
        <v>4773</v>
      </c>
    </row>
    <row r="28003" spans="1:12">
      <c r="A28003" s="6" t="s">
        <v>28816</v>
      </c>
      <c r="B28003" s="6"/>
      <c r="C28003" s="6" t="s">
        <v>28855</v>
      </c>
      <c r="D28003" s="6"/>
      <c r="E28003" s="6" t="s">
        <v>18740</v>
      </c>
      <c r="F28003" s="7"/>
      <c r="G28003" s="8">
        <v>106704</v>
      </c>
      <c r="H28003" s="8">
        <v>106704</v>
      </c>
      <c r="I28003" s="8">
        <v>0</v>
      </c>
      <c r="J28003" s="8">
        <v>106704</v>
      </c>
      <c r="K28003" s="9">
        <v>936</v>
      </c>
      <c r="L28003" s="6" t="s">
        <v>4773</v>
      </c>
    </row>
    <row r="28004" spans="1:12">
      <c r="A28004" s="6" t="s">
        <v>28816</v>
      </c>
      <c r="B28004" s="6"/>
      <c r="C28004" s="6" t="s">
        <v>28856</v>
      </c>
      <c r="D28004" s="6"/>
      <c r="E28004" s="6" t="s">
        <v>18740</v>
      </c>
      <c r="F28004" s="7"/>
      <c r="G28004" s="8">
        <v>67032</v>
      </c>
      <c r="H28004" s="8">
        <v>67032</v>
      </c>
      <c r="I28004" s="8">
        <v>0</v>
      </c>
      <c r="J28004" s="8">
        <v>67032</v>
      </c>
      <c r="K28004" s="9">
        <v>588</v>
      </c>
      <c r="L28004" s="6" t="s">
        <v>4773</v>
      </c>
    </row>
    <row r="28005" spans="1:12">
      <c r="A28005" s="6" t="s">
        <v>28816</v>
      </c>
      <c r="B28005" s="6"/>
      <c r="C28005" s="6" t="s">
        <v>28857</v>
      </c>
      <c r="D28005" s="6"/>
      <c r="E28005" s="6" t="s">
        <v>18740</v>
      </c>
      <c r="F28005" s="7"/>
      <c r="G28005" s="8">
        <v>2009016</v>
      </c>
      <c r="H28005" s="8">
        <v>2009016</v>
      </c>
      <c r="I28005" s="8">
        <v>0</v>
      </c>
      <c r="J28005" s="8">
        <v>2009016</v>
      </c>
      <c r="K28005" s="9">
        <v>393</v>
      </c>
      <c r="L28005" s="6" t="s">
        <v>6094</v>
      </c>
    </row>
    <row r="28006" spans="1:12">
      <c r="A28006" s="6" t="s">
        <v>28816</v>
      </c>
      <c r="B28006" s="6"/>
      <c r="C28006" s="6" t="s">
        <v>28858</v>
      </c>
      <c r="D28006" s="6"/>
      <c r="E28006" s="6" t="s">
        <v>18740</v>
      </c>
      <c r="F28006" s="7"/>
      <c r="G28006" s="8">
        <v>14380056</v>
      </c>
      <c r="H28006" s="8">
        <v>14380056</v>
      </c>
      <c r="I28006" s="8">
        <v>0</v>
      </c>
      <c r="J28006" s="8">
        <v>14380056</v>
      </c>
      <c r="K28006" s="9">
        <v>2813</v>
      </c>
      <c r="L28006" s="6" t="s">
        <v>14</v>
      </c>
    </row>
    <row r="28007" spans="1:12">
      <c r="A28007" s="6" t="s">
        <v>28816</v>
      </c>
      <c r="B28007" s="6"/>
      <c r="C28007" s="6" t="s">
        <v>28859</v>
      </c>
      <c r="D28007" s="6"/>
      <c r="E28007" s="6" t="s">
        <v>18740</v>
      </c>
      <c r="F28007" s="7"/>
      <c r="G28007" s="8">
        <v>34391</v>
      </c>
      <c r="H28007" s="8">
        <v>34391</v>
      </c>
      <c r="I28007" s="8">
        <v>0</v>
      </c>
      <c r="J28007" s="8">
        <v>34391</v>
      </c>
      <c r="K28007" s="9">
        <v>2023</v>
      </c>
      <c r="L28007" s="6" t="s">
        <v>16860</v>
      </c>
    </row>
    <row r="28008" spans="1:12">
      <c r="A28008" s="6" t="s">
        <v>28816</v>
      </c>
      <c r="B28008" s="6"/>
      <c r="C28008" s="6" t="s">
        <v>28860</v>
      </c>
      <c r="D28008" s="6"/>
      <c r="E28008" s="6" t="s">
        <v>18740</v>
      </c>
      <c r="F28008" s="7"/>
      <c r="G28008" s="8">
        <v>3762</v>
      </c>
      <c r="H28008" s="8">
        <v>3762</v>
      </c>
      <c r="I28008" s="8">
        <v>0</v>
      </c>
      <c r="J28008" s="8">
        <v>3762</v>
      </c>
      <c r="K28008" s="9">
        <v>33</v>
      </c>
      <c r="L28008" s="6" t="s">
        <v>4773</v>
      </c>
    </row>
    <row r="28009" spans="1:12">
      <c r="A28009" s="6" t="s">
        <v>28816</v>
      </c>
      <c r="B28009" s="6"/>
      <c r="C28009" s="6" t="s">
        <v>28861</v>
      </c>
      <c r="D28009" s="6"/>
      <c r="E28009" s="6" t="s">
        <v>18740</v>
      </c>
      <c r="F28009" s="7"/>
      <c r="G28009" s="8">
        <v>2465</v>
      </c>
      <c r="H28009" s="8">
        <v>2465</v>
      </c>
      <c r="I28009" s="8">
        <v>0</v>
      </c>
      <c r="J28009" s="8">
        <v>2465</v>
      </c>
      <c r="K28009" s="9">
        <v>145</v>
      </c>
      <c r="L28009" s="6" t="s">
        <v>16860</v>
      </c>
    </row>
    <row r="28010" spans="1:12">
      <c r="A28010" s="6" t="s">
        <v>28816</v>
      </c>
      <c r="B28010" s="6"/>
      <c r="C28010" s="6" t="s">
        <v>28862</v>
      </c>
      <c r="D28010" s="6"/>
      <c r="E28010" s="6" t="s">
        <v>18740</v>
      </c>
      <c r="F28010" s="7"/>
      <c r="G28010" s="8">
        <v>2603260</v>
      </c>
      <c r="H28010" s="8">
        <v>2603260</v>
      </c>
      <c r="I28010" s="8">
        <v>0</v>
      </c>
      <c r="J28010" s="8">
        <v>2603260</v>
      </c>
      <c r="K28010" s="9">
        <v>135.53</v>
      </c>
      <c r="L28010" s="6" t="s">
        <v>10</v>
      </c>
    </row>
    <row r="28011" spans="1:12">
      <c r="A28011" s="6" t="s">
        <v>28816</v>
      </c>
      <c r="B28011" s="6"/>
      <c r="C28011" s="6" t="s">
        <v>28863</v>
      </c>
      <c r="D28011" s="6"/>
      <c r="E28011" s="6" t="s">
        <v>18740</v>
      </c>
      <c r="F28011" s="7"/>
      <c r="G28011" s="8">
        <v>10830</v>
      </c>
      <c r="H28011" s="8">
        <v>10830</v>
      </c>
      <c r="I28011" s="8">
        <v>0</v>
      </c>
      <c r="J28011" s="8">
        <v>10830</v>
      </c>
      <c r="K28011" s="9">
        <v>95</v>
      </c>
      <c r="L28011" s="6" t="s">
        <v>4773</v>
      </c>
    </row>
    <row r="28012" spans="1:12">
      <c r="A28012" s="6" t="s">
        <v>28816</v>
      </c>
      <c r="B28012" s="6"/>
      <c r="C28012" s="6" t="s">
        <v>28864</v>
      </c>
      <c r="D28012" s="6"/>
      <c r="E28012" s="6" t="s">
        <v>18740</v>
      </c>
      <c r="F28012" s="7"/>
      <c r="G28012" s="8">
        <v>10716</v>
      </c>
      <c r="H28012" s="8">
        <v>10716</v>
      </c>
      <c r="I28012" s="8">
        <v>0</v>
      </c>
      <c r="J28012" s="8">
        <v>10716</v>
      </c>
      <c r="K28012" s="9">
        <v>228</v>
      </c>
      <c r="L28012" s="6" t="s">
        <v>1842</v>
      </c>
    </row>
    <row r="28013" spans="1:12">
      <c r="A28013" s="6" t="s">
        <v>28816</v>
      </c>
      <c r="B28013" s="6"/>
      <c r="C28013" s="6" t="s">
        <v>28865</v>
      </c>
      <c r="D28013" s="6"/>
      <c r="E28013" s="6" t="s">
        <v>18740</v>
      </c>
      <c r="F28013" s="7"/>
      <c r="G28013" s="8">
        <v>7163989</v>
      </c>
      <c r="H28013" s="8">
        <v>7163989</v>
      </c>
      <c r="I28013" s="8">
        <v>0</v>
      </c>
      <c r="J28013" s="8">
        <v>7163989</v>
      </c>
      <c r="K28013" s="9">
        <v>1553</v>
      </c>
      <c r="L28013" s="6" t="s">
        <v>28866</v>
      </c>
    </row>
    <row r="28014" spans="1:12">
      <c r="A28014" s="6" t="s">
        <v>28816</v>
      </c>
      <c r="B28014" s="6"/>
      <c r="C28014" s="6" t="s">
        <v>28867</v>
      </c>
      <c r="D28014" s="6"/>
      <c r="E28014" s="6" t="s">
        <v>18740</v>
      </c>
      <c r="F28014" s="7"/>
      <c r="G28014" s="8">
        <v>26224</v>
      </c>
      <c r="H28014" s="8">
        <v>26224</v>
      </c>
      <c r="I28014" s="8">
        <v>0</v>
      </c>
      <c r="J28014" s="8">
        <v>26224</v>
      </c>
      <c r="K28014" s="9">
        <v>5.13</v>
      </c>
      <c r="L28014" s="6" t="s">
        <v>23</v>
      </c>
    </row>
    <row r="28015" spans="1:12">
      <c r="A28015" s="6" t="s">
        <v>28816</v>
      </c>
      <c r="B28015" s="6"/>
      <c r="C28015" s="6" t="s">
        <v>28868</v>
      </c>
      <c r="D28015" s="6"/>
      <c r="E28015" s="6" t="s">
        <v>18740</v>
      </c>
      <c r="F28015" s="7"/>
      <c r="G28015" s="8">
        <v>96616</v>
      </c>
      <c r="H28015" s="8">
        <v>96616</v>
      </c>
      <c r="I28015" s="8">
        <v>0</v>
      </c>
      <c r="J28015" s="8">
        <v>96616</v>
      </c>
      <c r="K28015" s="9">
        <v>5.03</v>
      </c>
      <c r="L28015" s="6" t="s">
        <v>51</v>
      </c>
    </row>
    <row r="28016" spans="1:12">
      <c r="A28016" s="6" t="s">
        <v>28816</v>
      </c>
      <c r="B28016" s="6"/>
      <c r="C28016" s="6" t="s">
        <v>28869</v>
      </c>
      <c r="D28016" s="6"/>
      <c r="E28016" s="6" t="s">
        <v>18740</v>
      </c>
      <c r="F28016" s="7"/>
      <c r="G28016" s="8">
        <v>2903616</v>
      </c>
      <c r="H28016" s="8">
        <v>2903616</v>
      </c>
      <c r="I28016" s="8">
        <v>0</v>
      </c>
      <c r="J28016" s="8">
        <v>2903616</v>
      </c>
      <c r="K28016" s="9">
        <v>568</v>
      </c>
      <c r="L28016" s="6" t="s">
        <v>14</v>
      </c>
    </row>
    <row r="28017" spans="1:12">
      <c r="A28017" s="6" t="s">
        <v>28816</v>
      </c>
      <c r="B28017" s="6"/>
      <c r="C28017" s="6" t="s">
        <v>28870</v>
      </c>
      <c r="D28017" s="6"/>
      <c r="E28017" s="6" t="s">
        <v>18740</v>
      </c>
      <c r="F28017" s="7"/>
      <c r="G28017" s="8">
        <v>2637792</v>
      </c>
      <c r="H28017" s="8">
        <v>2637792</v>
      </c>
      <c r="I28017" s="8">
        <v>0</v>
      </c>
      <c r="J28017" s="8">
        <v>2637792</v>
      </c>
      <c r="K28017" s="9">
        <v>516</v>
      </c>
      <c r="L28017" s="6" t="s">
        <v>14</v>
      </c>
    </row>
    <row r="28018" spans="1:12">
      <c r="A28018" s="6" t="s">
        <v>28816</v>
      </c>
      <c r="B28018" s="6"/>
      <c r="C28018" s="6" t="s">
        <v>28871</v>
      </c>
      <c r="D28018" s="6"/>
      <c r="E28018" s="6" t="s">
        <v>18740</v>
      </c>
      <c r="F28018" s="7"/>
      <c r="G28018" s="8">
        <v>1012176</v>
      </c>
      <c r="H28018" s="8">
        <v>1012176</v>
      </c>
      <c r="I28018" s="8">
        <v>0</v>
      </c>
      <c r="J28018" s="8">
        <v>1012176</v>
      </c>
      <c r="K28018" s="9">
        <v>198</v>
      </c>
      <c r="L28018" s="6" t="s">
        <v>14</v>
      </c>
    </row>
    <row r="28019" spans="1:12">
      <c r="A28019" s="6" t="s">
        <v>28816</v>
      </c>
      <c r="B28019" s="6"/>
      <c r="C28019" s="6" t="s">
        <v>28872</v>
      </c>
      <c r="D28019" s="6"/>
      <c r="E28019" s="6" t="s">
        <v>18740</v>
      </c>
      <c r="F28019" s="7"/>
      <c r="G28019" s="8">
        <v>777024</v>
      </c>
      <c r="H28019" s="8">
        <v>777024</v>
      </c>
      <c r="I28019" s="8">
        <v>0</v>
      </c>
      <c r="J28019" s="8">
        <v>777024</v>
      </c>
      <c r="K28019" s="9">
        <v>152</v>
      </c>
      <c r="L28019" s="6" t="s">
        <v>14</v>
      </c>
    </row>
    <row r="28020" spans="1:12">
      <c r="A28020" s="6" t="s">
        <v>28816</v>
      </c>
      <c r="B28020" s="6"/>
      <c r="C28020" s="6" t="s">
        <v>28873</v>
      </c>
      <c r="D28020" s="6"/>
      <c r="E28020" s="6" t="s">
        <v>18740</v>
      </c>
      <c r="F28020" s="7"/>
      <c r="G28020" s="8">
        <v>470304</v>
      </c>
      <c r="H28020" s="8">
        <v>470304</v>
      </c>
      <c r="I28020" s="8">
        <v>0</v>
      </c>
      <c r="J28020" s="8">
        <v>470304</v>
      </c>
      <c r="K28020" s="9">
        <v>92</v>
      </c>
      <c r="L28020" s="6" t="s">
        <v>14</v>
      </c>
    </row>
    <row r="28021" spans="1:12">
      <c r="A28021" s="6" t="s">
        <v>28816</v>
      </c>
      <c r="B28021" s="6"/>
      <c r="C28021" s="6" t="s">
        <v>28874</v>
      </c>
      <c r="D28021" s="6"/>
      <c r="E28021" s="6" t="s">
        <v>18740</v>
      </c>
      <c r="F28021" s="7"/>
      <c r="G28021" s="8">
        <v>368064</v>
      </c>
      <c r="H28021" s="8">
        <v>368064</v>
      </c>
      <c r="I28021" s="8">
        <v>0</v>
      </c>
      <c r="J28021" s="8">
        <v>368064</v>
      </c>
      <c r="K28021" s="9">
        <v>72</v>
      </c>
      <c r="L28021" s="6" t="s">
        <v>23</v>
      </c>
    </row>
    <row r="28022" spans="1:12">
      <c r="A28022" s="6" t="s">
        <v>28816</v>
      </c>
      <c r="B28022" s="6"/>
      <c r="C28022" s="6" t="s">
        <v>28875</v>
      </c>
      <c r="D28022" s="6"/>
      <c r="E28022" s="6" t="s">
        <v>18740</v>
      </c>
      <c r="F28022" s="7"/>
      <c r="G28022" s="8">
        <v>4225</v>
      </c>
      <c r="H28022" s="8">
        <v>4225</v>
      </c>
      <c r="I28022" s="8">
        <v>0</v>
      </c>
      <c r="J28022" s="8">
        <v>4225</v>
      </c>
      <c r="K28022" s="9">
        <v>0.22</v>
      </c>
      <c r="L28022" s="6" t="s">
        <v>51</v>
      </c>
    </row>
    <row r="28023" spans="1:12">
      <c r="A28023" s="6" t="s">
        <v>28816</v>
      </c>
      <c r="B28023" s="6"/>
      <c r="C28023" s="6" t="s">
        <v>28876</v>
      </c>
      <c r="D28023" s="6"/>
      <c r="E28023" s="6" t="s">
        <v>18740</v>
      </c>
      <c r="F28023" s="7"/>
      <c r="G28023" s="8">
        <v>50132</v>
      </c>
      <c r="H28023" s="8">
        <v>50132</v>
      </c>
      <c r="I28023" s="8">
        <v>0</v>
      </c>
      <c r="J28023" s="8">
        <v>50132</v>
      </c>
      <c r="K28023" s="9">
        <v>2.61</v>
      </c>
      <c r="L28023" s="6" t="s">
        <v>51</v>
      </c>
    </row>
    <row r="28024" spans="1:12">
      <c r="A28024" s="6" t="s">
        <v>28816</v>
      </c>
      <c r="B28024" s="6"/>
      <c r="C28024" s="6" t="s">
        <v>28877</v>
      </c>
      <c r="D28024" s="6"/>
      <c r="E28024" s="6" t="s">
        <v>18740</v>
      </c>
      <c r="F28024" s="7"/>
      <c r="G28024" s="8">
        <v>947338</v>
      </c>
      <c r="H28024" s="8">
        <v>947338</v>
      </c>
      <c r="I28024" s="8">
        <v>0</v>
      </c>
      <c r="J28024" s="8">
        <v>947338</v>
      </c>
      <c r="K28024" s="9">
        <v>49.32</v>
      </c>
      <c r="L28024" s="6" t="s">
        <v>10</v>
      </c>
    </row>
    <row r="28025" spans="1:12">
      <c r="A28025" s="6" t="s">
        <v>28816</v>
      </c>
      <c r="B28025" s="6"/>
      <c r="C28025" s="6" t="s">
        <v>28878</v>
      </c>
      <c r="D28025" s="6"/>
      <c r="E28025" s="6" t="s">
        <v>18740</v>
      </c>
      <c r="F28025" s="7"/>
      <c r="G28025" s="8">
        <v>16057888</v>
      </c>
      <c r="H28025" s="8">
        <v>16057888</v>
      </c>
      <c r="I28025" s="8">
        <v>0</v>
      </c>
      <c r="J28025" s="8">
        <v>16057888</v>
      </c>
      <c r="K28025" s="9">
        <v>836</v>
      </c>
      <c r="L28025" s="6" t="s">
        <v>10</v>
      </c>
    </row>
    <row r="28026" spans="1:12">
      <c r="A28026" s="6" t="s">
        <v>28816</v>
      </c>
      <c r="B28026" s="6"/>
      <c r="C28026" s="6" t="s">
        <v>28879</v>
      </c>
      <c r="D28026" s="6"/>
      <c r="E28026" s="6" t="s">
        <v>18740</v>
      </c>
      <c r="F28026" s="7"/>
      <c r="G28026" s="8">
        <v>1183020</v>
      </c>
      <c r="H28026" s="8">
        <v>1183020</v>
      </c>
      <c r="I28026" s="8">
        <v>0</v>
      </c>
      <c r="J28026" s="8">
        <v>1183020</v>
      </c>
      <c r="K28026" s="9">
        <v>61.59</v>
      </c>
      <c r="L28026" s="6" t="s">
        <v>10</v>
      </c>
    </row>
    <row r="28027" spans="1:12">
      <c r="A28027" s="6" t="s">
        <v>28816</v>
      </c>
      <c r="B28027" s="6"/>
      <c r="C28027" s="6" t="s">
        <v>28880</v>
      </c>
      <c r="D28027" s="6"/>
      <c r="E28027" s="6" t="s">
        <v>18740</v>
      </c>
      <c r="F28027" s="7"/>
      <c r="G28027" s="8">
        <v>188238</v>
      </c>
      <c r="H28027" s="8">
        <v>188238</v>
      </c>
      <c r="I28027" s="8">
        <v>0</v>
      </c>
      <c r="J28027" s="8">
        <v>188238</v>
      </c>
      <c r="K28027" s="9">
        <v>9.8000000000000007</v>
      </c>
      <c r="L28027" s="6" t="s">
        <v>10</v>
      </c>
    </row>
    <row r="28028" spans="1:12">
      <c r="A28028" s="6" t="s">
        <v>28816</v>
      </c>
      <c r="B28028" s="6"/>
      <c r="C28028" s="6" t="s">
        <v>285</v>
      </c>
      <c r="D28028" s="6"/>
      <c r="E28028" s="6" t="s">
        <v>18740</v>
      </c>
      <c r="F28028" s="7"/>
      <c r="G28028" s="8">
        <v>35361928</v>
      </c>
      <c r="H28028" s="8">
        <v>35361928</v>
      </c>
      <c r="I28028" s="8">
        <v>0</v>
      </c>
      <c r="J28028" s="8">
        <v>35361928</v>
      </c>
      <c r="K28028" s="9">
        <v>1841</v>
      </c>
      <c r="L28028" s="6" t="s">
        <v>10</v>
      </c>
    </row>
    <row r="28029" spans="1:12">
      <c r="A28029" s="6" t="s">
        <v>28816</v>
      </c>
      <c r="B28029" s="6"/>
      <c r="C28029" s="6" t="s">
        <v>28881</v>
      </c>
      <c r="D28029" s="6"/>
      <c r="E28029" s="6" t="s">
        <v>18740</v>
      </c>
      <c r="F28029" s="7"/>
      <c r="G28029" s="8">
        <v>678426</v>
      </c>
      <c r="H28029" s="8">
        <v>678426</v>
      </c>
      <c r="I28029" s="8">
        <v>0</v>
      </c>
      <c r="J28029" s="8">
        <v>678426</v>
      </c>
      <c r="K28029" s="9">
        <v>35.32</v>
      </c>
      <c r="L28029" s="6" t="s">
        <v>10</v>
      </c>
    </row>
    <row r="28030" spans="1:12">
      <c r="A28030" s="6" t="s">
        <v>28816</v>
      </c>
      <c r="B28030" s="6"/>
      <c r="C28030" s="6" t="s">
        <v>28882</v>
      </c>
      <c r="D28030" s="6"/>
      <c r="E28030" s="6" t="s">
        <v>18740</v>
      </c>
      <c r="F28030" s="7"/>
      <c r="G28030" s="8">
        <v>138297</v>
      </c>
      <c r="H28030" s="8">
        <v>138297</v>
      </c>
      <c r="I28030" s="8">
        <v>0</v>
      </c>
      <c r="J28030" s="8">
        <v>138297</v>
      </c>
      <c r="K28030" s="9">
        <v>7.2</v>
      </c>
      <c r="L28030" s="6" t="s">
        <v>10</v>
      </c>
    </row>
    <row r="28031" spans="1:12">
      <c r="A28031" s="6" t="s">
        <v>28816</v>
      </c>
      <c r="B28031" s="6"/>
      <c r="C28031" s="6" t="s">
        <v>28883</v>
      </c>
      <c r="D28031" s="6"/>
      <c r="E28031" s="6" t="s">
        <v>18740</v>
      </c>
      <c r="F28031" s="7"/>
      <c r="G28031" s="8">
        <v>9796</v>
      </c>
      <c r="H28031" s="8">
        <v>9796</v>
      </c>
      <c r="I28031" s="8">
        <v>0</v>
      </c>
      <c r="J28031" s="8">
        <v>9796</v>
      </c>
      <c r="K28031" s="9">
        <v>0.51</v>
      </c>
      <c r="L28031" s="6" t="s">
        <v>10</v>
      </c>
    </row>
    <row r="28032" spans="1:12">
      <c r="A28032" s="6" t="s">
        <v>28816</v>
      </c>
      <c r="B28032" s="6"/>
      <c r="C28032" s="6" t="s">
        <v>28884</v>
      </c>
      <c r="D28032" s="6"/>
      <c r="E28032" s="6" t="s">
        <v>18740</v>
      </c>
      <c r="F28032" s="7"/>
      <c r="G28032" s="8">
        <v>1452</v>
      </c>
      <c r="H28032" s="8">
        <v>1452</v>
      </c>
      <c r="I28032" s="8">
        <v>0</v>
      </c>
      <c r="J28032" s="8">
        <v>1452</v>
      </c>
      <c r="K28032" s="9">
        <v>66</v>
      </c>
      <c r="L28032" s="6" t="s">
        <v>28008</v>
      </c>
    </row>
    <row r="28033" spans="1:12">
      <c r="A28033" s="6" t="s">
        <v>28816</v>
      </c>
      <c r="B28033" s="6"/>
      <c r="C28033" s="6" t="s">
        <v>28885</v>
      </c>
      <c r="D28033" s="6"/>
      <c r="E28033" s="6" t="s">
        <v>18740</v>
      </c>
      <c r="F28033" s="7"/>
      <c r="G28033" s="8">
        <v>1459808</v>
      </c>
      <c r="H28033" s="8">
        <v>1459808</v>
      </c>
      <c r="I28033" s="8">
        <v>0</v>
      </c>
      <c r="J28033" s="8">
        <v>1459808</v>
      </c>
      <c r="K28033" s="9">
        <v>76</v>
      </c>
      <c r="L28033" s="6" t="s">
        <v>1694</v>
      </c>
    </row>
    <row r="28034" spans="1:12">
      <c r="A28034" s="6" t="s">
        <v>28816</v>
      </c>
      <c r="B28034" s="6"/>
      <c r="C28034" s="6" t="s">
        <v>28886</v>
      </c>
      <c r="D28034" s="6"/>
      <c r="E28034" s="6" t="s">
        <v>18740</v>
      </c>
      <c r="F28034" s="7"/>
      <c r="G28034" s="8">
        <v>998816</v>
      </c>
      <c r="H28034" s="8">
        <v>998816</v>
      </c>
      <c r="I28034" s="8">
        <v>0</v>
      </c>
      <c r="J28034" s="8">
        <v>998816</v>
      </c>
      <c r="K28034" s="9">
        <v>52</v>
      </c>
      <c r="L28034" s="6" t="s">
        <v>1694</v>
      </c>
    </row>
    <row r="28035" spans="1:12">
      <c r="A28035" s="6" t="s">
        <v>28816</v>
      </c>
      <c r="B28035" s="6"/>
      <c r="C28035" s="6" t="s">
        <v>28887</v>
      </c>
      <c r="D28035" s="6"/>
      <c r="E28035" s="6" t="s">
        <v>18740</v>
      </c>
      <c r="F28035" s="7"/>
      <c r="G28035" s="8">
        <v>1133272</v>
      </c>
      <c r="H28035" s="8">
        <v>1133272</v>
      </c>
      <c r="I28035" s="8">
        <v>0</v>
      </c>
      <c r="J28035" s="8">
        <v>1133272</v>
      </c>
      <c r="K28035" s="9">
        <v>59</v>
      </c>
      <c r="L28035" s="6" t="s">
        <v>1694</v>
      </c>
    </row>
    <row r="28036" spans="1:12">
      <c r="A28036" s="6" t="s">
        <v>28816</v>
      </c>
      <c r="B28036" s="6"/>
      <c r="C28036" s="6" t="s">
        <v>28888</v>
      </c>
      <c r="D28036" s="6"/>
      <c r="E28036" s="6" t="s">
        <v>18740</v>
      </c>
      <c r="F28036" s="7"/>
      <c r="G28036" s="8">
        <v>31285</v>
      </c>
      <c r="H28036" s="8">
        <v>31285</v>
      </c>
      <c r="I28036" s="8">
        <v>0</v>
      </c>
      <c r="J28036" s="8">
        <v>31285</v>
      </c>
      <c r="K28036" s="9">
        <v>6.12</v>
      </c>
      <c r="L28036" s="6" t="s">
        <v>23</v>
      </c>
    </row>
    <row r="28037" spans="1:12">
      <c r="A28037" s="6" t="s">
        <v>28816</v>
      </c>
      <c r="B28037" s="6"/>
      <c r="C28037" s="6" t="s">
        <v>28889</v>
      </c>
      <c r="D28037" s="6"/>
      <c r="E28037" s="6" t="s">
        <v>18740</v>
      </c>
      <c r="F28037" s="7"/>
      <c r="G28037" s="8">
        <v>146749</v>
      </c>
      <c r="H28037" s="8">
        <v>146749</v>
      </c>
      <c r="I28037" s="8">
        <v>0</v>
      </c>
      <c r="J28037" s="8">
        <v>146749</v>
      </c>
      <c r="K28037" s="9">
        <v>7.64</v>
      </c>
      <c r="L28037" s="6" t="s">
        <v>10</v>
      </c>
    </row>
    <row r="28038" spans="1:12">
      <c r="A28038" s="6" t="s">
        <v>28816</v>
      </c>
      <c r="B28038" s="6"/>
      <c r="C28038" s="6" t="s">
        <v>28890</v>
      </c>
      <c r="D28038" s="6"/>
      <c r="E28038" s="6" t="s">
        <v>18740</v>
      </c>
      <c r="F28038" s="7"/>
      <c r="G28038" s="8">
        <v>20652</v>
      </c>
      <c r="H28038" s="8">
        <v>20652</v>
      </c>
      <c r="I28038" s="8">
        <v>0</v>
      </c>
      <c r="J28038" s="8">
        <v>20652</v>
      </c>
      <c r="K28038" s="9">
        <v>4.04</v>
      </c>
      <c r="L28038" s="6" t="s">
        <v>1842</v>
      </c>
    </row>
    <row r="28039" spans="1:12">
      <c r="A28039" s="6" t="s">
        <v>28816</v>
      </c>
      <c r="B28039" s="6"/>
      <c r="C28039" s="6" t="s">
        <v>28891</v>
      </c>
      <c r="D28039" s="6"/>
      <c r="E28039" s="6" t="s">
        <v>18740</v>
      </c>
      <c r="F28039" s="7"/>
      <c r="G28039" s="8">
        <v>3915792</v>
      </c>
      <c r="H28039" s="8">
        <v>3915792</v>
      </c>
      <c r="I28039" s="8">
        <v>0</v>
      </c>
      <c r="J28039" s="8">
        <v>3915792</v>
      </c>
      <c r="K28039" s="9">
        <v>766</v>
      </c>
      <c r="L28039" s="6" t="s">
        <v>14</v>
      </c>
    </row>
    <row r="28040" spans="1:12">
      <c r="A28040" s="6" t="s">
        <v>28816</v>
      </c>
      <c r="B28040" s="6"/>
      <c r="C28040" s="6" t="s">
        <v>28892</v>
      </c>
      <c r="D28040" s="6"/>
      <c r="E28040" s="6" t="s">
        <v>18740</v>
      </c>
      <c r="F28040" s="7"/>
      <c r="G28040" s="8">
        <v>4543805</v>
      </c>
      <c r="H28040" s="8">
        <v>4543805</v>
      </c>
      <c r="I28040" s="8">
        <v>0</v>
      </c>
      <c r="J28040" s="8">
        <v>4543805</v>
      </c>
      <c r="K28040" s="9">
        <v>985</v>
      </c>
      <c r="L28040" s="6" t="s">
        <v>25060</v>
      </c>
    </row>
    <row r="28041" spans="1:12">
      <c r="A28041" s="6" t="s">
        <v>28816</v>
      </c>
      <c r="B28041" s="6"/>
      <c r="C28041" s="6" t="s">
        <v>28893</v>
      </c>
      <c r="D28041" s="6"/>
      <c r="E28041" s="6" t="s">
        <v>18740</v>
      </c>
      <c r="F28041" s="7"/>
      <c r="G28041" s="8">
        <v>332136</v>
      </c>
      <c r="H28041" s="8">
        <v>332136</v>
      </c>
      <c r="I28041" s="8">
        <v>0</v>
      </c>
      <c r="J28041" s="8">
        <v>332136</v>
      </c>
      <c r="K28041" s="9">
        <v>72</v>
      </c>
      <c r="L28041" s="6" t="s">
        <v>25060</v>
      </c>
    </row>
    <row r="28042" spans="1:12">
      <c r="A28042" s="6" t="s">
        <v>28816</v>
      </c>
      <c r="B28042" s="6"/>
      <c r="C28042" s="6" t="s">
        <v>28894</v>
      </c>
      <c r="D28042" s="6"/>
      <c r="E28042" s="6" t="s">
        <v>18740</v>
      </c>
      <c r="F28042" s="7"/>
      <c r="G28042" s="8">
        <v>1942560</v>
      </c>
      <c r="H28042" s="8">
        <v>1942560</v>
      </c>
      <c r="I28042" s="8">
        <v>0</v>
      </c>
      <c r="J28042" s="8">
        <v>1942560</v>
      </c>
      <c r="K28042" s="9">
        <v>380</v>
      </c>
      <c r="L28042" s="6" t="s">
        <v>14</v>
      </c>
    </row>
    <row r="28043" spans="1:12">
      <c r="A28043" s="6" t="s">
        <v>28816</v>
      </c>
      <c r="B28043" s="6"/>
      <c r="C28043" s="6" t="s">
        <v>28895</v>
      </c>
      <c r="D28043" s="6"/>
      <c r="E28043" s="6" t="s">
        <v>18740</v>
      </c>
      <c r="F28043" s="7"/>
      <c r="G28043" s="8">
        <v>368064</v>
      </c>
      <c r="H28043" s="8">
        <v>368064</v>
      </c>
      <c r="I28043" s="8">
        <v>0</v>
      </c>
      <c r="J28043" s="8">
        <v>368064</v>
      </c>
      <c r="K28043" s="9">
        <v>72</v>
      </c>
      <c r="L28043" s="6" t="s">
        <v>23</v>
      </c>
    </row>
    <row r="28044" spans="1:12">
      <c r="A28044" s="6" t="s">
        <v>28816</v>
      </c>
      <c r="B28044" s="6"/>
      <c r="C28044" s="6" t="s">
        <v>28896</v>
      </c>
      <c r="D28044" s="6"/>
      <c r="E28044" s="6" t="s">
        <v>18740</v>
      </c>
      <c r="F28044" s="7"/>
      <c r="G28044" s="8">
        <v>4465384</v>
      </c>
      <c r="H28044" s="8">
        <v>4465384</v>
      </c>
      <c r="I28044" s="8">
        <v>0</v>
      </c>
      <c r="J28044" s="8">
        <v>4465384</v>
      </c>
      <c r="K28044" s="9">
        <v>968</v>
      </c>
      <c r="L28044" s="6" t="s">
        <v>25060</v>
      </c>
    </row>
    <row r="28045" spans="1:12">
      <c r="A28045" s="6" t="s">
        <v>28816</v>
      </c>
      <c r="B28045" s="6"/>
      <c r="C28045" s="6" t="s">
        <v>28897</v>
      </c>
      <c r="D28045" s="6"/>
      <c r="E28045" s="6" t="s">
        <v>18740</v>
      </c>
      <c r="F28045" s="7"/>
      <c r="G28045" s="8">
        <v>2620184</v>
      </c>
      <c r="H28045" s="8">
        <v>2620184</v>
      </c>
      <c r="I28045" s="8">
        <v>0</v>
      </c>
      <c r="J28045" s="8">
        <v>2620184</v>
      </c>
      <c r="K28045" s="9">
        <v>568</v>
      </c>
      <c r="L28045" s="6" t="s">
        <v>25060</v>
      </c>
    </row>
    <row r="28046" spans="1:12">
      <c r="A28046" s="6" t="s">
        <v>28816</v>
      </c>
      <c r="B28046" s="6"/>
      <c r="C28046" s="6" t="s">
        <v>28898</v>
      </c>
      <c r="D28046" s="6"/>
      <c r="E28046" s="6" t="s">
        <v>18740</v>
      </c>
      <c r="F28046" s="7"/>
      <c r="G28046" s="8">
        <v>143291</v>
      </c>
      <c r="H28046" s="8">
        <v>143291</v>
      </c>
      <c r="I28046" s="8">
        <v>0</v>
      </c>
      <c r="J28046" s="8">
        <v>143291</v>
      </c>
      <c r="K28046" s="9">
        <v>7.46</v>
      </c>
      <c r="L28046" s="6" t="s">
        <v>10</v>
      </c>
    </row>
    <row r="28047" spans="1:12">
      <c r="A28047" s="6" t="s">
        <v>28816</v>
      </c>
      <c r="B28047" s="6"/>
      <c r="C28047" s="6" t="s">
        <v>28899</v>
      </c>
      <c r="D28047" s="6"/>
      <c r="E28047" s="6" t="s">
        <v>18740</v>
      </c>
      <c r="F28047" s="7"/>
      <c r="G28047" s="8">
        <v>843480</v>
      </c>
      <c r="H28047" s="8">
        <v>843480</v>
      </c>
      <c r="I28047" s="8">
        <v>0</v>
      </c>
      <c r="J28047" s="8">
        <v>843480</v>
      </c>
      <c r="K28047" s="9">
        <v>165</v>
      </c>
      <c r="L28047" s="6" t="s">
        <v>23</v>
      </c>
    </row>
    <row r="28048" spans="1:12">
      <c r="A28048" s="6" t="s">
        <v>28816</v>
      </c>
      <c r="B28048" s="6"/>
      <c r="C28048" s="6" t="s">
        <v>28900</v>
      </c>
      <c r="D28048" s="6"/>
      <c r="E28048" s="6" t="s">
        <v>18740</v>
      </c>
      <c r="F28048" s="7"/>
      <c r="G28048" s="8">
        <v>10488</v>
      </c>
      <c r="H28048" s="8">
        <v>10488</v>
      </c>
      <c r="I28048" s="8">
        <v>0</v>
      </c>
      <c r="J28048" s="8">
        <v>10488</v>
      </c>
      <c r="K28048" s="9">
        <v>92</v>
      </c>
      <c r="L28048" s="6" t="s">
        <v>4773</v>
      </c>
    </row>
    <row r="28049" spans="1:12">
      <c r="A28049" s="6" t="s">
        <v>28816</v>
      </c>
      <c r="B28049" s="6"/>
      <c r="C28049" s="6" t="s">
        <v>28901</v>
      </c>
      <c r="D28049" s="6"/>
      <c r="E28049" s="6" t="s">
        <v>18740</v>
      </c>
      <c r="F28049" s="7"/>
      <c r="G28049" s="8">
        <v>1081</v>
      </c>
      <c r="H28049" s="8">
        <v>1081</v>
      </c>
      <c r="I28049" s="8">
        <v>0</v>
      </c>
      <c r="J28049" s="8">
        <v>1081</v>
      </c>
      <c r="K28049" s="9">
        <v>23</v>
      </c>
      <c r="L28049" s="6" t="s">
        <v>1842</v>
      </c>
    </row>
    <row r="28050" spans="1:12">
      <c r="A28050" s="6" t="s">
        <v>28816</v>
      </c>
      <c r="B28050" s="6"/>
      <c r="C28050" s="6" t="s">
        <v>28902</v>
      </c>
      <c r="D28050" s="6"/>
      <c r="E28050" s="6" t="s">
        <v>18740</v>
      </c>
      <c r="F28050" s="7"/>
      <c r="G28050" s="8">
        <v>3762</v>
      </c>
      <c r="H28050" s="8">
        <v>3762</v>
      </c>
      <c r="I28050" s="8">
        <v>0</v>
      </c>
      <c r="J28050" s="8">
        <v>3762</v>
      </c>
      <c r="K28050" s="9">
        <v>33</v>
      </c>
      <c r="L28050" s="6" t="s">
        <v>4773</v>
      </c>
    </row>
    <row r="28051" spans="1:12">
      <c r="A28051" s="6" t="s">
        <v>28816</v>
      </c>
      <c r="B28051" s="6"/>
      <c r="C28051" s="6" t="s">
        <v>28903</v>
      </c>
      <c r="D28051" s="6"/>
      <c r="E28051" s="6" t="s">
        <v>18740</v>
      </c>
      <c r="F28051" s="7"/>
      <c r="G28051" s="8">
        <v>2162</v>
      </c>
      <c r="H28051" s="8">
        <v>2162</v>
      </c>
      <c r="I28051" s="8">
        <v>0</v>
      </c>
      <c r="J28051" s="8">
        <v>2162</v>
      </c>
      <c r="K28051" s="9">
        <v>46</v>
      </c>
      <c r="L28051" s="6" t="s">
        <v>1842</v>
      </c>
    </row>
    <row r="28052" spans="1:12">
      <c r="A28052" s="6" t="s">
        <v>28816</v>
      </c>
      <c r="B28052" s="6"/>
      <c r="C28052" s="6" t="s">
        <v>28904</v>
      </c>
      <c r="D28052" s="6"/>
      <c r="E28052" s="6" t="s">
        <v>18740</v>
      </c>
      <c r="F28052" s="7"/>
      <c r="G28052" s="8">
        <v>5969</v>
      </c>
      <c r="H28052" s="8">
        <v>5969</v>
      </c>
      <c r="I28052" s="8">
        <v>0</v>
      </c>
      <c r="J28052" s="8">
        <v>5969</v>
      </c>
      <c r="K28052" s="9">
        <v>127</v>
      </c>
      <c r="L28052" s="6" t="s">
        <v>1842</v>
      </c>
    </row>
    <row r="28053" spans="1:12">
      <c r="A28053" s="6" t="s">
        <v>28816</v>
      </c>
      <c r="B28053" s="6"/>
      <c r="C28053" s="6" t="s">
        <v>28905</v>
      </c>
      <c r="D28053" s="6"/>
      <c r="E28053" s="6" t="s">
        <v>18740</v>
      </c>
      <c r="F28053" s="7"/>
      <c r="G28053" s="8">
        <v>31464</v>
      </c>
      <c r="H28053" s="8">
        <v>31464</v>
      </c>
      <c r="I28053" s="8">
        <v>0</v>
      </c>
      <c r="J28053" s="8">
        <v>31464</v>
      </c>
      <c r="K28053" s="9">
        <v>276</v>
      </c>
      <c r="L28053" s="6" t="s">
        <v>4773</v>
      </c>
    </row>
    <row r="28054" spans="1:12">
      <c r="A28054" s="6" t="s">
        <v>28816</v>
      </c>
      <c r="B28054" s="6"/>
      <c r="C28054" s="6" t="s">
        <v>28906</v>
      </c>
      <c r="D28054" s="6"/>
      <c r="E28054" s="6" t="s">
        <v>18740</v>
      </c>
      <c r="F28054" s="7"/>
      <c r="G28054" s="8">
        <v>307328</v>
      </c>
      <c r="H28054" s="8">
        <v>307328</v>
      </c>
      <c r="I28054" s="8">
        <v>0</v>
      </c>
      <c r="J28054" s="8">
        <v>307328</v>
      </c>
      <c r="K28054" s="9">
        <v>16</v>
      </c>
      <c r="L28054" s="6" t="s">
        <v>1694</v>
      </c>
    </row>
    <row r="28055" spans="1:12">
      <c r="A28055" s="6" t="s">
        <v>28816</v>
      </c>
      <c r="B28055" s="6"/>
      <c r="C28055" s="6" t="s">
        <v>28907</v>
      </c>
      <c r="D28055" s="6"/>
      <c r="E28055" s="6" t="s">
        <v>18740</v>
      </c>
      <c r="F28055" s="7"/>
      <c r="G28055" s="8">
        <v>26106</v>
      </c>
      <c r="H28055" s="8">
        <v>26106</v>
      </c>
      <c r="I28055" s="8">
        <v>0</v>
      </c>
      <c r="J28055" s="8">
        <v>26106</v>
      </c>
      <c r="K28055" s="9">
        <v>229</v>
      </c>
      <c r="L28055" s="6" t="s">
        <v>4773</v>
      </c>
    </row>
    <row r="28056" spans="1:12">
      <c r="A28056" s="6" t="s">
        <v>28816</v>
      </c>
      <c r="B28056" s="6"/>
      <c r="C28056" s="6" t="s">
        <v>28908</v>
      </c>
      <c r="D28056" s="6"/>
      <c r="E28056" s="6" t="s">
        <v>18740</v>
      </c>
      <c r="F28056" s="7"/>
      <c r="G28056" s="8">
        <v>25194</v>
      </c>
      <c r="H28056" s="8">
        <v>25194</v>
      </c>
      <c r="I28056" s="8">
        <v>0</v>
      </c>
      <c r="J28056" s="8">
        <v>25194</v>
      </c>
      <c r="K28056" s="9">
        <v>221</v>
      </c>
      <c r="L28056" s="6" t="s">
        <v>4773</v>
      </c>
    </row>
    <row r="28057" spans="1:12">
      <c r="A28057" s="6" t="s">
        <v>28816</v>
      </c>
      <c r="B28057" s="6"/>
      <c r="C28057" s="6" t="s">
        <v>28909</v>
      </c>
      <c r="D28057" s="6"/>
      <c r="E28057" s="6" t="s">
        <v>18740</v>
      </c>
      <c r="F28057" s="7"/>
      <c r="G28057" s="8">
        <v>973343</v>
      </c>
      <c r="H28057" s="8">
        <v>973343</v>
      </c>
      <c r="I28057" s="8">
        <v>0</v>
      </c>
      <c r="J28057" s="8">
        <v>973343</v>
      </c>
      <c r="K28057" s="9">
        <v>211</v>
      </c>
      <c r="L28057" s="6" t="s">
        <v>28866</v>
      </c>
    </row>
    <row r="28058" spans="1:12">
      <c r="A28058" s="6" t="s">
        <v>28816</v>
      </c>
      <c r="B28058" s="6"/>
      <c r="C28058" s="6" t="s">
        <v>28910</v>
      </c>
      <c r="D28058" s="6"/>
      <c r="E28058" s="6" t="s">
        <v>18740</v>
      </c>
      <c r="F28058" s="7"/>
      <c r="G28058" s="8">
        <v>502817</v>
      </c>
      <c r="H28058" s="8">
        <v>502817</v>
      </c>
      <c r="I28058" s="8">
        <v>0</v>
      </c>
      <c r="J28058" s="8">
        <v>502817</v>
      </c>
      <c r="K28058" s="9">
        <v>109</v>
      </c>
      <c r="L28058" s="6" t="s">
        <v>28866</v>
      </c>
    </row>
    <row r="28059" spans="1:12">
      <c r="A28059" s="6" t="s">
        <v>28816</v>
      </c>
      <c r="B28059" s="6"/>
      <c r="C28059" s="6" t="s">
        <v>28911</v>
      </c>
      <c r="D28059" s="6"/>
      <c r="E28059" s="6" t="s">
        <v>18740</v>
      </c>
      <c r="F28059" s="7"/>
      <c r="G28059" s="8">
        <v>502817</v>
      </c>
      <c r="H28059" s="8">
        <v>502817</v>
      </c>
      <c r="I28059" s="8">
        <v>0</v>
      </c>
      <c r="J28059" s="8">
        <v>502817</v>
      </c>
      <c r="K28059" s="9">
        <v>109</v>
      </c>
      <c r="L28059" s="6" t="s">
        <v>28866</v>
      </c>
    </row>
    <row r="28060" spans="1:12">
      <c r="A28060" s="6" t="s">
        <v>28816</v>
      </c>
      <c r="B28060" s="6"/>
      <c r="C28060" s="6" t="s">
        <v>28912</v>
      </c>
      <c r="D28060" s="6"/>
      <c r="E28060" s="6" t="s">
        <v>18740</v>
      </c>
      <c r="F28060" s="7"/>
      <c r="G28060" s="8">
        <v>973343</v>
      </c>
      <c r="H28060" s="8">
        <v>973343</v>
      </c>
      <c r="I28060" s="8">
        <v>0</v>
      </c>
      <c r="J28060" s="8">
        <v>973343</v>
      </c>
      <c r="K28060" s="9">
        <v>211</v>
      </c>
      <c r="L28060" s="6" t="s">
        <v>28866</v>
      </c>
    </row>
    <row r="28061" spans="1:12">
      <c r="A28061" s="6" t="s">
        <v>28816</v>
      </c>
      <c r="B28061" s="6"/>
      <c r="C28061" s="6" t="s">
        <v>28913</v>
      </c>
      <c r="D28061" s="6"/>
      <c r="E28061" s="6" t="s">
        <v>18740</v>
      </c>
      <c r="F28061" s="7"/>
      <c r="G28061" s="8">
        <v>987182</v>
      </c>
      <c r="H28061" s="8">
        <v>987182</v>
      </c>
      <c r="I28061" s="8">
        <v>0</v>
      </c>
      <c r="J28061" s="8">
        <v>987182</v>
      </c>
      <c r="K28061" s="9">
        <v>214</v>
      </c>
      <c r="L28061" s="6" t="s">
        <v>28866</v>
      </c>
    </row>
    <row r="28062" spans="1:12">
      <c r="A28062" s="6" t="s">
        <v>28816</v>
      </c>
      <c r="B28062" s="6"/>
      <c r="C28062" s="6" t="s">
        <v>28914</v>
      </c>
      <c r="D28062" s="6"/>
      <c r="E28062" s="6" t="s">
        <v>18740</v>
      </c>
      <c r="F28062" s="7"/>
      <c r="G28062" s="8">
        <v>1005634</v>
      </c>
      <c r="H28062" s="8">
        <v>1005634</v>
      </c>
      <c r="I28062" s="8">
        <v>0</v>
      </c>
      <c r="J28062" s="8">
        <v>1005634</v>
      </c>
      <c r="K28062" s="9">
        <v>218</v>
      </c>
      <c r="L28062" s="6" t="s">
        <v>28866</v>
      </c>
    </row>
    <row r="28063" spans="1:12">
      <c r="A28063" s="6" t="s">
        <v>28816</v>
      </c>
      <c r="B28063" s="6"/>
      <c r="C28063" s="6" t="s">
        <v>28915</v>
      </c>
      <c r="D28063" s="6"/>
      <c r="E28063" s="6" t="s">
        <v>18740</v>
      </c>
      <c r="F28063" s="7"/>
      <c r="G28063" s="8">
        <v>24396</v>
      </c>
      <c r="H28063" s="8">
        <v>24396</v>
      </c>
      <c r="I28063" s="8">
        <v>0</v>
      </c>
      <c r="J28063" s="8">
        <v>24396</v>
      </c>
      <c r="K28063" s="9">
        <v>214</v>
      </c>
      <c r="L28063" s="6" t="s">
        <v>4773</v>
      </c>
    </row>
    <row r="28064" spans="1:12">
      <c r="A28064" s="6" t="s">
        <v>28816</v>
      </c>
      <c r="B28064" s="6"/>
      <c r="C28064" s="6" t="s">
        <v>28916</v>
      </c>
      <c r="D28064" s="6"/>
      <c r="E28064" s="6" t="s">
        <v>18740</v>
      </c>
      <c r="F28064" s="7"/>
      <c r="G28064" s="8">
        <v>45714</v>
      </c>
      <c r="H28064" s="8">
        <v>45714</v>
      </c>
      <c r="I28064" s="8">
        <v>0</v>
      </c>
      <c r="J28064" s="8">
        <v>45714</v>
      </c>
      <c r="K28064" s="9">
        <v>9.91</v>
      </c>
      <c r="L28064" s="6" t="s">
        <v>28866</v>
      </c>
    </row>
    <row r="28065" spans="1:12">
      <c r="A28065" s="6" t="s">
        <v>28816</v>
      </c>
      <c r="B28065" s="6"/>
      <c r="C28065" s="6" t="s">
        <v>28917</v>
      </c>
      <c r="D28065" s="6"/>
      <c r="E28065" s="6" t="s">
        <v>18740</v>
      </c>
      <c r="F28065" s="7"/>
      <c r="G28065" s="8">
        <v>365144</v>
      </c>
      <c r="H28065" s="8">
        <v>365144</v>
      </c>
      <c r="I28065" s="8">
        <v>0</v>
      </c>
      <c r="J28065" s="8">
        <v>365144</v>
      </c>
      <c r="K28065" s="9">
        <v>19.010000000000002</v>
      </c>
      <c r="L28065" s="6" t="s">
        <v>10</v>
      </c>
    </row>
    <row r="28066" spans="1:12">
      <c r="A28066" s="6" t="s">
        <v>28816</v>
      </c>
      <c r="B28066" s="6"/>
      <c r="C28066" s="6" t="s">
        <v>28918</v>
      </c>
      <c r="D28066" s="6"/>
      <c r="E28066" s="6" t="s">
        <v>18740</v>
      </c>
      <c r="F28066" s="7"/>
      <c r="G28066" s="8">
        <v>253929</v>
      </c>
      <c r="H28066" s="8">
        <v>253929</v>
      </c>
      <c r="I28066" s="8">
        <v>0</v>
      </c>
      <c r="J28066" s="8">
        <v>253929</v>
      </c>
      <c r="K28066" s="9">
        <v>13.22</v>
      </c>
      <c r="L28066" s="6" t="s">
        <v>1694</v>
      </c>
    </row>
    <row r="28067" spans="1:12">
      <c r="A28067" s="6" t="s">
        <v>28816</v>
      </c>
      <c r="B28067" s="6"/>
      <c r="C28067" s="6" t="s">
        <v>28919</v>
      </c>
      <c r="D28067" s="6"/>
      <c r="E28067" s="6" t="s">
        <v>18740</v>
      </c>
      <c r="F28067" s="7"/>
      <c r="G28067" s="8">
        <v>681307</v>
      </c>
      <c r="H28067" s="8">
        <v>681307</v>
      </c>
      <c r="I28067" s="8">
        <v>0</v>
      </c>
      <c r="J28067" s="8">
        <v>681307</v>
      </c>
      <c r="K28067" s="9">
        <v>35.47</v>
      </c>
      <c r="L28067" s="6" t="s">
        <v>1694</v>
      </c>
    </row>
    <row r="28068" spans="1:12">
      <c r="A28068" s="6" t="s">
        <v>28816</v>
      </c>
      <c r="B28068" s="6"/>
      <c r="C28068" s="6" t="s">
        <v>28920</v>
      </c>
      <c r="D28068" s="6"/>
      <c r="E28068" s="6" t="s">
        <v>18740</v>
      </c>
      <c r="F28068" s="7"/>
      <c r="G28068" s="8">
        <v>5226529</v>
      </c>
      <c r="H28068" s="8">
        <v>5226529</v>
      </c>
      <c r="I28068" s="8">
        <v>0</v>
      </c>
      <c r="J28068" s="8">
        <v>5226529</v>
      </c>
      <c r="K28068" s="9">
        <v>1133</v>
      </c>
      <c r="L28068" s="6" t="s">
        <v>25060</v>
      </c>
    </row>
    <row r="28069" spans="1:12">
      <c r="A28069" s="6" t="s">
        <v>28816</v>
      </c>
      <c r="B28069" s="6"/>
      <c r="C28069" s="6" t="s">
        <v>28921</v>
      </c>
      <c r="D28069" s="6"/>
      <c r="E28069" s="6" t="s">
        <v>18740</v>
      </c>
      <c r="F28069" s="7"/>
      <c r="G28069" s="8">
        <v>29094191</v>
      </c>
      <c r="H28069" s="8">
        <v>29094191</v>
      </c>
      <c r="I28069" s="8">
        <v>0</v>
      </c>
      <c r="J28069" s="8">
        <v>29094191</v>
      </c>
      <c r="K28069" s="9">
        <v>6307</v>
      </c>
      <c r="L28069" s="6" t="s">
        <v>4088</v>
      </c>
    </row>
    <row r="28070" spans="1:12">
      <c r="A28070" s="6" t="s">
        <v>28816</v>
      </c>
      <c r="B28070" s="6"/>
      <c r="C28070" s="6" t="s">
        <v>28922</v>
      </c>
      <c r="D28070" s="6"/>
      <c r="E28070" s="6" t="s">
        <v>18740</v>
      </c>
      <c r="F28070" s="7"/>
      <c r="G28070" s="8">
        <v>16869</v>
      </c>
      <c r="H28070" s="8">
        <v>16869</v>
      </c>
      <c r="I28070" s="8">
        <v>0</v>
      </c>
      <c r="J28070" s="8">
        <v>16869</v>
      </c>
      <c r="K28070" s="9">
        <v>3.3</v>
      </c>
      <c r="L28070" s="6" t="s">
        <v>23</v>
      </c>
    </row>
    <row r="28071" spans="1:12">
      <c r="A28071" s="6" t="s">
        <v>28816</v>
      </c>
      <c r="B28071" s="6"/>
      <c r="C28071" s="6" t="s">
        <v>28923</v>
      </c>
      <c r="D28071" s="6"/>
      <c r="E28071" s="6" t="s">
        <v>18740</v>
      </c>
      <c r="F28071" s="7"/>
      <c r="G28071" s="8">
        <v>3745560</v>
      </c>
      <c r="H28071" s="8">
        <v>3745560</v>
      </c>
      <c r="I28071" s="8">
        <v>0</v>
      </c>
      <c r="J28071" s="8">
        <v>3745560</v>
      </c>
      <c r="K28071" s="9">
        <v>195</v>
      </c>
      <c r="L28071" s="6" t="s">
        <v>1694</v>
      </c>
    </row>
    <row r="28072" spans="1:12">
      <c r="A28072" s="6" t="s">
        <v>28816</v>
      </c>
      <c r="B28072" s="6"/>
      <c r="C28072" s="6" t="s">
        <v>28924</v>
      </c>
      <c r="D28072" s="6"/>
      <c r="E28072" s="6" t="s">
        <v>18740</v>
      </c>
      <c r="F28072" s="7"/>
      <c r="G28072" s="8">
        <v>81792</v>
      </c>
      <c r="H28072" s="8">
        <v>81792</v>
      </c>
      <c r="I28072" s="8">
        <v>0</v>
      </c>
      <c r="J28072" s="8">
        <v>81792</v>
      </c>
      <c r="K28072" s="9">
        <v>16</v>
      </c>
      <c r="L28072" s="6" t="s">
        <v>4773</v>
      </c>
    </row>
    <row r="28073" spans="1:12">
      <c r="A28073" s="6" t="s">
        <v>28816</v>
      </c>
      <c r="B28073" s="6"/>
      <c r="C28073" s="6" t="s">
        <v>28925</v>
      </c>
      <c r="D28073" s="6"/>
      <c r="E28073" s="6" t="s">
        <v>18740</v>
      </c>
      <c r="F28073" s="7"/>
      <c r="G28073" s="8">
        <v>50659</v>
      </c>
      <c r="H28073" s="8">
        <v>50659</v>
      </c>
      <c r="I28073" s="8">
        <v>0</v>
      </c>
      <c r="J28073" s="8">
        <v>50659</v>
      </c>
      <c r="K28073" s="9">
        <v>9.91</v>
      </c>
      <c r="L28073" s="6" t="s">
        <v>4773</v>
      </c>
    </row>
    <row r="28074" spans="1:12">
      <c r="A28074" s="6" t="s">
        <v>28816</v>
      </c>
      <c r="B28074" s="6"/>
      <c r="C28074" s="6" t="s">
        <v>28926</v>
      </c>
      <c r="D28074" s="6"/>
      <c r="E28074" s="6" t="s">
        <v>18740</v>
      </c>
      <c r="F28074" s="7"/>
      <c r="G28074" s="8">
        <v>253929</v>
      </c>
      <c r="H28074" s="8">
        <v>253929</v>
      </c>
      <c r="I28074" s="8">
        <v>0</v>
      </c>
      <c r="J28074" s="8">
        <v>253929</v>
      </c>
      <c r="K28074" s="9">
        <v>13.22</v>
      </c>
      <c r="L28074" s="6" t="s">
        <v>10</v>
      </c>
    </row>
    <row r="28075" spans="1:12">
      <c r="A28075" s="6" t="s">
        <v>28816</v>
      </c>
      <c r="B28075" s="6"/>
      <c r="C28075" s="6" t="s">
        <v>28927</v>
      </c>
      <c r="D28075" s="6"/>
      <c r="E28075" s="6" t="s">
        <v>18740</v>
      </c>
      <c r="F28075" s="7"/>
      <c r="G28075" s="8">
        <v>63386</v>
      </c>
      <c r="H28075" s="8">
        <v>63386</v>
      </c>
      <c r="I28075" s="8">
        <v>0</v>
      </c>
      <c r="J28075" s="8">
        <v>63386</v>
      </c>
      <c r="K28075" s="9">
        <v>3.3</v>
      </c>
      <c r="L28075" s="6" t="s">
        <v>10</v>
      </c>
    </row>
    <row r="28076" spans="1:12">
      <c r="A28076" s="6" t="s">
        <v>28816</v>
      </c>
      <c r="B28076" s="6"/>
      <c r="C28076" s="6" t="s">
        <v>28928</v>
      </c>
      <c r="D28076" s="6"/>
      <c r="E28076" s="6" t="s">
        <v>18740</v>
      </c>
      <c r="F28076" s="7"/>
      <c r="G28076" s="8">
        <v>2313795</v>
      </c>
      <c r="H28076" s="8">
        <v>2313795</v>
      </c>
      <c r="I28076" s="8">
        <v>0</v>
      </c>
      <c r="J28076" s="8">
        <v>2313795</v>
      </c>
      <c r="K28076" s="9">
        <v>120.46</v>
      </c>
      <c r="L28076" s="6" t="s">
        <v>10</v>
      </c>
    </row>
    <row r="28077" spans="1:12">
      <c r="A28077" s="6" t="s">
        <v>28816</v>
      </c>
      <c r="B28077" s="6"/>
      <c r="C28077" s="6" t="s">
        <v>28929</v>
      </c>
      <c r="D28077" s="6"/>
      <c r="E28077" s="6" t="s">
        <v>18740</v>
      </c>
      <c r="F28077" s="7"/>
      <c r="G28077" s="8">
        <v>190351</v>
      </c>
      <c r="H28077" s="8">
        <v>190351</v>
      </c>
      <c r="I28077" s="8">
        <v>0</v>
      </c>
      <c r="J28077" s="8">
        <v>190351</v>
      </c>
      <c r="K28077" s="9">
        <v>9.91</v>
      </c>
      <c r="L28077" s="6" t="s">
        <v>10</v>
      </c>
    </row>
    <row r="28078" spans="1:12">
      <c r="A28078" s="6" t="s">
        <v>28816</v>
      </c>
      <c r="B28078" s="6"/>
      <c r="C28078" s="6" t="s">
        <v>28930</v>
      </c>
      <c r="D28078" s="6"/>
      <c r="E28078" s="6" t="s">
        <v>18740</v>
      </c>
      <c r="F28078" s="7"/>
      <c r="G28078" s="8">
        <v>9776872</v>
      </c>
      <c r="H28078" s="8">
        <v>9776872</v>
      </c>
      <c r="I28078" s="8">
        <v>0</v>
      </c>
      <c r="J28078" s="8">
        <v>9776872</v>
      </c>
      <c r="K28078" s="9">
        <v>509</v>
      </c>
      <c r="L28078" s="6" t="s">
        <v>1694</v>
      </c>
    </row>
    <row r="28079" spans="1:12">
      <c r="A28079" s="6" t="s">
        <v>28816</v>
      </c>
      <c r="B28079" s="6"/>
      <c r="C28079" s="6" t="s">
        <v>28931</v>
      </c>
      <c r="D28079" s="6"/>
      <c r="E28079" s="6" t="s">
        <v>18740</v>
      </c>
      <c r="F28079" s="7"/>
      <c r="G28079" s="8">
        <v>249704</v>
      </c>
      <c r="H28079" s="8">
        <v>249704</v>
      </c>
      <c r="I28079" s="8">
        <v>0</v>
      </c>
      <c r="J28079" s="8">
        <v>249704</v>
      </c>
      <c r="K28079" s="9">
        <v>13</v>
      </c>
      <c r="L28079" s="6" t="s">
        <v>1694</v>
      </c>
    </row>
    <row r="28080" spans="1:12">
      <c r="A28080" s="6" t="s">
        <v>28816</v>
      </c>
      <c r="B28080" s="6"/>
      <c r="C28080" s="6" t="s">
        <v>28932</v>
      </c>
      <c r="D28080" s="6"/>
      <c r="E28080" s="6" t="s">
        <v>18740</v>
      </c>
      <c r="F28080" s="7"/>
      <c r="G28080" s="8">
        <v>5954480</v>
      </c>
      <c r="H28080" s="8">
        <v>5954480</v>
      </c>
      <c r="I28080" s="8">
        <v>0</v>
      </c>
      <c r="J28080" s="8">
        <v>5954480</v>
      </c>
      <c r="K28080" s="9">
        <v>310</v>
      </c>
      <c r="L28080" s="6" t="s">
        <v>1694</v>
      </c>
    </row>
    <row r="28081" spans="1:12">
      <c r="A28081" s="6" t="s">
        <v>28816</v>
      </c>
      <c r="B28081" s="6"/>
      <c r="C28081" s="6" t="s">
        <v>28933</v>
      </c>
      <c r="D28081" s="6"/>
      <c r="E28081" s="6" t="s">
        <v>18740</v>
      </c>
      <c r="F28081" s="7"/>
      <c r="G28081" s="8">
        <v>572544</v>
      </c>
      <c r="H28081" s="8">
        <v>572544</v>
      </c>
      <c r="I28081" s="8">
        <v>0</v>
      </c>
      <c r="J28081" s="8">
        <v>572544</v>
      </c>
      <c r="K28081" s="9">
        <v>112</v>
      </c>
      <c r="L28081" s="6" t="s">
        <v>23</v>
      </c>
    </row>
    <row r="28082" spans="1:12">
      <c r="A28082" s="6" t="s">
        <v>28816</v>
      </c>
      <c r="B28082" s="6"/>
      <c r="C28082" s="6" t="s">
        <v>28934</v>
      </c>
      <c r="D28082" s="6"/>
      <c r="E28082" s="6" t="s">
        <v>18740</v>
      </c>
      <c r="F28082" s="7"/>
      <c r="G28082" s="8">
        <v>17678274</v>
      </c>
      <c r="H28082" s="8">
        <v>17678274</v>
      </c>
      <c r="I28082" s="8">
        <v>0</v>
      </c>
      <c r="J28082" s="8">
        <v>17678274</v>
      </c>
      <c r="K28082" s="9">
        <v>920.36</v>
      </c>
      <c r="L28082" s="6" t="s">
        <v>10</v>
      </c>
    </row>
    <row r="28083" spans="1:12">
      <c r="A28083" s="6" t="s">
        <v>28816</v>
      </c>
      <c r="B28083" s="6"/>
      <c r="C28083" s="6" t="s">
        <v>28935</v>
      </c>
      <c r="D28083" s="6"/>
      <c r="E28083" s="6" t="s">
        <v>18740</v>
      </c>
      <c r="F28083" s="7"/>
      <c r="G28083" s="8">
        <v>65768192</v>
      </c>
      <c r="H28083" s="8">
        <v>65768192</v>
      </c>
      <c r="I28083" s="8">
        <v>0</v>
      </c>
      <c r="J28083" s="8">
        <v>65768192</v>
      </c>
      <c r="K28083" s="9">
        <v>3424</v>
      </c>
      <c r="L28083" s="6" t="s">
        <v>1694</v>
      </c>
    </row>
    <row r="28084" spans="1:12">
      <c r="A28084" s="6" t="s">
        <v>28816</v>
      </c>
      <c r="B28084" s="6"/>
      <c r="C28084" s="6" t="s">
        <v>28936</v>
      </c>
      <c r="D28084" s="6"/>
      <c r="E28084" s="6" t="s">
        <v>18740</v>
      </c>
      <c r="F28084" s="7"/>
      <c r="G28084" s="8">
        <v>235152</v>
      </c>
      <c r="H28084" s="8">
        <v>235152</v>
      </c>
      <c r="I28084" s="8">
        <v>0</v>
      </c>
      <c r="J28084" s="8">
        <v>235152</v>
      </c>
      <c r="K28084" s="9">
        <v>46</v>
      </c>
      <c r="L28084" s="6" t="s">
        <v>4773</v>
      </c>
    </row>
    <row r="28085" spans="1:12">
      <c r="A28085" s="6" t="s">
        <v>28816</v>
      </c>
      <c r="B28085" s="6"/>
      <c r="C28085" s="6" t="s">
        <v>28937</v>
      </c>
      <c r="D28085" s="6"/>
      <c r="E28085" s="6" t="s">
        <v>18740</v>
      </c>
      <c r="F28085" s="7"/>
      <c r="G28085" s="8">
        <v>235152</v>
      </c>
      <c r="H28085" s="8">
        <v>235152</v>
      </c>
      <c r="I28085" s="8">
        <v>0</v>
      </c>
      <c r="J28085" s="8">
        <v>235152</v>
      </c>
      <c r="K28085" s="9">
        <v>46</v>
      </c>
      <c r="L28085" s="6" t="s">
        <v>1842</v>
      </c>
    </row>
    <row r="28086" spans="1:12">
      <c r="A28086" s="6" t="s">
        <v>28816</v>
      </c>
      <c r="B28086" s="6"/>
      <c r="C28086" s="6" t="s">
        <v>28938</v>
      </c>
      <c r="D28086" s="6"/>
      <c r="E28086" s="6" t="s">
        <v>18740</v>
      </c>
      <c r="F28086" s="7"/>
      <c r="G28086" s="8">
        <v>1524731</v>
      </c>
      <c r="H28086" s="8">
        <v>1524731</v>
      </c>
      <c r="I28086" s="8">
        <v>0</v>
      </c>
      <c r="J28086" s="8">
        <v>1524731</v>
      </c>
      <c r="K28086" s="9">
        <v>79.38</v>
      </c>
      <c r="L28086" s="6" t="s">
        <v>10</v>
      </c>
    </row>
    <row r="28087" spans="1:12">
      <c r="A28087" s="6" t="s">
        <v>28816</v>
      </c>
      <c r="B28087" s="6"/>
      <c r="C28087" s="6" t="s">
        <v>28939</v>
      </c>
      <c r="D28087" s="6"/>
      <c r="E28087" s="6" t="s">
        <v>18740</v>
      </c>
      <c r="F28087" s="7"/>
      <c r="G28087" s="8">
        <v>61657</v>
      </c>
      <c r="H28087" s="8">
        <v>61657</v>
      </c>
      <c r="I28087" s="8">
        <v>0</v>
      </c>
      <c r="J28087" s="8">
        <v>61657</v>
      </c>
      <c r="K28087" s="9">
        <v>3.21</v>
      </c>
      <c r="L28087" s="6" t="s">
        <v>10</v>
      </c>
    </row>
    <row r="28088" spans="1:12">
      <c r="A28088" s="6" t="s">
        <v>28816</v>
      </c>
      <c r="B28088" s="6"/>
      <c r="C28088" s="6" t="s">
        <v>28940</v>
      </c>
      <c r="D28088" s="6"/>
      <c r="E28088" s="6" t="s">
        <v>18740</v>
      </c>
      <c r="F28088" s="7"/>
      <c r="G28088" s="8">
        <v>439671</v>
      </c>
      <c r="H28088" s="8">
        <v>439671</v>
      </c>
      <c r="I28088" s="8">
        <v>0</v>
      </c>
      <c r="J28088" s="8">
        <v>439671</v>
      </c>
      <c r="K28088" s="9">
        <v>22.89</v>
      </c>
      <c r="L28088" s="6" t="s">
        <v>10</v>
      </c>
    </row>
    <row r="28089" spans="1:12">
      <c r="A28089" s="6" t="s">
        <v>28816</v>
      </c>
      <c r="B28089" s="6"/>
      <c r="C28089" s="6" t="s">
        <v>28941</v>
      </c>
      <c r="D28089" s="6"/>
      <c r="E28089" s="6" t="s">
        <v>18740</v>
      </c>
      <c r="F28089" s="7"/>
      <c r="G28089" s="8">
        <v>1367609</v>
      </c>
      <c r="H28089" s="8">
        <v>1367609</v>
      </c>
      <c r="I28089" s="8">
        <v>0</v>
      </c>
      <c r="J28089" s="8">
        <v>1367609</v>
      </c>
      <c r="K28089" s="9">
        <v>71.2</v>
      </c>
      <c r="L28089" s="6" t="s">
        <v>10</v>
      </c>
    </row>
    <row r="28090" spans="1:12">
      <c r="A28090" s="6" t="s">
        <v>28816</v>
      </c>
      <c r="B28090" s="6"/>
      <c r="C28090" s="6" t="s">
        <v>28942</v>
      </c>
      <c r="D28090" s="6"/>
      <c r="E28090" s="6" t="s">
        <v>18740</v>
      </c>
      <c r="F28090" s="7"/>
      <c r="G28090" s="8">
        <v>6001</v>
      </c>
      <c r="H28090" s="8">
        <v>6001</v>
      </c>
      <c r="I28090" s="8">
        <v>0</v>
      </c>
      <c r="J28090" s="8">
        <v>6001</v>
      </c>
      <c r="K28090" s="9">
        <v>353</v>
      </c>
      <c r="L28090" s="6" t="s">
        <v>16860</v>
      </c>
    </row>
    <row r="28091" spans="1:12">
      <c r="A28091" s="6" t="s">
        <v>28816</v>
      </c>
      <c r="B28091" s="6"/>
      <c r="C28091" s="6" t="s">
        <v>28943</v>
      </c>
      <c r="D28091" s="6"/>
      <c r="E28091" s="6" t="s">
        <v>18740</v>
      </c>
      <c r="F28091" s="7"/>
      <c r="G28091" s="8">
        <v>633864</v>
      </c>
      <c r="H28091" s="8">
        <v>633864</v>
      </c>
      <c r="I28091" s="8">
        <v>0</v>
      </c>
      <c r="J28091" s="8">
        <v>633864</v>
      </c>
      <c r="K28091" s="9">
        <v>33</v>
      </c>
      <c r="L28091" s="6" t="s">
        <v>1694</v>
      </c>
    </row>
    <row r="28092" spans="1:12">
      <c r="A28092" s="6" t="s">
        <v>28816</v>
      </c>
      <c r="B28092" s="6"/>
      <c r="C28092" s="6" t="s">
        <v>28944</v>
      </c>
      <c r="D28092" s="6"/>
      <c r="E28092" s="6" t="s">
        <v>18740</v>
      </c>
      <c r="F28092" s="7"/>
      <c r="G28092" s="8">
        <v>168696</v>
      </c>
      <c r="H28092" s="8">
        <v>168696</v>
      </c>
      <c r="I28092" s="8">
        <v>0</v>
      </c>
      <c r="J28092" s="8">
        <v>168696</v>
      </c>
      <c r="K28092" s="9">
        <v>33</v>
      </c>
      <c r="L28092" s="6" t="s">
        <v>23</v>
      </c>
    </row>
    <row r="28093" spans="1:12">
      <c r="A28093" s="6" t="s">
        <v>28816</v>
      </c>
      <c r="B28093" s="6"/>
      <c r="C28093" s="6" t="s">
        <v>28945</v>
      </c>
      <c r="D28093" s="6"/>
      <c r="E28093" s="6" t="s">
        <v>18740</v>
      </c>
      <c r="F28093" s="7"/>
      <c r="G28093" s="8">
        <v>786567</v>
      </c>
      <c r="H28093" s="8">
        <v>786567</v>
      </c>
      <c r="I28093" s="8">
        <v>0</v>
      </c>
      <c r="J28093" s="8">
        <v>786567</v>
      </c>
      <c r="K28093" s="9">
        <v>40.950000000000003</v>
      </c>
      <c r="L28093" s="6" t="s">
        <v>10</v>
      </c>
    </row>
    <row r="28094" spans="1:12">
      <c r="A28094" s="6" t="s">
        <v>28816</v>
      </c>
      <c r="B28094" s="6"/>
      <c r="C28094" s="6" t="s">
        <v>28946</v>
      </c>
      <c r="D28094" s="6"/>
      <c r="E28094" s="6" t="s">
        <v>18740</v>
      </c>
      <c r="F28094" s="7"/>
      <c r="G28094" s="8">
        <v>457150</v>
      </c>
      <c r="H28094" s="8">
        <v>457150</v>
      </c>
      <c r="I28094" s="8">
        <v>0</v>
      </c>
      <c r="J28094" s="8">
        <v>457150</v>
      </c>
      <c r="K28094" s="9">
        <v>23.8</v>
      </c>
      <c r="L28094" s="6" t="s">
        <v>10</v>
      </c>
    </row>
    <row r="28095" spans="1:12">
      <c r="A28095" s="6" t="s">
        <v>28816</v>
      </c>
      <c r="B28095" s="6"/>
      <c r="C28095" s="6" t="s">
        <v>28947</v>
      </c>
      <c r="D28095" s="6"/>
      <c r="E28095" s="6" t="s">
        <v>18740</v>
      </c>
      <c r="F28095" s="7"/>
      <c r="G28095" s="8">
        <v>380894</v>
      </c>
      <c r="H28095" s="8">
        <v>380894</v>
      </c>
      <c r="I28095" s="8">
        <v>0</v>
      </c>
      <c r="J28095" s="8">
        <v>380894</v>
      </c>
      <c r="K28095" s="9">
        <v>19.829999999999899</v>
      </c>
      <c r="L28095" s="6" t="s">
        <v>10</v>
      </c>
    </row>
    <row r="28096" spans="1:12">
      <c r="A28096" s="6" t="s">
        <v>28816</v>
      </c>
      <c r="B28096" s="6"/>
      <c r="C28096" s="6" t="s">
        <v>28948</v>
      </c>
      <c r="D28096" s="6"/>
      <c r="E28096" s="6" t="s">
        <v>18740</v>
      </c>
      <c r="F28096" s="7"/>
      <c r="G28096" s="8">
        <v>888562</v>
      </c>
      <c r="H28096" s="8">
        <v>888562</v>
      </c>
      <c r="I28096" s="8">
        <v>0</v>
      </c>
      <c r="J28096" s="8">
        <v>888562</v>
      </c>
      <c r="K28096" s="9">
        <v>46.26</v>
      </c>
      <c r="L28096" s="6" t="s">
        <v>10</v>
      </c>
    </row>
    <row r="28097" spans="1:12">
      <c r="A28097" s="6" t="s">
        <v>28816</v>
      </c>
      <c r="B28097" s="6"/>
      <c r="C28097" s="6" t="s">
        <v>28949</v>
      </c>
      <c r="D28097" s="6"/>
      <c r="E28097" s="6" t="s">
        <v>18740</v>
      </c>
      <c r="F28097" s="7"/>
      <c r="G28097" s="8">
        <v>984025</v>
      </c>
      <c r="H28097" s="8">
        <v>984025</v>
      </c>
      <c r="I28097" s="8">
        <v>0</v>
      </c>
      <c r="J28097" s="8">
        <v>984025</v>
      </c>
      <c r="K28097" s="9">
        <v>51.23</v>
      </c>
      <c r="L28097" s="6" t="s">
        <v>1694</v>
      </c>
    </row>
    <row r="28098" spans="1:12">
      <c r="A28098" s="6" t="s">
        <v>28816</v>
      </c>
      <c r="B28098" s="6"/>
      <c r="C28098" s="6" t="s">
        <v>28950</v>
      </c>
      <c r="D28098" s="6"/>
      <c r="E28098" s="6" t="s">
        <v>18740</v>
      </c>
      <c r="F28098" s="7"/>
      <c r="G28098" s="8">
        <v>1396805</v>
      </c>
      <c r="H28098" s="8">
        <v>1396805</v>
      </c>
      <c r="I28098" s="8">
        <v>0</v>
      </c>
      <c r="J28098" s="8">
        <v>1396805</v>
      </c>
      <c r="K28098" s="9">
        <v>72.72</v>
      </c>
      <c r="L28098" s="6" t="s">
        <v>1694</v>
      </c>
    </row>
    <row r="28099" spans="1:12">
      <c r="A28099" s="6" t="s">
        <v>28816</v>
      </c>
      <c r="B28099" s="6"/>
      <c r="C28099" s="6" t="s">
        <v>28951</v>
      </c>
      <c r="D28099" s="6"/>
      <c r="E28099" s="6" t="s">
        <v>18740</v>
      </c>
      <c r="F28099" s="7"/>
      <c r="G28099" s="8">
        <v>301565</v>
      </c>
      <c r="H28099" s="8">
        <v>301565</v>
      </c>
      <c r="I28099" s="8">
        <v>0</v>
      </c>
      <c r="J28099" s="8">
        <v>301565</v>
      </c>
      <c r="K28099" s="9">
        <v>15.7</v>
      </c>
      <c r="L28099" s="6" t="s">
        <v>1694</v>
      </c>
    </row>
    <row r="28100" spans="1:12">
      <c r="A28100" s="6" t="s">
        <v>28816</v>
      </c>
      <c r="B28100" s="6"/>
      <c r="C28100" s="6" t="s">
        <v>28952</v>
      </c>
      <c r="D28100" s="6"/>
      <c r="E28100" s="6" t="s">
        <v>18740</v>
      </c>
      <c r="F28100" s="7"/>
      <c r="G28100" s="8">
        <v>234145</v>
      </c>
      <c r="H28100" s="8">
        <v>234145</v>
      </c>
      <c r="I28100" s="8">
        <v>0</v>
      </c>
      <c r="J28100" s="8">
        <v>234145</v>
      </c>
      <c r="K28100" s="9">
        <v>12.19</v>
      </c>
      <c r="L28100" s="6" t="s">
        <v>1694</v>
      </c>
    </row>
    <row r="28101" spans="1:12">
      <c r="A28101" s="6" t="s">
        <v>28816</v>
      </c>
      <c r="B28101" s="6"/>
      <c r="C28101" s="6" t="s">
        <v>28953</v>
      </c>
      <c r="D28101" s="6"/>
      <c r="E28101" s="6" t="s">
        <v>18740</v>
      </c>
      <c r="F28101" s="7"/>
      <c r="G28101" s="8">
        <v>180939</v>
      </c>
      <c r="H28101" s="8">
        <v>180939</v>
      </c>
      <c r="I28101" s="8">
        <v>0</v>
      </c>
      <c r="J28101" s="8">
        <v>180939</v>
      </c>
      <c r="K28101" s="9">
        <v>9.42</v>
      </c>
      <c r="L28101" s="6" t="s">
        <v>1694</v>
      </c>
    </row>
    <row r="28102" spans="1:12">
      <c r="A28102" s="6" t="s">
        <v>28816</v>
      </c>
      <c r="B28102" s="6"/>
      <c r="C28102" s="6" t="s">
        <v>28954</v>
      </c>
      <c r="D28102" s="6"/>
      <c r="E28102" s="6" t="s">
        <v>18740</v>
      </c>
      <c r="F28102" s="7"/>
      <c r="G28102" s="8">
        <v>33790</v>
      </c>
      <c r="H28102" s="8">
        <v>33790</v>
      </c>
      <c r="I28102" s="8">
        <v>0</v>
      </c>
      <c r="J28102" s="8">
        <v>33790</v>
      </c>
      <c r="K28102" s="9">
        <v>6.61</v>
      </c>
      <c r="L28102" s="6" t="s">
        <v>23</v>
      </c>
    </row>
    <row r="28103" spans="1:12">
      <c r="A28103" s="6" t="s">
        <v>28816</v>
      </c>
      <c r="B28103" s="6"/>
      <c r="C28103" s="6" t="s">
        <v>28955</v>
      </c>
      <c r="D28103" s="6"/>
      <c r="E28103" s="6" t="s">
        <v>18740</v>
      </c>
      <c r="F28103" s="7"/>
      <c r="G28103" s="8">
        <v>2141928</v>
      </c>
      <c r="H28103" s="8">
        <v>2141928</v>
      </c>
      <c r="I28103" s="8">
        <v>0</v>
      </c>
      <c r="J28103" s="8">
        <v>2141928</v>
      </c>
      <c r="K28103" s="9">
        <v>419</v>
      </c>
      <c r="L28103" s="6" t="s">
        <v>23</v>
      </c>
    </row>
    <row r="28104" spans="1:12">
      <c r="A28104" s="6" t="s">
        <v>28816</v>
      </c>
      <c r="B28104" s="6"/>
      <c r="C28104" s="6" t="s">
        <v>28956</v>
      </c>
      <c r="D28104" s="6"/>
      <c r="E28104" s="6" t="s">
        <v>18740</v>
      </c>
      <c r="F28104" s="7"/>
      <c r="G28104" s="8">
        <v>286272</v>
      </c>
      <c r="H28104" s="8">
        <v>286272</v>
      </c>
      <c r="I28104" s="8">
        <v>0</v>
      </c>
      <c r="J28104" s="8">
        <v>286272</v>
      </c>
      <c r="K28104" s="9">
        <v>56</v>
      </c>
      <c r="L28104" s="6" t="s">
        <v>23</v>
      </c>
    </row>
    <row r="28105" spans="1:12">
      <c r="A28105" s="6" t="s">
        <v>28816</v>
      </c>
      <c r="B28105" s="6"/>
      <c r="C28105" s="6" t="s">
        <v>28957</v>
      </c>
      <c r="D28105" s="6"/>
      <c r="E28105" s="6" t="s">
        <v>18740</v>
      </c>
      <c r="F28105" s="7"/>
      <c r="G28105" s="8">
        <v>17181432</v>
      </c>
      <c r="H28105" s="8">
        <v>17181432</v>
      </c>
      <c r="I28105" s="8">
        <v>0</v>
      </c>
      <c r="J28105" s="8">
        <v>17181432</v>
      </c>
      <c r="K28105" s="9">
        <v>3361</v>
      </c>
      <c r="L28105" s="6" t="s">
        <v>23</v>
      </c>
    </row>
    <row r="28106" spans="1:12">
      <c r="A28106" s="6" t="s">
        <v>28816</v>
      </c>
      <c r="B28106" s="6"/>
      <c r="C28106" s="6" t="s">
        <v>28958</v>
      </c>
      <c r="D28106" s="6"/>
      <c r="E28106" s="6" t="s">
        <v>18740</v>
      </c>
      <c r="F28106" s="7"/>
      <c r="G28106" s="8">
        <v>756576</v>
      </c>
      <c r="H28106" s="8">
        <v>756576</v>
      </c>
      <c r="I28106" s="8">
        <v>0</v>
      </c>
      <c r="J28106" s="8">
        <v>756576</v>
      </c>
      <c r="K28106" s="9">
        <v>148</v>
      </c>
      <c r="L28106" s="6" t="s">
        <v>14</v>
      </c>
    </row>
    <row r="28107" spans="1:12">
      <c r="A28107" s="6" t="s">
        <v>28816</v>
      </c>
      <c r="B28107" s="6"/>
      <c r="C28107" s="6" t="s">
        <v>28959</v>
      </c>
      <c r="D28107" s="6"/>
      <c r="E28107" s="6" t="s">
        <v>18740</v>
      </c>
      <c r="F28107" s="7"/>
      <c r="G28107" s="8">
        <v>16869</v>
      </c>
      <c r="H28107" s="8">
        <v>16869</v>
      </c>
      <c r="I28107" s="8">
        <v>0</v>
      </c>
      <c r="J28107" s="8">
        <v>16869</v>
      </c>
      <c r="K28107" s="9">
        <v>3.3</v>
      </c>
      <c r="L28107" s="6" t="s">
        <v>23</v>
      </c>
    </row>
    <row r="28108" spans="1:12">
      <c r="A28108" s="6" t="s">
        <v>28816</v>
      </c>
      <c r="B28108" s="6"/>
      <c r="C28108" s="6" t="s">
        <v>28960</v>
      </c>
      <c r="D28108" s="6"/>
      <c r="E28108" s="6" t="s">
        <v>18740</v>
      </c>
      <c r="F28108" s="7"/>
      <c r="G28108" s="8">
        <v>368064</v>
      </c>
      <c r="H28108" s="8">
        <v>368064</v>
      </c>
      <c r="I28108" s="8">
        <v>0</v>
      </c>
      <c r="J28108" s="8">
        <v>368064</v>
      </c>
      <c r="K28108" s="9">
        <v>72</v>
      </c>
      <c r="L28108" s="6" t="s">
        <v>23</v>
      </c>
    </row>
    <row r="28109" spans="1:12">
      <c r="A28109" s="6" t="s">
        <v>28816</v>
      </c>
      <c r="B28109" s="6"/>
      <c r="C28109" s="6" t="s">
        <v>28961</v>
      </c>
      <c r="D28109" s="6"/>
      <c r="E28109" s="6" t="s">
        <v>18740</v>
      </c>
      <c r="F28109" s="7"/>
      <c r="G28109" s="8">
        <v>199368</v>
      </c>
      <c r="H28109" s="8">
        <v>199368</v>
      </c>
      <c r="I28109" s="8">
        <v>0</v>
      </c>
      <c r="J28109" s="8">
        <v>199368</v>
      </c>
      <c r="K28109" s="9">
        <v>39</v>
      </c>
      <c r="L28109" s="6" t="s">
        <v>23</v>
      </c>
    </row>
    <row r="28110" spans="1:12">
      <c r="A28110" s="6" t="s">
        <v>28816</v>
      </c>
      <c r="B28110" s="6"/>
      <c r="C28110" s="6" t="s">
        <v>28962</v>
      </c>
      <c r="D28110" s="6"/>
      <c r="E28110" s="6" t="s">
        <v>18740</v>
      </c>
      <c r="F28110" s="7"/>
      <c r="G28110" s="8">
        <v>50659</v>
      </c>
      <c r="H28110" s="8">
        <v>50659</v>
      </c>
      <c r="I28110" s="8">
        <v>0</v>
      </c>
      <c r="J28110" s="8">
        <v>50659</v>
      </c>
      <c r="K28110" s="9">
        <v>9.91</v>
      </c>
      <c r="L28110" s="6" t="s">
        <v>23</v>
      </c>
    </row>
    <row r="28111" spans="1:12">
      <c r="A28111" s="6" t="s">
        <v>28816</v>
      </c>
      <c r="B28111" s="6"/>
      <c r="C28111" s="6" t="s">
        <v>28963</v>
      </c>
      <c r="D28111" s="6"/>
      <c r="E28111" s="6" t="s">
        <v>18740</v>
      </c>
      <c r="F28111" s="7"/>
      <c r="G28111" s="8">
        <v>286272</v>
      </c>
      <c r="H28111" s="8">
        <v>286272</v>
      </c>
      <c r="I28111" s="8">
        <v>0</v>
      </c>
      <c r="J28111" s="8">
        <v>286272</v>
      </c>
      <c r="K28111" s="9">
        <v>56</v>
      </c>
      <c r="L28111" s="6" t="s">
        <v>23</v>
      </c>
    </row>
    <row r="28112" spans="1:12">
      <c r="A28112" s="6" t="s">
        <v>28816</v>
      </c>
      <c r="B28112" s="6"/>
      <c r="C28112" s="6" t="s">
        <v>28964</v>
      </c>
      <c r="D28112" s="6"/>
      <c r="E28112" s="6" t="s">
        <v>18740</v>
      </c>
      <c r="F28112" s="7"/>
      <c r="G28112" s="8">
        <v>16869</v>
      </c>
      <c r="H28112" s="8">
        <v>16869</v>
      </c>
      <c r="I28112" s="8">
        <v>0</v>
      </c>
      <c r="J28112" s="8">
        <v>16869</v>
      </c>
      <c r="K28112" s="9">
        <v>3.3</v>
      </c>
      <c r="L28112" s="6" t="s">
        <v>23</v>
      </c>
    </row>
    <row r="28113" spans="1:12">
      <c r="A28113" s="6" t="s">
        <v>28816</v>
      </c>
      <c r="B28113" s="6"/>
      <c r="C28113" s="6" t="s">
        <v>28965</v>
      </c>
      <c r="D28113" s="6"/>
      <c r="E28113" s="6" t="s">
        <v>18740</v>
      </c>
      <c r="F28113" s="7"/>
      <c r="G28113" s="8">
        <v>63386</v>
      </c>
      <c r="H28113" s="8">
        <v>63386</v>
      </c>
      <c r="I28113" s="8">
        <v>0</v>
      </c>
      <c r="J28113" s="8">
        <v>63386</v>
      </c>
      <c r="K28113" s="9">
        <v>3.3</v>
      </c>
      <c r="L28113" s="6" t="s">
        <v>10</v>
      </c>
    </row>
    <row r="28114" spans="1:12">
      <c r="A28114" s="6" t="s">
        <v>28816</v>
      </c>
      <c r="B28114" s="6"/>
      <c r="C28114" s="6" t="s">
        <v>28966</v>
      </c>
      <c r="D28114" s="6"/>
      <c r="E28114" s="6" t="s">
        <v>18740</v>
      </c>
      <c r="F28114" s="7"/>
      <c r="G28114" s="8">
        <v>403848</v>
      </c>
      <c r="H28114" s="8">
        <v>403848</v>
      </c>
      <c r="I28114" s="8">
        <v>0</v>
      </c>
      <c r="J28114" s="8">
        <v>403848</v>
      </c>
      <c r="K28114" s="9">
        <v>79</v>
      </c>
      <c r="L28114" s="6" t="s">
        <v>23</v>
      </c>
    </row>
    <row r="28115" spans="1:12">
      <c r="A28115" s="6" t="s">
        <v>28816</v>
      </c>
      <c r="B28115" s="6"/>
      <c r="C28115" s="6" t="s">
        <v>28967</v>
      </c>
      <c r="D28115" s="6"/>
      <c r="E28115" s="6" t="s">
        <v>18740</v>
      </c>
      <c r="F28115" s="7"/>
      <c r="G28115" s="8">
        <v>81792</v>
      </c>
      <c r="H28115" s="8">
        <v>81792</v>
      </c>
      <c r="I28115" s="8">
        <v>0</v>
      </c>
      <c r="J28115" s="8">
        <v>81792</v>
      </c>
      <c r="K28115" s="9">
        <v>16</v>
      </c>
      <c r="L28115" s="6" t="s">
        <v>23</v>
      </c>
    </row>
    <row r="28116" spans="1:12">
      <c r="A28116" s="6" t="s">
        <v>28816</v>
      </c>
      <c r="B28116" s="6"/>
      <c r="C28116" s="6" t="s">
        <v>28968</v>
      </c>
      <c r="D28116" s="6"/>
      <c r="E28116" s="6" t="s">
        <v>18740</v>
      </c>
      <c r="F28116" s="7"/>
      <c r="G28116" s="8">
        <v>587880</v>
      </c>
      <c r="H28116" s="8">
        <v>587880</v>
      </c>
      <c r="I28116" s="8">
        <v>0</v>
      </c>
      <c r="J28116" s="8">
        <v>587880</v>
      </c>
      <c r="K28116" s="9">
        <v>115</v>
      </c>
      <c r="L28116" s="6" t="s">
        <v>23</v>
      </c>
    </row>
    <row r="28117" spans="1:12">
      <c r="A28117" s="6" t="s">
        <v>28816</v>
      </c>
      <c r="B28117" s="6"/>
      <c r="C28117" s="6" t="s">
        <v>28969</v>
      </c>
      <c r="D28117" s="6"/>
      <c r="E28117" s="6" t="s">
        <v>18740</v>
      </c>
      <c r="F28117" s="7"/>
      <c r="G28117" s="8">
        <v>44167</v>
      </c>
      <c r="H28117" s="8">
        <v>44167</v>
      </c>
      <c r="I28117" s="8">
        <v>0</v>
      </c>
      <c r="J28117" s="8">
        <v>44167</v>
      </c>
      <c r="K28117" s="9">
        <v>8.64</v>
      </c>
      <c r="L28117" s="6" t="s">
        <v>4773</v>
      </c>
    </row>
    <row r="28118" spans="1:12">
      <c r="A28118" s="6" t="s">
        <v>28816</v>
      </c>
      <c r="B28118" s="6"/>
      <c r="C28118" s="6" t="s">
        <v>28970</v>
      </c>
      <c r="D28118" s="6"/>
      <c r="E28118" s="6" t="s">
        <v>18740</v>
      </c>
      <c r="F28118" s="7"/>
      <c r="G28118" s="8">
        <v>685008</v>
      </c>
      <c r="H28118" s="8">
        <v>685008</v>
      </c>
      <c r="I28118" s="8">
        <v>0</v>
      </c>
      <c r="J28118" s="8">
        <v>685008</v>
      </c>
      <c r="K28118" s="9">
        <v>134</v>
      </c>
      <c r="L28118" s="6" t="s">
        <v>4773</v>
      </c>
    </row>
    <row r="28119" spans="1:12">
      <c r="A28119" s="6" t="s">
        <v>28816</v>
      </c>
      <c r="B28119" s="6"/>
      <c r="C28119" s="6" t="s">
        <v>28971</v>
      </c>
      <c r="D28119" s="6"/>
      <c r="E28119" s="6" t="s">
        <v>18740</v>
      </c>
      <c r="F28119" s="7"/>
      <c r="G28119" s="8">
        <v>557208</v>
      </c>
      <c r="H28119" s="8">
        <v>557208</v>
      </c>
      <c r="I28119" s="8">
        <v>0</v>
      </c>
      <c r="J28119" s="8">
        <v>557208</v>
      </c>
      <c r="K28119" s="9">
        <v>109</v>
      </c>
      <c r="L28119" s="6" t="s">
        <v>4773</v>
      </c>
    </row>
    <row r="28120" spans="1:12">
      <c r="A28120" s="6" t="s">
        <v>28816</v>
      </c>
      <c r="B28120" s="6"/>
      <c r="C28120" s="6" t="s">
        <v>28972</v>
      </c>
      <c r="D28120" s="6"/>
      <c r="E28120" s="6" t="s">
        <v>18740</v>
      </c>
      <c r="F28120" s="7"/>
      <c r="G28120" s="8">
        <v>189144</v>
      </c>
      <c r="H28120" s="8">
        <v>189144</v>
      </c>
      <c r="I28120" s="8">
        <v>0</v>
      </c>
      <c r="J28120" s="8">
        <v>189144</v>
      </c>
      <c r="K28120" s="9">
        <v>37</v>
      </c>
      <c r="L28120" s="6" t="s">
        <v>1842</v>
      </c>
    </row>
    <row r="28121" spans="1:12">
      <c r="A28121" s="6" t="s">
        <v>28816</v>
      </c>
      <c r="B28121" s="6"/>
      <c r="C28121" s="6" t="s">
        <v>28973</v>
      </c>
      <c r="D28121" s="6"/>
      <c r="E28121" s="6" t="s">
        <v>18740</v>
      </c>
      <c r="F28121" s="7"/>
      <c r="G28121" s="8">
        <v>357840</v>
      </c>
      <c r="H28121" s="8">
        <v>357840</v>
      </c>
      <c r="I28121" s="8">
        <v>0</v>
      </c>
      <c r="J28121" s="8">
        <v>357840</v>
      </c>
      <c r="K28121" s="9">
        <v>70</v>
      </c>
      <c r="L28121" s="6" t="s">
        <v>4773</v>
      </c>
    </row>
    <row r="28122" spans="1:12">
      <c r="A28122" s="6" t="s">
        <v>28816</v>
      </c>
      <c r="B28122" s="6"/>
      <c r="C28122" s="6" t="s">
        <v>28974</v>
      </c>
      <c r="D28122" s="6"/>
      <c r="E28122" s="6" t="s">
        <v>18740</v>
      </c>
      <c r="F28122" s="7"/>
      <c r="G28122" s="8">
        <v>582768</v>
      </c>
      <c r="H28122" s="8">
        <v>582768</v>
      </c>
      <c r="I28122" s="8">
        <v>0</v>
      </c>
      <c r="J28122" s="8">
        <v>582768</v>
      </c>
      <c r="K28122" s="9">
        <v>114</v>
      </c>
      <c r="L28122" s="6" t="s">
        <v>4773</v>
      </c>
    </row>
    <row r="28123" spans="1:12">
      <c r="A28123" s="6" t="s">
        <v>28816</v>
      </c>
      <c r="B28123" s="6"/>
      <c r="C28123" s="6" t="s">
        <v>28975</v>
      </c>
      <c r="D28123" s="6"/>
      <c r="E28123" s="6" t="s">
        <v>18740</v>
      </c>
      <c r="F28123" s="7"/>
      <c r="G28123" s="8">
        <v>603216</v>
      </c>
      <c r="H28123" s="8">
        <v>603216</v>
      </c>
      <c r="I28123" s="8">
        <v>0</v>
      </c>
      <c r="J28123" s="8">
        <v>603216</v>
      </c>
      <c r="K28123" s="9">
        <v>118</v>
      </c>
      <c r="L28123" s="6" t="s">
        <v>4773</v>
      </c>
    </row>
    <row r="28124" spans="1:12">
      <c r="A28124" s="6" t="s">
        <v>28816</v>
      </c>
      <c r="B28124" s="6"/>
      <c r="C28124" s="6" t="s">
        <v>28976</v>
      </c>
      <c r="D28124" s="6"/>
      <c r="E28124" s="6" t="s">
        <v>18740</v>
      </c>
      <c r="F28124" s="7"/>
      <c r="G28124" s="8">
        <v>22288</v>
      </c>
      <c r="H28124" s="8">
        <v>22288</v>
      </c>
      <c r="I28124" s="8">
        <v>0</v>
      </c>
      <c r="J28124" s="8">
        <v>22288</v>
      </c>
      <c r="K28124" s="9">
        <v>4.3600000000000003</v>
      </c>
      <c r="L28124" s="6" t="s">
        <v>4773</v>
      </c>
    </row>
    <row r="28125" spans="1:12">
      <c r="A28125" s="6" t="s">
        <v>28816</v>
      </c>
      <c r="B28125" s="6"/>
      <c r="C28125" s="6" t="s">
        <v>28977</v>
      </c>
      <c r="D28125" s="6"/>
      <c r="E28125" s="6" t="s">
        <v>18740</v>
      </c>
      <c r="F28125" s="7"/>
      <c r="G28125" s="8">
        <v>66456</v>
      </c>
      <c r="H28125" s="8">
        <v>66456</v>
      </c>
      <c r="I28125" s="8">
        <v>0</v>
      </c>
      <c r="J28125" s="8">
        <v>66456</v>
      </c>
      <c r="K28125" s="9">
        <v>13</v>
      </c>
      <c r="L28125" s="6" t="s">
        <v>23</v>
      </c>
    </row>
    <row r="28126" spans="1:12">
      <c r="A28126" s="6" t="s">
        <v>28816</v>
      </c>
      <c r="B28126" s="6"/>
      <c r="C28126" s="6" t="s">
        <v>28978</v>
      </c>
      <c r="D28126" s="6"/>
      <c r="E28126" s="6" t="s">
        <v>18740</v>
      </c>
      <c r="F28126" s="7"/>
      <c r="G28126" s="8">
        <v>521424</v>
      </c>
      <c r="H28126" s="8">
        <v>521424</v>
      </c>
      <c r="I28126" s="8">
        <v>0</v>
      </c>
      <c r="J28126" s="8">
        <v>521424</v>
      </c>
      <c r="K28126" s="9">
        <v>102</v>
      </c>
      <c r="L28126" s="6" t="s">
        <v>4773</v>
      </c>
    </row>
    <row r="28127" spans="1:12">
      <c r="A28127" s="6" t="s">
        <v>28816</v>
      </c>
      <c r="B28127" s="6"/>
      <c r="C28127" s="6" t="s">
        <v>28979</v>
      </c>
      <c r="D28127" s="6"/>
      <c r="E28127" s="6" t="s">
        <v>18740</v>
      </c>
      <c r="F28127" s="7"/>
      <c r="G28127" s="8">
        <v>1804536</v>
      </c>
      <c r="H28127" s="8">
        <v>1804536</v>
      </c>
      <c r="I28127" s="8">
        <v>0</v>
      </c>
      <c r="J28127" s="8">
        <v>1804536</v>
      </c>
      <c r="K28127" s="9">
        <v>353</v>
      </c>
      <c r="L28127" s="6" t="s">
        <v>4773</v>
      </c>
    </row>
    <row r="28128" spans="1:12">
      <c r="A28128" s="6" t="s">
        <v>28816</v>
      </c>
      <c r="B28128" s="6"/>
      <c r="C28128" s="6" t="s">
        <v>28980</v>
      </c>
      <c r="D28128" s="6"/>
      <c r="E28128" s="6" t="s">
        <v>18740</v>
      </c>
      <c r="F28128" s="7"/>
      <c r="G28128" s="8">
        <v>81792</v>
      </c>
      <c r="H28128" s="8">
        <v>81792</v>
      </c>
      <c r="I28128" s="8">
        <v>0</v>
      </c>
      <c r="J28128" s="8">
        <v>81792</v>
      </c>
      <c r="K28128" s="9">
        <v>16</v>
      </c>
      <c r="L28128" s="6" t="s">
        <v>1842</v>
      </c>
    </row>
    <row r="28129" spans="1:12">
      <c r="A28129" s="6" t="s">
        <v>28816</v>
      </c>
      <c r="B28129" s="6"/>
      <c r="C28129" s="6" t="s">
        <v>28981</v>
      </c>
      <c r="D28129" s="6"/>
      <c r="E28129" s="6" t="s">
        <v>18740</v>
      </c>
      <c r="F28129" s="7"/>
      <c r="G28129" s="8">
        <v>348625</v>
      </c>
      <c r="H28129" s="8">
        <v>348625</v>
      </c>
      <c r="I28129" s="8">
        <v>0</v>
      </c>
      <c r="J28129" s="8">
        <v>348625</v>
      </c>
      <c r="K28129" s="9">
        <v>18.149999999999899</v>
      </c>
      <c r="L28129" s="6" t="s">
        <v>10</v>
      </c>
    </row>
    <row r="28130" spans="1:12">
      <c r="A28130" s="6" t="s">
        <v>28816</v>
      </c>
      <c r="B28130" s="6"/>
      <c r="C28130" s="6" t="s">
        <v>28982</v>
      </c>
      <c r="D28130" s="6"/>
      <c r="E28130" s="6" t="s">
        <v>18740</v>
      </c>
      <c r="F28130" s="7"/>
      <c r="G28130" s="8">
        <v>276048</v>
      </c>
      <c r="H28130" s="8">
        <v>276048</v>
      </c>
      <c r="I28130" s="8">
        <v>0</v>
      </c>
      <c r="J28130" s="8">
        <v>276048</v>
      </c>
      <c r="K28130" s="9">
        <v>54</v>
      </c>
      <c r="L28130" s="6" t="s">
        <v>4773</v>
      </c>
    </row>
    <row r="28131" spans="1:12">
      <c r="A28131" s="6" t="s">
        <v>28816</v>
      </c>
      <c r="B28131" s="6"/>
      <c r="C28131" s="6" t="s">
        <v>28983</v>
      </c>
      <c r="D28131" s="6"/>
      <c r="E28131" s="6" t="s">
        <v>18740</v>
      </c>
      <c r="F28131" s="7"/>
      <c r="G28131" s="8">
        <v>7068</v>
      </c>
      <c r="H28131" s="8">
        <v>7068</v>
      </c>
      <c r="I28131" s="8">
        <v>0</v>
      </c>
      <c r="J28131" s="8">
        <v>7068</v>
      </c>
      <c r="K28131" s="9">
        <v>62</v>
      </c>
      <c r="L28131" s="6" t="s">
        <v>4773</v>
      </c>
    </row>
    <row r="28132" spans="1:12">
      <c r="A28132" s="6" t="s">
        <v>28816</v>
      </c>
      <c r="B28132" s="6"/>
      <c r="C28132" s="6" t="s">
        <v>28984</v>
      </c>
      <c r="D28132" s="6"/>
      <c r="E28132" s="6" t="s">
        <v>18740</v>
      </c>
      <c r="F28132" s="7"/>
      <c r="G28132" s="8">
        <v>1824</v>
      </c>
      <c r="H28132" s="8">
        <v>1824</v>
      </c>
      <c r="I28132" s="8">
        <v>0</v>
      </c>
      <c r="J28132" s="8">
        <v>1824</v>
      </c>
      <c r="K28132" s="9">
        <v>16</v>
      </c>
      <c r="L28132" s="6" t="s">
        <v>4773</v>
      </c>
    </row>
    <row r="28133" spans="1:12">
      <c r="A28133" s="6" t="s">
        <v>28816</v>
      </c>
      <c r="B28133" s="6"/>
      <c r="C28133" s="6" t="s">
        <v>28985</v>
      </c>
      <c r="D28133" s="6"/>
      <c r="E28133" s="6" t="s">
        <v>18740</v>
      </c>
      <c r="F28133" s="7"/>
      <c r="G28133" s="8">
        <v>1</v>
      </c>
      <c r="H28133" s="8">
        <v>1</v>
      </c>
      <c r="I28133" s="8">
        <v>0</v>
      </c>
      <c r="J28133" s="8">
        <v>1</v>
      </c>
      <c r="K28133" s="9">
        <v>16</v>
      </c>
      <c r="L28133" s="6" t="s">
        <v>51</v>
      </c>
    </row>
    <row r="28134" spans="1:12">
      <c r="A28134" s="6" t="s">
        <v>28816</v>
      </c>
      <c r="B28134" s="6"/>
      <c r="C28134" s="6" t="s">
        <v>28986</v>
      </c>
      <c r="D28134" s="6"/>
      <c r="E28134" s="6" t="s">
        <v>18740</v>
      </c>
      <c r="F28134" s="7"/>
      <c r="G28134" s="8">
        <v>9690</v>
      </c>
      <c r="H28134" s="8">
        <v>9690</v>
      </c>
      <c r="I28134" s="8">
        <v>0</v>
      </c>
      <c r="J28134" s="8">
        <v>9690</v>
      </c>
      <c r="K28134" s="9">
        <v>85</v>
      </c>
      <c r="L28134" s="6" t="s">
        <v>4773</v>
      </c>
    </row>
    <row r="28135" spans="1:12">
      <c r="A28135" s="6" t="s">
        <v>28816</v>
      </c>
      <c r="B28135" s="6"/>
      <c r="C28135" s="6" t="s">
        <v>28987</v>
      </c>
      <c r="D28135" s="6"/>
      <c r="E28135" s="6" t="s">
        <v>18740</v>
      </c>
      <c r="F28135" s="7"/>
      <c r="G28135" s="8">
        <v>7068</v>
      </c>
      <c r="H28135" s="8">
        <v>7068</v>
      </c>
      <c r="I28135" s="8">
        <v>0</v>
      </c>
      <c r="J28135" s="8">
        <v>7068</v>
      </c>
      <c r="K28135" s="9">
        <v>62</v>
      </c>
      <c r="L28135" s="6" t="s">
        <v>4773</v>
      </c>
    </row>
    <row r="28136" spans="1:12">
      <c r="A28136" s="6" t="s">
        <v>28816</v>
      </c>
      <c r="B28136" s="6"/>
      <c r="C28136" s="6" t="s">
        <v>28988</v>
      </c>
      <c r="D28136" s="6"/>
      <c r="E28136" s="6" t="s">
        <v>18740</v>
      </c>
      <c r="F28136" s="7"/>
      <c r="G28136" s="8">
        <v>81792</v>
      </c>
      <c r="H28136" s="8">
        <v>81792</v>
      </c>
      <c r="I28136" s="8">
        <v>0</v>
      </c>
      <c r="J28136" s="8">
        <v>81792</v>
      </c>
      <c r="K28136" s="9">
        <v>16</v>
      </c>
      <c r="L28136" s="6" t="s">
        <v>23</v>
      </c>
    </row>
    <row r="28137" spans="1:12">
      <c r="A28137" s="6" t="s">
        <v>28816</v>
      </c>
      <c r="B28137" s="6"/>
      <c r="C28137" s="6" t="s">
        <v>28989</v>
      </c>
      <c r="D28137" s="6"/>
      <c r="E28137" s="6" t="s">
        <v>18740</v>
      </c>
      <c r="F28137" s="7"/>
      <c r="G28137" s="8">
        <v>2964</v>
      </c>
      <c r="H28137" s="8">
        <v>2964</v>
      </c>
      <c r="I28137" s="8">
        <v>0</v>
      </c>
      <c r="J28137" s="8">
        <v>2964</v>
      </c>
      <c r="K28137" s="9">
        <v>26</v>
      </c>
      <c r="L28137" s="6" t="s">
        <v>4773</v>
      </c>
    </row>
    <row r="28138" spans="1:12">
      <c r="A28138" s="6" t="s">
        <v>28816</v>
      </c>
      <c r="B28138" s="6"/>
      <c r="C28138" s="6" t="s">
        <v>28990</v>
      </c>
      <c r="D28138" s="6"/>
      <c r="E28138" s="6" t="s">
        <v>18740</v>
      </c>
      <c r="F28138" s="7"/>
      <c r="G28138" s="8">
        <v>7524</v>
      </c>
      <c r="H28138" s="8">
        <v>7524</v>
      </c>
      <c r="I28138" s="8">
        <v>0</v>
      </c>
      <c r="J28138" s="8">
        <v>7524</v>
      </c>
      <c r="K28138" s="9">
        <v>66</v>
      </c>
      <c r="L28138" s="6" t="s">
        <v>4773</v>
      </c>
    </row>
    <row r="28139" spans="1:12">
      <c r="A28139" s="6" t="s">
        <v>28816</v>
      </c>
      <c r="B28139" s="6"/>
      <c r="C28139" s="6" t="s">
        <v>28991</v>
      </c>
      <c r="D28139" s="6"/>
      <c r="E28139" s="6" t="s">
        <v>18740</v>
      </c>
      <c r="F28139" s="7"/>
      <c r="G28139" s="8">
        <v>376</v>
      </c>
      <c r="H28139" s="8">
        <v>376</v>
      </c>
      <c r="I28139" s="8">
        <v>0</v>
      </c>
      <c r="J28139" s="8">
        <v>376</v>
      </c>
      <c r="K28139" s="9">
        <v>3.3</v>
      </c>
      <c r="L28139" s="6" t="s">
        <v>4773</v>
      </c>
    </row>
    <row r="28140" spans="1:12">
      <c r="A28140" s="6" t="s">
        <v>28816</v>
      </c>
      <c r="B28140" s="6"/>
      <c r="C28140" s="6" t="s">
        <v>28992</v>
      </c>
      <c r="D28140" s="6"/>
      <c r="E28140" s="6" t="s">
        <v>18740</v>
      </c>
      <c r="F28140" s="7"/>
      <c r="G28140" s="8">
        <v>28614</v>
      </c>
      <c r="H28140" s="8">
        <v>28614</v>
      </c>
      <c r="I28140" s="8">
        <v>0</v>
      </c>
      <c r="J28140" s="8">
        <v>28614</v>
      </c>
      <c r="K28140" s="9">
        <v>251</v>
      </c>
      <c r="L28140" s="6" t="s">
        <v>4773</v>
      </c>
    </row>
    <row r="28141" spans="1:12">
      <c r="A28141" s="6" t="s">
        <v>28816</v>
      </c>
      <c r="B28141" s="6"/>
      <c r="C28141" s="6" t="s">
        <v>28993</v>
      </c>
      <c r="D28141" s="6"/>
      <c r="E28141" s="6" t="s">
        <v>18740</v>
      </c>
      <c r="F28141" s="7"/>
      <c r="G28141" s="8">
        <v>753</v>
      </c>
      <c r="H28141" s="8">
        <v>753</v>
      </c>
      <c r="I28141" s="8">
        <v>0</v>
      </c>
      <c r="J28141" s="8">
        <v>753</v>
      </c>
      <c r="K28141" s="9">
        <v>6.61</v>
      </c>
      <c r="L28141" s="6" t="s">
        <v>4773</v>
      </c>
    </row>
    <row r="28142" spans="1:12">
      <c r="A28142" s="6" t="s">
        <v>28816</v>
      </c>
      <c r="B28142" s="6"/>
      <c r="C28142" s="6" t="s">
        <v>28994</v>
      </c>
      <c r="D28142" s="6"/>
      <c r="E28142" s="6" t="s">
        <v>18740</v>
      </c>
      <c r="F28142" s="7"/>
      <c r="G28142" s="8">
        <v>1824</v>
      </c>
      <c r="H28142" s="8">
        <v>1824</v>
      </c>
      <c r="I28142" s="8">
        <v>0</v>
      </c>
      <c r="J28142" s="8">
        <v>1824</v>
      </c>
      <c r="K28142" s="9">
        <v>16</v>
      </c>
      <c r="L28142" s="6" t="s">
        <v>4773</v>
      </c>
    </row>
    <row r="28143" spans="1:12">
      <c r="A28143" s="6" t="s">
        <v>28816</v>
      </c>
      <c r="B28143" s="6"/>
      <c r="C28143" s="6" t="s">
        <v>28995</v>
      </c>
      <c r="D28143" s="6"/>
      <c r="E28143" s="6" t="s">
        <v>18740</v>
      </c>
      <c r="F28143" s="7"/>
      <c r="G28143" s="8">
        <v>31578</v>
      </c>
      <c r="H28143" s="8">
        <v>31578</v>
      </c>
      <c r="I28143" s="8">
        <v>0</v>
      </c>
      <c r="J28143" s="8">
        <v>31578</v>
      </c>
      <c r="K28143" s="9">
        <v>277</v>
      </c>
      <c r="L28143" s="6" t="s">
        <v>4773</v>
      </c>
    </row>
    <row r="28144" spans="1:12">
      <c r="A28144" s="6" t="s">
        <v>28816</v>
      </c>
      <c r="B28144" s="6"/>
      <c r="C28144" s="6" t="s">
        <v>28996</v>
      </c>
      <c r="D28144" s="6"/>
      <c r="E28144" s="6" t="s">
        <v>18740</v>
      </c>
      <c r="F28144" s="7"/>
      <c r="G28144" s="8">
        <v>8664</v>
      </c>
      <c r="H28144" s="8">
        <v>8664</v>
      </c>
      <c r="I28144" s="8">
        <v>0</v>
      </c>
      <c r="J28144" s="8">
        <v>8664</v>
      </c>
      <c r="K28144" s="9">
        <v>76</v>
      </c>
      <c r="L28144" s="6" t="s">
        <v>4773</v>
      </c>
    </row>
    <row r="28145" spans="1:12">
      <c r="A28145" s="6" t="s">
        <v>28816</v>
      </c>
      <c r="B28145" s="6"/>
      <c r="C28145" s="6" t="s">
        <v>28997</v>
      </c>
      <c r="D28145" s="6"/>
      <c r="E28145" s="6" t="s">
        <v>18740</v>
      </c>
      <c r="F28145" s="7"/>
      <c r="G28145" s="8">
        <v>5928</v>
      </c>
      <c r="H28145" s="8">
        <v>5928</v>
      </c>
      <c r="I28145" s="8">
        <v>0</v>
      </c>
      <c r="J28145" s="8">
        <v>5928</v>
      </c>
      <c r="K28145" s="9">
        <v>52</v>
      </c>
      <c r="L28145" s="6" t="s">
        <v>4773</v>
      </c>
    </row>
    <row r="28146" spans="1:12">
      <c r="A28146" s="6" t="s">
        <v>28816</v>
      </c>
      <c r="B28146" s="6"/>
      <c r="C28146" s="6" t="s">
        <v>28998</v>
      </c>
      <c r="D28146" s="6"/>
      <c r="E28146" s="6" t="s">
        <v>18740</v>
      </c>
      <c r="F28146" s="7"/>
      <c r="G28146" s="8">
        <v>17670</v>
      </c>
      <c r="H28146" s="8">
        <v>17670</v>
      </c>
      <c r="I28146" s="8">
        <v>0</v>
      </c>
      <c r="J28146" s="8">
        <v>17670</v>
      </c>
      <c r="K28146" s="9">
        <v>155</v>
      </c>
      <c r="L28146" s="6" t="s">
        <v>4773</v>
      </c>
    </row>
    <row r="28147" spans="1:12">
      <c r="A28147" s="6" t="s">
        <v>28816</v>
      </c>
      <c r="B28147" s="6"/>
      <c r="C28147" s="6" t="s">
        <v>28999</v>
      </c>
      <c r="D28147" s="6"/>
      <c r="E28147" s="6" t="s">
        <v>18740</v>
      </c>
      <c r="F28147" s="7"/>
      <c r="G28147" s="8">
        <v>3798216</v>
      </c>
      <c r="H28147" s="8">
        <v>3798216</v>
      </c>
      <c r="I28147" s="8">
        <v>0</v>
      </c>
      <c r="J28147" s="8">
        <v>3798216</v>
      </c>
      <c r="K28147" s="9">
        <v>743</v>
      </c>
      <c r="L28147" s="6" t="s">
        <v>23</v>
      </c>
    </row>
    <row r="28148" spans="1:12">
      <c r="A28148" s="6" t="s">
        <v>28816</v>
      </c>
      <c r="B28148" s="6"/>
      <c r="C28148" s="6" t="s">
        <v>29000</v>
      </c>
      <c r="D28148" s="6"/>
      <c r="E28148" s="6" t="s">
        <v>18740</v>
      </c>
      <c r="F28148" s="7"/>
      <c r="G28148" s="8">
        <v>9006</v>
      </c>
      <c r="H28148" s="8">
        <v>9006</v>
      </c>
      <c r="I28148" s="8">
        <v>0</v>
      </c>
      <c r="J28148" s="8">
        <v>9006</v>
      </c>
      <c r="K28148" s="9">
        <v>79</v>
      </c>
      <c r="L28148" s="6" t="s">
        <v>4773</v>
      </c>
    </row>
    <row r="28149" spans="1:12">
      <c r="A28149" s="6" t="s">
        <v>28816</v>
      </c>
      <c r="B28149" s="6"/>
      <c r="C28149" s="6" t="s">
        <v>29001</v>
      </c>
      <c r="D28149" s="6"/>
      <c r="E28149" s="6" t="s">
        <v>18740</v>
      </c>
      <c r="F28149" s="7"/>
      <c r="G28149" s="8">
        <v>9348</v>
      </c>
      <c r="H28149" s="8">
        <v>9348</v>
      </c>
      <c r="I28149" s="8">
        <v>0</v>
      </c>
      <c r="J28149" s="8">
        <v>9348</v>
      </c>
      <c r="K28149" s="9">
        <v>82</v>
      </c>
      <c r="L28149" s="6" t="s">
        <v>4773</v>
      </c>
    </row>
    <row r="28150" spans="1:12">
      <c r="A28150" s="6" t="s">
        <v>28816</v>
      </c>
      <c r="B28150" s="6"/>
      <c r="C28150" s="6" t="s">
        <v>29002</v>
      </c>
      <c r="D28150" s="6"/>
      <c r="E28150" s="6" t="s">
        <v>18740</v>
      </c>
      <c r="F28150" s="7"/>
      <c r="G28150" s="8">
        <v>19494</v>
      </c>
      <c r="H28150" s="8">
        <v>19494</v>
      </c>
      <c r="I28150" s="8">
        <v>0</v>
      </c>
      <c r="J28150" s="8">
        <v>19494</v>
      </c>
      <c r="K28150" s="9">
        <v>171</v>
      </c>
      <c r="L28150" s="6" t="s">
        <v>4773</v>
      </c>
    </row>
    <row r="28151" spans="1:12">
      <c r="A28151" s="6" t="s">
        <v>28816</v>
      </c>
      <c r="B28151" s="6"/>
      <c r="C28151" s="6" t="s">
        <v>29003</v>
      </c>
      <c r="D28151" s="6"/>
      <c r="E28151" s="6" t="s">
        <v>18740</v>
      </c>
      <c r="F28151" s="7"/>
      <c r="G28151" s="8">
        <v>16530</v>
      </c>
      <c r="H28151" s="8">
        <v>16530</v>
      </c>
      <c r="I28151" s="8">
        <v>0</v>
      </c>
      <c r="J28151" s="8">
        <v>16530</v>
      </c>
      <c r="K28151" s="9">
        <v>145</v>
      </c>
      <c r="L28151" s="6" t="s">
        <v>4773</v>
      </c>
    </row>
    <row r="28152" spans="1:12">
      <c r="A28152" s="6" t="s">
        <v>28816</v>
      </c>
      <c r="B28152" s="6"/>
      <c r="C28152" s="6" t="s">
        <v>29004</v>
      </c>
      <c r="D28152" s="6"/>
      <c r="E28152" s="6" t="s">
        <v>18740</v>
      </c>
      <c r="F28152" s="7"/>
      <c r="G28152" s="8">
        <v>1482</v>
      </c>
      <c r="H28152" s="8">
        <v>1482</v>
      </c>
      <c r="I28152" s="8">
        <v>0</v>
      </c>
      <c r="J28152" s="8">
        <v>1482</v>
      </c>
      <c r="K28152" s="9">
        <v>13</v>
      </c>
      <c r="L28152" s="6" t="s">
        <v>4773</v>
      </c>
    </row>
    <row r="28153" spans="1:12">
      <c r="A28153" s="6" t="s">
        <v>28816</v>
      </c>
      <c r="B28153" s="6"/>
      <c r="C28153" s="6" t="s">
        <v>29005</v>
      </c>
      <c r="D28153" s="6"/>
      <c r="E28153" s="6" t="s">
        <v>18740</v>
      </c>
      <c r="F28153" s="7"/>
      <c r="G28153" s="8">
        <v>753</v>
      </c>
      <c r="H28153" s="8">
        <v>753</v>
      </c>
      <c r="I28153" s="8">
        <v>0</v>
      </c>
      <c r="J28153" s="8">
        <v>753</v>
      </c>
      <c r="K28153" s="9">
        <v>6.61</v>
      </c>
      <c r="L28153" s="6" t="s">
        <v>4773</v>
      </c>
    </row>
    <row r="28154" spans="1:12">
      <c r="A28154" s="6" t="s">
        <v>28816</v>
      </c>
      <c r="B28154" s="6"/>
      <c r="C28154" s="6" t="s">
        <v>29006</v>
      </c>
      <c r="D28154" s="6"/>
      <c r="E28154" s="6" t="s">
        <v>18740</v>
      </c>
      <c r="F28154" s="7"/>
      <c r="G28154" s="8">
        <v>58026</v>
      </c>
      <c r="H28154" s="8">
        <v>58026</v>
      </c>
      <c r="I28154" s="8">
        <v>0</v>
      </c>
      <c r="J28154" s="8">
        <v>58026</v>
      </c>
      <c r="K28154" s="9">
        <v>509</v>
      </c>
      <c r="L28154" s="6" t="s">
        <v>4773</v>
      </c>
    </row>
    <row r="28155" spans="1:12">
      <c r="A28155" s="6" t="s">
        <v>28816</v>
      </c>
      <c r="B28155" s="6"/>
      <c r="C28155" s="6" t="s">
        <v>29007</v>
      </c>
      <c r="D28155" s="6"/>
      <c r="E28155" s="6" t="s">
        <v>18740</v>
      </c>
      <c r="F28155" s="7"/>
      <c r="G28155" s="8">
        <v>2044499</v>
      </c>
      <c r="H28155" s="8">
        <v>2044499</v>
      </c>
      <c r="I28155" s="8">
        <v>0</v>
      </c>
      <c r="J28155" s="8">
        <v>2044499</v>
      </c>
      <c r="K28155" s="9">
        <v>106.44</v>
      </c>
      <c r="L28155" s="6" t="s">
        <v>10</v>
      </c>
    </row>
    <row r="28156" spans="1:12">
      <c r="A28156" s="6" t="s">
        <v>28816</v>
      </c>
      <c r="B28156" s="6"/>
      <c r="C28156" s="6" t="s">
        <v>29008</v>
      </c>
      <c r="D28156" s="6"/>
      <c r="E28156" s="6" t="s">
        <v>18740</v>
      </c>
      <c r="F28156" s="7"/>
      <c r="G28156" s="8">
        <v>67830</v>
      </c>
      <c r="H28156" s="8">
        <v>67830</v>
      </c>
      <c r="I28156" s="8">
        <v>0</v>
      </c>
      <c r="J28156" s="8">
        <v>67830</v>
      </c>
      <c r="K28156" s="9">
        <v>595</v>
      </c>
      <c r="L28156" s="6" t="s">
        <v>4773</v>
      </c>
    </row>
    <row r="28157" spans="1:12">
      <c r="A28157" s="6" t="s">
        <v>28816</v>
      </c>
      <c r="B28157" s="6"/>
      <c r="C28157" s="6" t="s">
        <v>29009</v>
      </c>
      <c r="D28157" s="6"/>
      <c r="E28157" s="6" t="s">
        <v>18740</v>
      </c>
      <c r="F28157" s="7"/>
      <c r="G28157" s="8">
        <v>106362</v>
      </c>
      <c r="H28157" s="8">
        <v>106362</v>
      </c>
      <c r="I28157" s="8">
        <v>0</v>
      </c>
      <c r="J28157" s="8">
        <v>106362</v>
      </c>
      <c r="K28157" s="9">
        <v>933</v>
      </c>
      <c r="L28157" s="6" t="s">
        <v>4773</v>
      </c>
    </row>
    <row r="28158" spans="1:12">
      <c r="A28158" s="6" t="s">
        <v>29010</v>
      </c>
      <c r="B28158" s="6"/>
      <c r="C28158" s="6" t="s">
        <v>29011</v>
      </c>
      <c r="D28158" s="6"/>
      <c r="E28158" s="6" t="s">
        <v>9</v>
      </c>
      <c r="F28158" s="7"/>
      <c r="G28158" s="8">
        <v>1</v>
      </c>
      <c r="H28158" s="8">
        <v>1</v>
      </c>
      <c r="I28158" s="8">
        <v>0</v>
      </c>
      <c r="J28158" s="8">
        <v>1</v>
      </c>
      <c r="K28158" s="9">
        <v>85</v>
      </c>
      <c r="L28158" s="6" t="s">
        <v>51</v>
      </c>
    </row>
    <row r="28159" spans="1:12">
      <c r="A28159" s="6" t="s">
        <v>29010</v>
      </c>
      <c r="B28159" s="6"/>
      <c r="C28159" s="6" t="s">
        <v>29012</v>
      </c>
      <c r="D28159" s="6"/>
      <c r="E28159" s="6" t="s">
        <v>9</v>
      </c>
      <c r="F28159" s="7"/>
      <c r="G28159" s="8">
        <v>1</v>
      </c>
      <c r="H28159" s="8">
        <v>1</v>
      </c>
      <c r="I28159" s="8">
        <v>0</v>
      </c>
      <c r="J28159" s="8">
        <v>1</v>
      </c>
      <c r="K28159" s="9">
        <v>23</v>
      </c>
      <c r="L28159" s="6" t="s">
        <v>51</v>
      </c>
    </row>
    <row r="28160" spans="1:12">
      <c r="A28160" s="6" t="s">
        <v>29010</v>
      </c>
      <c r="B28160" s="6"/>
      <c r="C28160" s="6" t="s">
        <v>29013</v>
      </c>
      <c r="D28160" s="6"/>
      <c r="E28160" s="6" t="s">
        <v>9</v>
      </c>
      <c r="F28160" s="7"/>
      <c r="G28160" s="8">
        <v>1</v>
      </c>
      <c r="H28160" s="8">
        <v>1</v>
      </c>
      <c r="I28160" s="8">
        <v>0</v>
      </c>
      <c r="J28160" s="8">
        <v>1</v>
      </c>
      <c r="K28160" s="9">
        <v>82</v>
      </c>
      <c r="L28160" s="6" t="s">
        <v>51</v>
      </c>
    </row>
    <row r="28161" spans="1:12">
      <c r="A28161" s="6" t="s">
        <v>29010</v>
      </c>
      <c r="B28161" s="6"/>
      <c r="C28161" s="6" t="s">
        <v>29014</v>
      </c>
      <c r="D28161" s="6"/>
      <c r="E28161" s="6" t="s">
        <v>9</v>
      </c>
      <c r="F28161" s="7"/>
      <c r="G28161" s="8">
        <v>1</v>
      </c>
      <c r="H28161" s="8">
        <v>1</v>
      </c>
      <c r="I28161" s="8">
        <v>0</v>
      </c>
      <c r="J28161" s="8">
        <v>1</v>
      </c>
      <c r="K28161" s="9">
        <v>79</v>
      </c>
      <c r="L28161" s="6" t="s">
        <v>51</v>
      </c>
    </row>
    <row r="28162" spans="1:12">
      <c r="A28162" s="6" t="s">
        <v>29010</v>
      </c>
      <c r="B28162" s="6"/>
      <c r="C28162" s="6" t="s">
        <v>29015</v>
      </c>
      <c r="D28162" s="6"/>
      <c r="E28162" s="6" t="s">
        <v>9</v>
      </c>
      <c r="F28162" s="7"/>
      <c r="G28162" s="8">
        <v>1</v>
      </c>
      <c r="H28162" s="8">
        <v>1</v>
      </c>
      <c r="I28162" s="8">
        <v>0</v>
      </c>
      <c r="J28162" s="8">
        <v>1</v>
      </c>
      <c r="K28162" s="9">
        <v>85</v>
      </c>
      <c r="L28162" s="6" t="s">
        <v>51</v>
      </c>
    </row>
    <row r="28163" spans="1:12">
      <c r="A28163" s="6" t="s">
        <v>29010</v>
      </c>
      <c r="B28163" s="6"/>
      <c r="C28163" s="6" t="s">
        <v>29016</v>
      </c>
      <c r="D28163" s="6"/>
      <c r="E28163" s="6" t="s">
        <v>9</v>
      </c>
      <c r="F28163" s="7"/>
      <c r="G28163" s="8">
        <v>1</v>
      </c>
      <c r="H28163" s="8">
        <v>1</v>
      </c>
      <c r="I28163" s="8">
        <v>0</v>
      </c>
      <c r="J28163" s="8">
        <v>1</v>
      </c>
      <c r="K28163" s="9">
        <v>52</v>
      </c>
      <c r="L28163" s="6" t="s">
        <v>51</v>
      </c>
    </row>
    <row r="28164" spans="1:12">
      <c r="A28164" s="6" t="s">
        <v>29010</v>
      </c>
      <c r="B28164" s="6"/>
      <c r="C28164" s="6" t="s">
        <v>29017</v>
      </c>
      <c r="D28164" s="6"/>
      <c r="E28164" s="6" t="s">
        <v>9</v>
      </c>
      <c r="F28164" s="7"/>
      <c r="G28164" s="8">
        <v>1</v>
      </c>
      <c r="H28164" s="8">
        <v>1</v>
      </c>
      <c r="I28164" s="8">
        <v>0</v>
      </c>
      <c r="J28164" s="8">
        <v>1</v>
      </c>
      <c r="K28164" s="9">
        <v>36</v>
      </c>
      <c r="L28164" s="6" t="s">
        <v>51</v>
      </c>
    </row>
    <row r="28165" spans="1:12">
      <c r="A28165" s="6" t="s">
        <v>29010</v>
      </c>
      <c r="B28165" s="6"/>
      <c r="C28165" s="6" t="s">
        <v>29018</v>
      </c>
      <c r="D28165" s="6"/>
      <c r="E28165" s="6" t="s">
        <v>9</v>
      </c>
      <c r="F28165" s="7"/>
      <c r="G28165" s="8">
        <v>1</v>
      </c>
      <c r="H28165" s="8">
        <v>1</v>
      </c>
      <c r="I28165" s="8">
        <v>0</v>
      </c>
      <c r="J28165" s="8">
        <v>1</v>
      </c>
      <c r="K28165" s="9">
        <v>99</v>
      </c>
      <c r="L28165" s="6" t="s">
        <v>51</v>
      </c>
    </row>
    <row r="28166" spans="1:12">
      <c r="A28166" s="6" t="s">
        <v>29010</v>
      </c>
      <c r="B28166" s="6"/>
      <c r="C28166" s="6" t="s">
        <v>29019</v>
      </c>
      <c r="D28166" s="6"/>
      <c r="E28166" s="6" t="s">
        <v>9</v>
      </c>
      <c r="F28166" s="7"/>
      <c r="G28166" s="8">
        <v>1</v>
      </c>
      <c r="H28166" s="8">
        <v>1</v>
      </c>
      <c r="I28166" s="8">
        <v>0</v>
      </c>
      <c r="J28166" s="8">
        <v>1</v>
      </c>
      <c r="K28166" s="9">
        <v>62</v>
      </c>
      <c r="L28166" s="6" t="s">
        <v>51</v>
      </c>
    </row>
    <row r="28167" spans="1:12">
      <c r="A28167" s="6" t="s">
        <v>29010</v>
      </c>
      <c r="B28167" s="6"/>
      <c r="C28167" s="6" t="s">
        <v>29020</v>
      </c>
      <c r="D28167" s="6"/>
      <c r="E28167" s="6" t="s">
        <v>9</v>
      </c>
      <c r="F28167" s="7"/>
      <c r="G28167" s="8">
        <v>1</v>
      </c>
      <c r="H28167" s="8">
        <v>1</v>
      </c>
      <c r="I28167" s="8">
        <v>0</v>
      </c>
      <c r="J28167" s="8">
        <v>1</v>
      </c>
      <c r="K28167" s="9">
        <v>82</v>
      </c>
      <c r="L28167" s="6" t="s">
        <v>51</v>
      </c>
    </row>
    <row r="28168" spans="1:12">
      <c r="A28168" s="6" t="s">
        <v>29010</v>
      </c>
      <c r="B28168" s="6"/>
      <c r="C28168" s="6" t="s">
        <v>29021</v>
      </c>
      <c r="D28168" s="6"/>
      <c r="E28168" s="6" t="s">
        <v>9</v>
      </c>
      <c r="F28168" s="7"/>
      <c r="G28168" s="8">
        <v>1</v>
      </c>
      <c r="H28168" s="8">
        <v>1</v>
      </c>
      <c r="I28168" s="8">
        <v>0</v>
      </c>
      <c r="J28168" s="8">
        <v>1</v>
      </c>
      <c r="K28168" s="9">
        <v>99</v>
      </c>
      <c r="L28168" s="6" t="s">
        <v>51</v>
      </c>
    </row>
    <row r="28169" spans="1:12">
      <c r="A28169" s="6" t="s">
        <v>29010</v>
      </c>
      <c r="B28169" s="6"/>
      <c r="C28169" s="6" t="s">
        <v>29022</v>
      </c>
      <c r="D28169" s="6"/>
      <c r="E28169" s="6" t="s">
        <v>9</v>
      </c>
      <c r="F28169" s="7"/>
      <c r="G28169" s="8">
        <v>1</v>
      </c>
      <c r="H28169" s="8">
        <v>1</v>
      </c>
      <c r="I28169" s="8">
        <v>0</v>
      </c>
      <c r="J28169" s="8">
        <v>1</v>
      </c>
      <c r="K28169" s="9">
        <v>76</v>
      </c>
      <c r="L28169" s="6" t="s">
        <v>51</v>
      </c>
    </row>
    <row r="28170" spans="1:12">
      <c r="A28170" s="6" t="s">
        <v>29010</v>
      </c>
      <c r="B28170" s="6"/>
      <c r="C28170" s="6" t="s">
        <v>29023</v>
      </c>
      <c r="D28170" s="6"/>
      <c r="E28170" s="6" t="s">
        <v>9</v>
      </c>
      <c r="F28170" s="7"/>
      <c r="G28170" s="8">
        <v>1</v>
      </c>
      <c r="H28170" s="8">
        <v>1</v>
      </c>
      <c r="I28170" s="8">
        <v>0</v>
      </c>
      <c r="J28170" s="8">
        <v>1</v>
      </c>
      <c r="K28170" s="9">
        <v>26</v>
      </c>
      <c r="L28170" s="6" t="s">
        <v>51</v>
      </c>
    </row>
    <row r="28171" spans="1:12">
      <c r="A28171" s="6" t="s">
        <v>29010</v>
      </c>
      <c r="B28171" s="6"/>
      <c r="C28171" s="6" t="s">
        <v>29024</v>
      </c>
      <c r="D28171" s="6"/>
      <c r="E28171" s="6" t="s">
        <v>9</v>
      </c>
      <c r="F28171" s="7"/>
      <c r="G28171" s="8">
        <v>1</v>
      </c>
      <c r="H28171" s="8">
        <v>1</v>
      </c>
      <c r="I28171" s="8">
        <v>0</v>
      </c>
      <c r="J28171" s="8">
        <v>1</v>
      </c>
      <c r="K28171" s="9">
        <v>59</v>
      </c>
      <c r="L28171" s="6" t="s">
        <v>51</v>
      </c>
    </row>
    <row r="28172" spans="1:12">
      <c r="A28172" s="6" t="s">
        <v>29010</v>
      </c>
      <c r="B28172" s="6"/>
      <c r="C28172" s="6" t="s">
        <v>29025</v>
      </c>
      <c r="D28172" s="6"/>
      <c r="E28172" s="6" t="s">
        <v>9</v>
      </c>
      <c r="F28172" s="7"/>
      <c r="G28172" s="8">
        <v>1</v>
      </c>
      <c r="H28172" s="8">
        <v>1</v>
      </c>
      <c r="I28172" s="8">
        <v>0</v>
      </c>
      <c r="J28172" s="8">
        <v>1</v>
      </c>
      <c r="K28172" s="9">
        <v>9.91</v>
      </c>
      <c r="L28172" s="6" t="s">
        <v>51</v>
      </c>
    </row>
    <row r="28173" spans="1:12">
      <c r="A28173" s="6" t="s">
        <v>29010</v>
      </c>
      <c r="B28173" s="6"/>
      <c r="C28173" s="6" t="s">
        <v>29026</v>
      </c>
      <c r="D28173" s="6"/>
      <c r="E28173" s="6" t="s">
        <v>9</v>
      </c>
      <c r="F28173" s="7"/>
      <c r="G28173" s="8">
        <v>1</v>
      </c>
      <c r="H28173" s="8">
        <v>1</v>
      </c>
      <c r="I28173" s="8">
        <v>0</v>
      </c>
      <c r="J28173" s="8">
        <v>1</v>
      </c>
      <c r="K28173" s="9">
        <v>79</v>
      </c>
      <c r="L28173" s="6" t="s">
        <v>51</v>
      </c>
    </row>
    <row r="28174" spans="1:12">
      <c r="A28174" s="6" t="s">
        <v>29010</v>
      </c>
      <c r="B28174" s="6"/>
      <c r="C28174" s="6" t="s">
        <v>29027</v>
      </c>
      <c r="D28174" s="6"/>
      <c r="E28174" s="6" t="s">
        <v>9</v>
      </c>
      <c r="F28174" s="7"/>
      <c r="G28174" s="8">
        <v>1</v>
      </c>
      <c r="H28174" s="8">
        <v>1</v>
      </c>
      <c r="I28174" s="8">
        <v>0</v>
      </c>
      <c r="J28174" s="8">
        <v>1</v>
      </c>
      <c r="K28174" s="9">
        <v>69</v>
      </c>
      <c r="L28174" s="6" t="s">
        <v>51</v>
      </c>
    </row>
    <row r="28175" spans="1:12">
      <c r="A28175" s="6" t="s">
        <v>29010</v>
      </c>
      <c r="B28175" s="6"/>
      <c r="C28175" s="6" t="s">
        <v>29028</v>
      </c>
      <c r="D28175" s="6"/>
      <c r="E28175" s="6" t="s">
        <v>9</v>
      </c>
      <c r="F28175" s="7"/>
      <c r="G28175" s="8">
        <v>1</v>
      </c>
      <c r="H28175" s="8">
        <v>1</v>
      </c>
      <c r="I28175" s="8">
        <v>0</v>
      </c>
      <c r="J28175" s="8">
        <v>1</v>
      </c>
      <c r="K28175" s="9">
        <v>16</v>
      </c>
      <c r="L28175" s="6" t="s">
        <v>51</v>
      </c>
    </row>
    <row r="28176" spans="1:12">
      <c r="A28176" s="6" t="s">
        <v>29010</v>
      </c>
      <c r="B28176" s="6"/>
      <c r="C28176" s="6" t="s">
        <v>29029</v>
      </c>
      <c r="D28176" s="6"/>
      <c r="E28176" s="6" t="s">
        <v>9</v>
      </c>
      <c r="F28176" s="7"/>
      <c r="G28176" s="8">
        <v>1</v>
      </c>
      <c r="H28176" s="8">
        <v>1</v>
      </c>
      <c r="I28176" s="8">
        <v>0</v>
      </c>
      <c r="J28176" s="8">
        <v>1</v>
      </c>
      <c r="K28176" s="9">
        <v>23</v>
      </c>
      <c r="L28176" s="6" t="s">
        <v>51</v>
      </c>
    </row>
    <row r="28177" spans="1:12">
      <c r="A28177" s="6" t="s">
        <v>29010</v>
      </c>
      <c r="B28177" s="6"/>
      <c r="C28177" s="6" t="s">
        <v>29030</v>
      </c>
      <c r="D28177" s="6"/>
      <c r="E28177" s="6" t="s">
        <v>9</v>
      </c>
      <c r="F28177" s="7"/>
      <c r="G28177" s="8">
        <v>1</v>
      </c>
      <c r="H28177" s="8">
        <v>1</v>
      </c>
      <c r="I28177" s="8">
        <v>0</v>
      </c>
      <c r="J28177" s="8">
        <v>1</v>
      </c>
      <c r="K28177" s="9">
        <v>9.91</v>
      </c>
      <c r="L28177" s="6" t="s">
        <v>51</v>
      </c>
    </row>
    <row r="28178" spans="1:12">
      <c r="A28178" s="6" t="s">
        <v>29010</v>
      </c>
      <c r="B28178" s="6"/>
      <c r="C28178" s="6" t="s">
        <v>29031</v>
      </c>
      <c r="D28178" s="6"/>
      <c r="E28178" s="6" t="s">
        <v>9</v>
      </c>
      <c r="F28178" s="7"/>
      <c r="G28178" s="8">
        <v>1</v>
      </c>
      <c r="H28178" s="8">
        <v>1</v>
      </c>
      <c r="I28178" s="8">
        <v>0</v>
      </c>
      <c r="J28178" s="8">
        <v>1</v>
      </c>
      <c r="K28178" s="9">
        <v>59</v>
      </c>
      <c r="L28178" s="6" t="s">
        <v>51</v>
      </c>
    </row>
    <row r="28179" spans="1:12">
      <c r="A28179" s="6" t="s">
        <v>29010</v>
      </c>
      <c r="B28179" s="6"/>
      <c r="C28179" s="6" t="s">
        <v>29032</v>
      </c>
      <c r="D28179" s="6"/>
      <c r="E28179" s="6" t="s">
        <v>9</v>
      </c>
      <c r="F28179" s="7"/>
      <c r="G28179" s="8">
        <v>1</v>
      </c>
      <c r="H28179" s="8">
        <v>1</v>
      </c>
      <c r="I28179" s="8">
        <v>0</v>
      </c>
      <c r="J28179" s="8">
        <v>1</v>
      </c>
      <c r="K28179" s="9">
        <v>3.3</v>
      </c>
      <c r="L28179" s="6" t="s">
        <v>51</v>
      </c>
    </row>
    <row r="28180" spans="1:12">
      <c r="A28180" s="6" t="s">
        <v>29010</v>
      </c>
      <c r="B28180" s="6"/>
      <c r="C28180" s="6" t="s">
        <v>29033</v>
      </c>
      <c r="D28180" s="6"/>
      <c r="E28180" s="6" t="s">
        <v>9</v>
      </c>
      <c r="F28180" s="7"/>
      <c r="G28180" s="8">
        <v>1</v>
      </c>
      <c r="H28180" s="8">
        <v>1</v>
      </c>
      <c r="I28180" s="8">
        <v>0</v>
      </c>
      <c r="J28180" s="8">
        <v>1</v>
      </c>
      <c r="K28180" s="9">
        <v>3.3</v>
      </c>
      <c r="L28180" s="6" t="s">
        <v>51</v>
      </c>
    </row>
    <row r="28181" spans="1:12">
      <c r="A28181" s="6" t="s">
        <v>29010</v>
      </c>
      <c r="B28181" s="6"/>
      <c r="C28181" s="6" t="s">
        <v>29034</v>
      </c>
      <c r="D28181" s="6"/>
      <c r="E28181" s="6" t="s">
        <v>9</v>
      </c>
      <c r="F28181" s="7"/>
      <c r="G28181" s="8">
        <v>1</v>
      </c>
      <c r="H28181" s="8">
        <v>1</v>
      </c>
      <c r="I28181" s="8">
        <v>0</v>
      </c>
      <c r="J28181" s="8">
        <v>1</v>
      </c>
      <c r="K28181" s="9">
        <v>13</v>
      </c>
      <c r="L28181" s="6" t="s">
        <v>51</v>
      </c>
    </row>
    <row r="28182" spans="1:12">
      <c r="A28182" s="6" t="s">
        <v>29010</v>
      </c>
      <c r="B28182" s="6"/>
      <c r="C28182" s="6" t="s">
        <v>29035</v>
      </c>
      <c r="D28182" s="6"/>
      <c r="E28182" s="6" t="s">
        <v>9</v>
      </c>
      <c r="F28182" s="7"/>
      <c r="G28182" s="8">
        <v>1</v>
      </c>
      <c r="H28182" s="8">
        <v>1</v>
      </c>
      <c r="I28182" s="8">
        <v>0</v>
      </c>
      <c r="J28182" s="8">
        <v>1</v>
      </c>
      <c r="K28182" s="9">
        <v>39</v>
      </c>
      <c r="L28182" s="6" t="s">
        <v>51</v>
      </c>
    </row>
    <row r="28183" spans="1:12">
      <c r="A28183" s="6" t="s">
        <v>29010</v>
      </c>
      <c r="B28183" s="6"/>
      <c r="C28183" s="6" t="s">
        <v>29036</v>
      </c>
      <c r="D28183" s="6"/>
      <c r="E28183" s="6" t="s">
        <v>9</v>
      </c>
      <c r="F28183" s="7"/>
      <c r="G28183" s="8">
        <v>1</v>
      </c>
      <c r="H28183" s="8">
        <v>1</v>
      </c>
      <c r="I28183" s="8">
        <v>0</v>
      </c>
      <c r="J28183" s="8">
        <v>1</v>
      </c>
      <c r="K28183" s="9">
        <v>26</v>
      </c>
      <c r="L28183" s="6" t="s">
        <v>51</v>
      </c>
    </row>
    <row r="28184" spans="1:12">
      <c r="A28184" s="6" t="s">
        <v>29010</v>
      </c>
      <c r="B28184" s="6"/>
      <c r="C28184" s="6" t="s">
        <v>29037</v>
      </c>
      <c r="D28184" s="6"/>
      <c r="E28184" s="6" t="s">
        <v>9</v>
      </c>
      <c r="F28184" s="7"/>
      <c r="G28184" s="8">
        <v>1</v>
      </c>
      <c r="H28184" s="8">
        <v>1</v>
      </c>
      <c r="I28184" s="8">
        <v>0</v>
      </c>
      <c r="J28184" s="8">
        <v>1</v>
      </c>
      <c r="K28184" s="9">
        <v>138</v>
      </c>
      <c r="L28184" s="6" t="s">
        <v>51</v>
      </c>
    </row>
    <row r="28185" spans="1:12">
      <c r="A28185" s="6" t="s">
        <v>29010</v>
      </c>
      <c r="B28185" s="6"/>
      <c r="C28185" s="6" t="s">
        <v>29038</v>
      </c>
      <c r="D28185" s="6"/>
      <c r="E28185" s="6" t="s">
        <v>9</v>
      </c>
      <c r="F28185" s="7"/>
      <c r="G28185" s="8">
        <v>1</v>
      </c>
      <c r="H28185" s="8">
        <v>1</v>
      </c>
      <c r="I28185" s="8">
        <v>0</v>
      </c>
      <c r="J28185" s="8">
        <v>1</v>
      </c>
      <c r="K28185" s="9">
        <v>3.3</v>
      </c>
      <c r="L28185" s="6" t="s">
        <v>51</v>
      </c>
    </row>
    <row r="28186" spans="1:12">
      <c r="A28186" s="6" t="s">
        <v>29010</v>
      </c>
      <c r="B28186" s="6"/>
      <c r="C28186" s="6" t="s">
        <v>29039</v>
      </c>
      <c r="D28186" s="6"/>
      <c r="E28186" s="6" t="s">
        <v>9</v>
      </c>
      <c r="F28186" s="7"/>
      <c r="G28186" s="8">
        <v>1</v>
      </c>
      <c r="H28186" s="8">
        <v>1</v>
      </c>
      <c r="I28186" s="8">
        <v>0</v>
      </c>
      <c r="J28186" s="8">
        <v>1</v>
      </c>
      <c r="K28186" s="9">
        <v>59</v>
      </c>
      <c r="L28186" s="6" t="s">
        <v>51</v>
      </c>
    </row>
    <row r="28187" spans="1:12">
      <c r="A28187" s="6" t="s">
        <v>29010</v>
      </c>
      <c r="B28187" s="6"/>
      <c r="C28187" s="6" t="s">
        <v>29040</v>
      </c>
      <c r="D28187" s="6"/>
      <c r="E28187" s="6" t="s">
        <v>9</v>
      </c>
      <c r="F28187" s="7"/>
      <c r="G28187" s="8">
        <v>1</v>
      </c>
      <c r="H28187" s="8">
        <v>1</v>
      </c>
      <c r="I28187" s="8">
        <v>0</v>
      </c>
      <c r="J28187" s="8">
        <v>1</v>
      </c>
      <c r="K28187" s="9">
        <v>56</v>
      </c>
      <c r="L28187" s="6" t="s">
        <v>51</v>
      </c>
    </row>
    <row r="28188" spans="1:12">
      <c r="A28188" s="6" t="s">
        <v>29010</v>
      </c>
      <c r="B28188" s="6"/>
      <c r="C28188" s="6" t="s">
        <v>29041</v>
      </c>
      <c r="D28188" s="6"/>
      <c r="E28188" s="6" t="s">
        <v>9</v>
      </c>
      <c r="F28188" s="7"/>
      <c r="G28188" s="8">
        <v>1</v>
      </c>
      <c r="H28188" s="8">
        <v>1</v>
      </c>
      <c r="I28188" s="8">
        <v>0</v>
      </c>
      <c r="J28188" s="8">
        <v>1</v>
      </c>
      <c r="K28188" s="9">
        <v>28</v>
      </c>
      <c r="L28188" s="6" t="s">
        <v>51</v>
      </c>
    </row>
    <row r="28189" spans="1:12">
      <c r="A28189" s="6" t="s">
        <v>29010</v>
      </c>
      <c r="B28189" s="6"/>
      <c r="C28189" s="6" t="s">
        <v>29042</v>
      </c>
      <c r="D28189" s="6"/>
      <c r="E28189" s="6" t="s">
        <v>9</v>
      </c>
      <c r="F28189" s="7"/>
      <c r="G28189" s="8">
        <v>1</v>
      </c>
      <c r="H28189" s="8">
        <v>1</v>
      </c>
      <c r="I28189" s="8">
        <v>0</v>
      </c>
      <c r="J28189" s="8">
        <v>1</v>
      </c>
      <c r="K28189" s="9">
        <v>13</v>
      </c>
      <c r="L28189" s="6" t="s">
        <v>51</v>
      </c>
    </row>
    <row r="28190" spans="1:12">
      <c r="A28190" s="6" t="s">
        <v>29010</v>
      </c>
      <c r="B28190" s="6"/>
      <c r="C28190" s="6" t="s">
        <v>29043</v>
      </c>
      <c r="D28190" s="6"/>
      <c r="E28190" s="6" t="s">
        <v>9</v>
      </c>
      <c r="F28190" s="7"/>
      <c r="G28190" s="8">
        <v>1</v>
      </c>
      <c r="H28190" s="8">
        <v>1</v>
      </c>
      <c r="I28190" s="8">
        <v>0</v>
      </c>
      <c r="J28190" s="8">
        <v>1</v>
      </c>
      <c r="K28190" s="9">
        <v>3.3</v>
      </c>
      <c r="L28190" s="6" t="s">
        <v>51</v>
      </c>
    </row>
    <row r="28191" spans="1:12">
      <c r="A28191" s="6" t="s">
        <v>29010</v>
      </c>
      <c r="B28191" s="6"/>
      <c r="C28191" s="6" t="s">
        <v>29044</v>
      </c>
      <c r="D28191" s="6"/>
      <c r="E28191" s="6" t="s">
        <v>9</v>
      </c>
      <c r="F28191" s="7"/>
      <c r="G28191" s="8">
        <v>1</v>
      </c>
      <c r="H28191" s="8">
        <v>1</v>
      </c>
      <c r="I28191" s="8">
        <v>0</v>
      </c>
      <c r="J28191" s="8">
        <v>1</v>
      </c>
      <c r="K28191" s="9">
        <v>2.57</v>
      </c>
      <c r="L28191" s="6" t="s">
        <v>51</v>
      </c>
    </row>
    <row r="28192" spans="1:12">
      <c r="A28192" s="6" t="s">
        <v>29010</v>
      </c>
      <c r="B28192" s="6"/>
      <c r="C28192" s="6" t="s">
        <v>29045</v>
      </c>
      <c r="D28192" s="6"/>
      <c r="E28192" s="6" t="s">
        <v>9</v>
      </c>
      <c r="F28192" s="7"/>
      <c r="G28192" s="8">
        <v>1</v>
      </c>
      <c r="H28192" s="8">
        <v>1</v>
      </c>
      <c r="I28192" s="8">
        <v>0</v>
      </c>
      <c r="J28192" s="8">
        <v>1</v>
      </c>
      <c r="K28192" s="9">
        <v>46</v>
      </c>
      <c r="L28192" s="6" t="s">
        <v>51</v>
      </c>
    </row>
    <row r="28193" spans="1:12">
      <c r="A28193" s="6" t="s">
        <v>29010</v>
      </c>
      <c r="B28193" s="6"/>
      <c r="C28193" s="6" t="s">
        <v>29046</v>
      </c>
      <c r="D28193" s="6"/>
      <c r="E28193" s="6" t="s">
        <v>9</v>
      </c>
      <c r="F28193" s="7"/>
      <c r="G28193" s="8">
        <v>1</v>
      </c>
      <c r="H28193" s="8">
        <v>1</v>
      </c>
      <c r="I28193" s="8">
        <v>0</v>
      </c>
      <c r="J28193" s="8">
        <v>1</v>
      </c>
      <c r="K28193" s="9">
        <v>9.91</v>
      </c>
      <c r="L28193" s="6" t="s">
        <v>51</v>
      </c>
    </row>
    <row r="28194" spans="1:12">
      <c r="A28194" s="6" t="s">
        <v>29010</v>
      </c>
      <c r="B28194" s="6"/>
      <c r="C28194" s="6" t="s">
        <v>29047</v>
      </c>
      <c r="D28194" s="6"/>
      <c r="E28194" s="6" t="s">
        <v>9</v>
      </c>
      <c r="F28194" s="7"/>
      <c r="G28194" s="8">
        <v>1</v>
      </c>
      <c r="H28194" s="8">
        <v>1</v>
      </c>
      <c r="I28194" s="8">
        <v>0</v>
      </c>
      <c r="J28194" s="8">
        <v>1</v>
      </c>
      <c r="K28194" s="9">
        <v>69</v>
      </c>
      <c r="L28194" s="6" t="s">
        <v>51</v>
      </c>
    </row>
    <row r="28195" spans="1:12">
      <c r="A28195" s="6" t="s">
        <v>29010</v>
      </c>
      <c r="B28195" s="6"/>
      <c r="C28195" s="6" t="s">
        <v>29048</v>
      </c>
      <c r="D28195" s="6"/>
      <c r="E28195" s="6" t="s">
        <v>9</v>
      </c>
      <c r="F28195" s="7"/>
      <c r="G28195" s="8">
        <v>1</v>
      </c>
      <c r="H28195" s="8">
        <v>1</v>
      </c>
      <c r="I28195" s="8">
        <v>0</v>
      </c>
      <c r="J28195" s="8">
        <v>1</v>
      </c>
      <c r="K28195" s="9">
        <v>39</v>
      </c>
      <c r="L28195" s="6" t="s">
        <v>51</v>
      </c>
    </row>
    <row r="28196" spans="1:12">
      <c r="A28196" s="6" t="s">
        <v>29010</v>
      </c>
      <c r="B28196" s="6"/>
      <c r="C28196" s="6" t="s">
        <v>29049</v>
      </c>
      <c r="D28196" s="6"/>
      <c r="E28196" s="6" t="s">
        <v>9</v>
      </c>
      <c r="F28196" s="7"/>
      <c r="G28196" s="8">
        <v>1</v>
      </c>
      <c r="H28196" s="8">
        <v>1</v>
      </c>
      <c r="I28196" s="8">
        <v>0</v>
      </c>
      <c r="J28196" s="8">
        <v>1</v>
      </c>
      <c r="K28196" s="9">
        <v>85</v>
      </c>
      <c r="L28196" s="6" t="s">
        <v>51</v>
      </c>
    </row>
    <row r="28197" spans="1:12">
      <c r="A28197" s="6" t="s">
        <v>29010</v>
      </c>
      <c r="B28197" s="6"/>
      <c r="C28197" s="6" t="s">
        <v>29050</v>
      </c>
      <c r="D28197" s="6"/>
      <c r="E28197" s="6" t="s">
        <v>9</v>
      </c>
      <c r="F28197" s="7"/>
      <c r="G28197" s="8">
        <v>1</v>
      </c>
      <c r="H28197" s="8">
        <v>1</v>
      </c>
      <c r="I28197" s="8">
        <v>0</v>
      </c>
      <c r="J28197" s="8">
        <v>1</v>
      </c>
      <c r="K28197" s="9">
        <v>16</v>
      </c>
      <c r="L28197" s="6" t="s">
        <v>51</v>
      </c>
    </row>
    <row r="28198" spans="1:12">
      <c r="A28198" s="6" t="s">
        <v>29010</v>
      </c>
      <c r="B28198" s="6"/>
      <c r="C28198" s="6" t="s">
        <v>29051</v>
      </c>
      <c r="D28198" s="6"/>
      <c r="E28198" s="6" t="s">
        <v>9</v>
      </c>
      <c r="F28198" s="7"/>
      <c r="G28198" s="8">
        <v>1</v>
      </c>
      <c r="H28198" s="8">
        <v>1</v>
      </c>
      <c r="I28198" s="8">
        <v>0</v>
      </c>
      <c r="J28198" s="8">
        <v>1</v>
      </c>
      <c r="K28198" s="9">
        <v>23</v>
      </c>
      <c r="L28198" s="6" t="s">
        <v>51</v>
      </c>
    </row>
    <row r="28199" spans="1:12">
      <c r="A28199" s="6" t="s">
        <v>29010</v>
      </c>
      <c r="B28199" s="6"/>
      <c r="C28199" s="6" t="s">
        <v>29052</v>
      </c>
      <c r="D28199" s="6"/>
      <c r="E28199" s="6" t="s">
        <v>9</v>
      </c>
      <c r="F28199" s="7"/>
      <c r="G28199" s="8">
        <v>1</v>
      </c>
      <c r="H28199" s="8">
        <v>1</v>
      </c>
      <c r="I28199" s="8">
        <v>0</v>
      </c>
      <c r="J28199" s="8">
        <v>1</v>
      </c>
      <c r="K28199" s="9">
        <v>23</v>
      </c>
      <c r="L28199" s="6" t="s">
        <v>51</v>
      </c>
    </row>
    <row r="28200" spans="1:12">
      <c r="A28200" s="6" t="s">
        <v>29010</v>
      </c>
      <c r="B28200" s="6"/>
      <c r="C28200" s="6" t="s">
        <v>29053</v>
      </c>
      <c r="D28200" s="6"/>
      <c r="E28200" s="6" t="s">
        <v>9</v>
      </c>
      <c r="F28200" s="7"/>
      <c r="G28200" s="8">
        <v>1</v>
      </c>
      <c r="H28200" s="8">
        <v>1</v>
      </c>
      <c r="I28200" s="8">
        <v>0</v>
      </c>
      <c r="J28200" s="8">
        <v>1</v>
      </c>
      <c r="K28200" s="9">
        <v>26</v>
      </c>
      <c r="L28200" s="6" t="s">
        <v>51</v>
      </c>
    </row>
    <row r="28201" spans="1:12">
      <c r="A28201" s="6" t="s">
        <v>29010</v>
      </c>
      <c r="B28201" s="6"/>
      <c r="C28201" s="6" t="s">
        <v>29054</v>
      </c>
      <c r="D28201" s="6"/>
      <c r="E28201" s="6" t="s">
        <v>9</v>
      </c>
      <c r="F28201" s="7"/>
      <c r="G28201" s="8">
        <v>1</v>
      </c>
      <c r="H28201" s="8">
        <v>1</v>
      </c>
      <c r="I28201" s="8">
        <v>0</v>
      </c>
      <c r="J28201" s="8">
        <v>1</v>
      </c>
      <c r="K28201" s="9">
        <v>112</v>
      </c>
      <c r="L28201" s="6" t="s">
        <v>51</v>
      </c>
    </row>
    <row r="28202" spans="1:12">
      <c r="A28202" s="6" t="s">
        <v>29010</v>
      </c>
      <c r="B28202" s="6"/>
      <c r="C28202" s="6" t="s">
        <v>29055</v>
      </c>
      <c r="D28202" s="6"/>
      <c r="E28202" s="6" t="s">
        <v>9</v>
      </c>
      <c r="F28202" s="7"/>
      <c r="G28202" s="8">
        <v>1</v>
      </c>
      <c r="H28202" s="8">
        <v>1</v>
      </c>
      <c r="I28202" s="8">
        <v>0</v>
      </c>
      <c r="J28202" s="8">
        <v>1</v>
      </c>
      <c r="K28202" s="9">
        <v>226</v>
      </c>
      <c r="L28202" s="6" t="s">
        <v>51</v>
      </c>
    </row>
    <row r="28203" spans="1:12">
      <c r="A28203" s="6" t="s">
        <v>29010</v>
      </c>
      <c r="B28203" s="6"/>
      <c r="C28203" s="6" t="s">
        <v>29056</v>
      </c>
      <c r="D28203" s="6"/>
      <c r="E28203" s="6" t="s">
        <v>9</v>
      </c>
      <c r="F28203" s="7"/>
      <c r="G28203" s="8">
        <v>1</v>
      </c>
      <c r="H28203" s="8">
        <v>1</v>
      </c>
      <c r="I28203" s="8">
        <v>0</v>
      </c>
      <c r="J28203" s="8">
        <v>1</v>
      </c>
      <c r="K28203" s="9">
        <v>77.91</v>
      </c>
      <c r="L28203" s="6" t="s">
        <v>51</v>
      </c>
    </row>
    <row r="28204" spans="1:12">
      <c r="A28204" s="6" t="s">
        <v>29010</v>
      </c>
      <c r="B28204" s="6"/>
      <c r="C28204" s="6" t="s">
        <v>29057</v>
      </c>
      <c r="D28204" s="6"/>
      <c r="E28204" s="6" t="s">
        <v>9</v>
      </c>
      <c r="F28204" s="7"/>
      <c r="G28204" s="8">
        <v>1</v>
      </c>
      <c r="H28204" s="8">
        <v>1</v>
      </c>
      <c r="I28204" s="8">
        <v>0</v>
      </c>
      <c r="J28204" s="8">
        <v>1</v>
      </c>
      <c r="K28204" s="9">
        <v>49</v>
      </c>
      <c r="L28204" s="6" t="s">
        <v>51</v>
      </c>
    </row>
    <row r="28205" spans="1:12">
      <c r="A28205" s="6" t="s">
        <v>29010</v>
      </c>
      <c r="B28205" s="6"/>
      <c r="C28205" s="6" t="s">
        <v>29058</v>
      </c>
      <c r="D28205" s="6"/>
      <c r="E28205" s="6" t="s">
        <v>9</v>
      </c>
      <c r="F28205" s="7"/>
      <c r="G28205" s="8">
        <v>1</v>
      </c>
      <c r="H28205" s="8">
        <v>1</v>
      </c>
      <c r="I28205" s="8">
        <v>0</v>
      </c>
      <c r="J28205" s="8">
        <v>1</v>
      </c>
      <c r="K28205" s="9">
        <v>99</v>
      </c>
      <c r="L28205" s="6" t="s">
        <v>51</v>
      </c>
    </row>
    <row r="28206" spans="1:12">
      <c r="A28206" s="6" t="s">
        <v>29010</v>
      </c>
      <c r="B28206" s="6"/>
      <c r="C28206" s="6" t="s">
        <v>29059</v>
      </c>
      <c r="D28206" s="6"/>
      <c r="E28206" s="6" t="s">
        <v>9</v>
      </c>
      <c r="F28206" s="7"/>
      <c r="G28206" s="8">
        <v>1</v>
      </c>
      <c r="H28206" s="8">
        <v>1</v>
      </c>
      <c r="I28206" s="8">
        <v>0</v>
      </c>
      <c r="J28206" s="8">
        <v>1</v>
      </c>
      <c r="K28206" s="9">
        <v>46</v>
      </c>
      <c r="L28206" s="6" t="s">
        <v>51</v>
      </c>
    </row>
    <row r="28207" spans="1:12">
      <c r="A28207" s="6" t="s">
        <v>29010</v>
      </c>
      <c r="B28207" s="6"/>
      <c r="C28207" s="6" t="s">
        <v>29060</v>
      </c>
      <c r="D28207" s="6"/>
      <c r="E28207" s="6" t="s">
        <v>9</v>
      </c>
      <c r="F28207" s="7"/>
      <c r="G28207" s="8">
        <v>1</v>
      </c>
      <c r="H28207" s="8">
        <v>1</v>
      </c>
      <c r="I28207" s="8">
        <v>0</v>
      </c>
      <c r="J28207" s="8">
        <v>1</v>
      </c>
      <c r="K28207" s="9">
        <v>33</v>
      </c>
      <c r="L28207" s="6" t="s">
        <v>51</v>
      </c>
    </row>
    <row r="28208" spans="1:12">
      <c r="A28208" s="6" t="s">
        <v>29010</v>
      </c>
      <c r="B28208" s="6"/>
      <c r="C28208" s="6" t="s">
        <v>29061</v>
      </c>
      <c r="D28208" s="6"/>
      <c r="E28208" s="6" t="s">
        <v>9</v>
      </c>
      <c r="F28208" s="7"/>
      <c r="G28208" s="8">
        <v>1</v>
      </c>
      <c r="H28208" s="8">
        <v>1</v>
      </c>
      <c r="I28208" s="8">
        <v>0</v>
      </c>
      <c r="J28208" s="8">
        <v>1</v>
      </c>
      <c r="K28208" s="9">
        <v>29</v>
      </c>
      <c r="L28208" s="6" t="s">
        <v>51</v>
      </c>
    </row>
    <row r="28209" spans="1:12">
      <c r="A28209" s="6" t="s">
        <v>29010</v>
      </c>
      <c r="B28209" s="6"/>
      <c r="C28209" s="6" t="s">
        <v>29062</v>
      </c>
      <c r="D28209" s="6"/>
      <c r="E28209" s="6" t="s">
        <v>9</v>
      </c>
      <c r="F28209" s="7"/>
      <c r="G28209" s="8">
        <v>1</v>
      </c>
      <c r="H28209" s="8">
        <v>1</v>
      </c>
      <c r="I28209" s="8">
        <v>0</v>
      </c>
      <c r="J28209" s="8">
        <v>1</v>
      </c>
      <c r="K28209" s="9">
        <v>49</v>
      </c>
      <c r="L28209" s="6" t="s">
        <v>51</v>
      </c>
    </row>
    <row r="28210" spans="1:12">
      <c r="A28210" s="6" t="s">
        <v>29010</v>
      </c>
      <c r="B28210" s="6"/>
      <c r="C28210" s="6" t="s">
        <v>29063</v>
      </c>
      <c r="D28210" s="6"/>
      <c r="E28210" s="6" t="s">
        <v>9</v>
      </c>
      <c r="F28210" s="7"/>
      <c r="G28210" s="8">
        <v>1</v>
      </c>
      <c r="H28210" s="8">
        <v>1</v>
      </c>
      <c r="I28210" s="8">
        <v>0</v>
      </c>
      <c r="J28210" s="8">
        <v>1</v>
      </c>
      <c r="K28210" s="9">
        <v>33</v>
      </c>
      <c r="L28210" s="6" t="s">
        <v>51</v>
      </c>
    </row>
    <row r="28211" spans="1:12">
      <c r="A28211" s="6" t="s">
        <v>29010</v>
      </c>
      <c r="B28211" s="6"/>
      <c r="C28211" s="6" t="s">
        <v>29064</v>
      </c>
      <c r="D28211" s="6"/>
      <c r="E28211" s="6" t="s">
        <v>9</v>
      </c>
      <c r="F28211" s="7"/>
      <c r="G28211" s="8">
        <v>1</v>
      </c>
      <c r="H28211" s="8">
        <v>1</v>
      </c>
      <c r="I28211" s="8">
        <v>0</v>
      </c>
      <c r="J28211" s="8">
        <v>1</v>
      </c>
      <c r="K28211" s="9">
        <v>16</v>
      </c>
      <c r="L28211" s="6" t="s">
        <v>51</v>
      </c>
    </row>
    <row r="28212" spans="1:12">
      <c r="A28212" s="6" t="s">
        <v>29010</v>
      </c>
      <c r="B28212" s="6"/>
      <c r="C28212" s="6" t="s">
        <v>29065</v>
      </c>
      <c r="D28212" s="6"/>
      <c r="E28212" s="6" t="s">
        <v>9</v>
      </c>
      <c r="F28212" s="7"/>
      <c r="G28212" s="8">
        <v>1</v>
      </c>
      <c r="H28212" s="8">
        <v>1</v>
      </c>
      <c r="I28212" s="8">
        <v>0</v>
      </c>
      <c r="J28212" s="8">
        <v>1</v>
      </c>
      <c r="K28212" s="9">
        <v>208</v>
      </c>
      <c r="L28212" s="6" t="s">
        <v>51</v>
      </c>
    </row>
    <row r="28213" spans="1:12">
      <c r="A28213" s="6" t="s">
        <v>29010</v>
      </c>
      <c r="B28213" s="6"/>
      <c r="C28213" s="6" t="s">
        <v>29066</v>
      </c>
      <c r="D28213" s="6"/>
      <c r="E28213" s="6" t="s">
        <v>9</v>
      </c>
      <c r="F28213" s="7"/>
      <c r="G28213" s="8">
        <v>1</v>
      </c>
      <c r="H28213" s="8">
        <v>1</v>
      </c>
      <c r="I28213" s="8">
        <v>0</v>
      </c>
      <c r="J28213" s="8">
        <v>1</v>
      </c>
      <c r="K28213" s="9">
        <v>238</v>
      </c>
      <c r="L28213" s="6" t="s">
        <v>51</v>
      </c>
    </row>
    <row r="28214" spans="1:12">
      <c r="A28214" s="6" t="s">
        <v>29010</v>
      </c>
      <c r="B28214" s="6"/>
      <c r="C28214" s="6" t="s">
        <v>29067</v>
      </c>
      <c r="D28214" s="6"/>
      <c r="E28214" s="6" t="s">
        <v>9</v>
      </c>
      <c r="F28214" s="7"/>
      <c r="G28214" s="8">
        <v>1</v>
      </c>
      <c r="H28214" s="8">
        <v>1</v>
      </c>
      <c r="I28214" s="8">
        <v>0</v>
      </c>
      <c r="J28214" s="8">
        <v>1</v>
      </c>
      <c r="K28214" s="9">
        <v>683.3</v>
      </c>
      <c r="L28214" s="6" t="s">
        <v>51</v>
      </c>
    </row>
    <row r="28215" spans="1:12">
      <c r="A28215" s="6" t="s">
        <v>29010</v>
      </c>
      <c r="B28215" s="6"/>
      <c r="C28215" s="6" t="s">
        <v>29068</v>
      </c>
      <c r="D28215" s="6"/>
      <c r="E28215" s="6" t="s">
        <v>9</v>
      </c>
      <c r="F28215" s="7"/>
      <c r="G28215" s="8">
        <v>1</v>
      </c>
      <c r="H28215" s="8">
        <v>1</v>
      </c>
      <c r="I28215" s="8">
        <v>0</v>
      </c>
      <c r="J28215" s="8">
        <v>1</v>
      </c>
      <c r="K28215" s="9">
        <v>85</v>
      </c>
      <c r="L28215" s="6" t="s">
        <v>51</v>
      </c>
    </row>
    <row r="28216" spans="1:12">
      <c r="A28216" s="6" t="s">
        <v>29010</v>
      </c>
      <c r="B28216" s="6"/>
      <c r="C28216" s="6" t="s">
        <v>29069</v>
      </c>
      <c r="D28216" s="6"/>
      <c r="E28216" s="6" t="s">
        <v>9</v>
      </c>
      <c r="F28216" s="7"/>
      <c r="G28216" s="8">
        <v>1</v>
      </c>
      <c r="H28216" s="8">
        <v>1</v>
      </c>
      <c r="I28216" s="8">
        <v>0</v>
      </c>
      <c r="J28216" s="8">
        <v>1</v>
      </c>
      <c r="K28216" s="9">
        <v>13</v>
      </c>
      <c r="L28216" s="6" t="s">
        <v>51</v>
      </c>
    </row>
    <row r="28217" spans="1:12">
      <c r="A28217" s="6" t="s">
        <v>29010</v>
      </c>
      <c r="B28217" s="6"/>
      <c r="C28217" s="6" t="s">
        <v>29070</v>
      </c>
      <c r="D28217" s="6"/>
      <c r="E28217" s="6" t="s">
        <v>9</v>
      </c>
      <c r="F28217" s="7"/>
      <c r="G28217" s="8">
        <v>1</v>
      </c>
      <c r="H28217" s="8">
        <v>1</v>
      </c>
      <c r="I28217" s="8">
        <v>0</v>
      </c>
      <c r="J28217" s="8">
        <v>1</v>
      </c>
      <c r="K28217" s="9">
        <v>36</v>
      </c>
      <c r="L28217" s="6" t="s">
        <v>51</v>
      </c>
    </row>
    <row r="28218" spans="1:12">
      <c r="A28218" s="6" t="s">
        <v>29010</v>
      </c>
      <c r="B28218" s="6"/>
      <c r="C28218" s="6" t="s">
        <v>29071</v>
      </c>
      <c r="D28218" s="6"/>
      <c r="E28218" s="6" t="s">
        <v>9</v>
      </c>
      <c r="F28218" s="7"/>
      <c r="G28218" s="8">
        <v>1</v>
      </c>
      <c r="H28218" s="8">
        <v>1</v>
      </c>
      <c r="I28218" s="8">
        <v>0</v>
      </c>
      <c r="J28218" s="8">
        <v>1</v>
      </c>
      <c r="K28218" s="9">
        <v>66</v>
      </c>
      <c r="L28218" s="6" t="s">
        <v>51</v>
      </c>
    </row>
    <row r="28219" spans="1:12">
      <c r="A28219" s="6" t="s">
        <v>29010</v>
      </c>
      <c r="B28219" s="6"/>
      <c r="C28219" s="6" t="s">
        <v>29072</v>
      </c>
      <c r="D28219" s="6"/>
      <c r="E28219" s="6" t="s">
        <v>9</v>
      </c>
      <c r="F28219" s="7"/>
      <c r="G28219" s="8">
        <v>1</v>
      </c>
      <c r="H28219" s="8">
        <v>1</v>
      </c>
      <c r="I28219" s="8">
        <v>0</v>
      </c>
      <c r="J28219" s="8">
        <v>1</v>
      </c>
      <c r="K28219" s="9">
        <v>9.91</v>
      </c>
      <c r="L28219" s="6" t="s">
        <v>51</v>
      </c>
    </row>
    <row r="28220" spans="1:12">
      <c r="A28220" s="6" t="s">
        <v>29010</v>
      </c>
      <c r="B28220" s="6"/>
      <c r="C28220" s="6" t="s">
        <v>29073</v>
      </c>
      <c r="D28220" s="6"/>
      <c r="E28220" s="6" t="s">
        <v>9</v>
      </c>
      <c r="F28220" s="7"/>
      <c r="G28220" s="8">
        <v>1</v>
      </c>
      <c r="H28220" s="8">
        <v>1</v>
      </c>
      <c r="I28220" s="8">
        <v>0</v>
      </c>
      <c r="J28220" s="8">
        <v>1</v>
      </c>
      <c r="K28220" s="9">
        <v>36</v>
      </c>
      <c r="L28220" s="6" t="s">
        <v>51</v>
      </c>
    </row>
    <row r="28221" spans="1:12">
      <c r="A28221" s="6" t="s">
        <v>29010</v>
      </c>
      <c r="B28221" s="6"/>
      <c r="C28221" s="6" t="s">
        <v>29074</v>
      </c>
      <c r="D28221" s="6"/>
      <c r="E28221" s="6" t="s">
        <v>9</v>
      </c>
      <c r="F28221" s="7"/>
      <c r="G28221" s="8">
        <v>1</v>
      </c>
      <c r="H28221" s="8">
        <v>1</v>
      </c>
      <c r="I28221" s="8">
        <v>0</v>
      </c>
      <c r="J28221" s="8">
        <v>1</v>
      </c>
      <c r="K28221" s="9">
        <v>16</v>
      </c>
      <c r="L28221" s="6" t="s">
        <v>51</v>
      </c>
    </row>
    <row r="28222" spans="1:12">
      <c r="A28222" s="6" t="s">
        <v>29010</v>
      </c>
      <c r="B28222" s="6"/>
      <c r="C28222" s="6" t="s">
        <v>29075</v>
      </c>
      <c r="D28222" s="6"/>
      <c r="E28222" s="6" t="s">
        <v>9</v>
      </c>
      <c r="F28222" s="7"/>
      <c r="G28222" s="8">
        <v>1</v>
      </c>
      <c r="H28222" s="8">
        <v>1</v>
      </c>
      <c r="I28222" s="8">
        <v>0</v>
      </c>
      <c r="J28222" s="8">
        <v>1</v>
      </c>
      <c r="K28222" s="9">
        <v>29</v>
      </c>
      <c r="L28222" s="6" t="s">
        <v>51</v>
      </c>
    </row>
    <row r="28223" spans="1:12">
      <c r="A28223" s="6" t="s">
        <v>29010</v>
      </c>
      <c r="B28223" s="6"/>
      <c r="C28223" s="6" t="s">
        <v>29076</v>
      </c>
      <c r="D28223" s="6"/>
      <c r="E28223" s="6" t="s">
        <v>9</v>
      </c>
      <c r="F28223" s="7"/>
      <c r="G28223" s="8">
        <v>1</v>
      </c>
      <c r="H28223" s="8">
        <v>1</v>
      </c>
      <c r="I28223" s="8">
        <v>0</v>
      </c>
      <c r="J28223" s="8">
        <v>1</v>
      </c>
      <c r="K28223" s="9">
        <v>29</v>
      </c>
      <c r="L28223" s="6" t="s">
        <v>51</v>
      </c>
    </row>
    <row r="28224" spans="1:12">
      <c r="A28224" s="6" t="s">
        <v>29010</v>
      </c>
      <c r="B28224" s="6"/>
      <c r="C28224" s="6" t="s">
        <v>29077</v>
      </c>
      <c r="D28224" s="6"/>
      <c r="E28224" s="6" t="s">
        <v>9</v>
      </c>
      <c r="F28224" s="7"/>
      <c r="G28224" s="8">
        <v>1</v>
      </c>
      <c r="H28224" s="8">
        <v>1</v>
      </c>
      <c r="I28224" s="8">
        <v>0</v>
      </c>
      <c r="J28224" s="8">
        <v>1</v>
      </c>
      <c r="K28224" s="9">
        <v>16</v>
      </c>
      <c r="L28224" s="6" t="s">
        <v>51</v>
      </c>
    </row>
    <row r="28225" spans="1:12">
      <c r="A28225" s="6" t="s">
        <v>29010</v>
      </c>
      <c r="B28225" s="6"/>
      <c r="C28225" s="6" t="s">
        <v>29078</v>
      </c>
      <c r="D28225" s="6"/>
      <c r="E28225" s="6" t="s">
        <v>9</v>
      </c>
      <c r="F28225" s="7"/>
      <c r="G28225" s="8">
        <v>1</v>
      </c>
      <c r="H28225" s="8">
        <v>1</v>
      </c>
      <c r="I28225" s="8">
        <v>0</v>
      </c>
      <c r="J28225" s="8">
        <v>1</v>
      </c>
      <c r="K28225" s="9">
        <v>565.28</v>
      </c>
      <c r="L28225" s="6" t="s">
        <v>51</v>
      </c>
    </row>
    <row r="28226" spans="1:12">
      <c r="A28226" s="6" t="s">
        <v>29010</v>
      </c>
      <c r="B28226" s="6"/>
      <c r="C28226" s="6" t="s">
        <v>29079</v>
      </c>
      <c r="D28226" s="6"/>
      <c r="E28226" s="6" t="s">
        <v>9</v>
      </c>
      <c r="F28226" s="7"/>
      <c r="G28226" s="8">
        <v>1</v>
      </c>
      <c r="H28226" s="8">
        <v>1</v>
      </c>
      <c r="I28226" s="8">
        <v>0</v>
      </c>
      <c r="J28226" s="8">
        <v>1</v>
      </c>
      <c r="K28226" s="9">
        <v>46</v>
      </c>
      <c r="L28226" s="6" t="s">
        <v>51</v>
      </c>
    </row>
    <row r="28227" spans="1:12">
      <c r="A28227" s="6" t="s">
        <v>29010</v>
      </c>
      <c r="B28227" s="6"/>
      <c r="C28227" s="6" t="s">
        <v>29080</v>
      </c>
      <c r="D28227" s="6"/>
      <c r="E28227" s="6" t="s">
        <v>9</v>
      </c>
      <c r="F28227" s="7"/>
      <c r="G28227" s="8">
        <v>1</v>
      </c>
      <c r="H28227" s="8">
        <v>1</v>
      </c>
      <c r="I28227" s="8">
        <v>0</v>
      </c>
      <c r="J28227" s="8">
        <v>1</v>
      </c>
      <c r="K28227" s="9">
        <v>3.3</v>
      </c>
      <c r="L28227" s="6" t="s">
        <v>51</v>
      </c>
    </row>
    <row r="28228" spans="1:12">
      <c r="A28228" s="6" t="s">
        <v>29010</v>
      </c>
      <c r="B28228" s="6"/>
      <c r="C28228" s="6" t="s">
        <v>29081</v>
      </c>
      <c r="D28228" s="6"/>
      <c r="E28228" s="6" t="s">
        <v>9</v>
      </c>
      <c r="F28228" s="7"/>
      <c r="G28228" s="8">
        <v>1</v>
      </c>
      <c r="H28228" s="8">
        <v>1</v>
      </c>
      <c r="I28228" s="8">
        <v>0</v>
      </c>
      <c r="J28228" s="8">
        <v>1</v>
      </c>
      <c r="K28228" s="9">
        <v>168</v>
      </c>
      <c r="L28228" s="6" t="s">
        <v>51</v>
      </c>
    </row>
    <row r="28229" spans="1:12">
      <c r="A28229" s="6" t="s">
        <v>29010</v>
      </c>
      <c r="B28229" s="6"/>
      <c r="C28229" s="6" t="s">
        <v>29082</v>
      </c>
      <c r="D28229" s="6"/>
      <c r="E28229" s="6" t="s">
        <v>9</v>
      </c>
      <c r="F28229" s="7"/>
      <c r="G28229" s="8">
        <v>1</v>
      </c>
      <c r="H28229" s="8">
        <v>1</v>
      </c>
      <c r="I28229" s="8">
        <v>0</v>
      </c>
      <c r="J28229" s="8">
        <v>1</v>
      </c>
      <c r="K28229" s="9">
        <v>119</v>
      </c>
      <c r="L28229" s="6" t="s">
        <v>51</v>
      </c>
    </row>
    <row r="28230" spans="1:12">
      <c r="A28230" s="6" t="s">
        <v>29010</v>
      </c>
      <c r="B28230" s="6"/>
      <c r="C28230" s="6" t="s">
        <v>29083</v>
      </c>
      <c r="D28230" s="6"/>
      <c r="E28230" s="6" t="s">
        <v>9</v>
      </c>
      <c r="F28230" s="7"/>
      <c r="G28230" s="8">
        <v>1</v>
      </c>
      <c r="H28230" s="8">
        <v>1</v>
      </c>
      <c r="I28230" s="8">
        <v>0</v>
      </c>
      <c r="J28230" s="8">
        <v>1</v>
      </c>
      <c r="K28230" s="9">
        <v>76</v>
      </c>
      <c r="L28230" s="6" t="s">
        <v>51</v>
      </c>
    </row>
    <row r="28231" spans="1:12">
      <c r="A28231" s="6" t="s">
        <v>29010</v>
      </c>
      <c r="B28231" s="6"/>
      <c r="C28231" s="6" t="s">
        <v>29084</v>
      </c>
      <c r="D28231" s="6"/>
      <c r="E28231" s="6" t="s">
        <v>9</v>
      </c>
      <c r="F28231" s="7"/>
      <c r="G28231" s="8">
        <v>1</v>
      </c>
      <c r="H28231" s="8">
        <v>1</v>
      </c>
      <c r="I28231" s="8">
        <v>0</v>
      </c>
      <c r="J28231" s="8">
        <v>1</v>
      </c>
      <c r="K28231" s="9">
        <v>46</v>
      </c>
      <c r="L28231" s="6" t="s">
        <v>51</v>
      </c>
    </row>
    <row r="28232" spans="1:12">
      <c r="A28232" s="6" t="s">
        <v>29010</v>
      </c>
      <c r="B28232" s="6"/>
      <c r="C28232" s="6" t="s">
        <v>29085</v>
      </c>
      <c r="D28232" s="6"/>
      <c r="E28232" s="6" t="s">
        <v>9</v>
      </c>
      <c r="F28232" s="7"/>
      <c r="G28232" s="8">
        <v>1</v>
      </c>
      <c r="H28232" s="8">
        <v>1</v>
      </c>
      <c r="I28232" s="8">
        <v>0</v>
      </c>
      <c r="J28232" s="8">
        <v>1</v>
      </c>
      <c r="K28232" s="9">
        <v>33</v>
      </c>
      <c r="L28232" s="6" t="s">
        <v>51</v>
      </c>
    </row>
    <row r="28233" spans="1:12">
      <c r="A28233" s="6" t="s">
        <v>29010</v>
      </c>
      <c r="B28233" s="6"/>
      <c r="C28233" s="6" t="s">
        <v>29086</v>
      </c>
      <c r="D28233" s="6"/>
      <c r="E28233" s="6" t="s">
        <v>9</v>
      </c>
      <c r="F28233" s="7"/>
      <c r="G28233" s="8">
        <v>1</v>
      </c>
      <c r="H28233" s="8">
        <v>1</v>
      </c>
      <c r="I28233" s="8">
        <v>0</v>
      </c>
      <c r="J28233" s="8">
        <v>1</v>
      </c>
      <c r="K28233" s="9">
        <v>46</v>
      </c>
      <c r="L28233" s="6" t="s">
        <v>51</v>
      </c>
    </row>
    <row r="28234" spans="1:12">
      <c r="A28234" s="6" t="s">
        <v>29010</v>
      </c>
      <c r="B28234" s="6"/>
      <c r="C28234" s="6" t="s">
        <v>29087</v>
      </c>
      <c r="D28234" s="6"/>
      <c r="E28234" s="6" t="s">
        <v>9</v>
      </c>
      <c r="F28234" s="7"/>
      <c r="G28234" s="8">
        <v>1</v>
      </c>
      <c r="H28234" s="8">
        <v>1</v>
      </c>
      <c r="I28234" s="8">
        <v>0</v>
      </c>
      <c r="J28234" s="8">
        <v>1</v>
      </c>
      <c r="K28234" s="9">
        <v>62</v>
      </c>
      <c r="L28234" s="6" t="s">
        <v>51</v>
      </c>
    </row>
    <row r="28235" spans="1:12">
      <c r="A28235" s="6" t="s">
        <v>29010</v>
      </c>
      <c r="B28235" s="6"/>
      <c r="C28235" s="6" t="s">
        <v>29088</v>
      </c>
      <c r="D28235" s="6"/>
      <c r="E28235" s="6" t="s">
        <v>9</v>
      </c>
      <c r="F28235" s="7"/>
      <c r="G28235" s="8">
        <v>1</v>
      </c>
      <c r="H28235" s="8">
        <v>1</v>
      </c>
      <c r="I28235" s="8">
        <v>0</v>
      </c>
      <c r="J28235" s="8">
        <v>1</v>
      </c>
      <c r="K28235" s="9">
        <v>112</v>
      </c>
      <c r="L28235" s="6" t="s">
        <v>51</v>
      </c>
    </row>
    <row r="28236" spans="1:12">
      <c r="A28236" s="6" t="s">
        <v>29010</v>
      </c>
      <c r="B28236" s="6"/>
      <c r="C28236" s="6" t="s">
        <v>29089</v>
      </c>
      <c r="D28236" s="6"/>
      <c r="E28236" s="6" t="s">
        <v>9</v>
      </c>
      <c r="F28236" s="7"/>
      <c r="G28236" s="8">
        <v>1</v>
      </c>
      <c r="H28236" s="8">
        <v>1</v>
      </c>
      <c r="I28236" s="8">
        <v>0</v>
      </c>
      <c r="J28236" s="8">
        <v>1</v>
      </c>
      <c r="K28236" s="9">
        <v>226.18</v>
      </c>
      <c r="L28236" s="6" t="s">
        <v>51</v>
      </c>
    </row>
    <row r="28237" spans="1:12">
      <c r="A28237" s="6" t="s">
        <v>29010</v>
      </c>
      <c r="B28237" s="6"/>
      <c r="C28237" s="6" t="s">
        <v>29090</v>
      </c>
      <c r="D28237" s="6"/>
      <c r="E28237" s="6" t="s">
        <v>9</v>
      </c>
      <c r="F28237" s="7"/>
      <c r="G28237" s="8">
        <v>1</v>
      </c>
      <c r="H28237" s="8">
        <v>1</v>
      </c>
      <c r="I28237" s="8">
        <v>0</v>
      </c>
      <c r="J28237" s="8">
        <v>1</v>
      </c>
      <c r="K28237" s="9">
        <v>59</v>
      </c>
      <c r="L28237" s="6" t="s">
        <v>51</v>
      </c>
    </row>
    <row r="28238" spans="1:12">
      <c r="A28238" s="6" t="s">
        <v>29010</v>
      </c>
      <c r="B28238" s="6"/>
      <c r="C28238" s="6" t="s">
        <v>29091</v>
      </c>
      <c r="D28238" s="6"/>
      <c r="E28238" s="6" t="s">
        <v>9</v>
      </c>
      <c r="F28238" s="7"/>
      <c r="G28238" s="8">
        <v>1</v>
      </c>
      <c r="H28238" s="8">
        <v>1</v>
      </c>
      <c r="I28238" s="8">
        <v>0</v>
      </c>
      <c r="J28238" s="8">
        <v>1</v>
      </c>
      <c r="K28238" s="9">
        <v>340</v>
      </c>
      <c r="L28238" s="6" t="s">
        <v>51</v>
      </c>
    </row>
    <row r="28239" spans="1:12">
      <c r="A28239" s="6" t="s">
        <v>29010</v>
      </c>
      <c r="B28239" s="6"/>
      <c r="C28239" s="6" t="s">
        <v>29092</v>
      </c>
      <c r="D28239" s="6"/>
      <c r="E28239" s="6" t="s">
        <v>9</v>
      </c>
      <c r="F28239" s="7"/>
      <c r="G28239" s="8">
        <v>1</v>
      </c>
      <c r="H28239" s="8">
        <v>1</v>
      </c>
      <c r="I28239" s="8">
        <v>0</v>
      </c>
      <c r="J28239" s="8">
        <v>1</v>
      </c>
      <c r="K28239" s="9">
        <v>59</v>
      </c>
      <c r="L28239" s="6" t="s">
        <v>51</v>
      </c>
    </row>
    <row r="28240" spans="1:12">
      <c r="A28240" s="6" t="s">
        <v>29010</v>
      </c>
      <c r="B28240" s="6"/>
      <c r="C28240" s="6" t="s">
        <v>29093</v>
      </c>
      <c r="D28240" s="6"/>
      <c r="E28240" s="6" t="s">
        <v>9</v>
      </c>
      <c r="F28240" s="7"/>
      <c r="G28240" s="8">
        <v>1</v>
      </c>
      <c r="H28240" s="8">
        <v>1</v>
      </c>
      <c r="I28240" s="8">
        <v>0</v>
      </c>
      <c r="J28240" s="8">
        <v>1</v>
      </c>
      <c r="K28240" s="9">
        <v>175</v>
      </c>
      <c r="L28240" s="6" t="s">
        <v>51</v>
      </c>
    </row>
    <row r="28241" spans="1:12">
      <c r="A28241" s="6" t="s">
        <v>29010</v>
      </c>
      <c r="B28241" s="6"/>
      <c r="C28241" s="6" t="s">
        <v>29094</v>
      </c>
      <c r="D28241" s="6"/>
      <c r="E28241" s="6" t="s">
        <v>9</v>
      </c>
      <c r="F28241" s="7"/>
      <c r="G28241" s="8">
        <v>1</v>
      </c>
      <c r="H28241" s="8">
        <v>1</v>
      </c>
      <c r="I28241" s="8">
        <v>0</v>
      </c>
      <c r="J28241" s="8">
        <v>1</v>
      </c>
      <c r="K28241" s="9">
        <v>323</v>
      </c>
      <c r="L28241" s="6" t="s">
        <v>51</v>
      </c>
    </row>
    <row r="28242" spans="1:12">
      <c r="A28242" s="6" t="s">
        <v>29010</v>
      </c>
      <c r="B28242" s="6"/>
      <c r="C28242" s="6" t="s">
        <v>29095</v>
      </c>
      <c r="D28242" s="6"/>
      <c r="E28242" s="6" t="s">
        <v>9</v>
      </c>
      <c r="F28242" s="7"/>
      <c r="G28242" s="8">
        <v>1</v>
      </c>
      <c r="H28242" s="8">
        <v>1</v>
      </c>
      <c r="I28242" s="8">
        <v>0</v>
      </c>
      <c r="J28242" s="8">
        <v>1</v>
      </c>
      <c r="K28242" s="9">
        <v>13</v>
      </c>
      <c r="L28242" s="6" t="s">
        <v>51</v>
      </c>
    </row>
    <row r="28243" spans="1:12">
      <c r="A28243" s="6" t="s">
        <v>29010</v>
      </c>
      <c r="B28243" s="6"/>
      <c r="C28243" s="6" t="s">
        <v>29096</v>
      </c>
      <c r="D28243" s="6"/>
      <c r="E28243" s="6" t="s">
        <v>9</v>
      </c>
      <c r="F28243" s="7"/>
      <c r="G28243" s="8">
        <v>1</v>
      </c>
      <c r="H28243" s="8">
        <v>1</v>
      </c>
      <c r="I28243" s="8">
        <v>0</v>
      </c>
      <c r="J28243" s="8">
        <v>1</v>
      </c>
      <c r="K28243" s="9">
        <v>62</v>
      </c>
      <c r="L28243" s="6" t="s">
        <v>51</v>
      </c>
    </row>
    <row r="28244" spans="1:12">
      <c r="A28244" s="6" t="s">
        <v>29010</v>
      </c>
      <c r="B28244" s="6"/>
      <c r="C28244" s="6" t="s">
        <v>29097</v>
      </c>
      <c r="D28244" s="6"/>
      <c r="E28244" s="6" t="s">
        <v>9</v>
      </c>
      <c r="F28244" s="7"/>
      <c r="G28244" s="8">
        <v>1</v>
      </c>
      <c r="H28244" s="8">
        <v>1</v>
      </c>
      <c r="I28244" s="8">
        <v>0</v>
      </c>
      <c r="J28244" s="8">
        <v>1</v>
      </c>
      <c r="K28244" s="9">
        <v>79</v>
      </c>
      <c r="L28244" s="6" t="s">
        <v>51</v>
      </c>
    </row>
    <row r="28245" spans="1:12">
      <c r="A28245" s="6" t="s">
        <v>29010</v>
      </c>
      <c r="B28245" s="6"/>
      <c r="C28245" s="6" t="s">
        <v>29098</v>
      </c>
      <c r="D28245" s="6"/>
      <c r="E28245" s="6" t="s">
        <v>9</v>
      </c>
      <c r="F28245" s="7"/>
      <c r="G28245" s="8">
        <v>1</v>
      </c>
      <c r="H28245" s="8">
        <v>1</v>
      </c>
      <c r="I28245" s="8">
        <v>0</v>
      </c>
      <c r="J28245" s="8">
        <v>1</v>
      </c>
      <c r="K28245" s="9">
        <v>26</v>
      </c>
      <c r="L28245" s="6" t="s">
        <v>51</v>
      </c>
    </row>
    <row r="28246" spans="1:12">
      <c r="A28246" s="6" t="s">
        <v>29010</v>
      </c>
      <c r="B28246" s="6"/>
      <c r="C28246" s="6" t="s">
        <v>29099</v>
      </c>
      <c r="D28246" s="6"/>
      <c r="E28246" s="6" t="s">
        <v>9</v>
      </c>
      <c r="F28246" s="7"/>
      <c r="G28246" s="8">
        <v>1</v>
      </c>
      <c r="H28246" s="8">
        <v>1</v>
      </c>
      <c r="I28246" s="8">
        <v>0</v>
      </c>
      <c r="J28246" s="8">
        <v>1</v>
      </c>
      <c r="K28246" s="9">
        <v>13</v>
      </c>
      <c r="L28246" s="6" t="s">
        <v>51</v>
      </c>
    </row>
    <row r="28247" spans="1:12">
      <c r="A28247" s="6" t="s">
        <v>29010</v>
      </c>
      <c r="B28247" s="6"/>
      <c r="C28247" s="6" t="s">
        <v>29100</v>
      </c>
      <c r="D28247" s="6"/>
      <c r="E28247" s="6" t="s">
        <v>9</v>
      </c>
      <c r="F28247" s="7"/>
      <c r="G28247" s="8">
        <v>1</v>
      </c>
      <c r="H28247" s="8">
        <v>1</v>
      </c>
      <c r="I28247" s="8">
        <v>0</v>
      </c>
      <c r="J28247" s="8">
        <v>1</v>
      </c>
      <c r="K28247" s="9">
        <v>458.67</v>
      </c>
      <c r="L28247" s="6" t="s">
        <v>51</v>
      </c>
    </row>
    <row r="28248" spans="1:12">
      <c r="A28248" s="6" t="s">
        <v>29010</v>
      </c>
      <c r="B28248" s="6"/>
      <c r="C28248" s="6" t="s">
        <v>29101</v>
      </c>
      <c r="D28248" s="6"/>
      <c r="E28248" s="6" t="s">
        <v>9</v>
      </c>
      <c r="F28248" s="7"/>
      <c r="G28248" s="8">
        <v>1</v>
      </c>
      <c r="H28248" s="8">
        <v>1</v>
      </c>
      <c r="I28248" s="8">
        <v>0</v>
      </c>
      <c r="J28248" s="8">
        <v>1</v>
      </c>
      <c r="K28248" s="9">
        <v>6.61</v>
      </c>
      <c r="L28248" s="6" t="s">
        <v>51</v>
      </c>
    </row>
    <row r="28249" spans="1:12">
      <c r="A28249" s="6" t="s">
        <v>29010</v>
      </c>
      <c r="B28249" s="6"/>
      <c r="C28249" s="6" t="s">
        <v>29102</v>
      </c>
      <c r="D28249" s="6"/>
      <c r="E28249" s="6" t="s">
        <v>9</v>
      </c>
      <c r="F28249" s="7"/>
      <c r="G28249" s="8">
        <v>1</v>
      </c>
      <c r="H28249" s="8">
        <v>1</v>
      </c>
      <c r="I28249" s="8">
        <v>0</v>
      </c>
      <c r="J28249" s="8">
        <v>1</v>
      </c>
      <c r="K28249" s="9">
        <v>13</v>
      </c>
      <c r="L28249" s="6" t="s">
        <v>51</v>
      </c>
    </row>
    <row r="28250" spans="1:12">
      <c r="A28250" s="6" t="s">
        <v>29010</v>
      </c>
      <c r="B28250" s="6"/>
      <c r="C28250" s="6" t="s">
        <v>29103</v>
      </c>
      <c r="D28250" s="6"/>
      <c r="E28250" s="6" t="s">
        <v>9</v>
      </c>
      <c r="F28250" s="7"/>
      <c r="G28250" s="8">
        <v>1</v>
      </c>
      <c r="H28250" s="8">
        <v>1</v>
      </c>
      <c r="I28250" s="8">
        <v>0</v>
      </c>
      <c r="J28250" s="8">
        <v>1</v>
      </c>
      <c r="K28250" s="9">
        <v>13</v>
      </c>
      <c r="L28250" s="6" t="s">
        <v>51</v>
      </c>
    </row>
    <row r="28251" spans="1:12">
      <c r="A28251" s="6" t="s">
        <v>29010</v>
      </c>
      <c r="B28251" s="6"/>
      <c r="C28251" s="6" t="s">
        <v>29104</v>
      </c>
      <c r="D28251" s="6"/>
      <c r="E28251" s="6" t="s">
        <v>9</v>
      </c>
      <c r="F28251" s="7"/>
      <c r="G28251" s="8">
        <v>1</v>
      </c>
      <c r="H28251" s="8">
        <v>1</v>
      </c>
      <c r="I28251" s="8">
        <v>0</v>
      </c>
      <c r="J28251" s="8">
        <v>1</v>
      </c>
      <c r="K28251" s="9">
        <v>13</v>
      </c>
      <c r="L28251" s="6" t="s">
        <v>51</v>
      </c>
    </row>
    <row r="28252" spans="1:12">
      <c r="A28252" s="6" t="s">
        <v>29010</v>
      </c>
      <c r="B28252" s="6"/>
      <c r="C28252" s="6" t="s">
        <v>29105</v>
      </c>
      <c r="D28252" s="6"/>
      <c r="E28252" s="6" t="s">
        <v>9</v>
      </c>
      <c r="F28252" s="7"/>
      <c r="G28252" s="8">
        <v>1</v>
      </c>
      <c r="H28252" s="8">
        <v>1</v>
      </c>
      <c r="I28252" s="8">
        <v>0</v>
      </c>
      <c r="J28252" s="8">
        <v>1</v>
      </c>
      <c r="K28252" s="9">
        <v>16</v>
      </c>
      <c r="L28252" s="6" t="s">
        <v>51</v>
      </c>
    </row>
    <row r="28253" spans="1:12">
      <c r="A28253" s="6" t="s">
        <v>29010</v>
      </c>
      <c r="B28253" s="6"/>
      <c r="C28253" s="6" t="s">
        <v>29106</v>
      </c>
      <c r="D28253" s="6"/>
      <c r="E28253" s="6" t="s">
        <v>9</v>
      </c>
      <c r="F28253" s="7"/>
      <c r="G28253" s="8">
        <v>1</v>
      </c>
      <c r="H28253" s="8">
        <v>1</v>
      </c>
      <c r="I28253" s="8">
        <v>0</v>
      </c>
      <c r="J28253" s="8">
        <v>1</v>
      </c>
      <c r="K28253" s="9">
        <v>16</v>
      </c>
      <c r="L28253" s="6" t="s">
        <v>51</v>
      </c>
    </row>
    <row r="28254" spans="1:12">
      <c r="A28254" s="6" t="s">
        <v>29010</v>
      </c>
      <c r="B28254" s="6"/>
      <c r="C28254" s="6" t="s">
        <v>29107</v>
      </c>
      <c r="D28254" s="6"/>
      <c r="E28254" s="6" t="s">
        <v>9</v>
      </c>
      <c r="F28254" s="7"/>
      <c r="G28254" s="8">
        <v>1</v>
      </c>
      <c r="H28254" s="8">
        <v>1</v>
      </c>
      <c r="I28254" s="8">
        <v>0</v>
      </c>
      <c r="J28254" s="8">
        <v>1</v>
      </c>
      <c r="K28254" s="9">
        <v>19</v>
      </c>
      <c r="L28254" s="6" t="s">
        <v>51</v>
      </c>
    </row>
    <row r="28255" spans="1:12">
      <c r="A28255" s="6" t="s">
        <v>29010</v>
      </c>
      <c r="B28255" s="6"/>
      <c r="C28255" s="6" t="s">
        <v>29108</v>
      </c>
      <c r="D28255" s="6"/>
      <c r="E28255" s="6" t="s">
        <v>9</v>
      </c>
      <c r="F28255" s="7"/>
      <c r="G28255" s="8">
        <v>1</v>
      </c>
      <c r="H28255" s="8">
        <v>1</v>
      </c>
      <c r="I28255" s="8">
        <v>0</v>
      </c>
      <c r="J28255" s="8">
        <v>1</v>
      </c>
      <c r="K28255" s="9">
        <v>6.61</v>
      </c>
      <c r="L28255" s="6" t="s">
        <v>51</v>
      </c>
    </row>
    <row r="28256" spans="1:12">
      <c r="A28256" s="6" t="s">
        <v>29010</v>
      </c>
      <c r="B28256" s="6"/>
      <c r="C28256" s="6" t="s">
        <v>29109</v>
      </c>
      <c r="D28256" s="6"/>
      <c r="E28256" s="6" t="s">
        <v>9</v>
      </c>
      <c r="F28256" s="7"/>
      <c r="G28256" s="8">
        <v>1</v>
      </c>
      <c r="H28256" s="8">
        <v>1</v>
      </c>
      <c r="I28256" s="8">
        <v>0</v>
      </c>
      <c r="J28256" s="8">
        <v>1</v>
      </c>
      <c r="K28256" s="9">
        <v>42</v>
      </c>
      <c r="L28256" s="6" t="s">
        <v>51</v>
      </c>
    </row>
    <row r="28257" spans="1:12">
      <c r="A28257" s="6" t="s">
        <v>29010</v>
      </c>
      <c r="B28257" s="6"/>
      <c r="C28257" s="6" t="s">
        <v>29110</v>
      </c>
      <c r="D28257" s="6"/>
      <c r="E28257" s="6" t="s">
        <v>9</v>
      </c>
      <c r="F28257" s="7"/>
      <c r="G28257" s="8">
        <v>1</v>
      </c>
      <c r="H28257" s="8">
        <v>1</v>
      </c>
      <c r="I28257" s="8">
        <v>0</v>
      </c>
      <c r="J28257" s="8">
        <v>1</v>
      </c>
      <c r="K28257" s="9">
        <v>56</v>
      </c>
      <c r="L28257" s="6" t="s">
        <v>51</v>
      </c>
    </row>
    <row r="28258" spans="1:12">
      <c r="A28258" s="6" t="s">
        <v>29010</v>
      </c>
      <c r="B28258" s="6"/>
      <c r="C28258" s="6" t="s">
        <v>29111</v>
      </c>
      <c r="D28258" s="6"/>
      <c r="E28258" s="6" t="s">
        <v>9</v>
      </c>
      <c r="F28258" s="7"/>
      <c r="G28258" s="8">
        <v>1</v>
      </c>
      <c r="H28258" s="8">
        <v>1</v>
      </c>
      <c r="I28258" s="8">
        <v>0</v>
      </c>
      <c r="J28258" s="8">
        <v>1</v>
      </c>
      <c r="K28258" s="9">
        <v>991.73</v>
      </c>
      <c r="L28258" s="6" t="s">
        <v>51</v>
      </c>
    </row>
    <row r="28259" spans="1:12">
      <c r="A28259" s="6" t="s">
        <v>29010</v>
      </c>
      <c r="B28259" s="6"/>
      <c r="C28259" s="6" t="s">
        <v>29112</v>
      </c>
      <c r="D28259" s="6"/>
      <c r="E28259" s="6" t="s">
        <v>9</v>
      </c>
      <c r="F28259" s="7"/>
      <c r="G28259" s="8">
        <v>1</v>
      </c>
      <c r="H28259" s="8">
        <v>1</v>
      </c>
      <c r="I28259" s="8">
        <v>0</v>
      </c>
      <c r="J28259" s="8">
        <v>1</v>
      </c>
      <c r="K28259" s="9">
        <v>5.89</v>
      </c>
      <c r="L28259" s="6" t="s">
        <v>51</v>
      </c>
    </row>
    <row r="28260" spans="1:12">
      <c r="A28260" s="6" t="s">
        <v>29010</v>
      </c>
      <c r="B28260" s="6"/>
      <c r="C28260" s="6" t="s">
        <v>29113</v>
      </c>
      <c r="D28260" s="6"/>
      <c r="E28260" s="6" t="s">
        <v>9</v>
      </c>
      <c r="F28260" s="7"/>
      <c r="G28260" s="8">
        <v>1</v>
      </c>
      <c r="H28260" s="8">
        <v>1</v>
      </c>
      <c r="I28260" s="8">
        <v>0</v>
      </c>
      <c r="J28260" s="8">
        <v>1</v>
      </c>
      <c r="K28260" s="9">
        <v>6.61</v>
      </c>
      <c r="L28260" s="6" t="s">
        <v>51</v>
      </c>
    </row>
    <row r="28261" spans="1:12">
      <c r="A28261" s="6" t="s">
        <v>29010</v>
      </c>
      <c r="B28261" s="6"/>
      <c r="C28261" s="6" t="s">
        <v>29114</v>
      </c>
      <c r="D28261" s="6"/>
      <c r="E28261" s="6" t="s">
        <v>9</v>
      </c>
      <c r="F28261" s="7"/>
      <c r="G28261" s="8">
        <v>1</v>
      </c>
      <c r="H28261" s="8">
        <v>1</v>
      </c>
      <c r="I28261" s="8">
        <v>0</v>
      </c>
      <c r="J28261" s="8">
        <v>1</v>
      </c>
      <c r="K28261" s="9">
        <v>66</v>
      </c>
      <c r="L28261" s="6" t="s">
        <v>51</v>
      </c>
    </row>
    <row r="28262" spans="1:12">
      <c r="A28262" s="6" t="s">
        <v>29010</v>
      </c>
      <c r="B28262" s="6"/>
      <c r="C28262" s="6" t="s">
        <v>29115</v>
      </c>
      <c r="D28262" s="6"/>
      <c r="E28262" s="6" t="s">
        <v>9</v>
      </c>
      <c r="F28262" s="7"/>
      <c r="G28262" s="8">
        <v>1</v>
      </c>
      <c r="H28262" s="8">
        <v>1</v>
      </c>
      <c r="I28262" s="8">
        <v>0</v>
      </c>
      <c r="J28262" s="8">
        <v>1</v>
      </c>
      <c r="K28262" s="9">
        <v>8.4600000000000009</v>
      </c>
      <c r="L28262" s="6" t="s">
        <v>51</v>
      </c>
    </row>
    <row r="28263" spans="1:12">
      <c r="A28263" s="6" t="s">
        <v>29010</v>
      </c>
      <c r="B28263" s="6"/>
      <c r="C28263" s="6" t="s">
        <v>29116</v>
      </c>
      <c r="D28263" s="6"/>
      <c r="E28263" s="6" t="s">
        <v>9</v>
      </c>
      <c r="F28263" s="7"/>
      <c r="G28263" s="8">
        <v>1</v>
      </c>
      <c r="H28263" s="8">
        <v>1</v>
      </c>
      <c r="I28263" s="8">
        <v>0</v>
      </c>
      <c r="J28263" s="8">
        <v>1</v>
      </c>
      <c r="K28263" s="9">
        <v>21</v>
      </c>
      <c r="L28263" s="6" t="s">
        <v>51</v>
      </c>
    </row>
    <row r="28264" spans="1:12">
      <c r="A28264" s="6" t="s">
        <v>29010</v>
      </c>
      <c r="B28264" s="6"/>
      <c r="C28264" s="6" t="s">
        <v>29117</v>
      </c>
      <c r="D28264" s="6"/>
      <c r="E28264" s="6" t="s">
        <v>9</v>
      </c>
      <c r="F28264" s="7"/>
      <c r="G28264" s="8">
        <v>1</v>
      </c>
      <c r="H28264" s="8">
        <v>1</v>
      </c>
      <c r="I28264" s="8">
        <v>0</v>
      </c>
      <c r="J28264" s="8">
        <v>1</v>
      </c>
      <c r="K28264" s="9">
        <v>3.04</v>
      </c>
      <c r="L28264" s="6" t="s">
        <v>51</v>
      </c>
    </row>
    <row r="28265" spans="1:12">
      <c r="A28265" s="6" t="s">
        <v>29010</v>
      </c>
      <c r="B28265" s="6"/>
      <c r="C28265" s="6" t="s">
        <v>29118</v>
      </c>
      <c r="D28265" s="6"/>
      <c r="E28265" s="6" t="s">
        <v>9</v>
      </c>
      <c r="F28265" s="7"/>
      <c r="G28265" s="8">
        <v>1</v>
      </c>
      <c r="H28265" s="8">
        <v>1</v>
      </c>
      <c r="I28265" s="8">
        <v>0</v>
      </c>
      <c r="J28265" s="8">
        <v>1</v>
      </c>
      <c r="K28265" s="9">
        <v>3.32</v>
      </c>
      <c r="L28265" s="6" t="s">
        <v>51</v>
      </c>
    </row>
    <row r="28266" spans="1:12">
      <c r="A28266" s="6" t="s">
        <v>29010</v>
      </c>
      <c r="B28266" s="6"/>
      <c r="C28266" s="6" t="s">
        <v>29119</v>
      </c>
      <c r="D28266" s="6"/>
      <c r="E28266" s="6" t="s">
        <v>9</v>
      </c>
      <c r="F28266" s="7"/>
      <c r="G28266" s="8">
        <v>1</v>
      </c>
      <c r="H28266" s="8">
        <v>1</v>
      </c>
      <c r="I28266" s="8">
        <v>0</v>
      </c>
      <c r="J28266" s="8">
        <v>1</v>
      </c>
      <c r="K28266" s="9">
        <v>16</v>
      </c>
      <c r="L28266" s="6" t="s">
        <v>51</v>
      </c>
    </row>
    <row r="28267" spans="1:12">
      <c r="A28267" s="6" t="s">
        <v>29010</v>
      </c>
      <c r="B28267" s="6"/>
      <c r="C28267" s="6" t="s">
        <v>29120</v>
      </c>
      <c r="D28267" s="6"/>
      <c r="E28267" s="6" t="s">
        <v>9</v>
      </c>
      <c r="F28267" s="7"/>
      <c r="G28267" s="8">
        <v>1</v>
      </c>
      <c r="H28267" s="8">
        <v>1</v>
      </c>
      <c r="I28267" s="8">
        <v>0</v>
      </c>
      <c r="J28267" s="8">
        <v>1</v>
      </c>
      <c r="K28267" s="9">
        <v>10</v>
      </c>
      <c r="L28267" s="6" t="s">
        <v>51</v>
      </c>
    </row>
    <row r="28268" spans="1:12">
      <c r="A28268" s="6" t="s">
        <v>29010</v>
      </c>
      <c r="B28268" s="6"/>
      <c r="C28268" s="6" t="s">
        <v>29121</v>
      </c>
      <c r="D28268" s="6"/>
      <c r="E28268" s="6" t="s">
        <v>9</v>
      </c>
      <c r="F28268" s="7"/>
      <c r="G28268" s="8">
        <v>1</v>
      </c>
      <c r="H28268" s="8">
        <v>1</v>
      </c>
      <c r="I28268" s="8">
        <v>0</v>
      </c>
      <c r="J28268" s="8">
        <v>1</v>
      </c>
      <c r="K28268" s="9">
        <v>10</v>
      </c>
      <c r="L28268" s="6" t="s">
        <v>51</v>
      </c>
    </row>
    <row r="28269" spans="1:12">
      <c r="A28269" s="6" t="s">
        <v>29010</v>
      </c>
      <c r="B28269" s="6"/>
      <c r="C28269" s="6" t="s">
        <v>29122</v>
      </c>
      <c r="D28269" s="6"/>
      <c r="E28269" s="6" t="s">
        <v>9</v>
      </c>
      <c r="F28269" s="7"/>
      <c r="G28269" s="8">
        <v>1</v>
      </c>
      <c r="H28269" s="8">
        <v>1</v>
      </c>
      <c r="I28269" s="8">
        <v>0</v>
      </c>
      <c r="J28269" s="8">
        <v>1</v>
      </c>
      <c r="K28269" s="9">
        <v>9.9499999999999904</v>
      </c>
      <c r="L28269" s="6" t="s">
        <v>51</v>
      </c>
    </row>
    <row r="28270" spans="1:12">
      <c r="A28270" s="6" t="s">
        <v>29010</v>
      </c>
      <c r="B28270" s="6"/>
      <c r="C28270" s="6" t="s">
        <v>29123</v>
      </c>
      <c r="D28270" s="6"/>
      <c r="E28270" s="6" t="s">
        <v>9</v>
      </c>
      <c r="F28270" s="7"/>
      <c r="G28270" s="8">
        <v>1</v>
      </c>
      <c r="H28270" s="8">
        <v>1</v>
      </c>
      <c r="I28270" s="8">
        <v>0</v>
      </c>
      <c r="J28270" s="8">
        <v>1</v>
      </c>
      <c r="K28270" s="9">
        <v>671.07</v>
      </c>
      <c r="L28270" s="6" t="s">
        <v>51</v>
      </c>
    </row>
    <row r="28271" spans="1:12">
      <c r="A28271" s="6" t="s">
        <v>29010</v>
      </c>
      <c r="B28271" s="6"/>
      <c r="C28271" s="6" t="s">
        <v>29124</v>
      </c>
      <c r="D28271" s="6"/>
      <c r="E28271" s="6" t="s">
        <v>9</v>
      </c>
      <c r="F28271" s="7"/>
      <c r="G28271" s="8">
        <v>1</v>
      </c>
      <c r="H28271" s="8">
        <v>1</v>
      </c>
      <c r="I28271" s="8">
        <v>0</v>
      </c>
      <c r="J28271" s="8">
        <v>1</v>
      </c>
      <c r="K28271" s="9">
        <v>79</v>
      </c>
      <c r="L28271" s="6" t="s">
        <v>51</v>
      </c>
    </row>
    <row r="28272" spans="1:12">
      <c r="A28272" s="6" t="s">
        <v>29010</v>
      </c>
      <c r="B28272" s="6"/>
      <c r="C28272" s="6" t="s">
        <v>29125</v>
      </c>
      <c r="D28272" s="6"/>
      <c r="E28272" s="6" t="s">
        <v>9</v>
      </c>
      <c r="F28272" s="7"/>
      <c r="G28272" s="8">
        <v>1</v>
      </c>
      <c r="H28272" s="8">
        <v>1</v>
      </c>
      <c r="I28272" s="8">
        <v>0</v>
      </c>
      <c r="J28272" s="8">
        <v>1</v>
      </c>
      <c r="K28272" s="9">
        <v>13</v>
      </c>
      <c r="L28272" s="6" t="s">
        <v>51</v>
      </c>
    </row>
    <row r="28273" spans="1:12">
      <c r="A28273" s="6" t="s">
        <v>29010</v>
      </c>
      <c r="B28273" s="6"/>
      <c r="C28273" s="6" t="s">
        <v>29126</v>
      </c>
      <c r="D28273" s="6"/>
      <c r="E28273" s="6" t="s">
        <v>9</v>
      </c>
      <c r="F28273" s="7"/>
      <c r="G28273" s="8">
        <v>1</v>
      </c>
      <c r="H28273" s="8">
        <v>1</v>
      </c>
      <c r="I28273" s="8">
        <v>0</v>
      </c>
      <c r="J28273" s="8">
        <v>1</v>
      </c>
      <c r="K28273" s="9">
        <v>9.91</v>
      </c>
      <c r="L28273" s="6" t="s">
        <v>51</v>
      </c>
    </row>
    <row r="28274" spans="1:12">
      <c r="A28274" s="6" t="s">
        <v>29010</v>
      </c>
      <c r="B28274" s="6"/>
      <c r="C28274" s="6" t="s">
        <v>29127</v>
      </c>
      <c r="D28274" s="6"/>
      <c r="E28274" s="6" t="s">
        <v>9</v>
      </c>
      <c r="F28274" s="7"/>
      <c r="G28274" s="8">
        <v>1</v>
      </c>
      <c r="H28274" s="8">
        <v>1</v>
      </c>
      <c r="I28274" s="8">
        <v>0</v>
      </c>
      <c r="J28274" s="8">
        <v>1</v>
      </c>
      <c r="K28274" s="9">
        <v>218</v>
      </c>
      <c r="L28274" s="6" t="s">
        <v>51</v>
      </c>
    </row>
    <row r="28275" spans="1:12">
      <c r="A28275" s="6" t="s">
        <v>29010</v>
      </c>
      <c r="B28275" s="6"/>
      <c r="C28275" s="6" t="s">
        <v>29128</v>
      </c>
      <c r="D28275" s="6"/>
      <c r="E28275" s="6" t="s">
        <v>9</v>
      </c>
      <c r="F28275" s="7"/>
      <c r="G28275" s="8">
        <v>1</v>
      </c>
      <c r="H28275" s="8">
        <v>1</v>
      </c>
      <c r="I28275" s="8">
        <v>0</v>
      </c>
      <c r="J28275" s="8">
        <v>1</v>
      </c>
      <c r="K28275" s="9">
        <v>7.11</v>
      </c>
      <c r="L28275" s="6" t="s">
        <v>51</v>
      </c>
    </row>
    <row r="28276" spans="1:12">
      <c r="A28276" s="6" t="s">
        <v>29010</v>
      </c>
      <c r="B28276" s="6"/>
      <c r="C28276" s="6" t="s">
        <v>29129</v>
      </c>
      <c r="D28276" s="6"/>
      <c r="E28276" s="6" t="s">
        <v>9</v>
      </c>
      <c r="F28276" s="7"/>
      <c r="G28276" s="8">
        <v>1</v>
      </c>
      <c r="H28276" s="8">
        <v>1</v>
      </c>
      <c r="I28276" s="8">
        <v>0</v>
      </c>
      <c r="J28276" s="8">
        <v>1</v>
      </c>
      <c r="K28276" s="9">
        <v>29</v>
      </c>
      <c r="L28276" s="6" t="s">
        <v>51</v>
      </c>
    </row>
    <row r="28277" spans="1:12">
      <c r="A28277" s="6" t="s">
        <v>29010</v>
      </c>
      <c r="B28277" s="6"/>
      <c r="C28277" s="6" t="s">
        <v>29130</v>
      </c>
      <c r="D28277" s="6"/>
      <c r="E28277" s="6" t="s">
        <v>9</v>
      </c>
      <c r="F28277" s="7"/>
      <c r="G28277" s="8">
        <v>1</v>
      </c>
      <c r="H28277" s="8">
        <v>1</v>
      </c>
      <c r="I28277" s="8">
        <v>0</v>
      </c>
      <c r="J28277" s="8">
        <v>1</v>
      </c>
      <c r="K28277" s="9">
        <v>2.31</v>
      </c>
      <c r="L28277" s="6" t="s">
        <v>51</v>
      </c>
    </row>
    <row r="28278" spans="1:12">
      <c r="A28278" s="6" t="s">
        <v>29010</v>
      </c>
      <c r="B28278" s="6"/>
      <c r="C28278" s="6" t="s">
        <v>29131</v>
      </c>
      <c r="D28278" s="6"/>
      <c r="E28278" s="6" t="s">
        <v>9</v>
      </c>
      <c r="F28278" s="7"/>
      <c r="G28278" s="8">
        <v>1</v>
      </c>
      <c r="H28278" s="8">
        <v>1</v>
      </c>
      <c r="I28278" s="8">
        <v>0</v>
      </c>
      <c r="J28278" s="8">
        <v>1</v>
      </c>
      <c r="K28278" s="9">
        <v>38</v>
      </c>
      <c r="L28278" s="6" t="s">
        <v>51</v>
      </c>
    </row>
    <row r="28279" spans="1:12">
      <c r="A28279" s="6" t="s">
        <v>29010</v>
      </c>
      <c r="B28279" s="6"/>
      <c r="C28279" s="6" t="s">
        <v>29132</v>
      </c>
      <c r="D28279" s="6"/>
      <c r="E28279" s="6" t="s">
        <v>9</v>
      </c>
      <c r="F28279" s="7"/>
      <c r="G28279" s="8">
        <v>1</v>
      </c>
      <c r="H28279" s="8">
        <v>1</v>
      </c>
      <c r="I28279" s="8">
        <v>0</v>
      </c>
      <c r="J28279" s="8">
        <v>1</v>
      </c>
      <c r="K28279" s="9">
        <v>64</v>
      </c>
      <c r="L28279" s="6" t="s">
        <v>51</v>
      </c>
    </row>
    <row r="28280" spans="1:12">
      <c r="A28280" s="6" t="s">
        <v>29010</v>
      </c>
      <c r="B28280" s="6"/>
      <c r="C28280" s="6" t="s">
        <v>29133</v>
      </c>
      <c r="D28280" s="6"/>
      <c r="E28280" s="6" t="s">
        <v>9</v>
      </c>
      <c r="F28280" s="7"/>
      <c r="G28280" s="8">
        <v>1</v>
      </c>
      <c r="H28280" s="8">
        <v>1</v>
      </c>
      <c r="I28280" s="8">
        <v>0</v>
      </c>
      <c r="J28280" s="8">
        <v>1</v>
      </c>
      <c r="K28280" s="9">
        <v>5.97</v>
      </c>
      <c r="L28280" s="6" t="s">
        <v>51</v>
      </c>
    </row>
    <row r="28281" spans="1:12">
      <c r="A28281" s="6" t="s">
        <v>29010</v>
      </c>
      <c r="B28281" s="6"/>
      <c r="C28281" s="6" t="s">
        <v>29134</v>
      </c>
      <c r="D28281" s="6"/>
      <c r="E28281" s="6" t="s">
        <v>9</v>
      </c>
      <c r="F28281" s="7"/>
      <c r="G28281" s="8">
        <v>1</v>
      </c>
      <c r="H28281" s="8">
        <v>1</v>
      </c>
      <c r="I28281" s="8">
        <v>0</v>
      </c>
      <c r="J28281" s="8">
        <v>1</v>
      </c>
      <c r="K28281" s="9">
        <v>661.15</v>
      </c>
      <c r="L28281" s="6" t="s">
        <v>51</v>
      </c>
    </row>
    <row r="28282" spans="1:12">
      <c r="A28282" s="6" t="s">
        <v>29010</v>
      </c>
      <c r="B28282" s="6"/>
      <c r="C28282" s="6" t="s">
        <v>29135</v>
      </c>
      <c r="D28282" s="6"/>
      <c r="E28282" s="6" t="s">
        <v>9</v>
      </c>
      <c r="F28282" s="7"/>
      <c r="G28282" s="8">
        <v>1</v>
      </c>
      <c r="H28282" s="8">
        <v>1</v>
      </c>
      <c r="I28282" s="8">
        <v>0</v>
      </c>
      <c r="J28282" s="8">
        <v>1</v>
      </c>
      <c r="K28282" s="9">
        <v>1.44</v>
      </c>
      <c r="L28282" s="6" t="s">
        <v>51</v>
      </c>
    </row>
    <row r="28283" spans="1:12">
      <c r="A28283" s="6" t="s">
        <v>29010</v>
      </c>
      <c r="B28283" s="6"/>
      <c r="C28283" s="6" t="s">
        <v>29136</v>
      </c>
      <c r="D28283" s="6"/>
      <c r="E28283" s="6" t="s">
        <v>9</v>
      </c>
      <c r="F28283" s="7"/>
      <c r="G28283" s="8">
        <v>1</v>
      </c>
      <c r="H28283" s="8">
        <v>1</v>
      </c>
      <c r="I28283" s="8">
        <v>0</v>
      </c>
      <c r="J28283" s="8">
        <v>1</v>
      </c>
      <c r="K28283" s="9">
        <v>16</v>
      </c>
      <c r="L28283" s="6" t="s">
        <v>51</v>
      </c>
    </row>
    <row r="28284" spans="1:12">
      <c r="A28284" s="6" t="s">
        <v>29010</v>
      </c>
      <c r="B28284" s="6"/>
      <c r="C28284" s="6" t="s">
        <v>29137</v>
      </c>
      <c r="D28284" s="6"/>
      <c r="E28284" s="6" t="s">
        <v>9</v>
      </c>
      <c r="F28284" s="7"/>
      <c r="G28284" s="8">
        <v>1</v>
      </c>
      <c r="H28284" s="8">
        <v>1</v>
      </c>
      <c r="I28284" s="8">
        <v>0</v>
      </c>
      <c r="J28284" s="8">
        <v>1</v>
      </c>
      <c r="K28284" s="9">
        <v>36</v>
      </c>
      <c r="L28284" s="6" t="s">
        <v>51</v>
      </c>
    </row>
    <row r="28285" spans="1:12">
      <c r="A28285" s="6" t="s">
        <v>29010</v>
      </c>
      <c r="B28285" s="6"/>
      <c r="C28285" s="6" t="s">
        <v>29138</v>
      </c>
      <c r="D28285" s="6"/>
      <c r="E28285" s="6" t="s">
        <v>9</v>
      </c>
      <c r="F28285" s="7"/>
      <c r="G28285" s="8">
        <v>1</v>
      </c>
      <c r="H28285" s="8">
        <v>1</v>
      </c>
      <c r="I28285" s="8">
        <v>0</v>
      </c>
      <c r="J28285" s="8">
        <v>1</v>
      </c>
      <c r="K28285" s="9">
        <v>3.3</v>
      </c>
      <c r="L28285" s="6" t="s">
        <v>51</v>
      </c>
    </row>
    <row r="28286" spans="1:12">
      <c r="A28286" s="6" t="s">
        <v>29010</v>
      </c>
      <c r="B28286" s="6"/>
      <c r="C28286" s="6" t="s">
        <v>29139</v>
      </c>
      <c r="D28286" s="6"/>
      <c r="E28286" s="6" t="s">
        <v>9</v>
      </c>
      <c r="F28286" s="7"/>
      <c r="G28286" s="8">
        <v>1</v>
      </c>
      <c r="H28286" s="8">
        <v>1</v>
      </c>
      <c r="I28286" s="8">
        <v>0</v>
      </c>
      <c r="J28286" s="8">
        <v>1</v>
      </c>
      <c r="K28286" s="9">
        <v>62</v>
      </c>
      <c r="L28286" s="6" t="s">
        <v>51</v>
      </c>
    </row>
    <row r="28287" spans="1:12">
      <c r="A28287" s="6" t="s">
        <v>29010</v>
      </c>
      <c r="B28287" s="6"/>
      <c r="C28287" s="6" t="s">
        <v>29140</v>
      </c>
      <c r="D28287" s="6"/>
      <c r="E28287" s="6" t="s">
        <v>9</v>
      </c>
      <c r="F28287" s="7"/>
      <c r="G28287" s="8">
        <v>1</v>
      </c>
      <c r="H28287" s="8">
        <v>1</v>
      </c>
      <c r="I28287" s="8">
        <v>0</v>
      </c>
      <c r="J28287" s="8">
        <v>1</v>
      </c>
      <c r="K28287" s="9">
        <v>9.91</v>
      </c>
      <c r="L28287" s="6" t="s">
        <v>51</v>
      </c>
    </row>
    <row r="28288" spans="1:12">
      <c r="A28288" s="6" t="s">
        <v>29010</v>
      </c>
      <c r="B28288" s="6"/>
      <c r="C28288" s="6" t="s">
        <v>29141</v>
      </c>
      <c r="D28288" s="6"/>
      <c r="E28288" s="6" t="s">
        <v>9</v>
      </c>
      <c r="F28288" s="7"/>
      <c r="G28288" s="8">
        <v>1</v>
      </c>
      <c r="H28288" s="8">
        <v>1</v>
      </c>
      <c r="I28288" s="8">
        <v>0</v>
      </c>
      <c r="J28288" s="8">
        <v>1</v>
      </c>
      <c r="K28288" s="9">
        <v>77</v>
      </c>
      <c r="L28288" s="6" t="s">
        <v>51</v>
      </c>
    </row>
    <row r="28289" spans="1:12">
      <c r="A28289" s="6" t="s">
        <v>29010</v>
      </c>
      <c r="B28289" s="6"/>
      <c r="C28289" s="6" t="s">
        <v>29142</v>
      </c>
      <c r="D28289" s="6"/>
      <c r="E28289" s="6" t="s">
        <v>9</v>
      </c>
      <c r="F28289" s="7"/>
      <c r="G28289" s="8">
        <v>1</v>
      </c>
      <c r="H28289" s="8">
        <v>1</v>
      </c>
      <c r="I28289" s="8">
        <v>0</v>
      </c>
      <c r="J28289" s="8">
        <v>1</v>
      </c>
      <c r="K28289" s="9">
        <v>206</v>
      </c>
      <c r="L28289" s="6" t="s">
        <v>51</v>
      </c>
    </row>
    <row r="28290" spans="1:12">
      <c r="A28290" s="6" t="s">
        <v>29010</v>
      </c>
      <c r="B28290" s="6"/>
      <c r="C28290" s="6" t="s">
        <v>29143</v>
      </c>
      <c r="D28290" s="6"/>
      <c r="E28290" s="6" t="s">
        <v>9</v>
      </c>
      <c r="F28290" s="7"/>
      <c r="G28290" s="8">
        <v>1</v>
      </c>
      <c r="H28290" s="8">
        <v>1</v>
      </c>
      <c r="I28290" s="8">
        <v>0</v>
      </c>
      <c r="J28290" s="8">
        <v>1</v>
      </c>
      <c r="K28290" s="9">
        <v>13</v>
      </c>
      <c r="L28290" s="6" t="s">
        <v>51</v>
      </c>
    </row>
    <row r="28291" spans="1:12">
      <c r="A28291" s="6" t="s">
        <v>29010</v>
      </c>
      <c r="B28291" s="6"/>
      <c r="C28291" s="6" t="s">
        <v>29144</v>
      </c>
      <c r="D28291" s="6"/>
      <c r="E28291" s="6" t="s">
        <v>9</v>
      </c>
      <c r="F28291" s="7"/>
      <c r="G28291" s="8">
        <v>1</v>
      </c>
      <c r="H28291" s="8">
        <v>1</v>
      </c>
      <c r="I28291" s="8">
        <v>0</v>
      </c>
      <c r="J28291" s="8">
        <v>1</v>
      </c>
      <c r="K28291" s="9">
        <v>9.91</v>
      </c>
      <c r="L28291" s="6" t="s">
        <v>51</v>
      </c>
    </row>
    <row r="28292" spans="1:12">
      <c r="A28292" s="6" t="s">
        <v>29010</v>
      </c>
      <c r="B28292" s="6"/>
      <c r="C28292" s="6" t="s">
        <v>29145</v>
      </c>
      <c r="D28292" s="6"/>
      <c r="E28292" s="6" t="s">
        <v>9</v>
      </c>
      <c r="F28292" s="7"/>
      <c r="G28292" s="8">
        <v>1</v>
      </c>
      <c r="H28292" s="8">
        <v>1</v>
      </c>
      <c r="I28292" s="8">
        <v>0</v>
      </c>
      <c r="J28292" s="8">
        <v>1</v>
      </c>
      <c r="K28292" s="9">
        <v>991.73</v>
      </c>
      <c r="L28292" s="6" t="s">
        <v>51</v>
      </c>
    </row>
    <row r="28293" spans="1:12">
      <c r="A28293" s="6" t="s">
        <v>29010</v>
      </c>
      <c r="B28293" s="6"/>
      <c r="C28293" s="6" t="s">
        <v>29146</v>
      </c>
      <c r="D28293" s="6"/>
      <c r="E28293" s="6" t="s">
        <v>9</v>
      </c>
      <c r="F28293" s="7"/>
      <c r="G28293" s="8">
        <v>1</v>
      </c>
      <c r="H28293" s="8">
        <v>1</v>
      </c>
      <c r="I28293" s="8">
        <v>0</v>
      </c>
      <c r="J28293" s="8">
        <v>1</v>
      </c>
      <c r="K28293" s="9">
        <v>148</v>
      </c>
      <c r="L28293" s="6" t="s">
        <v>51</v>
      </c>
    </row>
    <row r="28294" spans="1:12">
      <c r="A28294" s="6" t="s">
        <v>29010</v>
      </c>
      <c r="B28294" s="6"/>
      <c r="C28294" s="6" t="s">
        <v>29147</v>
      </c>
      <c r="D28294" s="6"/>
      <c r="E28294" s="6" t="s">
        <v>9</v>
      </c>
      <c r="F28294" s="7"/>
      <c r="G28294" s="8">
        <v>1</v>
      </c>
      <c r="H28294" s="8">
        <v>1</v>
      </c>
      <c r="I28294" s="8">
        <v>0</v>
      </c>
      <c r="J28294" s="8">
        <v>1</v>
      </c>
      <c r="K28294" s="9">
        <v>142</v>
      </c>
      <c r="L28294" s="6" t="s">
        <v>51</v>
      </c>
    </row>
    <row r="28295" spans="1:12">
      <c r="A28295" s="6" t="s">
        <v>29010</v>
      </c>
      <c r="B28295" s="6"/>
      <c r="C28295" s="6" t="s">
        <v>29148</v>
      </c>
      <c r="D28295" s="6"/>
      <c r="E28295" s="6" t="s">
        <v>9</v>
      </c>
      <c r="F28295" s="7"/>
      <c r="G28295" s="8">
        <v>1</v>
      </c>
      <c r="H28295" s="8">
        <v>1</v>
      </c>
      <c r="I28295" s="8">
        <v>0</v>
      </c>
      <c r="J28295" s="8">
        <v>1</v>
      </c>
      <c r="K28295" s="9">
        <v>72</v>
      </c>
      <c r="L28295" s="6" t="s">
        <v>51</v>
      </c>
    </row>
    <row r="28296" spans="1:12">
      <c r="A28296" s="6" t="s">
        <v>29010</v>
      </c>
      <c r="B28296" s="6"/>
      <c r="C28296" s="6" t="s">
        <v>29149</v>
      </c>
      <c r="D28296" s="6"/>
      <c r="E28296" s="6" t="s">
        <v>9</v>
      </c>
      <c r="F28296" s="7"/>
      <c r="G28296" s="8">
        <v>1</v>
      </c>
      <c r="H28296" s="8">
        <v>1</v>
      </c>
      <c r="I28296" s="8">
        <v>0</v>
      </c>
      <c r="J28296" s="8">
        <v>1</v>
      </c>
      <c r="K28296" s="9">
        <v>12</v>
      </c>
      <c r="L28296" s="6" t="s">
        <v>51</v>
      </c>
    </row>
    <row r="28297" spans="1:12">
      <c r="A28297" s="6" t="s">
        <v>29010</v>
      </c>
      <c r="B28297" s="6"/>
      <c r="C28297" s="6" t="s">
        <v>29150</v>
      </c>
      <c r="D28297" s="6"/>
      <c r="E28297" s="6" t="s">
        <v>9</v>
      </c>
      <c r="F28297" s="7"/>
      <c r="G28297" s="8">
        <v>1</v>
      </c>
      <c r="H28297" s="8">
        <v>1</v>
      </c>
      <c r="I28297" s="8">
        <v>0</v>
      </c>
      <c r="J28297" s="8">
        <v>1</v>
      </c>
      <c r="K28297" s="9">
        <v>18</v>
      </c>
      <c r="L28297" s="6" t="s">
        <v>51</v>
      </c>
    </row>
    <row r="28298" spans="1:12">
      <c r="A28298" s="6" t="s">
        <v>29010</v>
      </c>
      <c r="B28298" s="6"/>
      <c r="C28298" s="6" t="s">
        <v>29151</v>
      </c>
      <c r="D28298" s="6"/>
      <c r="E28298" s="6" t="s">
        <v>9</v>
      </c>
      <c r="F28298" s="7"/>
      <c r="G28298" s="8">
        <v>1</v>
      </c>
      <c r="H28298" s="8">
        <v>1</v>
      </c>
      <c r="I28298" s="8">
        <v>0</v>
      </c>
      <c r="J28298" s="8">
        <v>1</v>
      </c>
      <c r="K28298" s="9">
        <v>30</v>
      </c>
      <c r="L28298" s="6" t="s">
        <v>51</v>
      </c>
    </row>
    <row r="28299" spans="1:12">
      <c r="A28299" s="6" t="s">
        <v>29010</v>
      </c>
      <c r="B28299" s="6"/>
      <c r="C28299" s="6" t="s">
        <v>29152</v>
      </c>
      <c r="D28299" s="6"/>
      <c r="E28299" s="6" t="s">
        <v>9</v>
      </c>
      <c r="F28299" s="7"/>
      <c r="G28299" s="8">
        <v>1</v>
      </c>
      <c r="H28299" s="8">
        <v>1</v>
      </c>
      <c r="I28299" s="8">
        <v>0</v>
      </c>
      <c r="J28299" s="8">
        <v>1</v>
      </c>
      <c r="K28299" s="9">
        <v>5.7</v>
      </c>
      <c r="L28299" s="6" t="s">
        <v>51</v>
      </c>
    </row>
    <row r="28300" spans="1:12">
      <c r="A28300" s="6" t="s">
        <v>29010</v>
      </c>
      <c r="B28300" s="6"/>
      <c r="C28300" s="6" t="s">
        <v>29153</v>
      </c>
      <c r="D28300" s="6"/>
      <c r="E28300" s="6" t="s">
        <v>9</v>
      </c>
      <c r="F28300" s="7"/>
      <c r="G28300" s="8">
        <v>1</v>
      </c>
      <c r="H28300" s="8">
        <v>1</v>
      </c>
      <c r="I28300" s="8">
        <v>0</v>
      </c>
      <c r="J28300" s="8">
        <v>1</v>
      </c>
      <c r="K28300" s="9">
        <v>19</v>
      </c>
      <c r="L28300" s="6" t="s">
        <v>51</v>
      </c>
    </row>
    <row r="28301" spans="1:12">
      <c r="A28301" s="6" t="s">
        <v>29010</v>
      </c>
      <c r="B28301" s="6"/>
      <c r="C28301" s="6" t="s">
        <v>29154</v>
      </c>
      <c r="D28301" s="6"/>
      <c r="E28301" s="6" t="s">
        <v>9</v>
      </c>
      <c r="F28301" s="7"/>
      <c r="G28301" s="8">
        <v>1</v>
      </c>
      <c r="H28301" s="8">
        <v>1</v>
      </c>
      <c r="I28301" s="8">
        <v>0</v>
      </c>
      <c r="J28301" s="8">
        <v>1</v>
      </c>
      <c r="K28301" s="9">
        <v>112</v>
      </c>
      <c r="L28301" s="6" t="s">
        <v>51</v>
      </c>
    </row>
    <row r="28302" spans="1:12">
      <c r="A28302" s="6" t="s">
        <v>29010</v>
      </c>
      <c r="B28302" s="6"/>
      <c r="C28302" s="6" t="s">
        <v>29155</v>
      </c>
      <c r="D28302" s="6"/>
      <c r="E28302" s="6" t="s">
        <v>9</v>
      </c>
      <c r="F28302" s="7"/>
      <c r="G28302" s="8">
        <v>1</v>
      </c>
      <c r="H28302" s="8">
        <v>1</v>
      </c>
      <c r="I28302" s="8">
        <v>0</v>
      </c>
      <c r="J28302" s="8">
        <v>1</v>
      </c>
      <c r="K28302" s="9">
        <v>7.81</v>
      </c>
      <c r="L28302" s="6" t="s">
        <v>51</v>
      </c>
    </row>
    <row r="28303" spans="1:12">
      <c r="A28303" s="6" t="s">
        <v>29010</v>
      </c>
      <c r="B28303" s="6"/>
      <c r="C28303" s="6" t="s">
        <v>29156</v>
      </c>
      <c r="D28303" s="6"/>
      <c r="E28303" s="6" t="s">
        <v>9</v>
      </c>
      <c r="F28303" s="7"/>
      <c r="G28303" s="8">
        <v>1</v>
      </c>
      <c r="H28303" s="8">
        <v>1</v>
      </c>
      <c r="I28303" s="8">
        <v>0</v>
      </c>
      <c r="J28303" s="8">
        <v>1</v>
      </c>
      <c r="K28303" s="9">
        <v>357.02</v>
      </c>
      <c r="L28303" s="6" t="s">
        <v>51</v>
      </c>
    </row>
    <row r="28304" spans="1:12">
      <c r="A28304" s="6" t="s">
        <v>29010</v>
      </c>
      <c r="B28304" s="6"/>
      <c r="C28304" s="6" t="s">
        <v>29157</v>
      </c>
      <c r="D28304" s="6"/>
      <c r="E28304" s="6" t="s">
        <v>9</v>
      </c>
      <c r="F28304" s="7"/>
      <c r="G28304" s="8">
        <v>1</v>
      </c>
      <c r="H28304" s="8">
        <v>1</v>
      </c>
      <c r="I28304" s="8">
        <v>0</v>
      </c>
      <c r="J28304" s="8">
        <v>1</v>
      </c>
      <c r="K28304" s="9">
        <v>82</v>
      </c>
      <c r="L28304" s="6" t="s">
        <v>51</v>
      </c>
    </row>
    <row r="28305" spans="1:12">
      <c r="A28305" s="6" t="s">
        <v>29010</v>
      </c>
      <c r="B28305" s="6"/>
      <c r="C28305" s="6" t="s">
        <v>29158</v>
      </c>
      <c r="D28305" s="6"/>
      <c r="E28305" s="6" t="s">
        <v>9</v>
      </c>
      <c r="F28305" s="7"/>
      <c r="G28305" s="8">
        <v>1</v>
      </c>
      <c r="H28305" s="8">
        <v>1</v>
      </c>
      <c r="I28305" s="8">
        <v>0</v>
      </c>
      <c r="J28305" s="8">
        <v>1</v>
      </c>
      <c r="K28305" s="9">
        <v>3.7</v>
      </c>
      <c r="L28305" s="6" t="s">
        <v>51</v>
      </c>
    </row>
    <row r="28306" spans="1:12">
      <c r="A28306" s="6" t="s">
        <v>29010</v>
      </c>
      <c r="B28306" s="6"/>
      <c r="C28306" s="6" t="s">
        <v>29159</v>
      </c>
      <c r="D28306" s="6"/>
      <c r="E28306" s="6" t="s">
        <v>9</v>
      </c>
      <c r="F28306" s="7"/>
      <c r="G28306" s="8">
        <v>1</v>
      </c>
      <c r="H28306" s="8">
        <v>1</v>
      </c>
      <c r="I28306" s="8">
        <v>0</v>
      </c>
      <c r="J28306" s="8">
        <v>1</v>
      </c>
      <c r="K28306" s="9">
        <v>204</v>
      </c>
      <c r="L28306" s="6" t="s">
        <v>51</v>
      </c>
    </row>
    <row r="28307" spans="1:12">
      <c r="A28307" s="6" t="s">
        <v>29010</v>
      </c>
      <c r="B28307" s="6"/>
      <c r="C28307" s="6" t="s">
        <v>29160</v>
      </c>
      <c r="D28307" s="6"/>
      <c r="E28307" s="6" t="s">
        <v>9</v>
      </c>
      <c r="F28307" s="7"/>
      <c r="G28307" s="8">
        <v>1</v>
      </c>
      <c r="H28307" s="8">
        <v>1</v>
      </c>
      <c r="I28307" s="8">
        <v>0</v>
      </c>
      <c r="J28307" s="8">
        <v>1</v>
      </c>
      <c r="K28307" s="9">
        <v>23</v>
      </c>
      <c r="L28307" s="6" t="s">
        <v>51</v>
      </c>
    </row>
    <row r="28308" spans="1:12">
      <c r="A28308" s="6" t="s">
        <v>29010</v>
      </c>
      <c r="B28308" s="6"/>
      <c r="C28308" s="6" t="s">
        <v>29161</v>
      </c>
      <c r="D28308" s="6"/>
      <c r="E28308" s="6" t="s">
        <v>9</v>
      </c>
      <c r="F28308" s="7"/>
      <c r="G28308" s="8">
        <v>1</v>
      </c>
      <c r="H28308" s="8">
        <v>1</v>
      </c>
      <c r="I28308" s="8">
        <v>0</v>
      </c>
      <c r="J28308" s="8">
        <v>1</v>
      </c>
      <c r="K28308" s="9">
        <v>46</v>
      </c>
      <c r="L28308" s="6" t="s">
        <v>51</v>
      </c>
    </row>
    <row r="28309" spans="1:12">
      <c r="A28309" s="6" t="s">
        <v>29010</v>
      </c>
      <c r="B28309" s="6"/>
      <c r="C28309" s="6" t="s">
        <v>29162</v>
      </c>
      <c r="D28309" s="6"/>
      <c r="E28309" s="6" t="s">
        <v>9</v>
      </c>
      <c r="F28309" s="7"/>
      <c r="G28309" s="8">
        <v>1</v>
      </c>
      <c r="H28309" s="8">
        <v>1</v>
      </c>
      <c r="I28309" s="8">
        <v>0</v>
      </c>
      <c r="J28309" s="8">
        <v>1</v>
      </c>
      <c r="K28309" s="9">
        <v>6.61</v>
      </c>
      <c r="L28309" s="6" t="s">
        <v>51</v>
      </c>
    </row>
    <row r="28310" spans="1:12">
      <c r="A28310" s="6" t="s">
        <v>29010</v>
      </c>
      <c r="B28310" s="6"/>
      <c r="C28310" s="6" t="s">
        <v>29163</v>
      </c>
      <c r="D28310" s="6"/>
      <c r="E28310" s="6" t="s">
        <v>9</v>
      </c>
      <c r="F28310" s="7"/>
      <c r="G28310" s="8">
        <v>1</v>
      </c>
      <c r="H28310" s="8">
        <v>1</v>
      </c>
      <c r="I28310" s="8">
        <v>0</v>
      </c>
      <c r="J28310" s="8">
        <v>1</v>
      </c>
      <c r="K28310" s="9">
        <v>3.3</v>
      </c>
      <c r="L28310" s="6" t="s">
        <v>51</v>
      </c>
    </row>
    <row r="28311" spans="1:12">
      <c r="A28311" s="6" t="s">
        <v>29010</v>
      </c>
      <c r="B28311" s="6"/>
      <c r="C28311" s="6" t="s">
        <v>29164</v>
      </c>
      <c r="D28311" s="6"/>
      <c r="E28311" s="6" t="s">
        <v>9</v>
      </c>
      <c r="F28311" s="7"/>
      <c r="G28311" s="8">
        <v>1</v>
      </c>
      <c r="H28311" s="8">
        <v>1</v>
      </c>
      <c r="I28311" s="8">
        <v>0</v>
      </c>
      <c r="J28311" s="8">
        <v>1</v>
      </c>
      <c r="K28311" s="9">
        <v>26</v>
      </c>
      <c r="L28311" s="6" t="s">
        <v>51</v>
      </c>
    </row>
    <row r="28312" spans="1:12">
      <c r="A28312" s="6" t="s">
        <v>29010</v>
      </c>
      <c r="B28312" s="6"/>
      <c r="C28312" s="6" t="s">
        <v>29165</v>
      </c>
      <c r="D28312" s="6"/>
      <c r="E28312" s="6" t="s">
        <v>9</v>
      </c>
      <c r="F28312" s="7"/>
      <c r="G28312" s="8">
        <v>1</v>
      </c>
      <c r="H28312" s="8">
        <v>1</v>
      </c>
      <c r="I28312" s="8">
        <v>0</v>
      </c>
      <c r="J28312" s="8">
        <v>1</v>
      </c>
      <c r="K28312" s="9">
        <v>99</v>
      </c>
      <c r="L28312" s="6" t="s">
        <v>51</v>
      </c>
    </row>
    <row r="28313" spans="1:12">
      <c r="A28313" s="6" t="s">
        <v>29010</v>
      </c>
      <c r="B28313" s="6"/>
      <c r="C28313" s="6" t="s">
        <v>29166</v>
      </c>
      <c r="D28313" s="6"/>
      <c r="E28313" s="6" t="s">
        <v>9</v>
      </c>
      <c r="F28313" s="7"/>
      <c r="G28313" s="8">
        <v>1</v>
      </c>
      <c r="H28313" s="8">
        <v>1</v>
      </c>
      <c r="I28313" s="8">
        <v>0</v>
      </c>
      <c r="J28313" s="8">
        <v>1</v>
      </c>
      <c r="K28313" s="9">
        <v>56</v>
      </c>
      <c r="L28313" s="6" t="s">
        <v>51</v>
      </c>
    </row>
    <row r="28314" spans="1:12">
      <c r="A28314" s="6" t="s">
        <v>29010</v>
      </c>
      <c r="B28314" s="6"/>
      <c r="C28314" s="6" t="s">
        <v>29167</v>
      </c>
      <c r="D28314" s="6"/>
      <c r="E28314" s="6" t="s">
        <v>9</v>
      </c>
      <c r="F28314" s="7"/>
      <c r="G28314" s="8">
        <v>1</v>
      </c>
      <c r="H28314" s="8">
        <v>1</v>
      </c>
      <c r="I28314" s="8">
        <v>0</v>
      </c>
      <c r="J28314" s="8">
        <v>1</v>
      </c>
      <c r="K28314" s="9">
        <v>231.4</v>
      </c>
      <c r="L28314" s="6" t="s">
        <v>51</v>
      </c>
    </row>
    <row r="28315" spans="1:12">
      <c r="A28315" s="6" t="s">
        <v>29010</v>
      </c>
      <c r="B28315" s="6"/>
      <c r="C28315" s="6" t="s">
        <v>29168</v>
      </c>
      <c r="D28315" s="6"/>
      <c r="E28315" s="6" t="s">
        <v>9</v>
      </c>
      <c r="F28315" s="7"/>
      <c r="G28315" s="8">
        <v>1</v>
      </c>
      <c r="H28315" s="8">
        <v>1</v>
      </c>
      <c r="I28315" s="8">
        <v>0</v>
      </c>
      <c r="J28315" s="8">
        <v>1</v>
      </c>
      <c r="K28315" s="9">
        <v>42</v>
      </c>
      <c r="L28315" s="6" t="s">
        <v>51</v>
      </c>
    </row>
    <row r="28316" spans="1:12">
      <c r="A28316" s="6" t="s">
        <v>29010</v>
      </c>
      <c r="B28316" s="6"/>
      <c r="C28316" s="6" t="s">
        <v>29169</v>
      </c>
      <c r="D28316" s="6"/>
      <c r="E28316" s="6" t="s">
        <v>9</v>
      </c>
      <c r="F28316" s="7"/>
      <c r="G28316" s="8">
        <v>1</v>
      </c>
      <c r="H28316" s="8">
        <v>1</v>
      </c>
      <c r="I28316" s="8">
        <v>0</v>
      </c>
      <c r="J28316" s="8">
        <v>1</v>
      </c>
      <c r="K28316" s="9">
        <v>23</v>
      </c>
      <c r="L28316" s="6" t="s">
        <v>51</v>
      </c>
    </row>
    <row r="28317" spans="1:12">
      <c r="A28317" s="6" t="s">
        <v>29010</v>
      </c>
      <c r="B28317" s="6"/>
      <c r="C28317" s="6" t="s">
        <v>29170</v>
      </c>
      <c r="D28317" s="6"/>
      <c r="E28317" s="6" t="s">
        <v>9</v>
      </c>
      <c r="F28317" s="7"/>
      <c r="G28317" s="8">
        <v>1</v>
      </c>
      <c r="H28317" s="8">
        <v>1</v>
      </c>
      <c r="I28317" s="8">
        <v>0</v>
      </c>
      <c r="J28317" s="8">
        <v>1</v>
      </c>
      <c r="K28317" s="9">
        <v>6.61</v>
      </c>
      <c r="L28317" s="6" t="s">
        <v>51</v>
      </c>
    </row>
    <row r="28318" spans="1:12">
      <c r="A28318" s="6" t="s">
        <v>29010</v>
      </c>
      <c r="B28318" s="6"/>
      <c r="C28318" s="6" t="s">
        <v>29171</v>
      </c>
      <c r="D28318" s="6"/>
      <c r="E28318" s="6" t="s">
        <v>9</v>
      </c>
      <c r="F28318" s="7"/>
      <c r="G28318" s="8">
        <v>1</v>
      </c>
      <c r="H28318" s="8">
        <v>1</v>
      </c>
      <c r="I28318" s="8">
        <v>0</v>
      </c>
      <c r="J28318" s="8">
        <v>1</v>
      </c>
      <c r="K28318" s="9">
        <v>13</v>
      </c>
      <c r="L28318" s="6" t="s">
        <v>51</v>
      </c>
    </row>
    <row r="28319" spans="1:12">
      <c r="A28319" s="6" t="s">
        <v>29010</v>
      </c>
      <c r="B28319" s="6"/>
      <c r="C28319" s="6" t="s">
        <v>29172</v>
      </c>
      <c r="D28319" s="6"/>
      <c r="E28319" s="6" t="s">
        <v>9</v>
      </c>
      <c r="F28319" s="7"/>
      <c r="G28319" s="8">
        <v>1</v>
      </c>
      <c r="H28319" s="8">
        <v>1</v>
      </c>
      <c r="I28319" s="8">
        <v>0</v>
      </c>
      <c r="J28319" s="8">
        <v>1</v>
      </c>
      <c r="K28319" s="9">
        <v>29</v>
      </c>
      <c r="L28319" s="6" t="s">
        <v>51</v>
      </c>
    </row>
    <row r="28320" spans="1:12">
      <c r="A28320" s="6" t="s">
        <v>29010</v>
      </c>
      <c r="B28320" s="6"/>
      <c r="C28320" s="6" t="s">
        <v>29173</v>
      </c>
      <c r="D28320" s="6"/>
      <c r="E28320" s="6" t="s">
        <v>9</v>
      </c>
      <c r="F28320" s="7"/>
      <c r="G28320" s="8">
        <v>1</v>
      </c>
      <c r="H28320" s="8">
        <v>1</v>
      </c>
      <c r="I28320" s="8">
        <v>0</v>
      </c>
      <c r="J28320" s="8">
        <v>1</v>
      </c>
      <c r="K28320" s="9">
        <v>26</v>
      </c>
      <c r="L28320" s="6" t="s">
        <v>51</v>
      </c>
    </row>
    <row r="28321" spans="1:12">
      <c r="A28321" s="6" t="s">
        <v>29010</v>
      </c>
      <c r="B28321" s="6"/>
      <c r="C28321" s="6" t="s">
        <v>29174</v>
      </c>
      <c r="D28321" s="6"/>
      <c r="E28321" s="6" t="s">
        <v>9</v>
      </c>
      <c r="F28321" s="7"/>
      <c r="G28321" s="8">
        <v>1</v>
      </c>
      <c r="H28321" s="8">
        <v>1</v>
      </c>
      <c r="I28321" s="8">
        <v>0</v>
      </c>
      <c r="J28321" s="8">
        <v>1</v>
      </c>
      <c r="K28321" s="9">
        <v>19</v>
      </c>
      <c r="L28321" s="6" t="s">
        <v>51</v>
      </c>
    </row>
    <row r="28322" spans="1:12">
      <c r="A28322" s="6" t="s">
        <v>29010</v>
      </c>
      <c r="B28322" s="6"/>
      <c r="C28322" s="6" t="s">
        <v>29175</v>
      </c>
      <c r="D28322" s="6"/>
      <c r="E28322" s="6" t="s">
        <v>9</v>
      </c>
      <c r="F28322" s="7"/>
      <c r="G28322" s="8">
        <v>1</v>
      </c>
      <c r="H28322" s="8">
        <v>1</v>
      </c>
      <c r="I28322" s="8">
        <v>0</v>
      </c>
      <c r="J28322" s="8">
        <v>1</v>
      </c>
      <c r="K28322" s="9">
        <v>39</v>
      </c>
      <c r="L28322" s="6" t="s">
        <v>51</v>
      </c>
    </row>
    <row r="28323" spans="1:12">
      <c r="A28323" s="6" t="s">
        <v>29010</v>
      </c>
      <c r="B28323" s="6"/>
      <c r="C28323" s="6" t="s">
        <v>29176</v>
      </c>
      <c r="D28323" s="6"/>
      <c r="E28323" s="6" t="s">
        <v>9</v>
      </c>
      <c r="F28323" s="7"/>
      <c r="G28323" s="8">
        <v>1</v>
      </c>
      <c r="H28323" s="8">
        <v>1</v>
      </c>
      <c r="I28323" s="8">
        <v>0</v>
      </c>
      <c r="J28323" s="8">
        <v>1</v>
      </c>
      <c r="K28323" s="9">
        <v>31</v>
      </c>
      <c r="L28323" s="6" t="s">
        <v>51</v>
      </c>
    </row>
    <row r="28324" spans="1:12">
      <c r="A28324" s="6" t="s">
        <v>29010</v>
      </c>
      <c r="B28324" s="6"/>
      <c r="C28324" s="6" t="s">
        <v>29177</v>
      </c>
      <c r="D28324" s="6"/>
      <c r="E28324" s="6" t="s">
        <v>9</v>
      </c>
      <c r="F28324" s="7"/>
      <c r="G28324" s="8">
        <v>1</v>
      </c>
      <c r="H28324" s="8">
        <v>1</v>
      </c>
      <c r="I28324" s="8">
        <v>0</v>
      </c>
      <c r="J28324" s="8">
        <v>1</v>
      </c>
      <c r="K28324" s="9">
        <v>30</v>
      </c>
      <c r="L28324" s="6" t="s">
        <v>51</v>
      </c>
    </row>
    <row r="28325" spans="1:12">
      <c r="A28325" s="6" t="s">
        <v>29010</v>
      </c>
      <c r="B28325" s="6"/>
      <c r="C28325" s="6" t="s">
        <v>29178</v>
      </c>
      <c r="D28325" s="6"/>
      <c r="E28325" s="6" t="s">
        <v>9</v>
      </c>
      <c r="F28325" s="7"/>
      <c r="G28325" s="8">
        <v>1</v>
      </c>
      <c r="H28325" s="8">
        <v>1</v>
      </c>
      <c r="I28325" s="8">
        <v>0</v>
      </c>
      <c r="J28325" s="8">
        <v>1</v>
      </c>
      <c r="K28325" s="9">
        <v>1561.98</v>
      </c>
      <c r="L28325" s="6" t="s">
        <v>51</v>
      </c>
    </row>
    <row r="28326" spans="1:12">
      <c r="A28326" s="6" t="s">
        <v>29010</v>
      </c>
      <c r="B28326" s="6"/>
      <c r="C28326" s="6" t="s">
        <v>29179</v>
      </c>
      <c r="D28326" s="6"/>
      <c r="E28326" s="6" t="s">
        <v>9</v>
      </c>
      <c r="F28326" s="7"/>
      <c r="G28326" s="8">
        <v>1</v>
      </c>
      <c r="H28326" s="8">
        <v>1</v>
      </c>
      <c r="I28326" s="8">
        <v>0</v>
      </c>
      <c r="J28326" s="8">
        <v>1</v>
      </c>
      <c r="K28326" s="9">
        <v>39</v>
      </c>
      <c r="L28326" s="6" t="s">
        <v>51</v>
      </c>
    </row>
    <row r="28327" spans="1:12">
      <c r="A28327" s="6" t="s">
        <v>29010</v>
      </c>
      <c r="B28327" s="6"/>
      <c r="C28327" s="6" t="s">
        <v>29180</v>
      </c>
      <c r="D28327" s="6"/>
      <c r="E28327" s="6" t="s">
        <v>9</v>
      </c>
      <c r="F28327" s="7"/>
      <c r="G28327" s="8">
        <v>1</v>
      </c>
      <c r="H28327" s="8">
        <v>1</v>
      </c>
      <c r="I28327" s="8">
        <v>0</v>
      </c>
      <c r="J28327" s="8">
        <v>1</v>
      </c>
      <c r="K28327" s="9">
        <v>38</v>
      </c>
      <c r="L28327" s="6" t="s">
        <v>51</v>
      </c>
    </row>
    <row r="28328" spans="1:12">
      <c r="A28328" s="6" t="s">
        <v>29010</v>
      </c>
      <c r="B28328" s="6"/>
      <c r="C28328" s="6" t="s">
        <v>29181</v>
      </c>
      <c r="D28328" s="6"/>
      <c r="E28328" s="6" t="s">
        <v>9</v>
      </c>
      <c r="F28328" s="7"/>
      <c r="G28328" s="8">
        <v>1</v>
      </c>
      <c r="H28328" s="8">
        <v>1</v>
      </c>
      <c r="I28328" s="8">
        <v>0</v>
      </c>
      <c r="J28328" s="8">
        <v>1</v>
      </c>
      <c r="K28328" s="9">
        <v>38</v>
      </c>
      <c r="L28328" s="6" t="s">
        <v>51</v>
      </c>
    </row>
    <row r="28329" spans="1:12">
      <c r="A28329" s="6" t="s">
        <v>29010</v>
      </c>
      <c r="B28329" s="6"/>
      <c r="C28329" s="6" t="s">
        <v>29182</v>
      </c>
      <c r="D28329" s="6"/>
      <c r="E28329" s="6" t="s">
        <v>9</v>
      </c>
      <c r="F28329" s="7"/>
      <c r="G28329" s="8">
        <v>1</v>
      </c>
      <c r="H28329" s="8">
        <v>1</v>
      </c>
      <c r="I28329" s="8">
        <v>0</v>
      </c>
      <c r="J28329" s="8">
        <v>1</v>
      </c>
      <c r="K28329" s="9">
        <v>3.77</v>
      </c>
      <c r="L28329" s="6" t="s">
        <v>51</v>
      </c>
    </row>
    <row r="28330" spans="1:12">
      <c r="A28330" s="6" t="s">
        <v>29010</v>
      </c>
      <c r="B28330" s="6"/>
      <c r="C28330" s="6" t="s">
        <v>29183</v>
      </c>
      <c r="D28330" s="6"/>
      <c r="E28330" s="6" t="s">
        <v>9</v>
      </c>
      <c r="F28330" s="7"/>
      <c r="G28330" s="8">
        <v>1</v>
      </c>
      <c r="H28330" s="8">
        <v>1</v>
      </c>
      <c r="I28330" s="8">
        <v>0</v>
      </c>
      <c r="J28330" s="8">
        <v>1</v>
      </c>
      <c r="K28330" s="9">
        <v>2.94</v>
      </c>
      <c r="L28330" s="6" t="s">
        <v>51</v>
      </c>
    </row>
    <row r="28331" spans="1:12">
      <c r="A28331" s="6" t="s">
        <v>29010</v>
      </c>
      <c r="B28331" s="6"/>
      <c r="C28331" s="6" t="s">
        <v>29184</v>
      </c>
      <c r="D28331" s="6"/>
      <c r="E28331" s="6" t="s">
        <v>9</v>
      </c>
      <c r="F28331" s="7"/>
      <c r="G28331" s="8">
        <v>1</v>
      </c>
      <c r="H28331" s="8">
        <v>1</v>
      </c>
      <c r="I28331" s="8">
        <v>0</v>
      </c>
      <c r="J28331" s="8">
        <v>1</v>
      </c>
      <c r="K28331" s="9">
        <v>0.28000000000000003</v>
      </c>
      <c r="L28331" s="6" t="s">
        <v>51</v>
      </c>
    </row>
    <row r="28332" spans="1:12">
      <c r="A28332" s="6" t="s">
        <v>29010</v>
      </c>
      <c r="B28332" s="6"/>
      <c r="C28332" s="6" t="s">
        <v>29185</v>
      </c>
      <c r="D28332" s="6"/>
      <c r="E28332" s="6" t="s">
        <v>9</v>
      </c>
      <c r="F28332" s="7"/>
      <c r="G28332" s="8">
        <v>1</v>
      </c>
      <c r="H28332" s="8">
        <v>1</v>
      </c>
      <c r="I28332" s="8">
        <v>0</v>
      </c>
      <c r="J28332" s="8">
        <v>1</v>
      </c>
      <c r="K28332" s="9">
        <v>2.42</v>
      </c>
      <c r="L28332" s="6" t="s">
        <v>51</v>
      </c>
    </row>
    <row r="28333" spans="1:12">
      <c r="A28333" s="6" t="s">
        <v>29010</v>
      </c>
      <c r="B28333" s="6"/>
      <c r="C28333" s="6" t="s">
        <v>29186</v>
      </c>
      <c r="D28333" s="6"/>
      <c r="E28333" s="6" t="s">
        <v>9</v>
      </c>
      <c r="F28333" s="7"/>
      <c r="G28333" s="8">
        <v>1</v>
      </c>
      <c r="H28333" s="8">
        <v>1</v>
      </c>
      <c r="I28333" s="8">
        <v>0</v>
      </c>
      <c r="J28333" s="8">
        <v>1</v>
      </c>
      <c r="K28333" s="9">
        <v>4.41</v>
      </c>
      <c r="L28333" s="6" t="s">
        <v>51</v>
      </c>
    </row>
    <row r="28334" spans="1:12">
      <c r="A28334" s="6" t="s">
        <v>29010</v>
      </c>
      <c r="B28334" s="6"/>
      <c r="C28334" s="6" t="s">
        <v>29187</v>
      </c>
      <c r="D28334" s="6"/>
      <c r="E28334" s="6" t="s">
        <v>9</v>
      </c>
      <c r="F28334" s="7"/>
      <c r="G28334" s="8">
        <v>1</v>
      </c>
      <c r="H28334" s="8">
        <v>1</v>
      </c>
      <c r="I28334" s="8">
        <v>0</v>
      </c>
      <c r="J28334" s="8">
        <v>1</v>
      </c>
      <c r="K28334" s="9">
        <v>15.58</v>
      </c>
      <c r="L28334" s="6" t="s">
        <v>51</v>
      </c>
    </row>
    <row r="28335" spans="1:12">
      <c r="A28335" s="6" t="s">
        <v>29010</v>
      </c>
      <c r="B28335" s="6"/>
      <c r="C28335" s="6" t="s">
        <v>29188</v>
      </c>
      <c r="D28335" s="6"/>
      <c r="E28335" s="6" t="s">
        <v>9</v>
      </c>
      <c r="F28335" s="7"/>
      <c r="G28335" s="8">
        <v>1</v>
      </c>
      <c r="H28335" s="8">
        <v>1</v>
      </c>
      <c r="I28335" s="8">
        <v>0</v>
      </c>
      <c r="J28335" s="8">
        <v>1</v>
      </c>
      <c r="K28335" s="9">
        <v>7.92</v>
      </c>
      <c r="L28335" s="6" t="s">
        <v>51</v>
      </c>
    </row>
    <row r="28336" spans="1:12">
      <c r="A28336" s="6" t="s">
        <v>29010</v>
      </c>
      <c r="B28336" s="6"/>
      <c r="C28336" s="6" t="s">
        <v>29189</v>
      </c>
      <c r="D28336" s="6"/>
      <c r="E28336" s="6" t="s">
        <v>9</v>
      </c>
      <c r="F28336" s="7"/>
      <c r="G28336" s="8">
        <v>1</v>
      </c>
      <c r="H28336" s="8">
        <v>1</v>
      </c>
      <c r="I28336" s="8">
        <v>0</v>
      </c>
      <c r="J28336" s="8">
        <v>1</v>
      </c>
      <c r="K28336" s="9">
        <v>596.69000000000005</v>
      </c>
      <c r="L28336" s="6" t="s">
        <v>51</v>
      </c>
    </row>
    <row r="28337" spans="1:12">
      <c r="A28337" s="6" t="s">
        <v>29010</v>
      </c>
      <c r="B28337" s="6"/>
      <c r="C28337" s="6" t="s">
        <v>29190</v>
      </c>
      <c r="D28337" s="6"/>
      <c r="E28337" s="6" t="s">
        <v>9</v>
      </c>
      <c r="F28337" s="7"/>
      <c r="G28337" s="8">
        <v>1</v>
      </c>
      <c r="H28337" s="8">
        <v>1</v>
      </c>
      <c r="I28337" s="8">
        <v>0</v>
      </c>
      <c r="J28337" s="8">
        <v>1</v>
      </c>
      <c r="K28337" s="9">
        <v>13.71</v>
      </c>
      <c r="L28337" s="6" t="s">
        <v>51</v>
      </c>
    </row>
    <row r="28338" spans="1:12">
      <c r="A28338" s="6" t="s">
        <v>29010</v>
      </c>
      <c r="B28338" s="6"/>
      <c r="C28338" s="6" t="s">
        <v>29191</v>
      </c>
      <c r="D28338" s="6"/>
      <c r="E28338" s="6" t="s">
        <v>9</v>
      </c>
      <c r="F28338" s="7"/>
      <c r="G28338" s="8">
        <v>1</v>
      </c>
      <c r="H28338" s="8">
        <v>1</v>
      </c>
      <c r="I28338" s="8">
        <v>0</v>
      </c>
      <c r="J28338" s="8">
        <v>1</v>
      </c>
      <c r="K28338" s="9">
        <v>20.79</v>
      </c>
      <c r="L28338" s="6" t="s">
        <v>51</v>
      </c>
    </row>
    <row r="28339" spans="1:12">
      <c r="A28339" s="6" t="s">
        <v>29010</v>
      </c>
      <c r="B28339" s="6"/>
      <c r="C28339" s="6" t="s">
        <v>29192</v>
      </c>
      <c r="D28339" s="6"/>
      <c r="E28339" s="6" t="s">
        <v>9</v>
      </c>
      <c r="F28339" s="7"/>
      <c r="G28339" s="8">
        <v>1</v>
      </c>
      <c r="H28339" s="8">
        <v>1</v>
      </c>
      <c r="I28339" s="8">
        <v>0</v>
      </c>
      <c r="J28339" s="8">
        <v>1</v>
      </c>
      <c r="K28339" s="9">
        <v>0.79</v>
      </c>
      <c r="L28339" s="6" t="s">
        <v>51</v>
      </c>
    </row>
    <row r="28340" spans="1:12">
      <c r="A28340" s="6" t="s">
        <v>29010</v>
      </c>
      <c r="B28340" s="6"/>
      <c r="C28340" s="6" t="s">
        <v>29193</v>
      </c>
      <c r="D28340" s="6"/>
      <c r="E28340" s="6" t="s">
        <v>9</v>
      </c>
      <c r="F28340" s="7"/>
      <c r="G28340" s="8">
        <v>1</v>
      </c>
      <c r="H28340" s="8">
        <v>1</v>
      </c>
      <c r="I28340" s="8">
        <v>0</v>
      </c>
      <c r="J28340" s="8">
        <v>1</v>
      </c>
      <c r="K28340" s="9">
        <v>36.01</v>
      </c>
      <c r="L28340" s="6" t="s">
        <v>51</v>
      </c>
    </row>
    <row r="28341" spans="1:12">
      <c r="A28341" s="6" t="s">
        <v>29010</v>
      </c>
      <c r="B28341" s="6"/>
      <c r="C28341" s="6" t="s">
        <v>29194</v>
      </c>
      <c r="D28341" s="6"/>
      <c r="E28341" s="6" t="s">
        <v>9</v>
      </c>
      <c r="F28341" s="7"/>
      <c r="G28341" s="8">
        <v>1</v>
      </c>
      <c r="H28341" s="8">
        <v>1</v>
      </c>
      <c r="I28341" s="8">
        <v>0</v>
      </c>
      <c r="J28341" s="8">
        <v>1</v>
      </c>
      <c r="K28341" s="9">
        <v>13.22</v>
      </c>
      <c r="L28341" s="6" t="s">
        <v>51</v>
      </c>
    </row>
    <row r="28342" spans="1:12">
      <c r="A28342" s="6" t="s">
        <v>29010</v>
      </c>
      <c r="B28342" s="6"/>
      <c r="C28342" s="6" t="s">
        <v>29195</v>
      </c>
      <c r="D28342" s="6"/>
      <c r="E28342" s="6" t="s">
        <v>9</v>
      </c>
      <c r="F28342" s="7"/>
      <c r="G28342" s="8">
        <v>1</v>
      </c>
      <c r="H28342" s="8">
        <v>1</v>
      </c>
      <c r="I28342" s="8">
        <v>0</v>
      </c>
      <c r="J28342" s="8">
        <v>1</v>
      </c>
      <c r="K28342" s="9">
        <v>6.61</v>
      </c>
      <c r="L28342" s="6" t="s">
        <v>51</v>
      </c>
    </row>
    <row r="28343" spans="1:12">
      <c r="A28343" s="6" t="s">
        <v>29010</v>
      </c>
      <c r="B28343" s="6"/>
      <c r="C28343" s="6" t="s">
        <v>29196</v>
      </c>
      <c r="D28343" s="6"/>
      <c r="E28343" s="6" t="s">
        <v>9</v>
      </c>
      <c r="F28343" s="7"/>
      <c r="G28343" s="8">
        <v>1</v>
      </c>
      <c r="H28343" s="8">
        <v>1</v>
      </c>
      <c r="I28343" s="8">
        <v>0</v>
      </c>
      <c r="J28343" s="8">
        <v>1</v>
      </c>
      <c r="K28343" s="9">
        <v>5.28</v>
      </c>
      <c r="L28343" s="6" t="s">
        <v>51</v>
      </c>
    </row>
    <row r="28344" spans="1:12">
      <c r="A28344" s="6" t="s">
        <v>29010</v>
      </c>
      <c r="B28344" s="6"/>
      <c r="C28344" s="6" t="s">
        <v>29197</v>
      </c>
      <c r="D28344" s="6"/>
      <c r="E28344" s="6" t="s">
        <v>9</v>
      </c>
      <c r="F28344" s="7"/>
      <c r="G28344" s="8">
        <v>1</v>
      </c>
      <c r="H28344" s="8">
        <v>1</v>
      </c>
      <c r="I28344" s="8">
        <v>0</v>
      </c>
      <c r="J28344" s="8">
        <v>1</v>
      </c>
      <c r="K28344" s="9">
        <v>19</v>
      </c>
      <c r="L28344" s="6" t="s">
        <v>51</v>
      </c>
    </row>
    <row r="28345" spans="1:12">
      <c r="A28345" s="6" t="s">
        <v>29010</v>
      </c>
      <c r="B28345" s="6"/>
      <c r="C28345" s="6" t="s">
        <v>29198</v>
      </c>
      <c r="D28345" s="6"/>
      <c r="E28345" s="6" t="s">
        <v>9</v>
      </c>
      <c r="F28345" s="7"/>
      <c r="G28345" s="8">
        <v>1</v>
      </c>
      <c r="H28345" s="8">
        <v>1</v>
      </c>
      <c r="I28345" s="8">
        <v>0</v>
      </c>
      <c r="J28345" s="8">
        <v>1</v>
      </c>
      <c r="K28345" s="9">
        <v>18</v>
      </c>
      <c r="L28345" s="6" t="s">
        <v>51</v>
      </c>
    </row>
    <row r="28346" spans="1:12">
      <c r="A28346" s="6" t="s">
        <v>29010</v>
      </c>
      <c r="B28346" s="6"/>
      <c r="C28346" s="6" t="s">
        <v>29199</v>
      </c>
      <c r="D28346" s="6"/>
      <c r="E28346" s="6" t="s">
        <v>9</v>
      </c>
      <c r="F28346" s="7"/>
      <c r="G28346" s="8">
        <v>1</v>
      </c>
      <c r="H28346" s="8">
        <v>1</v>
      </c>
      <c r="I28346" s="8">
        <v>0</v>
      </c>
      <c r="J28346" s="8">
        <v>1</v>
      </c>
      <c r="K28346" s="9">
        <v>18</v>
      </c>
      <c r="L28346" s="6" t="s">
        <v>51</v>
      </c>
    </row>
    <row r="28347" spans="1:12">
      <c r="A28347" s="6" t="s">
        <v>29010</v>
      </c>
      <c r="B28347" s="6"/>
      <c r="C28347" s="6" t="s">
        <v>29200</v>
      </c>
      <c r="D28347" s="6"/>
      <c r="E28347" s="6" t="s">
        <v>9</v>
      </c>
      <c r="F28347" s="7"/>
      <c r="G28347" s="8">
        <v>1</v>
      </c>
      <c r="H28347" s="8">
        <v>1</v>
      </c>
      <c r="I28347" s="8">
        <v>0</v>
      </c>
      <c r="J28347" s="8">
        <v>1</v>
      </c>
      <c r="K28347" s="9">
        <v>892.56</v>
      </c>
      <c r="L28347" s="6" t="s">
        <v>51</v>
      </c>
    </row>
    <row r="28348" spans="1:12">
      <c r="A28348" s="6" t="s">
        <v>29010</v>
      </c>
      <c r="B28348" s="6"/>
      <c r="C28348" s="6" t="s">
        <v>29201</v>
      </c>
      <c r="D28348" s="6"/>
      <c r="E28348" s="6" t="s">
        <v>9</v>
      </c>
      <c r="F28348" s="7"/>
      <c r="G28348" s="8">
        <v>1</v>
      </c>
      <c r="H28348" s="8">
        <v>1</v>
      </c>
      <c r="I28348" s="8">
        <v>0</v>
      </c>
      <c r="J28348" s="8">
        <v>1</v>
      </c>
      <c r="K28348" s="9">
        <v>12</v>
      </c>
      <c r="L28348" s="6" t="s">
        <v>51</v>
      </c>
    </row>
    <row r="28349" spans="1:12">
      <c r="A28349" s="6" t="s">
        <v>29010</v>
      </c>
      <c r="B28349" s="6"/>
      <c r="C28349" s="6" t="s">
        <v>29202</v>
      </c>
      <c r="D28349" s="6"/>
      <c r="E28349" s="6" t="s">
        <v>9</v>
      </c>
      <c r="F28349" s="7"/>
      <c r="G28349" s="8">
        <v>1</v>
      </c>
      <c r="H28349" s="8">
        <v>1</v>
      </c>
      <c r="I28349" s="8">
        <v>0</v>
      </c>
      <c r="J28349" s="8">
        <v>1</v>
      </c>
      <c r="K28349" s="9">
        <v>10</v>
      </c>
      <c r="L28349" s="6" t="s">
        <v>51</v>
      </c>
    </row>
    <row r="28350" spans="1:12">
      <c r="A28350" s="6" t="s">
        <v>29010</v>
      </c>
      <c r="B28350" s="6"/>
      <c r="C28350" s="6" t="s">
        <v>29203</v>
      </c>
      <c r="D28350" s="6"/>
      <c r="E28350" s="6" t="s">
        <v>9</v>
      </c>
      <c r="F28350" s="7"/>
      <c r="G28350" s="8">
        <v>1</v>
      </c>
      <c r="H28350" s="8">
        <v>1</v>
      </c>
      <c r="I28350" s="8">
        <v>0</v>
      </c>
      <c r="J28350" s="8">
        <v>1</v>
      </c>
      <c r="K28350" s="9">
        <v>21</v>
      </c>
      <c r="L28350" s="6" t="s">
        <v>51</v>
      </c>
    </row>
    <row r="28351" spans="1:12">
      <c r="A28351" s="6" t="s">
        <v>29010</v>
      </c>
      <c r="B28351" s="6"/>
      <c r="C28351" s="6" t="s">
        <v>29204</v>
      </c>
      <c r="D28351" s="6"/>
      <c r="E28351" s="6" t="s">
        <v>9</v>
      </c>
      <c r="F28351" s="7"/>
      <c r="G28351" s="8">
        <v>1</v>
      </c>
      <c r="H28351" s="8">
        <v>1</v>
      </c>
      <c r="I28351" s="8">
        <v>0</v>
      </c>
      <c r="J28351" s="8">
        <v>1</v>
      </c>
      <c r="K28351" s="9">
        <v>2.39</v>
      </c>
      <c r="L28351" s="6" t="s">
        <v>51</v>
      </c>
    </row>
    <row r="28352" spans="1:12">
      <c r="A28352" s="6" t="s">
        <v>29010</v>
      </c>
      <c r="B28352" s="6"/>
      <c r="C28352" s="6" t="s">
        <v>29205</v>
      </c>
      <c r="D28352" s="6"/>
      <c r="E28352" s="6" t="s">
        <v>9</v>
      </c>
      <c r="F28352" s="7"/>
      <c r="G28352" s="8">
        <v>1</v>
      </c>
      <c r="H28352" s="8">
        <v>1</v>
      </c>
      <c r="I28352" s="8">
        <v>0</v>
      </c>
      <c r="J28352" s="8">
        <v>1</v>
      </c>
      <c r="K28352" s="9">
        <v>433</v>
      </c>
      <c r="L28352" s="6" t="s">
        <v>51</v>
      </c>
    </row>
    <row r="28353" spans="1:12">
      <c r="A28353" s="6" t="s">
        <v>29010</v>
      </c>
      <c r="B28353" s="6"/>
      <c r="C28353" s="6" t="s">
        <v>29206</v>
      </c>
      <c r="D28353" s="6"/>
      <c r="E28353" s="6" t="s">
        <v>9</v>
      </c>
      <c r="F28353" s="7"/>
      <c r="G28353" s="8">
        <v>1</v>
      </c>
      <c r="H28353" s="8">
        <v>1</v>
      </c>
      <c r="I28353" s="8">
        <v>0</v>
      </c>
      <c r="J28353" s="8">
        <v>1</v>
      </c>
      <c r="K28353" s="9">
        <v>17</v>
      </c>
      <c r="L28353" s="6" t="s">
        <v>51</v>
      </c>
    </row>
    <row r="28354" spans="1:12">
      <c r="A28354" s="6" t="s">
        <v>29010</v>
      </c>
      <c r="B28354" s="6"/>
      <c r="C28354" s="6" t="s">
        <v>29207</v>
      </c>
      <c r="D28354" s="6"/>
      <c r="E28354" s="6" t="s">
        <v>9</v>
      </c>
      <c r="F28354" s="7"/>
      <c r="G28354" s="8">
        <v>1</v>
      </c>
      <c r="H28354" s="8">
        <v>1</v>
      </c>
      <c r="I28354" s="8">
        <v>0</v>
      </c>
      <c r="J28354" s="8">
        <v>1</v>
      </c>
      <c r="K28354" s="9">
        <v>16</v>
      </c>
      <c r="L28354" s="6" t="s">
        <v>51</v>
      </c>
    </row>
    <row r="28355" spans="1:12">
      <c r="A28355" s="6" t="s">
        <v>29010</v>
      </c>
      <c r="B28355" s="6"/>
      <c r="C28355" s="6" t="s">
        <v>29208</v>
      </c>
      <c r="D28355" s="6"/>
      <c r="E28355" s="6" t="s">
        <v>9</v>
      </c>
      <c r="F28355" s="7"/>
      <c r="G28355" s="8">
        <v>1</v>
      </c>
      <c r="H28355" s="8">
        <v>1</v>
      </c>
      <c r="I28355" s="8">
        <v>0</v>
      </c>
      <c r="J28355" s="8">
        <v>1</v>
      </c>
      <c r="K28355" s="9">
        <v>27</v>
      </c>
      <c r="L28355" s="6" t="s">
        <v>51</v>
      </c>
    </row>
    <row r="28356" spans="1:12">
      <c r="A28356" s="6" t="s">
        <v>29010</v>
      </c>
      <c r="B28356" s="6"/>
      <c r="C28356" s="6" t="s">
        <v>29209</v>
      </c>
      <c r="D28356" s="6"/>
      <c r="E28356" s="6" t="s">
        <v>9</v>
      </c>
      <c r="F28356" s="7"/>
      <c r="G28356" s="8">
        <v>1</v>
      </c>
      <c r="H28356" s="8">
        <v>1</v>
      </c>
      <c r="I28356" s="8">
        <v>0</v>
      </c>
      <c r="J28356" s="8">
        <v>1</v>
      </c>
      <c r="K28356" s="9">
        <v>14.19</v>
      </c>
      <c r="L28356" s="6" t="s">
        <v>51</v>
      </c>
    </row>
    <row r="28357" spans="1:12">
      <c r="A28357" s="6" t="s">
        <v>29010</v>
      </c>
      <c r="B28357" s="6"/>
      <c r="C28357" s="6" t="s">
        <v>29210</v>
      </c>
      <c r="D28357" s="6"/>
      <c r="E28357" s="6" t="s">
        <v>9</v>
      </c>
      <c r="F28357" s="7"/>
      <c r="G28357" s="8">
        <v>1</v>
      </c>
      <c r="H28357" s="8">
        <v>1</v>
      </c>
      <c r="I28357" s="8">
        <v>0</v>
      </c>
      <c r="J28357" s="8">
        <v>1</v>
      </c>
      <c r="K28357" s="9">
        <v>964</v>
      </c>
      <c r="L28357" s="6" t="s">
        <v>51</v>
      </c>
    </row>
    <row r="28358" spans="1:12">
      <c r="A28358" s="6" t="s">
        <v>29010</v>
      </c>
      <c r="B28358" s="6"/>
      <c r="C28358" s="6" t="s">
        <v>29211</v>
      </c>
      <c r="D28358" s="6"/>
      <c r="E28358" s="6" t="s">
        <v>9</v>
      </c>
      <c r="F28358" s="7"/>
      <c r="G28358" s="8">
        <v>1</v>
      </c>
      <c r="H28358" s="8">
        <v>1</v>
      </c>
      <c r="I28358" s="8">
        <v>0</v>
      </c>
      <c r="J28358" s="8">
        <v>1</v>
      </c>
      <c r="K28358" s="9">
        <v>1292.56</v>
      </c>
      <c r="L28358" s="6" t="s">
        <v>51</v>
      </c>
    </row>
    <row r="28359" spans="1:12">
      <c r="A28359" s="6" t="s">
        <v>29010</v>
      </c>
      <c r="B28359" s="6"/>
      <c r="C28359" s="6" t="s">
        <v>29212</v>
      </c>
      <c r="D28359" s="6"/>
      <c r="E28359" s="6" t="s">
        <v>9</v>
      </c>
      <c r="F28359" s="7"/>
      <c r="G28359" s="8">
        <v>1</v>
      </c>
      <c r="H28359" s="8">
        <v>1</v>
      </c>
      <c r="I28359" s="8">
        <v>0</v>
      </c>
      <c r="J28359" s="8">
        <v>1</v>
      </c>
      <c r="K28359" s="9">
        <v>815</v>
      </c>
      <c r="L28359" s="6" t="s">
        <v>51</v>
      </c>
    </row>
    <row r="28360" spans="1:12">
      <c r="A28360" s="6" t="s">
        <v>29010</v>
      </c>
      <c r="B28360" s="6"/>
      <c r="C28360" s="6" t="s">
        <v>29213</v>
      </c>
      <c r="D28360" s="6"/>
      <c r="E28360" s="6" t="s">
        <v>9</v>
      </c>
      <c r="F28360" s="7"/>
      <c r="G28360" s="8">
        <v>1</v>
      </c>
      <c r="H28360" s="8">
        <v>1</v>
      </c>
      <c r="I28360" s="8">
        <v>0</v>
      </c>
      <c r="J28360" s="8">
        <v>1</v>
      </c>
      <c r="K28360" s="9">
        <v>16</v>
      </c>
      <c r="L28360" s="6" t="s">
        <v>51</v>
      </c>
    </row>
    <row r="28361" spans="1:12">
      <c r="A28361" s="6" t="s">
        <v>29010</v>
      </c>
      <c r="B28361" s="6"/>
      <c r="C28361" s="6" t="s">
        <v>29214</v>
      </c>
      <c r="D28361" s="6"/>
      <c r="E28361" s="6" t="s">
        <v>9</v>
      </c>
      <c r="F28361" s="7"/>
      <c r="G28361" s="8">
        <v>1</v>
      </c>
      <c r="H28361" s="8">
        <v>1</v>
      </c>
      <c r="I28361" s="8">
        <v>0</v>
      </c>
      <c r="J28361" s="8">
        <v>1</v>
      </c>
      <c r="K28361" s="9">
        <v>63</v>
      </c>
      <c r="L28361" s="6" t="s">
        <v>51</v>
      </c>
    </row>
    <row r="28362" spans="1:12">
      <c r="A28362" s="6" t="s">
        <v>29010</v>
      </c>
      <c r="B28362" s="6"/>
      <c r="C28362" s="6" t="s">
        <v>29215</v>
      </c>
      <c r="D28362" s="6"/>
      <c r="E28362" s="6" t="s">
        <v>9</v>
      </c>
      <c r="F28362" s="7"/>
      <c r="G28362" s="8">
        <v>1</v>
      </c>
      <c r="H28362" s="8">
        <v>1</v>
      </c>
      <c r="I28362" s="8">
        <v>0</v>
      </c>
      <c r="J28362" s="8">
        <v>1</v>
      </c>
      <c r="K28362" s="9">
        <v>5.72</v>
      </c>
      <c r="L28362" s="6" t="s">
        <v>51</v>
      </c>
    </row>
    <row r="28363" spans="1:12">
      <c r="A28363" s="6" t="s">
        <v>29010</v>
      </c>
      <c r="B28363" s="6"/>
      <c r="C28363" s="6" t="s">
        <v>29216</v>
      </c>
      <c r="D28363" s="6"/>
      <c r="E28363" s="6" t="s">
        <v>9</v>
      </c>
      <c r="F28363" s="7"/>
      <c r="G28363" s="8">
        <v>1</v>
      </c>
      <c r="H28363" s="8">
        <v>1</v>
      </c>
      <c r="I28363" s="8">
        <v>0</v>
      </c>
      <c r="J28363" s="8">
        <v>1</v>
      </c>
      <c r="K28363" s="9">
        <v>47</v>
      </c>
      <c r="L28363" s="6" t="s">
        <v>51</v>
      </c>
    </row>
    <row r="28364" spans="1:12">
      <c r="A28364" s="6" t="s">
        <v>29010</v>
      </c>
      <c r="B28364" s="6"/>
      <c r="C28364" s="6" t="s">
        <v>29217</v>
      </c>
      <c r="D28364" s="6"/>
      <c r="E28364" s="6" t="s">
        <v>9</v>
      </c>
      <c r="F28364" s="7"/>
      <c r="G28364" s="8">
        <v>1</v>
      </c>
      <c r="H28364" s="8">
        <v>1</v>
      </c>
      <c r="I28364" s="8">
        <v>0</v>
      </c>
      <c r="J28364" s="8">
        <v>1</v>
      </c>
      <c r="K28364" s="9">
        <v>6.2</v>
      </c>
      <c r="L28364" s="6" t="s">
        <v>51</v>
      </c>
    </row>
    <row r="28365" spans="1:12">
      <c r="A28365" s="6" t="s">
        <v>29010</v>
      </c>
      <c r="B28365" s="6"/>
      <c r="C28365" s="6" t="s">
        <v>29218</v>
      </c>
      <c r="D28365" s="6"/>
      <c r="E28365" s="6" t="s">
        <v>9</v>
      </c>
      <c r="F28365" s="7"/>
      <c r="G28365" s="8">
        <v>1</v>
      </c>
      <c r="H28365" s="8">
        <v>1</v>
      </c>
      <c r="I28365" s="8">
        <v>0</v>
      </c>
      <c r="J28365" s="8">
        <v>1</v>
      </c>
      <c r="K28365" s="9">
        <v>12</v>
      </c>
      <c r="L28365" s="6" t="s">
        <v>51</v>
      </c>
    </row>
    <row r="28366" spans="1:12">
      <c r="A28366" s="6" t="s">
        <v>29010</v>
      </c>
      <c r="B28366" s="6"/>
      <c r="C28366" s="6" t="s">
        <v>29219</v>
      </c>
      <c r="D28366" s="6"/>
      <c r="E28366" s="6" t="s">
        <v>9</v>
      </c>
      <c r="F28366" s="7"/>
      <c r="G28366" s="8">
        <v>1</v>
      </c>
      <c r="H28366" s="8">
        <v>1</v>
      </c>
      <c r="I28366" s="8">
        <v>0</v>
      </c>
      <c r="J28366" s="8">
        <v>1</v>
      </c>
      <c r="K28366" s="9">
        <v>13</v>
      </c>
      <c r="L28366" s="6" t="s">
        <v>51</v>
      </c>
    </row>
    <row r="28367" spans="1:12">
      <c r="A28367" s="6" t="s">
        <v>29010</v>
      </c>
      <c r="B28367" s="6"/>
      <c r="C28367" s="6" t="s">
        <v>29220</v>
      </c>
      <c r="D28367" s="6"/>
      <c r="E28367" s="6" t="s">
        <v>9</v>
      </c>
      <c r="F28367" s="7"/>
      <c r="G28367" s="8">
        <v>1</v>
      </c>
      <c r="H28367" s="8">
        <v>1</v>
      </c>
      <c r="I28367" s="8">
        <v>0</v>
      </c>
      <c r="J28367" s="8">
        <v>1</v>
      </c>
      <c r="K28367" s="9">
        <v>39</v>
      </c>
      <c r="L28367" s="6" t="s">
        <v>51</v>
      </c>
    </row>
    <row r="28368" spans="1:12">
      <c r="A28368" s="6" t="s">
        <v>29010</v>
      </c>
      <c r="B28368" s="6"/>
      <c r="C28368" s="6" t="s">
        <v>29221</v>
      </c>
      <c r="D28368" s="6"/>
      <c r="E28368" s="6" t="s">
        <v>9</v>
      </c>
      <c r="F28368" s="7"/>
      <c r="G28368" s="8">
        <v>1</v>
      </c>
      <c r="H28368" s="8">
        <v>1</v>
      </c>
      <c r="I28368" s="8">
        <v>0</v>
      </c>
      <c r="J28368" s="8">
        <v>1</v>
      </c>
      <c r="K28368" s="9">
        <v>0.43</v>
      </c>
      <c r="L28368" s="6" t="s">
        <v>51</v>
      </c>
    </row>
    <row r="28369" spans="1:12">
      <c r="A28369" s="6" t="s">
        <v>29010</v>
      </c>
      <c r="B28369" s="6"/>
      <c r="C28369" s="6" t="s">
        <v>29222</v>
      </c>
      <c r="D28369" s="6"/>
      <c r="E28369" s="6" t="s">
        <v>9</v>
      </c>
      <c r="F28369" s="7"/>
      <c r="G28369" s="8">
        <v>1</v>
      </c>
      <c r="H28369" s="8">
        <v>1</v>
      </c>
      <c r="I28369" s="8">
        <v>0</v>
      </c>
      <c r="J28369" s="8">
        <v>1</v>
      </c>
      <c r="K28369" s="9">
        <v>2757.02</v>
      </c>
      <c r="L28369" s="6" t="s">
        <v>51</v>
      </c>
    </row>
    <row r="28370" spans="1:12">
      <c r="A28370" s="6" t="s">
        <v>29010</v>
      </c>
      <c r="B28370" s="6"/>
      <c r="C28370" s="6" t="s">
        <v>29223</v>
      </c>
      <c r="D28370" s="6"/>
      <c r="E28370" s="6" t="s">
        <v>9</v>
      </c>
      <c r="F28370" s="7"/>
      <c r="G28370" s="8">
        <v>1</v>
      </c>
      <c r="H28370" s="8">
        <v>1</v>
      </c>
      <c r="I28370" s="8">
        <v>0</v>
      </c>
      <c r="J28370" s="8">
        <v>1</v>
      </c>
      <c r="K28370" s="9">
        <v>10</v>
      </c>
      <c r="L28370" s="6" t="s">
        <v>51</v>
      </c>
    </row>
    <row r="28371" spans="1:12">
      <c r="A28371" s="6" t="s">
        <v>29010</v>
      </c>
      <c r="B28371" s="6"/>
      <c r="C28371" s="6" t="s">
        <v>29224</v>
      </c>
      <c r="D28371" s="6"/>
      <c r="E28371" s="6" t="s">
        <v>9</v>
      </c>
      <c r="F28371" s="7"/>
      <c r="G28371" s="8">
        <v>1</v>
      </c>
      <c r="H28371" s="8">
        <v>1</v>
      </c>
      <c r="I28371" s="8">
        <v>0</v>
      </c>
      <c r="J28371" s="8">
        <v>1</v>
      </c>
      <c r="K28371" s="9">
        <v>17</v>
      </c>
      <c r="L28371" s="6" t="s">
        <v>51</v>
      </c>
    </row>
    <row r="28372" spans="1:12">
      <c r="A28372" s="6" t="s">
        <v>29010</v>
      </c>
      <c r="B28372" s="6"/>
      <c r="C28372" s="6" t="s">
        <v>29225</v>
      </c>
      <c r="D28372" s="6"/>
      <c r="E28372" s="6" t="s">
        <v>9</v>
      </c>
      <c r="F28372" s="7"/>
      <c r="G28372" s="8">
        <v>1</v>
      </c>
      <c r="H28372" s="8">
        <v>1</v>
      </c>
      <c r="I28372" s="8">
        <v>0</v>
      </c>
      <c r="J28372" s="8">
        <v>1</v>
      </c>
      <c r="K28372" s="9">
        <v>17</v>
      </c>
      <c r="L28372" s="6" t="s">
        <v>51</v>
      </c>
    </row>
    <row r="28373" spans="1:12">
      <c r="A28373" s="6" t="s">
        <v>29010</v>
      </c>
      <c r="B28373" s="6"/>
      <c r="C28373" s="6" t="s">
        <v>29226</v>
      </c>
      <c r="D28373" s="6"/>
      <c r="E28373" s="6" t="s">
        <v>9</v>
      </c>
      <c r="F28373" s="7"/>
      <c r="G28373" s="8">
        <v>1</v>
      </c>
      <c r="H28373" s="8">
        <v>1</v>
      </c>
      <c r="I28373" s="8">
        <v>0</v>
      </c>
      <c r="J28373" s="8">
        <v>1</v>
      </c>
      <c r="K28373" s="9">
        <v>0.9</v>
      </c>
      <c r="L28373" s="6" t="s">
        <v>51</v>
      </c>
    </row>
    <row r="28374" spans="1:12">
      <c r="A28374" s="6" t="s">
        <v>29010</v>
      </c>
      <c r="B28374" s="6"/>
      <c r="C28374" s="6" t="s">
        <v>29227</v>
      </c>
      <c r="D28374" s="6"/>
      <c r="E28374" s="6" t="s">
        <v>9</v>
      </c>
      <c r="F28374" s="7"/>
      <c r="G28374" s="8">
        <v>1</v>
      </c>
      <c r="H28374" s="8">
        <v>1</v>
      </c>
      <c r="I28374" s="8">
        <v>0</v>
      </c>
      <c r="J28374" s="8">
        <v>1</v>
      </c>
      <c r="K28374" s="9">
        <v>0.18</v>
      </c>
      <c r="L28374" s="6" t="s">
        <v>51</v>
      </c>
    </row>
    <row r="28375" spans="1:12">
      <c r="A28375" s="6" t="s">
        <v>29010</v>
      </c>
      <c r="B28375" s="6"/>
      <c r="C28375" s="6" t="s">
        <v>29228</v>
      </c>
      <c r="D28375" s="6"/>
      <c r="E28375" s="6" t="s">
        <v>9</v>
      </c>
      <c r="F28375" s="7"/>
      <c r="G28375" s="8">
        <v>1</v>
      </c>
      <c r="H28375" s="8">
        <v>1</v>
      </c>
      <c r="I28375" s="8">
        <v>0</v>
      </c>
      <c r="J28375" s="8">
        <v>1</v>
      </c>
      <c r="K28375" s="9">
        <v>46</v>
      </c>
      <c r="L28375" s="6" t="s">
        <v>51</v>
      </c>
    </row>
    <row r="28376" spans="1:12">
      <c r="A28376" s="6" t="s">
        <v>29010</v>
      </c>
      <c r="B28376" s="6"/>
      <c r="C28376" s="6" t="s">
        <v>29229</v>
      </c>
      <c r="D28376" s="6"/>
      <c r="E28376" s="6" t="s">
        <v>9</v>
      </c>
      <c r="F28376" s="7"/>
      <c r="G28376" s="8">
        <v>1</v>
      </c>
      <c r="H28376" s="8">
        <v>1</v>
      </c>
      <c r="I28376" s="8">
        <v>0</v>
      </c>
      <c r="J28376" s="8">
        <v>1</v>
      </c>
      <c r="K28376" s="9">
        <v>1.8</v>
      </c>
      <c r="L28376" s="6" t="s">
        <v>51</v>
      </c>
    </row>
    <row r="28377" spans="1:12">
      <c r="A28377" s="6" t="s">
        <v>29010</v>
      </c>
      <c r="B28377" s="6"/>
      <c r="C28377" s="6" t="s">
        <v>29230</v>
      </c>
      <c r="D28377" s="6"/>
      <c r="E28377" s="6" t="s">
        <v>9</v>
      </c>
      <c r="F28377" s="7"/>
      <c r="G28377" s="8">
        <v>1</v>
      </c>
      <c r="H28377" s="8">
        <v>1</v>
      </c>
      <c r="I28377" s="8">
        <v>0</v>
      </c>
      <c r="J28377" s="8">
        <v>1</v>
      </c>
      <c r="K28377" s="9">
        <v>106</v>
      </c>
      <c r="L28377" s="6" t="s">
        <v>51</v>
      </c>
    </row>
    <row r="28378" spans="1:12">
      <c r="A28378" s="6" t="s">
        <v>29010</v>
      </c>
      <c r="B28378" s="6"/>
      <c r="C28378" s="6" t="s">
        <v>29231</v>
      </c>
      <c r="D28378" s="6"/>
      <c r="E28378" s="6" t="s">
        <v>9</v>
      </c>
      <c r="F28378" s="7"/>
      <c r="G28378" s="8">
        <v>1</v>
      </c>
      <c r="H28378" s="8">
        <v>1</v>
      </c>
      <c r="I28378" s="8">
        <v>0</v>
      </c>
      <c r="J28378" s="8">
        <v>1</v>
      </c>
      <c r="K28378" s="9">
        <v>5.79</v>
      </c>
      <c r="L28378" s="6" t="s">
        <v>51</v>
      </c>
    </row>
    <row r="28379" spans="1:12">
      <c r="A28379" s="6" t="s">
        <v>29010</v>
      </c>
      <c r="B28379" s="6"/>
      <c r="C28379" s="6" t="s">
        <v>29232</v>
      </c>
      <c r="D28379" s="6"/>
      <c r="E28379" s="6" t="s">
        <v>9</v>
      </c>
      <c r="F28379" s="7"/>
      <c r="G28379" s="8">
        <v>1</v>
      </c>
      <c r="H28379" s="8">
        <v>1</v>
      </c>
      <c r="I28379" s="8">
        <v>0</v>
      </c>
      <c r="J28379" s="8">
        <v>1</v>
      </c>
      <c r="K28379" s="9">
        <v>19</v>
      </c>
      <c r="L28379" s="6" t="s">
        <v>51</v>
      </c>
    </row>
    <row r="28380" spans="1:12">
      <c r="A28380" s="6" t="s">
        <v>29010</v>
      </c>
      <c r="B28380" s="6"/>
      <c r="C28380" s="6" t="s">
        <v>29233</v>
      </c>
      <c r="D28380" s="6"/>
      <c r="E28380" s="6" t="s">
        <v>9</v>
      </c>
      <c r="F28380" s="7"/>
      <c r="G28380" s="8">
        <v>1</v>
      </c>
      <c r="H28380" s="8">
        <v>1</v>
      </c>
      <c r="I28380" s="8">
        <v>0</v>
      </c>
      <c r="J28380" s="8">
        <v>1</v>
      </c>
      <c r="K28380" s="9">
        <v>8.7899999999999903</v>
      </c>
      <c r="L28380" s="6" t="s">
        <v>51</v>
      </c>
    </row>
    <row r="28381" spans="1:12">
      <c r="A28381" s="6" t="s">
        <v>29010</v>
      </c>
      <c r="B28381" s="6"/>
      <c r="C28381" s="6" t="s">
        <v>29234</v>
      </c>
      <c r="D28381" s="6"/>
      <c r="E28381" s="6" t="s">
        <v>9</v>
      </c>
      <c r="F28381" s="7"/>
      <c r="G28381" s="8">
        <v>1</v>
      </c>
      <c r="H28381" s="8">
        <v>1</v>
      </c>
      <c r="I28381" s="8">
        <v>0</v>
      </c>
      <c r="J28381" s="8">
        <v>1</v>
      </c>
      <c r="K28381" s="9">
        <v>565.28</v>
      </c>
      <c r="L28381" s="6" t="s">
        <v>51</v>
      </c>
    </row>
    <row r="28382" spans="1:12">
      <c r="A28382" s="6" t="s">
        <v>29010</v>
      </c>
      <c r="B28382" s="6"/>
      <c r="C28382" s="6" t="s">
        <v>29235</v>
      </c>
      <c r="D28382" s="6"/>
      <c r="E28382" s="6" t="s">
        <v>9</v>
      </c>
      <c r="F28382" s="7"/>
      <c r="G28382" s="8">
        <v>1</v>
      </c>
      <c r="H28382" s="8">
        <v>1</v>
      </c>
      <c r="I28382" s="8">
        <v>0</v>
      </c>
      <c r="J28382" s="8">
        <v>1</v>
      </c>
      <c r="K28382" s="9">
        <v>3.15</v>
      </c>
      <c r="L28382" s="6" t="s">
        <v>51</v>
      </c>
    </row>
    <row r="28383" spans="1:12">
      <c r="A28383" s="6" t="s">
        <v>29010</v>
      </c>
      <c r="B28383" s="6"/>
      <c r="C28383" s="6" t="s">
        <v>29236</v>
      </c>
      <c r="D28383" s="6"/>
      <c r="E28383" s="6" t="s">
        <v>9</v>
      </c>
      <c r="F28383" s="7"/>
      <c r="G28383" s="8">
        <v>1</v>
      </c>
      <c r="H28383" s="8">
        <v>1</v>
      </c>
      <c r="I28383" s="8">
        <v>0</v>
      </c>
      <c r="J28383" s="8">
        <v>1</v>
      </c>
      <c r="K28383" s="9">
        <v>4.62</v>
      </c>
      <c r="L28383" s="6" t="s">
        <v>51</v>
      </c>
    </row>
    <row r="28384" spans="1:12">
      <c r="A28384" s="6" t="s">
        <v>29010</v>
      </c>
      <c r="B28384" s="6"/>
      <c r="C28384" s="6" t="s">
        <v>29237</v>
      </c>
      <c r="D28384" s="6"/>
      <c r="E28384" s="6" t="s">
        <v>9</v>
      </c>
      <c r="F28384" s="7"/>
      <c r="G28384" s="8">
        <v>1</v>
      </c>
      <c r="H28384" s="8">
        <v>1</v>
      </c>
      <c r="I28384" s="8">
        <v>0</v>
      </c>
      <c r="J28384" s="8">
        <v>1</v>
      </c>
      <c r="K28384" s="9">
        <v>43</v>
      </c>
      <c r="L28384" s="6" t="s">
        <v>51</v>
      </c>
    </row>
    <row r="28385" spans="1:12">
      <c r="A28385" s="6" t="s">
        <v>29010</v>
      </c>
      <c r="B28385" s="6"/>
      <c r="C28385" s="6" t="s">
        <v>29238</v>
      </c>
      <c r="D28385" s="6"/>
      <c r="E28385" s="6" t="s">
        <v>9</v>
      </c>
      <c r="F28385" s="7"/>
      <c r="G28385" s="8">
        <v>1</v>
      </c>
      <c r="H28385" s="8">
        <v>1</v>
      </c>
      <c r="I28385" s="8">
        <v>0</v>
      </c>
      <c r="J28385" s="8">
        <v>1</v>
      </c>
      <c r="K28385" s="9">
        <v>23</v>
      </c>
      <c r="L28385" s="6" t="s">
        <v>51</v>
      </c>
    </row>
    <row r="28386" spans="1:12">
      <c r="A28386" s="6" t="s">
        <v>29010</v>
      </c>
      <c r="B28386" s="6"/>
      <c r="C28386" s="6" t="s">
        <v>29239</v>
      </c>
      <c r="D28386" s="6"/>
      <c r="E28386" s="6" t="s">
        <v>9</v>
      </c>
      <c r="F28386" s="7"/>
      <c r="G28386" s="8">
        <v>1</v>
      </c>
      <c r="H28386" s="8">
        <v>1</v>
      </c>
      <c r="I28386" s="8">
        <v>0</v>
      </c>
      <c r="J28386" s="8">
        <v>1</v>
      </c>
      <c r="K28386" s="9">
        <v>1.6</v>
      </c>
      <c r="L28386" s="6" t="s">
        <v>51</v>
      </c>
    </row>
    <row r="28387" spans="1:12">
      <c r="A28387" s="6" t="s">
        <v>29010</v>
      </c>
      <c r="B28387" s="6"/>
      <c r="C28387" s="6" t="s">
        <v>29240</v>
      </c>
      <c r="D28387" s="6"/>
      <c r="E28387" s="6" t="s">
        <v>9</v>
      </c>
      <c r="F28387" s="7"/>
      <c r="G28387" s="8">
        <v>1</v>
      </c>
      <c r="H28387" s="8">
        <v>1</v>
      </c>
      <c r="I28387" s="8">
        <v>0</v>
      </c>
      <c r="J28387" s="8">
        <v>1</v>
      </c>
      <c r="K28387" s="9">
        <v>11</v>
      </c>
      <c r="L28387" s="6" t="s">
        <v>51</v>
      </c>
    </row>
    <row r="28388" spans="1:12">
      <c r="A28388" s="6" t="s">
        <v>29010</v>
      </c>
      <c r="B28388" s="6"/>
      <c r="C28388" s="6" t="s">
        <v>29241</v>
      </c>
      <c r="D28388" s="6"/>
      <c r="E28388" s="6" t="s">
        <v>9</v>
      </c>
      <c r="F28388" s="7"/>
      <c r="G28388" s="8">
        <v>1</v>
      </c>
      <c r="H28388" s="8">
        <v>1</v>
      </c>
      <c r="I28388" s="8">
        <v>0</v>
      </c>
      <c r="J28388" s="8">
        <v>1</v>
      </c>
      <c r="K28388" s="9">
        <v>3.12</v>
      </c>
      <c r="L28388" s="6" t="s">
        <v>51</v>
      </c>
    </row>
    <row r="28389" spans="1:12">
      <c r="A28389" s="6" t="s">
        <v>29010</v>
      </c>
      <c r="B28389" s="6"/>
      <c r="C28389" s="6" t="s">
        <v>29242</v>
      </c>
      <c r="D28389" s="6"/>
      <c r="E28389" s="6" t="s">
        <v>9</v>
      </c>
      <c r="F28389" s="7"/>
      <c r="G28389" s="8">
        <v>1</v>
      </c>
      <c r="H28389" s="8">
        <v>1</v>
      </c>
      <c r="I28389" s="8">
        <v>0</v>
      </c>
      <c r="J28389" s="8">
        <v>1</v>
      </c>
      <c r="K28389" s="9">
        <v>2.27999999999999</v>
      </c>
      <c r="L28389" s="6" t="s">
        <v>51</v>
      </c>
    </row>
    <row r="28390" spans="1:12">
      <c r="A28390" s="6" t="s">
        <v>29010</v>
      </c>
      <c r="B28390" s="6"/>
      <c r="C28390" s="6" t="s">
        <v>29243</v>
      </c>
      <c r="D28390" s="6"/>
      <c r="E28390" s="6" t="s">
        <v>9</v>
      </c>
      <c r="F28390" s="7"/>
      <c r="G28390" s="8">
        <v>1</v>
      </c>
      <c r="H28390" s="8">
        <v>1</v>
      </c>
      <c r="I28390" s="8">
        <v>0</v>
      </c>
      <c r="J28390" s="8">
        <v>1</v>
      </c>
      <c r="K28390" s="9">
        <v>11</v>
      </c>
      <c r="L28390" s="6" t="s">
        <v>51</v>
      </c>
    </row>
    <row r="28391" spans="1:12">
      <c r="A28391" s="6" t="s">
        <v>29010</v>
      </c>
      <c r="B28391" s="6"/>
      <c r="C28391" s="6" t="s">
        <v>29244</v>
      </c>
      <c r="D28391" s="6"/>
      <c r="E28391" s="6" t="s">
        <v>9</v>
      </c>
      <c r="F28391" s="7"/>
      <c r="G28391" s="8">
        <v>1</v>
      </c>
      <c r="H28391" s="8">
        <v>1</v>
      </c>
      <c r="I28391" s="8">
        <v>0</v>
      </c>
      <c r="J28391" s="8">
        <v>1</v>
      </c>
      <c r="K28391" s="9">
        <v>8.5</v>
      </c>
      <c r="L28391" s="6" t="s">
        <v>51</v>
      </c>
    </row>
    <row r="28392" spans="1:12">
      <c r="A28392" s="6" t="s">
        <v>29010</v>
      </c>
      <c r="B28392" s="6"/>
      <c r="C28392" s="6" t="s">
        <v>29245</v>
      </c>
      <c r="D28392" s="6"/>
      <c r="E28392" s="6" t="s">
        <v>9</v>
      </c>
      <c r="F28392" s="7"/>
      <c r="G28392" s="8">
        <v>1</v>
      </c>
      <c r="H28392" s="8">
        <v>1</v>
      </c>
      <c r="I28392" s="8">
        <v>0</v>
      </c>
      <c r="J28392" s="8">
        <v>1</v>
      </c>
      <c r="K28392" s="9">
        <v>991.73</v>
      </c>
      <c r="L28392" s="6" t="s">
        <v>51</v>
      </c>
    </row>
    <row r="28393" spans="1:12">
      <c r="A28393" s="6" t="s">
        <v>29010</v>
      </c>
      <c r="B28393" s="6"/>
      <c r="C28393" s="6" t="s">
        <v>29246</v>
      </c>
      <c r="D28393" s="6"/>
      <c r="E28393" s="6" t="s">
        <v>9</v>
      </c>
      <c r="F28393" s="7"/>
      <c r="G28393" s="8">
        <v>1</v>
      </c>
      <c r="H28393" s="8">
        <v>1</v>
      </c>
      <c r="I28393" s="8">
        <v>0</v>
      </c>
      <c r="J28393" s="8">
        <v>1</v>
      </c>
      <c r="K28393" s="9">
        <v>10</v>
      </c>
      <c r="L28393" s="6" t="s">
        <v>51</v>
      </c>
    </row>
    <row r="28394" spans="1:12">
      <c r="A28394" s="6" t="s">
        <v>29010</v>
      </c>
      <c r="B28394" s="6"/>
      <c r="C28394" s="6" t="s">
        <v>29247</v>
      </c>
      <c r="D28394" s="6"/>
      <c r="E28394" s="6" t="s">
        <v>9</v>
      </c>
      <c r="F28394" s="7"/>
      <c r="G28394" s="8">
        <v>1</v>
      </c>
      <c r="H28394" s="8">
        <v>1</v>
      </c>
      <c r="I28394" s="8">
        <v>0</v>
      </c>
      <c r="J28394" s="8">
        <v>1</v>
      </c>
      <c r="K28394" s="9">
        <v>3.36</v>
      </c>
      <c r="L28394" s="6" t="s">
        <v>51</v>
      </c>
    </row>
    <row r="28395" spans="1:12">
      <c r="A28395" s="6" t="s">
        <v>29010</v>
      </c>
      <c r="B28395" s="6"/>
      <c r="C28395" s="6" t="s">
        <v>29248</v>
      </c>
      <c r="D28395" s="6"/>
      <c r="E28395" s="6" t="s">
        <v>9</v>
      </c>
      <c r="F28395" s="7"/>
      <c r="G28395" s="8">
        <v>1</v>
      </c>
      <c r="H28395" s="8">
        <v>1</v>
      </c>
      <c r="I28395" s="8">
        <v>0</v>
      </c>
      <c r="J28395" s="8">
        <v>1</v>
      </c>
      <c r="K28395" s="9">
        <v>15</v>
      </c>
      <c r="L28395" s="6" t="s">
        <v>51</v>
      </c>
    </row>
    <row r="28396" spans="1:12">
      <c r="A28396" s="6" t="s">
        <v>29010</v>
      </c>
      <c r="B28396" s="6"/>
      <c r="C28396" s="6" t="s">
        <v>29249</v>
      </c>
      <c r="D28396" s="6"/>
      <c r="E28396" s="6" t="s">
        <v>9</v>
      </c>
      <c r="F28396" s="7"/>
      <c r="G28396" s="8">
        <v>1</v>
      </c>
      <c r="H28396" s="8">
        <v>1</v>
      </c>
      <c r="I28396" s="8">
        <v>0</v>
      </c>
      <c r="J28396" s="8">
        <v>1</v>
      </c>
      <c r="K28396" s="9">
        <v>0.77</v>
      </c>
      <c r="L28396" s="6" t="s">
        <v>51</v>
      </c>
    </row>
    <row r="28397" spans="1:12">
      <c r="A28397" s="6" t="s">
        <v>29010</v>
      </c>
      <c r="B28397" s="6"/>
      <c r="C28397" s="6" t="s">
        <v>29250</v>
      </c>
      <c r="D28397" s="6"/>
      <c r="E28397" s="6" t="s">
        <v>9</v>
      </c>
      <c r="F28397" s="7"/>
      <c r="G28397" s="8">
        <v>1</v>
      </c>
      <c r="H28397" s="8">
        <v>1</v>
      </c>
      <c r="I28397" s="8">
        <v>0</v>
      </c>
      <c r="J28397" s="8">
        <v>1</v>
      </c>
      <c r="K28397" s="9">
        <v>76</v>
      </c>
      <c r="L28397" s="6" t="s">
        <v>51</v>
      </c>
    </row>
    <row r="28398" spans="1:12">
      <c r="A28398" s="6" t="s">
        <v>29010</v>
      </c>
      <c r="B28398" s="6"/>
      <c r="C28398" s="6" t="s">
        <v>29251</v>
      </c>
      <c r="D28398" s="6"/>
      <c r="E28398" s="6" t="s">
        <v>9</v>
      </c>
      <c r="F28398" s="7"/>
      <c r="G28398" s="8">
        <v>1</v>
      </c>
      <c r="H28398" s="8">
        <v>1</v>
      </c>
      <c r="I28398" s="8">
        <v>0</v>
      </c>
      <c r="J28398" s="8">
        <v>1</v>
      </c>
      <c r="K28398" s="9">
        <v>4.4400000000000004</v>
      </c>
      <c r="L28398" s="6" t="s">
        <v>51</v>
      </c>
    </row>
    <row r="28399" spans="1:12">
      <c r="A28399" s="6" t="s">
        <v>29010</v>
      </c>
      <c r="B28399" s="6"/>
      <c r="C28399" s="6" t="s">
        <v>29252</v>
      </c>
      <c r="D28399" s="6"/>
      <c r="E28399" s="6" t="s">
        <v>9</v>
      </c>
      <c r="F28399" s="7"/>
      <c r="G28399" s="8">
        <v>1</v>
      </c>
      <c r="H28399" s="8">
        <v>1</v>
      </c>
      <c r="I28399" s="8">
        <v>0</v>
      </c>
      <c r="J28399" s="8">
        <v>1</v>
      </c>
      <c r="K28399" s="9">
        <v>1.44</v>
      </c>
      <c r="L28399" s="6" t="s">
        <v>51</v>
      </c>
    </row>
    <row r="28400" spans="1:12">
      <c r="A28400" s="6" t="s">
        <v>29010</v>
      </c>
      <c r="B28400" s="6"/>
      <c r="C28400" s="6" t="s">
        <v>29253</v>
      </c>
      <c r="D28400" s="6"/>
      <c r="E28400" s="6" t="s">
        <v>9</v>
      </c>
      <c r="F28400" s="7"/>
      <c r="G28400" s="8">
        <v>1</v>
      </c>
      <c r="H28400" s="8">
        <v>1</v>
      </c>
      <c r="I28400" s="8">
        <v>0</v>
      </c>
      <c r="J28400" s="8">
        <v>1</v>
      </c>
      <c r="K28400" s="9">
        <v>42</v>
      </c>
      <c r="L28400" s="6" t="s">
        <v>51</v>
      </c>
    </row>
    <row r="28401" spans="1:12">
      <c r="A28401" s="6" t="s">
        <v>29010</v>
      </c>
      <c r="B28401" s="6"/>
      <c r="C28401" s="6" t="s">
        <v>29254</v>
      </c>
      <c r="D28401" s="6"/>
      <c r="E28401" s="6" t="s">
        <v>9</v>
      </c>
      <c r="F28401" s="7"/>
      <c r="G28401" s="8">
        <v>1</v>
      </c>
      <c r="H28401" s="8">
        <v>1</v>
      </c>
      <c r="I28401" s="8">
        <v>0</v>
      </c>
      <c r="J28401" s="8">
        <v>1</v>
      </c>
      <c r="K28401" s="9">
        <v>1.48</v>
      </c>
      <c r="L28401" s="6" t="s">
        <v>51</v>
      </c>
    </row>
    <row r="28402" spans="1:12">
      <c r="A28402" s="6" t="s">
        <v>29010</v>
      </c>
      <c r="B28402" s="6"/>
      <c r="C28402" s="6" t="s">
        <v>29255</v>
      </c>
      <c r="D28402" s="6"/>
      <c r="E28402" s="6" t="s">
        <v>9</v>
      </c>
      <c r="F28402" s="7"/>
      <c r="G28402" s="8">
        <v>1</v>
      </c>
      <c r="H28402" s="8">
        <v>1</v>
      </c>
      <c r="I28402" s="8">
        <v>0</v>
      </c>
      <c r="J28402" s="8">
        <v>1</v>
      </c>
      <c r="K28402" s="9">
        <v>26</v>
      </c>
      <c r="L28402" s="6" t="s">
        <v>51</v>
      </c>
    </row>
    <row r="28403" spans="1:12">
      <c r="A28403" s="6" t="s">
        <v>29010</v>
      </c>
      <c r="B28403" s="6"/>
      <c r="C28403" s="6" t="s">
        <v>29256</v>
      </c>
      <c r="D28403" s="6"/>
      <c r="E28403" s="6" t="s">
        <v>9</v>
      </c>
      <c r="F28403" s="7"/>
      <c r="G28403" s="8">
        <v>1</v>
      </c>
      <c r="H28403" s="8">
        <v>1</v>
      </c>
      <c r="I28403" s="8">
        <v>0</v>
      </c>
      <c r="J28403" s="8">
        <v>1</v>
      </c>
      <c r="K28403" s="9">
        <v>168.59</v>
      </c>
      <c r="L28403" s="6" t="s">
        <v>51</v>
      </c>
    </row>
    <row r="28404" spans="1:12">
      <c r="A28404" s="6" t="s">
        <v>29010</v>
      </c>
      <c r="B28404" s="6"/>
      <c r="C28404" s="6" t="s">
        <v>29257</v>
      </c>
      <c r="D28404" s="6"/>
      <c r="E28404" s="6" t="s">
        <v>9</v>
      </c>
      <c r="F28404" s="7"/>
      <c r="G28404" s="8">
        <v>1</v>
      </c>
      <c r="H28404" s="8">
        <v>1</v>
      </c>
      <c r="I28404" s="8">
        <v>0</v>
      </c>
      <c r="J28404" s="8">
        <v>1</v>
      </c>
      <c r="K28404" s="9">
        <v>82</v>
      </c>
      <c r="L28404" s="6" t="s">
        <v>51</v>
      </c>
    </row>
    <row r="28405" spans="1:12">
      <c r="A28405" s="6" t="s">
        <v>29010</v>
      </c>
      <c r="B28405" s="6"/>
      <c r="C28405" s="6" t="s">
        <v>29258</v>
      </c>
      <c r="D28405" s="6"/>
      <c r="E28405" s="6" t="s">
        <v>9</v>
      </c>
      <c r="F28405" s="7"/>
      <c r="G28405" s="8">
        <v>1</v>
      </c>
      <c r="H28405" s="8">
        <v>1</v>
      </c>
      <c r="I28405" s="8">
        <v>0</v>
      </c>
      <c r="J28405" s="8">
        <v>1</v>
      </c>
      <c r="K28405" s="9">
        <v>12</v>
      </c>
      <c r="L28405" s="6" t="s">
        <v>51</v>
      </c>
    </row>
    <row r="28406" spans="1:12">
      <c r="A28406" s="6" t="s">
        <v>29010</v>
      </c>
      <c r="B28406" s="6"/>
      <c r="C28406" s="6" t="s">
        <v>29259</v>
      </c>
      <c r="D28406" s="6"/>
      <c r="E28406" s="6" t="s">
        <v>9</v>
      </c>
      <c r="F28406" s="7"/>
      <c r="G28406" s="8">
        <v>1</v>
      </c>
      <c r="H28406" s="8">
        <v>1</v>
      </c>
      <c r="I28406" s="8">
        <v>0</v>
      </c>
      <c r="J28406" s="8">
        <v>1</v>
      </c>
      <c r="K28406" s="9">
        <v>52</v>
      </c>
      <c r="L28406" s="6" t="s">
        <v>51</v>
      </c>
    </row>
    <row r="28407" spans="1:12">
      <c r="A28407" s="6" t="s">
        <v>29010</v>
      </c>
      <c r="B28407" s="6"/>
      <c r="C28407" s="6" t="s">
        <v>29260</v>
      </c>
      <c r="D28407" s="6"/>
      <c r="E28407" s="6" t="s">
        <v>9</v>
      </c>
      <c r="F28407" s="7"/>
      <c r="G28407" s="8">
        <v>1</v>
      </c>
      <c r="H28407" s="8">
        <v>1</v>
      </c>
      <c r="I28407" s="8">
        <v>0</v>
      </c>
      <c r="J28407" s="8">
        <v>1</v>
      </c>
      <c r="K28407" s="9">
        <v>61</v>
      </c>
      <c r="L28407" s="6" t="s">
        <v>51</v>
      </c>
    </row>
    <row r="28408" spans="1:12">
      <c r="A28408" s="6" t="s">
        <v>29010</v>
      </c>
      <c r="B28408" s="6"/>
      <c r="C28408" s="6" t="s">
        <v>29261</v>
      </c>
      <c r="D28408" s="6"/>
      <c r="E28408" s="6" t="s">
        <v>9</v>
      </c>
      <c r="F28408" s="7"/>
      <c r="G28408" s="8">
        <v>1</v>
      </c>
      <c r="H28408" s="8">
        <v>1</v>
      </c>
      <c r="I28408" s="8">
        <v>0</v>
      </c>
      <c r="J28408" s="8">
        <v>1</v>
      </c>
      <c r="K28408" s="9">
        <v>8.7100000000000009</v>
      </c>
      <c r="L28408" s="6" t="s">
        <v>51</v>
      </c>
    </row>
    <row r="28409" spans="1:12">
      <c r="A28409" s="6" t="s">
        <v>29010</v>
      </c>
      <c r="B28409" s="6"/>
      <c r="C28409" s="6" t="s">
        <v>29262</v>
      </c>
      <c r="D28409" s="6"/>
      <c r="E28409" s="6" t="s">
        <v>9</v>
      </c>
      <c r="F28409" s="7"/>
      <c r="G28409" s="8">
        <v>1</v>
      </c>
      <c r="H28409" s="8">
        <v>1</v>
      </c>
      <c r="I28409" s="8">
        <v>0</v>
      </c>
      <c r="J28409" s="8">
        <v>1</v>
      </c>
      <c r="K28409" s="9">
        <v>2.4</v>
      </c>
      <c r="L28409" s="6" t="s">
        <v>51</v>
      </c>
    </row>
    <row r="28410" spans="1:12">
      <c r="A28410" s="6" t="s">
        <v>29010</v>
      </c>
      <c r="B28410" s="6"/>
      <c r="C28410" s="6" t="s">
        <v>29263</v>
      </c>
      <c r="D28410" s="6"/>
      <c r="E28410" s="6" t="s">
        <v>9</v>
      </c>
      <c r="F28410" s="7"/>
      <c r="G28410" s="8">
        <v>1</v>
      </c>
      <c r="H28410" s="8">
        <v>1</v>
      </c>
      <c r="I28410" s="8">
        <v>0</v>
      </c>
      <c r="J28410" s="8">
        <v>1</v>
      </c>
      <c r="K28410" s="9">
        <v>68</v>
      </c>
      <c r="L28410" s="6" t="s">
        <v>51</v>
      </c>
    </row>
    <row r="28411" spans="1:12">
      <c r="A28411" s="6" t="s">
        <v>29010</v>
      </c>
      <c r="B28411" s="6"/>
      <c r="C28411" s="6" t="s">
        <v>29264</v>
      </c>
      <c r="D28411" s="6"/>
      <c r="E28411" s="6" t="s">
        <v>9</v>
      </c>
      <c r="F28411" s="7"/>
      <c r="G28411" s="8">
        <v>1</v>
      </c>
      <c r="H28411" s="8">
        <v>1</v>
      </c>
      <c r="I28411" s="8">
        <v>0</v>
      </c>
      <c r="J28411" s="8">
        <v>1</v>
      </c>
      <c r="K28411" s="9">
        <v>47</v>
      </c>
      <c r="L28411" s="6" t="s">
        <v>51</v>
      </c>
    </row>
    <row r="28412" spans="1:12">
      <c r="A28412" s="6" t="s">
        <v>29010</v>
      </c>
      <c r="B28412" s="6"/>
      <c r="C28412" s="6" t="s">
        <v>29265</v>
      </c>
      <c r="D28412" s="6"/>
      <c r="E28412" s="6" t="s">
        <v>9</v>
      </c>
      <c r="F28412" s="7"/>
      <c r="G28412" s="8">
        <v>1</v>
      </c>
      <c r="H28412" s="8">
        <v>1</v>
      </c>
      <c r="I28412" s="8">
        <v>0</v>
      </c>
      <c r="J28412" s="8">
        <v>1</v>
      </c>
      <c r="K28412" s="9">
        <v>3.04</v>
      </c>
      <c r="L28412" s="6" t="s">
        <v>51</v>
      </c>
    </row>
    <row r="28413" spans="1:12">
      <c r="A28413" s="6" t="s">
        <v>29010</v>
      </c>
      <c r="B28413" s="6"/>
      <c r="C28413" s="6" t="s">
        <v>29266</v>
      </c>
      <c r="D28413" s="6"/>
      <c r="E28413" s="6" t="s">
        <v>9</v>
      </c>
      <c r="F28413" s="7"/>
      <c r="G28413" s="8">
        <v>1</v>
      </c>
      <c r="H28413" s="8">
        <v>1</v>
      </c>
      <c r="I28413" s="8">
        <v>0</v>
      </c>
      <c r="J28413" s="8">
        <v>1</v>
      </c>
      <c r="K28413" s="9">
        <v>43</v>
      </c>
      <c r="L28413" s="6" t="s">
        <v>51</v>
      </c>
    </row>
    <row r="28414" spans="1:12">
      <c r="A28414" s="6" t="s">
        <v>29010</v>
      </c>
      <c r="B28414" s="6"/>
      <c r="C28414" s="6" t="s">
        <v>29267</v>
      </c>
      <c r="D28414" s="6"/>
      <c r="E28414" s="6" t="s">
        <v>9</v>
      </c>
      <c r="F28414" s="7"/>
      <c r="G28414" s="8">
        <v>1</v>
      </c>
      <c r="H28414" s="8">
        <v>1</v>
      </c>
      <c r="I28414" s="8">
        <v>0</v>
      </c>
      <c r="J28414" s="8">
        <v>1</v>
      </c>
      <c r="K28414" s="9">
        <v>19.829999999999899</v>
      </c>
      <c r="L28414" s="6" t="s">
        <v>51</v>
      </c>
    </row>
    <row r="28415" spans="1:12">
      <c r="A28415" s="6" t="s">
        <v>29010</v>
      </c>
      <c r="B28415" s="6"/>
      <c r="C28415" s="6" t="s">
        <v>29268</v>
      </c>
      <c r="D28415" s="6"/>
      <c r="E28415" s="6" t="s">
        <v>9</v>
      </c>
      <c r="F28415" s="7"/>
      <c r="G28415" s="8">
        <v>1</v>
      </c>
      <c r="H28415" s="8">
        <v>1</v>
      </c>
      <c r="I28415" s="8">
        <v>0</v>
      </c>
      <c r="J28415" s="8">
        <v>1</v>
      </c>
      <c r="K28415" s="9">
        <v>10</v>
      </c>
      <c r="L28415" s="6" t="s">
        <v>51</v>
      </c>
    </row>
    <row r="28416" spans="1:12">
      <c r="A28416" s="6" t="s">
        <v>29010</v>
      </c>
      <c r="B28416" s="6"/>
      <c r="C28416" s="6" t="s">
        <v>29269</v>
      </c>
      <c r="D28416" s="6"/>
      <c r="E28416" s="6" t="s">
        <v>9</v>
      </c>
      <c r="F28416" s="7"/>
      <c r="G28416" s="8">
        <v>1</v>
      </c>
      <c r="H28416" s="8">
        <v>1</v>
      </c>
      <c r="I28416" s="8">
        <v>0</v>
      </c>
      <c r="J28416" s="8">
        <v>1</v>
      </c>
      <c r="K28416" s="9">
        <v>43</v>
      </c>
      <c r="L28416" s="6" t="s">
        <v>51</v>
      </c>
    </row>
    <row r="28417" spans="1:12">
      <c r="A28417" s="6" t="s">
        <v>29010</v>
      </c>
      <c r="B28417" s="6"/>
      <c r="C28417" s="6" t="s">
        <v>29270</v>
      </c>
      <c r="D28417" s="6"/>
      <c r="E28417" s="6" t="s">
        <v>9</v>
      </c>
      <c r="F28417" s="7"/>
      <c r="G28417" s="8">
        <v>1</v>
      </c>
      <c r="H28417" s="8">
        <v>1</v>
      </c>
      <c r="I28417" s="8">
        <v>0</v>
      </c>
      <c r="J28417" s="8">
        <v>1</v>
      </c>
      <c r="K28417" s="9">
        <v>37</v>
      </c>
      <c r="L28417" s="6" t="s">
        <v>51</v>
      </c>
    </row>
    <row r="28418" spans="1:12">
      <c r="A28418" s="6" t="s">
        <v>29010</v>
      </c>
      <c r="B28418" s="6"/>
      <c r="C28418" s="6" t="s">
        <v>29271</v>
      </c>
      <c r="D28418" s="6"/>
      <c r="E28418" s="6" t="s">
        <v>9</v>
      </c>
      <c r="F28418" s="7"/>
      <c r="G28418" s="8">
        <v>1</v>
      </c>
      <c r="H28418" s="8">
        <v>1</v>
      </c>
      <c r="I28418" s="8">
        <v>0</v>
      </c>
      <c r="J28418" s="8">
        <v>1</v>
      </c>
      <c r="K28418" s="9">
        <v>26</v>
      </c>
      <c r="L28418" s="6" t="s">
        <v>51</v>
      </c>
    </row>
    <row r="28419" spans="1:12">
      <c r="A28419" s="6" t="s">
        <v>29010</v>
      </c>
      <c r="B28419" s="6"/>
      <c r="C28419" s="6" t="s">
        <v>29272</v>
      </c>
      <c r="D28419" s="6"/>
      <c r="E28419" s="6" t="s">
        <v>9</v>
      </c>
      <c r="F28419" s="7"/>
      <c r="G28419" s="8">
        <v>1</v>
      </c>
      <c r="H28419" s="8">
        <v>1</v>
      </c>
      <c r="I28419" s="8">
        <v>0</v>
      </c>
      <c r="J28419" s="8">
        <v>1</v>
      </c>
      <c r="K28419" s="9">
        <v>22</v>
      </c>
      <c r="L28419" s="6" t="s">
        <v>51</v>
      </c>
    </row>
    <row r="28420" spans="1:12">
      <c r="A28420" s="6" t="s">
        <v>29010</v>
      </c>
      <c r="B28420" s="6"/>
      <c r="C28420" s="6" t="s">
        <v>29273</v>
      </c>
      <c r="D28420" s="6"/>
      <c r="E28420" s="6" t="s">
        <v>9</v>
      </c>
      <c r="F28420" s="7"/>
      <c r="G28420" s="8">
        <v>1</v>
      </c>
      <c r="H28420" s="8">
        <v>1</v>
      </c>
      <c r="I28420" s="8">
        <v>0</v>
      </c>
      <c r="J28420" s="8">
        <v>1</v>
      </c>
      <c r="K28420" s="9">
        <v>17</v>
      </c>
      <c r="L28420" s="6" t="s">
        <v>51</v>
      </c>
    </row>
    <row r="28421" spans="1:12">
      <c r="A28421" s="6" t="s">
        <v>29010</v>
      </c>
      <c r="B28421" s="6"/>
      <c r="C28421" s="6" t="s">
        <v>29274</v>
      </c>
      <c r="D28421" s="6"/>
      <c r="E28421" s="6" t="s">
        <v>9</v>
      </c>
      <c r="F28421" s="7"/>
      <c r="G28421" s="8">
        <v>1</v>
      </c>
      <c r="H28421" s="8">
        <v>1</v>
      </c>
      <c r="I28421" s="8">
        <v>0</v>
      </c>
      <c r="J28421" s="8">
        <v>1</v>
      </c>
      <c r="K28421" s="9">
        <v>41</v>
      </c>
      <c r="L28421" s="6" t="s">
        <v>51</v>
      </c>
    </row>
    <row r="28422" spans="1:12">
      <c r="A28422" s="6" t="s">
        <v>29010</v>
      </c>
      <c r="B28422" s="6"/>
      <c r="C28422" s="6" t="s">
        <v>29275</v>
      </c>
      <c r="D28422" s="6"/>
      <c r="E28422" s="6" t="s">
        <v>9</v>
      </c>
      <c r="F28422" s="7"/>
      <c r="G28422" s="8">
        <v>1</v>
      </c>
      <c r="H28422" s="8">
        <v>1</v>
      </c>
      <c r="I28422" s="8">
        <v>0</v>
      </c>
      <c r="J28422" s="8">
        <v>1</v>
      </c>
      <c r="K28422" s="9">
        <v>65</v>
      </c>
      <c r="L28422" s="6" t="s">
        <v>51</v>
      </c>
    </row>
    <row r="28423" spans="1:12">
      <c r="A28423" s="6" t="s">
        <v>29010</v>
      </c>
      <c r="B28423" s="6"/>
      <c r="C28423" s="6" t="s">
        <v>29276</v>
      </c>
      <c r="D28423" s="6"/>
      <c r="E28423" s="6" t="s">
        <v>9</v>
      </c>
      <c r="F28423" s="7"/>
      <c r="G28423" s="8">
        <v>1</v>
      </c>
      <c r="H28423" s="8">
        <v>1</v>
      </c>
      <c r="I28423" s="8">
        <v>0</v>
      </c>
      <c r="J28423" s="8">
        <v>1</v>
      </c>
      <c r="K28423" s="9">
        <v>16</v>
      </c>
      <c r="L28423" s="6" t="s">
        <v>51</v>
      </c>
    </row>
    <row r="28424" spans="1:12">
      <c r="A28424" s="6" t="s">
        <v>29010</v>
      </c>
      <c r="B28424" s="6"/>
      <c r="C28424" s="6" t="s">
        <v>29277</v>
      </c>
      <c r="D28424" s="6"/>
      <c r="E28424" s="6" t="s">
        <v>9</v>
      </c>
      <c r="F28424" s="7"/>
      <c r="G28424" s="8">
        <v>1</v>
      </c>
      <c r="H28424" s="8">
        <v>1</v>
      </c>
      <c r="I28424" s="8">
        <v>0</v>
      </c>
      <c r="J28424" s="8">
        <v>1</v>
      </c>
      <c r="K28424" s="9">
        <v>42</v>
      </c>
      <c r="L28424" s="6" t="s">
        <v>51</v>
      </c>
    </row>
    <row r="28425" spans="1:12">
      <c r="A28425" s="6" t="s">
        <v>29010</v>
      </c>
      <c r="B28425" s="6"/>
      <c r="C28425" s="6" t="s">
        <v>29278</v>
      </c>
      <c r="D28425" s="6"/>
      <c r="E28425" s="6" t="s">
        <v>9</v>
      </c>
      <c r="F28425" s="7"/>
      <c r="G28425" s="8">
        <v>1</v>
      </c>
      <c r="H28425" s="8">
        <v>1</v>
      </c>
      <c r="I28425" s="8">
        <v>0</v>
      </c>
      <c r="J28425" s="8">
        <v>1</v>
      </c>
      <c r="K28425" s="9">
        <v>13</v>
      </c>
      <c r="L28425" s="6" t="s">
        <v>51</v>
      </c>
    </row>
    <row r="28426" spans="1:12">
      <c r="A28426" s="6" t="s">
        <v>29010</v>
      </c>
      <c r="B28426" s="6"/>
      <c r="C28426" s="6" t="s">
        <v>29279</v>
      </c>
      <c r="D28426" s="6"/>
      <c r="E28426" s="6" t="s">
        <v>9</v>
      </c>
      <c r="F28426" s="7"/>
      <c r="G28426" s="8">
        <v>1</v>
      </c>
      <c r="H28426" s="8">
        <v>1</v>
      </c>
      <c r="I28426" s="8">
        <v>0</v>
      </c>
      <c r="J28426" s="8">
        <v>1</v>
      </c>
      <c r="K28426" s="9">
        <v>19</v>
      </c>
      <c r="L28426" s="6" t="s">
        <v>51</v>
      </c>
    </row>
    <row r="28427" spans="1:12">
      <c r="A28427" s="6" t="s">
        <v>29010</v>
      </c>
      <c r="B28427" s="6"/>
      <c r="C28427" s="6" t="s">
        <v>29280</v>
      </c>
      <c r="D28427" s="6"/>
      <c r="E28427" s="6" t="s">
        <v>9</v>
      </c>
      <c r="F28427" s="7"/>
      <c r="G28427" s="8">
        <v>1</v>
      </c>
      <c r="H28427" s="8">
        <v>1</v>
      </c>
      <c r="I28427" s="8">
        <v>0</v>
      </c>
      <c r="J28427" s="8">
        <v>1</v>
      </c>
      <c r="K28427" s="9">
        <v>30</v>
      </c>
      <c r="L28427" s="6" t="s">
        <v>51</v>
      </c>
    </row>
    <row r="28428" spans="1:12">
      <c r="A28428" s="6" t="s">
        <v>29010</v>
      </c>
      <c r="B28428" s="6"/>
      <c r="C28428" s="6" t="s">
        <v>29281</v>
      </c>
      <c r="D28428" s="6"/>
      <c r="E28428" s="6" t="s">
        <v>9</v>
      </c>
      <c r="F28428" s="7"/>
      <c r="G28428" s="8">
        <v>1</v>
      </c>
      <c r="H28428" s="8">
        <v>1</v>
      </c>
      <c r="I28428" s="8">
        <v>0</v>
      </c>
      <c r="J28428" s="8">
        <v>1</v>
      </c>
      <c r="K28428" s="9">
        <v>15</v>
      </c>
      <c r="L28428" s="6" t="s">
        <v>51</v>
      </c>
    </row>
    <row r="28429" spans="1:12">
      <c r="A28429" s="6" t="s">
        <v>29010</v>
      </c>
      <c r="B28429" s="6"/>
      <c r="C28429" s="6" t="s">
        <v>29282</v>
      </c>
      <c r="D28429" s="6"/>
      <c r="E28429" s="6" t="s">
        <v>9</v>
      </c>
      <c r="F28429" s="7"/>
      <c r="G28429" s="8">
        <v>1</v>
      </c>
      <c r="H28429" s="8">
        <v>1</v>
      </c>
      <c r="I28429" s="8">
        <v>0</v>
      </c>
      <c r="J28429" s="8">
        <v>1</v>
      </c>
      <c r="K28429" s="9">
        <v>5.93</v>
      </c>
      <c r="L28429" s="6" t="s">
        <v>51</v>
      </c>
    </row>
    <row r="28430" spans="1:12">
      <c r="A28430" s="6" t="s">
        <v>29010</v>
      </c>
      <c r="B28430" s="6"/>
      <c r="C28430" s="6" t="s">
        <v>29283</v>
      </c>
      <c r="D28430" s="6"/>
      <c r="E28430" s="6" t="s">
        <v>9</v>
      </c>
      <c r="F28430" s="7"/>
      <c r="G28430" s="8">
        <v>1</v>
      </c>
      <c r="H28430" s="8">
        <v>1</v>
      </c>
      <c r="I28430" s="8">
        <v>0</v>
      </c>
      <c r="J28430" s="8">
        <v>1</v>
      </c>
      <c r="K28430" s="9">
        <v>1.86</v>
      </c>
      <c r="L28430" s="6" t="s">
        <v>51</v>
      </c>
    </row>
    <row r="28431" spans="1:12">
      <c r="A28431" s="6" t="s">
        <v>29010</v>
      </c>
      <c r="B28431" s="6"/>
      <c r="C28431" s="6" t="s">
        <v>29284</v>
      </c>
      <c r="D28431" s="6"/>
      <c r="E28431" s="6" t="s">
        <v>9</v>
      </c>
      <c r="F28431" s="7"/>
      <c r="G28431" s="8">
        <v>1</v>
      </c>
      <c r="H28431" s="8">
        <v>1</v>
      </c>
      <c r="I28431" s="8">
        <v>0</v>
      </c>
      <c r="J28431" s="8">
        <v>1</v>
      </c>
      <c r="K28431" s="9">
        <v>1.25</v>
      </c>
      <c r="L28431" s="6" t="s">
        <v>51</v>
      </c>
    </row>
    <row r="28432" spans="1:12">
      <c r="A28432" s="6" t="s">
        <v>29010</v>
      </c>
      <c r="B28432" s="6"/>
      <c r="C28432" s="6" t="s">
        <v>29285</v>
      </c>
      <c r="D28432" s="6"/>
      <c r="E28432" s="6" t="s">
        <v>9</v>
      </c>
      <c r="F28432" s="7"/>
      <c r="G28432" s="8">
        <v>1</v>
      </c>
      <c r="H28432" s="8">
        <v>1</v>
      </c>
      <c r="I28432" s="8">
        <v>0</v>
      </c>
      <c r="J28432" s="8">
        <v>1</v>
      </c>
      <c r="K28432" s="9">
        <v>27</v>
      </c>
      <c r="L28432" s="6" t="s">
        <v>51</v>
      </c>
    </row>
    <row r="28433" spans="1:12">
      <c r="A28433" s="6" t="s">
        <v>29010</v>
      </c>
      <c r="B28433" s="6"/>
      <c r="C28433" s="6" t="s">
        <v>29286</v>
      </c>
      <c r="D28433" s="6"/>
      <c r="E28433" s="6" t="s">
        <v>9</v>
      </c>
      <c r="F28433" s="7"/>
      <c r="G28433" s="8">
        <v>1</v>
      </c>
      <c r="H28433" s="8">
        <v>1</v>
      </c>
      <c r="I28433" s="8">
        <v>0</v>
      </c>
      <c r="J28433" s="8">
        <v>1</v>
      </c>
      <c r="K28433" s="9">
        <v>19</v>
      </c>
      <c r="L28433" s="6" t="s">
        <v>51</v>
      </c>
    </row>
    <row r="28434" spans="1:12">
      <c r="A28434" s="6" t="s">
        <v>29010</v>
      </c>
      <c r="B28434" s="6"/>
      <c r="C28434" s="6" t="s">
        <v>29287</v>
      </c>
      <c r="D28434" s="6"/>
      <c r="E28434" s="6" t="s">
        <v>9</v>
      </c>
      <c r="F28434" s="7"/>
      <c r="G28434" s="8">
        <v>1</v>
      </c>
      <c r="H28434" s="8">
        <v>1</v>
      </c>
      <c r="I28434" s="8">
        <v>0</v>
      </c>
      <c r="J28434" s="8">
        <v>1</v>
      </c>
      <c r="K28434" s="9">
        <v>160</v>
      </c>
      <c r="L28434" s="6" t="s">
        <v>51</v>
      </c>
    </row>
    <row r="28435" spans="1:12">
      <c r="A28435" s="6" t="s">
        <v>29010</v>
      </c>
      <c r="B28435" s="6"/>
      <c r="C28435" s="6" t="s">
        <v>29288</v>
      </c>
      <c r="D28435" s="6"/>
      <c r="E28435" s="6" t="s">
        <v>9</v>
      </c>
      <c r="F28435" s="7"/>
      <c r="G28435" s="8">
        <v>1</v>
      </c>
      <c r="H28435" s="8">
        <v>1</v>
      </c>
      <c r="I28435" s="8">
        <v>0</v>
      </c>
      <c r="J28435" s="8">
        <v>1</v>
      </c>
      <c r="K28435" s="9">
        <v>50</v>
      </c>
      <c r="L28435" s="6" t="s">
        <v>51</v>
      </c>
    </row>
    <row r="28436" spans="1:12">
      <c r="A28436" s="6" t="s">
        <v>29010</v>
      </c>
      <c r="B28436" s="6"/>
      <c r="C28436" s="6" t="s">
        <v>29289</v>
      </c>
      <c r="D28436" s="6"/>
      <c r="E28436" s="6" t="s">
        <v>9</v>
      </c>
      <c r="F28436" s="7"/>
      <c r="G28436" s="8">
        <v>1</v>
      </c>
      <c r="H28436" s="8">
        <v>1</v>
      </c>
      <c r="I28436" s="8">
        <v>0</v>
      </c>
      <c r="J28436" s="8">
        <v>1</v>
      </c>
      <c r="K28436" s="9">
        <v>3.37</v>
      </c>
      <c r="L28436" s="6" t="s">
        <v>51</v>
      </c>
    </row>
    <row r="28437" spans="1:12">
      <c r="A28437" s="6" t="s">
        <v>29010</v>
      </c>
      <c r="B28437" s="6"/>
      <c r="C28437" s="6" t="s">
        <v>29290</v>
      </c>
      <c r="D28437" s="6"/>
      <c r="E28437" s="6" t="s">
        <v>9</v>
      </c>
      <c r="F28437" s="7"/>
      <c r="G28437" s="8">
        <v>1</v>
      </c>
      <c r="H28437" s="8">
        <v>1</v>
      </c>
      <c r="I28437" s="8">
        <v>0</v>
      </c>
      <c r="J28437" s="8">
        <v>1</v>
      </c>
      <c r="K28437" s="9">
        <v>29</v>
      </c>
      <c r="L28437" s="6" t="s">
        <v>51</v>
      </c>
    </row>
    <row r="28438" spans="1:12">
      <c r="A28438" s="6" t="s">
        <v>29010</v>
      </c>
      <c r="B28438" s="6"/>
      <c r="C28438" s="6" t="s">
        <v>29291</v>
      </c>
      <c r="D28438" s="6"/>
      <c r="E28438" s="6" t="s">
        <v>9</v>
      </c>
      <c r="F28438" s="7"/>
      <c r="G28438" s="8">
        <v>1</v>
      </c>
      <c r="H28438" s="8">
        <v>1</v>
      </c>
      <c r="I28438" s="8">
        <v>0</v>
      </c>
      <c r="J28438" s="8">
        <v>1</v>
      </c>
      <c r="K28438" s="9">
        <v>3.94</v>
      </c>
      <c r="L28438" s="6" t="s">
        <v>51</v>
      </c>
    </row>
    <row r="28439" spans="1:12">
      <c r="A28439" s="6" t="s">
        <v>29010</v>
      </c>
      <c r="B28439" s="6"/>
      <c r="C28439" s="6" t="s">
        <v>29292</v>
      </c>
      <c r="D28439" s="6"/>
      <c r="E28439" s="6" t="s">
        <v>9</v>
      </c>
      <c r="F28439" s="7"/>
      <c r="G28439" s="8">
        <v>1</v>
      </c>
      <c r="H28439" s="8">
        <v>1</v>
      </c>
      <c r="I28439" s="8">
        <v>0</v>
      </c>
      <c r="J28439" s="8">
        <v>1</v>
      </c>
      <c r="K28439" s="9">
        <v>2.73</v>
      </c>
      <c r="L28439" s="6" t="s">
        <v>51</v>
      </c>
    </row>
    <row r="28440" spans="1:12">
      <c r="A28440" s="6" t="s">
        <v>29010</v>
      </c>
      <c r="B28440" s="6"/>
      <c r="C28440" s="6" t="s">
        <v>29293</v>
      </c>
      <c r="D28440" s="6"/>
      <c r="E28440" s="6" t="s">
        <v>9</v>
      </c>
      <c r="F28440" s="7"/>
      <c r="G28440" s="8">
        <v>1</v>
      </c>
      <c r="H28440" s="8">
        <v>1</v>
      </c>
      <c r="I28440" s="8">
        <v>0</v>
      </c>
      <c r="J28440" s="8">
        <v>1</v>
      </c>
      <c r="K28440" s="9">
        <v>117</v>
      </c>
      <c r="L28440" s="6" t="s">
        <v>51</v>
      </c>
    </row>
    <row r="28441" spans="1:12">
      <c r="A28441" s="6" t="s">
        <v>29010</v>
      </c>
      <c r="B28441" s="6"/>
      <c r="C28441" s="6" t="s">
        <v>29294</v>
      </c>
      <c r="D28441" s="6"/>
      <c r="E28441" s="6" t="s">
        <v>9</v>
      </c>
      <c r="F28441" s="7"/>
      <c r="G28441" s="8">
        <v>1</v>
      </c>
      <c r="H28441" s="8">
        <v>1</v>
      </c>
      <c r="I28441" s="8">
        <v>0</v>
      </c>
      <c r="J28441" s="8">
        <v>1</v>
      </c>
      <c r="K28441" s="9">
        <v>27</v>
      </c>
      <c r="L28441" s="6" t="s">
        <v>51</v>
      </c>
    </row>
    <row r="28442" spans="1:12">
      <c r="A28442" s="6" t="s">
        <v>29010</v>
      </c>
      <c r="B28442" s="6"/>
      <c r="C28442" s="6" t="s">
        <v>29295</v>
      </c>
      <c r="D28442" s="6"/>
      <c r="E28442" s="6" t="s">
        <v>9</v>
      </c>
      <c r="F28442" s="7"/>
      <c r="G28442" s="8">
        <v>1</v>
      </c>
      <c r="H28442" s="8">
        <v>1</v>
      </c>
      <c r="I28442" s="8">
        <v>0</v>
      </c>
      <c r="J28442" s="8">
        <v>1</v>
      </c>
      <c r="K28442" s="9">
        <v>35</v>
      </c>
      <c r="L28442" s="6" t="s">
        <v>51</v>
      </c>
    </row>
    <row r="28443" spans="1:12">
      <c r="A28443" s="6" t="s">
        <v>29010</v>
      </c>
      <c r="B28443" s="6"/>
      <c r="C28443" s="6" t="s">
        <v>29296</v>
      </c>
      <c r="D28443" s="6"/>
      <c r="E28443" s="6" t="s">
        <v>9</v>
      </c>
      <c r="F28443" s="7"/>
      <c r="G28443" s="8">
        <v>1</v>
      </c>
      <c r="H28443" s="8">
        <v>1</v>
      </c>
      <c r="I28443" s="8">
        <v>0</v>
      </c>
      <c r="J28443" s="8">
        <v>1</v>
      </c>
      <c r="K28443" s="9">
        <v>139</v>
      </c>
      <c r="L28443" s="6" t="s">
        <v>51</v>
      </c>
    </row>
    <row r="28444" spans="1:12">
      <c r="A28444" s="6" t="s">
        <v>29010</v>
      </c>
      <c r="B28444" s="6"/>
      <c r="C28444" s="6" t="s">
        <v>29297</v>
      </c>
      <c r="D28444" s="6"/>
      <c r="E28444" s="6" t="s">
        <v>9</v>
      </c>
      <c r="F28444" s="7"/>
      <c r="G28444" s="8">
        <v>1</v>
      </c>
      <c r="H28444" s="8">
        <v>1</v>
      </c>
      <c r="I28444" s="8">
        <v>0</v>
      </c>
      <c r="J28444" s="8">
        <v>1</v>
      </c>
      <c r="K28444" s="9">
        <v>24</v>
      </c>
      <c r="L28444" s="6" t="s">
        <v>51</v>
      </c>
    </row>
    <row r="28445" spans="1:12">
      <c r="A28445" s="6" t="s">
        <v>29010</v>
      </c>
      <c r="B28445" s="6"/>
      <c r="C28445" s="6" t="s">
        <v>29298</v>
      </c>
      <c r="D28445" s="6"/>
      <c r="E28445" s="6" t="s">
        <v>9</v>
      </c>
      <c r="F28445" s="7"/>
      <c r="G28445" s="8">
        <v>1</v>
      </c>
      <c r="H28445" s="8">
        <v>1</v>
      </c>
      <c r="I28445" s="8">
        <v>0</v>
      </c>
      <c r="J28445" s="8">
        <v>1</v>
      </c>
      <c r="K28445" s="9">
        <v>46</v>
      </c>
      <c r="L28445" s="6" t="s">
        <v>51</v>
      </c>
    </row>
    <row r="28446" spans="1:12">
      <c r="A28446" s="6" t="s">
        <v>29010</v>
      </c>
      <c r="B28446" s="6"/>
      <c r="C28446" s="6" t="s">
        <v>29299</v>
      </c>
      <c r="D28446" s="6"/>
      <c r="E28446" s="6" t="s">
        <v>9</v>
      </c>
      <c r="F28446" s="7"/>
      <c r="G28446" s="8">
        <v>1</v>
      </c>
      <c r="H28446" s="8">
        <v>1</v>
      </c>
      <c r="I28446" s="8">
        <v>0</v>
      </c>
      <c r="J28446" s="8">
        <v>1</v>
      </c>
      <c r="K28446" s="9">
        <v>66</v>
      </c>
      <c r="L28446" s="6" t="s">
        <v>51</v>
      </c>
    </row>
    <row r="28447" spans="1:12">
      <c r="A28447" s="6" t="s">
        <v>29010</v>
      </c>
      <c r="B28447" s="6"/>
      <c r="C28447" s="6" t="s">
        <v>29300</v>
      </c>
      <c r="D28447" s="6"/>
      <c r="E28447" s="6" t="s">
        <v>9</v>
      </c>
      <c r="F28447" s="7"/>
      <c r="G28447" s="8">
        <v>1</v>
      </c>
      <c r="H28447" s="8">
        <v>1</v>
      </c>
      <c r="I28447" s="8">
        <v>0</v>
      </c>
      <c r="J28447" s="8">
        <v>1</v>
      </c>
      <c r="K28447" s="9">
        <v>82</v>
      </c>
      <c r="L28447" s="6" t="s">
        <v>51</v>
      </c>
    </row>
    <row r="28448" spans="1:12">
      <c r="A28448" s="6" t="s">
        <v>29010</v>
      </c>
      <c r="B28448" s="6"/>
      <c r="C28448" s="6" t="s">
        <v>29301</v>
      </c>
      <c r="D28448" s="6"/>
      <c r="E28448" s="6" t="s">
        <v>9</v>
      </c>
      <c r="F28448" s="7"/>
      <c r="G28448" s="8">
        <v>1</v>
      </c>
      <c r="H28448" s="8">
        <v>1</v>
      </c>
      <c r="I28448" s="8">
        <v>0</v>
      </c>
      <c r="J28448" s="8">
        <v>1</v>
      </c>
      <c r="K28448" s="9">
        <v>1.3</v>
      </c>
      <c r="L28448" s="6" t="s">
        <v>51</v>
      </c>
    </row>
    <row r="28449" spans="1:12">
      <c r="A28449" s="6" t="s">
        <v>29010</v>
      </c>
      <c r="B28449" s="6"/>
      <c r="C28449" s="6" t="s">
        <v>29302</v>
      </c>
      <c r="D28449" s="6"/>
      <c r="E28449" s="6" t="s">
        <v>9</v>
      </c>
      <c r="F28449" s="7"/>
      <c r="G28449" s="8">
        <v>1</v>
      </c>
      <c r="H28449" s="8">
        <v>1</v>
      </c>
      <c r="I28449" s="8">
        <v>0</v>
      </c>
      <c r="J28449" s="8">
        <v>1</v>
      </c>
      <c r="K28449" s="9">
        <v>41</v>
      </c>
      <c r="L28449" s="6" t="s">
        <v>51</v>
      </c>
    </row>
    <row r="28450" spans="1:12">
      <c r="A28450" s="6" t="s">
        <v>29010</v>
      </c>
      <c r="B28450" s="6"/>
      <c r="C28450" s="6" t="s">
        <v>29303</v>
      </c>
      <c r="D28450" s="6"/>
      <c r="E28450" s="6" t="s">
        <v>9</v>
      </c>
      <c r="F28450" s="7"/>
      <c r="G28450" s="8">
        <v>1</v>
      </c>
      <c r="H28450" s="8">
        <v>1</v>
      </c>
      <c r="I28450" s="8">
        <v>0</v>
      </c>
      <c r="J28450" s="8">
        <v>1</v>
      </c>
      <c r="K28450" s="9">
        <v>27</v>
      </c>
      <c r="L28450" s="6" t="s">
        <v>51</v>
      </c>
    </row>
    <row r="28451" spans="1:12">
      <c r="A28451" s="6" t="s">
        <v>29010</v>
      </c>
      <c r="B28451" s="6"/>
      <c r="C28451" s="6" t="s">
        <v>29304</v>
      </c>
      <c r="D28451" s="6"/>
      <c r="E28451" s="6" t="s">
        <v>9</v>
      </c>
      <c r="F28451" s="7"/>
      <c r="G28451" s="8">
        <v>1</v>
      </c>
      <c r="H28451" s="8">
        <v>1</v>
      </c>
      <c r="I28451" s="8">
        <v>0</v>
      </c>
      <c r="J28451" s="8">
        <v>1</v>
      </c>
      <c r="K28451" s="9">
        <v>47</v>
      </c>
      <c r="L28451" s="6" t="s">
        <v>51</v>
      </c>
    </row>
    <row r="28452" spans="1:12">
      <c r="A28452" s="6" t="s">
        <v>29010</v>
      </c>
      <c r="B28452" s="6"/>
      <c r="C28452" s="6" t="s">
        <v>29305</v>
      </c>
      <c r="D28452" s="6"/>
      <c r="E28452" s="6" t="s">
        <v>9</v>
      </c>
      <c r="F28452" s="7"/>
      <c r="G28452" s="8">
        <v>1</v>
      </c>
      <c r="H28452" s="8">
        <v>1</v>
      </c>
      <c r="I28452" s="8">
        <v>0</v>
      </c>
      <c r="J28452" s="8">
        <v>1</v>
      </c>
      <c r="K28452" s="9">
        <v>17</v>
      </c>
      <c r="L28452" s="6" t="s">
        <v>51</v>
      </c>
    </row>
    <row r="28453" spans="1:12">
      <c r="A28453" s="6" t="s">
        <v>29010</v>
      </c>
      <c r="B28453" s="6"/>
      <c r="C28453" s="6" t="s">
        <v>29306</v>
      </c>
      <c r="D28453" s="6"/>
      <c r="E28453" s="6" t="s">
        <v>9</v>
      </c>
      <c r="F28453" s="7"/>
      <c r="G28453" s="8">
        <v>1</v>
      </c>
      <c r="H28453" s="8">
        <v>1</v>
      </c>
      <c r="I28453" s="8">
        <v>0</v>
      </c>
      <c r="J28453" s="8">
        <v>1</v>
      </c>
      <c r="K28453" s="9">
        <v>44</v>
      </c>
      <c r="L28453" s="6" t="s">
        <v>51</v>
      </c>
    </row>
    <row r="28454" spans="1:12">
      <c r="A28454" s="6" t="s">
        <v>29010</v>
      </c>
      <c r="B28454" s="6"/>
      <c r="C28454" s="6" t="s">
        <v>29307</v>
      </c>
      <c r="D28454" s="6"/>
      <c r="E28454" s="6" t="s">
        <v>9</v>
      </c>
      <c r="F28454" s="7"/>
      <c r="G28454" s="8">
        <v>1</v>
      </c>
      <c r="H28454" s="8">
        <v>1</v>
      </c>
      <c r="I28454" s="8">
        <v>0</v>
      </c>
      <c r="J28454" s="8">
        <v>1</v>
      </c>
      <c r="K28454" s="9">
        <v>52</v>
      </c>
      <c r="L28454" s="6" t="s">
        <v>51</v>
      </c>
    </row>
    <row r="28455" spans="1:12">
      <c r="A28455" s="6" t="s">
        <v>29010</v>
      </c>
      <c r="B28455" s="6"/>
      <c r="C28455" s="6" t="s">
        <v>29308</v>
      </c>
      <c r="D28455" s="6"/>
      <c r="E28455" s="6" t="s">
        <v>9</v>
      </c>
      <c r="F28455" s="7"/>
      <c r="G28455" s="8">
        <v>1</v>
      </c>
      <c r="H28455" s="8">
        <v>1</v>
      </c>
      <c r="I28455" s="8">
        <v>0</v>
      </c>
      <c r="J28455" s="8">
        <v>1</v>
      </c>
      <c r="K28455" s="9">
        <v>52</v>
      </c>
      <c r="L28455" s="6" t="s">
        <v>51</v>
      </c>
    </row>
    <row r="28456" spans="1:12">
      <c r="A28456" s="6" t="s">
        <v>29010</v>
      </c>
      <c r="B28456" s="6"/>
      <c r="C28456" s="6" t="s">
        <v>29309</v>
      </c>
      <c r="D28456" s="6"/>
      <c r="E28456" s="6" t="s">
        <v>9</v>
      </c>
      <c r="F28456" s="7"/>
      <c r="G28456" s="8">
        <v>1</v>
      </c>
      <c r="H28456" s="8">
        <v>1</v>
      </c>
      <c r="I28456" s="8">
        <v>0</v>
      </c>
      <c r="J28456" s="8">
        <v>1</v>
      </c>
      <c r="K28456" s="9">
        <v>5.89</v>
      </c>
      <c r="L28456" s="6" t="s">
        <v>51</v>
      </c>
    </row>
    <row r="28457" spans="1:12">
      <c r="A28457" s="6" t="s">
        <v>29010</v>
      </c>
      <c r="B28457" s="6"/>
      <c r="C28457" s="6" t="s">
        <v>29310</v>
      </c>
      <c r="D28457" s="6"/>
      <c r="E28457" s="6" t="s">
        <v>9</v>
      </c>
      <c r="F28457" s="7"/>
      <c r="G28457" s="8">
        <v>1</v>
      </c>
      <c r="H28457" s="8">
        <v>1</v>
      </c>
      <c r="I28457" s="8">
        <v>0</v>
      </c>
      <c r="J28457" s="8">
        <v>1</v>
      </c>
      <c r="K28457" s="9">
        <v>1.48</v>
      </c>
      <c r="L28457" s="6" t="s">
        <v>51</v>
      </c>
    </row>
    <row r="28458" spans="1:12">
      <c r="A28458" s="6" t="s">
        <v>29010</v>
      </c>
      <c r="B28458" s="6"/>
      <c r="C28458" s="6" t="s">
        <v>29311</v>
      </c>
      <c r="D28458" s="6"/>
      <c r="E28458" s="6" t="s">
        <v>9</v>
      </c>
      <c r="F28458" s="7"/>
      <c r="G28458" s="8">
        <v>1</v>
      </c>
      <c r="H28458" s="8">
        <v>1</v>
      </c>
      <c r="I28458" s="8">
        <v>0</v>
      </c>
      <c r="J28458" s="8">
        <v>1</v>
      </c>
      <c r="K28458" s="9">
        <v>66</v>
      </c>
      <c r="L28458" s="6" t="s">
        <v>51</v>
      </c>
    </row>
    <row r="28459" spans="1:12">
      <c r="A28459" s="6" t="s">
        <v>29010</v>
      </c>
      <c r="B28459" s="6"/>
      <c r="C28459" s="6" t="s">
        <v>29312</v>
      </c>
      <c r="D28459" s="6"/>
      <c r="E28459" s="6" t="s">
        <v>9</v>
      </c>
      <c r="F28459" s="7"/>
      <c r="G28459" s="8">
        <v>1</v>
      </c>
      <c r="H28459" s="8">
        <v>1</v>
      </c>
      <c r="I28459" s="8">
        <v>0</v>
      </c>
      <c r="J28459" s="8">
        <v>1</v>
      </c>
      <c r="K28459" s="9">
        <v>14</v>
      </c>
      <c r="L28459" s="6" t="s">
        <v>51</v>
      </c>
    </row>
    <row r="28460" spans="1:12">
      <c r="A28460" s="6" t="s">
        <v>29010</v>
      </c>
      <c r="B28460" s="6"/>
      <c r="C28460" s="6" t="s">
        <v>29313</v>
      </c>
      <c r="D28460" s="6"/>
      <c r="E28460" s="6" t="s">
        <v>9</v>
      </c>
      <c r="F28460" s="7"/>
      <c r="G28460" s="8">
        <v>1</v>
      </c>
      <c r="H28460" s="8">
        <v>1</v>
      </c>
      <c r="I28460" s="8">
        <v>0</v>
      </c>
      <c r="J28460" s="8">
        <v>1</v>
      </c>
      <c r="K28460" s="9">
        <v>124</v>
      </c>
      <c r="L28460" s="6" t="s">
        <v>51</v>
      </c>
    </row>
    <row r="28461" spans="1:12">
      <c r="A28461" s="6" t="s">
        <v>29010</v>
      </c>
      <c r="B28461" s="6"/>
      <c r="C28461" s="6" t="s">
        <v>29314</v>
      </c>
      <c r="D28461" s="6"/>
      <c r="E28461" s="6" t="s">
        <v>9</v>
      </c>
      <c r="F28461" s="7"/>
      <c r="G28461" s="8">
        <v>1</v>
      </c>
      <c r="H28461" s="8">
        <v>1</v>
      </c>
      <c r="I28461" s="8">
        <v>0</v>
      </c>
      <c r="J28461" s="8">
        <v>1</v>
      </c>
      <c r="K28461" s="9">
        <v>15</v>
      </c>
      <c r="L28461" s="6" t="s">
        <v>51</v>
      </c>
    </row>
    <row r="28462" spans="1:12">
      <c r="A28462" s="6" t="s">
        <v>29010</v>
      </c>
      <c r="B28462" s="6"/>
      <c r="C28462" s="6" t="s">
        <v>29315</v>
      </c>
      <c r="D28462" s="6"/>
      <c r="E28462" s="6" t="s">
        <v>9</v>
      </c>
      <c r="F28462" s="7"/>
      <c r="G28462" s="8">
        <v>1</v>
      </c>
      <c r="H28462" s="8">
        <v>1</v>
      </c>
      <c r="I28462" s="8">
        <v>0</v>
      </c>
      <c r="J28462" s="8">
        <v>1</v>
      </c>
      <c r="K28462" s="9">
        <v>32</v>
      </c>
      <c r="L28462" s="6" t="s">
        <v>51</v>
      </c>
    </row>
    <row r="28463" spans="1:12">
      <c r="A28463" s="6" t="s">
        <v>29010</v>
      </c>
      <c r="B28463" s="6"/>
      <c r="C28463" s="6" t="s">
        <v>29316</v>
      </c>
      <c r="D28463" s="6"/>
      <c r="E28463" s="6" t="s">
        <v>9</v>
      </c>
      <c r="F28463" s="7"/>
      <c r="G28463" s="8">
        <v>1</v>
      </c>
      <c r="H28463" s="8">
        <v>1</v>
      </c>
      <c r="I28463" s="8">
        <v>0</v>
      </c>
      <c r="J28463" s="8">
        <v>1</v>
      </c>
      <c r="K28463" s="9">
        <v>31</v>
      </c>
      <c r="L28463" s="6" t="s">
        <v>51</v>
      </c>
    </row>
    <row r="28464" spans="1:12">
      <c r="A28464" s="6" t="s">
        <v>29010</v>
      </c>
      <c r="B28464" s="6"/>
      <c r="C28464" s="6" t="s">
        <v>29317</v>
      </c>
      <c r="D28464" s="6"/>
      <c r="E28464" s="6" t="s">
        <v>9</v>
      </c>
      <c r="F28464" s="7"/>
      <c r="G28464" s="8">
        <v>1</v>
      </c>
      <c r="H28464" s="8">
        <v>1</v>
      </c>
      <c r="I28464" s="8">
        <v>0</v>
      </c>
      <c r="J28464" s="8">
        <v>1</v>
      </c>
      <c r="K28464" s="9">
        <v>94</v>
      </c>
      <c r="L28464" s="6" t="s">
        <v>51</v>
      </c>
    </row>
    <row r="28465" spans="1:12">
      <c r="A28465" s="6" t="s">
        <v>29010</v>
      </c>
      <c r="B28465" s="6"/>
      <c r="C28465" s="6" t="s">
        <v>29318</v>
      </c>
      <c r="D28465" s="6"/>
      <c r="E28465" s="6" t="s">
        <v>9</v>
      </c>
      <c r="F28465" s="7"/>
      <c r="G28465" s="8">
        <v>1</v>
      </c>
      <c r="H28465" s="8">
        <v>1</v>
      </c>
      <c r="I28465" s="8">
        <v>0</v>
      </c>
      <c r="J28465" s="8">
        <v>1</v>
      </c>
      <c r="K28465" s="9">
        <v>2.99</v>
      </c>
      <c r="L28465" s="6" t="s">
        <v>51</v>
      </c>
    </row>
    <row r="28466" spans="1:12">
      <c r="A28466" s="6" t="s">
        <v>29010</v>
      </c>
      <c r="B28466" s="6"/>
      <c r="C28466" s="6" t="s">
        <v>29319</v>
      </c>
      <c r="D28466" s="6"/>
      <c r="E28466" s="6" t="s">
        <v>9</v>
      </c>
      <c r="F28466" s="7"/>
      <c r="G28466" s="8">
        <v>1</v>
      </c>
      <c r="H28466" s="8">
        <v>1</v>
      </c>
      <c r="I28466" s="8">
        <v>0</v>
      </c>
      <c r="J28466" s="8">
        <v>1</v>
      </c>
      <c r="K28466" s="9">
        <v>19</v>
      </c>
      <c r="L28466" s="6" t="s">
        <v>51</v>
      </c>
    </row>
    <row r="28467" spans="1:12">
      <c r="A28467" s="6" t="s">
        <v>29010</v>
      </c>
      <c r="B28467" s="6"/>
      <c r="C28467" s="6" t="s">
        <v>29320</v>
      </c>
      <c r="D28467" s="6"/>
      <c r="E28467" s="6" t="s">
        <v>9</v>
      </c>
      <c r="F28467" s="7"/>
      <c r="G28467" s="8">
        <v>1</v>
      </c>
      <c r="H28467" s="8">
        <v>1</v>
      </c>
      <c r="I28467" s="8">
        <v>0</v>
      </c>
      <c r="J28467" s="8">
        <v>1</v>
      </c>
      <c r="K28467" s="9">
        <v>10</v>
      </c>
      <c r="L28467" s="6" t="s">
        <v>51</v>
      </c>
    </row>
    <row r="28468" spans="1:12">
      <c r="A28468" s="6" t="s">
        <v>29010</v>
      </c>
      <c r="B28468" s="6"/>
      <c r="C28468" s="6" t="s">
        <v>29321</v>
      </c>
      <c r="D28468" s="6"/>
      <c r="E28468" s="6" t="s">
        <v>9</v>
      </c>
      <c r="F28468" s="7"/>
      <c r="G28468" s="8">
        <v>1</v>
      </c>
      <c r="H28468" s="8">
        <v>1</v>
      </c>
      <c r="I28468" s="8">
        <v>0</v>
      </c>
      <c r="J28468" s="8">
        <v>1</v>
      </c>
      <c r="K28468" s="9">
        <v>31</v>
      </c>
      <c r="L28468" s="6" t="s">
        <v>51</v>
      </c>
    </row>
    <row r="28469" spans="1:12">
      <c r="A28469" s="6" t="s">
        <v>29010</v>
      </c>
      <c r="B28469" s="6"/>
      <c r="C28469" s="6" t="s">
        <v>29322</v>
      </c>
      <c r="D28469" s="6"/>
      <c r="E28469" s="6" t="s">
        <v>9</v>
      </c>
      <c r="F28469" s="7"/>
      <c r="G28469" s="8">
        <v>1</v>
      </c>
      <c r="H28469" s="8">
        <v>1</v>
      </c>
      <c r="I28469" s="8">
        <v>0</v>
      </c>
      <c r="J28469" s="8">
        <v>1</v>
      </c>
      <c r="K28469" s="9">
        <v>59</v>
      </c>
      <c r="L28469" s="6" t="s">
        <v>51</v>
      </c>
    </row>
    <row r="28470" spans="1:12">
      <c r="A28470" s="6" t="s">
        <v>29010</v>
      </c>
      <c r="B28470" s="6"/>
      <c r="C28470" s="6" t="s">
        <v>29323</v>
      </c>
      <c r="D28470" s="6"/>
      <c r="E28470" s="6" t="s">
        <v>9</v>
      </c>
      <c r="F28470" s="7"/>
      <c r="G28470" s="8">
        <v>1</v>
      </c>
      <c r="H28470" s="8">
        <v>1</v>
      </c>
      <c r="I28470" s="8">
        <v>0</v>
      </c>
      <c r="J28470" s="8">
        <v>1</v>
      </c>
      <c r="K28470" s="9">
        <v>1.92</v>
      </c>
      <c r="L28470" s="6" t="s">
        <v>51</v>
      </c>
    </row>
    <row r="28471" spans="1:12">
      <c r="A28471" s="6" t="s">
        <v>29010</v>
      </c>
      <c r="B28471" s="6"/>
      <c r="C28471" s="6" t="s">
        <v>29324</v>
      </c>
      <c r="D28471" s="6"/>
      <c r="E28471" s="6" t="s">
        <v>9</v>
      </c>
      <c r="F28471" s="7"/>
      <c r="G28471" s="8">
        <v>1</v>
      </c>
      <c r="H28471" s="8">
        <v>1</v>
      </c>
      <c r="I28471" s="8">
        <v>0</v>
      </c>
      <c r="J28471" s="8">
        <v>1</v>
      </c>
      <c r="K28471" s="9">
        <v>0.91</v>
      </c>
      <c r="L28471" s="6" t="s">
        <v>51</v>
      </c>
    </row>
    <row r="28472" spans="1:12">
      <c r="A28472" s="6" t="s">
        <v>29010</v>
      </c>
      <c r="B28472" s="6"/>
      <c r="C28472" s="6" t="s">
        <v>29325</v>
      </c>
      <c r="D28472" s="6"/>
      <c r="E28472" s="6" t="s">
        <v>9</v>
      </c>
      <c r="F28472" s="7"/>
      <c r="G28472" s="8">
        <v>1</v>
      </c>
      <c r="H28472" s="8">
        <v>1</v>
      </c>
      <c r="I28472" s="8">
        <v>0</v>
      </c>
      <c r="J28472" s="8">
        <v>1</v>
      </c>
      <c r="K28472" s="9">
        <v>8.32</v>
      </c>
      <c r="L28472" s="6" t="s">
        <v>51</v>
      </c>
    </row>
    <row r="28473" spans="1:12">
      <c r="A28473" s="6" t="s">
        <v>29010</v>
      </c>
      <c r="B28473" s="6"/>
      <c r="C28473" s="6" t="s">
        <v>29326</v>
      </c>
      <c r="D28473" s="6"/>
      <c r="E28473" s="6" t="s">
        <v>9</v>
      </c>
      <c r="F28473" s="7"/>
      <c r="G28473" s="8">
        <v>1</v>
      </c>
      <c r="H28473" s="8">
        <v>1</v>
      </c>
      <c r="I28473" s="8">
        <v>0</v>
      </c>
      <c r="J28473" s="8">
        <v>1</v>
      </c>
      <c r="K28473" s="9">
        <v>32</v>
      </c>
      <c r="L28473" s="6" t="s">
        <v>51</v>
      </c>
    </row>
    <row r="28474" spans="1:12">
      <c r="A28474" s="6" t="s">
        <v>29010</v>
      </c>
      <c r="B28474" s="6"/>
      <c r="C28474" s="6" t="s">
        <v>29327</v>
      </c>
      <c r="D28474" s="6"/>
      <c r="E28474" s="6" t="s">
        <v>9</v>
      </c>
      <c r="F28474" s="7"/>
      <c r="G28474" s="8">
        <v>1</v>
      </c>
      <c r="H28474" s="8">
        <v>1</v>
      </c>
      <c r="I28474" s="8">
        <v>0</v>
      </c>
      <c r="J28474" s="8">
        <v>1</v>
      </c>
      <c r="K28474" s="9">
        <v>8.64</v>
      </c>
      <c r="L28474" s="6" t="s">
        <v>51</v>
      </c>
    </row>
    <row r="28475" spans="1:12">
      <c r="A28475" s="6" t="s">
        <v>29010</v>
      </c>
      <c r="B28475" s="6"/>
      <c r="C28475" s="6" t="s">
        <v>29328</v>
      </c>
      <c r="D28475" s="6"/>
      <c r="E28475" s="6" t="s">
        <v>9</v>
      </c>
      <c r="F28475" s="7"/>
      <c r="G28475" s="8">
        <v>1</v>
      </c>
      <c r="H28475" s="8">
        <v>1</v>
      </c>
      <c r="I28475" s="8">
        <v>0</v>
      </c>
      <c r="J28475" s="8">
        <v>1</v>
      </c>
      <c r="K28475" s="9">
        <v>14</v>
      </c>
      <c r="L28475" s="6" t="s">
        <v>51</v>
      </c>
    </row>
    <row r="28476" spans="1:12">
      <c r="A28476" s="6" t="s">
        <v>29010</v>
      </c>
      <c r="B28476" s="6"/>
      <c r="C28476" s="6" t="s">
        <v>29329</v>
      </c>
      <c r="D28476" s="6"/>
      <c r="E28476" s="6" t="s">
        <v>9</v>
      </c>
      <c r="F28476" s="7"/>
      <c r="G28476" s="8">
        <v>1</v>
      </c>
      <c r="H28476" s="8">
        <v>1</v>
      </c>
      <c r="I28476" s="8">
        <v>0</v>
      </c>
      <c r="J28476" s="8">
        <v>1</v>
      </c>
      <c r="K28476" s="9">
        <v>49</v>
      </c>
      <c r="L28476" s="6" t="s">
        <v>51</v>
      </c>
    </row>
    <row r="28477" spans="1:12">
      <c r="A28477" s="6" t="s">
        <v>29010</v>
      </c>
      <c r="B28477" s="6"/>
      <c r="C28477" s="6" t="s">
        <v>29330</v>
      </c>
      <c r="D28477" s="6"/>
      <c r="E28477" s="6" t="s">
        <v>9</v>
      </c>
      <c r="F28477" s="7"/>
      <c r="G28477" s="8">
        <v>1</v>
      </c>
      <c r="H28477" s="8">
        <v>1</v>
      </c>
      <c r="I28477" s="8">
        <v>0</v>
      </c>
      <c r="J28477" s="8">
        <v>1</v>
      </c>
      <c r="K28477" s="9">
        <v>3.2</v>
      </c>
      <c r="L28477" s="6" t="s">
        <v>51</v>
      </c>
    </row>
    <row r="28478" spans="1:12">
      <c r="A28478" s="6" t="s">
        <v>29010</v>
      </c>
      <c r="B28478" s="6"/>
      <c r="C28478" s="6" t="s">
        <v>29331</v>
      </c>
      <c r="D28478" s="6"/>
      <c r="E28478" s="6" t="s">
        <v>9</v>
      </c>
      <c r="F28478" s="7"/>
      <c r="G28478" s="8">
        <v>1</v>
      </c>
      <c r="H28478" s="8">
        <v>1</v>
      </c>
      <c r="I28478" s="8">
        <v>0</v>
      </c>
      <c r="J28478" s="8">
        <v>1</v>
      </c>
      <c r="K28478" s="9">
        <v>16</v>
      </c>
      <c r="L28478" s="6" t="s">
        <v>51</v>
      </c>
    </row>
    <row r="28479" spans="1:12">
      <c r="A28479" s="6" t="s">
        <v>29010</v>
      </c>
      <c r="B28479" s="6"/>
      <c r="C28479" s="6" t="s">
        <v>29332</v>
      </c>
      <c r="D28479" s="6"/>
      <c r="E28479" s="6" t="s">
        <v>9</v>
      </c>
      <c r="F28479" s="7"/>
      <c r="G28479" s="8">
        <v>1</v>
      </c>
      <c r="H28479" s="8">
        <v>1</v>
      </c>
      <c r="I28479" s="8">
        <v>0</v>
      </c>
      <c r="J28479" s="8">
        <v>1</v>
      </c>
      <c r="K28479" s="9">
        <v>26</v>
      </c>
      <c r="L28479" s="6" t="s">
        <v>51</v>
      </c>
    </row>
    <row r="28480" spans="1:12">
      <c r="A28480" s="6" t="s">
        <v>29010</v>
      </c>
      <c r="B28480" s="6"/>
      <c r="C28480" s="6" t="s">
        <v>29333</v>
      </c>
      <c r="D28480" s="6"/>
      <c r="E28480" s="6" t="s">
        <v>9</v>
      </c>
      <c r="F28480" s="7"/>
      <c r="G28480" s="8">
        <v>1</v>
      </c>
      <c r="H28480" s="8">
        <v>1</v>
      </c>
      <c r="I28480" s="8">
        <v>0</v>
      </c>
      <c r="J28480" s="8">
        <v>1</v>
      </c>
      <c r="K28480" s="9">
        <v>56</v>
      </c>
      <c r="L28480" s="6" t="s">
        <v>51</v>
      </c>
    </row>
    <row r="28481" spans="1:12">
      <c r="A28481" s="6" t="s">
        <v>29010</v>
      </c>
      <c r="B28481" s="6"/>
      <c r="C28481" s="6" t="s">
        <v>29334</v>
      </c>
      <c r="D28481" s="6"/>
      <c r="E28481" s="6" t="s">
        <v>9</v>
      </c>
      <c r="F28481" s="7"/>
      <c r="G28481" s="8">
        <v>1</v>
      </c>
      <c r="H28481" s="8">
        <v>1</v>
      </c>
      <c r="I28481" s="8">
        <v>0</v>
      </c>
      <c r="J28481" s="8">
        <v>1</v>
      </c>
      <c r="K28481" s="9">
        <v>1.35</v>
      </c>
      <c r="L28481" s="6" t="s">
        <v>51</v>
      </c>
    </row>
    <row r="28482" spans="1:12">
      <c r="A28482" s="6" t="s">
        <v>29010</v>
      </c>
      <c r="B28482" s="6"/>
      <c r="C28482" s="6" t="s">
        <v>29335</v>
      </c>
      <c r="D28482" s="6"/>
      <c r="E28482" s="6" t="s">
        <v>9</v>
      </c>
      <c r="F28482" s="7"/>
      <c r="G28482" s="8">
        <v>1</v>
      </c>
      <c r="H28482" s="8">
        <v>1</v>
      </c>
      <c r="I28482" s="8">
        <v>0</v>
      </c>
      <c r="J28482" s="8">
        <v>1</v>
      </c>
      <c r="K28482" s="9">
        <v>14</v>
      </c>
      <c r="L28482" s="6" t="s">
        <v>51</v>
      </c>
    </row>
    <row r="28483" spans="1:12">
      <c r="A28483" s="6" t="s">
        <v>29010</v>
      </c>
      <c r="B28483" s="6"/>
      <c r="C28483" s="6" t="s">
        <v>29336</v>
      </c>
      <c r="D28483" s="6"/>
      <c r="E28483" s="6" t="s">
        <v>9</v>
      </c>
      <c r="F28483" s="7"/>
      <c r="G28483" s="8">
        <v>1</v>
      </c>
      <c r="H28483" s="8">
        <v>1</v>
      </c>
      <c r="I28483" s="8">
        <v>0</v>
      </c>
      <c r="J28483" s="8">
        <v>1</v>
      </c>
      <c r="K28483" s="9">
        <v>8.99</v>
      </c>
      <c r="L28483" s="6" t="s">
        <v>51</v>
      </c>
    </row>
    <row r="28484" spans="1:12">
      <c r="A28484" s="6" t="s">
        <v>29010</v>
      </c>
      <c r="B28484" s="6"/>
      <c r="C28484" s="6" t="s">
        <v>29337</v>
      </c>
      <c r="D28484" s="6"/>
      <c r="E28484" s="6" t="s">
        <v>9</v>
      </c>
      <c r="F28484" s="7"/>
      <c r="G28484" s="8">
        <v>1</v>
      </c>
      <c r="H28484" s="8">
        <v>1</v>
      </c>
      <c r="I28484" s="8">
        <v>0</v>
      </c>
      <c r="J28484" s="8">
        <v>1</v>
      </c>
      <c r="K28484" s="9">
        <v>20</v>
      </c>
      <c r="L28484" s="6" t="s">
        <v>51</v>
      </c>
    </row>
    <row r="28485" spans="1:12">
      <c r="A28485" s="6" t="s">
        <v>29010</v>
      </c>
      <c r="B28485" s="6"/>
      <c r="C28485" s="6" t="s">
        <v>29338</v>
      </c>
      <c r="D28485" s="6"/>
      <c r="E28485" s="6" t="s">
        <v>9</v>
      </c>
      <c r="F28485" s="7"/>
      <c r="G28485" s="8">
        <v>1</v>
      </c>
      <c r="H28485" s="8">
        <v>1</v>
      </c>
      <c r="I28485" s="8">
        <v>0</v>
      </c>
      <c r="J28485" s="8">
        <v>1</v>
      </c>
      <c r="K28485" s="9">
        <v>13</v>
      </c>
      <c r="L28485" s="6" t="s">
        <v>51</v>
      </c>
    </row>
    <row r="28486" spans="1:12">
      <c r="A28486" s="6" t="s">
        <v>29010</v>
      </c>
      <c r="B28486" s="6"/>
      <c r="C28486" s="6" t="s">
        <v>29339</v>
      </c>
      <c r="D28486" s="6"/>
      <c r="E28486" s="6" t="s">
        <v>9</v>
      </c>
      <c r="F28486" s="7"/>
      <c r="G28486" s="8">
        <v>1</v>
      </c>
      <c r="H28486" s="8">
        <v>1</v>
      </c>
      <c r="I28486" s="8">
        <v>0</v>
      </c>
      <c r="J28486" s="8">
        <v>1</v>
      </c>
      <c r="K28486" s="9">
        <v>17</v>
      </c>
      <c r="L28486" s="6" t="s">
        <v>51</v>
      </c>
    </row>
    <row r="28487" spans="1:12">
      <c r="A28487" s="6" t="s">
        <v>29010</v>
      </c>
      <c r="B28487" s="6"/>
      <c r="C28487" s="6" t="s">
        <v>29340</v>
      </c>
      <c r="D28487" s="6"/>
      <c r="E28487" s="6" t="s">
        <v>9</v>
      </c>
      <c r="F28487" s="7"/>
      <c r="G28487" s="8">
        <v>1</v>
      </c>
      <c r="H28487" s="8">
        <v>1</v>
      </c>
      <c r="I28487" s="8">
        <v>0</v>
      </c>
      <c r="J28487" s="8">
        <v>1</v>
      </c>
      <c r="K28487" s="9">
        <v>22</v>
      </c>
      <c r="L28487" s="6" t="s">
        <v>51</v>
      </c>
    </row>
    <row r="28488" spans="1:12">
      <c r="A28488" s="6" t="s">
        <v>29010</v>
      </c>
      <c r="B28488" s="6"/>
      <c r="C28488" s="6" t="s">
        <v>29341</v>
      </c>
      <c r="D28488" s="6"/>
      <c r="E28488" s="6" t="s">
        <v>9</v>
      </c>
      <c r="F28488" s="7"/>
      <c r="G28488" s="8">
        <v>1</v>
      </c>
      <c r="H28488" s="8">
        <v>1</v>
      </c>
      <c r="I28488" s="8">
        <v>0</v>
      </c>
      <c r="J28488" s="8">
        <v>1</v>
      </c>
      <c r="K28488" s="9">
        <v>7.68</v>
      </c>
      <c r="L28488" s="6" t="s">
        <v>51</v>
      </c>
    </row>
    <row r="28489" spans="1:12">
      <c r="A28489" s="6" t="s">
        <v>29010</v>
      </c>
      <c r="B28489" s="6"/>
      <c r="C28489" s="6" t="s">
        <v>29342</v>
      </c>
      <c r="D28489" s="6"/>
      <c r="E28489" s="6" t="s">
        <v>9</v>
      </c>
      <c r="F28489" s="7"/>
      <c r="G28489" s="8">
        <v>1</v>
      </c>
      <c r="H28489" s="8">
        <v>1</v>
      </c>
      <c r="I28489" s="8">
        <v>0</v>
      </c>
      <c r="J28489" s="8">
        <v>1</v>
      </c>
      <c r="K28489" s="9">
        <v>4.32</v>
      </c>
      <c r="L28489" s="6" t="s">
        <v>51</v>
      </c>
    </row>
    <row r="28490" spans="1:12">
      <c r="A28490" s="6" t="s">
        <v>29010</v>
      </c>
      <c r="B28490" s="6"/>
      <c r="C28490" s="6" t="s">
        <v>29343</v>
      </c>
      <c r="D28490" s="6"/>
      <c r="E28490" s="6" t="s">
        <v>9</v>
      </c>
      <c r="F28490" s="7"/>
      <c r="G28490" s="8">
        <v>1</v>
      </c>
      <c r="H28490" s="8">
        <v>1</v>
      </c>
      <c r="I28490" s="8">
        <v>0</v>
      </c>
      <c r="J28490" s="8">
        <v>1</v>
      </c>
      <c r="K28490" s="9">
        <v>77</v>
      </c>
      <c r="L28490" s="6" t="s">
        <v>51</v>
      </c>
    </row>
    <row r="28491" spans="1:12">
      <c r="A28491" s="6" t="s">
        <v>29010</v>
      </c>
      <c r="B28491" s="6"/>
      <c r="C28491" s="6" t="s">
        <v>29344</v>
      </c>
      <c r="D28491" s="6"/>
      <c r="E28491" s="6" t="s">
        <v>9</v>
      </c>
      <c r="F28491" s="7"/>
      <c r="G28491" s="8">
        <v>1</v>
      </c>
      <c r="H28491" s="8">
        <v>1</v>
      </c>
      <c r="I28491" s="8">
        <v>0</v>
      </c>
      <c r="J28491" s="8">
        <v>1</v>
      </c>
      <c r="K28491" s="9">
        <v>3.3</v>
      </c>
      <c r="L28491" s="6" t="s">
        <v>51</v>
      </c>
    </row>
    <row r="28492" spans="1:12">
      <c r="A28492" s="6" t="s">
        <v>29010</v>
      </c>
      <c r="B28492" s="6"/>
      <c r="C28492" s="6" t="s">
        <v>29345</v>
      </c>
      <c r="D28492" s="6"/>
      <c r="E28492" s="6" t="s">
        <v>9</v>
      </c>
      <c r="F28492" s="7"/>
      <c r="G28492" s="8">
        <v>1</v>
      </c>
      <c r="H28492" s="8">
        <v>1</v>
      </c>
      <c r="I28492" s="8">
        <v>0</v>
      </c>
      <c r="J28492" s="8">
        <v>1</v>
      </c>
      <c r="K28492" s="9">
        <v>62</v>
      </c>
      <c r="L28492" s="6" t="s">
        <v>51</v>
      </c>
    </row>
    <row r="28493" spans="1:12">
      <c r="A28493" s="6" t="s">
        <v>29010</v>
      </c>
      <c r="B28493" s="6"/>
      <c r="C28493" s="6" t="s">
        <v>29346</v>
      </c>
      <c r="D28493" s="6"/>
      <c r="E28493" s="6" t="s">
        <v>9</v>
      </c>
      <c r="F28493" s="7"/>
      <c r="G28493" s="8">
        <v>1</v>
      </c>
      <c r="H28493" s="8">
        <v>1</v>
      </c>
      <c r="I28493" s="8">
        <v>0</v>
      </c>
      <c r="J28493" s="8">
        <v>1</v>
      </c>
      <c r="K28493" s="9">
        <v>3.06</v>
      </c>
      <c r="L28493" s="6" t="s">
        <v>51</v>
      </c>
    </row>
    <row r="28494" spans="1:12">
      <c r="A28494" s="6" t="s">
        <v>29010</v>
      </c>
      <c r="B28494" s="6"/>
      <c r="C28494" s="6" t="s">
        <v>29347</v>
      </c>
      <c r="D28494" s="6"/>
      <c r="E28494" s="6" t="s">
        <v>9</v>
      </c>
      <c r="F28494" s="7"/>
      <c r="G28494" s="8">
        <v>1</v>
      </c>
      <c r="H28494" s="8">
        <v>1</v>
      </c>
      <c r="I28494" s="8">
        <v>0</v>
      </c>
      <c r="J28494" s="8">
        <v>1</v>
      </c>
      <c r="K28494" s="9">
        <v>3.68</v>
      </c>
      <c r="L28494" s="6" t="s">
        <v>51</v>
      </c>
    </row>
    <row r="28495" spans="1:12">
      <c r="A28495" s="6" t="s">
        <v>29010</v>
      </c>
      <c r="B28495" s="6"/>
      <c r="C28495" s="6" t="s">
        <v>29348</v>
      </c>
      <c r="D28495" s="6"/>
      <c r="E28495" s="6" t="s">
        <v>9</v>
      </c>
      <c r="F28495" s="7"/>
      <c r="G28495" s="8">
        <v>1</v>
      </c>
      <c r="H28495" s="8">
        <v>1</v>
      </c>
      <c r="I28495" s="8">
        <v>0</v>
      </c>
      <c r="J28495" s="8">
        <v>1</v>
      </c>
      <c r="K28495" s="9">
        <v>8.36</v>
      </c>
      <c r="L28495" s="6" t="s">
        <v>51</v>
      </c>
    </row>
    <row r="28496" spans="1:12">
      <c r="A28496" s="6" t="s">
        <v>29010</v>
      </c>
      <c r="B28496" s="6"/>
      <c r="C28496" s="6" t="s">
        <v>29349</v>
      </c>
      <c r="D28496" s="6"/>
      <c r="E28496" s="6" t="s">
        <v>9</v>
      </c>
      <c r="F28496" s="7"/>
      <c r="G28496" s="8">
        <v>1</v>
      </c>
      <c r="H28496" s="8">
        <v>1</v>
      </c>
      <c r="I28496" s="8">
        <v>0</v>
      </c>
      <c r="J28496" s="8">
        <v>1</v>
      </c>
      <c r="K28496" s="9">
        <v>24</v>
      </c>
      <c r="L28496" s="6" t="s">
        <v>51</v>
      </c>
    </row>
    <row r="28497" spans="1:12">
      <c r="A28497" s="6" t="s">
        <v>29010</v>
      </c>
      <c r="B28497" s="6"/>
      <c r="C28497" s="6" t="s">
        <v>29350</v>
      </c>
      <c r="D28497" s="6"/>
      <c r="E28497" s="6" t="s">
        <v>9</v>
      </c>
      <c r="F28497" s="7"/>
      <c r="G28497" s="8">
        <v>1</v>
      </c>
      <c r="H28497" s="8">
        <v>1</v>
      </c>
      <c r="I28497" s="8">
        <v>0</v>
      </c>
      <c r="J28497" s="8">
        <v>1</v>
      </c>
      <c r="K28497" s="9">
        <v>15</v>
      </c>
      <c r="L28497" s="6" t="s">
        <v>51</v>
      </c>
    </row>
    <row r="28498" spans="1:12">
      <c r="A28498" s="6" t="s">
        <v>29010</v>
      </c>
      <c r="B28498" s="6"/>
      <c r="C28498" s="6" t="s">
        <v>29351</v>
      </c>
      <c r="D28498" s="6"/>
      <c r="E28498" s="6" t="s">
        <v>9</v>
      </c>
      <c r="F28498" s="7"/>
      <c r="G28498" s="8">
        <v>1</v>
      </c>
      <c r="H28498" s="8">
        <v>1</v>
      </c>
      <c r="I28498" s="8">
        <v>0</v>
      </c>
      <c r="J28498" s="8">
        <v>1</v>
      </c>
      <c r="K28498" s="9">
        <v>25</v>
      </c>
      <c r="L28498" s="6" t="s">
        <v>51</v>
      </c>
    </row>
    <row r="28499" spans="1:12">
      <c r="A28499" s="6" t="s">
        <v>29010</v>
      </c>
      <c r="B28499" s="6"/>
      <c r="C28499" s="6" t="s">
        <v>29352</v>
      </c>
      <c r="D28499" s="6"/>
      <c r="E28499" s="6" t="s">
        <v>9</v>
      </c>
      <c r="F28499" s="7"/>
      <c r="G28499" s="8">
        <v>1</v>
      </c>
      <c r="H28499" s="8">
        <v>1</v>
      </c>
      <c r="I28499" s="8">
        <v>0</v>
      </c>
      <c r="J28499" s="8">
        <v>1</v>
      </c>
      <c r="K28499" s="9">
        <v>8.1300000000000008</v>
      </c>
      <c r="L28499" s="6" t="s">
        <v>51</v>
      </c>
    </row>
    <row r="28500" spans="1:12">
      <c r="A28500" s="6" t="s">
        <v>29010</v>
      </c>
      <c r="B28500" s="6"/>
      <c r="C28500" s="6" t="s">
        <v>29353</v>
      </c>
      <c r="D28500" s="6"/>
      <c r="E28500" s="6" t="s">
        <v>9</v>
      </c>
      <c r="F28500" s="7"/>
      <c r="G28500" s="8">
        <v>1</v>
      </c>
      <c r="H28500" s="8">
        <v>1</v>
      </c>
      <c r="I28500" s="8">
        <v>0</v>
      </c>
      <c r="J28500" s="8">
        <v>1</v>
      </c>
      <c r="K28500" s="9">
        <v>46</v>
      </c>
      <c r="L28500" s="6" t="s">
        <v>51</v>
      </c>
    </row>
    <row r="28501" spans="1:12">
      <c r="A28501" s="6" t="s">
        <v>29010</v>
      </c>
      <c r="B28501" s="6"/>
      <c r="C28501" s="6" t="s">
        <v>29354</v>
      </c>
      <c r="D28501" s="6"/>
      <c r="E28501" s="6" t="s">
        <v>9</v>
      </c>
      <c r="F28501" s="7"/>
      <c r="G28501" s="8">
        <v>1</v>
      </c>
      <c r="H28501" s="8">
        <v>1</v>
      </c>
      <c r="I28501" s="8">
        <v>0</v>
      </c>
      <c r="J28501" s="8">
        <v>1</v>
      </c>
      <c r="K28501" s="9">
        <v>41</v>
      </c>
      <c r="L28501" s="6" t="s">
        <v>51</v>
      </c>
    </row>
    <row r="28502" spans="1:12">
      <c r="A28502" s="6" t="s">
        <v>29010</v>
      </c>
      <c r="B28502" s="6"/>
      <c r="C28502" s="6" t="s">
        <v>29355</v>
      </c>
      <c r="D28502" s="6"/>
      <c r="E28502" s="6" t="s">
        <v>9</v>
      </c>
      <c r="F28502" s="7"/>
      <c r="G28502" s="8">
        <v>1</v>
      </c>
      <c r="H28502" s="8">
        <v>1</v>
      </c>
      <c r="I28502" s="8">
        <v>0</v>
      </c>
      <c r="J28502" s="8">
        <v>1</v>
      </c>
      <c r="K28502" s="9">
        <v>8.74</v>
      </c>
      <c r="L28502" s="6" t="s">
        <v>51</v>
      </c>
    </row>
    <row r="28503" spans="1:12">
      <c r="A28503" s="6" t="s">
        <v>29010</v>
      </c>
      <c r="B28503" s="6"/>
      <c r="C28503" s="6" t="s">
        <v>29356</v>
      </c>
      <c r="D28503" s="6"/>
      <c r="E28503" s="6" t="s">
        <v>9</v>
      </c>
      <c r="F28503" s="7"/>
      <c r="G28503" s="8">
        <v>1</v>
      </c>
      <c r="H28503" s="8">
        <v>1</v>
      </c>
      <c r="I28503" s="8">
        <v>0</v>
      </c>
      <c r="J28503" s="8">
        <v>1</v>
      </c>
      <c r="K28503" s="9">
        <v>36</v>
      </c>
      <c r="L28503" s="6" t="s">
        <v>51</v>
      </c>
    </row>
    <row r="28504" spans="1:12">
      <c r="A28504" s="6" t="s">
        <v>29010</v>
      </c>
      <c r="B28504" s="6"/>
      <c r="C28504" s="6" t="s">
        <v>29357</v>
      </c>
      <c r="D28504" s="6"/>
      <c r="E28504" s="6" t="s">
        <v>9</v>
      </c>
      <c r="F28504" s="7"/>
      <c r="G28504" s="8">
        <v>1</v>
      </c>
      <c r="H28504" s="8">
        <v>1</v>
      </c>
      <c r="I28504" s="8">
        <v>0</v>
      </c>
      <c r="J28504" s="8">
        <v>1</v>
      </c>
      <c r="K28504" s="9">
        <v>17</v>
      </c>
      <c r="L28504" s="6" t="s">
        <v>51</v>
      </c>
    </row>
    <row r="28505" spans="1:12">
      <c r="A28505" s="6" t="s">
        <v>29010</v>
      </c>
      <c r="B28505" s="6"/>
      <c r="C28505" s="6" t="s">
        <v>29358</v>
      </c>
      <c r="D28505" s="6"/>
      <c r="E28505" s="6" t="s">
        <v>9</v>
      </c>
      <c r="F28505" s="7"/>
      <c r="G28505" s="8">
        <v>1</v>
      </c>
      <c r="H28505" s="8">
        <v>1</v>
      </c>
      <c r="I28505" s="8">
        <v>0</v>
      </c>
      <c r="J28505" s="8">
        <v>1</v>
      </c>
      <c r="K28505" s="9">
        <v>8.1</v>
      </c>
      <c r="L28505" s="6" t="s">
        <v>51</v>
      </c>
    </row>
    <row r="28506" spans="1:12">
      <c r="A28506" s="6" t="s">
        <v>29010</v>
      </c>
      <c r="B28506" s="6"/>
      <c r="C28506" s="6" t="s">
        <v>29359</v>
      </c>
      <c r="D28506" s="6"/>
      <c r="E28506" s="6" t="s">
        <v>9</v>
      </c>
      <c r="F28506" s="7"/>
      <c r="G28506" s="8">
        <v>1</v>
      </c>
      <c r="H28506" s="8">
        <v>1</v>
      </c>
      <c r="I28506" s="8">
        <v>0</v>
      </c>
      <c r="J28506" s="8">
        <v>1</v>
      </c>
      <c r="K28506" s="9">
        <v>9.84</v>
      </c>
      <c r="L28506" s="6" t="s">
        <v>51</v>
      </c>
    </row>
    <row r="28507" spans="1:12">
      <c r="A28507" s="6" t="s">
        <v>29010</v>
      </c>
      <c r="B28507" s="6"/>
      <c r="C28507" s="6" t="s">
        <v>29360</v>
      </c>
      <c r="D28507" s="6"/>
      <c r="E28507" s="6" t="s">
        <v>9</v>
      </c>
      <c r="F28507" s="7"/>
      <c r="G28507" s="8">
        <v>1</v>
      </c>
      <c r="H28507" s="8">
        <v>1</v>
      </c>
      <c r="I28507" s="8">
        <v>0</v>
      </c>
      <c r="J28507" s="8">
        <v>1</v>
      </c>
      <c r="K28507" s="9">
        <v>22</v>
      </c>
      <c r="L28507" s="6" t="s">
        <v>51</v>
      </c>
    </row>
    <row r="28508" spans="1:12">
      <c r="A28508" s="6" t="s">
        <v>29010</v>
      </c>
      <c r="B28508" s="6"/>
      <c r="C28508" s="6" t="s">
        <v>29361</v>
      </c>
      <c r="D28508" s="6"/>
      <c r="E28508" s="6" t="s">
        <v>9</v>
      </c>
      <c r="F28508" s="7"/>
      <c r="G28508" s="8">
        <v>1</v>
      </c>
      <c r="H28508" s="8">
        <v>1</v>
      </c>
      <c r="I28508" s="8">
        <v>0</v>
      </c>
      <c r="J28508" s="8">
        <v>1</v>
      </c>
      <c r="K28508" s="9">
        <v>14</v>
      </c>
      <c r="L28508" s="6" t="s">
        <v>51</v>
      </c>
    </row>
    <row r="28509" spans="1:12">
      <c r="A28509" s="6" t="s">
        <v>29010</v>
      </c>
      <c r="B28509" s="6"/>
      <c r="C28509" s="6" t="s">
        <v>29362</v>
      </c>
      <c r="D28509" s="6"/>
      <c r="E28509" s="6" t="s">
        <v>9</v>
      </c>
      <c r="F28509" s="7"/>
      <c r="G28509" s="8">
        <v>1</v>
      </c>
      <c r="H28509" s="8">
        <v>1</v>
      </c>
      <c r="I28509" s="8">
        <v>0</v>
      </c>
      <c r="J28509" s="8">
        <v>1</v>
      </c>
      <c r="K28509" s="9">
        <v>11</v>
      </c>
      <c r="L28509" s="6" t="s">
        <v>51</v>
      </c>
    </row>
    <row r="28510" spans="1:12">
      <c r="A28510" s="6" t="s">
        <v>29010</v>
      </c>
      <c r="B28510" s="6"/>
      <c r="C28510" s="6" t="s">
        <v>29363</v>
      </c>
      <c r="D28510" s="6"/>
      <c r="E28510" s="6" t="s">
        <v>9</v>
      </c>
      <c r="F28510" s="7"/>
      <c r="G28510" s="8">
        <v>1</v>
      </c>
      <c r="H28510" s="8">
        <v>1</v>
      </c>
      <c r="I28510" s="8">
        <v>0</v>
      </c>
      <c r="J28510" s="8">
        <v>1</v>
      </c>
      <c r="K28510" s="9">
        <v>10</v>
      </c>
      <c r="L28510" s="6" t="s">
        <v>51</v>
      </c>
    </row>
    <row r="28511" spans="1:12">
      <c r="A28511" s="6" t="s">
        <v>29010</v>
      </c>
      <c r="B28511" s="6"/>
      <c r="C28511" s="6" t="s">
        <v>29364</v>
      </c>
      <c r="D28511" s="6"/>
      <c r="E28511" s="6" t="s">
        <v>9</v>
      </c>
      <c r="F28511" s="7"/>
      <c r="G28511" s="8">
        <v>1</v>
      </c>
      <c r="H28511" s="8">
        <v>1</v>
      </c>
      <c r="I28511" s="8">
        <v>0</v>
      </c>
      <c r="J28511" s="8">
        <v>1</v>
      </c>
      <c r="K28511" s="9">
        <v>5.7</v>
      </c>
      <c r="L28511" s="6" t="s">
        <v>51</v>
      </c>
    </row>
    <row r="28512" spans="1:12">
      <c r="A28512" s="6" t="s">
        <v>29010</v>
      </c>
      <c r="B28512" s="6"/>
      <c r="C28512" s="6" t="s">
        <v>29365</v>
      </c>
      <c r="D28512" s="6"/>
      <c r="E28512" s="6" t="s">
        <v>9</v>
      </c>
      <c r="F28512" s="7"/>
      <c r="G28512" s="8">
        <v>1</v>
      </c>
      <c r="H28512" s="8">
        <v>1</v>
      </c>
      <c r="I28512" s="8">
        <v>0</v>
      </c>
      <c r="J28512" s="8">
        <v>1</v>
      </c>
      <c r="K28512" s="9">
        <v>3.85</v>
      </c>
      <c r="L28512" s="6" t="s">
        <v>51</v>
      </c>
    </row>
    <row r="28513" spans="1:12">
      <c r="A28513" s="6" t="s">
        <v>29010</v>
      </c>
      <c r="B28513" s="6"/>
      <c r="C28513" s="6" t="s">
        <v>29366</v>
      </c>
      <c r="D28513" s="6"/>
      <c r="E28513" s="6" t="s">
        <v>9</v>
      </c>
      <c r="F28513" s="7"/>
      <c r="G28513" s="8">
        <v>1</v>
      </c>
      <c r="H28513" s="8">
        <v>1</v>
      </c>
      <c r="I28513" s="8">
        <v>0</v>
      </c>
      <c r="J28513" s="8">
        <v>1</v>
      </c>
      <c r="K28513" s="9">
        <v>1.83</v>
      </c>
      <c r="L28513" s="6" t="s">
        <v>51</v>
      </c>
    </row>
    <row r="28514" spans="1:12">
      <c r="A28514" s="6" t="s">
        <v>29010</v>
      </c>
      <c r="B28514" s="6"/>
      <c r="C28514" s="6" t="s">
        <v>29367</v>
      </c>
      <c r="D28514" s="6"/>
      <c r="E28514" s="6" t="s">
        <v>9</v>
      </c>
      <c r="F28514" s="7"/>
      <c r="G28514" s="8">
        <v>1</v>
      </c>
      <c r="H28514" s="8">
        <v>1</v>
      </c>
      <c r="I28514" s="8">
        <v>0</v>
      </c>
      <c r="J28514" s="8">
        <v>1</v>
      </c>
      <c r="K28514" s="9">
        <v>29</v>
      </c>
      <c r="L28514" s="6" t="s">
        <v>51</v>
      </c>
    </row>
    <row r="28515" spans="1:12">
      <c r="A28515" s="6" t="s">
        <v>29010</v>
      </c>
      <c r="B28515" s="6"/>
      <c r="C28515" s="6" t="s">
        <v>29368</v>
      </c>
      <c r="D28515" s="6"/>
      <c r="E28515" s="6" t="s">
        <v>9</v>
      </c>
      <c r="F28515" s="7"/>
      <c r="G28515" s="8">
        <v>1</v>
      </c>
      <c r="H28515" s="8">
        <v>1</v>
      </c>
      <c r="I28515" s="8">
        <v>0</v>
      </c>
      <c r="J28515" s="8">
        <v>1</v>
      </c>
      <c r="K28515" s="9">
        <v>0.8</v>
      </c>
      <c r="L28515" s="6" t="s">
        <v>51</v>
      </c>
    </row>
    <row r="28516" spans="1:12">
      <c r="A28516" s="6" t="s">
        <v>29010</v>
      </c>
      <c r="B28516" s="6"/>
      <c r="C28516" s="6" t="s">
        <v>29369</v>
      </c>
      <c r="D28516" s="6"/>
      <c r="E28516" s="6" t="s">
        <v>9</v>
      </c>
      <c r="F28516" s="7"/>
      <c r="G28516" s="8">
        <v>1</v>
      </c>
      <c r="H28516" s="8">
        <v>1</v>
      </c>
      <c r="I28516" s="8">
        <v>0</v>
      </c>
      <c r="J28516" s="8">
        <v>1</v>
      </c>
      <c r="K28516" s="9">
        <v>39</v>
      </c>
      <c r="L28516" s="6" t="s">
        <v>51</v>
      </c>
    </row>
    <row r="28517" spans="1:12">
      <c r="A28517" s="6" t="s">
        <v>29010</v>
      </c>
      <c r="B28517" s="6"/>
      <c r="C28517" s="6" t="s">
        <v>29370</v>
      </c>
      <c r="D28517" s="6"/>
      <c r="E28517" s="6" t="s">
        <v>9</v>
      </c>
      <c r="F28517" s="7"/>
      <c r="G28517" s="8">
        <v>1</v>
      </c>
      <c r="H28517" s="8">
        <v>1</v>
      </c>
      <c r="I28517" s="8">
        <v>0</v>
      </c>
      <c r="J28517" s="8">
        <v>1</v>
      </c>
      <c r="K28517" s="9">
        <v>3.24</v>
      </c>
      <c r="L28517" s="6" t="s">
        <v>51</v>
      </c>
    </row>
    <row r="28518" spans="1:12">
      <c r="A28518" s="6" t="s">
        <v>29010</v>
      </c>
      <c r="B28518" s="6"/>
      <c r="C28518" s="6" t="s">
        <v>29371</v>
      </c>
      <c r="D28518" s="6"/>
      <c r="E28518" s="6" t="s">
        <v>9</v>
      </c>
      <c r="F28518" s="7"/>
      <c r="G28518" s="8">
        <v>1</v>
      </c>
      <c r="H28518" s="8">
        <v>1</v>
      </c>
      <c r="I28518" s="8">
        <v>0</v>
      </c>
      <c r="J28518" s="8">
        <v>1</v>
      </c>
      <c r="K28518" s="9">
        <v>7.79</v>
      </c>
      <c r="L28518" s="6" t="s">
        <v>51</v>
      </c>
    </row>
    <row r="28519" spans="1:12">
      <c r="A28519" s="6" t="s">
        <v>29010</v>
      </c>
      <c r="B28519" s="6"/>
      <c r="C28519" s="6" t="s">
        <v>29372</v>
      </c>
      <c r="D28519" s="6"/>
      <c r="E28519" s="6" t="s">
        <v>9</v>
      </c>
      <c r="F28519" s="7"/>
      <c r="G28519" s="8">
        <v>1</v>
      </c>
      <c r="H28519" s="8">
        <v>1</v>
      </c>
      <c r="I28519" s="8">
        <v>0</v>
      </c>
      <c r="J28519" s="8">
        <v>1</v>
      </c>
      <c r="K28519" s="9">
        <v>12</v>
      </c>
      <c r="L28519" s="6" t="s">
        <v>51</v>
      </c>
    </row>
    <row r="28520" spans="1:12">
      <c r="A28520" s="6" t="s">
        <v>29010</v>
      </c>
      <c r="B28520" s="6"/>
      <c r="C28520" s="6" t="s">
        <v>29373</v>
      </c>
      <c r="D28520" s="6"/>
      <c r="E28520" s="6" t="s">
        <v>9</v>
      </c>
      <c r="F28520" s="7"/>
      <c r="G28520" s="8">
        <v>1</v>
      </c>
      <c r="H28520" s="8">
        <v>1</v>
      </c>
      <c r="I28520" s="8">
        <v>0</v>
      </c>
      <c r="J28520" s="8">
        <v>1</v>
      </c>
      <c r="K28520" s="9">
        <v>2.3199999999999901</v>
      </c>
      <c r="L28520" s="6" t="s">
        <v>51</v>
      </c>
    </row>
    <row r="28521" spans="1:12">
      <c r="A28521" s="6" t="s">
        <v>29010</v>
      </c>
      <c r="B28521" s="6"/>
      <c r="C28521" s="6" t="s">
        <v>29374</v>
      </c>
      <c r="D28521" s="6"/>
      <c r="E28521" s="6" t="s">
        <v>9</v>
      </c>
      <c r="F28521" s="7"/>
      <c r="G28521" s="8">
        <v>1</v>
      </c>
      <c r="H28521" s="8">
        <v>1</v>
      </c>
      <c r="I28521" s="8">
        <v>0</v>
      </c>
      <c r="J28521" s="8">
        <v>1</v>
      </c>
      <c r="K28521" s="9">
        <v>18</v>
      </c>
      <c r="L28521" s="6" t="s">
        <v>51</v>
      </c>
    </row>
    <row r="28522" spans="1:12">
      <c r="A28522" s="6" t="s">
        <v>29010</v>
      </c>
      <c r="B28522" s="6"/>
      <c r="C28522" s="6" t="s">
        <v>29375</v>
      </c>
      <c r="D28522" s="6"/>
      <c r="E28522" s="6" t="s">
        <v>9</v>
      </c>
      <c r="F28522" s="7"/>
      <c r="G28522" s="8">
        <v>1</v>
      </c>
      <c r="H28522" s="8">
        <v>1</v>
      </c>
      <c r="I28522" s="8">
        <v>0</v>
      </c>
      <c r="J28522" s="8">
        <v>1</v>
      </c>
      <c r="K28522" s="9">
        <v>2.68</v>
      </c>
      <c r="L28522" s="6" t="s">
        <v>51</v>
      </c>
    </row>
    <row r="28523" spans="1:12">
      <c r="A28523" s="6" t="s">
        <v>29010</v>
      </c>
      <c r="B28523" s="6"/>
      <c r="C28523" s="6" t="s">
        <v>29376</v>
      </c>
      <c r="D28523" s="6"/>
      <c r="E28523" s="6" t="s">
        <v>9</v>
      </c>
      <c r="F28523" s="7"/>
      <c r="G28523" s="8">
        <v>1</v>
      </c>
      <c r="H28523" s="8">
        <v>1</v>
      </c>
      <c r="I28523" s="8">
        <v>0</v>
      </c>
      <c r="J28523" s="8">
        <v>1</v>
      </c>
      <c r="K28523" s="9">
        <v>85</v>
      </c>
      <c r="L28523" s="6" t="s">
        <v>51</v>
      </c>
    </row>
    <row r="28524" spans="1:12">
      <c r="A28524" s="6" t="s">
        <v>29010</v>
      </c>
      <c r="B28524" s="6"/>
      <c r="C28524" s="6" t="s">
        <v>29377</v>
      </c>
      <c r="D28524" s="6"/>
      <c r="E28524" s="6" t="s">
        <v>9</v>
      </c>
      <c r="F28524" s="7"/>
      <c r="G28524" s="8">
        <v>1</v>
      </c>
      <c r="H28524" s="8">
        <v>1</v>
      </c>
      <c r="I28524" s="8">
        <v>0</v>
      </c>
      <c r="J28524" s="8">
        <v>1</v>
      </c>
      <c r="K28524" s="9">
        <v>58</v>
      </c>
      <c r="L28524" s="6" t="s">
        <v>51</v>
      </c>
    </row>
    <row r="28525" spans="1:12">
      <c r="A28525" s="6" t="s">
        <v>29010</v>
      </c>
      <c r="B28525" s="6"/>
      <c r="C28525" s="6" t="s">
        <v>29378</v>
      </c>
      <c r="D28525" s="6"/>
      <c r="E28525" s="6" t="s">
        <v>9</v>
      </c>
      <c r="F28525" s="7"/>
      <c r="G28525" s="8">
        <v>1</v>
      </c>
      <c r="H28525" s="8">
        <v>1</v>
      </c>
      <c r="I28525" s="8">
        <v>0</v>
      </c>
      <c r="J28525" s="8">
        <v>1</v>
      </c>
      <c r="K28525" s="9">
        <v>26</v>
      </c>
      <c r="L28525" s="6" t="s">
        <v>51</v>
      </c>
    </row>
    <row r="28526" spans="1:12">
      <c r="A28526" s="6" t="s">
        <v>29010</v>
      </c>
      <c r="B28526" s="6"/>
      <c r="C28526" s="6" t="s">
        <v>29379</v>
      </c>
      <c r="D28526" s="6"/>
      <c r="E28526" s="6" t="s">
        <v>9</v>
      </c>
      <c r="F28526" s="7"/>
      <c r="G28526" s="8">
        <v>1</v>
      </c>
      <c r="H28526" s="8">
        <v>1</v>
      </c>
      <c r="I28526" s="8">
        <v>0</v>
      </c>
      <c r="J28526" s="8">
        <v>1</v>
      </c>
      <c r="K28526" s="9">
        <v>371</v>
      </c>
      <c r="L28526" s="6" t="s">
        <v>51</v>
      </c>
    </row>
    <row r="28527" spans="1:12">
      <c r="A28527" s="6" t="s">
        <v>29010</v>
      </c>
      <c r="B28527" s="6"/>
      <c r="C28527" s="6" t="s">
        <v>29380</v>
      </c>
      <c r="D28527" s="6"/>
      <c r="E28527" s="6" t="s">
        <v>9</v>
      </c>
      <c r="F28527" s="7"/>
      <c r="G28527" s="8">
        <v>1</v>
      </c>
      <c r="H28527" s="8">
        <v>1</v>
      </c>
      <c r="I28527" s="8">
        <v>0</v>
      </c>
      <c r="J28527" s="8">
        <v>1</v>
      </c>
      <c r="K28527" s="9">
        <v>370</v>
      </c>
      <c r="L28527" s="6" t="s">
        <v>51</v>
      </c>
    </row>
    <row r="28528" spans="1:12">
      <c r="A28528" s="6" t="s">
        <v>29010</v>
      </c>
      <c r="B28528" s="6"/>
      <c r="C28528" s="6" t="s">
        <v>29381</v>
      </c>
      <c r="D28528" s="6"/>
      <c r="E28528" s="6" t="s">
        <v>9</v>
      </c>
      <c r="F28528" s="7"/>
      <c r="G28528" s="8">
        <v>1</v>
      </c>
      <c r="H28528" s="8">
        <v>1</v>
      </c>
      <c r="I28528" s="8">
        <v>0</v>
      </c>
      <c r="J28528" s="8">
        <v>1</v>
      </c>
      <c r="K28528" s="9">
        <v>228</v>
      </c>
      <c r="L28528" s="6" t="s">
        <v>51</v>
      </c>
    </row>
    <row r="28529" spans="1:12">
      <c r="A28529" s="6" t="s">
        <v>29010</v>
      </c>
      <c r="B28529" s="6"/>
      <c r="C28529" s="6" t="s">
        <v>29382</v>
      </c>
      <c r="D28529" s="6"/>
      <c r="E28529" s="6" t="s">
        <v>9</v>
      </c>
      <c r="F28529" s="7"/>
      <c r="G28529" s="8">
        <v>1</v>
      </c>
      <c r="H28529" s="8">
        <v>1</v>
      </c>
      <c r="I28529" s="8">
        <v>0</v>
      </c>
      <c r="J28529" s="8">
        <v>1</v>
      </c>
      <c r="K28529" s="9">
        <v>81</v>
      </c>
      <c r="L28529" s="6" t="s">
        <v>51</v>
      </c>
    </row>
    <row r="28530" spans="1:12">
      <c r="A28530" s="6" t="s">
        <v>29010</v>
      </c>
      <c r="B28530" s="6"/>
      <c r="C28530" s="6" t="s">
        <v>29383</v>
      </c>
      <c r="D28530" s="6"/>
      <c r="E28530" s="6" t="s">
        <v>9</v>
      </c>
      <c r="F28530" s="7"/>
      <c r="G28530" s="8">
        <v>1</v>
      </c>
      <c r="H28530" s="8">
        <v>1</v>
      </c>
      <c r="I28530" s="8">
        <v>0</v>
      </c>
      <c r="J28530" s="8">
        <v>1</v>
      </c>
      <c r="K28530" s="9">
        <v>45</v>
      </c>
      <c r="L28530" s="6" t="s">
        <v>51</v>
      </c>
    </row>
    <row r="28531" spans="1:12">
      <c r="A28531" s="6" t="s">
        <v>29010</v>
      </c>
      <c r="B28531" s="6"/>
      <c r="C28531" s="6" t="s">
        <v>29384</v>
      </c>
      <c r="D28531" s="6"/>
      <c r="E28531" s="6" t="s">
        <v>9</v>
      </c>
      <c r="F28531" s="7"/>
      <c r="G28531" s="8">
        <v>1</v>
      </c>
      <c r="H28531" s="8">
        <v>1</v>
      </c>
      <c r="I28531" s="8">
        <v>0</v>
      </c>
      <c r="J28531" s="8">
        <v>1</v>
      </c>
      <c r="K28531" s="9">
        <v>28</v>
      </c>
      <c r="L28531" s="6" t="s">
        <v>51</v>
      </c>
    </row>
    <row r="28532" spans="1:12">
      <c r="A28532" s="6" t="s">
        <v>29010</v>
      </c>
      <c r="B28532" s="6"/>
      <c r="C28532" s="6" t="s">
        <v>29385</v>
      </c>
      <c r="D28532" s="6"/>
      <c r="E28532" s="6" t="s">
        <v>9</v>
      </c>
      <c r="F28532" s="7"/>
      <c r="G28532" s="8">
        <v>1</v>
      </c>
      <c r="H28532" s="8">
        <v>1</v>
      </c>
      <c r="I28532" s="8">
        <v>0</v>
      </c>
      <c r="J28532" s="8">
        <v>1</v>
      </c>
      <c r="K28532" s="9">
        <v>38</v>
      </c>
      <c r="L28532" s="6" t="s">
        <v>51</v>
      </c>
    </row>
    <row r="28533" spans="1:12">
      <c r="A28533" s="6" t="s">
        <v>29010</v>
      </c>
      <c r="B28533" s="6"/>
      <c r="C28533" s="6" t="s">
        <v>29386</v>
      </c>
      <c r="D28533" s="6"/>
      <c r="E28533" s="6" t="s">
        <v>9</v>
      </c>
      <c r="F28533" s="7"/>
      <c r="G28533" s="8">
        <v>1</v>
      </c>
      <c r="H28533" s="8">
        <v>1</v>
      </c>
      <c r="I28533" s="8">
        <v>0</v>
      </c>
      <c r="J28533" s="8">
        <v>1</v>
      </c>
      <c r="K28533" s="9">
        <v>5.35</v>
      </c>
      <c r="L28533" s="6" t="s">
        <v>51</v>
      </c>
    </row>
    <row r="28534" spans="1:12">
      <c r="A28534" s="6" t="s">
        <v>29010</v>
      </c>
      <c r="B28534" s="6"/>
      <c r="C28534" s="6" t="s">
        <v>29387</v>
      </c>
      <c r="D28534" s="6"/>
      <c r="E28534" s="6" t="s">
        <v>9</v>
      </c>
      <c r="F28534" s="7"/>
      <c r="G28534" s="8">
        <v>1</v>
      </c>
      <c r="H28534" s="8">
        <v>1</v>
      </c>
      <c r="I28534" s="8">
        <v>0</v>
      </c>
      <c r="J28534" s="8">
        <v>1</v>
      </c>
      <c r="K28534" s="9">
        <v>155</v>
      </c>
      <c r="L28534" s="6" t="s">
        <v>51</v>
      </c>
    </row>
    <row r="28535" spans="1:12">
      <c r="A28535" s="6" t="s">
        <v>29010</v>
      </c>
      <c r="B28535" s="6"/>
      <c r="C28535" s="6" t="s">
        <v>29388</v>
      </c>
      <c r="D28535" s="6"/>
      <c r="E28535" s="6" t="s">
        <v>9</v>
      </c>
      <c r="F28535" s="7"/>
      <c r="G28535" s="8">
        <v>1</v>
      </c>
      <c r="H28535" s="8">
        <v>1</v>
      </c>
      <c r="I28535" s="8">
        <v>0</v>
      </c>
      <c r="J28535" s="8">
        <v>1</v>
      </c>
      <c r="K28535" s="9">
        <v>13</v>
      </c>
      <c r="L28535" s="6" t="s">
        <v>51</v>
      </c>
    </row>
    <row r="28536" spans="1:12">
      <c r="A28536" s="6" t="s">
        <v>29010</v>
      </c>
      <c r="B28536" s="6"/>
      <c r="C28536" s="6" t="s">
        <v>29389</v>
      </c>
      <c r="D28536" s="6"/>
      <c r="E28536" s="6" t="s">
        <v>9</v>
      </c>
      <c r="F28536" s="7"/>
      <c r="G28536" s="8">
        <v>1</v>
      </c>
      <c r="H28536" s="8">
        <v>1</v>
      </c>
      <c r="I28536" s="8">
        <v>0</v>
      </c>
      <c r="J28536" s="8">
        <v>1</v>
      </c>
      <c r="K28536" s="9">
        <v>16</v>
      </c>
      <c r="L28536" s="6" t="s">
        <v>51</v>
      </c>
    </row>
    <row r="28537" spans="1:12">
      <c r="A28537" s="6" t="s">
        <v>29010</v>
      </c>
      <c r="B28537" s="6"/>
      <c r="C28537" s="6" t="s">
        <v>29390</v>
      </c>
      <c r="D28537" s="6"/>
      <c r="E28537" s="6" t="s">
        <v>9</v>
      </c>
      <c r="F28537" s="7"/>
      <c r="G28537" s="8">
        <v>1</v>
      </c>
      <c r="H28537" s="8">
        <v>1</v>
      </c>
      <c r="I28537" s="8">
        <v>0</v>
      </c>
      <c r="J28537" s="8">
        <v>1</v>
      </c>
      <c r="K28537" s="9">
        <v>5.8</v>
      </c>
      <c r="L28537" s="6" t="s">
        <v>51</v>
      </c>
    </row>
    <row r="28538" spans="1:12">
      <c r="A28538" s="6" t="s">
        <v>29010</v>
      </c>
      <c r="B28538" s="6"/>
      <c r="C28538" s="6" t="s">
        <v>29391</v>
      </c>
      <c r="D28538" s="6"/>
      <c r="E28538" s="6" t="s">
        <v>9</v>
      </c>
      <c r="F28538" s="7"/>
      <c r="G28538" s="8">
        <v>1</v>
      </c>
      <c r="H28538" s="8">
        <v>1</v>
      </c>
      <c r="I28538" s="8">
        <v>0</v>
      </c>
      <c r="J28538" s="8">
        <v>1</v>
      </c>
      <c r="K28538" s="9">
        <v>182</v>
      </c>
      <c r="L28538" s="6" t="s">
        <v>51</v>
      </c>
    </row>
    <row r="28539" spans="1:12">
      <c r="A28539" s="6" t="s">
        <v>29010</v>
      </c>
      <c r="B28539" s="6"/>
      <c r="C28539" s="6" t="s">
        <v>29392</v>
      </c>
      <c r="D28539" s="6"/>
      <c r="E28539" s="6" t="s">
        <v>9</v>
      </c>
      <c r="F28539" s="7"/>
      <c r="G28539" s="8">
        <v>1</v>
      </c>
      <c r="H28539" s="8">
        <v>1</v>
      </c>
      <c r="I28539" s="8">
        <v>0</v>
      </c>
      <c r="J28539" s="8">
        <v>1</v>
      </c>
      <c r="K28539" s="9">
        <v>126</v>
      </c>
      <c r="L28539" s="6" t="s">
        <v>51</v>
      </c>
    </row>
    <row r="28540" spans="1:12">
      <c r="A28540" s="6" t="s">
        <v>29010</v>
      </c>
      <c r="B28540" s="6"/>
      <c r="C28540" s="6" t="s">
        <v>29393</v>
      </c>
      <c r="D28540" s="6"/>
      <c r="E28540" s="6" t="s">
        <v>9</v>
      </c>
      <c r="F28540" s="7"/>
      <c r="G28540" s="8">
        <v>1</v>
      </c>
      <c r="H28540" s="8">
        <v>1</v>
      </c>
      <c r="I28540" s="8">
        <v>0</v>
      </c>
      <c r="J28540" s="8">
        <v>1</v>
      </c>
      <c r="K28540" s="9">
        <v>21</v>
      </c>
      <c r="L28540" s="6" t="s">
        <v>51</v>
      </c>
    </row>
    <row r="28541" spans="1:12">
      <c r="A28541" s="6" t="s">
        <v>29010</v>
      </c>
      <c r="B28541" s="6"/>
      <c r="C28541" s="6" t="s">
        <v>29394</v>
      </c>
      <c r="D28541" s="6"/>
      <c r="E28541" s="6" t="s">
        <v>9</v>
      </c>
      <c r="F28541" s="7"/>
      <c r="G28541" s="8">
        <v>1</v>
      </c>
      <c r="H28541" s="8">
        <v>1</v>
      </c>
      <c r="I28541" s="8">
        <v>0</v>
      </c>
      <c r="J28541" s="8">
        <v>1</v>
      </c>
      <c r="K28541" s="9">
        <v>136</v>
      </c>
      <c r="L28541" s="6" t="s">
        <v>51</v>
      </c>
    </row>
    <row r="28542" spans="1:12">
      <c r="A28542" s="6" t="s">
        <v>29010</v>
      </c>
      <c r="B28542" s="6"/>
      <c r="C28542" s="6" t="s">
        <v>29395</v>
      </c>
      <c r="D28542" s="6"/>
      <c r="E28542" s="6" t="s">
        <v>9</v>
      </c>
      <c r="F28542" s="7"/>
      <c r="G28542" s="8">
        <v>1</v>
      </c>
      <c r="H28542" s="8">
        <v>1</v>
      </c>
      <c r="I28542" s="8">
        <v>0</v>
      </c>
      <c r="J28542" s="8">
        <v>1</v>
      </c>
      <c r="K28542" s="9">
        <v>16</v>
      </c>
      <c r="L28542" s="6" t="s">
        <v>51</v>
      </c>
    </row>
    <row r="28543" spans="1:12">
      <c r="A28543" s="6" t="s">
        <v>29010</v>
      </c>
      <c r="B28543" s="6"/>
      <c r="C28543" s="6" t="s">
        <v>29396</v>
      </c>
      <c r="D28543" s="6"/>
      <c r="E28543" s="6" t="s">
        <v>9</v>
      </c>
      <c r="F28543" s="7"/>
      <c r="G28543" s="8">
        <v>1</v>
      </c>
      <c r="H28543" s="8">
        <v>1</v>
      </c>
      <c r="I28543" s="8">
        <v>0</v>
      </c>
      <c r="J28543" s="8">
        <v>1</v>
      </c>
      <c r="K28543" s="9">
        <v>63</v>
      </c>
      <c r="L28543" s="6" t="s">
        <v>51</v>
      </c>
    </row>
    <row r="28544" spans="1:12">
      <c r="A28544" s="6" t="s">
        <v>29010</v>
      </c>
      <c r="B28544" s="6"/>
      <c r="C28544" s="6" t="s">
        <v>29397</v>
      </c>
      <c r="D28544" s="6"/>
      <c r="E28544" s="6" t="s">
        <v>9</v>
      </c>
      <c r="F28544" s="7"/>
      <c r="G28544" s="8">
        <v>1</v>
      </c>
      <c r="H28544" s="8">
        <v>1</v>
      </c>
      <c r="I28544" s="8">
        <v>0</v>
      </c>
      <c r="J28544" s="8">
        <v>1</v>
      </c>
      <c r="K28544" s="9">
        <v>60</v>
      </c>
      <c r="L28544" s="6" t="s">
        <v>51</v>
      </c>
    </row>
    <row r="28545" spans="1:12">
      <c r="A28545" s="6" t="s">
        <v>29010</v>
      </c>
      <c r="B28545" s="6"/>
      <c r="C28545" s="6" t="s">
        <v>29398</v>
      </c>
      <c r="D28545" s="6"/>
      <c r="E28545" s="6" t="s">
        <v>9</v>
      </c>
      <c r="F28545" s="7"/>
      <c r="G28545" s="8">
        <v>1</v>
      </c>
      <c r="H28545" s="8">
        <v>1</v>
      </c>
      <c r="I28545" s="8">
        <v>0</v>
      </c>
      <c r="J28545" s="8">
        <v>1</v>
      </c>
      <c r="K28545" s="9">
        <v>1438</v>
      </c>
      <c r="L28545" s="6" t="s">
        <v>51</v>
      </c>
    </row>
    <row r="28546" spans="1:12">
      <c r="A28546" s="6" t="s">
        <v>29010</v>
      </c>
      <c r="B28546" s="6"/>
      <c r="C28546" s="6" t="s">
        <v>29399</v>
      </c>
      <c r="D28546" s="6"/>
      <c r="E28546" s="6" t="s">
        <v>9</v>
      </c>
      <c r="F28546" s="7"/>
      <c r="G28546" s="8">
        <v>1</v>
      </c>
      <c r="H28546" s="8">
        <v>1</v>
      </c>
      <c r="I28546" s="8">
        <v>0</v>
      </c>
      <c r="J28546" s="8">
        <v>1</v>
      </c>
      <c r="K28546" s="9">
        <v>1282</v>
      </c>
      <c r="L28546" s="6" t="s">
        <v>51</v>
      </c>
    </row>
    <row r="28547" spans="1:12">
      <c r="A28547" s="6" t="s">
        <v>29010</v>
      </c>
      <c r="B28547" s="6"/>
      <c r="C28547" s="6" t="s">
        <v>29400</v>
      </c>
      <c r="D28547" s="6"/>
      <c r="E28547" s="6" t="s">
        <v>9</v>
      </c>
      <c r="F28547" s="7"/>
      <c r="G28547" s="8">
        <v>1</v>
      </c>
      <c r="H28547" s="8">
        <v>1</v>
      </c>
      <c r="I28547" s="8">
        <v>0</v>
      </c>
      <c r="J28547" s="8">
        <v>1</v>
      </c>
      <c r="K28547" s="9">
        <v>13</v>
      </c>
      <c r="L28547" s="6" t="s">
        <v>51</v>
      </c>
    </row>
    <row r="28548" spans="1:12">
      <c r="A28548" s="6" t="s">
        <v>29010</v>
      </c>
      <c r="B28548" s="6"/>
      <c r="C28548" s="6" t="s">
        <v>29401</v>
      </c>
      <c r="D28548" s="6"/>
      <c r="E28548" s="6" t="s">
        <v>9</v>
      </c>
      <c r="F28548" s="7"/>
      <c r="G28548" s="8">
        <v>1</v>
      </c>
      <c r="H28548" s="8">
        <v>1</v>
      </c>
      <c r="I28548" s="8">
        <v>0</v>
      </c>
      <c r="J28548" s="8">
        <v>1</v>
      </c>
      <c r="K28548" s="9">
        <v>4.18</v>
      </c>
      <c r="L28548" s="6" t="s">
        <v>51</v>
      </c>
    </row>
    <row r="28549" spans="1:12">
      <c r="A28549" s="6" t="s">
        <v>29010</v>
      </c>
      <c r="B28549" s="6"/>
      <c r="C28549" s="6" t="s">
        <v>29402</v>
      </c>
      <c r="D28549" s="6"/>
      <c r="E28549" s="6" t="s">
        <v>9</v>
      </c>
      <c r="F28549" s="7"/>
      <c r="G28549" s="8">
        <v>1</v>
      </c>
      <c r="H28549" s="8">
        <v>1</v>
      </c>
      <c r="I28549" s="8">
        <v>0</v>
      </c>
      <c r="J28549" s="8">
        <v>1</v>
      </c>
      <c r="K28549" s="9">
        <v>92</v>
      </c>
      <c r="L28549" s="6" t="s">
        <v>51</v>
      </c>
    </row>
    <row r="28550" spans="1:12">
      <c r="A28550" s="6" t="s">
        <v>29010</v>
      </c>
      <c r="B28550" s="6"/>
      <c r="C28550" s="6" t="s">
        <v>29403</v>
      </c>
      <c r="D28550" s="6"/>
      <c r="E28550" s="6" t="s">
        <v>9</v>
      </c>
      <c r="F28550" s="7"/>
      <c r="G28550" s="8">
        <v>1</v>
      </c>
      <c r="H28550" s="8">
        <v>1</v>
      </c>
      <c r="I28550" s="8">
        <v>0</v>
      </c>
      <c r="J28550" s="8">
        <v>1</v>
      </c>
      <c r="K28550" s="9">
        <v>42</v>
      </c>
      <c r="L28550" s="6" t="s">
        <v>51</v>
      </c>
    </row>
    <row r="28551" spans="1:12">
      <c r="A28551" s="6" t="s">
        <v>29010</v>
      </c>
      <c r="B28551" s="6"/>
      <c r="C28551" s="6" t="s">
        <v>29404</v>
      </c>
      <c r="D28551" s="6"/>
      <c r="E28551" s="6" t="s">
        <v>9</v>
      </c>
      <c r="F28551" s="7"/>
      <c r="G28551" s="8">
        <v>1</v>
      </c>
      <c r="H28551" s="8">
        <v>1</v>
      </c>
      <c r="I28551" s="8">
        <v>0</v>
      </c>
      <c r="J28551" s="8">
        <v>1</v>
      </c>
      <c r="K28551" s="9">
        <v>1.32</v>
      </c>
      <c r="L28551" s="6" t="s">
        <v>51</v>
      </c>
    </row>
    <row r="28552" spans="1:12">
      <c r="A28552" s="6" t="s">
        <v>29010</v>
      </c>
      <c r="B28552" s="6"/>
      <c r="C28552" s="6" t="s">
        <v>29405</v>
      </c>
      <c r="D28552" s="6"/>
      <c r="E28552" s="6" t="s">
        <v>9</v>
      </c>
      <c r="F28552" s="7"/>
      <c r="G28552" s="8">
        <v>1</v>
      </c>
      <c r="H28552" s="8">
        <v>1</v>
      </c>
      <c r="I28552" s="8">
        <v>0</v>
      </c>
      <c r="J28552" s="8">
        <v>1</v>
      </c>
      <c r="K28552" s="9">
        <v>0.37</v>
      </c>
      <c r="L28552" s="6" t="s">
        <v>51</v>
      </c>
    </row>
    <row r="28553" spans="1:12">
      <c r="A28553" s="6" t="s">
        <v>29010</v>
      </c>
      <c r="B28553" s="6"/>
      <c r="C28553" s="6" t="s">
        <v>29406</v>
      </c>
      <c r="D28553" s="6"/>
      <c r="E28553" s="6" t="s">
        <v>9</v>
      </c>
      <c r="F28553" s="7"/>
      <c r="G28553" s="8">
        <v>1</v>
      </c>
      <c r="H28553" s="8">
        <v>1</v>
      </c>
      <c r="I28553" s="8">
        <v>0</v>
      </c>
      <c r="J28553" s="8">
        <v>1</v>
      </c>
      <c r="K28553" s="9">
        <v>0.61</v>
      </c>
      <c r="L28553" s="6" t="s">
        <v>51</v>
      </c>
    </row>
    <row r="28554" spans="1:12">
      <c r="A28554" s="6" t="s">
        <v>29010</v>
      </c>
      <c r="B28554" s="6"/>
      <c r="C28554" s="6" t="s">
        <v>29407</v>
      </c>
      <c r="D28554" s="6"/>
      <c r="E28554" s="6" t="s">
        <v>9</v>
      </c>
      <c r="F28554" s="7"/>
      <c r="G28554" s="8">
        <v>1</v>
      </c>
      <c r="H28554" s="8">
        <v>1</v>
      </c>
      <c r="I28554" s="8">
        <v>0</v>
      </c>
      <c r="J28554" s="8">
        <v>1</v>
      </c>
      <c r="K28554" s="9">
        <v>27</v>
      </c>
      <c r="L28554" s="6" t="s">
        <v>51</v>
      </c>
    </row>
    <row r="28555" spans="1:12">
      <c r="A28555" s="6" t="s">
        <v>29010</v>
      </c>
      <c r="B28555" s="6"/>
      <c r="C28555" s="6" t="s">
        <v>29408</v>
      </c>
      <c r="D28555" s="6"/>
      <c r="E28555" s="6" t="s">
        <v>9</v>
      </c>
      <c r="F28555" s="7"/>
      <c r="G28555" s="8">
        <v>1</v>
      </c>
      <c r="H28555" s="8">
        <v>1</v>
      </c>
      <c r="I28555" s="8">
        <v>0</v>
      </c>
      <c r="J28555" s="8">
        <v>1</v>
      </c>
      <c r="K28555" s="9">
        <v>18</v>
      </c>
      <c r="L28555" s="6" t="s">
        <v>51</v>
      </c>
    </row>
    <row r="28556" spans="1:12">
      <c r="A28556" s="6" t="s">
        <v>29010</v>
      </c>
      <c r="B28556" s="6"/>
      <c r="C28556" s="6" t="s">
        <v>29409</v>
      </c>
      <c r="D28556" s="6"/>
      <c r="E28556" s="6" t="s">
        <v>9</v>
      </c>
      <c r="F28556" s="7"/>
      <c r="G28556" s="8">
        <v>1</v>
      </c>
      <c r="H28556" s="8">
        <v>1</v>
      </c>
      <c r="I28556" s="8">
        <v>0</v>
      </c>
      <c r="J28556" s="8">
        <v>1</v>
      </c>
      <c r="K28556" s="9">
        <v>23</v>
      </c>
      <c r="L28556" s="6" t="s">
        <v>51</v>
      </c>
    </row>
    <row r="28557" spans="1:12">
      <c r="A28557" s="6" t="s">
        <v>29010</v>
      </c>
      <c r="B28557" s="6"/>
      <c r="C28557" s="6" t="s">
        <v>29410</v>
      </c>
      <c r="D28557" s="6"/>
      <c r="E28557" s="6" t="s">
        <v>9</v>
      </c>
      <c r="F28557" s="7"/>
      <c r="G28557" s="8">
        <v>1</v>
      </c>
      <c r="H28557" s="8">
        <v>1</v>
      </c>
      <c r="I28557" s="8">
        <v>0</v>
      </c>
      <c r="J28557" s="8">
        <v>1</v>
      </c>
      <c r="K28557" s="9">
        <v>43</v>
      </c>
      <c r="L28557" s="6" t="s">
        <v>51</v>
      </c>
    </row>
    <row r="28558" spans="1:12">
      <c r="A28558" s="6" t="s">
        <v>29010</v>
      </c>
      <c r="B28558" s="6"/>
      <c r="C28558" s="6" t="s">
        <v>29411</v>
      </c>
      <c r="D28558" s="6"/>
      <c r="E28558" s="6" t="s">
        <v>9</v>
      </c>
      <c r="F28558" s="7"/>
      <c r="G28558" s="8">
        <v>1</v>
      </c>
      <c r="H28558" s="8">
        <v>1</v>
      </c>
      <c r="I28558" s="8">
        <v>0</v>
      </c>
      <c r="J28558" s="8">
        <v>1</v>
      </c>
      <c r="K28558" s="9">
        <v>13</v>
      </c>
      <c r="L28558" s="6" t="s">
        <v>51</v>
      </c>
    </row>
    <row r="28559" spans="1:12">
      <c r="A28559" s="6" t="s">
        <v>29010</v>
      </c>
      <c r="B28559" s="6"/>
      <c r="C28559" s="6" t="s">
        <v>29412</v>
      </c>
      <c r="D28559" s="6"/>
      <c r="E28559" s="6" t="s">
        <v>9</v>
      </c>
      <c r="F28559" s="7"/>
      <c r="G28559" s="8">
        <v>1</v>
      </c>
      <c r="H28559" s="8">
        <v>1</v>
      </c>
      <c r="I28559" s="8">
        <v>0</v>
      </c>
      <c r="J28559" s="8">
        <v>1</v>
      </c>
      <c r="K28559" s="9">
        <v>51</v>
      </c>
      <c r="L28559" s="6" t="s">
        <v>51</v>
      </c>
    </row>
    <row r="28560" spans="1:12">
      <c r="A28560" s="6" t="s">
        <v>29010</v>
      </c>
      <c r="B28560" s="6"/>
      <c r="C28560" s="6" t="s">
        <v>29413</v>
      </c>
      <c r="D28560" s="6"/>
      <c r="E28560" s="6" t="s">
        <v>9</v>
      </c>
      <c r="F28560" s="7"/>
      <c r="G28560" s="8">
        <v>1</v>
      </c>
      <c r="H28560" s="8">
        <v>1</v>
      </c>
      <c r="I28560" s="8">
        <v>0</v>
      </c>
      <c r="J28560" s="8">
        <v>1</v>
      </c>
      <c r="K28560" s="9">
        <v>5.89</v>
      </c>
      <c r="L28560" s="6" t="s">
        <v>51</v>
      </c>
    </row>
    <row r="28561" spans="1:12">
      <c r="A28561" s="6" t="s">
        <v>29010</v>
      </c>
      <c r="B28561" s="6"/>
      <c r="C28561" s="6" t="s">
        <v>29414</v>
      </c>
      <c r="D28561" s="6"/>
      <c r="E28561" s="6" t="s">
        <v>9</v>
      </c>
      <c r="F28561" s="7"/>
      <c r="G28561" s="8">
        <v>1</v>
      </c>
      <c r="H28561" s="8">
        <v>1</v>
      </c>
      <c r="I28561" s="8">
        <v>0</v>
      </c>
      <c r="J28561" s="8">
        <v>1</v>
      </c>
      <c r="K28561" s="9">
        <v>3.74</v>
      </c>
      <c r="L28561" s="6" t="s">
        <v>51</v>
      </c>
    </row>
    <row r="28562" spans="1:12">
      <c r="A28562" s="6" t="s">
        <v>29010</v>
      </c>
      <c r="B28562" s="6"/>
      <c r="C28562" s="6" t="s">
        <v>29415</v>
      </c>
      <c r="D28562" s="6"/>
      <c r="E28562" s="6" t="s">
        <v>9</v>
      </c>
      <c r="F28562" s="7"/>
      <c r="G28562" s="8">
        <v>1</v>
      </c>
      <c r="H28562" s="8">
        <v>1</v>
      </c>
      <c r="I28562" s="8">
        <v>0</v>
      </c>
      <c r="J28562" s="8">
        <v>1</v>
      </c>
      <c r="K28562" s="9">
        <v>8</v>
      </c>
      <c r="L28562" s="6" t="s">
        <v>51</v>
      </c>
    </row>
    <row r="28563" spans="1:12">
      <c r="A28563" s="6" t="s">
        <v>29010</v>
      </c>
      <c r="B28563" s="6"/>
      <c r="C28563" s="6" t="s">
        <v>29416</v>
      </c>
      <c r="D28563" s="6"/>
      <c r="E28563" s="6" t="s">
        <v>9</v>
      </c>
      <c r="F28563" s="7"/>
      <c r="G28563" s="8">
        <v>1</v>
      </c>
      <c r="H28563" s="8">
        <v>1</v>
      </c>
      <c r="I28563" s="8">
        <v>0</v>
      </c>
      <c r="J28563" s="8">
        <v>1</v>
      </c>
      <c r="K28563" s="9">
        <v>0.04</v>
      </c>
      <c r="L28563" s="6" t="s">
        <v>51</v>
      </c>
    </row>
    <row r="28564" spans="1:12">
      <c r="A28564" s="6" t="s">
        <v>29010</v>
      </c>
      <c r="B28564" s="6"/>
      <c r="C28564" s="6" t="s">
        <v>29417</v>
      </c>
      <c r="D28564" s="6"/>
      <c r="E28564" s="6" t="s">
        <v>9</v>
      </c>
      <c r="F28564" s="7"/>
      <c r="G28564" s="8">
        <v>1</v>
      </c>
      <c r="H28564" s="8">
        <v>1</v>
      </c>
      <c r="I28564" s="8">
        <v>0</v>
      </c>
      <c r="J28564" s="8">
        <v>1</v>
      </c>
      <c r="K28564" s="9">
        <v>0.56000000000000005</v>
      </c>
      <c r="L28564" s="6" t="s">
        <v>51</v>
      </c>
    </row>
    <row r="28565" spans="1:12">
      <c r="A28565" s="6" t="s">
        <v>29010</v>
      </c>
      <c r="B28565" s="6"/>
      <c r="C28565" s="6" t="s">
        <v>29418</v>
      </c>
      <c r="D28565" s="6"/>
      <c r="E28565" s="6" t="s">
        <v>9</v>
      </c>
      <c r="F28565" s="7"/>
      <c r="G28565" s="8">
        <v>1</v>
      </c>
      <c r="H28565" s="8">
        <v>1</v>
      </c>
      <c r="I28565" s="8">
        <v>0</v>
      </c>
      <c r="J28565" s="8">
        <v>1</v>
      </c>
      <c r="K28565" s="9">
        <v>0.44</v>
      </c>
      <c r="L28565" s="6" t="s">
        <v>51</v>
      </c>
    </row>
    <row r="28566" spans="1:12">
      <c r="A28566" s="6" t="s">
        <v>29010</v>
      </c>
      <c r="B28566" s="6"/>
      <c r="C28566" s="6" t="s">
        <v>29419</v>
      </c>
      <c r="D28566" s="6"/>
      <c r="E28566" s="6" t="s">
        <v>9</v>
      </c>
      <c r="F28566" s="7"/>
      <c r="G28566" s="8">
        <v>1</v>
      </c>
      <c r="H28566" s="8">
        <v>1</v>
      </c>
      <c r="I28566" s="8">
        <v>0</v>
      </c>
      <c r="J28566" s="8">
        <v>1</v>
      </c>
      <c r="K28566" s="9">
        <v>2.27999999999999</v>
      </c>
      <c r="L28566" s="6" t="s">
        <v>51</v>
      </c>
    </row>
    <row r="28567" spans="1:12">
      <c r="A28567" s="6" t="s">
        <v>29010</v>
      </c>
      <c r="B28567" s="6"/>
      <c r="C28567" s="6" t="s">
        <v>29420</v>
      </c>
      <c r="D28567" s="6"/>
      <c r="E28567" s="6" t="s">
        <v>9</v>
      </c>
      <c r="F28567" s="7"/>
      <c r="G28567" s="8">
        <v>1</v>
      </c>
      <c r="H28567" s="8">
        <v>1</v>
      </c>
      <c r="I28567" s="8">
        <v>0</v>
      </c>
      <c r="J28567" s="8">
        <v>1</v>
      </c>
      <c r="K28567" s="9">
        <v>9.09</v>
      </c>
      <c r="L28567" s="6" t="s">
        <v>51</v>
      </c>
    </row>
    <row r="28568" spans="1:12">
      <c r="A28568" s="6" t="s">
        <v>29010</v>
      </c>
      <c r="B28568" s="6"/>
      <c r="C28568" s="6" t="s">
        <v>29421</v>
      </c>
      <c r="D28568" s="6"/>
      <c r="E28568" s="6" t="s">
        <v>9</v>
      </c>
      <c r="F28568" s="7"/>
      <c r="G28568" s="8">
        <v>1</v>
      </c>
      <c r="H28568" s="8">
        <v>1</v>
      </c>
      <c r="I28568" s="8">
        <v>0</v>
      </c>
      <c r="J28568" s="8">
        <v>1</v>
      </c>
      <c r="K28568" s="9">
        <v>3.75</v>
      </c>
      <c r="L28568" s="6" t="s">
        <v>51</v>
      </c>
    </row>
    <row r="28569" spans="1:12">
      <c r="A28569" s="6" t="s">
        <v>29010</v>
      </c>
      <c r="B28569" s="6"/>
      <c r="C28569" s="6" t="s">
        <v>29422</v>
      </c>
      <c r="D28569" s="6"/>
      <c r="E28569" s="6" t="s">
        <v>9</v>
      </c>
      <c r="F28569" s="7"/>
      <c r="G28569" s="8">
        <v>1</v>
      </c>
      <c r="H28569" s="8">
        <v>1</v>
      </c>
      <c r="I28569" s="8">
        <v>0</v>
      </c>
      <c r="J28569" s="8">
        <v>1</v>
      </c>
      <c r="K28569" s="9">
        <v>0.92</v>
      </c>
      <c r="L28569" s="6" t="s">
        <v>51</v>
      </c>
    </row>
    <row r="28570" spans="1:12">
      <c r="A28570" s="6" t="s">
        <v>29010</v>
      </c>
      <c r="B28570" s="6"/>
      <c r="C28570" s="6" t="s">
        <v>29423</v>
      </c>
      <c r="D28570" s="6"/>
      <c r="E28570" s="6" t="s">
        <v>9</v>
      </c>
      <c r="F28570" s="7"/>
      <c r="G28570" s="8">
        <v>1</v>
      </c>
      <c r="H28570" s="8">
        <v>1</v>
      </c>
      <c r="I28570" s="8">
        <v>0</v>
      </c>
      <c r="J28570" s="8">
        <v>1</v>
      </c>
      <c r="K28570" s="9">
        <v>18</v>
      </c>
      <c r="L28570" s="6" t="s">
        <v>51</v>
      </c>
    </row>
    <row r="28571" spans="1:12">
      <c r="A28571" s="6" t="s">
        <v>29010</v>
      </c>
      <c r="B28571" s="6"/>
      <c r="C28571" s="6" t="s">
        <v>29424</v>
      </c>
      <c r="D28571" s="6"/>
      <c r="E28571" s="6" t="s">
        <v>9</v>
      </c>
      <c r="F28571" s="7"/>
      <c r="G28571" s="8">
        <v>1</v>
      </c>
      <c r="H28571" s="8">
        <v>1</v>
      </c>
      <c r="I28571" s="8">
        <v>0</v>
      </c>
      <c r="J28571" s="8">
        <v>1</v>
      </c>
      <c r="K28571" s="9">
        <v>109</v>
      </c>
      <c r="L28571" s="6" t="s">
        <v>51</v>
      </c>
    </row>
    <row r="28572" spans="1:12">
      <c r="A28572" s="6" t="s">
        <v>29010</v>
      </c>
      <c r="B28572" s="6"/>
      <c r="C28572" s="6" t="s">
        <v>29425</v>
      </c>
      <c r="D28572" s="6"/>
      <c r="E28572" s="6" t="s">
        <v>9</v>
      </c>
      <c r="F28572" s="7"/>
      <c r="G28572" s="8">
        <v>1</v>
      </c>
      <c r="H28572" s="8">
        <v>1</v>
      </c>
      <c r="I28572" s="8">
        <v>0</v>
      </c>
      <c r="J28572" s="8">
        <v>1</v>
      </c>
      <c r="K28572" s="9">
        <v>12</v>
      </c>
      <c r="L28572" s="6" t="s">
        <v>51</v>
      </c>
    </row>
    <row r="28573" spans="1:12">
      <c r="A28573" s="6" t="s">
        <v>29010</v>
      </c>
      <c r="B28573" s="6"/>
      <c r="C28573" s="6" t="s">
        <v>29426</v>
      </c>
      <c r="D28573" s="6"/>
      <c r="E28573" s="6" t="s">
        <v>9</v>
      </c>
      <c r="F28573" s="7"/>
      <c r="G28573" s="8">
        <v>1</v>
      </c>
      <c r="H28573" s="8">
        <v>1</v>
      </c>
      <c r="I28573" s="8">
        <v>0</v>
      </c>
      <c r="J28573" s="8">
        <v>1</v>
      </c>
      <c r="K28573" s="9">
        <v>36</v>
      </c>
      <c r="L28573" s="6" t="s">
        <v>51</v>
      </c>
    </row>
    <row r="28574" spans="1:12">
      <c r="A28574" s="6" t="s">
        <v>29010</v>
      </c>
      <c r="B28574" s="6"/>
      <c r="C28574" s="6" t="s">
        <v>29427</v>
      </c>
      <c r="D28574" s="6"/>
      <c r="E28574" s="6" t="s">
        <v>9</v>
      </c>
      <c r="F28574" s="7"/>
      <c r="G28574" s="8">
        <v>1</v>
      </c>
      <c r="H28574" s="8">
        <v>1</v>
      </c>
      <c r="I28574" s="8">
        <v>0</v>
      </c>
      <c r="J28574" s="8">
        <v>1</v>
      </c>
      <c r="K28574" s="9">
        <v>6.56</v>
      </c>
      <c r="L28574" s="6" t="s">
        <v>51</v>
      </c>
    </row>
    <row r="28575" spans="1:12">
      <c r="A28575" s="6" t="s">
        <v>29010</v>
      </c>
      <c r="B28575" s="6"/>
      <c r="C28575" s="6" t="s">
        <v>29428</v>
      </c>
      <c r="D28575" s="6"/>
      <c r="E28575" s="6" t="s">
        <v>9</v>
      </c>
      <c r="F28575" s="7"/>
      <c r="G28575" s="8">
        <v>1</v>
      </c>
      <c r="H28575" s="8">
        <v>1</v>
      </c>
      <c r="I28575" s="8">
        <v>0</v>
      </c>
      <c r="J28575" s="8">
        <v>1</v>
      </c>
      <c r="K28575" s="9">
        <v>10</v>
      </c>
      <c r="L28575" s="6" t="s">
        <v>51</v>
      </c>
    </row>
    <row r="28576" spans="1:12">
      <c r="A28576" s="6" t="s">
        <v>29010</v>
      </c>
      <c r="B28576" s="6"/>
      <c r="C28576" s="6" t="s">
        <v>29429</v>
      </c>
      <c r="D28576" s="6"/>
      <c r="E28576" s="6" t="s">
        <v>9</v>
      </c>
      <c r="F28576" s="7"/>
      <c r="G28576" s="8">
        <v>1</v>
      </c>
      <c r="H28576" s="8">
        <v>1</v>
      </c>
      <c r="I28576" s="8">
        <v>0</v>
      </c>
      <c r="J28576" s="8">
        <v>1</v>
      </c>
      <c r="K28576" s="9">
        <v>4.32</v>
      </c>
      <c r="L28576" s="6" t="s">
        <v>51</v>
      </c>
    </row>
    <row r="28577" spans="1:12">
      <c r="A28577" s="6" t="s">
        <v>29010</v>
      </c>
      <c r="B28577" s="6"/>
      <c r="C28577" s="6" t="s">
        <v>29430</v>
      </c>
      <c r="D28577" s="6"/>
      <c r="E28577" s="6" t="s">
        <v>9</v>
      </c>
      <c r="F28577" s="7"/>
      <c r="G28577" s="8">
        <v>1</v>
      </c>
      <c r="H28577" s="8">
        <v>1</v>
      </c>
      <c r="I28577" s="8">
        <v>0</v>
      </c>
      <c r="J28577" s="8">
        <v>1</v>
      </c>
      <c r="K28577" s="9">
        <v>0.31</v>
      </c>
      <c r="L28577" s="6" t="s">
        <v>51</v>
      </c>
    </row>
    <row r="28578" spans="1:12">
      <c r="A28578" s="6" t="s">
        <v>29010</v>
      </c>
      <c r="B28578" s="6"/>
      <c r="C28578" s="6" t="s">
        <v>29431</v>
      </c>
      <c r="D28578" s="6"/>
      <c r="E28578" s="6" t="s">
        <v>9</v>
      </c>
      <c r="F28578" s="7"/>
      <c r="G28578" s="8">
        <v>1</v>
      </c>
      <c r="H28578" s="8">
        <v>1</v>
      </c>
      <c r="I28578" s="8">
        <v>0</v>
      </c>
      <c r="J28578" s="8">
        <v>1</v>
      </c>
      <c r="K28578" s="9">
        <v>0.93</v>
      </c>
      <c r="L28578" s="6" t="s">
        <v>51</v>
      </c>
    </row>
    <row r="28579" spans="1:12">
      <c r="A28579" s="6" t="s">
        <v>29010</v>
      </c>
      <c r="B28579" s="6"/>
      <c r="C28579" s="6" t="s">
        <v>29432</v>
      </c>
      <c r="D28579" s="6"/>
      <c r="E28579" s="6" t="s">
        <v>9</v>
      </c>
      <c r="F28579" s="7"/>
      <c r="G28579" s="8">
        <v>1</v>
      </c>
      <c r="H28579" s="8">
        <v>1</v>
      </c>
      <c r="I28579" s="8">
        <v>0</v>
      </c>
      <c r="J28579" s="8">
        <v>1</v>
      </c>
      <c r="K28579" s="9">
        <v>6.37</v>
      </c>
      <c r="L28579" s="6" t="s">
        <v>51</v>
      </c>
    </row>
    <row r="28580" spans="1:12">
      <c r="A28580" s="6" t="s">
        <v>29010</v>
      </c>
      <c r="B28580" s="6"/>
      <c r="C28580" s="6" t="s">
        <v>29433</v>
      </c>
      <c r="D28580" s="6"/>
      <c r="E28580" s="6" t="s">
        <v>9</v>
      </c>
      <c r="F28580" s="7"/>
      <c r="G28580" s="8">
        <v>1</v>
      </c>
      <c r="H28580" s="8">
        <v>1</v>
      </c>
      <c r="I28580" s="8">
        <v>0</v>
      </c>
      <c r="J28580" s="8">
        <v>1</v>
      </c>
      <c r="K28580" s="9">
        <v>42</v>
      </c>
      <c r="L28580" s="6" t="s">
        <v>51</v>
      </c>
    </row>
    <row r="28581" spans="1:12">
      <c r="A28581" s="6" t="s">
        <v>29010</v>
      </c>
      <c r="B28581" s="6"/>
      <c r="C28581" s="6" t="s">
        <v>29434</v>
      </c>
      <c r="D28581" s="6"/>
      <c r="E28581" s="6" t="s">
        <v>9</v>
      </c>
      <c r="F28581" s="7"/>
      <c r="G28581" s="8">
        <v>1</v>
      </c>
      <c r="H28581" s="8">
        <v>1</v>
      </c>
      <c r="I28581" s="8">
        <v>0</v>
      </c>
      <c r="J28581" s="8">
        <v>1</v>
      </c>
      <c r="K28581" s="9">
        <v>2.04</v>
      </c>
      <c r="L28581" s="6" t="s">
        <v>51</v>
      </c>
    </row>
    <row r="28582" spans="1:12">
      <c r="A28582" s="6" t="s">
        <v>29010</v>
      </c>
      <c r="B28582" s="6"/>
      <c r="C28582" s="6" t="s">
        <v>29435</v>
      </c>
      <c r="D28582" s="6"/>
      <c r="E28582" s="6" t="s">
        <v>9</v>
      </c>
      <c r="F28582" s="7"/>
      <c r="G28582" s="8">
        <v>1</v>
      </c>
      <c r="H28582" s="8">
        <v>1</v>
      </c>
      <c r="I28582" s="8">
        <v>0</v>
      </c>
      <c r="J28582" s="8">
        <v>1</v>
      </c>
      <c r="K28582" s="9">
        <v>30</v>
      </c>
      <c r="L28582" s="6" t="s">
        <v>51</v>
      </c>
    </row>
    <row r="28583" spans="1:12">
      <c r="A28583" s="6" t="s">
        <v>29010</v>
      </c>
      <c r="B28583" s="6"/>
      <c r="C28583" s="6" t="s">
        <v>29436</v>
      </c>
      <c r="D28583" s="6"/>
      <c r="E28583" s="6" t="s">
        <v>9</v>
      </c>
      <c r="F28583" s="7"/>
      <c r="G28583" s="8">
        <v>1</v>
      </c>
      <c r="H28583" s="8">
        <v>1</v>
      </c>
      <c r="I28583" s="8">
        <v>0</v>
      </c>
      <c r="J28583" s="8">
        <v>1</v>
      </c>
      <c r="K28583" s="9">
        <v>8.9499999999999904</v>
      </c>
      <c r="L28583" s="6" t="s">
        <v>51</v>
      </c>
    </row>
    <row r="28584" spans="1:12">
      <c r="A28584" s="6" t="s">
        <v>29010</v>
      </c>
      <c r="B28584" s="6"/>
      <c r="C28584" s="6" t="s">
        <v>29437</v>
      </c>
      <c r="D28584" s="6"/>
      <c r="E28584" s="6" t="s">
        <v>9</v>
      </c>
      <c r="F28584" s="7"/>
      <c r="G28584" s="8">
        <v>1</v>
      </c>
      <c r="H28584" s="8">
        <v>1</v>
      </c>
      <c r="I28584" s="8">
        <v>0</v>
      </c>
      <c r="J28584" s="8">
        <v>1</v>
      </c>
      <c r="K28584" s="9">
        <v>16</v>
      </c>
      <c r="L28584" s="6" t="s">
        <v>51</v>
      </c>
    </row>
    <row r="28585" spans="1:12">
      <c r="A28585" s="6" t="s">
        <v>29010</v>
      </c>
      <c r="B28585" s="6"/>
      <c r="C28585" s="6" t="s">
        <v>29438</v>
      </c>
      <c r="D28585" s="6"/>
      <c r="E28585" s="6" t="s">
        <v>9</v>
      </c>
      <c r="F28585" s="7"/>
      <c r="G28585" s="8">
        <v>1</v>
      </c>
      <c r="H28585" s="8">
        <v>1</v>
      </c>
      <c r="I28585" s="8">
        <v>0</v>
      </c>
      <c r="J28585" s="8">
        <v>1</v>
      </c>
      <c r="K28585" s="9">
        <v>18</v>
      </c>
      <c r="L28585" s="6" t="s">
        <v>51</v>
      </c>
    </row>
    <row r="28586" spans="1:12">
      <c r="A28586" s="6" t="s">
        <v>29010</v>
      </c>
      <c r="B28586" s="6"/>
      <c r="C28586" s="6" t="s">
        <v>29439</v>
      </c>
      <c r="D28586" s="6"/>
      <c r="E28586" s="6" t="s">
        <v>9</v>
      </c>
      <c r="F28586" s="7"/>
      <c r="G28586" s="8">
        <v>1</v>
      </c>
      <c r="H28586" s="8">
        <v>1</v>
      </c>
      <c r="I28586" s="8">
        <v>0</v>
      </c>
      <c r="J28586" s="8">
        <v>1</v>
      </c>
      <c r="K28586" s="9">
        <v>21</v>
      </c>
      <c r="L28586" s="6" t="s">
        <v>51</v>
      </c>
    </row>
    <row r="28587" spans="1:12">
      <c r="A28587" s="6" t="s">
        <v>29010</v>
      </c>
      <c r="B28587" s="6"/>
      <c r="C28587" s="6" t="s">
        <v>29440</v>
      </c>
      <c r="D28587" s="6"/>
      <c r="E28587" s="6" t="s">
        <v>9</v>
      </c>
      <c r="F28587" s="7"/>
      <c r="G28587" s="8">
        <v>1</v>
      </c>
      <c r="H28587" s="8">
        <v>1</v>
      </c>
      <c r="I28587" s="8">
        <v>0</v>
      </c>
      <c r="J28587" s="8">
        <v>1</v>
      </c>
      <c r="K28587" s="9">
        <v>73</v>
      </c>
      <c r="L28587" s="6" t="s">
        <v>51</v>
      </c>
    </row>
    <row r="28588" spans="1:12">
      <c r="A28588" s="6" t="s">
        <v>29010</v>
      </c>
      <c r="B28588" s="6"/>
      <c r="C28588" s="6" t="s">
        <v>29441</v>
      </c>
      <c r="D28588" s="6"/>
      <c r="E28588" s="6" t="s">
        <v>9</v>
      </c>
      <c r="F28588" s="7"/>
      <c r="G28588" s="8">
        <v>1</v>
      </c>
      <c r="H28588" s="8">
        <v>1</v>
      </c>
      <c r="I28588" s="8">
        <v>0</v>
      </c>
      <c r="J28588" s="8">
        <v>1</v>
      </c>
      <c r="K28588" s="9">
        <v>9.4600000000000009</v>
      </c>
      <c r="L28588" s="6" t="s">
        <v>51</v>
      </c>
    </row>
    <row r="28589" spans="1:12">
      <c r="A28589" s="6" t="s">
        <v>29010</v>
      </c>
      <c r="B28589" s="6"/>
      <c r="C28589" s="6" t="s">
        <v>29442</v>
      </c>
      <c r="D28589" s="6"/>
      <c r="E28589" s="6" t="s">
        <v>9</v>
      </c>
      <c r="F28589" s="7"/>
      <c r="G28589" s="8">
        <v>1</v>
      </c>
      <c r="H28589" s="8">
        <v>1</v>
      </c>
      <c r="I28589" s="8">
        <v>0</v>
      </c>
      <c r="J28589" s="8">
        <v>1</v>
      </c>
      <c r="K28589" s="9">
        <v>3.56</v>
      </c>
      <c r="L28589" s="6" t="s">
        <v>51</v>
      </c>
    </row>
    <row r="28590" spans="1:12">
      <c r="A28590" s="6" t="s">
        <v>29010</v>
      </c>
      <c r="B28590" s="6"/>
      <c r="C28590" s="6" t="s">
        <v>29443</v>
      </c>
      <c r="D28590" s="6"/>
      <c r="E28590" s="6" t="s">
        <v>9</v>
      </c>
      <c r="F28590" s="7"/>
      <c r="G28590" s="8">
        <v>1</v>
      </c>
      <c r="H28590" s="8">
        <v>1</v>
      </c>
      <c r="I28590" s="8">
        <v>0</v>
      </c>
      <c r="J28590" s="8">
        <v>1</v>
      </c>
      <c r="K28590" s="9">
        <v>14</v>
      </c>
      <c r="L28590" s="6" t="s">
        <v>51</v>
      </c>
    </row>
    <row r="28591" spans="1:12">
      <c r="A28591" s="6" t="s">
        <v>29010</v>
      </c>
      <c r="B28591" s="6"/>
      <c r="C28591" s="6" t="s">
        <v>29444</v>
      </c>
      <c r="D28591" s="6"/>
      <c r="E28591" s="6" t="s">
        <v>9</v>
      </c>
      <c r="F28591" s="7"/>
      <c r="G28591" s="8">
        <v>1</v>
      </c>
      <c r="H28591" s="8">
        <v>1</v>
      </c>
      <c r="I28591" s="8">
        <v>0</v>
      </c>
      <c r="J28591" s="8">
        <v>1</v>
      </c>
      <c r="K28591" s="9">
        <v>105</v>
      </c>
      <c r="L28591" s="6" t="s">
        <v>51</v>
      </c>
    </row>
    <row r="28592" spans="1:12">
      <c r="A28592" s="6" t="s">
        <v>29010</v>
      </c>
      <c r="B28592" s="6"/>
      <c r="C28592" s="6" t="s">
        <v>29445</v>
      </c>
      <c r="D28592" s="6"/>
      <c r="E28592" s="6" t="s">
        <v>9</v>
      </c>
      <c r="F28592" s="7"/>
      <c r="G28592" s="8">
        <v>1</v>
      </c>
      <c r="H28592" s="8">
        <v>1</v>
      </c>
      <c r="I28592" s="8">
        <v>0</v>
      </c>
      <c r="J28592" s="8">
        <v>1</v>
      </c>
      <c r="K28592" s="9">
        <v>73</v>
      </c>
      <c r="L28592" s="6" t="s">
        <v>51</v>
      </c>
    </row>
    <row r="28593" spans="1:12">
      <c r="A28593" s="6" t="s">
        <v>29010</v>
      </c>
      <c r="B28593" s="6"/>
      <c r="C28593" s="6" t="s">
        <v>29446</v>
      </c>
      <c r="D28593" s="6"/>
      <c r="E28593" s="6" t="s">
        <v>9</v>
      </c>
      <c r="F28593" s="7"/>
      <c r="G28593" s="8">
        <v>1</v>
      </c>
      <c r="H28593" s="8">
        <v>1</v>
      </c>
      <c r="I28593" s="8">
        <v>0</v>
      </c>
      <c r="J28593" s="8">
        <v>1</v>
      </c>
      <c r="K28593" s="9">
        <v>11</v>
      </c>
      <c r="L28593" s="6" t="s">
        <v>51</v>
      </c>
    </row>
    <row r="28594" spans="1:12">
      <c r="A28594" s="6" t="s">
        <v>29010</v>
      </c>
      <c r="B28594" s="6"/>
      <c r="C28594" s="6" t="s">
        <v>29447</v>
      </c>
      <c r="D28594" s="6"/>
      <c r="E28594" s="6" t="s">
        <v>9</v>
      </c>
      <c r="F28594" s="7"/>
      <c r="G28594" s="8">
        <v>1</v>
      </c>
      <c r="H28594" s="8">
        <v>1</v>
      </c>
      <c r="I28594" s="8">
        <v>0</v>
      </c>
      <c r="J28594" s="8">
        <v>1</v>
      </c>
      <c r="K28594" s="9">
        <v>35</v>
      </c>
      <c r="L28594" s="6" t="s">
        <v>51</v>
      </c>
    </row>
    <row r="28595" spans="1:12">
      <c r="A28595" s="6" t="s">
        <v>29010</v>
      </c>
      <c r="B28595" s="6"/>
      <c r="C28595" s="6" t="s">
        <v>29448</v>
      </c>
      <c r="D28595" s="6"/>
      <c r="E28595" s="6" t="s">
        <v>9</v>
      </c>
      <c r="F28595" s="7"/>
      <c r="G28595" s="8">
        <v>1</v>
      </c>
      <c r="H28595" s="8">
        <v>1</v>
      </c>
      <c r="I28595" s="8">
        <v>0</v>
      </c>
      <c r="J28595" s="8">
        <v>1</v>
      </c>
      <c r="K28595" s="9">
        <v>2.4</v>
      </c>
      <c r="L28595" s="6" t="s">
        <v>51</v>
      </c>
    </row>
    <row r="28596" spans="1:12">
      <c r="A28596" s="6" t="s">
        <v>29010</v>
      </c>
      <c r="B28596" s="6"/>
      <c r="C28596" s="6" t="s">
        <v>29449</v>
      </c>
      <c r="D28596" s="6"/>
      <c r="E28596" s="6" t="s">
        <v>9</v>
      </c>
      <c r="F28596" s="7"/>
      <c r="G28596" s="8">
        <v>1</v>
      </c>
      <c r="H28596" s="8">
        <v>1</v>
      </c>
      <c r="I28596" s="8">
        <v>0</v>
      </c>
      <c r="J28596" s="8">
        <v>1</v>
      </c>
      <c r="K28596" s="9">
        <v>45</v>
      </c>
      <c r="L28596" s="6" t="s">
        <v>51</v>
      </c>
    </row>
    <row r="28597" spans="1:12">
      <c r="A28597" s="6" t="s">
        <v>29010</v>
      </c>
      <c r="B28597" s="6"/>
      <c r="C28597" s="6" t="s">
        <v>29450</v>
      </c>
      <c r="D28597" s="6"/>
      <c r="E28597" s="6" t="s">
        <v>9</v>
      </c>
      <c r="F28597" s="7"/>
      <c r="G28597" s="8">
        <v>1</v>
      </c>
      <c r="H28597" s="8">
        <v>1</v>
      </c>
      <c r="I28597" s="8">
        <v>0</v>
      </c>
      <c r="J28597" s="8">
        <v>1</v>
      </c>
      <c r="K28597" s="9">
        <v>85</v>
      </c>
      <c r="L28597" s="6" t="s">
        <v>51</v>
      </c>
    </row>
    <row r="28598" spans="1:12">
      <c r="A28598" s="6" t="s">
        <v>29010</v>
      </c>
      <c r="B28598" s="6"/>
      <c r="C28598" s="6" t="s">
        <v>29451</v>
      </c>
      <c r="D28598" s="6"/>
      <c r="E28598" s="6" t="s">
        <v>9</v>
      </c>
      <c r="F28598" s="7"/>
      <c r="G28598" s="8">
        <v>1</v>
      </c>
      <c r="H28598" s="8">
        <v>1</v>
      </c>
      <c r="I28598" s="8">
        <v>0</v>
      </c>
      <c r="J28598" s="8">
        <v>1</v>
      </c>
      <c r="K28598" s="9">
        <v>35</v>
      </c>
      <c r="L28598" s="6" t="s">
        <v>51</v>
      </c>
    </row>
    <row r="28599" spans="1:12">
      <c r="A28599" s="6" t="s">
        <v>29010</v>
      </c>
      <c r="B28599" s="6"/>
      <c r="C28599" s="6" t="s">
        <v>29452</v>
      </c>
      <c r="D28599" s="6"/>
      <c r="E28599" s="6" t="s">
        <v>9</v>
      </c>
      <c r="F28599" s="7"/>
      <c r="G28599" s="8">
        <v>1</v>
      </c>
      <c r="H28599" s="8">
        <v>1</v>
      </c>
      <c r="I28599" s="8">
        <v>0</v>
      </c>
      <c r="J28599" s="8">
        <v>1</v>
      </c>
      <c r="K28599" s="9">
        <v>55</v>
      </c>
      <c r="L28599" s="6" t="s">
        <v>51</v>
      </c>
    </row>
    <row r="28600" spans="1:12">
      <c r="A28600" s="6" t="s">
        <v>29010</v>
      </c>
      <c r="B28600" s="6"/>
      <c r="C28600" s="6" t="s">
        <v>29453</v>
      </c>
      <c r="D28600" s="6"/>
      <c r="E28600" s="6" t="s">
        <v>9</v>
      </c>
      <c r="F28600" s="7"/>
      <c r="G28600" s="8">
        <v>1</v>
      </c>
      <c r="H28600" s="8">
        <v>1</v>
      </c>
      <c r="I28600" s="8">
        <v>0</v>
      </c>
      <c r="J28600" s="8">
        <v>1</v>
      </c>
      <c r="K28600" s="9">
        <v>137</v>
      </c>
      <c r="L28600" s="6" t="s">
        <v>51</v>
      </c>
    </row>
    <row r="28601" spans="1:12">
      <c r="A28601" s="6" t="s">
        <v>29010</v>
      </c>
      <c r="B28601" s="6"/>
      <c r="C28601" s="6" t="s">
        <v>29454</v>
      </c>
      <c r="D28601" s="6"/>
      <c r="E28601" s="6" t="s">
        <v>9</v>
      </c>
      <c r="F28601" s="7"/>
      <c r="G28601" s="8">
        <v>1</v>
      </c>
      <c r="H28601" s="8">
        <v>1</v>
      </c>
      <c r="I28601" s="8">
        <v>0</v>
      </c>
      <c r="J28601" s="8">
        <v>1</v>
      </c>
      <c r="K28601" s="9">
        <v>12</v>
      </c>
      <c r="L28601" s="6" t="s">
        <v>51</v>
      </c>
    </row>
    <row r="28602" spans="1:12">
      <c r="A28602" s="6" t="s">
        <v>29010</v>
      </c>
      <c r="B28602" s="6"/>
      <c r="C28602" s="6" t="s">
        <v>29455</v>
      </c>
      <c r="D28602" s="6"/>
      <c r="E28602" s="6" t="s">
        <v>9</v>
      </c>
      <c r="F28602" s="7"/>
      <c r="G28602" s="8">
        <v>1</v>
      </c>
      <c r="H28602" s="8">
        <v>1</v>
      </c>
      <c r="I28602" s="8">
        <v>0</v>
      </c>
      <c r="J28602" s="8">
        <v>1</v>
      </c>
      <c r="K28602" s="9">
        <v>33</v>
      </c>
      <c r="L28602" s="6" t="s">
        <v>51</v>
      </c>
    </row>
    <row r="28603" spans="1:12">
      <c r="A28603" s="6" t="s">
        <v>29010</v>
      </c>
      <c r="B28603" s="6"/>
      <c r="C28603" s="6" t="s">
        <v>29456</v>
      </c>
      <c r="D28603" s="6"/>
      <c r="E28603" s="6" t="s">
        <v>9</v>
      </c>
      <c r="F28603" s="7"/>
      <c r="G28603" s="8">
        <v>1</v>
      </c>
      <c r="H28603" s="8">
        <v>1</v>
      </c>
      <c r="I28603" s="8">
        <v>0</v>
      </c>
      <c r="J28603" s="8">
        <v>1</v>
      </c>
      <c r="K28603" s="9">
        <v>128</v>
      </c>
      <c r="L28603" s="6" t="s">
        <v>51</v>
      </c>
    </row>
    <row r="28604" spans="1:12">
      <c r="A28604" s="6" t="s">
        <v>29010</v>
      </c>
      <c r="B28604" s="6"/>
      <c r="C28604" s="6" t="s">
        <v>29457</v>
      </c>
      <c r="D28604" s="6"/>
      <c r="E28604" s="6" t="s">
        <v>9</v>
      </c>
      <c r="F28604" s="7"/>
      <c r="G28604" s="8">
        <v>1</v>
      </c>
      <c r="H28604" s="8">
        <v>1</v>
      </c>
      <c r="I28604" s="8">
        <v>0</v>
      </c>
      <c r="J28604" s="8">
        <v>1</v>
      </c>
      <c r="K28604" s="9">
        <v>23</v>
      </c>
      <c r="L28604" s="6" t="s">
        <v>51</v>
      </c>
    </row>
    <row r="28605" spans="1:12">
      <c r="A28605" s="6" t="s">
        <v>29010</v>
      </c>
      <c r="B28605" s="6"/>
      <c r="C28605" s="6" t="s">
        <v>29458</v>
      </c>
      <c r="D28605" s="6"/>
      <c r="E28605" s="6" t="s">
        <v>9</v>
      </c>
      <c r="F28605" s="7"/>
      <c r="G28605" s="8">
        <v>1</v>
      </c>
      <c r="H28605" s="8">
        <v>1</v>
      </c>
      <c r="I28605" s="8">
        <v>0</v>
      </c>
      <c r="J28605" s="8">
        <v>1</v>
      </c>
      <c r="K28605" s="9">
        <v>24</v>
      </c>
      <c r="L28605" s="6" t="s">
        <v>51</v>
      </c>
    </row>
    <row r="28606" spans="1:12">
      <c r="A28606" s="6" t="s">
        <v>29010</v>
      </c>
      <c r="B28606" s="6"/>
      <c r="C28606" s="6" t="s">
        <v>29459</v>
      </c>
      <c r="D28606" s="6"/>
      <c r="E28606" s="6" t="s">
        <v>9</v>
      </c>
      <c r="F28606" s="7"/>
      <c r="G28606" s="8">
        <v>1</v>
      </c>
      <c r="H28606" s="8">
        <v>1</v>
      </c>
      <c r="I28606" s="8">
        <v>0</v>
      </c>
      <c r="J28606" s="8">
        <v>1</v>
      </c>
      <c r="K28606" s="9">
        <v>0.64</v>
      </c>
      <c r="L28606" s="6" t="s">
        <v>51</v>
      </c>
    </row>
    <row r="28607" spans="1:12">
      <c r="A28607" s="6" t="s">
        <v>29010</v>
      </c>
      <c r="B28607" s="6"/>
      <c r="C28607" s="6" t="s">
        <v>29460</v>
      </c>
      <c r="D28607" s="6"/>
      <c r="E28607" s="6" t="s">
        <v>9</v>
      </c>
      <c r="F28607" s="7"/>
      <c r="G28607" s="8">
        <v>1</v>
      </c>
      <c r="H28607" s="8">
        <v>1</v>
      </c>
      <c r="I28607" s="8">
        <v>0</v>
      </c>
      <c r="J28607" s="8">
        <v>1</v>
      </c>
      <c r="K28607" s="9">
        <v>74</v>
      </c>
      <c r="L28607" s="6" t="s">
        <v>51</v>
      </c>
    </row>
    <row r="28608" spans="1:12">
      <c r="A28608" s="6" t="s">
        <v>29010</v>
      </c>
      <c r="B28608" s="6"/>
      <c r="C28608" s="6" t="s">
        <v>29461</v>
      </c>
      <c r="D28608" s="6"/>
      <c r="E28608" s="6" t="s">
        <v>9</v>
      </c>
      <c r="F28608" s="7"/>
      <c r="G28608" s="8">
        <v>1</v>
      </c>
      <c r="H28608" s="8">
        <v>1</v>
      </c>
      <c r="I28608" s="8">
        <v>0</v>
      </c>
      <c r="J28608" s="8">
        <v>1</v>
      </c>
      <c r="K28608" s="9">
        <v>2.3199999999999901</v>
      </c>
      <c r="L28608" s="6" t="s">
        <v>51</v>
      </c>
    </row>
    <row r="28609" spans="1:12">
      <c r="A28609" s="6" t="s">
        <v>29010</v>
      </c>
      <c r="B28609" s="6"/>
      <c r="C28609" s="6" t="s">
        <v>29462</v>
      </c>
      <c r="D28609" s="6"/>
      <c r="E28609" s="6" t="s">
        <v>9</v>
      </c>
      <c r="F28609" s="7"/>
      <c r="G28609" s="8">
        <v>1</v>
      </c>
      <c r="H28609" s="8">
        <v>1</v>
      </c>
      <c r="I28609" s="8">
        <v>0</v>
      </c>
      <c r="J28609" s="8">
        <v>1</v>
      </c>
      <c r="K28609" s="9">
        <v>6.99</v>
      </c>
      <c r="L28609" s="6" t="s">
        <v>51</v>
      </c>
    </row>
    <row r="28610" spans="1:12">
      <c r="A28610" s="6" t="s">
        <v>29010</v>
      </c>
      <c r="B28610" s="6"/>
      <c r="C28610" s="6" t="s">
        <v>29463</v>
      </c>
      <c r="D28610" s="6"/>
      <c r="E28610" s="6" t="s">
        <v>9</v>
      </c>
      <c r="F28610" s="7"/>
      <c r="G28610" s="8">
        <v>1</v>
      </c>
      <c r="H28610" s="8">
        <v>1</v>
      </c>
      <c r="I28610" s="8">
        <v>0</v>
      </c>
      <c r="J28610" s="8">
        <v>1</v>
      </c>
      <c r="K28610" s="9">
        <v>4.4800000000000004</v>
      </c>
      <c r="L28610" s="6" t="s">
        <v>51</v>
      </c>
    </row>
    <row r="28611" spans="1:12">
      <c r="A28611" s="6" t="s">
        <v>29010</v>
      </c>
      <c r="B28611" s="6"/>
      <c r="C28611" s="6" t="s">
        <v>29464</v>
      </c>
      <c r="D28611" s="6"/>
      <c r="E28611" s="6" t="s">
        <v>9</v>
      </c>
      <c r="F28611" s="7"/>
      <c r="G28611" s="8">
        <v>1</v>
      </c>
      <c r="H28611" s="8">
        <v>1</v>
      </c>
      <c r="I28611" s="8">
        <v>0</v>
      </c>
      <c r="J28611" s="8">
        <v>1</v>
      </c>
      <c r="K28611" s="9">
        <v>14</v>
      </c>
      <c r="L28611" s="6" t="s">
        <v>51</v>
      </c>
    </row>
    <row r="28612" spans="1:12">
      <c r="A28612" s="6" t="s">
        <v>29010</v>
      </c>
      <c r="B28612" s="6"/>
      <c r="C28612" s="6" t="s">
        <v>29465</v>
      </c>
      <c r="D28612" s="6"/>
      <c r="E28612" s="6" t="s">
        <v>9</v>
      </c>
      <c r="F28612" s="7"/>
      <c r="G28612" s="8">
        <v>1</v>
      </c>
      <c r="H28612" s="8">
        <v>1</v>
      </c>
      <c r="I28612" s="8">
        <v>0</v>
      </c>
      <c r="J28612" s="8">
        <v>1</v>
      </c>
      <c r="K28612" s="9">
        <v>45</v>
      </c>
      <c r="L28612" s="6" t="s">
        <v>51</v>
      </c>
    </row>
    <row r="28613" spans="1:12">
      <c r="A28613" s="6" t="s">
        <v>29010</v>
      </c>
      <c r="B28613" s="6"/>
      <c r="C28613" s="6" t="s">
        <v>29466</v>
      </c>
      <c r="D28613" s="6"/>
      <c r="E28613" s="6" t="s">
        <v>9</v>
      </c>
      <c r="F28613" s="7"/>
      <c r="G28613" s="8">
        <v>1</v>
      </c>
      <c r="H28613" s="8">
        <v>1</v>
      </c>
      <c r="I28613" s="8">
        <v>0</v>
      </c>
      <c r="J28613" s="8">
        <v>1</v>
      </c>
      <c r="K28613" s="9">
        <v>0.05</v>
      </c>
      <c r="L28613" s="6" t="s">
        <v>51</v>
      </c>
    </row>
    <row r="28614" spans="1:12">
      <c r="A28614" s="6" t="s">
        <v>29010</v>
      </c>
      <c r="B28614" s="6"/>
      <c r="C28614" s="6" t="s">
        <v>29467</v>
      </c>
      <c r="D28614" s="6"/>
      <c r="E28614" s="6" t="s">
        <v>9</v>
      </c>
      <c r="F28614" s="7"/>
      <c r="G28614" s="8">
        <v>1</v>
      </c>
      <c r="H28614" s="8">
        <v>1</v>
      </c>
      <c r="I28614" s="8">
        <v>0</v>
      </c>
      <c r="J28614" s="8">
        <v>1</v>
      </c>
      <c r="K28614" s="9">
        <v>33</v>
      </c>
      <c r="L28614" s="6" t="s">
        <v>51</v>
      </c>
    </row>
    <row r="28615" spans="1:12">
      <c r="A28615" s="6" t="s">
        <v>29010</v>
      </c>
      <c r="B28615" s="6"/>
      <c r="C28615" s="6" t="s">
        <v>29468</v>
      </c>
      <c r="D28615" s="6"/>
      <c r="E28615" s="6" t="s">
        <v>9</v>
      </c>
      <c r="F28615" s="7"/>
      <c r="G28615" s="8">
        <v>1</v>
      </c>
      <c r="H28615" s="8">
        <v>1</v>
      </c>
      <c r="I28615" s="8">
        <v>0</v>
      </c>
      <c r="J28615" s="8">
        <v>1</v>
      </c>
      <c r="K28615" s="9">
        <v>34</v>
      </c>
      <c r="L28615" s="6" t="s">
        <v>51</v>
      </c>
    </row>
    <row r="28616" spans="1:12">
      <c r="A28616" s="6" t="s">
        <v>29010</v>
      </c>
      <c r="B28616" s="6"/>
      <c r="C28616" s="6" t="s">
        <v>29469</v>
      </c>
      <c r="D28616" s="6"/>
      <c r="E28616" s="6" t="s">
        <v>9</v>
      </c>
      <c r="F28616" s="7"/>
      <c r="G28616" s="8">
        <v>1</v>
      </c>
      <c r="H28616" s="8">
        <v>1</v>
      </c>
      <c r="I28616" s="8">
        <v>0</v>
      </c>
      <c r="J28616" s="8">
        <v>1</v>
      </c>
      <c r="K28616" s="9">
        <v>0.62</v>
      </c>
      <c r="L28616" s="6" t="s">
        <v>51</v>
      </c>
    </row>
    <row r="28617" spans="1:12">
      <c r="A28617" s="6" t="s">
        <v>29010</v>
      </c>
      <c r="B28617" s="6"/>
      <c r="C28617" s="6" t="s">
        <v>29470</v>
      </c>
      <c r="D28617" s="6"/>
      <c r="E28617" s="6" t="s">
        <v>9</v>
      </c>
      <c r="F28617" s="7"/>
      <c r="G28617" s="8">
        <v>1</v>
      </c>
      <c r="H28617" s="8">
        <v>1</v>
      </c>
      <c r="I28617" s="8">
        <v>0</v>
      </c>
      <c r="J28617" s="8">
        <v>1</v>
      </c>
      <c r="K28617" s="9">
        <v>5.75</v>
      </c>
      <c r="L28617" s="6" t="s">
        <v>51</v>
      </c>
    </row>
    <row r="28618" spans="1:12">
      <c r="A28618" s="6" t="s">
        <v>29010</v>
      </c>
      <c r="B28618" s="6"/>
      <c r="C28618" s="6" t="s">
        <v>29471</v>
      </c>
      <c r="D28618" s="6"/>
      <c r="E28618" s="6" t="s">
        <v>9</v>
      </c>
      <c r="F28618" s="7"/>
      <c r="G28618" s="8">
        <v>1</v>
      </c>
      <c r="H28618" s="8">
        <v>1</v>
      </c>
      <c r="I28618" s="8">
        <v>0</v>
      </c>
      <c r="J28618" s="8">
        <v>1</v>
      </c>
      <c r="K28618" s="9">
        <v>10</v>
      </c>
      <c r="L28618" s="6" t="s">
        <v>51</v>
      </c>
    </row>
    <row r="28619" spans="1:12">
      <c r="A28619" s="6" t="s">
        <v>29010</v>
      </c>
      <c r="B28619" s="6"/>
      <c r="C28619" s="6" t="s">
        <v>29472</v>
      </c>
      <c r="D28619" s="6"/>
      <c r="E28619" s="6" t="s">
        <v>9</v>
      </c>
      <c r="F28619" s="7"/>
      <c r="G28619" s="8">
        <v>1</v>
      </c>
      <c r="H28619" s="8">
        <v>1</v>
      </c>
      <c r="I28619" s="8">
        <v>0</v>
      </c>
      <c r="J28619" s="8">
        <v>1</v>
      </c>
      <c r="K28619" s="9">
        <v>18</v>
      </c>
      <c r="L28619" s="6" t="s">
        <v>51</v>
      </c>
    </row>
    <row r="28620" spans="1:12">
      <c r="A28620" s="6" t="s">
        <v>29010</v>
      </c>
      <c r="B28620" s="6"/>
      <c r="C28620" s="6" t="s">
        <v>29473</v>
      </c>
      <c r="D28620" s="6"/>
      <c r="E28620" s="6" t="s">
        <v>9</v>
      </c>
      <c r="F28620" s="7"/>
      <c r="G28620" s="8">
        <v>1</v>
      </c>
      <c r="H28620" s="8">
        <v>1</v>
      </c>
      <c r="I28620" s="8">
        <v>0</v>
      </c>
      <c r="J28620" s="8">
        <v>1</v>
      </c>
      <c r="K28620" s="9">
        <v>16</v>
      </c>
      <c r="L28620" s="6" t="s">
        <v>51</v>
      </c>
    </row>
    <row r="28621" spans="1:12">
      <c r="A28621" s="6" t="s">
        <v>29010</v>
      </c>
      <c r="B28621" s="6"/>
      <c r="C28621" s="6" t="s">
        <v>29474</v>
      </c>
      <c r="D28621" s="6"/>
      <c r="E28621" s="6" t="s">
        <v>9</v>
      </c>
      <c r="F28621" s="7"/>
      <c r="G28621" s="8">
        <v>1</v>
      </c>
      <c r="H28621" s="8">
        <v>1</v>
      </c>
      <c r="I28621" s="8">
        <v>0</v>
      </c>
      <c r="J28621" s="8">
        <v>1</v>
      </c>
      <c r="K28621" s="9">
        <v>13</v>
      </c>
      <c r="L28621" s="6" t="s">
        <v>51</v>
      </c>
    </row>
    <row r="28622" spans="1:12">
      <c r="A28622" s="6" t="s">
        <v>29010</v>
      </c>
      <c r="B28622" s="6"/>
      <c r="C28622" s="6" t="s">
        <v>29475</v>
      </c>
      <c r="D28622" s="6"/>
      <c r="E28622" s="6" t="s">
        <v>9</v>
      </c>
      <c r="F28622" s="7"/>
      <c r="G28622" s="8">
        <v>1</v>
      </c>
      <c r="H28622" s="8">
        <v>1</v>
      </c>
      <c r="I28622" s="8">
        <v>0</v>
      </c>
      <c r="J28622" s="8">
        <v>1</v>
      </c>
      <c r="K28622" s="9">
        <v>18</v>
      </c>
      <c r="L28622" s="6" t="s">
        <v>51</v>
      </c>
    </row>
    <row r="28623" spans="1:12">
      <c r="A28623" s="6" t="s">
        <v>29010</v>
      </c>
      <c r="B28623" s="6"/>
      <c r="C28623" s="6" t="s">
        <v>29476</v>
      </c>
      <c r="D28623" s="6"/>
      <c r="E28623" s="6" t="s">
        <v>9</v>
      </c>
      <c r="F28623" s="7"/>
      <c r="G28623" s="8">
        <v>1</v>
      </c>
      <c r="H28623" s="8">
        <v>1</v>
      </c>
      <c r="I28623" s="8">
        <v>0</v>
      </c>
      <c r="J28623" s="8">
        <v>1</v>
      </c>
      <c r="K28623" s="9">
        <v>5.88</v>
      </c>
      <c r="L28623" s="6" t="s">
        <v>51</v>
      </c>
    </row>
    <row r="28624" spans="1:12">
      <c r="A28624" s="6" t="s">
        <v>29010</v>
      </c>
      <c r="B28624" s="6"/>
      <c r="C28624" s="6" t="s">
        <v>29477</v>
      </c>
      <c r="D28624" s="6"/>
      <c r="E28624" s="6" t="s">
        <v>9</v>
      </c>
      <c r="F28624" s="7"/>
      <c r="G28624" s="8">
        <v>1</v>
      </c>
      <c r="H28624" s="8">
        <v>1</v>
      </c>
      <c r="I28624" s="8">
        <v>0</v>
      </c>
      <c r="J28624" s="8">
        <v>1</v>
      </c>
      <c r="K28624" s="9">
        <v>12</v>
      </c>
      <c r="L28624" s="6" t="s">
        <v>51</v>
      </c>
    </row>
    <row r="28625" spans="1:12">
      <c r="A28625" s="6" t="s">
        <v>29010</v>
      </c>
      <c r="B28625" s="6"/>
      <c r="C28625" s="6" t="s">
        <v>29478</v>
      </c>
      <c r="D28625" s="6"/>
      <c r="E28625" s="6" t="s">
        <v>9</v>
      </c>
      <c r="F28625" s="7"/>
      <c r="G28625" s="8">
        <v>1</v>
      </c>
      <c r="H28625" s="8">
        <v>1</v>
      </c>
      <c r="I28625" s="8">
        <v>0</v>
      </c>
      <c r="J28625" s="8">
        <v>1</v>
      </c>
      <c r="K28625" s="9">
        <v>294</v>
      </c>
      <c r="L28625" s="6" t="s">
        <v>51</v>
      </c>
    </row>
    <row r="28626" spans="1:12">
      <c r="A28626" s="6" t="s">
        <v>29010</v>
      </c>
      <c r="B28626" s="6"/>
      <c r="C28626" s="6" t="s">
        <v>29479</v>
      </c>
      <c r="D28626" s="6"/>
      <c r="E28626" s="6" t="s">
        <v>9</v>
      </c>
      <c r="F28626" s="7"/>
      <c r="G28626" s="8">
        <v>1</v>
      </c>
      <c r="H28626" s="8">
        <v>1</v>
      </c>
      <c r="I28626" s="8">
        <v>0</v>
      </c>
      <c r="J28626" s="8">
        <v>1</v>
      </c>
      <c r="K28626" s="9">
        <v>2.92</v>
      </c>
      <c r="L28626" s="6" t="s">
        <v>51</v>
      </c>
    </row>
    <row r="28627" spans="1:12">
      <c r="A28627" s="6" t="s">
        <v>29010</v>
      </c>
      <c r="B28627" s="6"/>
      <c r="C28627" s="6" t="s">
        <v>29480</v>
      </c>
      <c r="D28627" s="6"/>
      <c r="E28627" s="6" t="s">
        <v>9</v>
      </c>
      <c r="F28627" s="7"/>
      <c r="G28627" s="8">
        <v>1</v>
      </c>
      <c r="H28627" s="8">
        <v>1</v>
      </c>
      <c r="I28627" s="8">
        <v>0</v>
      </c>
      <c r="J28627" s="8">
        <v>1</v>
      </c>
      <c r="K28627" s="9">
        <v>18</v>
      </c>
      <c r="L28627" s="6" t="s">
        <v>51</v>
      </c>
    </row>
    <row r="28628" spans="1:12">
      <c r="A28628" s="6" t="s">
        <v>29010</v>
      </c>
      <c r="B28628" s="6"/>
      <c r="C28628" s="6" t="s">
        <v>29481</v>
      </c>
      <c r="D28628" s="6"/>
      <c r="E28628" s="6" t="s">
        <v>9</v>
      </c>
      <c r="F28628" s="7"/>
      <c r="G28628" s="8">
        <v>1</v>
      </c>
      <c r="H28628" s="8">
        <v>1</v>
      </c>
      <c r="I28628" s="8">
        <v>0</v>
      </c>
      <c r="J28628" s="8">
        <v>1</v>
      </c>
      <c r="K28628" s="9">
        <v>1.84</v>
      </c>
      <c r="L28628" s="6" t="s">
        <v>51</v>
      </c>
    </row>
    <row r="28629" spans="1:12">
      <c r="A28629" s="6" t="s">
        <v>29010</v>
      </c>
      <c r="B28629" s="6"/>
      <c r="C28629" s="6" t="s">
        <v>29482</v>
      </c>
      <c r="D28629" s="6"/>
      <c r="E28629" s="6" t="s">
        <v>9</v>
      </c>
      <c r="F28629" s="7"/>
      <c r="G28629" s="8">
        <v>1</v>
      </c>
      <c r="H28629" s="8">
        <v>1</v>
      </c>
      <c r="I28629" s="8">
        <v>0</v>
      </c>
      <c r="J28629" s="8">
        <v>1</v>
      </c>
      <c r="K28629" s="9">
        <v>21</v>
      </c>
      <c r="L28629" s="6" t="s">
        <v>51</v>
      </c>
    </row>
    <row r="28630" spans="1:12">
      <c r="A28630" s="6" t="s">
        <v>29010</v>
      </c>
      <c r="B28630" s="6"/>
      <c r="C28630" s="6" t="s">
        <v>29483</v>
      </c>
      <c r="D28630" s="6"/>
      <c r="E28630" s="6" t="s">
        <v>9</v>
      </c>
      <c r="F28630" s="7"/>
      <c r="G28630" s="8">
        <v>1</v>
      </c>
      <c r="H28630" s="8">
        <v>1</v>
      </c>
      <c r="I28630" s="8">
        <v>0</v>
      </c>
      <c r="J28630" s="8">
        <v>1</v>
      </c>
      <c r="K28630" s="9">
        <v>6.88</v>
      </c>
      <c r="L28630" s="6" t="s">
        <v>51</v>
      </c>
    </row>
    <row r="28631" spans="1:12">
      <c r="A28631" s="6" t="s">
        <v>29010</v>
      </c>
      <c r="B28631" s="6"/>
      <c r="C28631" s="6" t="s">
        <v>29484</v>
      </c>
      <c r="D28631" s="6"/>
      <c r="E28631" s="6" t="s">
        <v>9</v>
      </c>
      <c r="F28631" s="7"/>
      <c r="G28631" s="8">
        <v>1</v>
      </c>
      <c r="H28631" s="8">
        <v>1</v>
      </c>
      <c r="I28631" s="8">
        <v>0</v>
      </c>
      <c r="J28631" s="8">
        <v>1</v>
      </c>
      <c r="K28631" s="9">
        <v>45</v>
      </c>
      <c r="L28631" s="6" t="s">
        <v>51</v>
      </c>
    </row>
    <row r="28632" spans="1:12">
      <c r="A28632" s="6" t="s">
        <v>29010</v>
      </c>
      <c r="B28632" s="6"/>
      <c r="C28632" s="6" t="s">
        <v>29485</v>
      </c>
      <c r="D28632" s="6"/>
      <c r="E28632" s="6" t="s">
        <v>9</v>
      </c>
      <c r="F28632" s="7"/>
      <c r="G28632" s="8">
        <v>1</v>
      </c>
      <c r="H28632" s="8">
        <v>1</v>
      </c>
      <c r="I28632" s="8">
        <v>0</v>
      </c>
      <c r="J28632" s="8">
        <v>1</v>
      </c>
      <c r="K28632" s="9">
        <v>1.1599999999999899</v>
      </c>
      <c r="L28632" s="6" t="s">
        <v>51</v>
      </c>
    </row>
    <row r="28633" spans="1:12">
      <c r="A28633" s="6" t="s">
        <v>29010</v>
      </c>
      <c r="B28633" s="6"/>
      <c r="C28633" s="6" t="s">
        <v>29486</v>
      </c>
      <c r="D28633" s="6"/>
      <c r="E28633" s="6" t="s">
        <v>9</v>
      </c>
      <c r="F28633" s="7"/>
      <c r="G28633" s="8">
        <v>1</v>
      </c>
      <c r="H28633" s="8">
        <v>1</v>
      </c>
      <c r="I28633" s="8">
        <v>0</v>
      </c>
      <c r="J28633" s="8">
        <v>1</v>
      </c>
      <c r="K28633" s="9">
        <v>30</v>
      </c>
      <c r="L28633" s="6" t="s">
        <v>51</v>
      </c>
    </row>
    <row r="28634" spans="1:12">
      <c r="A28634" s="6" t="s">
        <v>29010</v>
      </c>
      <c r="B28634" s="6"/>
      <c r="C28634" s="6" t="s">
        <v>29487</v>
      </c>
      <c r="D28634" s="6"/>
      <c r="E28634" s="6" t="s">
        <v>9</v>
      </c>
      <c r="F28634" s="7"/>
      <c r="G28634" s="8">
        <v>1</v>
      </c>
      <c r="H28634" s="8">
        <v>1</v>
      </c>
      <c r="I28634" s="8">
        <v>0</v>
      </c>
      <c r="J28634" s="8">
        <v>1</v>
      </c>
      <c r="K28634" s="9">
        <v>6.36</v>
      </c>
      <c r="L28634" s="6" t="s">
        <v>51</v>
      </c>
    </row>
    <row r="28635" spans="1:12">
      <c r="A28635" s="6" t="s">
        <v>29010</v>
      </c>
      <c r="B28635" s="6"/>
      <c r="C28635" s="6" t="s">
        <v>29488</v>
      </c>
      <c r="D28635" s="6"/>
      <c r="E28635" s="6" t="s">
        <v>9</v>
      </c>
      <c r="F28635" s="7"/>
      <c r="G28635" s="8">
        <v>1</v>
      </c>
      <c r="H28635" s="8">
        <v>1</v>
      </c>
      <c r="I28635" s="8">
        <v>0</v>
      </c>
      <c r="J28635" s="8">
        <v>1</v>
      </c>
      <c r="K28635" s="9">
        <v>10</v>
      </c>
      <c r="L28635" s="6" t="s">
        <v>51</v>
      </c>
    </row>
    <row r="28636" spans="1:12">
      <c r="A28636" s="6" t="s">
        <v>29010</v>
      </c>
      <c r="B28636" s="6"/>
      <c r="C28636" s="6" t="s">
        <v>29489</v>
      </c>
      <c r="D28636" s="6"/>
      <c r="E28636" s="6" t="s">
        <v>9</v>
      </c>
      <c r="F28636" s="7"/>
      <c r="G28636" s="8">
        <v>1</v>
      </c>
      <c r="H28636" s="8">
        <v>1</v>
      </c>
      <c r="I28636" s="8">
        <v>0</v>
      </c>
      <c r="J28636" s="8">
        <v>1</v>
      </c>
      <c r="K28636" s="9">
        <v>85</v>
      </c>
      <c r="L28636" s="6" t="s">
        <v>51</v>
      </c>
    </row>
    <row r="28637" spans="1:12">
      <c r="A28637" s="6" t="s">
        <v>29010</v>
      </c>
      <c r="B28637" s="6"/>
      <c r="C28637" s="6" t="s">
        <v>29490</v>
      </c>
      <c r="D28637" s="6"/>
      <c r="E28637" s="6" t="s">
        <v>9</v>
      </c>
      <c r="F28637" s="7"/>
      <c r="G28637" s="8">
        <v>1</v>
      </c>
      <c r="H28637" s="8">
        <v>1</v>
      </c>
      <c r="I28637" s="8">
        <v>0</v>
      </c>
      <c r="J28637" s="8">
        <v>1</v>
      </c>
      <c r="K28637" s="9">
        <v>20</v>
      </c>
      <c r="L28637" s="6" t="s">
        <v>51</v>
      </c>
    </row>
    <row r="28638" spans="1:12">
      <c r="A28638" s="6" t="s">
        <v>29010</v>
      </c>
      <c r="B28638" s="6"/>
      <c r="C28638" s="6" t="s">
        <v>29491</v>
      </c>
      <c r="D28638" s="6"/>
      <c r="E28638" s="6" t="s">
        <v>9</v>
      </c>
      <c r="F28638" s="7"/>
      <c r="G28638" s="8">
        <v>1</v>
      </c>
      <c r="H28638" s="8">
        <v>1</v>
      </c>
      <c r="I28638" s="8">
        <v>0</v>
      </c>
      <c r="J28638" s="8">
        <v>1</v>
      </c>
      <c r="K28638" s="9">
        <v>31</v>
      </c>
      <c r="L28638" s="6" t="s">
        <v>51</v>
      </c>
    </row>
    <row r="28639" spans="1:12">
      <c r="A28639" s="6" t="s">
        <v>29010</v>
      </c>
      <c r="B28639" s="6"/>
      <c r="C28639" s="6" t="s">
        <v>29492</v>
      </c>
      <c r="D28639" s="6"/>
      <c r="E28639" s="6" t="s">
        <v>9</v>
      </c>
      <c r="F28639" s="7"/>
      <c r="G28639" s="8">
        <v>1</v>
      </c>
      <c r="H28639" s="8">
        <v>1</v>
      </c>
      <c r="I28639" s="8">
        <v>0</v>
      </c>
      <c r="J28639" s="8">
        <v>1</v>
      </c>
      <c r="K28639" s="9">
        <v>100</v>
      </c>
      <c r="L28639" s="6" t="s">
        <v>51</v>
      </c>
    </row>
    <row r="28640" spans="1:12">
      <c r="A28640" s="6" t="s">
        <v>29010</v>
      </c>
      <c r="B28640" s="6"/>
      <c r="C28640" s="6" t="s">
        <v>29493</v>
      </c>
      <c r="D28640" s="6"/>
      <c r="E28640" s="6" t="s">
        <v>9</v>
      </c>
      <c r="F28640" s="7"/>
      <c r="G28640" s="8">
        <v>1</v>
      </c>
      <c r="H28640" s="8">
        <v>1</v>
      </c>
      <c r="I28640" s="8">
        <v>0</v>
      </c>
      <c r="J28640" s="8">
        <v>1</v>
      </c>
      <c r="K28640" s="9">
        <v>55</v>
      </c>
      <c r="L28640" s="6" t="s">
        <v>51</v>
      </c>
    </row>
    <row r="28641" spans="1:12">
      <c r="A28641" s="6" t="s">
        <v>29010</v>
      </c>
      <c r="B28641" s="6"/>
      <c r="C28641" s="6" t="s">
        <v>29494</v>
      </c>
      <c r="D28641" s="6"/>
      <c r="E28641" s="6" t="s">
        <v>9</v>
      </c>
      <c r="F28641" s="7"/>
      <c r="G28641" s="8">
        <v>1</v>
      </c>
      <c r="H28641" s="8">
        <v>1</v>
      </c>
      <c r="I28641" s="8">
        <v>0</v>
      </c>
      <c r="J28641" s="8">
        <v>1</v>
      </c>
      <c r="K28641" s="9">
        <v>145</v>
      </c>
      <c r="L28641" s="6" t="s">
        <v>51</v>
      </c>
    </row>
    <row r="28642" spans="1:12">
      <c r="A28642" s="6" t="s">
        <v>29010</v>
      </c>
      <c r="B28642" s="6"/>
      <c r="C28642" s="6" t="s">
        <v>29495</v>
      </c>
      <c r="D28642" s="6"/>
      <c r="E28642" s="6" t="s">
        <v>9</v>
      </c>
      <c r="F28642" s="7"/>
      <c r="G28642" s="8">
        <v>1</v>
      </c>
      <c r="H28642" s="8">
        <v>1</v>
      </c>
      <c r="I28642" s="8">
        <v>0</v>
      </c>
      <c r="J28642" s="8">
        <v>1</v>
      </c>
      <c r="K28642" s="9">
        <v>0.72</v>
      </c>
      <c r="L28642" s="6" t="s">
        <v>51</v>
      </c>
    </row>
    <row r="28643" spans="1:12">
      <c r="A28643" s="6" t="s">
        <v>29010</v>
      </c>
      <c r="B28643" s="6"/>
      <c r="C28643" s="6" t="s">
        <v>286</v>
      </c>
      <c r="D28643" s="6"/>
      <c r="E28643" s="6" t="s">
        <v>9</v>
      </c>
      <c r="F28643" s="7"/>
      <c r="G28643" s="8">
        <v>1</v>
      </c>
      <c r="H28643" s="8">
        <v>1</v>
      </c>
      <c r="I28643" s="8">
        <v>0</v>
      </c>
      <c r="J28643" s="8">
        <v>1</v>
      </c>
      <c r="K28643" s="9">
        <v>98</v>
      </c>
      <c r="L28643" s="6" t="s">
        <v>51</v>
      </c>
    </row>
    <row r="28644" spans="1:12">
      <c r="A28644" s="6" t="s">
        <v>29010</v>
      </c>
      <c r="B28644" s="6"/>
      <c r="C28644" s="6" t="s">
        <v>288</v>
      </c>
      <c r="D28644" s="6"/>
      <c r="E28644" s="6" t="s">
        <v>9</v>
      </c>
      <c r="F28644" s="7"/>
      <c r="G28644" s="8">
        <v>1</v>
      </c>
      <c r="H28644" s="8">
        <v>1</v>
      </c>
      <c r="I28644" s="8">
        <v>0</v>
      </c>
      <c r="J28644" s="8">
        <v>1</v>
      </c>
      <c r="K28644" s="9">
        <v>29</v>
      </c>
      <c r="L28644" s="6" t="s">
        <v>51</v>
      </c>
    </row>
    <row r="28645" spans="1:12">
      <c r="A28645" s="6" t="s">
        <v>29010</v>
      </c>
      <c r="B28645" s="6"/>
      <c r="C28645" s="6" t="s">
        <v>289</v>
      </c>
      <c r="D28645" s="6"/>
      <c r="E28645" s="6" t="s">
        <v>9</v>
      </c>
      <c r="F28645" s="7"/>
      <c r="G28645" s="8">
        <v>1</v>
      </c>
      <c r="H28645" s="8">
        <v>1</v>
      </c>
      <c r="I28645" s="8">
        <v>0</v>
      </c>
      <c r="J28645" s="8">
        <v>1</v>
      </c>
      <c r="K28645" s="9">
        <v>9.9600000000000009</v>
      </c>
      <c r="L28645" s="6" t="s">
        <v>51</v>
      </c>
    </row>
    <row r="28646" spans="1:12">
      <c r="A28646" s="6" t="s">
        <v>29010</v>
      </c>
      <c r="B28646" s="6"/>
      <c r="C28646" s="6" t="s">
        <v>290</v>
      </c>
      <c r="D28646" s="6"/>
      <c r="E28646" s="6" t="s">
        <v>9</v>
      </c>
      <c r="F28646" s="7"/>
      <c r="G28646" s="8">
        <v>1</v>
      </c>
      <c r="H28646" s="8">
        <v>1</v>
      </c>
      <c r="I28646" s="8">
        <v>0</v>
      </c>
      <c r="J28646" s="8">
        <v>1</v>
      </c>
      <c r="K28646" s="9">
        <v>4.0999999999999899</v>
      </c>
      <c r="L28646" s="6" t="s">
        <v>51</v>
      </c>
    </row>
    <row r="28647" spans="1:12">
      <c r="A28647" s="6" t="s">
        <v>29010</v>
      </c>
      <c r="B28647" s="6"/>
      <c r="C28647" s="6" t="s">
        <v>29496</v>
      </c>
      <c r="D28647" s="6"/>
      <c r="E28647" s="6" t="s">
        <v>9</v>
      </c>
      <c r="F28647" s="7"/>
      <c r="G28647" s="8">
        <v>1</v>
      </c>
      <c r="H28647" s="8">
        <v>1</v>
      </c>
      <c r="I28647" s="8">
        <v>0</v>
      </c>
      <c r="J28647" s="8">
        <v>1</v>
      </c>
      <c r="K28647" s="9">
        <v>6.61</v>
      </c>
      <c r="L28647" s="6" t="s">
        <v>51</v>
      </c>
    </row>
    <row r="28648" spans="1:12">
      <c r="A28648" s="6" t="s">
        <v>29010</v>
      </c>
      <c r="B28648" s="6"/>
      <c r="C28648" s="6" t="s">
        <v>29497</v>
      </c>
      <c r="D28648" s="6"/>
      <c r="E28648" s="6" t="s">
        <v>9</v>
      </c>
      <c r="F28648" s="7"/>
      <c r="G28648" s="8">
        <v>1</v>
      </c>
      <c r="H28648" s="8">
        <v>1</v>
      </c>
      <c r="I28648" s="8">
        <v>0</v>
      </c>
      <c r="J28648" s="8">
        <v>1</v>
      </c>
      <c r="K28648" s="9">
        <v>24</v>
      </c>
      <c r="L28648" s="6" t="s">
        <v>51</v>
      </c>
    </row>
    <row r="28649" spans="1:12">
      <c r="A28649" s="6" t="s">
        <v>29010</v>
      </c>
      <c r="B28649" s="6"/>
      <c r="C28649" s="6" t="s">
        <v>29498</v>
      </c>
      <c r="D28649" s="6"/>
      <c r="E28649" s="6" t="s">
        <v>9</v>
      </c>
      <c r="F28649" s="7"/>
      <c r="G28649" s="8">
        <v>1</v>
      </c>
      <c r="H28649" s="8">
        <v>1</v>
      </c>
      <c r="I28649" s="8">
        <v>0</v>
      </c>
      <c r="J28649" s="8">
        <v>1</v>
      </c>
      <c r="K28649" s="9">
        <v>5.72</v>
      </c>
      <c r="L28649" s="6" t="s">
        <v>51</v>
      </c>
    </row>
    <row r="28650" spans="1:12">
      <c r="A28650" s="6" t="s">
        <v>29010</v>
      </c>
      <c r="B28650" s="6"/>
      <c r="C28650" s="6" t="s">
        <v>29499</v>
      </c>
      <c r="D28650" s="6"/>
      <c r="E28650" s="6" t="s">
        <v>9</v>
      </c>
      <c r="F28650" s="7"/>
      <c r="G28650" s="8">
        <v>1</v>
      </c>
      <c r="H28650" s="8">
        <v>1</v>
      </c>
      <c r="I28650" s="8">
        <v>0</v>
      </c>
      <c r="J28650" s="8">
        <v>1</v>
      </c>
      <c r="K28650" s="9">
        <v>1.71</v>
      </c>
      <c r="L28650" s="6" t="s">
        <v>51</v>
      </c>
    </row>
    <row r="28651" spans="1:12">
      <c r="A28651" s="6" t="s">
        <v>29010</v>
      </c>
      <c r="B28651" s="6"/>
      <c r="C28651" s="6" t="s">
        <v>29500</v>
      </c>
      <c r="D28651" s="6"/>
      <c r="E28651" s="6" t="s">
        <v>9</v>
      </c>
      <c r="F28651" s="7"/>
      <c r="G28651" s="8">
        <v>1</v>
      </c>
      <c r="H28651" s="8">
        <v>1</v>
      </c>
      <c r="I28651" s="8">
        <v>0</v>
      </c>
      <c r="J28651" s="8">
        <v>1</v>
      </c>
      <c r="K28651" s="9">
        <v>2.4</v>
      </c>
      <c r="L28651" s="6" t="s">
        <v>51</v>
      </c>
    </row>
    <row r="28652" spans="1:12">
      <c r="A28652" s="6" t="s">
        <v>29010</v>
      </c>
      <c r="B28652" s="6"/>
      <c r="C28652" s="6" t="s">
        <v>29501</v>
      </c>
      <c r="D28652" s="6"/>
      <c r="E28652" s="6" t="s">
        <v>9</v>
      </c>
      <c r="F28652" s="7"/>
      <c r="G28652" s="8">
        <v>1</v>
      </c>
      <c r="H28652" s="8">
        <v>1</v>
      </c>
      <c r="I28652" s="8">
        <v>0</v>
      </c>
      <c r="J28652" s="8">
        <v>1</v>
      </c>
      <c r="K28652" s="9">
        <v>0.56000000000000005</v>
      </c>
      <c r="L28652" s="6" t="s">
        <v>51</v>
      </c>
    </row>
    <row r="28653" spans="1:12">
      <c r="A28653" s="6" t="s">
        <v>29010</v>
      </c>
      <c r="B28653" s="6"/>
      <c r="C28653" s="6" t="s">
        <v>29502</v>
      </c>
      <c r="D28653" s="6"/>
      <c r="E28653" s="6" t="s">
        <v>9</v>
      </c>
      <c r="F28653" s="7"/>
      <c r="G28653" s="8">
        <v>1</v>
      </c>
      <c r="H28653" s="8">
        <v>1</v>
      </c>
      <c r="I28653" s="8">
        <v>0</v>
      </c>
      <c r="J28653" s="8">
        <v>1</v>
      </c>
      <c r="K28653" s="9">
        <v>2.63</v>
      </c>
      <c r="L28653" s="6" t="s">
        <v>51</v>
      </c>
    </row>
    <row r="28654" spans="1:12">
      <c r="A28654" s="6" t="s">
        <v>29010</v>
      </c>
      <c r="B28654" s="6"/>
      <c r="C28654" s="6" t="s">
        <v>29503</v>
      </c>
      <c r="D28654" s="6"/>
      <c r="E28654" s="6" t="s">
        <v>9</v>
      </c>
      <c r="F28654" s="7"/>
      <c r="G28654" s="8">
        <v>1</v>
      </c>
      <c r="H28654" s="8">
        <v>1</v>
      </c>
      <c r="I28654" s="8">
        <v>0</v>
      </c>
      <c r="J28654" s="8">
        <v>1</v>
      </c>
      <c r="K28654" s="9">
        <v>4.07</v>
      </c>
      <c r="L28654" s="6" t="s">
        <v>51</v>
      </c>
    </row>
    <row r="28655" spans="1:12">
      <c r="A28655" s="6" t="s">
        <v>29010</v>
      </c>
      <c r="B28655" s="6"/>
      <c r="C28655" s="6" t="s">
        <v>29504</v>
      </c>
      <c r="D28655" s="6"/>
      <c r="E28655" s="6" t="s">
        <v>9</v>
      </c>
      <c r="F28655" s="7"/>
      <c r="G28655" s="8">
        <v>1</v>
      </c>
      <c r="H28655" s="8">
        <v>1</v>
      </c>
      <c r="I28655" s="8">
        <v>0</v>
      </c>
      <c r="J28655" s="8">
        <v>1</v>
      </c>
      <c r="K28655" s="9">
        <v>0.57999999999999896</v>
      </c>
      <c r="L28655" s="6" t="s">
        <v>51</v>
      </c>
    </row>
    <row r="28656" spans="1:12">
      <c r="A28656" s="6" t="s">
        <v>29010</v>
      </c>
      <c r="B28656" s="6"/>
      <c r="C28656" s="6" t="s">
        <v>29505</v>
      </c>
      <c r="D28656" s="6"/>
      <c r="E28656" s="6" t="s">
        <v>9</v>
      </c>
      <c r="F28656" s="7"/>
      <c r="G28656" s="8">
        <v>1</v>
      </c>
      <c r="H28656" s="8">
        <v>1</v>
      </c>
      <c r="I28656" s="8">
        <v>0</v>
      </c>
      <c r="J28656" s="8">
        <v>1</v>
      </c>
      <c r="K28656" s="9">
        <v>0.89</v>
      </c>
      <c r="L28656" s="6" t="s">
        <v>51</v>
      </c>
    </row>
    <row r="28657" spans="1:12">
      <c r="A28657" s="6" t="s">
        <v>29010</v>
      </c>
      <c r="B28657" s="6"/>
      <c r="C28657" s="6" t="s">
        <v>29506</v>
      </c>
      <c r="D28657" s="6"/>
      <c r="E28657" s="6" t="s">
        <v>9</v>
      </c>
      <c r="F28657" s="7"/>
      <c r="G28657" s="8">
        <v>1</v>
      </c>
      <c r="H28657" s="8">
        <v>1</v>
      </c>
      <c r="I28657" s="8">
        <v>0</v>
      </c>
      <c r="J28657" s="8">
        <v>1</v>
      </c>
      <c r="K28657" s="9">
        <v>3.96</v>
      </c>
      <c r="L28657" s="6" t="s">
        <v>51</v>
      </c>
    </row>
    <row r="28658" spans="1:12">
      <c r="A28658" s="6" t="s">
        <v>29010</v>
      </c>
      <c r="B28658" s="6"/>
      <c r="C28658" s="6" t="s">
        <v>29507</v>
      </c>
      <c r="D28658" s="6"/>
      <c r="E28658" s="6" t="s">
        <v>9</v>
      </c>
      <c r="F28658" s="7"/>
      <c r="G28658" s="8">
        <v>1</v>
      </c>
      <c r="H28658" s="8">
        <v>1</v>
      </c>
      <c r="I28658" s="8">
        <v>0</v>
      </c>
      <c r="J28658" s="8">
        <v>1</v>
      </c>
      <c r="K28658" s="9">
        <v>112</v>
      </c>
      <c r="L28658" s="6" t="s">
        <v>51</v>
      </c>
    </row>
    <row r="28659" spans="1:12">
      <c r="A28659" s="6" t="s">
        <v>29010</v>
      </c>
      <c r="B28659" s="6"/>
      <c r="C28659" s="6" t="s">
        <v>29508</v>
      </c>
      <c r="D28659" s="6"/>
      <c r="E28659" s="6" t="s">
        <v>9</v>
      </c>
      <c r="F28659" s="7"/>
      <c r="G28659" s="8">
        <v>1</v>
      </c>
      <c r="H28659" s="8">
        <v>1</v>
      </c>
      <c r="I28659" s="8">
        <v>0</v>
      </c>
      <c r="J28659" s="8">
        <v>1</v>
      </c>
      <c r="K28659" s="9">
        <v>15</v>
      </c>
      <c r="L28659" s="6" t="s">
        <v>51</v>
      </c>
    </row>
    <row r="28660" spans="1:12">
      <c r="A28660" s="6" t="s">
        <v>29010</v>
      </c>
      <c r="B28660" s="6"/>
      <c r="C28660" s="6" t="s">
        <v>29509</v>
      </c>
      <c r="D28660" s="6"/>
      <c r="E28660" s="6" t="s">
        <v>9</v>
      </c>
      <c r="F28660" s="7"/>
      <c r="G28660" s="8">
        <v>1</v>
      </c>
      <c r="H28660" s="8">
        <v>1</v>
      </c>
      <c r="I28660" s="8">
        <v>0</v>
      </c>
      <c r="J28660" s="8">
        <v>1</v>
      </c>
      <c r="K28660" s="9">
        <v>11</v>
      </c>
      <c r="L28660" s="6" t="s">
        <v>51</v>
      </c>
    </row>
    <row r="28661" spans="1:12">
      <c r="A28661" s="6" t="s">
        <v>29010</v>
      </c>
      <c r="B28661" s="6"/>
      <c r="C28661" s="6" t="s">
        <v>29510</v>
      </c>
      <c r="D28661" s="6"/>
      <c r="E28661" s="6" t="s">
        <v>9</v>
      </c>
      <c r="F28661" s="7"/>
      <c r="G28661" s="8">
        <v>1</v>
      </c>
      <c r="H28661" s="8">
        <v>1</v>
      </c>
      <c r="I28661" s="8">
        <v>0</v>
      </c>
      <c r="J28661" s="8">
        <v>1</v>
      </c>
      <c r="K28661" s="9">
        <v>2.02999999999999</v>
      </c>
      <c r="L28661" s="6" t="s">
        <v>51</v>
      </c>
    </row>
    <row r="28662" spans="1:12">
      <c r="A28662" s="6" t="s">
        <v>29010</v>
      </c>
      <c r="B28662" s="6"/>
      <c r="C28662" s="6" t="s">
        <v>29511</v>
      </c>
      <c r="D28662" s="6"/>
      <c r="E28662" s="6" t="s">
        <v>9</v>
      </c>
      <c r="F28662" s="7"/>
      <c r="G28662" s="8">
        <v>1</v>
      </c>
      <c r="H28662" s="8">
        <v>1</v>
      </c>
      <c r="I28662" s="8">
        <v>0</v>
      </c>
      <c r="J28662" s="8">
        <v>1</v>
      </c>
      <c r="K28662" s="9">
        <v>15</v>
      </c>
      <c r="L28662" s="6" t="s">
        <v>51</v>
      </c>
    </row>
    <row r="28663" spans="1:12">
      <c r="A28663" s="6" t="s">
        <v>29010</v>
      </c>
      <c r="B28663" s="6"/>
      <c r="C28663" s="6" t="s">
        <v>29512</v>
      </c>
      <c r="D28663" s="6"/>
      <c r="E28663" s="6" t="s">
        <v>9</v>
      </c>
      <c r="F28663" s="7"/>
      <c r="G28663" s="8">
        <v>1</v>
      </c>
      <c r="H28663" s="8">
        <v>1</v>
      </c>
      <c r="I28663" s="8">
        <v>0</v>
      </c>
      <c r="J28663" s="8">
        <v>1</v>
      </c>
      <c r="K28663" s="9">
        <v>78</v>
      </c>
      <c r="L28663" s="6" t="s">
        <v>51</v>
      </c>
    </row>
    <row r="28664" spans="1:12">
      <c r="A28664" s="6" t="s">
        <v>29010</v>
      </c>
      <c r="B28664" s="6"/>
      <c r="C28664" s="6" t="s">
        <v>29513</v>
      </c>
      <c r="D28664" s="6"/>
      <c r="E28664" s="6" t="s">
        <v>9</v>
      </c>
      <c r="F28664" s="7"/>
      <c r="G28664" s="8">
        <v>1</v>
      </c>
      <c r="H28664" s="8">
        <v>1</v>
      </c>
      <c r="I28664" s="8">
        <v>0</v>
      </c>
      <c r="J28664" s="8">
        <v>1</v>
      </c>
      <c r="K28664" s="9">
        <v>14</v>
      </c>
      <c r="L28664" s="6" t="s">
        <v>51</v>
      </c>
    </row>
    <row r="28665" spans="1:12">
      <c r="A28665" s="6" t="s">
        <v>29010</v>
      </c>
      <c r="B28665" s="6"/>
      <c r="C28665" s="6" t="s">
        <v>29514</v>
      </c>
      <c r="D28665" s="6"/>
      <c r="E28665" s="6" t="s">
        <v>9</v>
      </c>
      <c r="F28665" s="7"/>
      <c r="G28665" s="8">
        <v>1</v>
      </c>
      <c r="H28665" s="8">
        <v>1</v>
      </c>
      <c r="I28665" s="8">
        <v>0</v>
      </c>
      <c r="J28665" s="8">
        <v>1</v>
      </c>
      <c r="K28665" s="9">
        <v>22</v>
      </c>
      <c r="L28665" s="6" t="s">
        <v>51</v>
      </c>
    </row>
    <row r="28666" spans="1:12">
      <c r="A28666" s="6" t="s">
        <v>29010</v>
      </c>
      <c r="B28666" s="6"/>
      <c r="C28666" s="6" t="s">
        <v>29515</v>
      </c>
      <c r="D28666" s="6"/>
      <c r="E28666" s="6" t="s">
        <v>9</v>
      </c>
      <c r="F28666" s="7"/>
      <c r="G28666" s="8">
        <v>1</v>
      </c>
      <c r="H28666" s="8">
        <v>1</v>
      </c>
      <c r="I28666" s="8">
        <v>0</v>
      </c>
      <c r="J28666" s="8">
        <v>1</v>
      </c>
      <c r="K28666" s="9">
        <v>45</v>
      </c>
      <c r="L28666" s="6" t="s">
        <v>51</v>
      </c>
    </row>
    <row r="28667" spans="1:12">
      <c r="A28667" s="6" t="s">
        <v>29010</v>
      </c>
      <c r="B28667" s="6"/>
      <c r="C28667" s="6" t="s">
        <v>29516</v>
      </c>
      <c r="D28667" s="6"/>
      <c r="E28667" s="6" t="s">
        <v>9</v>
      </c>
      <c r="F28667" s="7"/>
      <c r="G28667" s="8">
        <v>1</v>
      </c>
      <c r="H28667" s="8">
        <v>1</v>
      </c>
      <c r="I28667" s="8">
        <v>0</v>
      </c>
      <c r="J28667" s="8">
        <v>1</v>
      </c>
      <c r="K28667" s="9">
        <v>7.5</v>
      </c>
      <c r="L28667" s="6" t="s">
        <v>51</v>
      </c>
    </row>
    <row r="28668" spans="1:12">
      <c r="A28668" s="6" t="s">
        <v>29010</v>
      </c>
      <c r="B28668" s="6"/>
      <c r="C28668" s="6" t="s">
        <v>29517</v>
      </c>
      <c r="D28668" s="6"/>
      <c r="E28668" s="6" t="s">
        <v>9</v>
      </c>
      <c r="F28668" s="7"/>
      <c r="G28668" s="8">
        <v>1</v>
      </c>
      <c r="H28668" s="8">
        <v>1</v>
      </c>
      <c r="I28668" s="8">
        <v>0</v>
      </c>
      <c r="J28668" s="8">
        <v>1</v>
      </c>
      <c r="K28668" s="9">
        <v>7.19</v>
      </c>
      <c r="L28668" s="6" t="s">
        <v>51</v>
      </c>
    </row>
    <row r="28669" spans="1:12">
      <c r="A28669" s="6" t="s">
        <v>29010</v>
      </c>
      <c r="B28669" s="6"/>
      <c r="C28669" s="6" t="s">
        <v>29518</v>
      </c>
      <c r="D28669" s="6"/>
      <c r="E28669" s="6" t="s">
        <v>9</v>
      </c>
      <c r="F28669" s="7"/>
      <c r="G28669" s="8">
        <v>1</v>
      </c>
      <c r="H28669" s="8">
        <v>1</v>
      </c>
      <c r="I28669" s="8">
        <v>0</v>
      </c>
      <c r="J28669" s="8">
        <v>1</v>
      </c>
      <c r="K28669" s="9">
        <v>13</v>
      </c>
      <c r="L28669" s="6" t="s">
        <v>51</v>
      </c>
    </row>
    <row r="28670" spans="1:12">
      <c r="A28670" s="6" t="s">
        <v>29010</v>
      </c>
      <c r="B28670" s="6"/>
      <c r="C28670" s="6" t="s">
        <v>29519</v>
      </c>
      <c r="D28670" s="6"/>
      <c r="E28670" s="6" t="s">
        <v>9</v>
      </c>
      <c r="F28670" s="7"/>
      <c r="G28670" s="8">
        <v>1</v>
      </c>
      <c r="H28670" s="8">
        <v>1</v>
      </c>
      <c r="I28670" s="8">
        <v>0</v>
      </c>
      <c r="J28670" s="8">
        <v>1</v>
      </c>
      <c r="K28670" s="9">
        <v>5.29</v>
      </c>
      <c r="L28670" s="6" t="s">
        <v>51</v>
      </c>
    </row>
    <row r="28671" spans="1:12">
      <c r="A28671" s="6" t="s">
        <v>29010</v>
      </c>
      <c r="B28671" s="6"/>
      <c r="C28671" s="6" t="s">
        <v>29520</v>
      </c>
      <c r="D28671" s="6"/>
      <c r="E28671" s="6" t="s">
        <v>9</v>
      </c>
      <c r="F28671" s="7"/>
      <c r="G28671" s="8">
        <v>1</v>
      </c>
      <c r="H28671" s="8">
        <v>1</v>
      </c>
      <c r="I28671" s="8">
        <v>0</v>
      </c>
      <c r="J28671" s="8">
        <v>1</v>
      </c>
      <c r="K28671" s="9">
        <v>2.99</v>
      </c>
      <c r="L28671" s="6" t="s">
        <v>51</v>
      </c>
    </row>
    <row r="28672" spans="1:12">
      <c r="A28672" s="6" t="s">
        <v>29010</v>
      </c>
      <c r="B28672" s="6"/>
      <c r="C28672" s="6" t="s">
        <v>29521</v>
      </c>
      <c r="D28672" s="6"/>
      <c r="E28672" s="6" t="s">
        <v>9</v>
      </c>
      <c r="F28672" s="7"/>
      <c r="G28672" s="8">
        <v>1</v>
      </c>
      <c r="H28672" s="8">
        <v>1</v>
      </c>
      <c r="I28672" s="8">
        <v>0</v>
      </c>
      <c r="J28672" s="8">
        <v>1</v>
      </c>
      <c r="K28672" s="9">
        <v>5.37</v>
      </c>
      <c r="L28672" s="6" t="s">
        <v>51</v>
      </c>
    </row>
    <row r="28673" spans="1:12">
      <c r="A28673" s="6" t="s">
        <v>29010</v>
      </c>
      <c r="B28673" s="6"/>
      <c r="C28673" s="6" t="s">
        <v>29522</v>
      </c>
      <c r="D28673" s="6"/>
      <c r="E28673" s="6" t="s">
        <v>9</v>
      </c>
      <c r="F28673" s="7"/>
      <c r="G28673" s="8">
        <v>1</v>
      </c>
      <c r="H28673" s="8">
        <v>1</v>
      </c>
      <c r="I28673" s="8">
        <v>0</v>
      </c>
      <c r="J28673" s="8">
        <v>1</v>
      </c>
      <c r="K28673" s="9">
        <v>14</v>
      </c>
      <c r="L28673" s="6" t="s">
        <v>51</v>
      </c>
    </row>
    <row r="28674" spans="1:12">
      <c r="A28674" s="6" t="s">
        <v>29010</v>
      </c>
      <c r="B28674" s="6"/>
      <c r="C28674" s="6" t="s">
        <v>29523</v>
      </c>
      <c r="D28674" s="6"/>
      <c r="E28674" s="6" t="s">
        <v>9</v>
      </c>
      <c r="F28674" s="7"/>
      <c r="G28674" s="8">
        <v>1</v>
      </c>
      <c r="H28674" s="8">
        <v>1</v>
      </c>
      <c r="I28674" s="8">
        <v>0</v>
      </c>
      <c r="J28674" s="8">
        <v>1</v>
      </c>
      <c r="K28674" s="9">
        <v>4.2</v>
      </c>
      <c r="L28674" s="6" t="s">
        <v>51</v>
      </c>
    </row>
    <row r="28675" spans="1:12">
      <c r="A28675" s="6" t="s">
        <v>29010</v>
      </c>
      <c r="B28675" s="6"/>
      <c r="C28675" s="6" t="s">
        <v>29524</v>
      </c>
      <c r="D28675" s="6"/>
      <c r="E28675" s="6" t="s">
        <v>9</v>
      </c>
      <c r="F28675" s="7"/>
      <c r="G28675" s="8">
        <v>1</v>
      </c>
      <c r="H28675" s="8">
        <v>1</v>
      </c>
      <c r="I28675" s="8">
        <v>0</v>
      </c>
      <c r="J28675" s="8">
        <v>1</v>
      </c>
      <c r="K28675" s="9">
        <v>23</v>
      </c>
      <c r="L28675" s="6" t="s">
        <v>51</v>
      </c>
    </row>
    <row r="28676" spans="1:12">
      <c r="A28676" s="6" t="s">
        <v>29010</v>
      </c>
      <c r="B28676" s="6"/>
      <c r="C28676" s="6" t="s">
        <v>29525</v>
      </c>
      <c r="D28676" s="6"/>
      <c r="E28676" s="6" t="s">
        <v>9</v>
      </c>
      <c r="F28676" s="7"/>
      <c r="G28676" s="8">
        <v>1</v>
      </c>
      <c r="H28676" s="8">
        <v>1</v>
      </c>
      <c r="I28676" s="8">
        <v>0</v>
      </c>
      <c r="J28676" s="8">
        <v>1</v>
      </c>
      <c r="K28676" s="9">
        <v>11</v>
      </c>
      <c r="L28676" s="6" t="s">
        <v>51</v>
      </c>
    </row>
    <row r="28677" spans="1:12">
      <c r="A28677" s="6" t="s">
        <v>29010</v>
      </c>
      <c r="B28677" s="6"/>
      <c r="C28677" s="6" t="s">
        <v>29526</v>
      </c>
      <c r="D28677" s="6"/>
      <c r="E28677" s="6" t="s">
        <v>9</v>
      </c>
      <c r="F28677" s="7"/>
      <c r="G28677" s="8">
        <v>1</v>
      </c>
      <c r="H28677" s="8">
        <v>1</v>
      </c>
      <c r="I28677" s="8">
        <v>0</v>
      </c>
      <c r="J28677" s="8">
        <v>1</v>
      </c>
      <c r="K28677" s="9">
        <v>3.41</v>
      </c>
      <c r="L28677" s="6" t="s">
        <v>51</v>
      </c>
    </row>
    <row r="28678" spans="1:12">
      <c r="A28678" s="6" t="s">
        <v>29010</v>
      </c>
      <c r="B28678" s="6"/>
      <c r="C28678" s="6" t="s">
        <v>29527</v>
      </c>
      <c r="D28678" s="6"/>
      <c r="E28678" s="6" t="s">
        <v>9</v>
      </c>
      <c r="F28678" s="7"/>
      <c r="G28678" s="8">
        <v>1</v>
      </c>
      <c r="H28678" s="8">
        <v>1</v>
      </c>
      <c r="I28678" s="8">
        <v>0</v>
      </c>
      <c r="J28678" s="8">
        <v>1</v>
      </c>
      <c r="K28678" s="9">
        <v>2.72</v>
      </c>
      <c r="L28678" s="6" t="s">
        <v>51</v>
      </c>
    </row>
    <row r="28679" spans="1:12">
      <c r="A28679" s="6" t="s">
        <v>29010</v>
      </c>
      <c r="B28679" s="6"/>
      <c r="C28679" s="6" t="s">
        <v>29528</v>
      </c>
      <c r="D28679" s="6"/>
      <c r="E28679" s="6" t="s">
        <v>9</v>
      </c>
      <c r="F28679" s="7"/>
      <c r="G28679" s="8">
        <v>1</v>
      </c>
      <c r="H28679" s="8">
        <v>1</v>
      </c>
      <c r="I28679" s="8">
        <v>0</v>
      </c>
      <c r="J28679" s="8">
        <v>1</v>
      </c>
      <c r="K28679" s="9">
        <v>22.94</v>
      </c>
      <c r="L28679" s="6" t="s">
        <v>51</v>
      </c>
    </row>
    <row r="28680" spans="1:12">
      <c r="A28680" s="6" t="s">
        <v>29010</v>
      </c>
      <c r="B28680" s="6"/>
      <c r="C28680" s="6" t="s">
        <v>29529</v>
      </c>
      <c r="D28680" s="6"/>
      <c r="E28680" s="6" t="s">
        <v>9</v>
      </c>
      <c r="F28680" s="7"/>
      <c r="G28680" s="8">
        <v>1</v>
      </c>
      <c r="H28680" s="8">
        <v>1</v>
      </c>
      <c r="I28680" s="8">
        <v>0</v>
      </c>
      <c r="J28680" s="8">
        <v>1</v>
      </c>
      <c r="K28680" s="9">
        <v>228</v>
      </c>
      <c r="L28680" s="6" t="s">
        <v>51</v>
      </c>
    </row>
    <row r="28681" spans="1:12">
      <c r="A28681" s="6" t="s">
        <v>29010</v>
      </c>
      <c r="B28681" s="6"/>
      <c r="C28681" s="6" t="s">
        <v>29530</v>
      </c>
      <c r="D28681" s="6"/>
      <c r="E28681" s="6" t="s">
        <v>9</v>
      </c>
      <c r="F28681" s="7"/>
      <c r="G28681" s="8">
        <v>1</v>
      </c>
      <c r="H28681" s="8">
        <v>1</v>
      </c>
      <c r="I28681" s="8">
        <v>0</v>
      </c>
      <c r="J28681" s="8">
        <v>1</v>
      </c>
      <c r="K28681" s="9">
        <v>10</v>
      </c>
      <c r="L28681" s="6" t="s">
        <v>51</v>
      </c>
    </row>
    <row r="28682" spans="1:12">
      <c r="A28682" s="6" t="s">
        <v>29010</v>
      </c>
      <c r="B28682" s="6"/>
      <c r="C28682" s="6" t="s">
        <v>29531</v>
      </c>
      <c r="D28682" s="6"/>
      <c r="E28682" s="6" t="s">
        <v>9</v>
      </c>
      <c r="F28682" s="7"/>
      <c r="G28682" s="8">
        <v>1</v>
      </c>
      <c r="H28682" s="8">
        <v>1</v>
      </c>
      <c r="I28682" s="8">
        <v>0</v>
      </c>
      <c r="J28682" s="8">
        <v>1</v>
      </c>
      <c r="K28682" s="9">
        <v>22</v>
      </c>
      <c r="L28682" s="6" t="s">
        <v>51</v>
      </c>
    </row>
    <row r="28683" spans="1:12">
      <c r="A28683" s="6" t="s">
        <v>29010</v>
      </c>
      <c r="B28683" s="6"/>
      <c r="C28683" s="6" t="s">
        <v>29532</v>
      </c>
      <c r="D28683" s="6"/>
      <c r="E28683" s="6" t="s">
        <v>9</v>
      </c>
      <c r="F28683" s="7"/>
      <c r="G28683" s="8">
        <v>1</v>
      </c>
      <c r="H28683" s="8">
        <v>1</v>
      </c>
      <c r="I28683" s="8">
        <v>0</v>
      </c>
      <c r="J28683" s="8">
        <v>1</v>
      </c>
      <c r="K28683" s="9">
        <v>16</v>
      </c>
      <c r="L28683" s="6" t="s">
        <v>51</v>
      </c>
    </row>
    <row r="28684" spans="1:12">
      <c r="A28684" s="6" t="s">
        <v>29010</v>
      </c>
      <c r="B28684" s="6"/>
      <c r="C28684" s="6" t="s">
        <v>29533</v>
      </c>
      <c r="D28684" s="6"/>
      <c r="E28684" s="6" t="s">
        <v>9</v>
      </c>
      <c r="F28684" s="7"/>
      <c r="G28684" s="8">
        <v>1</v>
      </c>
      <c r="H28684" s="8">
        <v>1</v>
      </c>
      <c r="I28684" s="8">
        <v>0</v>
      </c>
      <c r="J28684" s="8">
        <v>1</v>
      </c>
      <c r="K28684" s="9">
        <v>10</v>
      </c>
      <c r="L28684" s="6" t="s">
        <v>51</v>
      </c>
    </row>
    <row r="28685" spans="1:12">
      <c r="A28685" s="6" t="s">
        <v>29010</v>
      </c>
      <c r="B28685" s="6"/>
      <c r="C28685" s="6" t="s">
        <v>29534</v>
      </c>
      <c r="D28685" s="6"/>
      <c r="E28685" s="6" t="s">
        <v>9</v>
      </c>
      <c r="F28685" s="7"/>
      <c r="G28685" s="8">
        <v>1</v>
      </c>
      <c r="H28685" s="8">
        <v>1</v>
      </c>
      <c r="I28685" s="8">
        <v>0</v>
      </c>
      <c r="J28685" s="8">
        <v>1</v>
      </c>
      <c r="K28685" s="9">
        <v>40</v>
      </c>
      <c r="L28685" s="6" t="s">
        <v>51</v>
      </c>
    </row>
    <row r="28686" spans="1:12">
      <c r="A28686" s="6" t="s">
        <v>29010</v>
      </c>
      <c r="B28686" s="6"/>
      <c r="C28686" s="6" t="s">
        <v>29535</v>
      </c>
      <c r="D28686" s="6"/>
      <c r="E28686" s="6" t="s">
        <v>9</v>
      </c>
      <c r="F28686" s="7"/>
      <c r="G28686" s="8">
        <v>1</v>
      </c>
      <c r="H28686" s="8">
        <v>1</v>
      </c>
      <c r="I28686" s="8">
        <v>0</v>
      </c>
      <c r="J28686" s="8">
        <v>1</v>
      </c>
      <c r="K28686" s="9">
        <v>43.33</v>
      </c>
      <c r="L28686" s="6" t="s">
        <v>51</v>
      </c>
    </row>
    <row r="28687" spans="1:12">
      <c r="A28687" s="6" t="s">
        <v>29010</v>
      </c>
      <c r="B28687" s="6"/>
      <c r="C28687" s="6" t="s">
        <v>29536</v>
      </c>
      <c r="D28687" s="6"/>
      <c r="E28687" s="6" t="s">
        <v>9</v>
      </c>
      <c r="F28687" s="7"/>
      <c r="G28687" s="8">
        <v>1</v>
      </c>
      <c r="H28687" s="8">
        <v>1</v>
      </c>
      <c r="I28687" s="8">
        <v>0</v>
      </c>
      <c r="J28687" s="8">
        <v>1</v>
      </c>
      <c r="K28687" s="9">
        <v>36.049999999999898</v>
      </c>
      <c r="L28687" s="6" t="s">
        <v>51</v>
      </c>
    </row>
    <row r="28688" spans="1:12">
      <c r="A28688" s="6" t="s">
        <v>29010</v>
      </c>
      <c r="B28688" s="6"/>
      <c r="C28688" s="6" t="s">
        <v>29537</v>
      </c>
      <c r="D28688" s="6"/>
      <c r="E28688" s="6" t="s">
        <v>9</v>
      </c>
      <c r="F28688" s="7"/>
      <c r="G28688" s="8">
        <v>1</v>
      </c>
      <c r="H28688" s="8">
        <v>1</v>
      </c>
      <c r="I28688" s="8">
        <v>0</v>
      </c>
      <c r="J28688" s="8">
        <v>1</v>
      </c>
      <c r="K28688" s="9">
        <v>49.96</v>
      </c>
      <c r="L28688" s="6" t="s">
        <v>51</v>
      </c>
    </row>
    <row r="28689" spans="1:12">
      <c r="A28689" s="6" t="s">
        <v>29010</v>
      </c>
      <c r="B28689" s="6"/>
      <c r="C28689" s="6" t="s">
        <v>29538</v>
      </c>
      <c r="D28689" s="6"/>
      <c r="E28689" s="6" t="s">
        <v>9</v>
      </c>
      <c r="F28689" s="7"/>
      <c r="G28689" s="8">
        <v>1</v>
      </c>
      <c r="H28689" s="8">
        <v>1</v>
      </c>
      <c r="I28689" s="8">
        <v>0</v>
      </c>
      <c r="J28689" s="8">
        <v>1</v>
      </c>
      <c r="K28689" s="9">
        <v>7.69</v>
      </c>
      <c r="L28689" s="6" t="s">
        <v>51</v>
      </c>
    </row>
    <row r="28690" spans="1:12">
      <c r="A28690" s="6" t="s">
        <v>29010</v>
      </c>
      <c r="B28690" s="6"/>
      <c r="C28690" s="6" t="s">
        <v>29539</v>
      </c>
      <c r="D28690" s="6"/>
      <c r="E28690" s="6" t="s">
        <v>9</v>
      </c>
      <c r="F28690" s="7"/>
      <c r="G28690" s="8">
        <v>1</v>
      </c>
      <c r="H28690" s="8">
        <v>1</v>
      </c>
      <c r="I28690" s="8">
        <v>0</v>
      </c>
      <c r="J28690" s="8">
        <v>1</v>
      </c>
      <c r="K28690" s="9">
        <v>9.1</v>
      </c>
      <c r="L28690" s="6" t="s">
        <v>51</v>
      </c>
    </row>
    <row r="28691" spans="1:12">
      <c r="A28691" s="6" t="s">
        <v>29010</v>
      </c>
      <c r="B28691" s="6"/>
      <c r="C28691" s="6" t="s">
        <v>29540</v>
      </c>
      <c r="D28691" s="6"/>
      <c r="E28691" s="6" t="s">
        <v>9</v>
      </c>
      <c r="F28691" s="7"/>
      <c r="G28691" s="8">
        <v>1</v>
      </c>
      <c r="H28691" s="8">
        <v>1</v>
      </c>
      <c r="I28691" s="8">
        <v>0</v>
      </c>
      <c r="J28691" s="8">
        <v>1</v>
      </c>
      <c r="K28691" s="9">
        <v>19</v>
      </c>
      <c r="L28691" s="6" t="s">
        <v>51</v>
      </c>
    </row>
    <row r="28692" spans="1:12">
      <c r="A28692" s="6" t="s">
        <v>29010</v>
      </c>
      <c r="B28692" s="6"/>
      <c r="C28692" s="6" t="s">
        <v>29541</v>
      </c>
      <c r="D28692" s="6"/>
      <c r="E28692" s="6" t="s">
        <v>9</v>
      </c>
      <c r="F28692" s="7"/>
      <c r="G28692" s="8">
        <v>1</v>
      </c>
      <c r="H28692" s="8">
        <v>1</v>
      </c>
      <c r="I28692" s="8">
        <v>0</v>
      </c>
      <c r="J28692" s="8">
        <v>1</v>
      </c>
      <c r="K28692" s="9">
        <v>3.76</v>
      </c>
      <c r="L28692" s="6" t="s">
        <v>51</v>
      </c>
    </row>
    <row r="28693" spans="1:12">
      <c r="A28693" s="6" t="s">
        <v>29010</v>
      </c>
      <c r="B28693" s="6"/>
      <c r="C28693" s="6" t="s">
        <v>29542</v>
      </c>
      <c r="D28693" s="6"/>
      <c r="E28693" s="6" t="s">
        <v>9</v>
      </c>
      <c r="F28693" s="7"/>
      <c r="G28693" s="8">
        <v>1</v>
      </c>
      <c r="H28693" s="8">
        <v>1</v>
      </c>
      <c r="I28693" s="8">
        <v>0</v>
      </c>
      <c r="J28693" s="8">
        <v>1</v>
      </c>
      <c r="K28693" s="9">
        <v>8.35</v>
      </c>
      <c r="L28693" s="6" t="s">
        <v>51</v>
      </c>
    </row>
    <row r="28694" spans="1:12">
      <c r="A28694" s="6" t="s">
        <v>29010</v>
      </c>
      <c r="B28694" s="6"/>
      <c r="C28694" s="6" t="s">
        <v>29543</v>
      </c>
      <c r="D28694" s="6"/>
      <c r="E28694" s="6" t="s">
        <v>9</v>
      </c>
      <c r="F28694" s="7"/>
      <c r="G28694" s="8">
        <v>1</v>
      </c>
      <c r="H28694" s="8">
        <v>1</v>
      </c>
      <c r="I28694" s="8">
        <v>0</v>
      </c>
      <c r="J28694" s="8">
        <v>1</v>
      </c>
      <c r="K28694" s="9">
        <v>8.4</v>
      </c>
      <c r="L28694" s="6" t="s">
        <v>51</v>
      </c>
    </row>
    <row r="28695" spans="1:12">
      <c r="A28695" s="6" t="s">
        <v>29010</v>
      </c>
      <c r="B28695" s="6"/>
      <c r="C28695" s="6" t="s">
        <v>29544</v>
      </c>
      <c r="D28695" s="6"/>
      <c r="E28695" s="6" t="s">
        <v>9</v>
      </c>
      <c r="F28695" s="7"/>
      <c r="G28695" s="8">
        <v>1</v>
      </c>
      <c r="H28695" s="8">
        <v>1</v>
      </c>
      <c r="I28695" s="8">
        <v>0</v>
      </c>
      <c r="J28695" s="8">
        <v>1</v>
      </c>
      <c r="K28695" s="9">
        <v>158.66999999999899</v>
      </c>
      <c r="L28695" s="6" t="s">
        <v>51</v>
      </c>
    </row>
    <row r="28696" spans="1:12">
      <c r="A28696" s="6" t="s">
        <v>29010</v>
      </c>
      <c r="B28696" s="6"/>
      <c r="C28696" s="6" t="s">
        <v>29545</v>
      </c>
      <c r="D28696" s="6"/>
      <c r="E28696" s="6" t="s">
        <v>9</v>
      </c>
      <c r="F28696" s="7"/>
      <c r="G28696" s="8">
        <v>1</v>
      </c>
      <c r="H28696" s="8">
        <v>1</v>
      </c>
      <c r="I28696" s="8">
        <v>0</v>
      </c>
      <c r="J28696" s="8">
        <v>1</v>
      </c>
      <c r="K28696" s="9">
        <v>3.3</v>
      </c>
      <c r="L28696" s="6" t="s">
        <v>51</v>
      </c>
    </row>
    <row r="28697" spans="1:12">
      <c r="A28697" s="6" t="s">
        <v>29010</v>
      </c>
      <c r="B28697" s="6"/>
      <c r="C28697" s="6" t="s">
        <v>29546</v>
      </c>
      <c r="D28697" s="6"/>
      <c r="E28697" s="6" t="s">
        <v>9</v>
      </c>
      <c r="F28697" s="7"/>
      <c r="G28697" s="8">
        <v>1</v>
      </c>
      <c r="H28697" s="8">
        <v>1</v>
      </c>
      <c r="I28697" s="8">
        <v>0</v>
      </c>
      <c r="J28697" s="8">
        <v>1</v>
      </c>
      <c r="K28697" s="9">
        <v>1.26</v>
      </c>
      <c r="L28697" s="6" t="s">
        <v>51</v>
      </c>
    </row>
    <row r="28698" spans="1:12">
      <c r="A28698" s="6" t="s">
        <v>29010</v>
      </c>
      <c r="B28698" s="6"/>
      <c r="C28698" s="6" t="s">
        <v>29547</v>
      </c>
      <c r="D28698" s="6"/>
      <c r="E28698" s="6" t="s">
        <v>9</v>
      </c>
      <c r="F28698" s="7"/>
      <c r="G28698" s="8">
        <v>1</v>
      </c>
      <c r="H28698" s="8">
        <v>1</v>
      </c>
      <c r="I28698" s="8">
        <v>0</v>
      </c>
      <c r="J28698" s="8">
        <v>1</v>
      </c>
      <c r="K28698" s="9">
        <v>3.3</v>
      </c>
      <c r="L28698" s="6" t="s">
        <v>51</v>
      </c>
    </row>
    <row r="28699" spans="1:12">
      <c r="A28699" s="6" t="s">
        <v>29010</v>
      </c>
      <c r="B28699" s="6"/>
      <c r="C28699" s="6" t="s">
        <v>29548</v>
      </c>
      <c r="D28699" s="6"/>
      <c r="E28699" s="6" t="s">
        <v>9</v>
      </c>
      <c r="F28699" s="7"/>
      <c r="G28699" s="8">
        <v>1</v>
      </c>
      <c r="H28699" s="8">
        <v>1</v>
      </c>
      <c r="I28699" s="8">
        <v>0</v>
      </c>
      <c r="J28699" s="8">
        <v>1</v>
      </c>
      <c r="K28699" s="9">
        <v>60</v>
      </c>
      <c r="L28699" s="6" t="s">
        <v>51</v>
      </c>
    </row>
    <row r="28700" spans="1:12">
      <c r="A28700" s="6" t="s">
        <v>29010</v>
      </c>
      <c r="B28700" s="6"/>
      <c r="C28700" s="6" t="s">
        <v>29549</v>
      </c>
      <c r="D28700" s="6"/>
      <c r="E28700" s="6" t="s">
        <v>9</v>
      </c>
      <c r="F28700" s="7"/>
      <c r="G28700" s="8">
        <v>1</v>
      </c>
      <c r="H28700" s="8">
        <v>1</v>
      </c>
      <c r="I28700" s="8">
        <v>0</v>
      </c>
      <c r="J28700" s="8">
        <v>1</v>
      </c>
      <c r="K28700" s="9">
        <v>74</v>
      </c>
      <c r="L28700" s="6" t="s">
        <v>51</v>
      </c>
    </row>
    <row r="28701" spans="1:12">
      <c r="A28701" s="6" t="s">
        <v>29010</v>
      </c>
      <c r="B28701" s="6"/>
      <c r="C28701" s="6" t="s">
        <v>29550</v>
      </c>
      <c r="D28701" s="6"/>
      <c r="E28701" s="6" t="s">
        <v>9</v>
      </c>
      <c r="F28701" s="7"/>
      <c r="G28701" s="8">
        <v>1</v>
      </c>
      <c r="H28701" s="8">
        <v>1</v>
      </c>
      <c r="I28701" s="8">
        <v>0</v>
      </c>
      <c r="J28701" s="8">
        <v>1</v>
      </c>
      <c r="K28701" s="9">
        <v>15</v>
      </c>
      <c r="L28701" s="6" t="s">
        <v>51</v>
      </c>
    </row>
    <row r="28702" spans="1:12">
      <c r="A28702" s="6" t="s">
        <v>29010</v>
      </c>
      <c r="B28702" s="6"/>
      <c r="C28702" s="6" t="s">
        <v>29551</v>
      </c>
      <c r="D28702" s="6"/>
      <c r="E28702" s="6" t="s">
        <v>9</v>
      </c>
      <c r="F28702" s="7"/>
      <c r="G28702" s="8">
        <v>1</v>
      </c>
      <c r="H28702" s="8">
        <v>1</v>
      </c>
      <c r="I28702" s="8">
        <v>0</v>
      </c>
      <c r="J28702" s="8">
        <v>1</v>
      </c>
      <c r="K28702" s="9">
        <v>330</v>
      </c>
      <c r="L28702" s="6" t="s">
        <v>51</v>
      </c>
    </row>
    <row r="28703" spans="1:12">
      <c r="A28703" s="6" t="s">
        <v>29010</v>
      </c>
      <c r="B28703" s="6"/>
      <c r="C28703" s="6" t="s">
        <v>29552</v>
      </c>
      <c r="D28703" s="6"/>
      <c r="E28703" s="6" t="s">
        <v>9</v>
      </c>
      <c r="F28703" s="7"/>
      <c r="G28703" s="8">
        <v>1</v>
      </c>
      <c r="H28703" s="8">
        <v>1</v>
      </c>
      <c r="I28703" s="8">
        <v>0</v>
      </c>
      <c r="J28703" s="8">
        <v>1</v>
      </c>
      <c r="K28703" s="9">
        <v>5.28</v>
      </c>
      <c r="L28703" s="6" t="s">
        <v>51</v>
      </c>
    </row>
    <row r="28704" spans="1:12">
      <c r="A28704" s="6" t="s">
        <v>29010</v>
      </c>
      <c r="B28704" s="6"/>
      <c r="C28704" s="6" t="s">
        <v>29553</v>
      </c>
      <c r="D28704" s="6"/>
      <c r="E28704" s="6" t="s">
        <v>9</v>
      </c>
      <c r="F28704" s="7"/>
      <c r="G28704" s="8">
        <v>1</v>
      </c>
      <c r="H28704" s="8">
        <v>1</v>
      </c>
      <c r="I28704" s="8">
        <v>0</v>
      </c>
      <c r="J28704" s="8">
        <v>1</v>
      </c>
      <c r="K28704" s="9">
        <v>7.1</v>
      </c>
      <c r="L28704" s="6" t="s">
        <v>51</v>
      </c>
    </row>
    <row r="28705" spans="1:12">
      <c r="A28705" s="6" t="s">
        <v>29010</v>
      </c>
      <c r="B28705" s="6"/>
      <c r="C28705" s="6" t="s">
        <v>29554</v>
      </c>
      <c r="D28705" s="6"/>
      <c r="E28705" s="6" t="s">
        <v>9</v>
      </c>
      <c r="F28705" s="7"/>
      <c r="G28705" s="8">
        <v>1</v>
      </c>
      <c r="H28705" s="8">
        <v>1</v>
      </c>
      <c r="I28705" s="8">
        <v>0</v>
      </c>
      <c r="J28705" s="8">
        <v>1</v>
      </c>
      <c r="K28705" s="9">
        <v>46</v>
      </c>
      <c r="L28705" s="6" t="s">
        <v>51</v>
      </c>
    </row>
    <row r="28706" spans="1:12">
      <c r="A28706" s="6" t="s">
        <v>29010</v>
      </c>
      <c r="B28706" s="6"/>
      <c r="C28706" s="6" t="s">
        <v>29555</v>
      </c>
      <c r="D28706" s="6"/>
      <c r="E28706" s="6" t="s">
        <v>9</v>
      </c>
      <c r="F28706" s="7"/>
      <c r="G28706" s="8">
        <v>1</v>
      </c>
      <c r="H28706" s="8">
        <v>1</v>
      </c>
      <c r="I28706" s="8">
        <v>0</v>
      </c>
      <c r="J28706" s="8">
        <v>1</v>
      </c>
      <c r="K28706" s="9">
        <v>11</v>
      </c>
      <c r="L28706" s="6" t="s">
        <v>51</v>
      </c>
    </row>
    <row r="28707" spans="1:12">
      <c r="A28707" s="6" t="s">
        <v>29010</v>
      </c>
      <c r="B28707" s="6"/>
      <c r="C28707" s="6" t="s">
        <v>29556</v>
      </c>
      <c r="D28707" s="6"/>
      <c r="E28707" s="6" t="s">
        <v>9</v>
      </c>
      <c r="F28707" s="7"/>
      <c r="G28707" s="8">
        <v>1</v>
      </c>
      <c r="H28707" s="8">
        <v>1</v>
      </c>
      <c r="I28707" s="8">
        <v>0</v>
      </c>
      <c r="J28707" s="8">
        <v>1</v>
      </c>
      <c r="K28707" s="9">
        <v>33</v>
      </c>
      <c r="L28707" s="6" t="s">
        <v>51</v>
      </c>
    </row>
    <row r="28708" spans="1:12">
      <c r="A28708" s="6" t="s">
        <v>29010</v>
      </c>
      <c r="B28708" s="6"/>
      <c r="C28708" s="6" t="s">
        <v>29557</v>
      </c>
      <c r="D28708" s="6"/>
      <c r="E28708" s="6" t="s">
        <v>9</v>
      </c>
      <c r="F28708" s="7"/>
      <c r="G28708" s="8">
        <v>1</v>
      </c>
      <c r="H28708" s="8">
        <v>1</v>
      </c>
      <c r="I28708" s="8">
        <v>0</v>
      </c>
      <c r="J28708" s="8">
        <v>1</v>
      </c>
      <c r="K28708" s="9">
        <v>20</v>
      </c>
      <c r="L28708" s="6" t="s">
        <v>51</v>
      </c>
    </row>
    <row r="28709" spans="1:12">
      <c r="A28709" s="6" t="s">
        <v>29010</v>
      </c>
      <c r="B28709" s="6"/>
      <c r="C28709" s="6" t="s">
        <v>29558</v>
      </c>
      <c r="D28709" s="6"/>
      <c r="E28709" s="6" t="s">
        <v>9</v>
      </c>
      <c r="F28709" s="7"/>
      <c r="G28709" s="8">
        <v>1</v>
      </c>
      <c r="H28709" s="8">
        <v>1</v>
      </c>
      <c r="I28709" s="8">
        <v>0</v>
      </c>
      <c r="J28709" s="8">
        <v>1</v>
      </c>
      <c r="K28709" s="9">
        <v>22</v>
      </c>
      <c r="L28709" s="6" t="s">
        <v>51</v>
      </c>
    </row>
    <row r="28710" spans="1:12">
      <c r="A28710" s="6" t="s">
        <v>29010</v>
      </c>
      <c r="B28710" s="6"/>
      <c r="C28710" s="6" t="s">
        <v>29559</v>
      </c>
      <c r="D28710" s="6"/>
      <c r="E28710" s="6" t="s">
        <v>9</v>
      </c>
      <c r="F28710" s="7"/>
      <c r="G28710" s="8">
        <v>1</v>
      </c>
      <c r="H28710" s="8">
        <v>1</v>
      </c>
      <c r="I28710" s="8">
        <v>0</v>
      </c>
      <c r="J28710" s="8">
        <v>1</v>
      </c>
      <c r="K28710" s="9">
        <v>42</v>
      </c>
      <c r="L28710" s="6" t="s">
        <v>51</v>
      </c>
    </row>
    <row r="28711" spans="1:12">
      <c r="A28711" s="6" t="s">
        <v>29010</v>
      </c>
      <c r="B28711" s="6"/>
      <c r="C28711" s="6" t="s">
        <v>29560</v>
      </c>
      <c r="D28711" s="6"/>
      <c r="E28711" s="6" t="s">
        <v>9</v>
      </c>
      <c r="F28711" s="7"/>
      <c r="G28711" s="8">
        <v>1</v>
      </c>
      <c r="H28711" s="8">
        <v>1</v>
      </c>
      <c r="I28711" s="8">
        <v>0</v>
      </c>
      <c r="J28711" s="8">
        <v>1</v>
      </c>
      <c r="K28711" s="9">
        <v>3.32</v>
      </c>
      <c r="L28711" s="6" t="s">
        <v>51</v>
      </c>
    </row>
    <row r="28712" spans="1:12">
      <c r="A28712" s="6" t="s">
        <v>29010</v>
      </c>
      <c r="B28712" s="6"/>
      <c r="C28712" s="6" t="s">
        <v>29561</v>
      </c>
      <c r="D28712" s="6"/>
      <c r="E28712" s="6" t="s">
        <v>9</v>
      </c>
      <c r="F28712" s="7"/>
      <c r="G28712" s="8">
        <v>1</v>
      </c>
      <c r="H28712" s="8">
        <v>1</v>
      </c>
      <c r="I28712" s="8">
        <v>0</v>
      </c>
      <c r="J28712" s="8">
        <v>1</v>
      </c>
      <c r="K28712" s="9">
        <v>3.4</v>
      </c>
      <c r="L28712" s="6" t="s">
        <v>51</v>
      </c>
    </row>
    <row r="28713" spans="1:12">
      <c r="A28713" s="6" t="s">
        <v>29010</v>
      </c>
      <c r="B28713" s="6"/>
      <c r="C28713" s="6" t="s">
        <v>29562</v>
      </c>
      <c r="D28713" s="6"/>
      <c r="E28713" s="6" t="s">
        <v>9</v>
      </c>
      <c r="F28713" s="7"/>
      <c r="G28713" s="8">
        <v>1</v>
      </c>
      <c r="H28713" s="8">
        <v>1</v>
      </c>
      <c r="I28713" s="8">
        <v>0</v>
      </c>
      <c r="J28713" s="8">
        <v>1</v>
      </c>
      <c r="K28713" s="9">
        <v>894</v>
      </c>
      <c r="L28713" s="6" t="s">
        <v>51</v>
      </c>
    </row>
    <row r="28714" spans="1:12">
      <c r="A28714" s="6" t="s">
        <v>29010</v>
      </c>
      <c r="B28714" s="6"/>
      <c r="C28714" s="6" t="s">
        <v>29563</v>
      </c>
      <c r="D28714" s="6"/>
      <c r="E28714" s="6" t="s">
        <v>9</v>
      </c>
      <c r="F28714" s="7"/>
      <c r="G28714" s="8">
        <v>1</v>
      </c>
      <c r="H28714" s="8">
        <v>1</v>
      </c>
      <c r="I28714" s="8">
        <v>0</v>
      </c>
      <c r="J28714" s="8">
        <v>1</v>
      </c>
      <c r="K28714" s="9">
        <v>19</v>
      </c>
      <c r="L28714" s="6" t="s">
        <v>51</v>
      </c>
    </row>
    <row r="28715" spans="1:12">
      <c r="A28715" s="6" t="s">
        <v>29010</v>
      </c>
      <c r="B28715" s="6"/>
      <c r="C28715" s="6" t="s">
        <v>29564</v>
      </c>
      <c r="D28715" s="6"/>
      <c r="E28715" s="6" t="s">
        <v>9</v>
      </c>
      <c r="F28715" s="7"/>
      <c r="G28715" s="8">
        <v>1</v>
      </c>
      <c r="H28715" s="8">
        <v>1</v>
      </c>
      <c r="I28715" s="8">
        <v>0</v>
      </c>
      <c r="J28715" s="8">
        <v>1</v>
      </c>
      <c r="K28715" s="9">
        <v>19</v>
      </c>
      <c r="L28715" s="6" t="s">
        <v>51</v>
      </c>
    </row>
    <row r="28716" spans="1:12">
      <c r="A28716" s="6" t="s">
        <v>29010</v>
      </c>
      <c r="B28716" s="6"/>
      <c r="C28716" s="6" t="s">
        <v>29565</v>
      </c>
      <c r="D28716" s="6"/>
      <c r="E28716" s="6" t="s">
        <v>9</v>
      </c>
      <c r="F28716" s="7"/>
      <c r="G28716" s="8">
        <v>1</v>
      </c>
      <c r="H28716" s="8">
        <v>1</v>
      </c>
      <c r="I28716" s="8">
        <v>0</v>
      </c>
      <c r="J28716" s="8">
        <v>1</v>
      </c>
      <c r="K28716" s="9">
        <v>28</v>
      </c>
      <c r="L28716" s="6" t="s">
        <v>51</v>
      </c>
    </row>
    <row r="28717" spans="1:12">
      <c r="A28717" s="6" t="s">
        <v>29010</v>
      </c>
      <c r="B28717" s="6"/>
      <c r="C28717" s="6" t="s">
        <v>29566</v>
      </c>
      <c r="D28717" s="6"/>
      <c r="E28717" s="6" t="s">
        <v>9</v>
      </c>
      <c r="F28717" s="7"/>
      <c r="G28717" s="8">
        <v>1</v>
      </c>
      <c r="H28717" s="8">
        <v>1</v>
      </c>
      <c r="I28717" s="8">
        <v>0</v>
      </c>
      <c r="J28717" s="8">
        <v>1</v>
      </c>
      <c r="K28717" s="9">
        <v>20</v>
      </c>
      <c r="L28717" s="6" t="s">
        <v>51</v>
      </c>
    </row>
    <row r="28718" spans="1:12">
      <c r="A28718" s="6" t="s">
        <v>29010</v>
      </c>
      <c r="B28718" s="6"/>
      <c r="C28718" s="6" t="s">
        <v>29567</v>
      </c>
      <c r="D28718" s="6"/>
      <c r="E28718" s="6" t="s">
        <v>9</v>
      </c>
      <c r="F28718" s="7"/>
      <c r="G28718" s="8">
        <v>1</v>
      </c>
      <c r="H28718" s="8">
        <v>1</v>
      </c>
      <c r="I28718" s="8">
        <v>0</v>
      </c>
      <c r="J28718" s="8">
        <v>1</v>
      </c>
      <c r="K28718" s="9">
        <v>24</v>
      </c>
      <c r="L28718" s="6" t="s">
        <v>51</v>
      </c>
    </row>
    <row r="28719" spans="1:12">
      <c r="A28719" s="6" t="s">
        <v>29010</v>
      </c>
      <c r="B28719" s="6"/>
      <c r="C28719" s="6" t="s">
        <v>29568</v>
      </c>
      <c r="D28719" s="6"/>
      <c r="E28719" s="6" t="s">
        <v>9</v>
      </c>
      <c r="F28719" s="7"/>
      <c r="G28719" s="8">
        <v>1</v>
      </c>
      <c r="H28719" s="8">
        <v>1</v>
      </c>
      <c r="I28719" s="8">
        <v>0</v>
      </c>
      <c r="J28719" s="8">
        <v>1</v>
      </c>
      <c r="K28719" s="9">
        <v>35</v>
      </c>
      <c r="L28719" s="6" t="s">
        <v>51</v>
      </c>
    </row>
    <row r="28720" spans="1:12">
      <c r="A28720" s="6" t="s">
        <v>29010</v>
      </c>
      <c r="B28720" s="6"/>
      <c r="C28720" s="6" t="s">
        <v>29569</v>
      </c>
      <c r="D28720" s="6"/>
      <c r="E28720" s="6" t="s">
        <v>9</v>
      </c>
      <c r="F28720" s="7"/>
      <c r="G28720" s="8">
        <v>1</v>
      </c>
      <c r="H28720" s="8">
        <v>1</v>
      </c>
      <c r="I28720" s="8">
        <v>0</v>
      </c>
      <c r="J28720" s="8">
        <v>1</v>
      </c>
      <c r="K28720" s="9">
        <v>17</v>
      </c>
      <c r="L28720" s="6" t="s">
        <v>51</v>
      </c>
    </row>
    <row r="28721" spans="1:12">
      <c r="A28721" s="6" t="s">
        <v>29010</v>
      </c>
      <c r="B28721" s="6"/>
      <c r="C28721" s="6" t="s">
        <v>29570</v>
      </c>
      <c r="D28721" s="6"/>
      <c r="E28721" s="6" t="s">
        <v>9</v>
      </c>
      <c r="F28721" s="7"/>
      <c r="G28721" s="8">
        <v>1</v>
      </c>
      <c r="H28721" s="8">
        <v>1</v>
      </c>
      <c r="I28721" s="8">
        <v>0</v>
      </c>
      <c r="J28721" s="8">
        <v>1</v>
      </c>
      <c r="K28721" s="9">
        <v>1.4</v>
      </c>
      <c r="L28721" s="6" t="s">
        <v>51</v>
      </c>
    </row>
    <row r="28722" spans="1:12">
      <c r="A28722" s="6" t="s">
        <v>29010</v>
      </c>
      <c r="B28722" s="6"/>
      <c r="C28722" s="6" t="s">
        <v>29571</v>
      </c>
      <c r="D28722" s="6"/>
      <c r="E28722" s="6" t="s">
        <v>9</v>
      </c>
      <c r="F28722" s="7"/>
      <c r="G28722" s="8">
        <v>1</v>
      </c>
      <c r="H28722" s="8">
        <v>1</v>
      </c>
      <c r="I28722" s="8">
        <v>0</v>
      </c>
      <c r="J28722" s="8">
        <v>1</v>
      </c>
      <c r="K28722" s="9">
        <v>0.87</v>
      </c>
      <c r="L28722" s="6" t="s">
        <v>51</v>
      </c>
    </row>
    <row r="28723" spans="1:12">
      <c r="A28723" s="6" t="s">
        <v>29010</v>
      </c>
      <c r="B28723" s="6"/>
      <c r="C28723" s="6" t="s">
        <v>29572</v>
      </c>
      <c r="D28723" s="6"/>
      <c r="E28723" s="6" t="s">
        <v>9</v>
      </c>
      <c r="F28723" s="7"/>
      <c r="G28723" s="8">
        <v>1</v>
      </c>
      <c r="H28723" s="8">
        <v>1</v>
      </c>
      <c r="I28723" s="8">
        <v>0</v>
      </c>
      <c r="J28723" s="8">
        <v>1</v>
      </c>
      <c r="K28723" s="9">
        <v>762</v>
      </c>
      <c r="L28723" s="6" t="s">
        <v>51</v>
      </c>
    </row>
    <row r="28724" spans="1:12">
      <c r="A28724" s="6" t="s">
        <v>29010</v>
      </c>
      <c r="B28724" s="6"/>
      <c r="C28724" s="6" t="s">
        <v>29573</v>
      </c>
      <c r="D28724" s="6"/>
      <c r="E28724" s="6" t="s">
        <v>9</v>
      </c>
      <c r="F28724" s="7"/>
      <c r="G28724" s="8">
        <v>1</v>
      </c>
      <c r="H28724" s="8">
        <v>1</v>
      </c>
      <c r="I28724" s="8">
        <v>0</v>
      </c>
      <c r="J28724" s="8">
        <v>1</v>
      </c>
      <c r="K28724" s="9">
        <v>110</v>
      </c>
      <c r="L28724" s="6" t="s">
        <v>51</v>
      </c>
    </row>
    <row r="28725" spans="1:12">
      <c r="A28725" s="6" t="s">
        <v>29010</v>
      </c>
      <c r="B28725" s="6"/>
      <c r="C28725" s="6" t="s">
        <v>29574</v>
      </c>
      <c r="D28725" s="6"/>
      <c r="E28725" s="6" t="s">
        <v>9</v>
      </c>
      <c r="F28725" s="7"/>
      <c r="G28725" s="8">
        <v>1</v>
      </c>
      <c r="H28725" s="8">
        <v>1</v>
      </c>
      <c r="I28725" s="8">
        <v>0</v>
      </c>
      <c r="J28725" s="8">
        <v>1</v>
      </c>
      <c r="K28725" s="9">
        <v>327</v>
      </c>
      <c r="L28725" s="6" t="s">
        <v>51</v>
      </c>
    </row>
    <row r="28726" spans="1:12">
      <c r="A28726" s="6" t="s">
        <v>29010</v>
      </c>
      <c r="B28726" s="6"/>
      <c r="C28726" s="6" t="s">
        <v>29575</v>
      </c>
      <c r="D28726" s="6"/>
      <c r="E28726" s="6" t="s">
        <v>9</v>
      </c>
      <c r="F28726" s="7"/>
      <c r="G28726" s="8">
        <v>1</v>
      </c>
      <c r="H28726" s="8">
        <v>1</v>
      </c>
      <c r="I28726" s="8">
        <v>0</v>
      </c>
      <c r="J28726" s="8">
        <v>1</v>
      </c>
      <c r="K28726" s="9">
        <v>36</v>
      </c>
      <c r="L28726" s="6" t="s">
        <v>51</v>
      </c>
    </row>
    <row r="28727" spans="1:12">
      <c r="A28727" s="6" t="s">
        <v>29010</v>
      </c>
      <c r="B28727" s="6"/>
      <c r="C28727" s="6" t="s">
        <v>29576</v>
      </c>
      <c r="D28727" s="6"/>
      <c r="E28727" s="6" t="s">
        <v>9</v>
      </c>
      <c r="F28727" s="7"/>
      <c r="G28727" s="8">
        <v>1</v>
      </c>
      <c r="H28727" s="8">
        <v>1</v>
      </c>
      <c r="I28727" s="8">
        <v>0</v>
      </c>
      <c r="J28727" s="8">
        <v>1</v>
      </c>
      <c r="K28727" s="9">
        <v>17</v>
      </c>
      <c r="L28727" s="6" t="s">
        <v>51</v>
      </c>
    </row>
    <row r="28728" spans="1:12">
      <c r="A28728" s="6" t="s">
        <v>29010</v>
      </c>
      <c r="B28728" s="6"/>
      <c r="C28728" s="6" t="s">
        <v>29577</v>
      </c>
      <c r="D28728" s="6"/>
      <c r="E28728" s="6" t="s">
        <v>9</v>
      </c>
      <c r="F28728" s="7"/>
      <c r="G28728" s="8">
        <v>1</v>
      </c>
      <c r="H28728" s="8">
        <v>1</v>
      </c>
      <c r="I28728" s="8">
        <v>0</v>
      </c>
      <c r="J28728" s="8">
        <v>1</v>
      </c>
      <c r="K28728" s="9">
        <v>32</v>
      </c>
      <c r="L28728" s="6" t="s">
        <v>51</v>
      </c>
    </row>
    <row r="28729" spans="1:12">
      <c r="A28729" s="6" t="s">
        <v>29010</v>
      </c>
      <c r="B28729" s="6"/>
      <c r="C28729" s="6" t="s">
        <v>29578</v>
      </c>
      <c r="D28729" s="6"/>
      <c r="E28729" s="6" t="s">
        <v>9</v>
      </c>
      <c r="F28729" s="7"/>
      <c r="G28729" s="8">
        <v>1</v>
      </c>
      <c r="H28729" s="8">
        <v>1</v>
      </c>
      <c r="I28729" s="8">
        <v>0</v>
      </c>
      <c r="J28729" s="8">
        <v>1</v>
      </c>
      <c r="K28729" s="9">
        <v>34</v>
      </c>
      <c r="L28729" s="6" t="s">
        <v>51</v>
      </c>
    </row>
    <row r="28730" spans="1:12">
      <c r="A28730" s="6" t="s">
        <v>29010</v>
      </c>
      <c r="B28730" s="6"/>
      <c r="C28730" s="6" t="s">
        <v>29579</v>
      </c>
      <c r="D28730" s="6"/>
      <c r="E28730" s="6" t="s">
        <v>9</v>
      </c>
      <c r="F28730" s="7"/>
      <c r="G28730" s="8">
        <v>1</v>
      </c>
      <c r="H28730" s="8">
        <v>1</v>
      </c>
      <c r="I28730" s="8">
        <v>0</v>
      </c>
      <c r="J28730" s="8">
        <v>1</v>
      </c>
      <c r="K28730" s="9">
        <v>7.24</v>
      </c>
      <c r="L28730" s="6" t="s">
        <v>51</v>
      </c>
    </row>
    <row r="28731" spans="1:12">
      <c r="A28731" s="6" t="s">
        <v>29010</v>
      </c>
      <c r="B28731" s="6"/>
      <c r="C28731" s="6" t="s">
        <v>29580</v>
      </c>
      <c r="D28731" s="6"/>
      <c r="E28731" s="6" t="s">
        <v>9</v>
      </c>
      <c r="F28731" s="7"/>
      <c r="G28731" s="8">
        <v>1</v>
      </c>
      <c r="H28731" s="8">
        <v>1</v>
      </c>
      <c r="I28731" s="8">
        <v>0</v>
      </c>
      <c r="J28731" s="8">
        <v>1</v>
      </c>
      <c r="K28731" s="9">
        <v>25</v>
      </c>
      <c r="L28731" s="6" t="s">
        <v>51</v>
      </c>
    </row>
    <row r="28732" spans="1:12">
      <c r="A28732" s="6" t="s">
        <v>29010</v>
      </c>
      <c r="B28732" s="6"/>
      <c r="C28732" s="6" t="s">
        <v>29581</v>
      </c>
      <c r="D28732" s="6"/>
      <c r="E28732" s="6" t="s">
        <v>9</v>
      </c>
      <c r="F28732" s="7"/>
      <c r="G28732" s="8">
        <v>1</v>
      </c>
      <c r="H28732" s="8">
        <v>1</v>
      </c>
      <c r="I28732" s="8">
        <v>0</v>
      </c>
      <c r="J28732" s="8">
        <v>1</v>
      </c>
      <c r="K28732" s="9">
        <v>55</v>
      </c>
      <c r="L28732" s="6" t="s">
        <v>51</v>
      </c>
    </row>
    <row r="28733" spans="1:12">
      <c r="A28733" s="6" t="s">
        <v>29010</v>
      </c>
      <c r="B28733" s="6"/>
      <c r="C28733" s="6" t="s">
        <v>29582</v>
      </c>
      <c r="D28733" s="6"/>
      <c r="E28733" s="6" t="s">
        <v>9</v>
      </c>
      <c r="F28733" s="7"/>
      <c r="G28733" s="8">
        <v>1</v>
      </c>
      <c r="H28733" s="8">
        <v>1</v>
      </c>
      <c r="I28733" s="8">
        <v>0</v>
      </c>
      <c r="J28733" s="8">
        <v>1</v>
      </c>
      <c r="K28733" s="9">
        <v>13</v>
      </c>
      <c r="L28733" s="6" t="s">
        <v>51</v>
      </c>
    </row>
    <row r="28734" spans="1:12">
      <c r="A28734" s="6" t="s">
        <v>29010</v>
      </c>
      <c r="B28734" s="6"/>
      <c r="C28734" s="6" t="s">
        <v>29583</v>
      </c>
      <c r="D28734" s="6"/>
      <c r="E28734" s="6" t="s">
        <v>9</v>
      </c>
      <c r="F28734" s="7"/>
      <c r="G28734" s="8">
        <v>1</v>
      </c>
      <c r="H28734" s="8">
        <v>1</v>
      </c>
      <c r="I28734" s="8">
        <v>0</v>
      </c>
      <c r="J28734" s="8">
        <v>1</v>
      </c>
      <c r="K28734" s="9">
        <v>67</v>
      </c>
      <c r="L28734" s="6" t="s">
        <v>51</v>
      </c>
    </row>
    <row r="28735" spans="1:12">
      <c r="A28735" s="6" t="s">
        <v>29010</v>
      </c>
      <c r="B28735" s="6"/>
      <c r="C28735" s="6" t="s">
        <v>29584</v>
      </c>
      <c r="D28735" s="6"/>
      <c r="E28735" s="6" t="s">
        <v>9</v>
      </c>
      <c r="F28735" s="7"/>
      <c r="G28735" s="8">
        <v>1</v>
      </c>
      <c r="H28735" s="8">
        <v>1</v>
      </c>
      <c r="I28735" s="8">
        <v>0</v>
      </c>
      <c r="J28735" s="8">
        <v>1</v>
      </c>
      <c r="K28735" s="9">
        <v>9.68</v>
      </c>
      <c r="L28735" s="6" t="s">
        <v>51</v>
      </c>
    </row>
    <row r="28736" spans="1:12">
      <c r="A28736" s="6" t="s">
        <v>29010</v>
      </c>
      <c r="B28736" s="6"/>
      <c r="C28736" s="6" t="s">
        <v>29585</v>
      </c>
      <c r="D28736" s="6"/>
      <c r="E28736" s="6" t="s">
        <v>9</v>
      </c>
      <c r="F28736" s="7"/>
      <c r="G28736" s="8">
        <v>1</v>
      </c>
      <c r="H28736" s="8">
        <v>1</v>
      </c>
      <c r="I28736" s="8">
        <v>0</v>
      </c>
      <c r="J28736" s="8">
        <v>1</v>
      </c>
      <c r="K28736" s="9">
        <v>23</v>
      </c>
      <c r="L28736" s="6" t="s">
        <v>51</v>
      </c>
    </row>
    <row r="28737" spans="1:12">
      <c r="A28737" s="6" t="s">
        <v>29010</v>
      </c>
      <c r="B28737" s="6"/>
      <c r="C28737" s="6" t="s">
        <v>29586</v>
      </c>
      <c r="D28737" s="6"/>
      <c r="E28737" s="6" t="s">
        <v>9</v>
      </c>
      <c r="F28737" s="7"/>
      <c r="G28737" s="8">
        <v>1</v>
      </c>
      <c r="H28737" s="8">
        <v>1</v>
      </c>
      <c r="I28737" s="8">
        <v>0</v>
      </c>
      <c r="J28737" s="8">
        <v>1</v>
      </c>
      <c r="K28737" s="9">
        <v>9.89</v>
      </c>
      <c r="L28737" s="6" t="s">
        <v>51</v>
      </c>
    </row>
    <row r="28738" spans="1:12">
      <c r="A28738" s="6" t="s">
        <v>29010</v>
      </c>
      <c r="B28738" s="6"/>
      <c r="C28738" s="6" t="s">
        <v>29587</v>
      </c>
      <c r="D28738" s="6"/>
      <c r="E28738" s="6" t="s">
        <v>9</v>
      </c>
      <c r="F28738" s="7"/>
      <c r="G28738" s="8">
        <v>1</v>
      </c>
      <c r="H28738" s="8">
        <v>1</v>
      </c>
      <c r="I28738" s="8">
        <v>0</v>
      </c>
      <c r="J28738" s="8">
        <v>1</v>
      </c>
      <c r="K28738" s="9">
        <v>30</v>
      </c>
      <c r="L28738" s="6" t="s">
        <v>51</v>
      </c>
    </row>
    <row r="28739" spans="1:12">
      <c r="A28739" s="6" t="s">
        <v>29010</v>
      </c>
      <c r="B28739" s="6"/>
      <c r="C28739" s="6" t="s">
        <v>29588</v>
      </c>
      <c r="D28739" s="6"/>
      <c r="E28739" s="6" t="s">
        <v>9</v>
      </c>
      <c r="F28739" s="7"/>
      <c r="G28739" s="8">
        <v>1</v>
      </c>
      <c r="H28739" s="8">
        <v>1</v>
      </c>
      <c r="I28739" s="8">
        <v>0</v>
      </c>
      <c r="J28739" s="8">
        <v>1</v>
      </c>
      <c r="K28739" s="9">
        <v>20</v>
      </c>
      <c r="L28739" s="6" t="s">
        <v>51</v>
      </c>
    </row>
    <row r="28740" spans="1:12">
      <c r="A28740" s="6" t="s">
        <v>29010</v>
      </c>
      <c r="B28740" s="6"/>
      <c r="C28740" s="6" t="s">
        <v>29589</v>
      </c>
      <c r="D28740" s="6"/>
      <c r="E28740" s="6" t="s">
        <v>9</v>
      </c>
      <c r="F28740" s="7"/>
      <c r="G28740" s="8">
        <v>1</v>
      </c>
      <c r="H28740" s="8">
        <v>1</v>
      </c>
      <c r="I28740" s="8">
        <v>0</v>
      </c>
      <c r="J28740" s="8">
        <v>1</v>
      </c>
      <c r="K28740" s="9">
        <v>25</v>
      </c>
      <c r="L28740" s="6" t="s">
        <v>51</v>
      </c>
    </row>
    <row r="28741" spans="1:12">
      <c r="A28741" s="6" t="s">
        <v>29010</v>
      </c>
      <c r="B28741" s="6"/>
      <c r="C28741" s="6" t="s">
        <v>29590</v>
      </c>
      <c r="D28741" s="6"/>
      <c r="E28741" s="6" t="s">
        <v>9</v>
      </c>
      <c r="F28741" s="7"/>
      <c r="G28741" s="8">
        <v>1</v>
      </c>
      <c r="H28741" s="8">
        <v>1</v>
      </c>
      <c r="I28741" s="8">
        <v>0</v>
      </c>
      <c r="J28741" s="8">
        <v>1</v>
      </c>
      <c r="K28741" s="9">
        <v>25</v>
      </c>
      <c r="L28741" s="6" t="s">
        <v>51</v>
      </c>
    </row>
    <row r="28742" spans="1:12">
      <c r="A28742" s="6" t="s">
        <v>29010</v>
      </c>
      <c r="B28742" s="6"/>
      <c r="C28742" s="6" t="s">
        <v>29591</v>
      </c>
      <c r="D28742" s="6"/>
      <c r="E28742" s="6" t="s">
        <v>9</v>
      </c>
      <c r="F28742" s="7"/>
      <c r="G28742" s="8">
        <v>1</v>
      </c>
      <c r="H28742" s="8">
        <v>1</v>
      </c>
      <c r="I28742" s="8">
        <v>0</v>
      </c>
      <c r="J28742" s="8">
        <v>1</v>
      </c>
      <c r="K28742" s="9">
        <v>25</v>
      </c>
      <c r="L28742" s="6" t="s">
        <v>51</v>
      </c>
    </row>
    <row r="28743" spans="1:12">
      <c r="A28743" s="6" t="s">
        <v>29010</v>
      </c>
      <c r="B28743" s="6"/>
      <c r="C28743" s="6" t="s">
        <v>29592</v>
      </c>
      <c r="D28743" s="6"/>
      <c r="E28743" s="6" t="s">
        <v>9</v>
      </c>
      <c r="F28743" s="7"/>
      <c r="G28743" s="8">
        <v>1</v>
      </c>
      <c r="H28743" s="8">
        <v>1</v>
      </c>
      <c r="I28743" s="8">
        <v>0</v>
      </c>
      <c r="J28743" s="8">
        <v>1</v>
      </c>
      <c r="K28743" s="9">
        <v>31</v>
      </c>
      <c r="L28743" s="6" t="s">
        <v>51</v>
      </c>
    </row>
    <row r="28744" spans="1:12">
      <c r="A28744" s="6" t="s">
        <v>29010</v>
      </c>
      <c r="B28744" s="6"/>
      <c r="C28744" s="6" t="s">
        <v>29593</v>
      </c>
      <c r="D28744" s="6"/>
      <c r="E28744" s="6" t="s">
        <v>9</v>
      </c>
      <c r="F28744" s="7"/>
      <c r="G28744" s="8">
        <v>1</v>
      </c>
      <c r="H28744" s="8">
        <v>1</v>
      </c>
      <c r="I28744" s="8">
        <v>0</v>
      </c>
      <c r="J28744" s="8">
        <v>1</v>
      </c>
      <c r="K28744" s="9">
        <v>23</v>
      </c>
      <c r="L28744" s="6" t="s">
        <v>51</v>
      </c>
    </row>
    <row r="28745" spans="1:12">
      <c r="A28745" s="6" t="s">
        <v>29010</v>
      </c>
      <c r="B28745" s="6"/>
      <c r="C28745" s="6" t="s">
        <v>29594</v>
      </c>
      <c r="D28745" s="6"/>
      <c r="E28745" s="6" t="s">
        <v>9</v>
      </c>
      <c r="F28745" s="7"/>
      <c r="G28745" s="8">
        <v>1</v>
      </c>
      <c r="H28745" s="8">
        <v>1</v>
      </c>
      <c r="I28745" s="8">
        <v>0</v>
      </c>
      <c r="J28745" s="8">
        <v>1</v>
      </c>
      <c r="K28745" s="9">
        <v>32</v>
      </c>
      <c r="L28745" s="6" t="s">
        <v>51</v>
      </c>
    </row>
    <row r="28746" spans="1:12">
      <c r="A28746" s="6" t="s">
        <v>29010</v>
      </c>
      <c r="B28746" s="6"/>
      <c r="C28746" s="6" t="s">
        <v>29595</v>
      </c>
      <c r="D28746" s="6"/>
      <c r="E28746" s="6" t="s">
        <v>9</v>
      </c>
      <c r="F28746" s="7"/>
      <c r="G28746" s="8">
        <v>1</v>
      </c>
      <c r="H28746" s="8">
        <v>1</v>
      </c>
      <c r="I28746" s="8">
        <v>0</v>
      </c>
      <c r="J28746" s="8">
        <v>1</v>
      </c>
      <c r="K28746" s="9">
        <v>15</v>
      </c>
      <c r="L28746" s="6" t="s">
        <v>51</v>
      </c>
    </row>
    <row r="28747" spans="1:12">
      <c r="A28747" s="6" t="s">
        <v>29010</v>
      </c>
      <c r="B28747" s="6"/>
      <c r="C28747" s="6" t="s">
        <v>29596</v>
      </c>
      <c r="D28747" s="6"/>
      <c r="E28747" s="6" t="s">
        <v>9</v>
      </c>
      <c r="F28747" s="7"/>
      <c r="G28747" s="8">
        <v>1</v>
      </c>
      <c r="H28747" s="8">
        <v>1</v>
      </c>
      <c r="I28747" s="8">
        <v>0</v>
      </c>
      <c r="J28747" s="8">
        <v>1</v>
      </c>
      <c r="K28747" s="9">
        <v>2.31</v>
      </c>
      <c r="L28747" s="6" t="s">
        <v>51</v>
      </c>
    </row>
    <row r="28748" spans="1:12">
      <c r="A28748" s="6" t="s">
        <v>29010</v>
      </c>
      <c r="B28748" s="6"/>
      <c r="C28748" s="6" t="s">
        <v>29597</v>
      </c>
      <c r="D28748" s="6"/>
      <c r="E28748" s="6" t="s">
        <v>9</v>
      </c>
      <c r="F28748" s="7"/>
      <c r="G28748" s="8">
        <v>1</v>
      </c>
      <c r="H28748" s="8">
        <v>1</v>
      </c>
      <c r="I28748" s="8">
        <v>0</v>
      </c>
      <c r="J28748" s="8">
        <v>1</v>
      </c>
      <c r="K28748" s="9">
        <v>12</v>
      </c>
      <c r="L28748" s="6" t="s">
        <v>51</v>
      </c>
    </row>
    <row r="28749" spans="1:12">
      <c r="A28749" s="6" t="s">
        <v>29010</v>
      </c>
      <c r="B28749" s="6"/>
      <c r="C28749" s="6" t="s">
        <v>29598</v>
      </c>
      <c r="D28749" s="6"/>
      <c r="E28749" s="6" t="s">
        <v>9</v>
      </c>
      <c r="F28749" s="7"/>
      <c r="G28749" s="8">
        <v>1</v>
      </c>
      <c r="H28749" s="8">
        <v>1</v>
      </c>
      <c r="I28749" s="8">
        <v>0</v>
      </c>
      <c r="J28749" s="8">
        <v>1</v>
      </c>
      <c r="K28749" s="9">
        <v>31</v>
      </c>
      <c r="L28749" s="6" t="s">
        <v>51</v>
      </c>
    </row>
    <row r="28750" spans="1:12">
      <c r="A28750" s="6" t="s">
        <v>29010</v>
      </c>
      <c r="B28750" s="6"/>
      <c r="C28750" s="6" t="s">
        <v>29599</v>
      </c>
      <c r="D28750" s="6"/>
      <c r="E28750" s="6" t="s">
        <v>9</v>
      </c>
      <c r="F28750" s="7"/>
      <c r="G28750" s="8">
        <v>1</v>
      </c>
      <c r="H28750" s="8">
        <v>1</v>
      </c>
      <c r="I28750" s="8">
        <v>0</v>
      </c>
      <c r="J28750" s="8">
        <v>1</v>
      </c>
      <c r="K28750" s="9">
        <v>47</v>
      </c>
      <c r="L28750" s="6" t="s">
        <v>51</v>
      </c>
    </row>
    <row r="28751" spans="1:12">
      <c r="A28751" s="6" t="s">
        <v>29010</v>
      </c>
      <c r="B28751" s="6"/>
      <c r="C28751" s="6" t="s">
        <v>29600</v>
      </c>
      <c r="D28751" s="6"/>
      <c r="E28751" s="6" t="s">
        <v>9</v>
      </c>
      <c r="F28751" s="7"/>
      <c r="G28751" s="8">
        <v>1</v>
      </c>
      <c r="H28751" s="8">
        <v>1</v>
      </c>
      <c r="I28751" s="8">
        <v>0</v>
      </c>
      <c r="J28751" s="8">
        <v>1</v>
      </c>
      <c r="K28751" s="9">
        <v>34</v>
      </c>
      <c r="L28751" s="6" t="s">
        <v>51</v>
      </c>
    </row>
    <row r="28752" spans="1:12">
      <c r="A28752" s="6" t="s">
        <v>29010</v>
      </c>
      <c r="B28752" s="6"/>
      <c r="C28752" s="6" t="s">
        <v>29601</v>
      </c>
      <c r="D28752" s="6"/>
      <c r="E28752" s="6" t="s">
        <v>9</v>
      </c>
      <c r="F28752" s="7"/>
      <c r="G28752" s="8">
        <v>1</v>
      </c>
      <c r="H28752" s="8">
        <v>1</v>
      </c>
      <c r="I28752" s="8">
        <v>0</v>
      </c>
      <c r="J28752" s="8">
        <v>1</v>
      </c>
      <c r="K28752" s="9">
        <v>45</v>
      </c>
      <c r="L28752" s="6" t="s">
        <v>51</v>
      </c>
    </row>
    <row r="28753" spans="1:12">
      <c r="A28753" s="6" t="s">
        <v>29010</v>
      </c>
      <c r="B28753" s="6"/>
      <c r="C28753" s="6" t="s">
        <v>29602</v>
      </c>
      <c r="D28753" s="6"/>
      <c r="E28753" s="6" t="s">
        <v>9</v>
      </c>
      <c r="F28753" s="7"/>
      <c r="G28753" s="8">
        <v>1</v>
      </c>
      <c r="H28753" s="8">
        <v>1</v>
      </c>
      <c r="I28753" s="8">
        <v>0</v>
      </c>
      <c r="J28753" s="8">
        <v>1</v>
      </c>
      <c r="K28753" s="9">
        <v>28</v>
      </c>
      <c r="L28753" s="6" t="s">
        <v>51</v>
      </c>
    </row>
    <row r="28754" spans="1:12">
      <c r="A28754" s="6" t="s">
        <v>29010</v>
      </c>
      <c r="B28754" s="6"/>
      <c r="C28754" s="6" t="s">
        <v>29603</v>
      </c>
      <c r="D28754" s="6"/>
      <c r="E28754" s="6" t="s">
        <v>9</v>
      </c>
      <c r="F28754" s="7"/>
      <c r="G28754" s="8">
        <v>1</v>
      </c>
      <c r="H28754" s="8">
        <v>1</v>
      </c>
      <c r="I28754" s="8">
        <v>0</v>
      </c>
      <c r="J28754" s="8">
        <v>1</v>
      </c>
      <c r="K28754" s="9">
        <v>14</v>
      </c>
      <c r="L28754" s="6" t="s">
        <v>51</v>
      </c>
    </row>
    <row r="28755" spans="1:12">
      <c r="A28755" s="6" t="s">
        <v>29010</v>
      </c>
      <c r="B28755" s="6"/>
      <c r="C28755" s="6" t="s">
        <v>29604</v>
      </c>
      <c r="D28755" s="6"/>
      <c r="E28755" s="6" t="s">
        <v>9</v>
      </c>
      <c r="F28755" s="7"/>
      <c r="G28755" s="8">
        <v>1</v>
      </c>
      <c r="H28755" s="8">
        <v>1</v>
      </c>
      <c r="I28755" s="8">
        <v>0</v>
      </c>
      <c r="J28755" s="8">
        <v>1</v>
      </c>
      <c r="K28755" s="9">
        <v>8.91</v>
      </c>
      <c r="L28755" s="6" t="s">
        <v>51</v>
      </c>
    </row>
    <row r="28756" spans="1:12">
      <c r="A28756" s="6" t="s">
        <v>29010</v>
      </c>
      <c r="B28756" s="6"/>
      <c r="C28756" s="6" t="s">
        <v>29605</v>
      </c>
      <c r="D28756" s="6"/>
      <c r="E28756" s="6" t="s">
        <v>9</v>
      </c>
      <c r="F28756" s="7"/>
      <c r="G28756" s="8">
        <v>1</v>
      </c>
      <c r="H28756" s="8">
        <v>1</v>
      </c>
      <c r="I28756" s="8">
        <v>0</v>
      </c>
      <c r="J28756" s="8">
        <v>1</v>
      </c>
      <c r="K28756" s="9">
        <v>4.24</v>
      </c>
      <c r="L28756" s="6" t="s">
        <v>51</v>
      </c>
    </row>
    <row r="28757" spans="1:12">
      <c r="A28757" s="6" t="s">
        <v>29010</v>
      </c>
      <c r="B28757" s="6"/>
      <c r="C28757" s="6" t="s">
        <v>29606</v>
      </c>
      <c r="D28757" s="6"/>
      <c r="E28757" s="6" t="s">
        <v>9</v>
      </c>
      <c r="F28757" s="7"/>
      <c r="G28757" s="8">
        <v>1</v>
      </c>
      <c r="H28757" s="8">
        <v>1</v>
      </c>
      <c r="I28757" s="8">
        <v>0</v>
      </c>
      <c r="J28757" s="8">
        <v>1</v>
      </c>
      <c r="K28757" s="9">
        <v>2.77</v>
      </c>
      <c r="L28757" s="6" t="s">
        <v>51</v>
      </c>
    </row>
    <row r="28758" spans="1:12">
      <c r="A28758" s="6" t="s">
        <v>29010</v>
      </c>
      <c r="B28758" s="6"/>
      <c r="C28758" s="6" t="s">
        <v>29607</v>
      </c>
      <c r="D28758" s="6"/>
      <c r="E28758" s="6" t="s">
        <v>9</v>
      </c>
      <c r="F28758" s="7"/>
      <c r="G28758" s="8">
        <v>1</v>
      </c>
      <c r="H28758" s="8">
        <v>1</v>
      </c>
      <c r="I28758" s="8">
        <v>0</v>
      </c>
      <c r="J28758" s="8">
        <v>1</v>
      </c>
      <c r="K28758" s="9">
        <v>89</v>
      </c>
      <c r="L28758" s="6" t="s">
        <v>51</v>
      </c>
    </row>
    <row r="28759" spans="1:12">
      <c r="A28759" s="6" t="s">
        <v>29010</v>
      </c>
      <c r="B28759" s="6"/>
      <c r="C28759" s="6" t="s">
        <v>29608</v>
      </c>
      <c r="D28759" s="6"/>
      <c r="E28759" s="6" t="s">
        <v>9</v>
      </c>
      <c r="F28759" s="7"/>
      <c r="G28759" s="8">
        <v>1</v>
      </c>
      <c r="H28759" s="8">
        <v>1</v>
      </c>
      <c r="I28759" s="8">
        <v>0</v>
      </c>
      <c r="J28759" s="8">
        <v>1</v>
      </c>
      <c r="K28759" s="9">
        <v>78</v>
      </c>
      <c r="L28759" s="6" t="s">
        <v>51</v>
      </c>
    </row>
    <row r="28760" spans="1:12">
      <c r="A28760" s="6" t="s">
        <v>29010</v>
      </c>
      <c r="B28760" s="6"/>
      <c r="C28760" s="6" t="s">
        <v>29609</v>
      </c>
      <c r="D28760" s="6"/>
      <c r="E28760" s="6" t="s">
        <v>9</v>
      </c>
      <c r="F28760" s="7"/>
      <c r="G28760" s="8">
        <v>1</v>
      </c>
      <c r="H28760" s="8">
        <v>1</v>
      </c>
      <c r="I28760" s="8">
        <v>0</v>
      </c>
      <c r="J28760" s="8">
        <v>1</v>
      </c>
      <c r="K28760" s="9">
        <v>4.8</v>
      </c>
      <c r="L28760" s="6" t="s">
        <v>51</v>
      </c>
    </row>
    <row r="28761" spans="1:12">
      <c r="A28761" s="6" t="s">
        <v>29010</v>
      </c>
      <c r="B28761" s="6"/>
      <c r="C28761" s="6" t="s">
        <v>29610</v>
      </c>
      <c r="D28761" s="6"/>
      <c r="E28761" s="6" t="s">
        <v>9</v>
      </c>
      <c r="F28761" s="7"/>
      <c r="G28761" s="8">
        <v>1</v>
      </c>
      <c r="H28761" s="8">
        <v>1</v>
      </c>
      <c r="I28761" s="8">
        <v>0</v>
      </c>
      <c r="J28761" s="8">
        <v>1</v>
      </c>
      <c r="K28761" s="9">
        <v>7.95</v>
      </c>
      <c r="L28761" s="6" t="s">
        <v>51</v>
      </c>
    </row>
    <row r="28762" spans="1:12">
      <c r="A28762" s="6" t="s">
        <v>29010</v>
      </c>
      <c r="B28762" s="6"/>
      <c r="C28762" s="6" t="s">
        <v>29611</v>
      </c>
      <c r="D28762" s="6"/>
      <c r="E28762" s="6" t="s">
        <v>9</v>
      </c>
      <c r="F28762" s="7"/>
      <c r="G28762" s="8">
        <v>1</v>
      </c>
      <c r="H28762" s="8">
        <v>1</v>
      </c>
      <c r="I28762" s="8">
        <v>0</v>
      </c>
      <c r="J28762" s="8">
        <v>1</v>
      </c>
      <c r="K28762" s="9">
        <v>12</v>
      </c>
      <c r="L28762" s="6" t="s">
        <v>51</v>
      </c>
    </row>
    <row r="28763" spans="1:12">
      <c r="A28763" s="6" t="s">
        <v>29010</v>
      </c>
      <c r="B28763" s="6"/>
      <c r="C28763" s="6" t="s">
        <v>29612</v>
      </c>
      <c r="D28763" s="6"/>
      <c r="E28763" s="6" t="s">
        <v>9</v>
      </c>
      <c r="F28763" s="7"/>
      <c r="G28763" s="8">
        <v>1</v>
      </c>
      <c r="H28763" s="8">
        <v>1</v>
      </c>
      <c r="I28763" s="8">
        <v>0</v>
      </c>
      <c r="J28763" s="8">
        <v>1</v>
      </c>
      <c r="K28763" s="9">
        <v>7.04</v>
      </c>
      <c r="L28763" s="6" t="s">
        <v>51</v>
      </c>
    </row>
    <row r="28764" spans="1:12">
      <c r="A28764" s="6" t="s">
        <v>29010</v>
      </c>
      <c r="B28764" s="6"/>
      <c r="C28764" s="6" t="s">
        <v>29613</v>
      </c>
      <c r="D28764" s="6"/>
      <c r="E28764" s="6" t="s">
        <v>9</v>
      </c>
      <c r="F28764" s="7"/>
      <c r="G28764" s="8">
        <v>1</v>
      </c>
      <c r="H28764" s="8">
        <v>1</v>
      </c>
      <c r="I28764" s="8">
        <v>0</v>
      </c>
      <c r="J28764" s="8">
        <v>1</v>
      </c>
      <c r="K28764" s="9">
        <v>2.21</v>
      </c>
      <c r="L28764" s="6" t="s">
        <v>51</v>
      </c>
    </row>
    <row r="28765" spans="1:12">
      <c r="A28765" s="6" t="s">
        <v>29010</v>
      </c>
      <c r="B28765" s="6"/>
      <c r="C28765" s="6" t="s">
        <v>29614</v>
      </c>
      <c r="D28765" s="6"/>
      <c r="E28765" s="6" t="s">
        <v>9</v>
      </c>
      <c r="F28765" s="7"/>
      <c r="G28765" s="8">
        <v>1</v>
      </c>
      <c r="H28765" s="8">
        <v>1</v>
      </c>
      <c r="I28765" s="8">
        <v>0</v>
      </c>
      <c r="J28765" s="8">
        <v>1</v>
      </c>
      <c r="K28765" s="9">
        <v>2.25</v>
      </c>
      <c r="L28765" s="6" t="s">
        <v>51</v>
      </c>
    </row>
    <row r="28766" spans="1:12">
      <c r="A28766" s="6" t="s">
        <v>29010</v>
      </c>
      <c r="B28766" s="6"/>
      <c r="C28766" s="6" t="s">
        <v>29615</v>
      </c>
      <c r="D28766" s="6"/>
      <c r="E28766" s="6" t="s">
        <v>9</v>
      </c>
      <c r="F28766" s="7"/>
      <c r="G28766" s="8">
        <v>1</v>
      </c>
      <c r="H28766" s="8">
        <v>1</v>
      </c>
      <c r="I28766" s="8">
        <v>0</v>
      </c>
      <c r="J28766" s="8">
        <v>1</v>
      </c>
      <c r="K28766" s="9">
        <v>6.75</v>
      </c>
      <c r="L28766" s="6" t="s">
        <v>51</v>
      </c>
    </row>
    <row r="28767" spans="1:12">
      <c r="A28767" s="6" t="s">
        <v>29010</v>
      </c>
      <c r="B28767" s="6"/>
      <c r="C28767" s="6" t="s">
        <v>29616</v>
      </c>
      <c r="D28767" s="6"/>
      <c r="E28767" s="6" t="s">
        <v>9</v>
      </c>
      <c r="F28767" s="7"/>
      <c r="G28767" s="8">
        <v>1</v>
      </c>
      <c r="H28767" s="8">
        <v>1</v>
      </c>
      <c r="I28767" s="8">
        <v>0</v>
      </c>
      <c r="J28767" s="8">
        <v>1</v>
      </c>
      <c r="K28767" s="9">
        <v>0.44</v>
      </c>
      <c r="L28767" s="6" t="s">
        <v>51</v>
      </c>
    </row>
    <row r="28768" spans="1:12">
      <c r="A28768" s="6" t="s">
        <v>29010</v>
      </c>
      <c r="B28768" s="6"/>
      <c r="C28768" s="6" t="s">
        <v>29617</v>
      </c>
      <c r="D28768" s="6"/>
      <c r="E28768" s="6" t="s">
        <v>9</v>
      </c>
      <c r="F28768" s="7"/>
      <c r="G28768" s="8">
        <v>1</v>
      </c>
      <c r="H28768" s="8">
        <v>1</v>
      </c>
      <c r="I28768" s="8">
        <v>0</v>
      </c>
      <c r="J28768" s="8">
        <v>1</v>
      </c>
      <c r="K28768" s="9">
        <v>0.4</v>
      </c>
      <c r="L28768" s="6" t="s">
        <v>51</v>
      </c>
    </row>
    <row r="28769" spans="1:12">
      <c r="A28769" s="6" t="s">
        <v>29010</v>
      </c>
      <c r="B28769" s="6"/>
      <c r="C28769" s="6" t="s">
        <v>29618</v>
      </c>
      <c r="D28769" s="6"/>
      <c r="E28769" s="6" t="s">
        <v>9</v>
      </c>
      <c r="F28769" s="7"/>
      <c r="G28769" s="8">
        <v>1</v>
      </c>
      <c r="H28769" s="8">
        <v>1</v>
      </c>
      <c r="I28769" s="8">
        <v>0</v>
      </c>
      <c r="J28769" s="8">
        <v>1</v>
      </c>
      <c r="K28769" s="9">
        <v>9.91</v>
      </c>
      <c r="L28769" s="6" t="s">
        <v>51</v>
      </c>
    </row>
    <row r="28770" spans="1:12">
      <c r="A28770" s="6" t="s">
        <v>29010</v>
      </c>
      <c r="B28770" s="6"/>
      <c r="C28770" s="6" t="s">
        <v>29619</v>
      </c>
      <c r="D28770" s="6"/>
      <c r="E28770" s="6" t="s">
        <v>9</v>
      </c>
      <c r="F28770" s="7"/>
      <c r="G28770" s="8">
        <v>1</v>
      </c>
      <c r="H28770" s="8">
        <v>1</v>
      </c>
      <c r="I28770" s="8">
        <v>0</v>
      </c>
      <c r="J28770" s="8">
        <v>1</v>
      </c>
      <c r="K28770" s="9">
        <v>19</v>
      </c>
      <c r="L28770" s="6" t="s">
        <v>51</v>
      </c>
    </row>
    <row r="28771" spans="1:12">
      <c r="A28771" s="6" t="s">
        <v>29010</v>
      </c>
      <c r="B28771" s="6"/>
      <c r="C28771" s="6" t="s">
        <v>29620</v>
      </c>
      <c r="D28771" s="6"/>
      <c r="E28771" s="6" t="s">
        <v>9</v>
      </c>
      <c r="F28771" s="7"/>
      <c r="G28771" s="8">
        <v>1</v>
      </c>
      <c r="H28771" s="8">
        <v>1</v>
      </c>
      <c r="I28771" s="8">
        <v>0</v>
      </c>
      <c r="J28771" s="8">
        <v>1</v>
      </c>
      <c r="K28771" s="9">
        <v>62</v>
      </c>
      <c r="L28771" s="6" t="s">
        <v>51</v>
      </c>
    </row>
    <row r="28772" spans="1:12">
      <c r="A28772" s="6" t="s">
        <v>29010</v>
      </c>
      <c r="B28772" s="6"/>
      <c r="C28772" s="6" t="s">
        <v>29621</v>
      </c>
      <c r="D28772" s="6"/>
      <c r="E28772" s="6" t="s">
        <v>9</v>
      </c>
      <c r="F28772" s="7"/>
      <c r="G28772" s="8">
        <v>1</v>
      </c>
      <c r="H28772" s="8">
        <v>1</v>
      </c>
      <c r="I28772" s="8">
        <v>0</v>
      </c>
      <c r="J28772" s="8">
        <v>1</v>
      </c>
      <c r="K28772" s="9">
        <v>26</v>
      </c>
      <c r="L28772" s="6" t="s">
        <v>51</v>
      </c>
    </row>
    <row r="28773" spans="1:12">
      <c r="A28773" s="6" t="s">
        <v>29010</v>
      </c>
      <c r="B28773" s="6"/>
      <c r="C28773" s="6" t="s">
        <v>29622</v>
      </c>
      <c r="D28773" s="6"/>
      <c r="E28773" s="6" t="s">
        <v>9</v>
      </c>
      <c r="F28773" s="7"/>
      <c r="G28773" s="8">
        <v>1</v>
      </c>
      <c r="H28773" s="8">
        <v>1</v>
      </c>
      <c r="I28773" s="8">
        <v>0</v>
      </c>
      <c r="J28773" s="8">
        <v>1</v>
      </c>
      <c r="K28773" s="9">
        <v>3.74</v>
      </c>
      <c r="L28773" s="6" t="s">
        <v>51</v>
      </c>
    </row>
    <row r="28774" spans="1:12">
      <c r="A28774" s="6" t="s">
        <v>29010</v>
      </c>
      <c r="B28774" s="6"/>
      <c r="C28774" s="6" t="s">
        <v>29623</v>
      </c>
      <c r="D28774" s="6"/>
      <c r="E28774" s="6" t="s">
        <v>9</v>
      </c>
      <c r="F28774" s="7"/>
      <c r="G28774" s="8">
        <v>1</v>
      </c>
      <c r="H28774" s="8">
        <v>1</v>
      </c>
      <c r="I28774" s="8">
        <v>0</v>
      </c>
      <c r="J28774" s="8">
        <v>1</v>
      </c>
      <c r="K28774" s="9">
        <v>112</v>
      </c>
      <c r="L28774" s="6" t="s">
        <v>51</v>
      </c>
    </row>
    <row r="28775" spans="1:12">
      <c r="A28775" s="6" t="s">
        <v>29010</v>
      </c>
      <c r="B28775" s="6"/>
      <c r="C28775" s="6" t="s">
        <v>29624</v>
      </c>
      <c r="D28775" s="6"/>
      <c r="E28775" s="6" t="s">
        <v>9</v>
      </c>
      <c r="F28775" s="7"/>
      <c r="G28775" s="8">
        <v>1</v>
      </c>
      <c r="H28775" s="8">
        <v>1</v>
      </c>
      <c r="I28775" s="8">
        <v>0</v>
      </c>
      <c r="J28775" s="8">
        <v>1</v>
      </c>
      <c r="K28775" s="9">
        <v>31</v>
      </c>
      <c r="L28775" s="6" t="s">
        <v>51</v>
      </c>
    </row>
    <row r="28776" spans="1:12">
      <c r="A28776" s="6" t="s">
        <v>29010</v>
      </c>
      <c r="B28776" s="6"/>
      <c r="C28776" s="6" t="s">
        <v>29625</v>
      </c>
      <c r="D28776" s="6"/>
      <c r="E28776" s="6" t="s">
        <v>9</v>
      </c>
      <c r="F28776" s="7"/>
      <c r="G28776" s="8">
        <v>1</v>
      </c>
      <c r="H28776" s="8">
        <v>1</v>
      </c>
      <c r="I28776" s="8">
        <v>0</v>
      </c>
      <c r="J28776" s="8">
        <v>1</v>
      </c>
      <c r="K28776" s="9">
        <v>70</v>
      </c>
      <c r="L28776" s="6" t="s">
        <v>51</v>
      </c>
    </row>
    <row r="28777" spans="1:12">
      <c r="A28777" s="6" t="s">
        <v>29010</v>
      </c>
      <c r="B28777" s="6"/>
      <c r="C28777" s="6" t="s">
        <v>29626</v>
      </c>
      <c r="D28777" s="6"/>
      <c r="E28777" s="6" t="s">
        <v>9</v>
      </c>
      <c r="F28777" s="7"/>
      <c r="G28777" s="8">
        <v>1</v>
      </c>
      <c r="H28777" s="8">
        <v>1</v>
      </c>
      <c r="I28777" s="8">
        <v>0</v>
      </c>
      <c r="J28777" s="8">
        <v>1</v>
      </c>
      <c r="K28777" s="9">
        <v>119</v>
      </c>
      <c r="L28777" s="6" t="s">
        <v>51</v>
      </c>
    </row>
    <row r="28778" spans="1:12">
      <c r="A28778" s="6" t="s">
        <v>29010</v>
      </c>
      <c r="B28778" s="6"/>
      <c r="C28778" s="6" t="s">
        <v>29627</v>
      </c>
      <c r="D28778" s="6"/>
      <c r="E28778" s="6" t="s">
        <v>9</v>
      </c>
      <c r="F28778" s="7"/>
      <c r="G28778" s="8">
        <v>1</v>
      </c>
      <c r="H28778" s="8">
        <v>1</v>
      </c>
      <c r="I28778" s="8">
        <v>0</v>
      </c>
      <c r="J28778" s="8">
        <v>1</v>
      </c>
      <c r="K28778" s="9">
        <v>1.72</v>
      </c>
      <c r="L28778" s="6" t="s">
        <v>51</v>
      </c>
    </row>
    <row r="28779" spans="1:12">
      <c r="A28779" s="6" t="s">
        <v>29010</v>
      </c>
      <c r="B28779" s="6"/>
      <c r="C28779" s="6" t="s">
        <v>29628</v>
      </c>
      <c r="D28779" s="6"/>
      <c r="E28779" s="6" t="s">
        <v>9</v>
      </c>
      <c r="F28779" s="7"/>
      <c r="G28779" s="8">
        <v>1</v>
      </c>
      <c r="H28779" s="8">
        <v>1</v>
      </c>
      <c r="I28779" s="8">
        <v>0</v>
      </c>
      <c r="J28779" s="8">
        <v>1</v>
      </c>
      <c r="K28779" s="9">
        <v>220</v>
      </c>
      <c r="L28779" s="6" t="s">
        <v>51</v>
      </c>
    </row>
    <row r="28780" spans="1:12">
      <c r="A28780" s="6" t="s">
        <v>29010</v>
      </c>
      <c r="B28780" s="6"/>
      <c r="C28780" s="6" t="s">
        <v>29629</v>
      </c>
      <c r="D28780" s="6"/>
      <c r="E28780" s="6" t="s">
        <v>9</v>
      </c>
      <c r="F28780" s="7"/>
      <c r="G28780" s="8">
        <v>1</v>
      </c>
      <c r="H28780" s="8">
        <v>1</v>
      </c>
      <c r="I28780" s="8">
        <v>0</v>
      </c>
      <c r="J28780" s="8">
        <v>1</v>
      </c>
      <c r="K28780" s="9">
        <v>6.61</v>
      </c>
      <c r="L28780" s="6" t="s">
        <v>51</v>
      </c>
    </row>
    <row r="28781" spans="1:12">
      <c r="A28781" s="6" t="s">
        <v>29010</v>
      </c>
      <c r="B28781" s="6"/>
      <c r="C28781" s="6" t="s">
        <v>29630</v>
      </c>
      <c r="D28781" s="6"/>
      <c r="E28781" s="6" t="s">
        <v>9</v>
      </c>
      <c r="F28781" s="7"/>
      <c r="G28781" s="8">
        <v>1</v>
      </c>
      <c r="H28781" s="8">
        <v>1</v>
      </c>
      <c r="I28781" s="8">
        <v>0</v>
      </c>
      <c r="J28781" s="8">
        <v>1</v>
      </c>
      <c r="K28781" s="9">
        <v>15</v>
      </c>
      <c r="L28781" s="6" t="s">
        <v>51</v>
      </c>
    </row>
    <row r="28782" spans="1:12">
      <c r="A28782" s="6" t="s">
        <v>29010</v>
      </c>
      <c r="B28782" s="6"/>
      <c r="C28782" s="6" t="s">
        <v>29631</v>
      </c>
      <c r="D28782" s="6"/>
      <c r="E28782" s="6" t="s">
        <v>9</v>
      </c>
      <c r="F28782" s="7"/>
      <c r="G28782" s="8">
        <v>1</v>
      </c>
      <c r="H28782" s="8">
        <v>1</v>
      </c>
      <c r="I28782" s="8">
        <v>0</v>
      </c>
      <c r="J28782" s="8">
        <v>1</v>
      </c>
      <c r="K28782" s="9">
        <v>0.43</v>
      </c>
      <c r="L28782" s="6" t="s">
        <v>51</v>
      </c>
    </row>
    <row r="28783" spans="1:12">
      <c r="A28783" s="6" t="s">
        <v>29010</v>
      </c>
      <c r="B28783" s="6"/>
      <c r="C28783" s="6" t="s">
        <v>29632</v>
      </c>
      <c r="D28783" s="6"/>
      <c r="E28783" s="6" t="s">
        <v>9</v>
      </c>
      <c r="F28783" s="7"/>
      <c r="G28783" s="8">
        <v>1</v>
      </c>
      <c r="H28783" s="8">
        <v>1</v>
      </c>
      <c r="I28783" s="8">
        <v>0</v>
      </c>
      <c r="J28783" s="8">
        <v>1</v>
      </c>
      <c r="K28783" s="9">
        <v>31</v>
      </c>
      <c r="L28783" s="6" t="s">
        <v>51</v>
      </c>
    </row>
    <row r="28784" spans="1:12">
      <c r="A28784" s="6" t="s">
        <v>29010</v>
      </c>
      <c r="B28784" s="6"/>
      <c r="C28784" s="6" t="s">
        <v>29633</v>
      </c>
      <c r="D28784" s="6"/>
      <c r="E28784" s="6" t="s">
        <v>9</v>
      </c>
      <c r="F28784" s="7"/>
      <c r="G28784" s="8">
        <v>1</v>
      </c>
      <c r="H28784" s="8">
        <v>1</v>
      </c>
      <c r="I28784" s="8">
        <v>0</v>
      </c>
      <c r="J28784" s="8">
        <v>1</v>
      </c>
      <c r="K28784" s="9">
        <v>44</v>
      </c>
      <c r="L28784" s="6" t="s">
        <v>51</v>
      </c>
    </row>
    <row r="28785" spans="1:12">
      <c r="A28785" s="6" t="s">
        <v>29010</v>
      </c>
      <c r="B28785" s="6"/>
      <c r="C28785" s="6" t="s">
        <v>29634</v>
      </c>
      <c r="D28785" s="6"/>
      <c r="E28785" s="6" t="s">
        <v>9</v>
      </c>
      <c r="F28785" s="7"/>
      <c r="G28785" s="8">
        <v>1</v>
      </c>
      <c r="H28785" s="8">
        <v>1</v>
      </c>
      <c r="I28785" s="8">
        <v>0</v>
      </c>
      <c r="J28785" s="8">
        <v>1</v>
      </c>
      <c r="K28785" s="9">
        <v>10</v>
      </c>
      <c r="L28785" s="6" t="s">
        <v>51</v>
      </c>
    </row>
    <row r="28786" spans="1:12">
      <c r="A28786" s="6" t="s">
        <v>29010</v>
      </c>
      <c r="B28786" s="6"/>
      <c r="C28786" s="6" t="s">
        <v>29635</v>
      </c>
      <c r="D28786" s="6"/>
      <c r="E28786" s="6" t="s">
        <v>9</v>
      </c>
      <c r="F28786" s="7"/>
      <c r="G28786" s="8">
        <v>1</v>
      </c>
      <c r="H28786" s="8">
        <v>1</v>
      </c>
      <c r="I28786" s="8">
        <v>0</v>
      </c>
      <c r="J28786" s="8">
        <v>1</v>
      </c>
      <c r="K28786" s="9">
        <v>71</v>
      </c>
      <c r="L28786" s="6" t="s">
        <v>51</v>
      </c>
    </row>
    <row r="28787" spans="1:12">
      <c r="A28787" s="6" t="s">
        <v>29010</v>
      </c>
      <c r="B28787" s="6"/>
      <c r="C28787" s="6" t="s">
        <v>29636</v>
      </c>
      <c r="D28787" s="6"/>
      <c r="E28787" s="6" t="s">
        <v>9</v>
      </c>
      <c r="F28787" s="7"/>
      <c r="G28787" s="8">
        <v>1</v>
      </c>
      <c r="H28787" s="8">
        <v>1</v>
      </c>
      <c r="I28787" s="8">
        <v>0</v>
      </c>
      <c r="J28787" s="8">
        <v>1</v>
      </c>
      <c r="K28787" s="9">
        <v>1.46</v>
      </c>
      <c r="L28787" s="6" t="s">
        <v>51</v>
      </c>
    </row>
    <row r="28788" spans="1:12">
      <c r="A28788" s="6" t="s">
        <v>29010</v>
      </c>
      <c r="B28788" s="6"/>
      <c r="C28788" s="6" t="s">
        <v>29637</v>
      </c>
      <c r="D28788" s="6"/>
      <c r="E28788" s="6" t="s">
        <v>9</v>
      </c>
      <c r="F28788" s="7"/>
      <c r="G28788" s="8">
        <v>1</v>
      </c>
      <c r="H28788" s="8">
        <v>1</v>
      </c>
      <c r="I28788" s="8">
        <v>0</v>
      </c>
      <c r="J28788" s="8">
        <v>1</v>
      </c>
      <c r="K28788" s="9">
        <v>123</v>
      </c>
      <c r="L28788" s="6" t="s">
        <v>51</v>
      </c>
    </row>
    <row r="28789" spans="1:12">
      <c r="A28789" s="6" t="s">
        <v>29010</v>
      </c>
      <c r="B28789" s="6"/>
      <c r="C28789" s="6" t="s">
        <v>29638</v>
      </c>
      <c r="D28789" s="6"/>
      <c r="E28789" s="6" t="s">
        <v>9</v>
      </c>
      <c r="F28789" s="7"/>
      <c r="G28789" s="8">
        <v>1</v>
      </c>
      <c r="H28789" s="8">
        <v>1</v>
      </c>
      <c r="I28789" s="8">
        <v>0</v>
      </c>
      <c r="J28789" s="8">
        <v>1</v>
      </c>
      <c r="K28789" s="9">
        <v>3.74</v>
      </c>
      <c r="L28789" s="6" t="s">
        <v>51</v>
      </c>
    </row>
    <row r="28790" spans="1:12">
      <c r="A28790" s="6" t="s">
        <v>29010</v>
      </c>
      <c r="B28790" s="6"/>
      <c r="C28790" s="6" t="s">
        <v>29639</v>
      </c>
      <c r="D28790" s="6"/>
      <c r="E28790" s="6" t="s">
        <v>9</v>
      </c>
      <c r="F28790" s="7"/>
      <c r="G28790" s="8">
        <v>1</v>
      </c>
      <c r="H28790" s="8">
        <v>1</v>
      </c>
      <c r="I28790" s="8">
        <v>0</v>
      </c>
      <c r="J28790" s="8">
        <v>1</v>
      </c>
      <c r="K28790" s="9">
        <v>15</v>
      </c>
      <c r="L28790" s="6" t="s">
        <v>51</v>
      </c>
    </row>
    <row r="28791" spans="1:12">
      <c r="A28791" s="6" t="s">
        <v>29010</v>
      </c>
      <c r="B28791" s="6"/>
      <c r="C28791" s="6" t="s">
        <v>29640</v>
      </c>
      <c r="D28791" s="6"/>
      <c r="E28791" s="6" t="s">
        <v>9</v>
      </c>
      <c r="F28791" s="7"/>
      <c r="G28791" s="8">
        <v>1</v>
      </c>
      <c r="H28791" s="8">
        <v>1</v>
      </c>
      <c r="I28791" s="8">
        <v>0</v>
      </c>
      <c r="J28791" s="8">
        <v>1</v>
      </c>
      <c r="K28791" s="9">
        <v>33</v>
      </c>
      <c r="L28791" s="6" t="s">
        <v>51</v>
      </c>
    </row>
    <row r="28792" spans="1:12">
      <c r="A28792" s="6" t="s">
        <v>29010</v>
      </c>
      <c r="B28792" s="6"/>
      <c r="C28792" s="6" t="s">
        <v>29641</v>
      </c>
      <c r="D28792" s="6"/>
      <c r="E28792" s="6" t="s">
        <v>9</v>
      </c>
      <c r="F28792" s="7"/>
      <c r="G28792" s="8">
        <v>1</v>
      </c>
      <c r="H28792" s="8">
        <v>1</v>
      </c>
      <c r="I28792" s="8">
        <v>0</v>
      </c>
      <c r="J28792" s="8">
        <v>1</v>
      </c>
      <c r="K28792" s="9">
        <v>56</v>
      </c>
      <c r="L28792" s="6" t="s">
        <v>51</v>
      </c>
    </row>
    <row r="28793" spans="1:12">
      <c r="A28793" s="6" t="s">
        <v>29010</v>
      </c>
      <c r="B28793" s="6"/>
      <c r="C28793" s="6" t="s">
        <v>29642</v>
      </c>
      <c r="D28793" s="6"/>
      <c r="E28793" s="6" t="s">
        <v>9</v>
      </c>
      <c r="F28793" s="7"/>
      <c r="G28793" s="8">
        <v>1</v>
      </c>
      <c r="H28793" s="8">
        <v>1</v>
      </c>
      <c r="I28793" s="8">
        <v>0</v>
      </c>
      <c r="J28793" s="8">
        <v>1</v>
      </c>
      <c r="K28793" s="9">
        <v>5.76</v>
      </c>
      <c r="L28793" s="6" t="s">
        <v>51</v>
      </c>
    </row>
    <row r="28794" spans="1:12">
      <c r="A28794" s="6" t="s">
        <v>29010</v>
      </c>
      <c r="B28794" s="6"/>
      <c r="C28794" s="6" t="s">
        <v>29643</v>
      </c>
      <c r="D28794" s="6"/>
      <c r="E28794" s="6" t="s">
        <v>9</v>
      </c>
      <c r="F28794" s="7"/>
      <c r="G28794" s="8">
        <v>1</v>
      </c>
      <c r="H28794" s="8">
        <v>1</v>
      </c>
      <c r="I28794" s="8">
        <v>0</v>
      </c>
      <c r="J28794" s="8">
        <v>1</v>
      </c>
      <c r="K28794" s="9">
        <v>34</v>
      </c>
      <c r="L28794" s="6" t="s">
        <v>51</v>
      </c>
    </row>
    <row r="28795" spans="1:12">
      <c r="A28795" s="6" t="s">
        <v>29010</v>
      </c>
      <c r="B28795" s="6"/>
      <c r="C28795" s="6" t="s">
        <v>29644</v>
      </c>
      <c r="D28795" s="6"/>
      <c r="E28795" s="6" t="s">
        <v>9</v>
      </c>
      <c r="F28795" s="7"/>
      <c r="G28795" s="8">
        <v>1</v>
      </c>
      <c r="H28795" s="8">
        <v>1</v>
      </c>
      <c r="I28795" s="8">
        <v>0</v>
      </c>
      <c r="J28795" s="8">
        <v>1</v>
      </c>
      <c r="K28795" s="9">
        <v>4.32</v>
      </c>
      <c r="L28795" s="6" t="s">
        <v>51</v>
      </c>
    </row>
    <row r="28796" spans="1:12">
      <c r="A28796" s="6" t="s">
        <v>29010</v>
      </c>
      <c r="B28796" s="6"/>
      <c r="C28796" s="6" t="s">
        <v>29645</v>
      </c>
      <c r="D28796" s="6"/>
      <c r="E28796" s="6" t="s">
        <v>9</v>
      </c>
      <c r="F28796" s="7"/>
      <c r="G28796" s="8">
        <v>1</v>
      </c>
      <c r="H28796" s="8">
        <v>1</v>
      </c>
      <c r="I28796" s="8">
        <v>0</v>
      </c>
      <c r="J28796" s="8">
        <v>1</v>
      </c>
      <c r="K28796" s="9">
        <v>3.77</v>
      </c>
      <c r="L28796" s="6" t="s">
        <v>51</v>
      </c>
    </row>
    <row r="28797" spans="1:12">
      <c r="A28797" s="6" t="s">
        <v>29010</v>
      </c>
      <c r="B28797" s="6"/>
      <c r="C28797" s="6" t="s">
        <v>29646</v>
      </c>
      <c r="D28797" s="6"/>
      <c r="E28797" s="6" t="s">
        <v>9</v>
      </c>
      <c r="F28797" s="7"/>
      <c r="G28797" s="8">
        <v>1</v>
      </c>
      <c r="H28797" s="8">
        <v>1</v>
      </c>
      <c r="I28797" s="8">
        <v>0</v>
      </c>
      <c r="J28797" s="8">
        <v>1</v>
      </c>
      <c r="K28797" s="9">
        <v>3.77</v>
      </c>
      <c r="L28797" s="6" t="s">
        <v>51</v>
      </c>
    </row>
    <row r="28798" spans="1:12">
      <c r="A28798" s="6" t="s">
        <v>29010</v>
      </c>
      <c r="B28798" s="6"/>
      <c r="C28798" s="6" t="s">
        <v>29647</v>
      </c>
      <c r="D28798" s="6"/>
      <c r="E28798" s="6" t="s">
        <v>9</v>
      </c>
      <c r="F28798" s="7"/>
      <c r="G28798" s="8">
        <v>1</v>
      </c>
      <c r="H28798" s="8">
        <v>1</v>
      </c>
      <c r="I28798" s="8">
        <v>0</v>
      </c>
      <c r="J28798" s="8">
        <v>1</v>
      </c>
      <c r="K28798" s="9">
        <v>9.82</v>
      </c>
      <c r="L28798" s="6" t="s">
        <v>51</v>
      </c>
    </row>
    <row r="28799" spans="1:12">
      <c r="A28799" s="6" t="s">
        <v>29010</v>
      </c>
      <c r="B28799" s="6"/>
      <c r="C28799" s="6" t="s">
        <v>29648</v>
      </c>
      <c r="D28799" s="6"/>
      <c r="E28799" s="6" t="s">
        <v>9</v>
      </c>
      <c r="F28799" s="7"/>
      <c r="G28799" s="8">
        <v>1</v>
      </c>
      <c r="H28799" s="8">
        <v>1</v>
      </c>
      <c r="I28799" s="8">
        <v>0</v>
      </c>
      <c r="J28799" s="8">
        <v>1</v>
      </c>
      <c r="K28799" s="9">
        <v>5.58</v>
      </c>
      <c r="L28799" s="6" t="s">
        <v>51</v>
      </c>
    </row>
    <row r="28800" spans="1:12">
      <c r="A28800" s="6" t="s">
        <v>29010</v>
      </c>
      <c r="B28800" s="6"/>
      <c r="C28800" s="6" t="s">
        <v>29649</v>
      </c>
      <c r="D28800" s="6"/>
      <c r="E28800" s="6" t="s">
        <v>9</v>
      </c>
      <c r="F28800" s="7"/>
      <c r="G28800" s="8">
        <v>1</v>
      </c>
      <c r="H28800" s="8">
        <v>1</v>
      </c>
      <c r="I28800" s="8">
        <v>0</v>
      </c>
      <c r="J28800" s="8">
        <v>1</v>
      </c>
      <c r="K28800" s="9">
        <v>5.58</v>
      </c>
      <c r="L28800" s="6" t="s">
        <v>51</v>
      </c>
    </row>
    <row r="28801" spans="1:12">
      <c r="A28801" s="6" t="s">
        <v>29010</v>
      </c>
      <c r="B28801" s="6"/>
      <c r="C28801" s="6" t="s">
        <v>29650</v>
      </c>
      <c r="D28801" s="6"/>
      <c r="E28801" s="6" t="s">
        <v>9</v>
      </c>
      <c r="F28801" s="7"/>
      <c r="G28801" s="8">
        <v>1</v>
      </c>
      <c r="H28801" s="8">
        <v>1</v>
      </c>
      <c r="I28801" s="8">
        <v>0</v>
      </c>
      <c r="J28801" s="8">
        <v>1</v>
      </c>
      <c r="K28801" s="9">
        <v>2.52</v>
      </c>
      <c r="L28801" s="6" t="s">
        <v>51</v>
      </c>
    </row>
    <row r="28802" spans="1:12">
      <c r="A28802" s="6" t="s">
        <v>29010</v>
      </c>
      <c r="B28802" s="6"/>
      <c r="C28802" s="6" t="s">
        <v>29651</v>
      </c>
      <c r="D28802" s="6"/>
      <c r="E28802" s="6" t="s">
        <v>9</v>
      </c>
      <c r="F28802" s="7"/>
      <c r="G28802" s="8">
        <v>1</v>
      </c>
      <c r="H28802" s="8">
        <v>1</v>
      </c>
      <c r="I28802" s="8">
        <v>0</v>
      </c>
      <c r="J28802" s="8">
        <v>1</v>
      </c>
      <c r="K28802" s="9">
        <v>16</v>
      </c>
      <c r="L28802" s="6" t="s">
        <v>51</v>
      </c>
    </row>
    <row r="28803" spans="1:12">
      <c r="A28803" s="6" t="s">
        <v>29010</v>
      </c>
      <c r="B28803" s="6"/>
      <c r="C28803" s="6" t="s">
        <v>29652</v>
      </c>
      <c r="D28803" s="6"/>
      <c r="E28803" s="6" t="s">
        <v>9</v>
      </c>
      <c r="F28803" s="7"/>
      <c r="G28803" s="8">
        <v>1</v>
      </c>
      <c r="H28803" s="8">
        <v>1</v>
      </c>
      <c r="I28803" s="8">
        <v>0</v>
      </c>
      <c r="J28803" s="8">
        <v>1</v>
      </c>
      <c r="K28803" s="9">
        <v>2.27</v>
      </c>
      <c r="L28803" s="6" t="s">
        <v>51</v>
      </c>
    </row>
    <row r="28804" spans="1:12">
      <c r="A28804" s="6" t="s">
        <v>29010</v>
      </c>
      <c r="B28804" s="6"/>
      <c r="C28804" s="6" t="s">
        <v>29653</v>
      </c>
      <c r="D28804" s="6"/>
      <c r="E28804" s="6" t="s">
        <v>9</v>
      </c>
      <c r="F28804" s="7"/>
      <c r="G28804" s="8">
        <v>1</v>
      </c>
      <c r="H28804" s="8">
        <v>1</v>
      </c>
      <c r="I28804" s="8">
        <v>0</v>
      </c>
      <c r="J28804" s="8">
        <v>1</v>
      </c>
      <c r="K28804" s="9">
        <v>54</v>
      </c>
      <c r="L28804" s="6" t="s">
        <v>51</v>
      </c>
    </row>
    <row r="28805" spans="1:12">
      <c r="A28805" s="6" t="s">
        <v>29010</v>
      </c>
      <c r="B28805" s="6"/>
      <c r="C28805" s="6" t="s">
        <v>29654</v>
      </c>
      <c r="D28805" s="6"/>
      <c r="E28805" s="6" t="s">
        <v>9</v>
      </c>
      <c r="F28805" s="7"/>
      <c r="G28805" s="8">
        <v>1</v>
      </c>
      <c r="H28805" s="8">
        <v>1</v>
      </c>
      <c r="I28805" s="8">
        <v>0</v>
      </c>
      <c r="J28805" s="8">
        <v>1</v>
      </c>
      <c r="K28805" s="9">
        <v>14</v>
      </c>
      <c r="L28805" s="6" t="s">
        <v>51</v>
      </c>
    </row>
    <row r="28806" spans="1:12">
      <c r="A28806" s="6" t="s">
        <v>29010</v>
      </c>
      <c r="B28806" s="6"/>
      <c r="C28806" s="6" t="s">
        <v>29655</v>
      </c>
      <c r="D28806" s="6"/>
      <c r="E28806" s="6" t="s">
        <v>9</v>
      </c>
      <c r="F28806" s="7"/>
      <c r="G28806" s="8">
        <v>1</v>
      </c>
      <c r="H28806" s="8">
        <v>1</v>
      </c>
      <c r="I28806" s="8">
        <v>0</v>
      </c>
      <c r="J28806" s="8">
        <v>1</v>
      </c>
      <c r="K28806" s="9">
        <v>16</v>
      </c>
      <c r="L28806" s="6" t="s">
        <v>51</v>
      </c>
    </row>
    <row r="28807" spans="1:12">
      <c r="A28807" s="6" t="s">
        <v>29010</v>
      </c>
      <c r="B28807" s="6"/>
      <c r="C28807" s="6" t="s">
        <v>29656</v>
      </c>
      <c r="D28807" s="6"/>
      <c r="E28807" s="6" t="s">
        <v>9</v>
      </c>
      <c r="F28807" s="7"/>
      <c r="G28807" s="8">
        <v>1</v>
      </c>
      <c r="H28807" s="8">
        <v>1</v>
      </c>
      <c r="I28807" s="8">
        <v>0</v>
      </c>
      <c r="J28807" s="8">
        <v>1</v>
      </c>
      <c r="K28807" s="9">
        <v>13</v>
      </c>
      <c r="L28807" s="6" t="s">
        <v>51</v>
      </c>
    </row>
    <row r="28808" spans="1:12">
      <c r="A28808" s="6" t="s">
        <v>29010</v>
      </c>
      <c r="B28808" s="6"/>
      <c r="C28808" s="6" t="s">
        <v>29657</v>
      </c>
      <c r="D28808" s="6"/>
      <c r="E28808" s="6" t="s">
        <v>9</v>
      </c>
      <c r="F28808" s="7"/>
      <c r="G28808" s="8">
        <v>1</v>
      </c>
      <c r="H28808" s="8">
        <v>1</v>
      </c>
      <c r="I28808" s="8">
        <v>0</v>
      </c>
      <c r="J28808" s="8">
        <v>1</v>
      </c>
      <c r="K28808" s="9">
        <v>6.54</v>
      </c>
      <c r="L28808" s="6" t="s">
        <v>51</v>
      </c>
    </row>
    <row r="28809" spans="1:12">
      <c r="A28809" s="6" t="s">
        <v>29010</v>
      </c>
      <c r="B28809" s="6"/>
      <c r="C28809" s="6" t="s">
        <v>29658</v>
      </c>
      <c r="D28809" s="6"/>
      <c r="E28809" s="6" t="s">
        <v>9</v>
      </c>
      <c r="F28809" s="7"/>
      <c r="G28809" s="8">
        <v>1</v>
      </c>
      <c r="H28809" s="8">
        <v>1</v>
      </c>
      <c r="I28809" s="8">
        <v>0</v>
      </c>
      <c r="J28809" s="8">
        <v>1</v>
      </c>
      <c r="K28809" s="9">
        <v>27</v>
      </c>
      <c r="L28809" s="6" t="s">
        <v>51</v>
      </c>
    </row>
    <row r="28810" spans="1:12">
      <c r="A28810" s="6" t="s">
        <v>29010</v>
      </c>
      <c r="B28810" s="6"/>
      <c r="C28810" s="6" t="s">
        <v>29659</v>
      </c>
      <c r="D28810" s="6"/>
      <c r="E28810" s="6" t="s">
        <v>9</v>
      </c>
      <c r="F28810" s="7"/>
      <c r="G28810" s="8">
        <v>1</v>
      </c>
      <c r="H28810" s="8">
        <v>1</v>
      </c>
      <c r="I28810" s="8">
        <v>0</v>
      </c>
      <c r="J28810" s="8">
        <v>1</v>
      </c>
      <c r="K28810" s="9">
        <v>0.75</v>
      </c>
      <c r="L28810" s="6" t="s">
        <v>51</v>
      </c>
    </row>
    <row r="28811" spans="1:12">
      <c r="A28811" s="6" t="s">
        <v>29010</v>
      </c>
      <c r="B28811" s="6"/>
      <c r="C28811" s="6" t="s">
        <v>29660</v>
      </c>
      <c r="D28811" s="6"/>
      <c r="E28811" s="6" t="s">
        <v>9</v>
      </c>
      <c r="F28811" s="7"/>
      <c r="G28811" s="8">
        <v>1</v>
      </c>
      <c r="H28811" s="8">
        <v>1</v>
      </c>
      <c r="I28811" s="8">
        <v>0</v>
      </c>
      <c r="J28811" s="8">
        <v>1</v>
      </c>
      <c r="K28811" s="9">
        <v>0.8</v>
      </c>
      <c r="L28811" s="6" t="s">
        <v>51</v>
      </c>
    </row>
    <row r="28812" spans="1:12">
      <c r="A28812" s="6" t="s">
        <v>29010</v>
      </c>
      <c r="B28812" s="6"/>
      <c r="C28812" s="6" t="s">
        <v>29661</v>
      </c>
      <c r="D28812" s="6"/>
      <c r="E28812" s="6" t="s">
        <v>9</v>
      </c>
      <c r="F28812" s="7"/>
      <c r="G28812" s="8">
        <v>1</v>
      </c>
      <c r="H28812" s="8">
        <v>1</v>
      </c>
      <c r="I28812" s="8">
        <v>0</v>
      </c>
      <c r="J28812" s="8">
        <v>1</v>
      </c>
      <c r="K28812" s="9">
        <v>1.2</v>
      </c>
      <c r="L28812" s="6" t="s">
        <v>51</v>
      </c>
    </row>
    <row r="28813" spans="1:12">
      <c r="A28813" s="6" t="s">
        <v>29010</v>
      </c>
      <c r="B28813" s="6"/>
      <c r="C28813" s="6" t="s">
        <v>29662</v>
      </c>
      <c r="D28813" s="6"/>
      <c r="E28813" s="6" t="s">
        <v>9</v>
      </c>
      <c r="F28813" s="7"/>
      <c r="G28813" s="8">
        <v>1</v>
      </c>
      <c r="H28813" s="8">
        <v>1</v>
      </c>
      <c r="I28813" s="8">
        <v>0</v>
      </c>
      <c r="J28813" s="8">
        <v>1</v>
      </c>
      <c r="K28813" s="9">
        <v>105</v>
      </c>
      <c r="L28813" s="6" t="s">
        <v>51</v>
      </c>
    </row>
    <row r="28814" spans="1:12">
      <c r="A28814" s="6" t="s">
        <v>29010</v>
      </c>
      <c r="B28814" s="6"/>
      <c r="C28814" s="6" t="s">
        <v>29663</v>
      </c>
      <c r="D28814" s="6"/>
      <c r="E28814" s="6" t="s">
        <v>9</v>
      </c>
      <c r="F28814" s="7"/>
      <c r="G28814" s="8">
        <v>1</v>
      </c>
      <c r="H28814" s="8">
        <v>1</v>
      </c>
      <c r="I28814" s="8">
        <v>0</v>
      </c>
      <c r="J28814" s="8">
        <v>1</v>
      </c>
      <c r="K28814" s="9">
        <v>3.39</v>
      </c>
      <c r="L28814" s="6" t="s">
        <v>51</v>
      </c>
    </row>
    <row r="28815" spans="1:12">
      <c r="A28815" s="6" t="s">
        <v>29010</v>
      </c>
      <c r="B28815" s="6"/>
      <c r="C28815" s="6" t="s">
        <v>29664</v>
      </c>
      <c r="D28815" s="6"/>
      <c r="E28815" s="6" t="s">
        <v>9</v>
      </c>
      <c r="F28815" s="7"/>
      <c r="G28815" s="8">
        <v>1</v>
      </c>
      <c r="H28815" s="8">
        <v>1</v>
      </c>
      <c r="I28815" s="8">
        <v>0</v>
      </c>
      <c r="J28815" s="8">
        <v>1</v>
      </c>
      <c r="K28815" s="9">
        <v>14</v>
      </c>
      <c r="L28815" s="6" t="s">
        <v>51</v>
      </c>
    </row>
    <row r="28816" spans="1:12">
      <c r="A28816" s="6" t="s">
        <v>29010</v>
      </c>
      <c r="B28816" s="6"/>
      <c r="C28816" s="6" t="s">
        <v>29665</v>
      </c>
      <c r="D28816" s="6"/>
      <c r="E28816" s="6" t="s">
        <v>9</v>
      </c>
      <c r="F28816" s="7"/>
      <c r="G28816" s="8">
        <v>1</v>
      </c>
      <c r="H28816" s="8">
        <v>1</v>
      </c>
      <c r="I28816" s="8">
        <v>0</v>
      </c>
      <c r="J28816" s="8">
        <v>1</v>
      </c>
      <c r="K28816" s="9">
        <v>15</v>
      </c>
      <c r="L28816" s="6" t="s">
        <v>51</v>
      </c>
    </row>
    <row r="28817" spans="1:12">
      <c r="A28817" s="6" t="s">
        <v>29010</v>
      </c>
      <c r="B28817" s="6"/>
      <c r="C28817" s="6" t="s">
        <v>29666</v>
      </c>
      <c r="D28817" s="6"/>
      <c r="E28817" s="6" t="s">
        <v>9</v>
      </c>
      <c r="F28817" s="7"/>
      <c r="G28817" s="8">
        <v>1</v>
      </c>
      <c r="H28817" s="8">
        <v>1</v>
      </c>
      <c r="I28817" s="8">
        <v>0</v>
      </c>
      <c r="J28817" s="8">
        <v>1</v>
      </c>
      <c r="K28817" s="9">
        <v>28</v>
      </c>
      <c r="L28817" s="6" t="s">
        <v>51</v>
      </c>
    </row>
    <row r="28818" spans="1:12">
      <c r="A28818" s="6" t="s">
        <v>29010</v>
      </c>
      <c r="B28818" s="6"/>
      <c r="C28818" s="6" t="s">
        <v>29667</v>
      </c>
      <c r="D28818" s="6"/>
      <c r="E28818" s="6" t="s">
        <v>9</v>
      </c>
      <c r="F28818" s="7"/>
      <c r="G28818" s="8">
        <v>1</v>
      </c>
      <c r="H28818" s="8">
        <v>1</v>
      </c>
      <c r="I28818" s="8">
        <v>0</v>
      </c>
      <c r="J28818" s="8">
        <v>1</v>
      </c>
      <c r="K28818" s="9">
        <v>28</v>
      </c>
      <c r="L28818" s="6" t="s">
        <v>51</v>
      </c>
    </row>
    <row r="28819" spans="1:12">
      <c r="A28819" s="6" t="s">
        <v>29010</v>
      </c>
      <c r="B28819" s="6"/>
      <c r="C28819" s="6" t="s">
        <v>29668</v>
      </c>
      <c r="D28819" s="6"/>
      <c r="E28819" s="6" t="s">
        <v>9</v>
      </c>
      <c r="F28819" s="7"/>
      <c r="G28819" s="8">
        <v>1</v>
      </c>
      <c r="H28819" s="8">
        <v>1</v>
      </c>
      <c r="I28819" s="8">
        <v>0</v>
      </c>
      <c r="J28819" s="8">
        <v>1</v>
      </c>
      <c r="K28819" s="9">
        <v>11</v>
      </c>
      <c r="L28819" s="6" t="s">
        <v>51</v>
      </c>
    </row>
    <row r="28820" spans="1:12">
      <c r="A28820" s="6" t="s">
        <v>29010</v>
      </c>
      <c r="B28820" s="6"/>
      <c r="C28820" s="6" t="s">
        <v>29669</v>
      </c>
      <c r="D28820" s="6"/>
      <c r="E28820" s="6" t="s">
        <v>9</v>
      </c>
      <c r="F28820" s="7"/>
      <c r="G28820" s="8">
        <v>1</v>
      </c>
      <c r="H28820" s="8">
        <v>1</v>
      </c>
      <c r="I28820" s="8">
        <v>0</v>
      </c>
      <c r="J28820" s="8">
        <v>1</v>
      </c>
      <c r="K28820" s="9">
        <v>41</v>
      </c>
      <c r="L28820" s="6" t="s">
        <v>51</v>
      </c>
    </row>
    <row r="28821" spans="1:12">
      <c r="A28821" s="6" t="s">
        <v>29010</v>
      </c>
      <c r="B28821" s="6"/>
      <c r="C28821" s="6" t="s">
        <v>29670</v>
      </c>
      <c r="D28821" s="6"/>
      <c r="E28821" s="6" t="s">
        <v>9</v>
      </c>
      <c r="F28821" s="7"/>
      <c r="G28821" s="8">
        <v>1</v>
      </c>
      <c r="H28821" s="8">
        <v>1</v>
      </c>
      <c r="I28821" s="8">
        <v>0</v>
      </c>
      <c r="J28821" s="8">
        <v>1</v>
      </c>
      <c r="K28821" s="9">
        <v>17</v>
      </c>
      <c r="L28821" s="6" t="s">
        <v>51</v>
      </c>
    </row>
    <row r="28822" spans="1:12">
      <c r="A28822" s="6" t="s">
        <v>29010</v>
      </c>
      <c r="B28822" s="6"/>
      <c r="C28822" s="6" t="s">
        <v>29671</v>
      </c>
      <c r="D28822" s="6"/>
      <c r="E28822" s="6" t="s">
        <v>9</v>
      </c>
      <c r="F28822" s="7"/>
      <c r="G28822" s="8">
        <v>1</v>
      </c>
      <c r="H28822" s="8">
        <v>1</v>
      </c>
      <c r="I28822" s="8">
        <v>0</v>
      </c>
      <c r="J28822" s="8">
        <v>1</v>
      </c>
      <c r="K28822" s="9">
        <v>24</v>
      </c>
      <c r="L28822" s="6" t="s">
        <v>51</v>
      </c>
    </row>
    <row r="28823" spans="1:12">
      <c r="A28823" s="6" t="s">
        <v>29010</v>
      </c>
      <c r="B28823" s="6"/>
      <c r="C28823" s="6" t="s">
        <v>29672</v>
      </c>
      <c r="D28823" s="6"/>
      <c r="E28823" s="6" t="s">
        <v>9</v>
      </c>
      <c r="F28823" s="7"/>
      <c r="G28823" s="8">
        <v>1</v>
      </c>
      <c r="H28823" s="8">
        <v>1</v>
      </c>
      <c r="I28823" s="8">
        <v>0</v>
      </c>
      <c r="J28823" s="8">
        <v>1</v>
      </c>
      <c r="K28823" s="9">
        <v>20</v>
      </c>
      <c r="L28823" s="6" t="s">
        <v>51</v>
      </c>
    </row>
    <row r="28824" spans="1:12">
      <c r="A28824" s="6" t="s">
        <v>29010</v>
      </c>
      <c r="B28824" s="6"/>
      <c r="C28824" s="6" t="s">
        <v>29673</v>
      </c>
      <c r="D28824" s="6"/>
      <c r="E28824" s="6" t="s">
        <v>9</v>
      </c>
      <c r="F28824" s="7"/>
      <c r="G28824" s="8">
        <v>1</v>
      </c>
      <c r="H28824" s="8">
        <v>1</v>
      </c>
      <c r="I28824" s="8">
        <v>0</v>
      </c>
      <c r="J28824" s="8">
        <v>1</v>
      </c>
      <c r="K28824" s="9">
        <v>136</v>
      </c>
      <c r="L28824" s="6" t="s">
        <v>51</v>
      </c>
    </row>
    <row r="28825" spans="1:12">
      <c r="A28825" s="6" t="s">
        <v>29010</v>
      </c>
      <c r="B28825" s="6"/>
      <c r="C28825" s="6" t="s">
        <v>29674</v>
      </c>
      <c r="D28825" s="6"/>
      <c r="E28825" s="6" t="s">
        <v>9</v>
      </c>
      <c r="F28825" s="7"/>
      <c r="G28825" s="8">
        <v>1</v>
      </c>
      <c r="H28825" s="8">
        <v>1</v>
      </c>
      <c r="I28825" s="8">
        <v>0</v>
      </c>
      <c r="J28825" s="8">
        <v>1</v>
      </c>
      <c r="K28825" s="9">
        <v>16</v>
      </c>
      <c r="L28825" s="6" t="s">
        <v>51</v>
      </c>
    </row>
    <row r="28826" spans="1:12">
      <c r="A28826" s="6" t="s">
        <v>29010</v>
      </c>
      <c r="B28826" s="6"/>
      <c r="C28826" s="6" t="s">
        <v>29675</v>
      </c>
      <c r="D28826" s="6"/>
      <c r="E28826" s="6" t="s">
        <v>9</v>
      </c>
      <c r="F28826" s="7"/>
      <c r="G28826" s="8">
        <v>1</v>
      </c>
      <c r="H28826" s="8">
        <v>1</v>
      </c>
      <c r="I28826" s="8">
        <v>0</v>
      </c>
      <c r="J28826" s="8">
        <v>1</v>
      </c>
      <c r="K28826" s="9">
        <v>22</v>
      </c>
      <c r="L28826" s="6" t="s">
        <v>51</v>
      </c>
    </row>
    <row r="28827" spans="1:12">
      <c r="A28827" s="6" t="s">
        <v>29010</v>
      </c>
      <c r="B28827" s="6"/>
      <c r="C28827" s="6" t="s">
        <v>29676</v>
      </c>
      <c r="D28827" s="6"/>
      <c r="E28827" s="6" t="s">
        <v>9</v>
      </c>
      <c r="F28827" s="7"/>
      <c r="G28827" s="8">
        <v>1</v>
      </c>
      <c r="H28827" s="8">
        <v>1</v>
      </c>
      <c r="I28827" s="8">
        <v>0</v>
      </c>
      <c r="J28827" s="8">
        <v>1</v>
      </c>
      <c r="K28827" s="9">
        <v>5.62</v>
      </c>
      <c r="L28827" s="6" t="s">
        <v>51</v>
      </c>
    </row>
    <row r="28828" spans="1:12">
      <c r="A28828" s="6" t="s">
        <v>29010</v>
      </c>
      <c r="B28828" s="6"/>
      <c r="C28828" s="6" t="s">
        <v>29677</v>
      </c>
      <c r="D28828" s="6"/>
      <c r="E28828" s="6" t="s">
        <v>9</v>
      </c>
      <c r="F28828" s="7"/>
      <c r="G28828" s="8">
        <v>1</v>
      </c>
      <c r="H28828" s="8">
        <v>1</v>
      </c>
      <c r="I28828" s="8">
        <v>0</v>
      </c>
      <c r="J28828" s="8">
        <v>1</v>
      </c>
      <c r="K28828" s="9">
        <v>7.5</v>
      </c>
      <c r="L28828" s="6" t="s">
        <v>51</v>
      </c>
    </row>
    <row r="28829" spans="1:12">
      <c r="A28829" s="6" t="s">
        <v>29010</v>
      </c>
      <c r="B28829" s="6"/>
      <c r="C28829" s="6" t="s">
        <v>29678</v>
      </c>
      <c r="D28829" s="6"/>
      <c r="E28829" s="6" t="s">
        <v>9</v>
      </c>
      <c r="F28829" s="7"/>
      <c r="G28829" s="8">
        <v>1</v>
      </c>
      <c r="H28829" s="8">
        <v>1</v>
      </c>
      <c r="I28829" s="8">
        <v>0</v>
      </c>
      <c r="J28829" s="8">
        <v>1</v>
      </c>
      <c r="K28829" s="9">
        <v>26</v>
      </c>
      <c r="L28829" s="6" t="s">
        <v>51</v>
      </c>
    </row>
    <row r="28830" spans="1:12">
      <c r="A28830" s="6" t="s">
        <v>29010</v>
      </c>
      <c r="B28830" s="6"/>
      <c r="C28830" s="6" t="s">
        <v>29679</v>
      </c>
      <c r="D28830" s="6"/>
      <c r="E28830" s="6" t="s">
        <v>9</v>
      </c>
      <c r="F28830" s="7"/>
      <c r="G28830" s="8">
        <v>1</v>
      </c>
      <c r="H28830" s="8">
        <v>1</v>
      </c>
      <c r="I28830" s="8">
        <v>0</v>
      </c>
      <c r="J28830" s="8">
        <v>1</v>
      </c>
      <c r="K28830" s="9">
        <v>14</v>
      </c>
      <c r="L28830" s="6" t="s">
        <v>51</v>
      </c>
    </row>
    <row r="28831" spans="1:12">
      <c r="A28831" s="6" t="s">
        <v>29010</v>
      </c>
      <c r="B28831" s="6"/>
      <c r="C28831" s="6" t="s">
        <v>29680</v>
      </c>
      <c r="D28831" s="6"/>
      <c r="E28831" s="6" t="s">
        <v>9</v>
      </c>
      <c r="F28831" s="7"/>
      <c r="G28831" s="8">
        <v>1</v>
      </c>
      <c r="H28831" s="8">
        <v>1</v>
      </c>
      <c r="I28831" s="8">
        <v>0</v>
      </c>
      <c r="J28831" s="8">
        <v>1</v>
      </c>
      <c r="K28831" s="9">
        <v>25</v>
      </c>
      <c r="L28831" s="6" t="s">
        <v>51</v>
      </c>
    </row>
    <row r="28832" spans="1:12">
      <c r="A28832" s="6" t="s">
        <v>29010</v>
      </c>
      <c r="B28832" s="6"/>
      <c r="C28832" s="6" t="s">
        <v>29681</v>
      </c>
      <c r="D28832" s="6"/>
      <c r="E28832" s="6" t="s">
        <v>9</v>
      </c>
      <c r="F28832" s="7"/>
      <c r="G28832" s="8">
        <v>1</v>
      </c>
      <c r="H28832" s="8">
        <v>1</v>
      </c>
      <c r="I28832" s="8">
        <v>0</v>
      </c>
      <c r="J28832" s="8">
        <v>1</v>
      </c>
      <c r="K28832" s="9">
        <v>9.85</v>
      </c>
      <c r="L28832" s="6" t="s">
        <v>51</v>
      </c>
    </row>
    <row r="28833" spans="1:12">
      <c r="A28833" s="6" t="s">
        <v>29010</v>
      </c>
      <c r="B28833" s="6"/>
      <c r="C28833" s="6" t="s">
        <v>29682</v>
      </c>
      <c r="D28833" s="6"/>
      <c r="E28833" s="6" t="s">
        <v>9</v>
      </c>
      <c r="F28833" s="7"/>
      <c r="G28833" s="8">
        <v>1</v>
      </c>
      <c r="H28833" s="8">
        <v>1</v>
      </c>
      <c r="I28833" s="8">
        <v>0</v>
      </c>
      <c r="J28833" s="8">
        <v>1</v>
      </c>
      <c r="K28833" s="9">
        <v>1.89</v>
      </c>
      <c r="L28833" s="6" t="s">
        <v>51</v>
      </c>
    </row>
    <row r="28834" spans="1:12">
      <c r="A28834" s="6" t="s">
        <v>29010</v>
      </c>
      <c r="B28834" s="6"/>
      <c r="C28834" s="6" t="s">
        <v>29683</v>
      </c>
      <c r="D28834" s="6"/>
      <c r="E28834" s="6" t="s">
        <v>9</v>
      </c>
      <c r="F28834" s="7"/>
      <c r="G28834" s="8">
        <v>1</v>
      </c>
      <c r="H28834" s="8">
        <v>1</v>
      </c>
      <c r="I28834" s="8">
        <v>0</v>
      </c>
      <c r="J28834" s="8">
        <v>1</v>
      </c>
      <c r="K28834" s="9">
        <v>13</v>
      </c>
      <c r="L28834" s="6" t="s">
        <v>51</v>
      </c>
    </row>
    <row r="28835" spans="1:12">
      <c r="A28835" s="6" t="s">
        <v>29010</v>
      </c>
      <c r="B28835" s="6"/>
      <c r="C28835" s="6" t="s">
        <v>29684</v>
      </c>
      <c r="D28835" s="6"/>
      <c r="E28835" s="6" t="s">
        <v>9</v>
      </c>
      <c r="F28835" s="7"/>
      <c r="G28835" s="8">
        <v>1</v>
      </c>
      <c r="H28835" s="8">
        <v>1</v>
      </c>
      <c r="I28835" s="8">
        <v>0</v>
      </c>
      <c r="J28835" s="8">
        <v>1</v>
      </c>
      <c r="K28835" s="9">
        <v>11</v>
      </c>
      <c r="L28835" s="6" t="s">
        <v>51</v>
      </c>
    </row>
    <row r="28836" spans="1:12">
      <c r="A28836" s="6" t="s">
        <v>29010</v>
      </c>
      <c r="B28836" s="6"/>
      <c r="C28836" s="6" t="s">
        <v>29685</v>
      </c>
      <c r="D28836" s="6"/>
      <c r="E28836" s="6" t="s">
        <v>9</v>
      </c>
      <c r="F28836" s="7"/>
      <c r="G28836" s="8">
        <v>1</v>
      </c>
      <c r="H28836" s="8">
        <v>1</v>
      </c>
      <c r="I28836" s="8">
        <v>0</v>
      </c>
      <c r="J28836" s="8">
        <v>1</v>
      </c>
      <c r="K28836" s="9">
        <v>15.47</v>
      </c>
      <c r="L28836" s="6" t="s">
        <v>51</v>
      </c>
    </row>
    <row r="28837" spans="1:12">
      <c r="A28837" s="6" t="s">
        <v>29010</v>
      </c>
      <c r="B28837" s="6"/>
      <c r="C28837" s="6" t="s">
        <v>29686</v>
      </c>
      <c r="D28837" s="6"/>
      <c r="E28837" s="6" t="s">
        <v>9</v>
      </c>
      <c r="F28837" s="7"/>
      <c r="G28837" s="8">
        <v>1</v>
      </c>
      <c r="H28837" s="8">
        <v>1</v>
      </c>
      <c r="I28837" s="8">
        <v>0</v>
      </c>
      <c r="J28837" s="8">
        <v>1</v>
      </c>
      <c r="K28837" s="9">
        <v>395.36</v>
      </c>
      <c r="L28837" s="6" t="s">
        <v>51</v>
      </c>
    </row>
    <row r="28838" spans="1:12">
      <c r="A28838" s="6" t="s">
        <v>29010</v>
      </c>
      <c r="B28838" s="6"/>
      <c r="C28838" s="6" t="s">
        <v>29687</v>
      </c>
      <c r="D28838" s="6"/>
      <c r="E28838" s="6" t="s">
        <v>9</v>
      </c>
      <c r="F28838" s="7"/>
      <c r="G28838" s="8">
        <v>1</v>
      </c>
      <c r="H28838" s="8">
        <v>1</v>
      </c>
      <c r="I28838" s="8">
        <v>0</v>
      </c>
      <c r="J28838" s="8">
        <v>1</v>
      </c>
      <c r="K28838" s="9">
        <v>13</v>
      </c>
      <c r="L28838" s="6" t="s">
        <v>51</v>
      </c>
    </row>
    <row r="28839" spans="1:12">
      <c r="A28839" s="6" t="s">
        <v>29010</v>
      </c>
      <c r="B28839" s="6"/>
      <c r="C28839" s="6" t="s">
        <v>29688</v>
      </c>
      <c r="D28839" s="6"/>
      <c r="E28839" s="6" t="s">
        <v>9</v>
      </c>
      <c r="F28839" s="7"/>
      <c r="G28839" s="8">
        <v>1</v>
      </c>
      <c r="H28839" s="8">
        <v>1</v>
      </c>
      <c r="I28839" s="8">
        <v>0</v>
      </c>
      <c r="J28839" s="8">
        <v>1</v>
      </c>
      <c r="K28839" s="9">
        <v>12</v>
      </c>
      <c r="L28839" s="6" t="s">
        <v>51</v>
      </c>
    </row>
    <row r="28840" spans="1:12">
      <c r="A28840" s="6" t="s">
        <v>29010</v>
      </c>
      <c r="B28840" s="6"/>
      <c r="C28840" s="6" t="s">
        <v>29689</v>
      </c>
      <c r="D28840" s="6"/>
      <c r="E28840" s="6" t="s">
        <v>9</v>
      </c>
      <c r="F28840" s="7"/>
      <c r="G28840" s="8">
        <v>1</v>
      </c>
      <c r="H28840" s="8">
        <v>1</v>
      </c>
      <c r="I28840" s="8">
        <v>0</v>
      </c>
      <c r="J28840" s="8">
        <v>1</v>
      </c>
      <c r="K28840" s="9">
        <v>6.27</v>
      </c>
      <c r="L28840" s="6" t="s">
        <v>51</v>
      </c>
    </row>
    <row r="28841" spans="1:12">
      <c r="A28841" s="6" t="s">
        <v>29010</v>
      </c>
      <c r="B28841" s="6"/>
      <c r="C28841" s="6" t="s">
        <v>29690</v>
      </c>
      <c r="D28841" s="6"/>
      <c r="E28841" s="6" t="s">
        <v>9</v>
      </c>
      <c r="F28841" s="7"/>
      <c r="G28841" s="8">
        <v>1</v>
      </c>
      <c r="H28841" s="8">
        <v>1</v>
      </c>
      <c r="I28841" s="8">
        <v>0</v>
      </c>
      <c r="J28841" s="8">
        <v>1</v>
      </c>
      <c r="K28841" s="9">
        <v>50</v>
      </c>
      <c r="L28841" s="6" t="s">
        <v>51</v>
      </c>
    </row>
    <row r="28842" spans="1:12">
      <c r="A28842" s="6" t="s">
        <v>29010</v>
      </c>
      <c r="B28842" s="6"/>
      <c r="C28842" s="6" t="s">
        <v>29691</v>
      </c>
      <c r="D28842" s="6"/>
      <c r="E28842" s="6" t="s">
        <v>9</v>
      </c>
      <c r="F28842" s="7"/>
      <c r="G28842" s="8">
        <v>1</v>
      </c>
      <c r="H28842" s="8">
        <v>1</v>
      </c>
      <c r="I28842" s="8">
        <v>0</v>
      </c>
      <c r="J28842" s="8">
        <v>1</v>
      </c>
      <c r="K28842" s="9">
        <v>4.2</v>
      </c>
      <c r="L28842" s="6" t="s">
        <v>51</v>
      </c>
    </row>
    <row r="28843" spans="1:12">
      <c r="A28843" s="6" t="s">
        <v>29010</v>
      </c>
      <c r="B28843" s="6"/>
      <c r="C28843" s="6" t="s">
        <v>29692</v>
      </c>
      <c r="D28843" s="6"/>
      <c r="E28843" s="6" t="s">
        <v>9</v>
      </c>
      <c r="F28843" s="7"/>
      <c r="G28843" s="8">
        <v>1</v>
      </c>
      <c r="H28843" s="8">
        <v>1</v>
      </c>
      <c r="I28843" s="8">
        <v>0</v>
      </c>
      <c r="J28843" s="8">
        <v>1</v>
      </c>
      <c r="K28843" s="9">
        <v>143</v>
      </c>
      <c r="L28843" s="6" t="s">
        <v>51</v>
      </c>
    </row>
    <row r="28844" spans="1:12">
      <c r="A28844" s="6" t="s">
        <v>29010</v>
      </c>
      <c r="B28844" s="6"/>
      <c r="C28844" s="6" t="s">
        <v>29693</v>
      </c>
      <c r="D28844" s="6"/>
      <c r="E28844" s="6" t="s">
        <v>9</v>
      </c>
      <c r="F28844" s="7"/>
      <c r="G28844" s="8">
        <v>1</v>
      </c>
      <c r="H28844" s="8">
        <v>1</v>
      </c>
      <c r="I28844" s="8">
        <v>0</v>
      </c>
      <c r="J28844" s="8">
        <v>1</v>
      </c>
      <c r="K28844" s="9">
        <v>94</v>
      </c>
      <c r="L28844" s="6" t="s">
        <v>51</v>
      </c>
    </row>
    <row r="28845" spans="1:12">
      <c r="A28845" s="6" t="s">
        <v>29010</v>
      </c>
      <c r="B28845" s="6"/>
      <c r="C28845" s="6" t="s">
        <v>29694</v>
      </c>
      <c r="D28845" s="6"/>
      <c r="E28845" s="6" t="s">
        <v>9</v>
      </c>
      <c r="F28845" s="7"/>
      <c r="G28845" s="8">
        <v>1</v>
      </c>
      <c r="H28845" s="8">
        <v>1</v>
      </c>
      <c r="I28845" s="8">
        <v>0</v>
      </c>
      <c r="J28845" s="8">
        <v>1</v>
      </c>
      <c r="K28845" s="9">
        <v>33</v>
      </c>
      <c r="L28845" s="6" t="s">
        <v>51</v>
      </c>
    </row>
    <row r="28846" spans="1:12">
      <c r="A28846" s="6" t="s">
        <v>29010</v>
      </c>
      <c r="B28846" s="6"/>
      <c r="C28846" s="6" t="s">
        <v>29695</v>
      </c>
      <c r="D28846" s="6"/>
      <c r="E28846" s="6" t="s">
        <v>9</v>
      </c>
      <c r="F28846" s="7"/>
      <c r="G28846" s="8">
        <v>1</v>
      </c>
      <c r="H28846" s="8">
        <v>1</v>
      </c>
      <c r="I28846" s="8">
        <v>0</v>
      </c>
      <c r="J28846" s="8">
        <v>1</v>
      </c>
      <c r="K28846" s="9">
        <v>33</v>
      </c>
      <c r="L28846" s="6" t="s">
        <v>51</v>
      </c>
    </row>
    <row r="28847" spans="1:12">
      <c r="A28847" s="6" t="s">
        <v>29010</v>
      </c>
      <c r="B28847" s="6"/>
      <c r="C28847" s="6" t="s">
        <v>29696</v>
      </c>
      <c r="D28847" s="6"/>
      <c r="E28847" s="6" t="s">
        <v>9</v>
      </c>
      <c r="F28847" s="7"/>
      <c r="G28847" s="8">
        <v>1</v>
      </c>
      <c r="H28847" s="8">
        <v>1</v>
      </c>
      <c r="I28847" s="8">
        <v>0</v>
      </c>
      <c r="J28847" s="8">
        <v>1</v>
      </c>
      <c r="K28847" s="9">
        <v>9.91</v>
      </c>
      <c r="L28847" s="6" t="s">
        <v>51</v>
      </c>
    </row>
    <row r="28848" spans="1:12">
      <c r="A28848" s="6" t="s">
        <v>29010</v>
      </c>
      <c r="B28848" s="6"/>
      <c r="C28848" s="6" t="s">
        <v>29697</v>
      </c>
      <c r="D28848" s="6"/>
      <c r="E28848" s="6" t="s">
        <v>9</v>
      </c>
      <c r="F28848" s="7"/>
      <c r="G28848" s="8">
        <v>1</v>
      </c>
      <c r="H28848" s="8">
        <v>1</v>
      </c>
      <c r="I28848" s="8">
        <v>0</v>
      </c>
      <c r="J28848" s="8">
        <v>1</v>
      </c>
      <c r="K28848" s="9">
        <v>53</v>
      </c>
      <c r="L28848" s="6" t="s">
        <v>51</v>
      </c>
    </row>
    <row r="28849" spans="1:12">
      <c r="A28849" s="6" t="s">
        <v>29010</v>
      </c>
      <c r="B28849" s="6"/>
      <c r="C28849" s="6" t="s">
        <v>29698</v>
      </c>
      <c r="D28849" s="6"/>
      <c r="E28849" s="6" t="s">
        <v>9</v>
      </c>
      <c r="F28849" s="7"/>
      <c r="G28849" s="8">
        <v>1</v>
      </c>
      <c r="H28849" s="8">
        <v>1</v>
      </c>
      <c r="I28849" s="8">
        <v>0</v>
      </c>
      <c r="J28849" s="8">
        <v>1</v>
      </c>
      <c r="K28849" s="9">
        <v>313</v>
      </c>
      <c r="L28849" s="6" t="s">
        <v>51</v>
      </c>
    </row>
    <row r="28850" spans="1:12">
      <c r="A28850" s="6" t="s">
        <v>29010</v>
      </c>
      <c r="B28850" s="6"/>
      <c r="C28850" s="6" t="s">
        <v>29699</v>
      </c>
      <c r="D28850" s="6"/>
      <c r="E28850" s="6" t="s">
        <v>9</v>
      </c>
      <c r="F28850" s="7"/>
      <c r="G28850" s="8">
        <v>1</v>
      </c>
      <c r="H28850" s="8">
        <v>1</v>
      </c>
      <c r="I28850" s="8">
        <v>0</v>
      </c>
      <c r="J28850" s="8">
        <v>1</v>
      </c>
      <c r="K28850" s="9">
        <v>17</v>
      </c>
      <c r="L28850" s="6" t="s">
        <v>51</v>
      </c>
    </row>
    <row r="28851" spans="1:12">
      <c r="A28851" s="6" t="s">
        <v>29010</v>
      </c>
      <c r="B28851" s="6"/>
      <c r="C28851" s="6" t="s">
        <v>29700</v>
      </c>
      <c r="D28851" s="6"/>
      <c r="E28851" s="6" t="s">
        <v>9</v>
      </c>
      <c r="F28851" s="7"/>
      <c r="G28851" s="8">
        <v>1</v>
      </c>
      <c r="H28851" s="8">
        <v>1</v>
      </c>
      <c r="I28851" s="8">
        <v>0</v>
      </c>
      <c r="J28851" s="8">
        <v>1</v>
      </c>
      <c r="K28851" s="9">
        <v>1.68</v>
      </c>
      <c r="L28851" s="6" t="s">
        <v>51</v>
      </c>
    </row>
    <row r="28852" spans="1:12">
      <c r="A28852" s="6" t="s">
        <v>29010</v>
      </c>
      <c r="B28852" s="6"/>
      <c r="C28852" s="6" t="s">
        <v>29701</v>
      </c>
      <c r="D28852" s="6"/>
      <c r="E28852" s="6" t="s">
        <v>9</v>
      </c>
      <c r="F28852" s="7"/>
      <c r="G28852" s="8">
        <v>1</v>
      </c>
      <c r="H28852" s="8">
        <v>1</v>
      </c>
      <c r="I28852" s="8">
        <v>0</v>
      </c>
      <c r="J28852" s="8">
        <v>1</v>
      </c>
      <c r="K28852" s="9">
        <v>8.82</v>
      </c>
      <c r="L28852" s="6" t="s">
        <v>51</v>
      </c>
    </row>
    <row r="28853" spans="1:12">
      <c r="A28853" s="6" t="s">
        <v>29010</v>
      </c>
      <c r="B28853" s="6"/>
      <c r="C28853" s="6" t="s">
        <v>29702</v>
      </c>
      <c r="D28853" s="6"/>
      <c r="E28853" s="6" t="s">
        <v>9</v>
      </c>
      <c r="F28853" s="7"/>
      <c r="G28853" s="8">
        <v>1</v>
      </c>
      <c r="H28853" s="8">
        <v>1</v>
      </c>
      <c r="I28853" s="8">
        <v>0</v>
      </c>
      <c r="J28853" s="8">
        <v>1</v>
      </c>
      <c r="K28853" s="9">
        <v>18.149999999999899</v>
      </c>
      <c r="L28853" s="6" t="s">
        <v>51</v>
      </c>
    </row>
    <row r="28854" spans="1:12">
      <c r="A28854" s="6" t="s">
        <v>29010</v>
      </c>
      <c r="B28854" s="6"/>
      <c r="C28854" s="6" t="s">
        <v>29703</v>
      </c>
      <c r="D28854" s="6"/>
      <c r="E28854" s="6" t="s">
        <v>9</v>
      </c>
      <c r="F28854" s="7"/>
      <c r="G28854" s="8">
        <v>1</v>
      </c>
      <c r="H28854" s="8">
        <v>1</v>
      </c>
      <c r="I28854" s="8">
        <v>0</v>
      </c>
      <c r="J28854" s="8">
        <v>1</v>
      </c>
      <c r="K28854" s="9">
        <v>5.2</v>
      </c>
      <c r="L28854" s="6" t="s">
        <v>51</v>
      </c>
    </row>
    <row r="28855" spans="1:12">
      <c r="A28855" s="6" t="s">
        <v>29010</v>
      </c>
      <c r="B28855" s="6"/>
      <c r="C28855" s="6" t="s">
        <v>29704</v>
      </c>
      <c r="D28855" s="6"/>
      <c r="E28855" s="6" t="s">
        <v>9</v>
      </c>
      <c r="F28855" s="7"/>
      <c r="G28855" s="8">
        <v>1</v>
      </c>
      <c r="H28855" s="8">
        <v>1</v>
      </c>
      <c r="I28855" s="8">
        <v>0</v>
      </c>
      <c r="J28855" s="8">
        <v>1</v>
      </c>
      <c r="K28855" s="9">
        <v>21</v>
      </c>
      <c r="L28855" s="6" t="s">
        <v>51</v>
      </c>
    </row>
    <row r="28856" spans="1:12">
      <c r="A28856" s="6" t="s">
        <v>29010</v>
      </c>
      <c r="B28856" s="6"/>
      <c r="C28856" s="6" t="s">
        <v>29705</v>
      </c>
      <c r="D28856" s="6"/>
      <c r="E28856" s="6" t="s">
        <v>9</v>
      </c>
      <c r="F28856" s="7"/>
      <c r="G28856" s="8">
        <v>1</v>
      </c>
      <c r="H28856" s="8">
        <v>1</v>
      </c>
      <c r="I28856" s="8">
        <v>0</v>
      </c>
      <c r="J28856" s="8">
        <v>1</v>
      </c>
      <c r="K28856" s="9">
        <v>21</v>
      </c>
      <c r="L28856" s="6" t="s">
        <v>51</v>
      </c>
    </row>
    <row r="28857" spans="1:12">
      <c r="A28857" s="6" t="s">
        <v>29010</v>
      </c>
      <c r="B28857" s="6"/>
      <c r="C28857" s="6" t="s">
        <v>29706</v>
      </c>
      <c r="D28857" s="6"/>
      <c r="E28857" s="6" t="s">
        <v>9</v>
      </c>
      <c r="F28857" s="7"/>
      <c r="G28857" s="8">
        <v>1</v>
      </c>
      <c r="H28857" s="8">
        <v>1</v>
      </c>
      <c r="I28857" s="8">
        <v>0</v>
      </c>
      <c r="J28857" s="8">
        <v>1</v>
      </c>
      <c r="K28857" s="9">
        <v>16.32</v>
      </c>
      <c r="L28857" s="6" t="s">
        <v>51</v>
      </c>
    </row>
    <row r="28858" spans="1:12">
      <c r="A28858" s="6" t="s">
        <v>29010</v>
      </c>
      <c r="B28858" s="6"/>
      <c r="C28858" s="6" t="s">
        <v>29707</v>
      </c>
      <c r="D28858" s="6"/>
      <c r="E28858" s="6" t="s">
        <v>9</v>
      </c>
      <c r="F28858" s="7"/>
      <c r="G28858" s="8">
        <v>1</v>
      </c>
      <c r="H28858" s="8">
        <v>1</v>
      </c>
      <c r="I28858" s="8">
        <v>0</v>
      </c>
      <c r="J28858" s="8">
        <v>1</v>
      </c>
      <c r="K28858" s="9">
        <v>56</v>
      </c>
      <c r="L28858" s="6" t="s">
        <v>51</v>
      </c>
    </row>
    <row r="28859" spans="1:12">
      <c r="A28859" s="6" t="s">
        <v>29010</v>
      </c>
      <c r="B28859" s="6"/>
      <c r="C28859" s="6" t="s">
        <v>29708</v>
      </c>
      <c r="D28859" s="6"/>
      <c r="E28859" s="6" t="s">
        <v>9</v>
      </c>
      <c r="F28859" s="7"/>
      <c r="G28859" s="8">
        <v>1</v>
      </c>
      <c r="H28859" s="8">
        <v>1</v>
      </c>
      <c r="I28859" s="8">
        <v>0</v>
      </c>
      <c r="J28859" s="8">
        <v>1</v>
      </c>
      <c r="K28859" s="9">
        <v>95</v>
      </c>
      <c r="L28859" s="6" t="s">
        <v>51</v>
      </c>
    </row>
    <row r="28860" spans="1:12">
      <c r="A28860" s="6" t="s">
        <v>29010</v>
      </c>
      <c r="B28860" s="6"/>
      <c r="C28860" s="6" t="s">
        <v>29709</v>
      </c>
      <c r="D28860" s="6"/>
      <c r="E28860" s="6" t="s">
        <v>9</v>
      </c>
      <c r="F28860" s="7"/>
      <c r="G28860" s="8">
        <v>1</v>
      </c>
      <c r="H28860" s="8">
        <v>1</v>
      </c>
      <c r="I28860" s="8">
        <v>0</v>
      </c>
      <c r="J28860" s="8">
        <v>1</v>
      </c>
      <c r="K28860" s="9">
        <v>56</v>
      </c>
      <c r="L28860" s="6" t="s">
        <v>51</v>
      </c>
    </row>
    <row r="28861" spans="1:12">
      <c r="A28861" s="6" t="s">
        <v>29010</v>
      </c>
      <c r="B28861" s="6"/>
      <c r="C28861" s="6" t="s">
        <v>29710</v>
      </c>
      <c r="D28861" s="6"/>
      <c r="E28861" s="6" t="s">
        <v>9</v>
      </c>
      <c r="F28861" s="7"/>
      <c r="G28861" s="8">
        <v>1</v>
      </c>
      <c r="H28861" s="8">
        <v>1</v>
      </c>
      <c r="I28861" s="8">
        <v>0</v>
      </c>
      <c r="J28861" s="8">
        <v>1</v>
      </c>
      <c r="K28861" s="9">
        <v>23</v>
      </c>
      <c r="L28861" s="6" t="s">
        <v>51</v>
      </c>
    </row>
    <row r="28862" spans="1:12">
      <c r="A28862" s="6" t="s">
        <v>29010</v>
      </c>
      <c r="B28862" s="6"/>
      <c r="C28862" s="6" t="s">
        <v>29711</v>
      </c>
      <c r="D28862" s="6"/>
      <c r="E28862" s="6" t="s">
        <v>9</v>
      </c>
      <c r="F28862" s="7"/>
      <c r="G28862" s="8">
        <v>1</v>
      </c>
      <c r="H28862" s="8">
        <v>1</v>
      </c>
      <c r="I28862" s="8">
        <v>0</v>
      </c>
      <c r="J28862" s="8">
        <v>1</v>
      </c>
      <c r="K28862" s="9">
        <v>23</v>
      </c>
      <c r="L28862" s="6" t="s">
        <v>51</v>
      </c>
    </row>
    <row r="28863" spans="1:12">
      <c r="A28863" s="6" t="s">
        <v>29010</v>
      </c>
      <c r="B28863" s="6"/>
      <c r="C28863" s="6" t="s">
        <v>29712</v>
      </c>
      <c r="D28863" s="6"/>
      <c r="E28863" s="6" t="s">
        <v>9</v>
      </c>
      <c r="F28863" s="7"/>
      <c r="G28863" s="8">
        <v>1</v>
      </c>
      <c r="H28863" s="8">
        <v>1</v>
      </c>
      <c r="I28863" s="8">
        <v>0</v>
      </c>
      <c r="J28863" s="8">
        <v>1</v>
      </c>
      <c r="K28863" s="9">
        <v>52</v>
      </c>
      <c r="L28863" s="6" t="s">
        <v>51</v>
      </c>
    </row>
    <row r="28864" spans="1:12">
      <c r="A28864" s="6" t="s">
        <v>29010</v>
      </c>
      <c r="B28864" s="6"/>
      <c r="C28864" s="6" t="s">
        <v>29713</v>
      </c>
      <c r="D28864" s="6"/>
      <c r="E28864" s="6" t="s">
        <v>9</v>
      </c>
      <c r="F28864" s="7"/>
      <c r="G28864" s="8">
        <v>1</v>
      </c>
      <c r="H28864" s="8">
        <v>1</v>
      </c>
      <c r="I28864" s="8">
        <v>0</v>
      </c>
      <c r="J28864" s="8">
        <v>1</v>
      </c>
      <c r="K28864" s="9">
        <v>13</v>
      </c>
      <c r="L28864" s="6" t="s">
        <v>51</v>
      </c>
    </row>
    <row r="28865" spans="1:12">
      <c r="A28865" s="6" t="s">
        <v>29010</v>
      </c>
      <c r="B28865" s="6"/>
      <c r="C28865" s="6" t="s">
        <v>29714</v>
      </c>
      <c r="D28865" s="6"/>
      <c r="E28865" s="6" t="s">
        <v>9</v>
      </c>
      <c r="F28865" s="7"/>
      <c r="G28865" s="8">
        <v>1</v>
      </c>
      <c r="H28865" s="8">
        <v>1</v>
      </c>
      <c r="I28865" s="8">
        <v>0</v>
      </c>
      <c r="J28865" s="8">
        <v>1</v>
      </c>
      <c r="K28865" s="9">
        <v>6.61</v>
      </c>
      <c r="L28865" s="6" t="s">
        <v>51</v>
      </c>
    </row>
    <row r="28866" spans="1:12">
      <c r="A28866" s="6" t="s">
        <v>29010</v>
      </c>
      <c r="B28866" s="6"/>
      <c r="C28866" s="6" t="s">
        <v>29715</v>
      </c>
      <c r="D28866" s="6"/>
      <c r="E28866" s="6" t="s">
        <v>9</v>
      </c>
      <c r="F28866" s="7"/>
      <c r="G28866" s="8">
        <v>1</v>
      </c>
      <c r="H28866" s="8">
        <v>1</v>
      </c>
      <c r="I28866" s="8">
        <v>0</v>
      </c>
      <c r="J28866" s="8">
        <v>1</v>
      </c>
      <c r="K28866" s="9">
        <v>5.04</v>
      </c>
      <c r="L28866" s="6" t="s">
        <v>51</v>
      </c>
    </row>
    <row r="28867" spans="1:12">
      <c r="A28867" s="6" t="s">
        <v>29010</v>
      </c>
      <c r="B28867" s="6"/>
      <c r="C28867" s="6" t="s">
        <v>29716</v>
      </c>
      <c r="D28867" s="6"/>
      <c r="E28867" s="6" t="s">
        <v>9</v>
      </c>
      <c r="F28867" s="7"/>
      <c r="G28867" s="8">
        <v>1</v>
      </c>
      <c r="H28867" s="8">
        <v>1</v>
      </c>
      <c r="I28867" s="8">
        <v>0</v>
      </c>
      <c r="J28867" s="8">
        <v>1</v>
      </c>
      <c r="K28867" s="9">
        <v>36</v>
      </c>
      <c r="L28867" s="6" t="s">
        <v>51</v>
      </c>
    </row>
    <row r="28868" spans="1:12">
      <c r="A28868" s="6" t="s">
        <v>29010</v>
      </c>
      <c r="B28868" s="6"/>
      <c r="C28868" s="6" t="s">
        <v>29717</v>
      </c>
      <c r="D28868" s="6"/>
      <c r="E28868" s="6" t="s">
        <v>9</v>
      </c>
      <c r="F28868" s="7"/>
      <c r="G28868" s="8">
        <v>1</v>
      </c>
      <c r="H28868" s="8">
        <v>1</v>
      </c>
      <c r="I28868" s="8">
        <v>0</v>
      </c>
      <c r="J28868" s="8">
        <v>1</v>
      </c>
      <c r="K28868" s="9">
        <v>66</v>
      </c>
      <c r="L28868" s="6" t="s">
        <v>51</v>
      </c>
    </row>
    <row r="28869" spans="1:12">
      <c r="A28869" s="6" t="s">
        <v>29010</v>
      </c>
      <c r="B28869" s="6"/>
      <c r="C28869" s="6" t="s">
        <v>29718</v>
      </c>
      <c r="D28869" s="6"/>
      <c r="E28869" s="6" t="s">
        <v>9</v>
      </c>
      <c r="F28869" s="7"/>
      <c r="G28869" s="8">
        <v>1</v>
      </c>
      <c r="H28869" s="8">
        <v>1</v>
      </c>
      <c r="I28869" s="8">
        <v>0</v>
      </c>
      <c r="J28869" s="8">
        <v>1</v>
      </c>
      <c r="K28869" s="9">
        <v>19</v>
      </c>
      <c r="L28869" s="6" t="s">
        <v>51</v>
      </c>
    </row>
    <row r="28870" spans="1:12">
      <c r="A28870" s="6" t="s">
        <v>29010</v>
      </c>
      <c r="B28870" s="6"/>
      <c r="C28870" s="6" t="s">
        <v>29719</v>
      </c>
      <c r="D28870" s="6"/>
      <c r="E28870" s="6" t="s">
        <v>9</v>
      </c>
      <c r="F28870" s="7"/>
      <c r="G28870" s="8">
        <v>1</v>
      </c>
      <c r="H28870" s="8">
        <v>1</v>
      </c>
      <c r="I28870" s="8">
        <v>0</v>
      </c>
      <c r="J28870" s="8">
        <v>1</v>
      </c>
      <c r="K28870" s="9">
        <v>6.61</v>
      </c>
      <c r="L28870" s="6" t="s">
        <v>51</v>
      </c>
    </row>
    <row r="28871" spans="1:12">
      <c r="A28871" s="6" t="s">
        <v>29010</v>
      </c>
      <c r="B28871" s="6"/>
      <c r="C28871" s="6" t="s">
        <v>29720</v>
      </c>
      <c r="D28871" s="6"/>
      <c r="E28871" s="6" t="s">
        <v>9</v>
      </c>
      <c r="F28871" s="7"/>
      <c r="G28871" s="8">
        <v>1</v>
      </c>
      <c r="H28871" s="8">
        <v>1</v>
      </c>
      <c r="I28871" s="8">
        <v>0</v>
      </c>
      <c r="J28871" s="8">
        <v>1</v>
      </c>
      <c r="K28871" s="9">
        <v>3.3</v>
      </c>
      <c r="L28871" s="6" t="s">
        <v>51</v>
      </c>
    </row>
    <row r="28872" spans="1:12">
      <c r="A28872" s="6" t="s">
        <v>29010</v>
      </c>
      <c r="B28872" s="6"/>
      <c r="C28872" s="6" t="s">
        <v>29721</v>
      </c>
      <c r="D28872" s="6"/>
      <c r="E28872" s="6" t="s">
        <v>9</v>
      </c>
      <c r="F28872" s="7"/>
      <c r="G28872" s="8">
        <v>1</v>
      </c>
      <c r="H28872" s="8">
        <v>1</v>
      </c>
      <c r="I28872" s="8">
        <v>0</v>
      </c>
      <c r="J28872" s="8">
        <v>1</v>
      </c>
      <c r="K28872" s="9">
        <v>3.3</v>
      </c>
      <c r="L28872" s="6" t="s">
        <v>51</v>
      </c>
    </row>
    <row r="28873" spans="1:12">
      <c r="A28873" s="6" t="s">
        <v>29010</v>
      </c>
      <c r="B28873" s="6"/>
      <c r="C28873" s="6" t="s">
        <v>29722</v>
      </c>
      <c r="D28873" s="6"/>
      <c r="E28873" s="6" t="s">
        <v>9</v>
      </c>
      <c r="F28873" s="7"/>
      <c r="G28873" s="8">
        <v>1</v>
      </c>
      <c r="H28873" s="8">
        <v>1</v>
      </c>
      <c r="I28873" s="8">
        <v>0</v>
      </c>
      <c r="J28873" s="8">
        <v>1</v>
      </c>
      <c r="K28873" s="9">
        <v>148</v>
      </c>
      <c r="L28873" s="6" t="s">
        <v>51</v>
      </c>
    </row>
    <row r="28874" spans="1:12">
      <c r="A28874" s="6" t="s">
        <v>29010</v>
      </c>
      <c r="B28874" s="6"/>
      <c r="C28874" s="6" t="s">
        <v>29723</v>
      </c>
      <c r="D28874" s="6"/>
      <c r="E28874" s="6" t="s">
        <v>9</v>
      </c>
      <c r="F28874" s="7"/>
      <c r="G28874" s="8">
        <v>1</v>
      </c>
      <c r="H28874" s="8">
        <v>1</v>
      </c>
      <c r="I28874" s="8">
        <v>0</v>
      </c>
      <c r="J28874" s="8">
        <v>1</v>
      </c>
      <c r="K28874" s="9">
        <v>171</v>
      </c>
      <c r="L28874" s="6" t="s">
        <v>51</v>
      </c>
    </row>
    <row r="28875" spans="1:12">
      <c r="A28875" s="6" t="s">
        <v>29010</v>
      </c>
      <c r="B28875" s="6"/>
      <c r="C28875" s="6" t="s">
        <v>29724</v>
      </c>
      <c r="D28875" s="6"/>
      <c r="E28875" s="6" t="s">
        <v>9</v>
      </c>
      <c r="F28875" s="7"/>
      <c r="G28875" s="8">
        <v>1</v>
      </c>
      <c r="H28875" s="8">
        <v>1</v>
      </c>
      <c r="I28875" s="8">
        <v>0</v>
      </c>
      <c r="J28875" s="8">
        <v>1</v>
      </c>
      <c r="K28875" s="9">
        <v>23</v>
      </c>
      <c r="L28875" s="6" t="s">
        <v>51</v>
      </c>
    </row>
    <row r="28876" spans="1:12">
      <c r="A28876" s="6" t="s">
        <v>29010</v>
      </c>
      <c r="B28876" s="6"/>
      <c r="C28876" s="6" t="s">
        <v>29725</v>
      </c>
      <c r="D28876" s="6"/>
      <c r="E28876" s="6" t="s">
        <v>9</v>
      </c>
      <c r="F28876" s="7"/>
      <c r="G28876" s="8">
        <v>1</v>
      </c>
      <c r="H28876" s="8">
        <v>1</v>
      </c>
      <c r="I28876" s="8">
        <v>0</v>
      </c>
      <c r="J28876" s="8">
        <v>1</v>
      </c>
      <c r="K28876" s="9">
        <v>26</v>
      </c>
      <c r="L28876" s="6" t="s">
        <v>51</v>
      </c>
    </row>
    <row r="28877" spans="1:12">
      <c r="A28877" s="6" t="s">
        <v>29010</v>
      </c>
      <c r="B28877" s="6"/>
      <c r="C28877" s="6" t="s">
        <v>29726</v>
      </c>
      <c r="D28877" s="6"/>
      <c r="E28877" s="6" t="s">
        <v>9</v>
      </c>
      <c r="F28877" s="7"/>
      <c r="G28877" s="8">
        <v>1</v>
      </c>
      <c r="H28877" s="8">
        <v>1</v>
      </c>
      <c r="I28877" s="8">
        <v>0</v>
      </c>
      <c r="J28877" s="8">
        <v>1</v>
      </c>
      <c r="K28877" s="9">
        <v>13</v>
      </c>
      <c r="L28877" s="6" t="s">
        <v>51</v>
      </c>
    </row>
    <row r="28878" spans="1:12">
      <c r="A28878" s="6" t="s">
        <v>29010</v>
      </c>
      <c r="B28878" s="6"/>
      <c r="C28878" s="6" t="s">
        <v>29727</v>
      </c>
      <c r="D28878" s="6"/>
      <c r="E28878" s="6" t="s">
        <v>9</v>
      </c>
      <c r="F28878" s="7"/>
      <c r="G28878" s="8">
        <v>1</v>
      </c>
      <c r="H28878" s="8">
        <v>1</v>
      </c>
      <c r="I28878" s="8">
        <v>0</v>
      </c>
      <c r="J28878" s="8">
        <v>1</v>
      </c>
      <c r="K28878" s="9">
        <v>152</v>
      </c>
      <c r="L28878" s="6" t="s">
        <v>51</v>
      </c>
    </row>
    <row r="28879" spans="1:12">
      <c r="A28879" s="6" t="s">
        <v>29010</v>
      </c>
      <c r="B28879" s="6"/>
      <c r="C28879" s="6" t="s">
        <v>29728</v>
      </c>
      <c r="D28879" s="6"/>
      <c r="E28879" s="6" t="s">
        <v>9</v>
      </c>
      <c r="F28879" s="7"/>
      <c r="G28879" s="8">
        <v>1</v>
      </c>
      <c r="H28879" s="8">
        <v>1</v>
      </c>
      <c r="I28879" s="8">
        <v>0</v>
      </c>
      <c r="J28879" s="8">
        <v>1</v>
      </c>
      <c r="K28879" s="9">
        <v>32</v>
      </c>
      <c r="L28879" s="6" t="s">
        <v>51</v>
      </c>
    </row>
    <row r="28880" spans="1:12">
      <c r="A28880" s="6" t="s">
        <v>29010</v>
      </c>
      <c r="B28880" s="6"/>
      <c r="C28880" s="6" t="s">
        <v>29729</v>
      </c>
      <c r="D28880" s="6"/>
      <c r="E28880" s="6" t="s">
        <v>9</v>
      </c>
      <c r="F28880" s="7"/>
      <c r="G28880" s="8">
        <v>1</v>
      </c>
      <c r="H28880" s="8">
        <v>1</v>
      </c>
      <c r="I28880" s="8">
        <v>0</v>
      </c>
      <c r="J28880" s="8">
        <v>1</v>
      </c>
      <c r="K28880" s="9">
        <v>72</v>
      </c>
      <c r="L28880" s="6" t="s">
        <v>51</v>
      </c>
    </row>
    <row r="28881" spans="1:12">
      <c r="A28881" s="6" t="s">
        <v>29010</v>
      </c>
      <c r="B28881" s="6"/>
      <c r="C28881" s="6" t="s">
        <v>29730</v>
      </c>
      <c r="D28881" s="6"/>
      <c r="E28881" s="6" t="s">
        <v>9</v>
      </c>
      <c r="F28881" s="7"/>
      <c r="G28881" s="8">
        <v>1</v>
      </c>
      <c r="H28881" s="8">
        <v>1</v>
      </c>
      <c r="I28881" s="8">
        <v>0</v>
      </c>
      <c r="J28881" s="8">
        <v>1</v>
      </c>
      <c r="K28881" s="9">
        <v>46</v>
      </c>
      <c r="L28881" s="6" t="s">
        <v>51</v>
      </c>
    </row>
    <row r="28882" spans="1:12">
      <c r="A28882" s="6" t="s">
        <v>29010</v>
      </c>
      <c r="B28882" s="6"/>
      <c r="C28882" s="6" t="s">
        <v>29731</v>
      </c>
      <c r="D28882" s="6"/>
      <c r="E28882" s="6" t="s">
        <v>9</v>
      </c>
      <c r="F28882" s="7"/>
      <c r="G28882" s="8">
        <v>1</v>
      </c>
      <c r="H28882" s="8">
        <v>1</v>
      </c>
      <c r="I28882" s="8">
        <v>0</v>
      </c>
      <c r="J28882" s="8">
        <v>1</v>
      </c>
      <c r="K28882" s="9">
        <v>39</v>
      </c>
      <c r="L28882" s="6" t="s">
        <v>51</v>
      </c>
    </row>
    <row r="28883" spans="1:12">
      <c r="A28883" s="6" t="s">
        <v>29010</v>
      </c>
      <c r="B28883" s="6"/>
      <c r="C28883" s="6" t="s">
        <v>29732</v>
      </c>
      <c r="D28883" s="6"/>
      <c r="E28883" s="6" t="s">
        <v>9</v>
      </c>
      <c r="F28883" s="7"/>
      <c r="G28883" s="8">
        <v>1</v>
      </c>
      <c r="H28883" s="8">
        <v>1</v>
      </c>
      <c r="I28883" s="8">
        <v>0</v>
      </c>
      <c r="J28883" s="8">
        <v>1</v>
      </c>
      <c r="K28883" s="9">
        <v>36</v>
      </c>
      <c r="L28883" s="6" t="s">
        <v>51</v>
      </c>
    </row>
    <row r="28884" spans="1:12">
      <c r="A28884" s="6" t="s">
        <v>29010</v>
      </c>
      <c r="B28884" s="6"/>
      <c r="C28884" s="6" t="s">
        <v>29733</v>
      </c>
      <c r="D28884" s="6"/>
      <c r="E28884" s="6" t="s">
        <v>9</v>
      </c>
      <c r="F28884" s="7"/>
      <c r="G28884" s="8">
        <v>1</v>
      </c>
      <c r="H28884" s="8">
        <v>1</v>
      </c>
      <c r="I28884" s="8">
        <v>0</v>
      </c>
      <c r="J28884" s="8">
        <v>1</v>
      </c>
      <c r="K28884" s="9">
        <v>6.61</v>
      </c>
      <c r="L28884" s="6" t="s">
        <v>51</v>
      </c>
    </row>
    <row r="28885" spans="1:12">
      <c r="A28885" s="6" t="s">
        <v>29010</v>
      </c>
      <c r="B28885" s="6"/>
      <c r="C28885" s="6" t="s">
        <v>29734</v>
      </c>
      <c r="D28885" s="6"/>
      <c r="E28885" s="6" t="s">
        <v>9</v>
      </c>
      <c r="F28885" s="7"/>
      <c r="G28885" s="8">
        <v>1</v>
      </c>
      <c r="H28885" s="8">
        <v>1</v>
      </c>
      <c r="I28885" s="8">
        <v>0</v>
      </c>
      <c r="J28885" s="8">
        <v>1</v>
      </c>
      <c r="K28885" s="9">
        <v>27</v>
      </c>
      <c r="L28885" s="6" t="s">
        <v>51</v>
      </c>
    </row>
    <row r="28886" spans="1:12">
      <c r="A28886" s="6" t="s">
        <v>29010</v>
      </c>
      <c r="B28886" s="6"/>
      <c r="C28886" s="6" t="s">
        <v>29735</v>
      </c>
      <c r="D28886" s="6"/>
      <c r="E28886" s="6" t="s">
        <v>9</v>
      </c>
      <c r="F28886" s="7"/>
      <c r="G28886" s="8">
        <v>1</v>
      </c>
      <c r="H28886" s="8">
        <v>1</v>
      </c>
      <c r="I28886" s="8">
        <v>0</v>
      </c>
      <c r="J28886" s="8">
        <v>1</v>
      </c>
      <c r="K28886" s="9">
        <v>0.14000000000000001</v>
      </c>
      <c r="L28886" s="6" t="s">
        <v>51</v>
      </c>
    </row>
    <row r="28887" spans="1:12">
      <c r="A28887" s="6" t="s">
        <v>29010</v>
      </c>
      <c r="B28887" s="6"/>
      <c r="C28887" s="6" t="s">
        <v>29736</v>
      </c>
      <c r="D28887" s="6"/>
      <c r="E28887" s="6" t="s">
        <v>9</v>
      </c>
      <c r="F28887" s="7"/>
      <c r="G28887" s="8">
        <v>1</v>
      </c>
      <c r="H28887" s="8">
        <v>1</v>
      </c>
      <c r="I28887" s="8">
        <v>0</v>
      </c>
      <c r="J28887" s="8">
        <v>1</v>
      </c>
      <c r="K28887" s="9">
        <v>72</v>
      </c>
      <c r="L28887" s="6" t="s">
        <v>51</v>
      </c>
    </row>
    <row r="28888" spans="1:12">
      <c r="A28888" s="6" t="s">
        <v>29010</v>
      </c>
      <c r="B28888" s="6"/>
      <c r="C28888" s="6" t="s">
        <v>29737</v>
      </c>
      <c r="D28888" s="6"/>
      <c r="E28888" s="6" t="s">
        <v>9</v>
      </c>
      <c r="F28888" s="7"/>
      <c r="G28888" s="8">
        <v>1</v>
      </c>
      <c r="H28888" s="8">
        <v>1</v>
      </c>
      <c r="I28888" s="8">
        <v>0</v>
      </c>
      <c r="J28888" s="8">
        <v>1</v>
      </c>
      <c r="K28888" s="9">
        <v>6.61</v>
      </c>
      <c r="L28888" s="6" t="s">
        <v>51</v>
      </c>
    </row>
    <row r="28889" spans="1:12">
      <c r="A28889" s="6" t="s">
        <v>29010</v>
      </c>
      <c r="B28889" s="6"/>
      <c r="C28889" s="6" t="s">
        <v>29738</v>
      </c>
      <c r="D28889" s="6"/>
      <c r="E28889" s="6" t="s">
        <v>9</v>
      </c>
      <c r="F28889" s="7"/>
      <c r="G28889" s="8">
        <v>1</v>
      </c>
      <c r="H28889" s="8">
        <v>1</v>
      </c>
      <c r="I28889" s="8">
        <v>0</v>
      </c>
      <c r="J28889" s="8">
        <v>1</v>
      </c>
      <c r="K28889" s="9">
        <v>6.61</v>
      </c>
      <c r="L28889" s="6" t="s">
        <v>51</v>
      </c>
    </row>
    <row r="28890" spans="1:12">
      <c r="A28890" s="6" t="s">
        <v>29010</v>
      </c>
      <c r="B28890" s="6"/>
      <c r="C28890" s="6" t="s">
        <v>29739</v>
      </c>
      <c r="D28890" s="6"/>
      <c r="E28890" s="6" t="s">
        <v>9</v>
      </c>
      <c r="F28890" s="7"/>
      <c r="G28890" s="8">
        <v>1</v>
      </c>
      <c r="H28890" s="8">
        <v>1</v>
      </c>
      <c r="I28890" s="8">
        <v>0</v>
      </c>
      <c r="J28890" s="8">
        <v>1</v>
      </c>
      <c r="K28890" s="9">
        <v>6.61</v>
      </c>
      <c r="L28890" s="6" t="s">
        <v>51</v>
      </c>
    </row>
    <row r="28891" spans="1:12">
      <c r="A28891" s="6" t="s">
        <v>29010</v>
      </c>
      <c r="B28891" s="6"/>
      <c r="C28891" s="6" t="s">
        <v>29740</v>
      </c>
      <c r="D28891" s="6"/>
      <c r="E28891" s="6" t="s">
        <v>9</v>
      </c>
      <c r="F28891" s="7"/>
      <c r="G28891" s="8">
        <v>1</v>
      </c>
      <c r="H28891" s="8">
        <v>1</v>
      </c>
      <c r="I28891" s="8">
        <v>0</v>
      </c>
      <c r="J28891" s="8">
        <v>1</v>
      </c>
      <c r="K28891" s="9">
        <v>3.3</v>
      </c>
      <c r="L28891" s="6" t="s">
        <v>51</v>
      </c>
    </row>
    <row r="28892" spans="1:12">
      <c r="A28892" s="6" t="s">
        <v>29010</v>
      </c>
      <c r="B28892" s="6"/>
      <c r="C28892" s="6" t="s">
        <v>29741</v>
      </c>
      <c r="D28892" s="6"/>
      <c r="E28892" s="6" t="s">
        <v>9</v>
      </c>
      <c r="F28892" s="7"/>
      <c r="G28892" s="8">
        <v>1</v>
      </c>
      <c r="H28892" s="8">
        <v>1</v>
      </c>
      <c r="I28892" s="8">
        <v>0</v>
      </c>
      <c r="J28892" s="8">
        <v>1</v>
      </c>
      <c r="K28892" s="9">
        <v>56</v>
      </c>
      <c r="L28892" s="6" t="s">
        <v>51</v>
      </c>
    </row>
    <row r="28893" spans="1:12">
      <c r="A28893" s="6" t="s">
        <v>29010</v>
      </c>
      <c r="B28893" s="6"/>
      <c r="C28893" s="6" t="s">
        <v>29742</v>
      </c>
      <c r="D28893" s="6"/>
      <c r="E28893" s="6" t="s">
        <v>9</v>
      </c>
      <c r="F28893" s="7"/>
      <c r="G28893" s="8">
        <v>1</v>
      </c>
      <c r="H28893" s="8">
        <v>1</v>
      </c>
      <c r="I28893" s="8">
        <v>0</v>
      </c>
      <c r="J28893" s="8">
        <v>1</v>
      </c>
      <c r="K28893" s="9">
        <v>13</v>
      </c>
      <c r="L28893" s="6" t="s">
        <v>51</v>
      </c>
    </row>
    <row r="28894" spans="1:12">
      <c r="A28894" s="6" t="s">
        <v>29010</v>
      </c>
      <c r="B28894" s="6"/>
      <c r="C28894" s="6" t="s">
        <v>29743</v>
      </c>
      <c r="D28894" s="6"/>
      <c r="E28894" s="6" t="s">
        <v>9</v>
      </c>
      <c r="F28894" s="7"/>
      <c r="G28894" s="8">
        <v>1</v>
      </c>
      <c r="H28894" s="8">
        <v>1</v>
      </c>
      <c r="I28894" s="8">
        <v>0</v>
      </c>
      <c r="J28894" s="8">
        <v>1</v>
      </c>
      <c r="K28894" s="9">
        <v>56</v>
      </c>
      <c r="L28894" s="6" t="s">
        <v>51</v>
      </c>
    </row>
    <row r="28895" spans="1:12">
      <c r="A28895" s="6" t="s">
        <v>29010</v>
      </c>
      <c r="B28895" s="6"/>
      <c r="C28895" s="6" t="s">
        <v>29744</v>
      </c>
      <c r="D28895" s="6"/>
      <c r="E28895" s="6" t="s">
        <v>9</v>
      </c>
      <c r="F28895" s="7"/>
      <c r="G28895" s="8">
        <v>1</v>
      </c>
      <c r="H28895" s="8">
        <v>1</v>
      </c>
      <c r="I28895" s="8">
        <v>0</v>
      </c>
      <c r="J28895" s="8">
        <v>1</v>
      </c>
      <c r="K28895" s="9">
        <v>26</v>
      </c>
      <c r="L28895" s="6" t="s">
        <v>51</v>
      </c>
    </row>
    <row r="28896" spans="1:12">
      <c r="A28896" s="6" t="s">
        <v>29010</v>
      </c>
      <c r="B28896" s="6"/>
      <c r="C28896" s="6" t="s">
        <v>29745</v>
      </c>
      <c r="D28896" s="6"/>
      <c r="E28896" s="6" t="s">
        <v>9</v>
      </c>
      <c r="F28896" s="7"/>
      <c r="G28896" s="8">
        <v>1</v>
      </c>
      <c r="H28896" s="8">
        <v>1</v>
      </c>
      <c r="I28896" s="8">
        <v>0</v>
      </c>
      <c r="J28896" s="8">
        <v>1</v>
      </c>
      <c r="K28896" s="9">
        <v>52</v>
      </c>
      <c r="L28896" s="6" t="s">
        <v>51</v>
      </c>
    </row>
    <row r="28897" spans="1:12">
      <c r="A28897" s="6" t="s">
        <v>29010</v>
      </c>
      <c r="B28897" s="6"/>
      <c r="C28897" s="6" t="s">
        <v>29746</v>
      </c>
      <c r="D28897" s="6"/>
      <c r="E28897" s="6" t="s">
        <v>9</v>
      </c>
      <c r="F28897" s="7"/>
      <c r="G28897" s="8">
        <v>1</v>
      </c>
      <c r="H28897" s="8">
        <v>1</v>
      </c>
      <c r="I28897" s="8">
        <v>0</v>
      </c>
      <c r="J28897" s="8">
        <v>1</v>
      </c>
      <c r="K28897" s="9">
        <v>26</v>
      </c>
      <c r="L28897" s="6" t="s">
        <v>51</v>
      </c>
    </row>
    <row r="28898" spans="1:12">
      <c r="A28898" s="6" t="s">
        <v>29010</v>
      </c>
      <c r="B28898" s="6"/>
      <c r="C28898" s="6" t="s">
        <v>29747</v>
      </c>
      <c r="D28898" s="6"/>
      <c r="E28898" s="6" t="s">
        <v>9</v>
      </c>
      <c r="F28898" s="7"/>
      <c r="G28898" s="8">
        <v>1</v>
      </c>
      <c r="H28898" s="8">
        <v>1</v>
      </c>
      <c r="I28898" s="8">
        <v>0</v>
      </c>
      <c r="J28898" s="8">
        <v>1</v>
      </c>
      <c r="K28898" s="9">
        <v>4.95</v>
      </c>
      <c r="L28898" s="6" t="s">
        <v>51</v>
      </c>
    </row>
    <row r="28899" spans="1:12">
      <c r="A28899" s="6" t="s">
        <v>29010</v>
      </c>
      <c r="B28899" s="6"/>
      <c r="C28899" s="6" t="s">
        <v>29748</v>
      </c>
      <c r="D28899" s="6"/>
      <c r="E28899" s="6" t="s">
        <v>9</v>
      </c>
      <c r="F28899" s="7"/>
      <c r="G28899" s="8">
        <v>1</v>
      </c>
      <c r="H28899" s="8">
        <v>1</v>
      </c>
      <c r="I28899" s="8">
        <v>0</v>
      </c>
      <c r="J28899" s="8">
        <v>1</v>
      </c>
      <c r="K28899" s="9">
        <v>4.1399999999999899</v>
      </c>
      <c r="L28899" s="6" t="s">
        <v>51</v>
      </c>
    </row>
    <row r="28900" spans="1:12">
      <c r="A28900" s="6" t="s">
        <v>29010</v>
      </c>
      <c r="B28900" s="6"/>
      <c r="C28900" s="6" t="s">
        <v>29749</v>
      </c>
      <c r="D28900" s="6"/>
      <c r="E28900" s="6" t="s">
        <v>9</v>
      </c>
      <c r="F28900" s="7"/>
      <c r="G28900" s="8">
        <v>1</v>
      </c>
      <c r="H28900" s="8">
        <v>1</v>
      </c>
      <c r="I28900" s="8">
        <v>0</v>
      </c>
      <c r="J28900" s="8">
        <v>1</v>
      </c>
      <c r="K28900" s="9">
        <v>0.81</v>
      </c>
      <c r="L28900" s="6" t="s">
        <v>51</v>
      </c>
    </row>
    <row r="28901" spans="1:12">
      <c r="A28901" s="6" t="s">
        <v>29010</v>
      </c>
      <c r="B28901" s="6"/>
      <c r="C28901" s="6" t="s">
        <v>29750</v>
      </c>
      <c r="D28901" s="6"/>
      <c r="E28901" s="6" t="s">
        <v>9</v>
      </c>
      <c r="F28901" s="7"/>
      <c r="G28901" s="8">
        <v>1</v>
      </c>
      <c r="H28901" s="8">
        <v>1</v>
      </c>
      <c r="I28901" s="8">
        <v>0</v>
      </c>
      <c r="J28901" s="8">
        <v>1</v>
      </c>
      <c r="K28901" s="9">
        <v>122</v>
      </c>
      <c r="L28901" s="6" t="s">
        <v>51</v>
      </c>
    </row>
    <row r="28902" spans="1:12">
      <c r="A28902" s="6" t="s">
        <v>29010</v>
      </c>
      <c r="B28902" s="6"/>
      <c r="C28902" s="6" t="s">
        <v>29751</v>
      </c>
      <c r="D28902" s="6"/>
      <c r="E28902" s="6" t="s">
        <v>9</v>
      </c>
      <c r="F28902" s="7"/>
      <c r="G28902" s="8">
        <v>1</v>
      </c>
      <c r="H28902" s="8">
        <v>1</v>
      </c>
      <c r="I28902" s="8">
        <v>0</v>
      </c>
      <c r="J28902" s="8">
        <v>1</v>
      </c>
      <c r="K28902" s="9">
        <v>462.97</v>
      </c>
      <c r="L28902" s="6" t="s">
        <v>51</v>
      </c>
    </row>
    <row r="28903" spans="1:12">
      <c r="A28903" s="6" t="s">
        <v>29010</v>
      </c>
      <c r="B28903" s="6"/>
      <c r="C28903" s="6" t="s">
        <v>29752</v>
      </c>
      <c r="D28903" s="6"/>
      <c r="E28903" s="6" t="s">
        <v>9</v>
      </c>
      <c r="F28903" s="7"/>
      <c r="G28903" s="8">
        <v>1</v>
      </c>
      <c r="H28903" s="8">
        <v>1</v>
      </c>
      <c r="I28903" s="8">
        <v>0</v>
      </c>
      <c r="J28903" s="8">
        <v>1</v>
      </c>
      <c r="K28903" s="9">
        <v>13</v>
      </c>
      <c r="L28903" s="6" t="s">
        <v>51</v>
      </c>
    </row>
    <row r="28904" spans="1:12">
      <c r="A28904" s="6" t="s">
        <v>29010</v>
      </c>
      <c r="B28904" s="6"/>
      <c r="C28904" s="6" t="s">
        <v>29753</v>
      </c>
      <c r="D28904" s="6"/>
      <c r="E28904" s="6" t="s">
        <v>9</v>
      </c>
      <c r="F28904" s="7"/>
      <c r="G28904" s="8">
        <v>1</v>
      </c>
      <c r="H28904" s="8">
        <v>1</v>
      </c>
      <c r="I28904" s="8">
        <v>0</v>
      </c>
      <c r="J28904" s="8">
        <v>1</v>
      </c>
      <c r="K28904" s="9">
        <v>13</v>
      </c>
      <c r="L28904" s="6" t="s">
        <v>51</v>
      </c>
    </row>
    <row r="28905" spans="1:12">
      <c r="A28905" s="6" t="s">
        <v>29010</v>
      </c>
      <c r="B28905" s="6"/>
      <c r="C28905" s="6" t="s">
        <v>29754</v>
      </c>
      <c r="D28905" s="6"/>
      <c r="E28905" s="6" t="s">
        <v>9</v>
      </c>
      <c r="F28905" s="7"/>
      <c r="G28905" s="8">
        <v>1</v>
      </c>
      <c r="H28905" s="8">
        <v>1</v>
      </c>
      <c r="I28905" s="8">
        <v>0</v>
      </c>
      <c r="J28905" s="8">
        <v>1</v>
      </c>
      <c r="K28905" s="9">
        <v>9.91</v>
      </c>
      <c r="L28905" s="6" t="s">
        <v>51</v>
      </c>
    </row>
    <row r="28906" spans="1:12">
      <c r="A28906" s="6" t="s">
        <v>29010</v>
      </c>
      <c r="B28906" s="6"/>
      <c r="C28906" s="6" t="s">
        <v>29755</v>
      </c>
      <c r="D28906" s="6"/>
      <c r="E28906" s="6" t="s">
        <v>9</v>
      </c>
      <c r="F28906" s="7"/>
      <c r="G28906" s="8">
        <v>1</v>
      </c>
      <c r="H28906" s="8">
        <v>1</v>
      </c>
      <c r="I28906" s="8">
        <v>0</v>
      </c>
      <c r="J28906" s="8">
        <v>1</v>
      </c>
      <c r="K28906" s="9">
        <v>62</v>
      </c>
      <c r="L28906" s="6" t="s">
        <v>51</v>
      </c>
    </row>
    <row r="28907" spans="1:12">
      <c r="A28907" s="6" t="s">
        <v>29010</v>
      </c>
      <c r="B28907" s="6"/>
      <c r="C28907" s="6" t="s">
        <v>29756</v>
      </c>
      <c r="D28907" s="6"/>
      <c r="E28907" s="6" t="s">
        <v>9</v>
      </c>
      <c r="F28907" s="7"/>
      <c r="G28907" s="8">
        <v>1</v>
      </c>
      <c r="H28907" s="8">
        <v>1</v>
      </c>
      <c r="I28907" s="8">
        <v>0</v>
      </c>
      <c r="J28907" s="8">
        <v>1</v>
      </c>
      <c r="K28907" s="9">
        <v>62</v>
      </c>
      <c r="L28907" s="6" t="s">
        <v>51</v>
      </c>
    </row>
    <row r="28908" spans="1:12">
      <c r="A28908" s="6" t="s">
        <v>29010</v>
      </c>
      <c r="B28908" s="6"/>
      <c r="C28908" s="6" t="s">
        <v>29757</v>
      </c>
      <c r="D28908" s="6"/>
      <c r="E28908" s="6" t="s">
        <v>9</v>
      </c>
      <c r="F28908" s="7"/>
      <c r="G28908" s="8">
        <v>1</v>
      </c>
      <c r="H28908" s="8">
        <v>1</v>
      </c>
      <c r="I28908" s="8">
        <v>0</v>
      </c>
      <c r="J28908" s="8">
        <v>1</v>
      </c>
      <c r="K28908" s="9">
        <v>33</v>
      </c>
      <c r="L28908" s="6" t="s">
        <v>51</v>
      </c>
    </row>
    <row r="28909" spans="1:12">
      <c r="A28909" s="6" t="s">
        <v>29010</v>
      </c>
      <c r="B28909" s="6"/>
      <c r="C28909" s="6" t="s">
        <v>29758</v>
      </c>
      <c r="D28909" s="6"/>
      <c r="E28909" s="6" t="s">
        <v>9</v>
      </c>
      <c r="F28909" s="7"/>
      <c r="G28909" s="8">
        <v>1</v>
      </c>
      <c r="H28909" s="8">
        <v>1</v>
      </c>
      <c r="I28909" s="8">
        <v>0</v>
      </c>
      <c r="J28909" s="8">
        <v>1</v>
      </c>
      <c r="K28909" s="9">
        <v>29</v>
      </c>
      <c r="L28909" s="6" t="s">
        <v>51</v>
      </c>
    </row>
    <row r="28910" spans="1:12">
      <c r="A28910" s="6" t="s">
        <v>29010</v>
      </c>
      <c r="B28910" s="6"/>
      <c r="C28910" s="6" t="s">
        <v>29759</v>
      </c>
      <c r="D28910" s="6"/>
      <c r="E28910" s="6" t="s">
        <v>9</v>
      </c>
      <c r="F28910" s="7"/>
      <c r="G28910" s="8">
        <v>1</v>
      </c>
      <c r="H28910" s="8">
        <v>1</v>
      </c>
      <c r="I28910" s="8">
        <v>0</v>
      </c>
      <c r="J28910" s="8">
        <v>1</v>
      </c>
      <c r="K28910" s="9">
        <v>56</v>
      </c>
      <c r="L28910" s="6" t="s">
        <v>51</v>
      </c>
    </row>
    <row r="28911" spans="1:12">
      <c r="A28911" s="6" t="s">
        <v>29010</v>
      </c>
      <c r="B28911" s="6"/>
      <c r="C28911" s="6" t="s">
        <v>29760</v>
      </c>
      <c r="D28911" s="6"/>
      <c r="E28911" s="6" t="s">
        <v>9</v>
      </c>
      <c r="F28911" s="7"/>
      <c r="G28911" s="8">
        <v>1</v>
      </c>
      <c r="H28911" s="8">
        <v>1</v>
      </c>
      <c r="I28911" s="8">
        <v>0</v>
      </c>
      <c r="J28911" s="8">
        <v>1</v>
      </c>
      <c r="K28911" s="9">
        <v>26</v>
      </c>
      <c r="L28911" s="6" t="s">
        <v>51</v>
      </c>
    </row>
    <row r="28912" spans="1:12">
      <c r="A28912" s="6" t="s">
        <v>29010</v>
      </c>
      <c r="B28912" s="6"/>
      <c r="C28912" s="6" t="s">
        <v>29761</v>
      </c>
      <c r="D28912" s="6"/>
      <c r="E28912" s="6" t="s">
        <v>9</v>
      </c>
      <c r="F28912" s="7"/>
      <c r="G28912" s="8">
        <v>1</v>
      </c>
      <c r="H28912" s="8">
        <v>1</v>
      </c>
      <c r="I28912" s="8">
        <v>0</v>
      </c>
      <c r="J28912" s="8">
        <v>1</v>
      </c>
      <c r="K28912" s="9">
        <v>52</v>
      </c>
      <c r="L28912" s="6" t="s">
        <v>51</v>
      </c>
    </row>
    <row r="28913" spans="1:12">
      <c r="A28913" s="6" t="s">
        <v>29010</v>
      </c>
      <c r="B28913" s="6"/>
      <c r="C28913" s="6" t="s">
        <v>29762</v>
      </c>
      <c r="D28913" s="6"/>
      <c r="E28913" s="6" t="s">
        <v>9</v>
      </c>
      <c r="F28913" s="7"/>
      <c r="G28913" s="8">
        <v>1</v>
      </c>
      <c r="H28913" s="8">
        <v>1</v>
      </c>
      <c r="I28913" s="8">
        <v>0</v>
      </c>
      <c r="J28913" s="8">
        <v>1</v>
      </c>
      <c r="K28913" s="9">
        <v>6.61</v>
      </c>
      <c r="L28913" s="6" t="s">
        <v>51</v>
      </c>
    </row>
    <row r="28914" spans="1:12">
      <c r="A28914" s="6" t="s">
        <v>29010</v>
      </c>
      <c r="B28914" s="6"/>
      <c r="C28914" s="6" t="s">
        <v>29763</v>
      </c>
      <c r="D28914" s="6"/>
      <c r="E28914" s="6" t="s">
        <v>9</v>
      </c>
      <c r="F28914" s="7"/>
      <c r="G28914" s="8">
        <v>1</v>
      </c>
      <c r="H28914" s="8">
        <v>1</v>
      </c>
      <c r="I28914" s="8">
        <v>0</v>
      </c>
      <c r="J28914" s="8">
        <v>1</v>
      </c>
      <c r="K28914" s="9">
        <v>3.3</v>
      </c>
      <c r="L28914" s="6" t="s">
        <v>51</v>
      </c>
    </row>
    <row r="28915" spans="1:12">
      <c r="A28915" s="6" t="s">
        <v>29010</v>
      </c>
      <c r="B28915" s="6"/>
      <c r="C28915" s="6" t="s">
        <v>29764</v>
      </c>
      <c r="D28915" s="6"/>
      <c r="E28915" s="6" t="s">
        <v>9</v>
      </c>
      <c r="F28915" s="7"/>
      <c r="G28915" s="8">
        <v>1</v>
      </c>
      <c r="H28915" s="8">
        <v>1</v>
      </c>
      <c r="I28915" s="8">
        <v>0</v>
      </c>
      <c r="J28915" s="8">
        <v>1</v>
      </c>
      <c r="K28915" s="9">
        <v>39.659999999999897</v>
      </c>
      <c r="L28915" s="6" t="s">
        <v>51</v>
      </c>
    </row>
    <row r="28916" spans="1:12">
      <c r="A28916" s="6" t="s">
        <v>29010</v>
      </c>
      <c r="B28916" s="6"/>
      <c r="C28916" s="6" t="s">
        <v>29765</v>
      </c>
      <c r="D28916" s="6"/>
      <c r="E28916" s="6" t="s">
        <v>9</v>
      </c>
      <c r="F28916" s="7"/>
      <c r="G28916" s="8">
        <v>1</v>
      </c>
      <c r="H28916" s="8">
        <v>1</v>
      </c>
      <c r="I28916" s="8">
        <v>0</v>
      </c>
      <c r="J28916" s="8">
        <v>1</v>
      </c>
      <c r="K28916" s="9">
        <v>33</v>
      </c>
      <c r="L28916" s="6" t="s">
        <v>51</v>
      </c>
    </row>
    <row r="28917" spans="1:12">
      <c r="A28917" s="6" t="s">
        <v>29010</v>
      </c>
      <c r="B28917" s="6"/>
      <c r="C28917" s="6" t="s">
        <v>29766</v>
      </c>
      <c r="D28917" s="6"/>
      <c r="E28917" s="6" t="s">
        <v>9</v>
      </c>
      <c r="F28917" s="7"/>
      <c r="G28917" s="8">
        <v>1</v>
      </c>
      <c r="H28917" s="8">
        <v>1</v>
      </c>
      <c r="I28917" s="8">
        <v>0</v>
      </c>
      <c r="J28917" s="8">
        <v>1</v>
      </c>
      <c r="K28917" s="9">
        <v>6.61</v>
      </c>
      <c r="L28917" s="6" t="s">
        <v>51</v>
      </c>
    </row>
    <row r="28918" spans="1:12">
      <c r="A28918" s="6" t="s">
        <v>29010</v>
      </c>
      <c r="B28918" s="6"/>
      <c r="C28918" s="6" t="s">
        <v>29767</v>
      </c>
      <c r="D28918" s="6"/>
      <c r="E28918" s="6" t="s">
        <v>9</v>
      </c>
      <c r="F28918" s="7"/>
      <c r="G28918" s="8">
        <v>1</v>
      </c>
      <c r="H28918" s="8">
        <v>1</v>
      </c>
      <c r="I28918" s="8">
        <v>0</v>
      </c>
      <c r="J28918" s="8">
        <v>1</v>
      </c>
      <c r="K28918" s="9">
        <v>3.3</v>
      </c>
      <c r="L28918" s="6" t="s">
        <v>51</v>
      </c>
    </row>
    <row r="28919" spans="1:12">
      <c r="A28919" s="6" t="s">
        <v>29010</v>
      </c>
      <c r="B28919" s="6"/>
      <c r="C28919" s="6" t="s">
        <v>29768</v>
      </c>
      <c r="D28919" s="6"/>
      <c r="E28919" s="6" t="s">
        <v>9</v>
      </c>
      <c r="F28919" s="7"/>
      <c r="G28919" s="8">
        <v>1</v>
      </c>
      <c r="H28919" s="8">
        <v>1</v>
      </c>
      <c r="I28919" s="8">
        <v>0</v>
      </c>
      <c r="J28919" s="8">
        <v>1</v>
      </c>
      <c r="K28919" s="9">
        <v>14.4</v>
      </c>
      <c r="L28919" s="6" t="s">
        <v>51</v>
      </c>
    </row>
    <row r="28920" spans="1:12">
      <c r="A28920" s="6" t="s">
        <v>29010</v>
      </c>
      <c r="B28920" s="6"/>
      <c r="C28920" s="6" t="s">
        <v>29769</v>
      </c>
      <c r="D28920" s="6"/>
      <c r="E28920" s="6" t="s">
        <v>9</v>
      </c>
      <c r="F28920" s="7"/>
      <c r="G28920" s="8">
        <v>1</v>
      </c>
      <c r="H28920" s="8">
        <v>1</v>
      </c>
      <c r="I28920" s="8">
        <v>0</v>
      </c>
      <c r="J28920" s="8">
        <v>1</v>
      </c>
      <c r="K28920" s="9">
        <v>16.52</v>
      </c>
      <c r="L28920" s="6" t="s">
        <v>51</v>
      </c>
    </row>
    <row r="28921" spans="1:12">
      <c r="A28921" s="6" t="s">
        <v>29010</v>
      </c>
      <c r="B28921" s="6"/>
      <c r="C28921" s="6" t="s">
        <v>29770</v>
      </c>
      <c r="D28921" s="6"/>
      <c r="E28921" s="6" t="s">
        <v>9</v>
      </c>
      <c r="F28921" s="7"/>
      <c r="G28921" s="8">
        <v>1</v>
      </c>
      <c r="H28921" s="8">
        <v>1</v>
      </c>
      <c r="I28921" s="8">
        <v>0</v>
      </c>
      <c r="J28921" s="8">
        <v>1</v>
      </c>
      <c r="K28921" s="9">
        <v>26</v>
      </c>
      <c r="L28921" s="6" t="s">
        <v>51</v>
      </c>
    </row>
    <row r="28922" spans="1:12">
      <c r="A28922" s="6" t="s">
        <v>29010</v>
      </c>
      <c r="B28922" s="6"/>
      <c r="C28922" s="6" t="s">
        <v>29771</v>
      </c>
      <c r="D28922" s="6"/>
      <c r="E28922" s="6" t="s">
        <v>9</v>
      </c>
      <c r="F28922" s="7"/>
      <c r="G28922" s="8">
        <v>1</v>
      </c>
      <c r="H28922" s="8">
        <v>1</v>
      </c>
      <c r="I28922" s="8">
        <v>0</v>
      </c>
      <c r="J28922" s="8">
        <v>1</v>
      </c>
      <c r="K28922" s="9">
        <v>19</v>
      </c>
      <c r="L28922" s="6" t="s">
        <v>51</v>
      </c>
    </row>
    <row r="28923" spans="1:12">
      <c r="A28923" s="6" t="s">
        <v>29010</v>
      </c>
      <c r="B28923" s="6"/>
      <c r="C28923" s="6" t="s">
        <v>29772</v>
      </c>
      <c r="D28923" s="6"/>
      <c r="E28923" s="6" t="s">
        <v>9</v>
      </c>
      <c r="F28923" s="7"/>
      <c r="G28923" s="8">
        <v>1</v>
      </c>
      <c r="H28923" s="8">
        <v>1</v>
      </c>
      <c r="I28923" s="8">
        <v>0</v>
      </c>
      <c r="J28923" s="8">
        <v>1</v>
      </c>
      <c r="K28923" s="9">
        <v>29</v>
      </c>
      <c r="L28923" s="6" t="s">
        <v>51</v>
      </c>
    </row>
    <row r="28924" spans="1:12">
      <c r="A28924" s="6" t="s">
        <v>29010</v>
      </c>
      <c r="B28924" s="6"/>
      <c r="C28924" s="6" t="s">
        <v>29773</v>
      </c>
      <c r="D28924" s="6"/>
      <c r="E28924" s="6" t="s">
        <v>9</v>
      </c>
      <c r="F28924" s="7"/>
      <c r="G28924" s="8">
        <v>1</v>
      </c>
      <c r="H28924" s="8">
        <v>1</v>
      </c>
      <c r="I28924" s="8">
        <v>0</v>
      </c>
      <c r="J28924" s="8">
        <v>1</v>
      </c>
      <c r="K28924" s="9">
        <v>36</v>
      </c>
      <c r="L28924" s="6" t="s">
        <v>51</v>
      </c>
    </row>
    <row r="28925" spans="1:12">
      <c r="A28925" s="6" t="s">
        <v>29010</v>
      </c>
      <c r="B28925" s="6"/>
      <c r="C28925" s="6" t="s">
        <v>29774</v>
      </c>
      <c r="D28925" s="6"/>
      <c r="E28925" s="6" t="s">
        <v>9</v>
      </c>
      <c r="F28925" s="7"/>
      <c r="G28925" s="8">
        <v>1</v>
      </c>
      <c r="H28925" s="8">
        <v>1</v>
      </c>
      <c r="I28925" s="8">
        <v>0</v>
      </c>
      <c r="J28925" s="8">
        <v>1</v>
      </c>
      <c r="K28925" s="9">
        <v>56</v>
      </c>
      <c r="L28925" s="6" t="s">
        <v>51</v>
      </c>
    </row>
    <row r="28926" spans="1:12">
      <c r="A28926" s="6" t="s">
        <v>29010</v>
      </c>
      <c r="B28926" s="6"/>
      <c r="C28926" s="6" t="s">
        <v>29775</v>
      </c>
      <c r="D28926" s="6"/>
      <c r="E28926" s="6" t="s">
        <v>9</v>
      </c>
      <c r="F28926" s="7"/>
      <c r="G28926" s="8">
        <v>1</v>
      </c>
      <c r="H28926" s="8">
        <v>1</v>
      </c>
      <c r="I28926" s="8">
        <v>0</v>
      </c>
      <c r="J28926" s="8">
        <v>1</v>
      </c>
      <c r="K28926" s="9">
        <v>0.25</v>
      </c>
      <c r="L28926" s="6" t="s">
        <v>51</v>
      </c>
    </row>
    <row r="28927" spans="1:12">
      <c r="A28927" s="6" t="s">
        <v>29010</v>
      </c>
      <c r="B28927" s="6"/>
      <c r="C28927" s="6" t="s">
        <v>29776</v>
      </c>
      <c r="D28927" s="6"/>
      <c r="E28927" s="6" t="s">
        <v>9</v>
      </c>
      <c r="F28927" s="7"/>
      <c r="G28927" s="8">
        <v>1</v>
      </c>
      <c r="H28927" s="8">
        <v>1</v>
      </c>
      <c r="I28927" s="8">
        <v>0</v>
      </c>
      <c r="J28927" s="8">
        <v>1</v>
      </c>
      <c r="K28927" s="9">
        <v>15</v>
      </c>
      <c r="L28927" s="6" t="s">
        <v>51</v>
      </c>
    </row>
    <row r="28928" spans="1:12">
      <c r="A28928" s="6" t="s">
        <v>29010</v>
      </c>
      <c r="B28928" s="6"/>
      <c r="C28928" s="6" t="s">
        <v>29777</v>
      </c>
      <c r="D28928" s="6"/>
      <c r="E28928" s="6" t="s">
        <v>9</v>
      </c>
      <c r="F28928" s="7"/>
      <c r="G28928" s="8">
        <v>1</v>
      </c>
      <c r="H28928" s="8">
        <v>1</v>
      </c>
      <c r="I28928" s="8">
        <v>0</v>
      </c>
      <c r="J28928" s="8">
        <v>1</v>
      </c>
      <c r="K28928" s="9">
        <v>6.11</v>
      </c>
      <c r="L28928" s="6" t="s">
        <v>51</v>
      </c>
    </row>
    <row r="28929" spans="1:12">
      <c r="A28929" s="6" t="s">
        <v>29010</v>
      </c>
      <c r="B28929" s="6"/>
      <c r="C28929" s="6" t="s">
        <v>29778</v>
      </c>
      <c r="D28929" s="6"/>
      <c r="E28929" s="6" t="s">
        <v>9</v>
      </c>
      <c r="F28929" s="7"/>
      <c r="G28929" s="8">
        <v>1</v>
      </c>
      <c r="H28929" s="8">
        <v>1</v>
      </c>
      <c r="I28929" s="8">
        <v>0</v>
      </c>
      <c r="J28929" s="8">
        <v>1</v>
      </c>
      <c r="K28929" s="9">
        <v>9.8699999999999903</v>
      </c>
      <c r="L28929" s="6" t="s">
        <v>51</v>
      </c>
    </row>
    <row r="28930" spans="1:12">
      <c r="A28930" s="6" t="s">
        <v>29010</v>
      </c>
      <c r="B28930" s="6"/>
      <c r="C28930" s="6" t="s">
        <v>29779</v>
      </c>
      <c r="D28930" s="6"/>
      <c r="E28930" s="6" t="s">
        <v>9</v>
      </c>
      <c r="F28930" s="7"/>
      <c r="G28930" s="8">
        <v>1</v>
      </c>
      <c r="H28930" s="8">
        <v>1</v>
      </c>
      <c r="I28930" s="8">
        <v>0</v>
      </c>
      <c r="J28930" s="8">
        <v>1</v>
      </c>
      <c r="K28930" s="9">
        <v>19</v>
      </c>
      <c r="L28930" s="6" t="s">
        <v>51</v>
      </c>
    </row>
    <row r="28931" spans="1:12">
      <c r="A28931" s="6" t="s">
        <v>29010</v>
      </c>
      <c r="B28931" s="6"/>
      <c r="C28931" s="6" t="s">
        <v>29780</v>
      </c>
      <c r="D28931" s="6"/>
      <c r="E28931" s="6" t="s">
        <v>9</v>
      </c>
      <c r="F28931" s="7"/>
      <c r="G28931" s="8">
        <v>1</v>
      </c>
      <c r="H28931" s="8">
        <v>1</v>
      </c>
      <c r="I28931" s="8">
        <v>0</v>
      </c>
      <c r="J28931" s="8">
        <v>1</v>
      </c>
      <c r="K28931" s="9">
        <v>1.78</v>
      </c>
      <c r="L28931" s="6" t="s">
        <v>51</v>
      </c>
    </row>
    <row r="28932" spans="1:12">
      <c r="A28932" s="6" t="s">
        <v>29010</v>
      </c>
      <c r="B28932" s="6"/>
      <c r="C28932" s="6" t="s">
        <v>29781</v>
      </c>
      <c r="D28932" s="6"/>
      <c r="E28932" s="6" t="s">
        <v>9</v>
      </c>
      <c r="F28932" s="7"/>
      <c r="G28932" s="8">
        <v>1</v>
      </c>
      <c r="H28932" s="8">
        <v>1</v>
      </c>
      <c r="I28932" s="8">
        <v>0</v>
      </c>
      <c r="J28932" s="8">
        <v>1</v>
      </c>
      <c r="K28932" s="9">
        <v>0.38</v>
      </c>
      <c r="L28932" s="6" t="s">
        <v>51</v>
      </c>
    </row>
    <row r="28933" spans="1:12">
      <c r="A28933" s="6" t="s">
        <v>29010</v>
      </c>
      <c r="B28933" s="6"/>
      <c r="C28933" s="6" t="s">
        <v>29782</v>
      </c>
      <c r="D28933" s="6"/>
      <c r="E28933" s="6" t="s">
        <v>9</v>
      </c>
      <c r="F28933" s="7"/>
      <c r="G28933" s="8">
        <v>1</v>
      </c>
      <c r="H28933" s="8">
        <v>1</v>
      </c>
      <c r="I28933" s="8">
        <v>0</v>
      </c>
      <c r="J28933" s="8">
        <v>1</v>
      </c>
      <c r="K28933" s="9">
        <v>67</v>
      </c>
      <c r="L28933" s="6" t="s">
        <v>51</v>
      </c>
    </row>
    <row r="28934" spans="1:12">
      <c r="A28934" s="6" t="s">
        <v>29010</v>
      </c>
      <c r="B28934" s="6"/>
      <c r="C28934" s="6" t="s">
        <v>29783</v>
      </c>
      <c r="D28934" s="6"/>
      <c r="E28934" s="6" t="s">
        <v>9</v>
      </c>
      <c r="F28934" s="7"/>
      <c r="G28934" s="8">
        <v>1</v>
      </c>
      <c r="H28934" s="8">
        <v>1</v>
      </c>
      <c r="I28934" s="8">
        <v>0</v>
      </c>
      <c r="J28934" s="8">
        <v>1</v>
      </c>
      <c r="K28934" s="9">
        <v>26</v>
      </c>
      <c r="L28934" s="6" t="s">
        <v>51</v>
      </c>
    </row>
    <row r="28935" spans="1:12">
      <c r="A28935" s="6" t="s">
        <v>29010</v>
      </c>
      <c r="B28935" s="6"/>
      <c r="C28935" s="6" t="s">
        <v>29784</v>
      </c>
      <c r="D28935" s="6"/>
      <c r="E28935" s="6" t="s">
        <v>9</v>
      </c>
      <c r="F28935" s="7"/>
      <c r="G28935" s="8">
        <v>1</v>
      </c>
      <c r="H28935" s="8">
        <v>1</v>
      </c>
      <c r="I28935" s="8">
        <v>0</v>
      </c>
      <c r="J28935" s="8">
        <v>1</v>
      </c>
      <c r="K28935" s="9">
        <v>6.61</v>
      </c>
      <c r="L28935" s="6" t="s">
        <v>51</v>
      </c>
    </row>
    <row r="28936" spans="1:12">
      <c r="A28936" s="6" t="s">
        <v>29010</v>
      </c>
      <c r="B28936" s="6"/>
      <c r="C28936" s="6" t="s">
        <v>29785</v>
      </c>
      <c r="D28936" s="6"/>
      <c r="E28936" s="6" t="s">
        <v>9</v>
      </c>
      <c r="F28936" s="7"/>
      <c r="G28936" s="8">
        <v>1</v>
      </c>
      <c r="H28936" s="8">
        <v>1</v>
      </c>
      <c r="I28936" s="8">
        <v>0</v>
      </c>
      <c r="J28936" s="8">
        <v>1</v>
      </c>
      <c r="K28936" s="9">
        <v>9.14</v>
      </c>
      <c r="L28936" s="6" t="s">
        <v>51</v>
      </c>
    </row>
    <row r="28937" spans="1:12">
      <c r="A28937" s="6" t="s">
        <v>29010</v>
      </c>
      <c r="B28937" s="6"/>
      <c r="C28937" s="6" t="s">
        <v>29786</v>
      </c>
      <c r="D28937" s="6"/>
      <c r="E28937" s="6" t="s">
        <v>9</v>
      </c>
      <c r="F28937" s="7"/>
      <c r="G28937" s="8">
        <v>1</v>
      </c>
      <c r="H28937" s="8">
        <v>1</v>
      </c>
      <c r="I28937" s="8">
        <v>0</v>
      </c>
      <c r="J28937" s="8">
        <v>1</v>
      </c>
      <c r="K28937" s="9">
        <v>0.33</v>
      </c>
      <c r="L28937" s="6" t="s">
        <v>51</v>
      </c>
    </row>
    <row r="28938" spans="1:12">
      <c r="A28938" s="6" t="s">
        <v>29010</v>
      </c>
      <c r="B28938" s="6"/>
      <c r="C28938" s="6" t="s">
        <v>29787</v>
      </c>
      <c r="D28938" s="6"/>
      <c r="E28938" s="6" t="s">
        <v>9</v>
      </c>
      <c r="F28938" s="7"/>
      <c r="G28938" s="8">
        <v>1</v>
      </c>
      <c r="H28938" s="8">
        <v>1</v>
      </c>
      <c r="I28938" s="8">
        <v>0</v>
      </c>
      <c r="J28938" s="8">
        <v>1</v>
      </c>
      <c r="K28938" s="9">
        <v>11</v>
      </c>
      <c r="L28938" s="6" t="s">
        <v>51</v>
      </c>
    </row>
    <row r="28939" spans="1:12">
      <c r="A28939" s="6" t="s">
        <v>29010</v>
      </c>
      <c r="B28939" s="6"/>
      <c r="C28939" s="6" t="s">
        <v>29788</v>
      </c>
      <c r="D28939" s="6"/>
      <c r="E28939" s="6" t="s">
        <v>9</v>
      </c>
      <c r="F28939" s="7"/>
      <c r="G28939" s="8">
        <v>1</v>
      </c>
      <c r="H28939" s="8">
        <v>1</v>
      </c>
      <c r="I28939" s="8">
        <v>0</v>
      </c>
      <c r="J28939" s="8">
        <v>1</v>
      </c>
      <c r="K28939" s="9">
        <v>0.79</v>
      </c>
      <c r="L28939" s="6" t="s">
        <v>51</v>
      </c>
    </row>
    <row r="28940" spans="1:12">
      <c r="A28940" s="6" t="s">
        <v>29010</v>
      </c>
      <c r="B28940" s="6"/>
      <c r="C28940" s="6" t="s">
        <v>29789</v>
      </c>
      <c r="D28940" s="6"/>
      <c r="E28940" s="6" t="s">
        <v>9</v>
      </c>
      <c r="F28940" s="7"/>
      <c r="G28940" s="8">
        <v>1</v>
      </c>
      <c r="H28940" s="8">
        <v>1</v>
      </c>
      <c r="I28940" s="8">
        <v>0</v>
      </c>
      <c r="J28940" s="8">
        <v>1</v>
      </c>
      <c r="K28940" s="9">
        <v>0.26</v>
      </c>
      <c r="L28940" s="6" t="s">
        <v>51</v>
      </c>
    </row>
    <row r="28941" spans="1:12">
      <c r="A28941" s="6" t="s">
        <v>29010</v>
      </c>
      <c r="B28941" s="6"/>
      <c r="C28941" s="6" t="s">
        <v>29790</v>
      </c>
      <c r="D28941" s="6"/>
      <c r="E28941" s="6" t="s">
        <v>9</v>
      </c>
      <c r="F28941" s="7"/>
      <c r="G28941" s="8">
        <v>1</v>
      </c>
      <c r="H28941" s="8">
        <v>1</v>
      </c>
      <c r="I28941" s="8">
        <v>0</v>
      </c>
      <c r="J28941" s="8">
        <v>1</v>
      </c>
      <c r="K28941" s="9">
        <v>213</v>
      </c>
      <c r="L28941" s="6" t="s">
        <v>51</v>
      </c>
    </row>
    <row r="28942" spans="1:12">
      <c r="A28942" s="6" t="s">
        <v>29010</v>
      </c>
      <c r="B28942" s="6"/>
      <c r="C28942" s="6" t="s">
        <v>29791</v>
      </c>
      <c r="D28942" s="6"/>
      <c r="E28942" s="6" t="s">
        <v>9</v>
      </c>
      <c r="F28942" s="7"/>
      <c r="G28942" s="8">
        <v>1</v>
      </c>
      <c r="H28942" s="8">
        <v>1</v>
      </c>
      <c r="I28942" s="8">
        <v>0</v>
      </c>
      <c r="J28942" s="8">
        <v>1</v>
      </c>
      <c r="K28942" s="9">
        <v>90</v>
      </c>
      <c r="L28942" s="6" t="s">
        <v>51</v>
      </c>
    </row>
    <row r="28943" spans="1:12">
      <c r="A28943" s="6" t="s">
        <v>29010</v>
      </c>
      <c r="B28943" s="6"/>
      <c r="C28943" s="6" t="s">
        <v>29792</v>
      </c>
      <c r="D28943" s="6"/>
      <c r="E28943" s="6" t="s">
        <v>9</v>
      </c>
      <c r="F28943" s="7"/>
      <c r="G28943" s="8">
        <v>1</v>
      </c>
      <c r="H28943" s="8">
        <v>1</v>
      </c>
      <c r="I28943" s="8">
        <v>0</v>
      </c>
      <c r="J28943" s="8">
        <v>1</v>
      </c>
      <c r="K28943" s="9">
        <v>38</v>
      </c>
      <c r="L28943" s="6" t="s">
        <v>51</v>
      </c>
    </row>
    <row r="28944" spans="1:12">
      <c r="A28944" s="6" t="s">
        <v>29010</v>
      </c>
      <c r="B28944" s="6"/>
      <c r="C28944" s="6" t="s">
        <v>29793</v>
      </c>
      <c r="D28944" s="6"/>
      <c r="E28944" s="6" t="s">
        <v>9</v>
      </c>
      <c r="F28944" s="7"/>
      <c r="G28944" s="8">
        <v>1</v>
      </c>
      <c r="H28944" s="8">
        <v>1</v>
      </c>
      <c r="I28944" s="8">
        <v>0</v>
      </c>
      <c r="J28944" s="8">
        <v>1</v>
      </c>
      <c r="K28944" s="9">
        <v>4.0199999999999898</v>
      </c>
      <c r="L28944" s="6" t="s">
        <v>51</v>
      </c>
    </row>
    <row r="28945" spans="1:12">
      <c r="A28945" s="6" t="s">
        <v>29010</v>
      </c>
      <c r="B28945" s="6"/>
      <c r="C28945" s="6" t="s">
        <v>29794</v>
      </c>
      <c r="D28945" s="6"/>
      <c r="E28945" s="6" t="s">
        <v>9</v>
      </c>
      <c r="F28945" s="7"/>
      <c r="G28945" s="8">
        <v>1</v>
      </c>
      <c r="H28945" s="8">
        <v>1</v>
      </c>
      <c r="I28945" s="8">
        <v>0</v>
      </c>
      <c r="J28945" s="8">
        <v>1</v>
      </c>
      <c r="K28945" s="9">
        <v>119</v>
      </c>
      <c r="L28945" s="6" t="s">
        <v>51</v>
      </c>
    </row>
    <row r="28946" spans="1:12">
      <c r="A28946" s="6" t="s">
        <v>29010</v>
      </c>
      <c r="B28946" s="6"/>
      <c r="C28946" s="6" t="s">
        <v>29795</v>
      </c>
      <c r="D28946" s="6"/>
      <c r="E28946" s="6" t="s">
        <v>9</v>
      </c>
      <c r="F28946" s="7"/>
      <c r="G28946" s="8">
        <v>1</v>
      </c>
      <c r="H28946" s="8">
        <v>1</v>
      </c>
      <c r="I28946" s="8">
        <v>0</v>
      </c>
      <c r="J28946" s="8">
        <v>1</v>
      </c>
      <c r="K28946" s="9">
        <v>7.53</v>
      </c>
      <c r="L28946" s="6" t="s">
        <v>51</v>
      </c>
    </row>
    <row r="28947" spans="1:12">
      <c r="A28947" s="6" t="s">
        <v>29010</v>
      </c>
      <c r="B28947" s="6"/>
      <c r="C28947" s="6" t="s">
        <v>29796</v>
      </c>
      <c r="D28947" s="6"/>
      <c r="E28947" s="6" t="s">
        <v>9</v>
      </c>
      <c r="F28947" s="7"/>
      <c r="G28947" s="8">
        <v>1</v>
      </c>
      <c r="H28947" s="8">
        <v>1</v>
      </c>
      <c r="I28947" s="8">
        <v>0</v>
      </c>
      <c r="J28947" s="8">
        <v>1</v>
      </c>
      <c r="K28947" s="9">
        <v>28</v>
      </c>
      <c r="L28947" s="6" t="s">
        <v>51</v>
      </c>
    </row>
    <row r="28948" spans="1:12">
      <c r="A28948" s="6" t="s">
        <v>29010</v>
      </c>
      <c r="B28948" s="6"/>
      <c r="C28948" s="6" t="s">
        <v>29797</v>
      </c>
      <c r="D28948" s="6"/>
      <c r="E28948" s="6" t="s">
        <v>9</v>
      </c>
      <c r="F28948" s="7"/>
      <c r="G28948" s="8">
        <v>1</v>
      </c>
      <c r="H28948" s="8">
        <v>1</v>
      </c>
      <c r="I28948" s="8">
        <v>0</v>
      </c>
      <c r="J28948" s="8">
        <v>1</v>
      </c>
      <c r="K28948" s="9">
        <v>1.1000000000000001</v>
      </c>
      <c r="L28948" s="6" t="s">
        <v>51</v>
      </c>
    </row>
    <row r="28949" spans="1:12">
      <c r="A28949" s="6" t="s">
        <v>29010</v>
      </c>
      <c r="B28949" s="6"/>
      <c r="C28949" s="6" t="s">
        <v>29798</v>
      </c>
      <c r="D28949" s="6"/>
      <c r="E28949" s="6" t="s">
        <v>9</v>
      </c>
      <c r="F28949" s="7"/>
      <c r="G28949" s="8">
        <v>1</v>
      </c>
      <c r="H28949" s="8">
        <v>1</v>
      </c>
      <c r="I28949" s="8">
        <v>0</v>
      </c>
      <c r="J28949" s="8">
        <v>1</v>
      </c>
      <c r="K28949" s="9">
        <v>0.18</v>
      </c>
      <c r="L28949" s="6" t="s">
        <v>51</v>
      </c>
    </row>
    <row r="28950" spans="1:12">
      <c r="A28950" s="6" t="s">
        <v>29010</v>
      </c>
      <c r="B28950" s="6"/>
      <c r="C28950" s="6" t="s">
        <v>29799</v>
      </c>
      <c r="D28950" s="6"/>
      <c r="E28950" s="6" t="s">
        <v>9</v>
      </c>
      <c r="F28950" s="7"/>
      <c r="G28950" s="8">
        <v>1</v>
      </c>
      <c r="H28950" s="8">
        <v>1</v>
      </c>
      <c r="I28950" s="8">
        <v>0</v>
      </c>
      <c r="J28950" s="8">
        <v>1</v>
      </c>
      <c r="K28950" s="9">
        <v>19</v>
      </c>
      <c r="L28950" s="6" t="s">
        <v>51</v>
      </c>
    </row>
    <row r="28951" spans="1:12">
      <c r="A28951" s="6" t="s">
        <v>29010</v>
      </c>
      <c r="B28951" s="6"/>
      <c r="C28951" s="6" t="s">
        <v>29800</v>
      </c>
      <c r="D28951" s="6"/>
      <c r="E28951" s="6" t="s">
        <v>9</v>
      </c>
      <c r="F28951" s="7"/>
      <c r="G28951" s="8">
        <v>1</v>
      </c>
      <c r="H28951" s="8">
        <v>1</v>
      </c>
      <c r="I28951" s="8">
        <v>0</v>
      </c>
      <c r="J28951" s="8">
        <v>1</v>
      </c>
      <c r="K28951" s="9">
        <v>10</v>
      </c>
      <c r="L28951" s="6" t="s">
        <v>51</v>
      </c>
    </row>
    <row r="28952" spans="1:12">
      <c r="A28952" s="6" t="s">
        <v>29010</v>
      </c>
      <c r="B28952" s="6"/>
      <c r="C28952" s="6" t="s">
        <v>29801</v>
      </c>
      <c r="D28952" s="6"/>
      <c r="E28952" s="6" t="s">
        <v>9</v>
      </c>
      <c r="F28952" s="7"/>
      <c r="G28952" s="8">
        <v>1</v>
      </c>
      <c r="H28952" s="8">
        <v>1</v>
      </c>
      <c r="I28952" s="8">
        <v>0</v>
      </c>
      <c r="J28952" s="8">
        <v>1</v>
      </c>
      <c r="K28952" s="9">
        <v>254</v>
      </c>
      <c r="L28952" s="6" t="s">
        <v>51</v>
      </c>
    </row>
    <row r="28953" spans="1:12">
      <c r="A28953" s="6" t="s">
        <v>29010</v>
      </c>
      <c r="B28953" s="6"/>
      <c r="C28953" s="6" t="s">
        <v>29802</v>
      </c>
      <c r="D28953" s="6"/>
      <c r="E28953" s="6" t="s">
        <v>9</v>
      </c>
      <c r="F28953" s="7"/>
      <c r="G28953" s="8">
        <v>1</v>
      </c>
      <c r="H28953" s="8">
        <v>1</v>
      </c>
      <c r="I28953" s="8">
        <v>0</v>
      </c>
      <c r="J28953" s="8">
        <v>1</v>
      </c>
      <c r="K28953" s="9">
        <v>1.36</v>
      </c>
      <c r="L28953" s="6" t="s">
        <v>51</v>
      </c>
    </row>
    <row r="28954" spans="1:12">
      <c r="A28954" s="6" t="s">
        <v>29010</v>
      </c>
      <c r="B28954" s="6"/>
      <c r="C28954" s="6" t="s">
        <v>29803</v>
      </c>
      <c r="D28954" s="6"/>
      <c r="E28954" s="6" t="s">
        <v>9</v>
      </c>
      <c r="F28954" s="7"/>
      <c r="G28954" s="8">
        <v>1</v>
      </c>
      <c r="H28954" s="8">
        <v>1</v>
      </c>
      <c r="I28954" s="8">
        <v>0</v>
      </c>
      <c r="J28954" s="8">
        <v>1</v>
      </c>
      <c r="K28954" s="9">
        <v>36</v>
      </c>
      <c r="L28954" s="6" t="s">
        <v>51</v>
      </c>
    </row>
    <row r="28955" spans="1:12">
      <c r="A28955" s="6" t="s">
        <v>29010</v>
      </c>
      <c r="B28955" s="6"/>
      <c r="C28955" s="6" t="s">
        <v>29804</v>
      </c>
      <c r="D28955" s="6"/>
      <c r="E28955" s="6" t="s">
        <v>9</v>
      </c>
      <c r="F28955" s="7"/>
      <c r="G28955" s="8">
        <v>1</v>
      </c>
      <c r="H28955" s="8">
        <v>1</v>
      </c>
      <c r="I28955" s="8">
        <v>0</v>
      </c>
      <c r="J28955" s="8">
        <v>1</v>
      </c>
      <c r="K28955" s="9">
        <v>31</v>
      </c>
      <c r="L28955" s="6" t="s">
        <v>51</v>
      </c>
    </row>
    <row r="28956" spans="1:12">
      <c r="A28956" s="6" t="s">
        <v>29010</v>
      </c>
      <c r="B28956" s="6"/>
      <c r="C28956" s="6" t="s">
        <v>29805</v>
      </c>
      <c r="D28956" s="6"/>
      <c r="E28956" s="6" t="s">
        <v>9</v>
      </c>
      <c r="F28956" s="7"/>
      <c r="G28956" s="8">
        <v>1</v>
      </c>
      <c r="H28956" s="8">
        <v>1</v>
      </c>
      <c r="I28956" s="8">
        <v>0</v>
      </c>
      <c r="J28956" s="8">
        <v>1</v>
      </c>
      <c r="K28956" s="9">
        <v>115</v>
      </c>
      <c r="L28956" s="6" t="s">
        <v>51</v>
      </c>
    </row>
    <row r="28957" spans="1:12">
      <c r="A28957" s="6" t="s">
        <v>29010</v>
      </c>
      <c r="B28957" s="6"/>
      <c r="C28957" s="6" t="s">
        <v>29806</v>
      </c>
      <c r="D28957" s="6"/>
      <c r="E28957" s="6" t="s">
        <v>9</v>
      </c>
      <c r="F28957" s="7"/>
      <c r="G28957" s="8">
        <v>1</v>
      </c>
      <c r="H28957" s="8">
        <v>1</v>
      </c>
      <c r="I28957" s="8">
        <v>0</v>
      </c>
      <c r="J28957" s="8">
        <v>1</v>
      </c>
      <c r="K28957" s="9">
        <v>69</v>
      </c>
      <c r="L28957" s="6" t="s">
        <v>51</v>
      </c>
    </row>
    <row r="28958" spans="1:12">
      <c r="A28958" s="6" t="s">
        <v>29010</v>
      </c>
      <c r="B28958" s="6"/>
      <c r="C28958" s="6" t="s">
        <v>29807</v>
      </c>
      <c r="D28958" s="6"/>
      <c r="E28958" s="6" t="s">
        <v>9</v>
      </c>
      <c r="F28958" s="7"/>
      <c r="G28958" s="8">
        <v>1</v>
      </c>
      <c r="H28958" s="8">
        <v>1</v>
      </c>
      <c r="I28958" s="8">
        <v>0</v>
      </c>
      <c r="J28958" s="8">
        <v>1</v>
      </c>
      <c r="K28958" s="9">
        <v>122</v>
      </c>
      <c r="L28958" s="6" t="s">
        <v>51</v>
      </c>
    </row>
    <row r="28959" spans="1:12">
      <c r="A28959" s="6" t="s">
        <v>29010</v>
      </c>
      <c r="B28959" s="6"/>
      <c r="C28959" s="6" t="s">
        <v>29808</v>
      </c>
      <c r="D28959" s="6"/>
      <c r="E28959" s="6" t="s">
        <v>9</v>
      </c>
      <c r="F28959" s="7"/>
      <c r="G28959" s="8">
        <v>1</v>
      </c>
      <c r="H28959" s="8">
        <v>1</v>
      </c>
      <c r="I28959" s="8">
        <v>0</v>
      </c>
      <c r="J28959" s="8">
        <v>1</v>
      </c>
      <c r="K28959" s="9">
        <v>199</v>
      </c>
      <c r="L28959" s="6" t="s">
        <v>51</v>
      </c>
    </row>
    <row r="28960" spans="1:12">
      <c r="A28960" s="6" t="s">
        <v>29010</v>
      </c>
      <c r="B28960" s="6"/>
      <c r="C28960" s="6" t="s">
        <v>29809</v>
      </c>
      <c r="D28960" s="6"/>
      <c r="E28960" s="6" t="s">
        <v>9</v>
      </c>
      <c r="F28960" s="7"/>
      <c r="G28960" s="8">
        <v>1</v>
      </c>
      <c r="H28960" s="8">
        <v>1</v>
      </c>
      <c r="I28960" s="8">
        <v>0</v>
      </c>
      <c r="J28960" s="8">
        <v>1</v>
      </c>
      <c r="K28960" s="9">
        <v>140</v>
      </c>
      <c r="L28960" s="6" t="s">
        <v>51</v>
      </c>
    </row>
    <row r="28961" spans="1:12">
      <c r="A28961" s="6" t="s">
        <v>29010</v>
      </c>
      <c r="B28961" s="6"/>
      <c r="C28961" s="6" t="s">
        <v>29810</v>
      </c>
      <c r="D28961" s="6"/>
      <c r="E28961" s="6" t="s">
        <v>9</v>
      </c>
      <c r="F28961" s="7"/>
      <c r="G28961" s="8">
        <v>1</v>
      </c>
      <c r="H28961" s="8">
        <v>1</v>
      </c>
      <c r="I28961" s="8">
        <v>0</v>
      </c>
      <c r="J28961" s="8">
        <v>1</v>
      </c>
      <c r="K28961" s="9">
        <v>117</v>
      </c>
      <c r="L28961" s="6" t="s">
        <v>51</v>
      </c>
    </row>
    <row r="28962" spans="1:12">
      <c r="A28962" s="6" t="s">
        <v>29010</v>
      </c>
      <c r="B28962" s="6"/>
      <c r="C28962" s="6" t="s">
        <v>29811</v>
      </c>
      <c r="D28962" s="6"/>
      <c r="E28962" s="6" t="s">
        <v>9</v>
      </c>
      <c r="F28962" s="7"/>
      <c r="G28962" s="8">
        <v>1</v>
      </c>
      <c r="H28962" s="8">
        <v>1</v>
      </c>
      <c r="I28962" s="8">
        <v>0</v>
      </c>
      <c r="J28962" s="8">
        <v>1</v>
      </c>
      <c r="K28962" s="9">
        <v>98</v>
      </c>
      <c r="L28962" s="6" t="s">
        <v>51</v>
      </c>
    </row>
    <row r="28963" spans="1:12">
      <c r="A28963" s="6" t="s">
        <v>29010</v>
      </c>
      <c r="B28963" s="6"/>
      <c r="C28963" s="6" t="s">
        <v>29812</v>
      </c>
      <c r="D28963" s="6"/>
      <c r="E28963" s="6" t="s">
        <v>9</v>
      </c>
      <c r="F28963" s="7"/>
      <c r="G28963" s="8">
        <v>1</v>
      </c>
      <c r="H28963" s="8">
        <v>1</v>
      </c>
      <c r="I28963" s="8">
        <v>0</v>
      </c>
      <c r="J28963" s="8">
        <v>1</v>
      </c>
      <c r="K28963" s="9">
        <v>81</v>
      </c>
      <c r="L28963" s="6" t="s">
        <v>51</v>
      </c>
    </row>
    <row r="28964" spans="1:12">
      <c r="A28964" s="6" t="s">
        <v>29010</v>
      </c>
      <c r="B28964" s="6"/>
      <c r="C28964" s="6" t="s">
        <v>29813</v>
      </c>
      <c r="D28964" s="6"/>
      <c r="E28964" s="6" t="s">
        <v>9</v>
      </c>
      <c r="F28964" s="7"/>
      <c r="G28964" s="8">
        <v>1</v>
      </c>
      <c r="H28964" s="8">
        <v>1</v>
      </c>
      <c r="I28964" s="8">
        <v>0</v>
      </c>
      <c r="J28964" s="8">
        <v>1</v>
      </c>
      <c r="K28964" s="9">
        <v>60</v>
      </c>
      <c r="L28964" s="6" t="s">
        <v>51</v>
      </c>
    </row>
    <row r="28965" spans="1:12">
      <c r="A28965" s="6" t="s">
        <v>29010</v>
      </c>
      <c r="B28965" s="6"/>
      <c r="C28965" s="6" t="s">
        <v>29814</v>
      </c>
      <c r="D28965" s="6"/>
      <c r="E28965" s="6" t="s">
        <v>9</v>
      </c>
      <c r="F28965" s="7"/>
      <c r="G28965" s="8">
        <v>1</v>
      </c>
      <c r="H28965" s="8">
        <v>1</v>
      </c>
      <c r="I28965" s="8">
        <v>0</v>
      </c>
      <c r="J28965" s="8">
        <v>1</v>
      </c>
      <c r="K28965" s="9">
        <v>37</v>
      </c>
      <c r="L28965" s="6" t="s">
        <v>51</v>
      </c>
    </row>
    <row r="28966" spans="1:12">
      <c r="A28966" s="6" t="s">
        <v>29010</v>
      </c>
      <c r="B28966" s="6"/>
      <c r="C28966" s="6" t="s">
        <v>29815</v>
      </c>
      <c r="D28966" s="6"/>
      <c r="E28966" s="6" t="s">
        <v>9</v>
      </c>
      <c r="F28966" s="7"/>
      <c r="G28966" s="8">
        <v>1</v>
      </c>
      <c r="H28966" s="8">
        <v>1</v>
      </c>
      <c r="I28966" s="8">
        <v>0</v>
      </c>
      <c r="J28966" s="8">
        <v>1</v>
      </c>
      <c r="K28966" s="9">
        <v>19</v>
      </c>
      <c r="L28966" s="6" t="s">
        <v>51</v>
      </c>
    </row>
    <row r="28967" spans="1:12">
      <c r="A28967" s="6" t="s">
        <v>29010</v>
      </c>
      <c r="B28967" s="6"/>
      <c r="C28967" s="6" t="s">
        <v>29816</v>
      </c>
      <c r="D28967" s="6"/>
      <c r="E28967" s="6" t="s">
        <v>9</v>
      </c>
      <c r="F28967" s="7"/>
      <c r="G28967" s="8">
        <v>1</v>
      </c>
      <c r="H28967" s="8">
        <v>1</v>
      </c>
      <c r="I28967" s="8">
        <v>0</v>
      </c>
      <c r="J28967" s="8">
        <v>1</v>
      </c>
      <c r="K28967" s="9">
        <v>69</v>
      </c>
      <c r="L28967" s="6" t="s">
        <v>51</v>
      </c>
    </row>
    <row r="28968" spans="1:12">
      <c r="A28968" s="6" t="s">
        <v>29010</v>
      </c>
      <c r="B28968" s="6"/>
      <c r="C28968" s="6" t="s">
        <v>29817</v>
      </c>
      <c r="D28968" s="6"/>
      <c r="E28968" s="6" t="s">
        <v>9</v>
      </c>
      <c r="F28968" s="7"/>
      <c r="G28968" s="8">
        <v>1</v>
      </c>
      <c r="H28968" s="8">
        <v>1</v>
      </c>
      <c r="I28968" s="8">
        <v>0</v>
      </c>
      <c r="J28968" s="8">
        <v>1</v>
      </c>
      <c r="K28968" s="9">
        <v>343</v>
      </c>
      <c r="L28968" s="6" t="s">
        <v>51</v>
      </c>
    </row>
    <row r="28969" spans="1:12">
      <c r="A28969" s="6" t="s">
        <v>29010</v>
      </c>
      <c r="B28969" s="6"/>
      <c r="C28969" s="6" t="s">
        <v>29818</v>
      </c>
      <c r="D28969" s="6"/>
      <c r="E28969" s="6" t="s">
        <v>9</v>
      </c>
      <c r="F28969" s="7"/>
      <c r="G28969" s="8">
        <v>1</v>
      </c>
      <c r="H28969" s="8">
        <v>1</v>
      </c>
      <c r="I28969" s="8">
        <v>0</v>
      </c>
      <c r="J28969" s="8">
        <v>1</v>
      </c>
      <c r="K28969" s="9">
        <v>26</v>
      </c>
      <c r="L28969" s="6" t="s">
        <v>51</v>
      </c>
    </row>
    <row r="28970" spans="1:12">
      <c r="A28970" s="6" t="s">
        <v>29010</v>
      </c>
      <c r="B28970" s="6"/>
      <c r="C28970" s="6" t="s">
        <v>29819</v>
      </c>
      <c r="D28970" s="6"/>
      <c r="E28970" s="6" t="s">
        <v>9</v>
      </c>
      <c r="F28970" s="7"/>
      <c r="G28970" s="8">
        <v>1</v>
      </c>
      <c r="H28970" s="8">
        <v>1</v>
      </c>
      <c r="I28970" s="8">
        <v>0</v>
      </c>
      <c r="J28970" s="8">
        <v>1</v>
      </c>
      <c r="K28970" s="9">
        <v>135</v>
      </c>
      <c r="L28970" s="6" t="s">
        <v>51</v>
      </c>
    </row>
    <row r="28971" spans="1:12">
      <c r="A28971" s="6" t="s">
        <v>29010</v>
      </c>
      <c r="B28971" s="6"/>
      <c r="C28971" s="6" t="s">
        <v>29820</v>
      </c>
      <c r="D28971" s="6"/>
      <c r="E28971" s="6" t="s">
        <v>9</v>
      </c>
      <c r="F28971" s="7"/>
      <c r="G28971" s="8">
        <v>1</v>
      </c>
      <c r="H28971" s="8">
        <v>1</v>
      </c>
      <c r="I28971" s="8">
        <v>0</v>
      </c>
      <c r="J28971" s="8">
        <v>1</v>
      </c>
      <c r="K28971" s="9">
        <v>12</v>
      </c>
      <c r="L28971" s="6" t="s">
        <v>51</v>
      </c>
    </row>
    <row r="28972" spans="1:12">
      <c r="A28972" s="6" t="s">
        <v>29010</v>
      </c>
      <c r="B28972" s="6"/>
      <c r="C28972" s="6" t="s">
        <v>29821</v>
      </c>
      <c r="D28972" s="6"/>
      <c r="E28972" s="6" t="s">
        <v>9</v>
      </c>
      <c r="F28972" s="7"/>
      <c r="G28972" s="8">
        <v>1</v>
      </c>
      <c r="H28972" s="8">
        <v>1</v>
      </c>
      <c r="I28972" s="8">
        <v>0</v>
      </c>
      <c r="J28972" s="8">
        <v>1</v>
      </c>
      <c r="K28972" s="9">
        <v>3.71</v>
      </c>
      <c r="L28972" s="6" t="s">
        <v>51</v>
      </c>
    </row>
    <row r="28973" spans="1:12">
      <c r="A28973" s="6" t="s">
        <v>29010</v>
      </c>
      <c r="B28973" s="6"/>
      <c r="C28973" s="6" t="s">
        <v>29822</v>
      </c>
      <c r="D28973" s="6"/>
      <c r="E28973" s="6" t="s">
        <v>9</v>
      </c>
      <c r="F28973" s="7"/>
      <c r="G28973" s="8">
        <v>1</v>
      </c>
      <c r="H28973" s="8">
        <v>1</v>
      </c>
      <c r="I28973" s="8">
        <v>0</v>
      </c>
      <c r="J28973" s="8">
        <v>1</v>
      </c>
      <c r="K28973" s="9">
        <v>16</v>
      </c>
      <c r="L28973" s="6" t="s">
        <v>51</v>
      </c>
    </row>
    <row r="28974" spans="1:12">
      <c r="A28974" s="6" t="s">
        <v>29010</v>
      </c>
      <c r="B28974" s="6"/>
      <c r="C28974" s="6" t="s">
        <v>29823</v>
      </c>
      <c r="D28974" s="6"/>
      <c r="E28974" s="6" t="s">
        <v>9</v>
      </c>
      <c r="F28974" s="7"/>
      <c r="G28974" s="8">
        <v>1</v>
      </c>
      <c r="H28974" s="8">
        <v>1</v>
      </c>
      <c r="I28974" s="8">
        <v>0</v>
      </c>
      <c r="J28974" s="8">
        <v>1</v>
      </c>
      <c r="K28974" s="9">
        <v>9.91</v>
      </c>
      <c r="L28974" s="6" t="s">
        <v>51</v>
      </c>
    </row>
    <row r="28975" spans="1:12">
      <c r="A28975" s="6" t="s">
        <v>29010</v>
      </c>
      <c r="B28975" s="6"/>
      <c r="C28975" s="6" t="s">
        <v>29824</v>
      </c>
      <c r="D28975" s="6"/>
      <c r="E28975" s="6" t="s">
        <v>9</v>
      </c>
      <c r="F28975" s="7"/>
      <c r="G28975" s="8">
        <v>1</v>
      </c>
      <c r="H28975" s="8">
        <v>1</v>
      </c>
      <c r="I28975" s="8">
        <v>0</v>
      </c>
      <c r="J28975" s="8">
        <v>1</v>
      </c>
      <c r="K28975" s="9">
        <v>16</v>
      </c>
      <c r="L28975" s="6" t="s">
        <v>51</v>
      </c>
    </row>
    <row r="28976" spans="1:12">
      <c r="A28976" s="6" t="s">
        <v>29010</v>
      </c>
      <c r="B28976" s="6"/>
      <c r="C28976" s="6" t="s">
        <v>29825</v>
      </c>
      <c r="D28976" s="6"/>
      <c r="E28976" s="6" t="s">
        <v>9</v>
      </c>
      <c r="F28976" s="7"/>
      <c r="G28976" s="8">
        <v>1</v>
      </c>
      <c r="H28976" s="8">
        <v>1</v>
      </c>
      <c r="I28976" s="8">
        <v>0</v>
      </c>
      <c r="J28976" s="8">
        <v>1</v>
      </c>
      <c r="K28976" s="9">
        <v>16</v>
      </c>
      <c r="L28976" s="6" t="s">
        <v>51</v>
      </c>
    </row>
    <row r="28977" spans="1:12">
      <c r="A28977" s="6" t="s">
        <v>29010</v>
      </c>
      <c r="B28977" s="6"/>
      <c r="C28977" s="6" t="s">
        <v>29826</v>
      </c>
      <c r="D28977" s="6"/>
      <c r="E28977" s="6" t="s">
        <v>9</v>
      </c>
      <c r="F28977" s="7"/>
      <c r="G28977" s="8">
        <v>1</v>
      </c>
      <c r="H28977" s="8">
        <v>1</v>
      </c>
      <c r="I28977" s="8">
        <v>0</v>
      </c>
      <c r="J28977" s="8">
        <v>1</v>
      </c>
      <c r="K28977" s="9">
        <v>23</v>
      </c>
      <c r="L28977" s="6" t="s">
        <v>51</v>
      </c>
    </row>
    <row r="28978" spans="1:12">
      <c r="A28978" s="6" t="s">
        <v>29010</v>
      </c>
      <c r="B28978" s="6"/>
      <c r="C28978" s="6" t="s">
        <v>29827</v>
      </c>
      <c r="D28978" s="6"/>
      <c r="E28978" s="6" t="s">
        <v>9</v>
      </c>
      <c r="F28978" s="7"/>
      <c r="G28978" s="8">
        <v>1</v>
      </c>
      <c r="H28978" s="8">
        <v>1</v>
      </c>
      <c r="I28978" s="8">
        <v>0</v>
      </c>
      <c r="J28978" s="8">
        <v>1</v>
      </c>
      <c r="K28978" s="9">
        <v>137</v>
      </c>
      <c r="L28978" s="6" t="s">
        <v>51</v>
      </c>
    </row>
    <row r="28979" spans="1:12">
      <c r="A28979" s="6" t="s">
        <v>29010</v>
      </c>
      <c r="B28979" s="6"/>
      <c r="C28979" s="6" t="s">
        <v>29828</v>
      </c>
      <c r="D28979" s="6"/>
      <c r="E28979" s="6" t="s">
        <v>9</v>
      </c>
      <c r="F28979" s="7"/>
      <c r="G28979" s="8">
        <v>1</v>
      </c>
      <c r="H28979" s="8">
        <v>1</v>
      </c>
      <c r="I28979" s="8">
        <v>0</v>
      </c>
      <c r="J28979" s="8">
        <v>1</v>
      </c>
      <c r="K28979" s="9">
        <v>109</v>
      </c>
      <c r="L28979" s="6" t="s">
        <v>51</v>
      </c>
    </row>
    <row r="28980" spans="1:12">
      <c r="A28980" s="6" t="s">
        <v>29010</v>
      </c>
      <c r="B28980" s="6"/>
      <c r="C28980" s="6" t="s">
        <v>29829</v>
      </c>
      <c r="D28980" s="6"/>
      <c r="E28980" s="6" t="s">
        <v>9</v>
      </c>
      <c r="F28980" s="7"/>
      <c r="G28980" s="8">
        <v>1</v>
      </c>
      <c r="H28980" s="8">
        <v>1</v>
      </c>
      <c r="I28980" s="8">
        <v>0</v>
      </c>
      <c r="J28980" s="8">
        <v>1</v>
      </c>
      <c r="K28980" s="9">
        <v>3.3</v>
      </c>
      <c r="L28980" s="6" t="s">
        <v>51</v>
      </c>
    </row>
    <row r="28981" spans="1:12">
      <c r="A28981" s="6" t="s">
        <v>29010</v>
      </c>
      <c r="B28981" s="6"/>
      <c r="C28981" s="6" t="s">
        <v>29830</v>
      </c>
      <c r="D28981" s="6"/>
      <c r="E28981" s="6" t="s">
        <v>9</v>
      </c>
      <c r="F28981" s="7"/>
      <c r="G28981" s="8">
        <v>1</v>
      </c>
      <c r="H28981" s="8">
        <v>1</v>
      </c>
      <c r="I28981" s="8">
        <v>0</v>
      </c>
      <c r="J28981" s="8">
        <v>1</v>
      </c>
      <c r="K28981" s="9">
        <v>3.3</v>
      </c>
      <c r="L28981" s="6" t="s">
        <v>51</v>
      </c>
    </row>
    <row r="28982" spans="1:12">
      <c r="A28982" s="6" t="s">
        <v>29010</v>
      </c>
      <c r="B28982" s="6"/>
      <c r="C28982" s="6" t="s">
        <v>29831</v>
      </c>
      <c r="D28982" s="6"/>
      <c r="E28982" s="6" t="s">
        <v>9</v>
      </c>
      <c r="F28982" s="7"/>
      <c r="G28982" s="8">
        <v>1</v>
      </c>
      <c r="H28982" s="8">
        <v>1</v>
      </c>
      <c r="I28982" s="8">
        <v>0</v>
      </c>
      <c r="J28982" s="8">
        <v>1</v>
      </c>
      <c r="K28982" s="9">
        <v>9.91</v>
      </c>
      <c r="L28982" s="6" t="s">
        <v>51</v>
      </c>
    </row>
    <row r="28983" spans="1:12">
      <c r="A28983" s="6" t="s">
        <v>29010</v>
      </c>
      <c r="B28983" s="6"/>
      <c r="C28983" s="6" t="s">
        <v>29832</v>
      </c>
      <c r="D28983" s="6"/>
      <c r="E28983" s="6" t="s">
        <v>9</v>
      </c>
      <c r="F28983" s="7"/>
      <c r="G28983" s="8">
        <v>1</v>
      </c>
      <c r="H28983" s="8">
        <v>1</v>
      </c>
      <c r="I28983" s="8">
        <v>0</v>
      </c>
      <c r="J28983" s="8">
        <v>1</v>
      </c>
      <c r="K28983" s="9">
        <v>42</v>
      </c>
      <c r="L28983" s="6" t="s">
        <v>51</v>
      </c>
    </row>
    <row r="28984" spans="1:12">
      <c r="A28984" s="6" t="s">
        <v>29010</v>
      </c>
      <c r="B28984" s="6"/>
      <c r="C28984" s="6" t="s">
        <v>29833</v>
      </c>
      <c r="D28984" s="6"/>
      <c r="E28984" s="6" t="s">
        <v>9</v>
      </c>
      <c r="F28984" s="7"/>
      <c r="G28984" s="8">
        <v>1</v>
      </c>
      <c r="H28984" s="8">
        <v>1</v>
      </c>
      <c r="I28984" s="8">
        <v>0</v>
      </c>
      <c r="J28984" s="8">
        <v>1</v>
      </c>
      <c r="K28984" s="9">
        <v>9.91</v>
      </c>
      <c r="L28984" s="6" t="s">
        <v>51</v>
      </c>
    </row>
    <row r="28985" spans="1:12">
      <c r="A28985" s="6" t="s">
        <v>29010</v>
      </c>
      <c r="B28985" s="6"/>
      <c r="C28985" s="6" t="s">
        <v>29834</v>
      </c>
      <c r="D28985" s="6"/>
      <c r="E28985" s="6" t="s">
        <v>9</v>
      </c>
      <c r="F28985" s="7"/>
      <c r="G28985" s="8">
        <v>1</v>
      </c>
      <c r="H28985" s="8">
        <v>1</v>
      </c>
      <c r="I28985" s="8">
        <v>0</v>
      </c>
      <c r="J28985" s="8">
        <v>1</v>
      </c>
      <c r="K28985" s="9">
        <v>33</v>
      </c>
      <c r="L28985" s="6" t="s">
        <v>51</v>
      </c>
    </row>
    <row r="28986" spans="1:12">
      <c r="A28986" s="6" t="s">
        <v>29010</v>
      </c>
      <c r="B28986" s="6"/>
      <c r="C28986" s="6" t="s">
        <v>29835</v>
      </c>
      <c r="D28986" s="6"/>
      <c r="E28986" s="6" t="s">
        <v>9</v>
      </c>
      <c r="F28986" s="7"/>
      <c r="G28986" s="8">
        <v>1</v>
      </c>
      <c r="H28986" s="8">
        <v>1</v>
      </c>
      <c r="I28986" s="8">
        <v>0</v>
      </c>
      <c r="J28986" s="8">
        <v>1</v>
      </c>
      <c r="K28986" s="9">
        <v>19</v>
      </c>
      <c r="L28986" s="6" t="s">
        <v>51</v>
      </c>
    </row>
    <row r="28987" spans="1:12">
      <c r="A28987" s="6" t="s">
        <v>29010</v>
      </c>
      <c r="B28987" s="6"/>
      <c r="C28987" s="6" t="s">
        <v>29836</v>
      </c>
      <c r="D28987" s="6"/>
      <c r="E28987" s="6" t="s">
        <v>9</v>
      </c>
      <c r="F28987" s="7"/>
      <c r="G28987" s="8">
        <v>1</v>
      </c>
      <c r="H28987" s="8">
        <v>1</v>
      </c>
      <c r="I28987" s="8">
        <v>0</v>
      </c>
      <c r="J28987" s="8">
        <v>1</v>
      </c>
      <c r="K28987" s="9">
        <v>39</v>
      </c>
      <c r="L28987" s="6" t="s">
        <v>51</v>
      </c>
    </row>
    <row r="28988" spans="1:12">
      <c r="A28988" s="6" t="s">
        <v>29010</v>
      </c>
      <c r="B28988" s="6"/>
      <c r="C28988" s="6" t="s">
        <v>29837</v>
      </c>
      <c r="D28988" s="6"/>
      <c r="E28988" s="6" t="s">
        <v>9</v>
      </c>
      <c r="F28988" s="7"/>
      <c r="G28988" s="8">
        <v>1</v>
      </c>
      <c r="H28988" s="8">
        <v>1</v>
      </c>
      <c r="I28988" s="8">
        <v>0</v>
      </c>
      <c r="J28988" s="8">
        <v>1</v>
      </c>
      <c r="K28988" s="9">
        <v>62</v>
      </c>
      <c r="L28988" s="6" t="s">
        <v>51</v>
      </c>
    </row>
    <row r="28989" spans="1:12">
      <c r="A28989" s="6" t="s">
        <v>29010</v>
      </c>
      <c r="B28989" s="6"/>
      <c r="C28989" s="6" t="s">
        <v>29838</v>
      </c>
      <c r="D28989" s="6"/>
      <c r="E28989" s="6" t="s">
        <v>9</v>
      </c>
      <c r="F28989" s="7"/>
      <c r="G28989" s="8">
        <v>1</v>
      </c>
      <c r="H28989" s="8">
        <v>1</v>
      </c>
      <c r="I28989" s="8">
        <v>0</v>
      </c>
      <c r="J28989" s="8">
        <v>1</v>
      </c>
      <c r="K28989" s="9">
        <v>40</v>
      </c>
      <c r="L28989" s="6" t="s">
        <v>51</v>
      </c>
    </row>
    <row r="28990" spans="1:12">
      <c r="A28990" s="6" t="s">
        <v>29010</v>
      </c>
      <c r="B28990" s="6"/>
      <c r="C28990" s="6" t="s">
        <v>29839</v>
      </c>
      <c r="D28990" s="6"/>
      <c r="E28990" s="6" t="s">
        <v>9</v>
      </c>
      <c r="F28990" s="7"/>
      <c r="G28990" s="8">
        <v>1</v>
      </c>
      <c r="H28990" s="8">
        <v>1</v>
      </c>
      <c r="I28990" s="8">
        <v>0</v>
      </c>
      <c r="J28990" s="8">
        <v>1</v>
      </c>
      <c r="K28990" s="9">
        <v>138</v>
      </c>
      <c r="L28990" s="6" t="s">
        <v>51</v>
      </c>
    </row>
    <row r="28991" spans="1:12">
      <c r="A28991" s="6" t="s">
        <v>29010</v>
      </c>
      <c r="B28991" s="6"/>
      <c r="C28991" s="6" t="s">
        <v>29840</v>
      </c>
      <c r="D28991" s="6"/>
      <c r="E28991" s="6" t="s">
        <v>9</v>
      </c>
      <c r="F28991" s="7"/>
      <c r="G28991" s="8">
        <v>1</v>
      </c>
      <c r="H28991" s="8">
        <v>1</v>
      </c>
      <c r="I28991" s="8">
        <v>0</v>
      </c>
      <c r="J28991" s="8">
        <v>1</v>
      </c>
      <c r="K28991" s="9">
        <v>72</v>
      </c>
      <c r="L28991" s="6" t="s">
        <v>51</v>
      </c>
    </row>
    <row r="28992" spans="1:12">
      <c r="A28992" s="6" t="s">
        <v>29010</v>
      </c>
      <c r="B28992" s="6"/>
      <c r="C28992" s="6" t="s">
        <v>29841</v>
      </c>
      <c r="D28992" s="6"/>
      <c r="E28992" s="6" t="s">
        <v>9</v>
      </c>
      <c r="F28992" s="7"/>
      <c r="G28992" s="8">
        <v>1</v>
      </c>
      <c r="H28992" s="8">
        <v>1</v>
      </c>
      <c r="I28992" s="8">
        <v>0</v>
      </c>
      <c r="J28992" s="8">
        <v>1</v>
      </c>
      <c r="K28992" s="9">
        <v>19</v>
      </c>
      <c r="L28992" s="6" t="s">
        <v>51</v>
      </c>
    </row>
    <row r="28993" spans="1:12">
      <c r="A28993" s="6" t="s">
        <v>29010</v>
      </c>
      <c r="B28993" s="6"/>
      <c r="C28993" s="6" t="s">
        <v>29842</v>
      </c>
      <c r="D28993" s="6"/>
      <c r="E28993" s="6" t="s">
        <v>9</v>
      </c>
      <c r="F28993" s="7"/>
      <c r="G28993" s="8">
        <v>1</v>
      </c>
      <c r="H28993" s="8">
        <v>1</v>
      </c>
      <c r="I28993" s="8">
        <v>0</v>
      </c>
      <c r="J28993" s="8">
        <v>1</v>
      </c>
      <c r="K28993" s="9">
        <v>16</v>
      </c>
      <c r="L28993" s="6" t="s">
        <v>51</v>
      </c>
    </row>
    <row r="28994" spans="1:12">
      <c r="A28994" s="6" t="s">
        <v>29010</v>
      </c>
      <c r="B28994" s="6"/>
      <c r="C28994" s="6" t="s">
        <v>29843</v>
      </c>
      <c r="D28994" s="6"/>
      <c r="E28994" s="6" t="s">
        <v>9</v>
      </c>
      <c r="F28994" s="7"/>
      <c r="G28994" s="8">
        <v>1</v>
      </c>
      <c r="H28994" s="8">
        <v>1</v>
      </c>
      <c r="I28994" s="8">
        <v>0</v>
      </c>
      <c r="J28994" s="8">
        <v>1</v>
      </c>
      <c r="K28994" s="9">
        <v>3.3</v>
      </c>
      <c r="L28994" s="6" t="s">
        <v>51</v>
      </c>
    </row>
    <row r="28995" spans="1:12">
      <c r="A28995" s="6" t="s">
        <v>29010</v>
      </c>
      <c r="B28995" s="6"/>
      <c r="C28995" s="6" t="s">
        <v>29844</v>
      </c>
      <c r="D28995" s="6"/>
      <c r="E28995" s="6" t="s">
        <v>9</v>
      </c>
      <c r="F28995" s="7"/>
      <c r="G28995" s="8">
        <v>1</v>
      </c>
      <c r="H28995" s="8">
        <v>1</v>
      </c>
      <c r="I28995" s="8">
        <v>0</v>
      </c>
      <c r="J28995" s="8">
        <v>1</v>
      </c>
      <c r="K28995" s="9">
        <v>16</v>
      </c>
      <c r="L28995" s="6" t="s">
        <v>51</v>
      </c>
    </row>
    <row r="28996" spans="1:12">
      <c r="A28996" s="6" t="s">
        <v>29010</v>
      </c>
      <c r="B28996" s="6"/>
      <c r="C28996" s="6" t="s">
        <v>29845</v>
      </c>
      <c r="D28996" s="6"/>
      <c r="E28996" s="6" t="s">
        <v>9</v>
      </c>
      <c r="F28996" s="7"/>
      <c r="G28996" s="8">
        <v>1</v>
      </c>
      <c r="H28996" s="8">
        <v>1</v>
      </c>
      <c r="I28996" s="8">
        <v>0</v>
      </c>
      <c r="J28996" s="8">
        <v>1</v>
      </c>
      <c r="K28996" s="9">
        <v>6.61</v>
      </c>
      <c r="L28996" s="6" t="s">
        <v>51</v>
      </c>
    </row>
    <row r="28997" spans="1:12">
      <c r="A28997" s="6" t="s">
        <v>29010</v>
      </c>
      <c r="B28997" s="6"/>
      <c r="C28997" s="6" t="s">
        <v>29846</v>
      </c>
      <c r="D28997" s="6"/>
      <c r="E28997" s="6" t="s">
        <v>9</v>
      </c>
      <c r="F28997" s="7"/>
      <c r="G28997" s="8">
        <v>1</v>
      </c>
      <c r="H28997" s="8">
        <v>1</v>
      </c>
      <c r="I28997" s="8">
        <v>0</v>
      </c>
      <c r="J28997" s="8">
        <v>1</v>
      </c>
      <c r="K28997" s="9">
        <v>19</v>
      </c>
      <c r="L28997" s="6" t="s">
        <v>51</v>
      </c>
    </row>
    <row r="28998" spans="1:12">
      <c r="A28998" s="6" t="s">
        <v>29010</v>
      </c>
      <c r="B28998" s="6"/>
      <c r="C28998" s="6" t="s">
        <v>29847</v>
      </c>
      <c r="D28998" s="6"/>
      <c r="E28998" s="6" t="s">
        <v>9</v>
      </c>
      <c r="F28998" s="7"/>
      <c r="G28998" s="8">
        <v>1</v>
      </c>
      <c r="H28998" s="8">
        <v>1</v>
      </c>
      <c r="I28998" s="8">
        <v>0</v>
      </c>
      <c r="J28998" s="8">
        <v>1</v>
      </c>
      <c r="K28998" s="9">
        <v>9.91</v>
      </c>
      <c r="L28998" s="6" t="s">
        <v>51</v>
      </c>
    </row>
    <row r="28999" spans="1:12">
      <c r="A28999" s="6" t="s">
        <v>29010</v>
      </c>
      <c r="B28999" s="6"/>
      <c r="C28999" s="6" t="s">
        <v>29848</v>
      </c>
      <c r="D28999" s="6"/>
      <c r="E28999" s="6" t="s">
        <v>9</v>
      </c>
      <c r="F28999" s="7"/>
      <c r="G28999" s="8">
        <v>1</v>
      </c>
      <c r="H28999" s="8">
        <v>1</v>
      </c>
      <c r="I28999" s="8">
        <v>0</v>
      </c>
      <c r="J28999" s="8">
        <v>1</v>
      </c>
      <c r="K28999" s="9">
        <v>19</v>
      </c>
      <c r="L28999" s="6" t="s">
        <v>51</v>
      </c>
    </row>
    <row r="29000" spans="1:12">
      <c r="A29000" s="6" t="s">
        <v>29010</v>
      </c>
      <c r="B29000" s="6"/>
      <c r="C29000" s="6" t="s">
        <v>29849</v>
      </c>
      <c r="D29000" s="6"/>
      <c r="E29000" s="6" t="s">
        <v>9</v>
      </c>
      <c r="F29000" s="7"/>
      <c r="G29000" s="8">
        <v>1</v>
      </c>
      <c r="H29000" s="8">
        <v>1</v>
      </c>
      <c r="I29000" s="8">
        <v>0</v>
      </c>
      <c r="J29000" s="8">
        <v>1</v>
      </c>
      <c r="K29000" s="9">
        <v>33</v>
      </c>
      <c r="L29000" s="6" t="s">
        <v>51</v>
      </c>
    </row>
    <row r="29001" spans="1:12">
      <c r="A29001" s="6" t="s">
        <v>29010</v>
      </c>
      <c r="B29001" s="6"/>
      <c r="C29001" s="6" t="s">
        <v>29850</v>
      </c>
      <c r="D29001" s="6"/>
      <c r="E29001" s="6" t="s">
        <v>9</v>
      </c>
      <c r="F29001" s="7"/>
      <c r="G29001" s="8">
        <v>1</v>
      </c>
      <c r="H29001" s="8">
        <v>1</v>
      </c>
      <c r="I29001" s="8">
        <v>0</v>
      </c>
      <c r="J29001" s="8">
        <v>1</v>
      </c>
      <c r="K29001" s="9">
        <v>39</v>
      </c>
      <c r="L29001" s="6" t="s">
        <v>51</v>
      </c>
    </row>
    <row r="29002" spans="1:12">
      <c r="A29002" s="6" t="s">
        <v>29010</v>
      </c>
      <c r="B29002" s="6"/>
      <c r="C29002" s="6" t="s">
        <v>29851</v>
      </c>
      <c r="D29002" s="6"/>
      <c r="E29002" s="6" t="s">
        <v>9</v>
      </c>
      <c r="F29002" s="7"/>
      <c r="G29002" s="8">
        <v>1</v>
      </c>
      <c r="H29002" s="8">
        <v>1</v>
      </c>
      <c r="I29002" s="8">
        <v>0</v>
      </c>
      <c r="J29002" s="8">
        <v>1</v>
      </c>
      <c r="K29002" s="9">
        <v>3.3</v>
      </c>
      <c r="L29002" s="6" t="s">
        <v>51</v>
      </c>
    </row>
    <row r="29003" spans="1:12">
      <c r="A29003" s="6" t="s">
        <v>29010</v>
      </c>
      <c r="B29003" s="6"/>
      <c r="C29003" s="6" t="s">
        <v>29852</v>
      </c>
      <c r="D29003" s="6"/>
      <c r="E29003" s="6" t="s">
        <v>9</v>
      </c>
      <c r="F29003" s="7"/>
      <c r="G29003" s="8">
        <v>1</v>
      </c>
      <c r="H29003" s="8">
        <v>1</v>
      </c>
      <c r="I29003" s="8">
        <v>0</v>
      </c>
      <c r="J29003" s="8">
        <v>1</v>
      </c>
      <c r="K29003" s="9">
        <v>29</v>
      </c>
      <c r="L29003" s="6" t="s">
        <v>51</v>
      </c>
    </row>
    <row r="29004" spans="1:12">
      <c r="A29004" s="6" t="s">
        <v>29010</v>
      </c>
      <c r="B29004" s="6"/>
      <c r="C29004" s="6" t="s">
        <v>29853</v>
      </c>
      <c r="D29004" s="6"/>
      <c r="E29004" s="6" t="s">
        <v>9</v>
      </c>
      <c r="F29004" s="7"/>
      <c r="G29004" s="8">
        <v>1</v>
      </c>
      <c r="H29004" s="8">
        <v>1</v>
      </c>
      <c r="I29004" s="8">
        <v>0</v>
      </c>
      <c r="J29004" s="8">
        <v>1</v>
      </c>
      <c r="K29004" s="9">
        <v>13</v>
      </c>
      <c r="L29004" s="6" t="s">
        <v>51</v>
      </c>
    </row>
    <row r="29005" spans="1:12">
      <c r="A29005" s="6" t="s">
        <v>29010</v>
      </c>
      <c r="B29005" s="6"/>
      <c r="C29005" s="6" t="s">
        <v>29854</v>
      </c>
      <c r="D29005" s="6"/>
      <c r="E29005" s="6" t="s">
        <v>9</v>
      </c>
      <c r="F29005" s="7"/>
      <c r="G29005" s="8">
        <v>1</v>
      </c>
      <c r="H29005" s="8">
        <v>1</v>
      </c>
      <c r="I29005" s="8">
        <v>0</v>
      </c>
      <c r="J29005" s="8">
        <v>1</v>
      </c>
      <c r="K29005" s="9">
        <v>6.61</v>
      </c>
      <c r="L29005" s="6" t="s">
        <v>51</v>
      </c>
    </row>
    <row r="29006" spans="1:12">
      <c r="A29006" s="6" t="s">
        <v>29010</v>
      </c>
      <c r="B29006" s="6"/>
      <c r="C29006" s="6" t="s">
        <v>29855</v>
      </c>
      <c r="D29006" s="6"/>
      <c r="E29006" s="6" t="s">
        <v>9</v>
      </c>
      <c r="F29006" s="7"/>
      <c r="G29006" s="8">
        <v>1</v>
      </c>
      <c r="H29006" s="8">
        <v>1</v>
      </c>
      <c r="I29006" s="8">
        <v>0</v>
      </c>
      <c r="J29006" s="8">
        <v>1</v>
      </c>
      <c r="K29006" s="9">
        <v>6.61</v>
      </c>
      <c r="L29006" s="6" t="s">
        <v>51</v>
      </c>
    </row>
    <row r="29007" spans="1:12">
      <c r="A29007" s="6" t="s">
        <v>29010</v>
      </c>
      <c r="B29007" s="6"/>
      <c r="C29007" s="6" t="s">
        <v>29856</v>
      </c>
      <c r="D29007" s="6"/>
      <c r="E29007" s="6" t="s">
        <v>9</v>
      </c>
      <c r="F29007" s="7"/>
      <c r="G29007" s="8">
        <v>1</v>
      </c>
      <c r="H29007" s="8">
        <v>1</v>
      </c>
      <c r="I29007" s="8">
        <v>0</v>
      </c>
      <c r="J29007" s="8">
        <v>1</v>
      </c>
      <c r="K29007" s="9">
        <v>119</v>
      </c>
      <c r="L29007" s="6" t="s">
        <v>51</v>
      </c>
    </row>
    <row r="29008" spans="1:12">
      <c r="A29008" s="6" t="s">
        <v>29010</v>
      </c>
      <c r="B29008" s="6"/>
      <c r="C29008" s="6" t="s">
        <v>29857</v>
      </c>
      <c r="D29008" s="6"/>
      <c r="E29008" s="6" t="s">
        <v>9</v>
      </c>
      <c r="F29008" s="7"/>
      <c r="G29008" s="8">
        <v>1</v>
      </c>
      <c r="H29008" s="8">
        <v>1</v>
      </c>
      <c r="I29008" s="8">
        <v>0</v>
      </c>
      <c r="J29008" s="8">
        <v>1</v>
      </c>
      <c r="K29008" s="9">
        <v>46</v>
      </c>
      <c r="L29008" s="6" t="s">
        <v>51</v>
      </c>
    </row>
    <row r="29009" spans="1:12">
      <c r="A29009" s="6" t="s">
        <v>29010</v>
      </c>
      <c r="B29009" s="6"/>
      <c r="C29009" s="6" t="s">
        <v>29858</v>
      </c>
      <c r="D29009" s="6"/>
      <c r="E29009" s="6" t="s">
        <v>9</v>
      </c>
      <c r="F29009" s="7"/>
      <c r="G29009" s="8">
        <v>1</v>
      </c>
      <c r="H29009" s="8">
        <v>1</v>
      </c>
      <c r="I29009" s="8">
        <v>0</v>
      </c>
      <c r="J29009" s="8">
        <v>1</v>
      </c>
      <c r="K29009" s="9">
        <v>42</v>
      </c>
      <c r="L29009" s="6" t="s">
        <v>51</v>
      </c>
    </row>
    <row r="29010" spans="1:12">
      <c r="A29010" s="6" t="s">
        <v>29010</v>
      </c>
      <c r="B29010" s="6"/>
      <c r="C29010" s="6" t="s">
        <v>29859</v>
      </c>
      <c r="D29010" s="6"/>
      <c r="E29010" s="6" t="s">
        <v>9</v>
      </c>
      <c r="F29010" s="7"/>
      <c r="G29010" s="8">
        <v>1</v>
      </c>
      <c r="H29010" s="8">
        <v>1</v>
      </c>
      <c r="I29010" s="8">
        <v>0</v>
      </c>
      <c r="J29010" s="8">
        <v>1</v>
      </c>
      <c r="K29010" s="9">
        <v>23</v>
      </c>
      <c r="L29010" s="6" t="s">
        <v>51</v>
      </c>
    </row>
    <row r="29011" spans="1:12">
      <c r="A29011" s="6" t="s">
        <v>29010</v>
      </c>
      <c r="B29011" s="6"/>
      <c r="C29011" s="6" t="s">
        <v>29860</v>
      </c>
      <c r="D29011" s="6"/>
      <c r="E29011" s="6" t="s">
        <v>9</v>
      </c>
      <c r="F29011" s="7"/>
      <c r="G29011" s="8">
        <v>1</v>
      </c>
      <c r="H29011" s="8">
        <v>1</v>
      </c>
      <c r="I29011" s="8">
        <v>0</v>
      </c>
      <c r="J29011" s="8">
        <v>1</v>
      </c>
      <c r="K29011" s="9">
        <v>79</v>
      </c>
      <c r="L29011" s="6" t="s">
        <v>51</v>
      </c>
    </row>
    <row r="29012" spans="1:12">
      <c r="A29012" s="6" t="s">
        <v>29010</v>
      </c>
      <c r="B29012" s="6"/>
      <c r="C29012" s="6" t="s">
        <v>29861</v>
      </c>
      <c r="D29012" s="6"/>
      <c r="E29012" s="6" t="s">
        <v>9</v>
      </c>
      <c r="F29012" s="7"/>
      <c r="G29012" s="8">
        <v>1</v>
      </c>
      <c r="H29012" s="8">
        <v>1</v>
      </c>
      <c r="I29012" s="8">
        <v>0</v>
      </c>
      <c r="J29012" s="8">
        <v>1</v>
      </c>
      <c r="K29012" s="9">
        <v>23</v>
      </c>
      <c r="L29012" s="6" t="s">
        <v>51</v>
      </c>
    </row>
    <row r="29013" spans="1:12">
      <c r="A29013" s="6" t="s">
        <v>29010</v>
      </c>
      <c r="B29013" s="6"/>
      <c r="C29013" s="6" t="s">
        <v>29862</v>
      </c>
      <c r="D29013" s="6"/>
      <c r="E29013" s="6" t="s">
        <v>9</v>
      </c>
      <c r="F29013" s="7"/>
      <c r="G29013" s="8">
        <v>1</v>
      </c>
      <c r="H29013" s="8">
        <v>1</v>
      </c>
      <c r="I29013" s="8">
        <v>0</v>
      </c>
      <c r="J29013" s="8">
        <v>1</v>
      </c>
      <c r="K29013" s="9">
        <v>9.91</v>
      </c>
      <c r="L29013" s="6" t="s">
        <v>51</v>
      </c>
    </row>
    <row r="29014" spans="1:12">
      <c r="A29014" s="6" t="s">
        <v>29010</v>
      </c>
      <c r="B29014" s="6"/>
      <c r="C29014" s="6" t="s">
        <v>29863</v>
      </c>
      <c r="D29014" s="6"/>
      <c r="E29014" s="6" t="s">
        <v>9</v>
      </c>
      <c r="F29014" s="7"/>
      <c r="G29014" s="8">
        <v>1</v>
      </c>
      <c r="H29014" s="8">
        <v>1</v>
      </c>
      <c r="I29014" s="8">
        <v>0</v>
      </c>
      <c r="J29014" s="8">
        <v>1</v>
      </c>
      <c r="K29014" s="9">
        <v>3.3</v>
      </c>
      <c r="L29014" s="6" t="s">
        <v>51</v>
      </c>
    </row>
    <row r="29015" spans="1:12">
      <c r="A29015" s="6" t="s">
        <v>29010</v>
      </c>
      <c r="B29015" s="6"/>
      <c r="C29015" s="6" t="s">
        <v>29864</v>
      </c>
      <c r="D29015" s="6"/>
      <c r="E29015" s="6" t="s">
        <v>9</v>
      </c>
      <c r="F29015" s="7"/>
      <c r="G29015" s="8">
        <v>1</v>
      </c>
      <c r="H29015" s="8">
        <v>1</v>
      </c>
      <c r="I29015" s="8">
        <v>0</v>
      </c>
      <c r="J29015" s="8">
        <v>1</v>
      </c>
      <c r="K29015" s="9">
        <v>6.61</v>
      </c>
      <c r="L29015" s="6" t="s">
        <v>51</v>
      </c>
    </row>
    <row r="29016" spans="1:12">
      <c r="A29016" s="6" t="s">
        <v>29010</v>
      </c>
      <c r="B29016" s="6"/>
      <c r="C29016" s="6" t="s">
        <v>29865</v>
      </c>
      <c r="D29016" s="6"/>
      <c r="E29016" s="6" t="s">
        <v>9</v>
      </c>
      <c r="F29016" s="7"/>
      <c r="G29016" s="8">
        <v>1</v>
      </c>
      <c r="H29016" s="8">
        <v>1</v>
      </c>
      <c r="I29016" s="8">
        <v>0</v>
      </c>
      <c r="J29016" s="8">
        <v>1</v>
      </c>
      <c r="K29016" s="9">
        <v>42</v>
      </c>
      <c r="L29016" s="6" t="s">
        <v>51</v>
      </c>
    </row>
    <row r="29017" spans="1:12">
      <c r="A29017" s="6" t="s">
        <v>29010</v>
      </c>
      <c r="B29017" s="6"/>
      <c r="C29017" s="6" t="s">
        <v>29866</v>
      </c>
      <c r="D29017" s="6"/>
      <c r="E29017" s="6" t="s">
        <v>9</v>
      </c>
      <c r="F29017" s="7"/>
      <c r="G29017" s="8">
        <v>1</v>
      </c>
      <c r="H29017" s="8">
        <v>1</v>
      </c>
      <c r="I29017" s="8">
        <v>0</v>
      </c>
      <c r="J29017" s="8">
        <v>1</v>
      </c>
      <c r="K29017" s="9">
        <v>16</v>
      </c>
      <c r="L29017" s="6" t="s">
        <v>51</v>
      </c>
    </row>
    <row r="29018" spans="1:12">
      <c r="A29018" s="6" t="s">
        <v>29010</v>
      </c>
      <c r="B29018" s="6"/>
      <c r="C29018" s="6" t="s">
        <v>29867</v>
      </c>
      <c r="D29018" s="6"/>
      <c r="E29018" s="6" t="s">
        <v>9</v>
      </c>
      <c r="F29018" s="7"/>
      <c r="G29018" s="8">
        <v>1</v>
      </c>
      <c r="H29018" s="8">
        <v>1</v>
      </c>
      <c r="I29018" s="8">
        <v>0</v>
      </c>
      <c r="J29018" s="8">
        <v>1</v>
      </c>
      <c r="K29018" s="9">
        <v>93</v>
      </c>
      <c r="L29018" s="6" t="s">
        <v>51</v>
      </c>
    </row>
    <row r="29019" spans="1:12">
      <c r="A29019" s="6" t="s">
        <v>29010</v>
      </c>
      <c r="B29019" s="6"/>
      <c r="C29019" s="6" t="s">
        <v>29868</v>
      </c>
      <c r="D29019" s="6"/>
      <c r="E29019" s="6" t="s">
        <v>9</v>
      </c>
      <c r="F29019" s="7"/>
      <c r="G29019" s="8">
        <v>1</v>
      </c>
      <c r="H29019" s="8">
        <v>1</v>
      </c>
      <c r="I29019" s="8">
        <v>0</v>
      </c>
      <c r="J29019" s="8">
        <v>1</v>
      </c>
      <c r="K29019" s="9">
        <v>4.6100000000000003</v>
      </c>
      <c r="L29019" s="6" t="s">
        <v>51</v>
      </c>
    </row>
    <row r="29020" spans="1:12">
      <c r="A29020" s="6" t="s">
        <v>29010</v>
      </c>
      <c r="B29020" s="6"/>
      <c r="C29020" s="6" t="s">
        <v>29869</v>
      </c>
      <c r="D29020" s="6"/>
      <c r="E29020" s="6" t="s">
        <v>9</v>
      </c>
      <c r="F29020" s="7"/>
      <c r="G29020" s="8">
        <v>1</v>
      </c>
      <c r="H29020" s="8">
        <v>1</v>
      </c>
      <c r="I29020" s="8">
        <v>0</v>
      </c>
      <c r="J29020" s="8">
        <v>1</v>
      </c>
      <c r="K29020" s="9">
        <v>21</v>
      </c>
      <c r="L29020" s="6" t="s">
        <v>51</v>
      </c>
    </row>
    <row r="29021" spans="1:12">
      <c r="A29021" s="6" t="s">
        <v>29010</v>
      </c>
      <c r="B29021" s="6"/>
      <c r="C29021" s="6" t="s">
        <v>29870</v>
      </c>
      <c r="D29021" s="6"/>
      <c r="E29021" s="6" t="s">
        <v>9</v>
      </c>
      <c r="F29021" s="7"/>
      <c r="G29021" s="8">
        <v>1</v>
      </c>
      <c r="H29021" s="8">
        <v>1</v>
      </c>
      <c r="I29021" s="8">
        <v>0</v>
      </c>
      <c r="J29021" s="8">
        <v>1</v>
      </c>
      <c r="K29021" s="9">
        <v>3.3</v>
      </c>
      <c r="L29021" s="6" t="s">
        <v>51</v>
      </c>
    </row>
    <row r="29022" spans="1:12">
      <c r="A29022" s="6" t="s">
        <v>29010</v>
      </c>
      <c r="B29022" s="6"/>
      <c r="C29022" s="6" t="s">
        <v>29871</v>
      </c>
      <c r="D29022" s="6"/>
      <c r="E29022" s="6" t="s">
        <v>9</v>
      </c>
      <c r="F29022" s="7"/>
      <c r="G29022" s="8">
        <v>1</v>
      </c>
      <c r="H29022" s="8">
        <v>1</v>
      </c>
      <c r="I29022" s="8">
        <v>0</v>
      </c>
      <c r="J29022" s="8">
        <v>1</v>
      </c>
      <c r="K29022" s="9">
        <v>82</v>
      </c>
      <c r="L29022" s="6" t="s">
        <v>51</v>
      </c>
    </row>
    <row r="29023" spans="1:12">
      <c r="A29023" s="6" t="s">
        <v>29010</v>
      </c>
      <c r="B29023" s="6"/>
      <c r="C29023" s="6" t="s">
        <v>29872</v>
      </c>
      <c r="D29023" s="6"/>
      <c r="E29023" s="6" t="s">
        <v>9</v>
      </c>
      <c r="F29023" s="7"/>
      <c r="G29023" s="8">
        <v>1</v>
      </c>
      <c r="H29023" s="8">
        <v>1</v>
      </c>
      <c r="I29023" s="8">
        <v>0</v>
      </c>
      <c r="J29023" s="8">
        <v>1</v>
      </c>
      <c r="K29023" s="9">
        <v>105</v>
      </c>
      <c r="L29023" s="6" t="s">
        <v>51</v>
      </c>
    </row>
    <row r="29024" spans="1:12">
      <c r="A29024" s="6" t="s">
        <v>29010</v>
      </c>
      <c r="B29024" s="6"/>
      <c r="C29024" s="6" t="s">
        <v>29873</v>
      </c>
      <c r="D29024" s="6"/>
      <c r="E29024" s="6" t="s">
        <v>9</v>
      </c>
      <c r="F29024" s="7"/>
      <c r="G29024" s="8">
        <v>1</v>
      </c>
      <c r="H29024" s="8">
        <v>1</v>
      </c>
      <c r="I29024" s="8">
        <v>0</v>
      </c>
      <c r="J29024" s="8">
        <v>1</v>
      </c>
      <c r="K29024" s="9">
        <v>6.61</v>
      </c>
      <c r="L29024" s="6" t="s">
        <v>51</v>
      </c>
    </row>
    <row r="29025" spans="1:12">
      <c r="A29025" s="6" t="s">
        <v>29010</v>
      </c>
      <c r="B29025" s="6"/>
      <c r="C29025" s="6" t="s">
        <v>29874</v>
      </c>
      <c r="D29025" s="6"/>
      <c r="E29025" s="6" t="s">
        <v>9</v>
      </c>
      <c r="F29025" s="7"/>
      <c r="G29025" s="8">
        <v>1</v>
      </c>
      <c r="H29025" s="8">
        <v>1</v>
      </c>
      <c r="I29025" s="8">
        <v>0</v>
      </c>
      <c r="J29025" s="8">
        <v>1</v>
      </c>
      <c r="K29025" s="9">
        <v>23</v>
      </c>
      <c r="L29025" s="6" t="s">
        <v>51</v>
      </c>
    </row>
    <row r="29026" spans="1:12">
      <c r="A29026" s="6" t="s">
        <v>29010</v>
      </c>
      <c r="B29026" s="6"/>
      <c r="C29026" s="6" t="s">
        <v>29875</v>
      </c>
      <c r="D29026" s="6"/>
      <c r="E29026" s="6" t="s">
        <v>9</v>
      </c>
      <c r="F29026" s="7"/>
      <c r="G29026" s="8">
        <v>1</v>
      </c>
      <c r="H29026" s="8">
        <v>1</v>
      </c>
      <c r="I29026" s="8">
        <v>0</v>
      </c>
      <c r="J29026" s="8">
        <v>1</v>
      </c>
      <c r="K29026" s="9">
        <v>8.2100000000000009</v>
      </c>
      <c r="L29026" s="6" t="s">
        <v>51</v>
      </c>
    </row>
    <row r="29027" spans="1:12">
      <c r="A29027" s="6" t="s">
        <v>29010</v>
      </c>
      <c r="B29027" s="6"/>
      <c r="C29027" s="6" t="s">
        <v>29876</v>
      </c>
      <c r="D29027" s="6"/>
      <c r="E29027" s="6" t="s">
        <v>9</v>
      </c>
      <c r="F29027" s="7"/>
      <c r="G29027" s="8">
        <v>1</v>
      </c>
      <c r="H29027" s="8">
        <v>1</v>
      </c>
      <c r="I29027" s="8">
        <v>0</v>
      </c>
      <c r="J29027" s="8">
        <v>1</v>
      </c>
      <c r="K29027" s="9">
        <v>3.75</v>
      </c>
      <c r="L29027" s="6" t="s">
        <v>51</v>
      </c>
    </row>
    <row r="29028" spans="1:12">
      <c r="A29028" s="6" t="s">
        <v>29010</v>
      </c>
      <c r="B29028" s="6"/>
      <c r="C29028" s="6" t="s">
        <v>29877</v>
      </c>
      <c r="D29028" s="6"/>
      <c r="E29028" s="6" t="s">
        <v>9</v>
      </c>
      <c r="F29028" s="7"/>
      <c r="G29028" s="8">
        <v>1</v>
      </c>
      <c r="H29028" s="8">
        <v>1</v>
      </c>
      <c r="I29028" s="8">
        <v>0</v>
      </c>
      <c r="J29028" s="8">
        <v>1</v>
      </c>
      <c r="K29028" s="9">
        <v>37</v>
      </c>
      <c r="L29028" s="6" t="s">
        <v>51</v>
      </c>
    </row>
    <row r="29029" spans="1:12">
      <c r="A29029" s="6" t="s">
        <v>29010</v>
      </c>
      <c r="B29029" s="6"/>
      <c r="C29029" s="6" t="s">
        <v>29878</v>
      </c>
      <c r="D29029" s="6"/>
      <c r="E29029" s="6" t="s">
        <v>9</v>
      </c>
      <c r="F29029" s="7"/>
      <c r="G29029" s="8">
        <v>1</v>
      </c>
      <c r="H29029" s="8">
        <v>1</v>
      </c>
      <c r="I29029" s="8">
        <v>0</v>
      </c>
      <c r="J29029" s="8">
        <v>1</v>
      </c>
      <c r="K29029" s="9">
        <v>11</v>
      </c>
      <c r="L29029" s="6" t="s">
        <v>51</v>
      </c>
    </row>
    <row r="29030" spans="1:12">
      <c r="A29030" s="6" t="s">
        <v>29010</v>
      </c>
      <c r="B29030" s="6"/>
      <c r="C29030" s="6" t="s">
        <v>29879</v>
      </c>
      <c r="D29030" s="6"/>
      <c r="E29030" s="6" t="s">
        <v>9</v>
      </c>
      <c r="F29030" s="7"/>
      <c r="G29030" s="8">
        <v>1</v>
      </c>
      <c r="H29030" s="8">
        <v>1</v>
      </c>
      <c r="I29030" s="8">
        <v>0</v>
      </c>
      <c r="J29030" s="8">
        <v>1</v>
      </c>
      <c r="K29030" s="9">
        <v>56</v>
      </c>
      <c r="L29030" s="6" t="s">
        <v>51</v>
      </c>
    </row>
    <row r="29031" spans="1:12">
      <c r="A29031" s="6" t="s">
        <v>29010</v>
      </c>
      <c r="B29031" s="6"/>
      <c r="C29031" s="6" t="s">
        <v>29880</v>
      </c>
      <c r="D29031" s="6"/>
      <c r="E29031" s="6" t="s">
        <v>9</v>
      </c>
      <c r="F29031" s="7"/>
      <c r="G29031" s="8">
        <v>1</v>
      </c>
      <c r="H29031" s="8">
        <v>1</v>
      </c>
      <c r="I29031" s="8">
        <v>0</v>
      </c>
      <c r="J29031" s="8">
        <v>1</v>
      </c>
      <c r="K29031" s="9">
        <v>229</v>
      </c>
      <c r="L29031" s="6" t="s">
        <v>51</v>
      </c>
    </row>
    <row r="29032" spans="1:12">
      <c r="A29032" s="6" t="s">
        <v>29010</v>
      </c>
      <c r="B29032" s="6"/>
      <c r="C29032" s="6" t="s">
        <v>29881</v>
      </c>
      <c r="D29032" s="6"/>
      <c r="E29032" s="6" t="s">
        <v>9</v>
      </c>
      <c r="F29032" s="7"/>
      <c r="G29032" s="8">
        <v>1</v>
      </c>
      <c r="H29032" s="8">
        <v>1</v>
      </c>
      <c r="I29032" s="8">
        <v>0</v>
      </c>
      <c r="J29032" s="8">
        <v>1</v>
      </c>
      <c r="K29032" s="9">
        <v>105</v>
      </c>
      <c r="L29032" s="6" t="s">
        <v>51</v>
      </c>
    </row>
    <row r="29033" spans="1:12">
      <c r="A29033" s="6" t="s">
        <v>29010</v>
      </c>
      <c r="B29033" s="6"/>
      <c r="C29033" s="6" t="s">
        <v>29882</v>
      </c>
      <c r="D29033" s="6"/>
      <c r="E29033" s="6" t="s">
        <v>9</v>
      </c>
      <c r="F29033" s="7"/>
      <c r="G29033" s="8">
        <v>1</v>
      </c>
      <c r="H29033" s="8">
        <v>1</v>
      </c>
      <c r="I29033" s="8">
        <v>0</v>
      </c>
      <c r="J29033" s="8">
        <v>1</v>
      </c>
      <c r="K29033" s="9">
        <v>16</v>
      </c>
      <c r="L29033" s="6" t="s">
        <v>51</v>
      </c>
    </row>
    <row r="29034" spans="1:12">
      <c r="A29034" s="6" t="s">
        <v>29010</v>
      </c>
      <c r="B29034" s="6"/>
      <c r="C29034" s="6" t="s">
        <v>29883</v>
      </c>
      <c r="D29034" s="6"/>
      <c r="E29034" s="6" t="s">
        <v>9</v>
      </c>
      <c r="F29034" s="7"/>
      <c r="G29034" s="8">
        <v>1</v>
      </c>
      <c r="H29034" s="8">
        <v>1</v>
      </c>
      <c r="I29034" s="8">
        <v>0</v>
      </c>
      <c r="J29034" s="8">
        <v>1</v>
      </c>
      <c r="K29034" s="9">
        <v>132</v>
      </c>
      <c r="L29034" s="6" t="s">
        <v>51</v>
      </c>
    </row>
    <row r="29035" spans="1:12">
      <c r="A29035" s="6" t="s">
        <v>29010</v>
      </c>
      <c r="B29035" s="6"/>
      <c r="C29035" s="6" t="s">
        <v>29884</v>
      </c>
      <c r="D29035" s="6"/>
      <c r="E29035" s="6" t="s">
        <v>9</v>
      </c>
      <c r="F29035" s="7"/>
      <c r="G29035" s="8">
        <v>1</v>
      </c>
      <c r="H29035" s="8">
        <v>1</v>
      </c>
      <c r="I29035" s="8">
        <v>0</v>
      </c>
      <c r="J29035" s="8">
        <v>1</v>
      </c>
      <c r="K29035" s="9">
        <v>155</v>
      </c>
      <c r="L29035" s="6" t="s">
        <v>51</v>
      </c>
    </row>
    <row r="29036" spans="1:12">
      <c r="A29036" s="6" t="s">
        <v>29010</v>
      </c>
      <c r="B29036" s="6"/>
      <c r="C29036" s="6" t="s">
        <v>29885</v>
      </c>
      <c r="D29036" s="6"/>
      <c r="E29036" s="6" t="s">
        <v>9</v>
      </c>
      <c r="F29036" s="7"/>
      <c r="G29036" s="8">
        <v>1</v>
      </c>
      <c r="H29036" s="8">
        <v>1</v>
      </c>
      <c r="I29036" s="8">
        <v>0</v>
      </c>
      <c r="J29036" s="8">
        <v>1</v>
      </c>
      <c r="K29036" s="9">
        <v>82</v>
      </c>
      <c r="L29036" s="6" t="s">
        <v>51</v>
      </c>
    </row>
    <row r="29037" spans="1:12">
      <c r="A29037" s="6" t="s">
        <v>29010</v>
      </c>
      <c r="B29037" s="6"/>
      <c r="C29037" s="6" t="s">
        <v>29886</v>
      </c>
      <c r="D29037" s="6"/>
      <c r="E29037" s="6" t="s">
        <v>9</v>
      </c>
      <c r="F29037" s="7"/>
      <c r="G29037" s="8">
        <v>1</v>
      </c>
      <c r="H29037" s="8">
        <v>1</v>
      </c>
      <c r="I29037" s="8">
        <v>0</v>
      </c>
      <c r="J29037" s="8">
        <v>1</v>
      </c>
      <c r="K29037" s="9">
        <v>95</v>
      </c>
      <c r="L29037" s="6" t="s">
        <v>51</v>
      </c>
    </row>
    <row r="29038" spans="1:12">
      <c r="A29038" s="6" t="s">
        <v>29010</v>
      </c>
      <c r="B29038" s="6"/>
      <c r="C29038" s="6" t="s">
        <v>29887</v>
      </c>
      <c r="D29038" s="6"/>
      <c r="E29038" s="6" t="s">
        <v>9</v>
      </c>
      <c r="F29038" s="7"/>
      <c r="G29038" s="8">
        <v>1</v>
      </c>
      <c r="H29038" s="8">
        <v>1</v>
      </c>
      <c r="I29038" s="8">
        <v>0</v>
      </c>
      <c r="J29038" s="8">
        <v>1</v>
      </c>
      <c r="K29038" s="9">
        <v>76</v>
      </c>
      <c r="L29038" s="6" t="s">
        <v>51</v>
      </c>
    </row>
    <row r="29039" spans="1:12">
      <c r="A29039" s="6" t="s">
        <v>29010</v>
      </c>
      <c r="B29039" s="6"/>
      <c r="C29039" s="6" t="s">
        <v>29888</v>
      </c>
      <c r="D29039" s="6"/>
      <c r="E29039" s="6" t="s">
        <v>9</v>
      </c>
      <c r="F29039" s="7"/>
      <c r="G29039" s="8">
        <v>1</v>
      </c>
      <c r="H29039" s="8">
        <v>1</v>
      </c>
      <c r="I29039" s="8">
        <v>0</v>
      </c>
      <c r="J29039" s="8">
        <v>1</v>
      </c>
      <c r="K29039" s="9">
        <v>90</v>
      </c>
      <c r="L29039" s="6" t="s">
        <v>51</v>
      </c>
    </row>
    <row r="29040" spans="1:12">
      <c r="A29040" s="6" t="s">
        <v>29889</v>
      </c>
      <c r="B29040" s="6"/>
      <c r="C29040" s="6" t="s">
        <v>29890</v>
      </c>
      <c r="D29040" s="6"/>
      <c r="E29040" s="6" t="s">
        <v>9</v>
      </c>
      <c r="F29040" s="7"/>
      <c r="G29040" s="8">
        <v>1</v>
      </c>
      <c r="H29040" s="8">
        <v>1</v>
      </c>
      <c r="I29040" s="8">
        <v>0</v>
      </c>
      <c r="J29040" s="8">
        <v>1</v>
      </c>
      <c r="K29040" s="9">
        <v>244</v>
      </c>
      <c r="L29040" s="6" t="s">
        <v>4151</v>
      </c>
    </row>
    <row r="29041" spans="1:12">
      <c r="A29041" s="6" t="s">
        <v>29889</v>
      </c>
      <c r="B29041" s="6"/>
      <c r="C29041" s="6" t="s">
        <v>29891</v>
      </c>
      <c r="D29041" s="6"/>
      <c r="E29041" s="6" t="s">
        <v>9</v>
      </c>
      <c r="F29041" s="7"/>
      <c r="G29041" s="8">
        <v>1</v>
      </c>
      <c r="H29041" s="8">
        <v>1</v>
      </c>
      <c r="I29041" s="8">
        <v>0</v>
      </c>
      <c r="J29041" s="8">
        <v>1</v>
      </c>
      <c r="K29041" s="9">
        <v>6.61</v>
      </c>
      <c r="L29041" s="6" t="s">
        <v>4151</v>
      </c>
    </row>
    <row r="29042" spans="1:12">
      <c r="A29042" s="6" t="s">
        <v>29889</v>
      </c>
      <c r="B29042" s="6"/>
      <c r="C29042" s="6" t="s">
        <v>29892</v>
      </c>
      <c r="D29042" s="6"/>
      <c r="E29042" s="6" t="s">
        <v>9</v>
      </c>
      <c r="F29042" s="7"/>
      <c r="G29042" s="8">
        <v>1</v>
      </c>
      <c r="H29042" s="8">
        <v>1</v>
      </c>
      <c r="I29042" s="8">
        <v>0</v>
      </c>
      <c r="J29042" s="8">
        <v>1</v>
      </c>
      <c r="K29042" s="9">
        <v>3.3</v>
      </c>
      <c r="L29042" s="6" t="s">
        <v>4151</v>
      </c>
    </row>
    <row r="29043" spans="1:12">
      <c r="A29043" s="6" t="s">
        <v>29889</v>
      </c>
      <c r="B29043" s="6"/>
      <c r="C29043" s="6" t="s">
        <v>29893</v>
      </c>
      <c r="D29043" s="6"/>
      <c r="E29043" s="6" t="s">
        <v>9</v>
      </c>
      <c r="F29043" s="7"/>
      <c r="G29043" s="8">
        <v>1</v>
      </c>
      <c r="H29043" s="8">
        <v>1</v>
      </c>
      <c r="I29043" s="8">
        <v>0</v>
      </c>
      <c r="J29043" s="8">
        <v>1</v>
      </c>
      <c r="K29043" s="9">
        <v>3.3</v>
      </c>
      <c r="L29043" s="6" t="s">
        <v>4151</v>
      </c>
    </row>
    <row r="29044" spans="1:12">
      <c r="A29044" s="6" t="s">
        <v>29889</v>
      </c>
      <c r="B29044" s="6"/>
      <c r="C29044" s="6" t="s">
        <v>29894</v>
      </c>
      <c r="D29044" s="6"/>
      <c r="E29044" s="6" t="s">
        <v>9</v>
      </c>
      <c r="F29044" s="7"/>
      <c r="G29044" s="8">
        <v>1</v>
      </c>
      <c r="H29044" s="8">
        <v>1</v>
      </c>
      <c r="I29044" s="8">
        <v>0</v>
      </c>
      <c r="J29044" s="8">
        <v>1</v>
      </c>
      <c r="K29044" s="9">
        <v>1.65</v>
      </c>
      <c r="L29044" s="6" t="s">
        <v>4151</v>
      </c>
    </row>
    <row r="29045" spans="1:12">
      <c r="A29045" s="6" t="s">
        <v>29889</v>
      </c>
      <c r="B29045" s="6"/>
      <c r="C29045" s="6" t="s">
        <v>29895</v>
      </c>
      <c r="D29045" s="6"/>
      <c r="E29045" s="6" t="s">
        <v>9</v>
      </c>
      <c r="F29045" s="7"/>
      <c r="G29045" s="8">
        <v>1</v>
      </c>
      <c r="H29045" s="8">
        <v>1</v>
      </c>
      <c r="I29045" s="8">
        <v>0</v>
      </c>
      <c r="J29045" s="8">
        <v>1</v>
      </c>
      <c r="K29045" s="9">
        <v>5.0199999999999898</v>
      </c>
      <c r="L29045" s="6" t="s">
        <v>4151</v>
      </c>
    </row>
    <row r="29046" spans="1:12">
      <c r="A29046" s="6" t="s">
        <v>29889</v>
      </c>
      <c r="B29046" s="6"/>
      <c r="C29046" s="6" t="s">
        <v>29896</v>
      </c>
      <c r="D29046" s="6"/>
      <c r="E29046" s="6" t="s">
        <v>9</v>
      </c>
      <c r="F29046" s="7"/>
      <c r="G29046" s="8">
        <v>1</v>
      </c>
      <c r="H29046" s="8">
        <v>1</v>
      </c>
      <c r="I29046" s="8">
        <v>0</v>
      </c>
      <c r="J29046" s="8">
        <v>1</v>
      </c>
      <c r="K29046" s="9">
        <v>12.12</v>
      </c>
      <c r="L29046" s="6" t="s">
        <v>4151</v>
      </c>
    </row>
    <row r="29047" spans="1:12">
      <c r="A29047" s="6" t="s">
        <v>29889</v>
      </c>
      <c r="B29047" s="6"/>
      <c r="C29047" s="6" t="s">
        <v>29897</v>
      </c>
      <c r="D29047" s="6"/>
      <c r="E29047" s="6" t="s">
        <v>9</v>
      </c>
      <c r="F29047" s="7"/>
      <c r="G29047" s="8">
        <v>1</v>
      </c>
      <c r="H29047" s="8">
        <v>1</v>
      </c>
      <c r="I29047" s="8">
        <v>0</v>
      </c>
      <c r="J29047" s="8">
        <v>1</v>
      </c>
      <c r="K29047" s="9">
        <v>8.07</v>
      </c>
      <c r="L29047" s="6" t="s">
        <v>4151</v>
      </c>
    </row>
    <row r="29048" spans="1:12">
      <c r="A29048" s="6" t="s">
        <v>29889</v>
      </c>
      <c r="B29048" s="6"/>
      <c r="C29048" s="6" t="s">
        <v>29898</v>
      </c>
      <c r="D29048" s="6"/>
      <c r="E29048" s="6" t="s">
        <v>9</v>
      </c>
      <c r="F29048" s="7"/>
      <c r="G29048" s="8">
        <v>1</v>
      </c>
      <c r="H29048" s="8">
        <v>1</v>
      </c>
      <c r="I29048" s="8">
        <v>0</v>
      </c>
      <c r="J29048" s="8">
        <v>1</v>
      </c>
      <c r="K29048" s="9">
        <v>3.77</v>
      </c>
      <c r="L29048" s="6" t="s">
        <v>4151</v>
      </c>
    </row>
    <row r="29049" spans="1:12">
      <c r="A29049" s="6" t="s">
        <v>29889</v>
      </c>
      <c r="B29049" s="6"/>
      <c r="C29049" s="6" t="s">
        <v>29899</v>
      </c>
      <c r="D29049" s="6"/>
      <c r="E29049" s="6" t="s">
        <v>9</v>
      </c>
      <c r="F29049" s="7"/>
      <c r="G29049" s="8">
        <v>1</v>
      </c>
      <c r="H29049" s="8">
        <v>1</v>
      </c>
      <c r="I29049" s="8">
        <v>0</v>
      </c>
      <c r="J29049" s="8">
        <v>1</v>
      </c>
      <c r="K29049" s="9">
        <v>300</v>
      </c>
      <c r="L29049" s="6" t="s">
        <v>4151</v>
      </c>
    </row>
    <row r="29050" spans="1:12">
      <c r="A29050" s="6" t="s">
        <v>29889</v>
      </c>
      <c r="B29050" s="6"/>
      <c r="C29050" s="6" t="s">
        <v>29900</v>
      </c>
      <c r="D29050" s="6"/>
      <c r="E29050" s="6" t="s">
        <v>9</v>
      </c>
      <c r="F29050" s="7"/>
      <c r="G29050" s="8">
        <v>1</v>
      </c>
      <c r="H29050" s="8">
        <v>1</v>
      </c>
      <c r="I29050" s="8">
        <v>0</v>
      </c>
      <c r="J29050" s="8">
        <v>1</v>
      </c>
      <c r="K29050" s="9">
        <v>555</v>
      </c>
      <c r="L29050" s="6" t="s">
        <v>4151</v>
      </c>
    </row>
    <row r="29051" spans="1:12">
      <c r="A29051" s="6" t="s">
        <v>29889</v>
      </c>
      <c r="B29051" s="6"/>
      <c r="C29051" s="6" t="s">
        <v>29901</v>
      </c>
      <c r="D29051" s="6"/>
      <c r="E29051" s="6" t="s">
        <v>9</v>
      </c>
      <c r="F29051" s="7"/>
      <c r="G29051" s="8">
        <v>1</v>
      </c>
      <c r="H29051" s="8">
        <v>1</v>
      </c>
      <c r="I29051" s="8">
        <v>0</v>
      </c>
      <c r="J29051" s="8">
        <v>1</v>
      </c>
      <c r="K29051" s="9">
        <v>1137</v>
      </c>
      <c r="L29051" s="6" t="s">
        <v>4151</v>
      </c>
    </row>
    <row r="29052" spans="1:12">
      <c r="A29052" s="6" t="s">
        <v>29889</v>
      </c>
      <c r="B29052" s="6"/>
      <c r="C29052" s="6" t="s">
        <v>29902</v>
      </c>
      <c r="D29052" s="6"/>
      <c r="E29052" s="6" t="s">
        <v>9</v>
      </c>
      <c r="F29052" s="7"/>
      <c r="G29052" s="8">
        <v>1</v>
      </c>
      <c r="H29052" s="8">
        <v>1</v>
      </c>
      <c r="I29052" s="8">
        <v>0</v>
      </c>
      <c r="J29052" s="8">
        <v>1</v>
      </c>
      <c r="K29052" s="9">
        <v>36</v>
      </c>
      <c r="L29052" s="6" t="s">
        <v>4151</v>
      </c>
    </row>
    <row r="29053" spans="1:12">
      <c r="A29053" s="6" t="s">
        <v>29889</v>
      </c>
      <c r="B29053" s="6"/>
      <c r="C29053" s="6" t="s">
        <v>29903</v>
      </c>
      <c r="D29053" s="6"/>
      <c r="E29053" s="6" t="s">
        <v>9</v>
      </c>
      <c r="F29053" s="7"/>
      <c r="G29053" s="8">
        <v>1</v>
      </c>
      <c r="H29053" s="8">
        <v>1</v>
      </c>
      <c r="I29053" s="8">
        <v>0</v>
      </c>
      <c r="J29053" s="8">
        <v>1</v>
      </c>
      <c r="K29053" s="9">
        <v>284</v>
      </c>
      <c r="L29053" s="6" t="s">
        <v>4151</v>
      </c>
    </row>
    <row r="29054" spans="1:12">
      <c r="A29054" s="6" t="s">
        <v>29889</v>
      </c>
      <c r="B29054" s="6"/>
      <c r="C29054" s="6" t="s">
        <v>29904</v>
      </c>
      <c r="D29054" s="6"/>
      <c r="E29054" s="6" t="s">
        <v>9</v>
      </c>
      <c r="F29054" s="7"/>
      <c r="G29054" s="8">
        <v>1</v>
      </c>
      <c r="H29054" s="8">
        <v>1</v>
      </c>
      <c r="I29054" s="8">
        <v>0</v>
      </c>
      <c r="J29054" s="8">
        <v>1</v>
      </c>
      <c r="K29054" s="9">
        <v>1067</v>
      </c>
      <c r="L29054" s="6" t="s">
        <v>4151</v>
      </c>
    </row>
    <row r="29055" spans="1:12">
      <c r="A29055" s="6" t="s">
        <v>29889</v>
      </c>
      <c r="B29055" s="6"/>
      <c r="C29055" s="6" t="s">
        <v>29905</v>
      </c>
      <c r="D29055" s="6"/>
      <c r="E29055" s="6" t="s">
        <v>9</v>
      </c>
      <c r="F29055" s="7"/>
      <c r="G29055" s="8">
        <v>1</v>
      </c>
      <c r="H29055" s="8">
        <v>1</v>
      </c>
      <c r="I29055" s="8">
        <v>0</v>
      </c>
      <c r="J29055" s="8">
        <v>1</v>
      </c>
      <c r="K29055" s="9">
        <v>11322</v>
      </c>
      <c r="L29055" s="6" t="s">
        <v>4151</v>
      </c>
    </row>
    <row r="29056" spans="1:12">
      <c r="A29056" s="6" t="s">
        <v>29889</v>
      </c>
      <c r="B29056" s="6"/>
      <c r="C29056" s="6" t="s">
        <v>29906</v>
      </c>
      <c r="D29056" s="6"/>
      <c r="E29056" s="6" t="s">
        <v>9</v>
      </c>
      <c r="F29056" s="7"/>
      <c r="G29056" s="8">
        <v>1</v>
      </c>
      <c r="H29056" s="8">
        <v>1</v>
      </c>
      <c r="I29056" s="8">
        <v>0</v>
      </c>
      <c r="J29056" s="8">
        <v>1</v>
      </c>
      <c r="K29056" s="9">
        <v>9.91</v>
      </c>
      <c r="L29056" s="6" t="s">
        <v>4151</v>
      </c>
    </row>
    <row r="29057" spans="1:12">
      <c r="A29057" s="6" t="s">
        <v>29889</v>
      </c>
      <c r="B29057" s="6"/>
      <c r="C29057" s="6" t="s">
        <v>29907</v>
      </c>
      <c r="D29057" s="6"/>
      <c r="E29057" s="6" t="s">
        <v>9</v>
      </c>
      <c r="F29057" s="7"/>
      <c r="G29057" s="8">
        <v>1</v>
      </c>
      <c r="H29057" s="8">
        <v>1</v>
      </c>
      <c r="I29057" s="8">
        <v>0</v>
      </c>
      <c r="J29057" s="8">
        <v>1</v>
      </c>
      <c r="K29057" s="9">
        <v>9.91</v>
      </c>
      <c r="L29057" s="6" t="s">
        <v>4151</v>
      </c>
    </row>
    <row r="29058" spans="1:12">
      <c r="A29058" s="6" t="s">
        <v>29889</v>
      </c>
      <c r="B29058" s="6"/>
      <c r="C29058" s="6" t="s">
        <v>29908</v>
      </c>
      <c r="D29058" s="6"/>
      <c r="E29058" s="6" t="s">
        <v>9</v>
      </c>
      <c r="F29058" s="7"/>
      <c r="G29058" s="8">
        <v>1</v>
      </c>
      <c r="H29058" s="8">
        <v>1</v>
      </c>
      <c r="I29058" s="8">
        <v>0</v>
      </c>
      <c r="J29058" s="8">
        <v>1</v>
      </c>
      <c r="K29058" s="9">
        <v>3.3</v>
      </c>
      <c r="L29058" s="6" t="s">
        <v>4151</v>
      </c>
    </row>
    <row r="29059" spans="1:12">
      <c r="A29059" s="6" t="s">
        <v>29889</v>
      </c>
      <c r="B29059" s="6"/>
      <c r="C29059" s="6" t="s">
        <v>29909</v>
      </c>
      <c r="D29059" s="6"/>
      <c r="E29059" s="6" t="s">
        <v>9</v>
      </c>
      <c r="F29059" s="7"/>
      <c r="G29059" s="8">
        <v>1</v>
      </c>
      <c r="H29059" s="8">
        <v>1</v>
      </c>
      <c r="I29059" s="8">
        <v>0</v>
      </c>
      <c r="J29059" s="8">
        <v>1</v>
      </c>
      <c r="K29059" s="9">
        <v>254</v>
      </c>
      <c r="L29059" s="6" t="s">
        <v>4151</v>
      </c>
    </row>
    <row r="29060" spans="1:12">
      <c r="A29060" s="6" t="s">
        <v>29889</v>
      </c>
      <c r="B29060" s="6"/>
      <c r="C29060" s="6" t="s">
        <v>29910</v>
      </c>
      <c r="D29060" s="6"/>
      <c r="E29060" s="6" t="s">
        <v>9</v>
      </c>
      <c r="F29060" s="7"/>
      <c r="G29060" s="8">
        <v>1</v>
      </c>
      <c r="H29060" s="8">
        <v>1</v>
      </c>
      <c r="I29060" s="8">
        <v>0</v>
      </c>
      <c r="J29060" s="8">
        <v>1</v>
      </c>
      <c r="K29060" s="9">
        <v>29</v>
      </c>
      <c r="L29060" s="6" t="s">
        <v>4151</v>
      </c>
    </row>
    <row r="29061" spans="1:12">
      <c r="A29061" s="6" t="s">
        <v>29889</v>
      </c>
      <c r="B29061" s="6"/>
      <c r="C29061" s="6" t="s">
        <v>29911</v>
      </c>
      <c r="D29061" s="6"/>
      <c r="E29061" s="6" t="s">
        <v>9</v>
      </c>
      <c r="F29061" s="7"/>
      <c r="G29061" s="8">
        <v>1</v>
      </c>
      <c r="H29061" s="8">
        <v>1</v>
      </c>
      <c r="I29061" s="8">
        <v>0</v>
      </c>
      <c r="J29061" s="8">
        <v>1</v>
      </c>
      <c r="K29061" s="9">
        <v>23</v>
      </c>
      <c r="L29061" s="6" t="s">
        <v>4151</v>
      </c>
    </row>
    <row r="29062" spans="1:12">
      <c r="A29062" s="6" t="s">
        <v>29889</v>
      </c>
      <c r="B29062" s="6"/>
      <c r="C29062" s="6" t="s">
        <v>29912</v>
      </c>
      <c r="D29062" s="6"/>
      <c r="E29062" s="6" t="s">
        <v>9</v>
      </c>
      <c r="F29062" s="7"/>
      <c r="G29062" s="8">
        <v>1</v>
      </c>
      <c r="H29062" s="8">
        <v>1</v>
      </c>
      <c r="I29062" s="8">
        <v>0</v>
      </c>
      <c r="J29062" s="8">
        <v>1</v>
      </c>
      <c r="K29062" s="9">
        <v>9.91</v>
      </c>
      <c r="L29062" s="6" t="s">
        <v>4151</v>
      </c>
    </row>
    <row r="29063" spans="1:12">
      <c r="A29063" s="6" t="s">
        <v>29889</v>
      </c>
      <c r="B29063" s="6"/>
      <c r="C29063" s="6" t="s">
        <v>29913</v>
      </c>
      <c r="D29063" s="6"/>
      <c r="E29063" s="6" t="s">
        <v>9</v>
      </c>
      <c r="F29063" s="7"/>
      <c r="G29063" s="8">
        <v>1</v>
      </c>
      <c r="H29063" s="8">
        <v>1</v>
      </c>
      <c r="I29063" s="8">
        <v>0</v>
      </c>
      <c r="J29063" s="8">
        <v>1</v>
      </c>
      <c r="K29063" s="9">
        <v>16</v>
      </c>
      <c r="L29063" s="6" t="s">
        <v>4151</v>
      </c>
    </row>
    <row r="29064" spans="1:12">
      <c r="A29064" s="6" t="s">
        <v>29889</v>
      </c>
      <c r="B29064" s="6"/>
      <c r="C29064" s="6" t="s">
        <v>29914</v>
      </c>
      <c r="D29064" s="6"/>
      <c r="E29064" s="6" t="s">
        <v>9</v>
      </c>
      <c r="F29064" s="7"/>
      <c r="G29064" s="8">
        <v>1</v>
      </c>
      <c r="H29064" s="8">
        <v>1</v>
      </c>
      <c r="I29064" s="8">
        <v>0</v>
      </c>
      <c r="J29064" s="8">
        <v>1</v>
      </c>
      <c r="K29064" s="9">
        <v>16</v>
      </c>
      <c r="L29064" s="6" t="s">
        <v>4151</v>
      </c>
    </row>
    <row r="29065" spans="1:12">
      <c r="A29065" s="6" t="s">
        <v>29889</v>
      </c>
      <c r="B29065" s="6"/>
      <c r="C29065" s="6" t="s">
        <v>29915</v>
      </c>
      <c r="D29065" s="6"/>
      <c r="E29065" s="6" t="s">
        <v>9</v>
      </c>
      <c r="F29065" s="7"/>
      <c r="G29065" s="8">
        <v>1</v>
      </c>
      <c r="H29065" s="8">
        <v>1</v>
      </c>
      <c r="I29065" s="8">
        <v>0</v>
      </c>
      <c r="J29065" s="8">
        <v>1</v>
      </c>
      <c r="K29065" s="9">
        <v>16</v>
      </c>
      <c r="L29065" s="6" t="s">
        <v>4151</v>
      </c>
    </row>
    <row r="29066" spans="1:12">
      <c r="A29066" s="6" t="s">
        <v>29889</v>
      </c>
      <c r="B29066" s="6"/>
      <c r="C29066" s="6" t="s">
        <v>29916</v>
      </c>
      <c r="D29066" s="6"/>
      <c r="E29066" s="6" t="s">
        <v>9</v>
      </c>
      <c r="F29066" s="7"/>
      <c r="G29066" s="8">
        <v>1</v>
      </c>
      <c r="H29066" s="8">
        <v>1</v>
      </c>
      <c r="I29066" s="8">
        <v>0</v>
      </c>
      <c r="J29066" s="8">
        <v>1</v>
      </c>
      <c r="K29066" s="9">
        <v>16</v>
      </c>
      <c r="L29066" s="6" t="s">
        <v>4151</v>
      </c>
    </row>
    <row r="29067" spans="1:12">
      <c r="A29067" s="6" t="s">
        <v>29889</v>
      </c>
      <c r="B29067" s="6"/>
      <c r="C29067" s="6" t="s">
        <v>29917</v>
      </c>
      <c r="D29067" s="6"/>
      <c r="E29067" s="6" t="s">
        <v>9</v>
      </c>
      <c r="F29067" s="7"/>
      <c r="G29067" s="8">
        <v>1</v>
      </c>
      <c r="H29067" s="8">
        <v>1</v>
      </c>
      <c r="I29067" s="8">
        <v>0</v>
      </c>
      <c r="J29067" s="8">
        <v>1</v>
      </c>
      <c r="K29067" s="9">
        <v>16</v>
      </c>
      <c r="L29067" s="6" t="s">
        <v>4151</v>
      </c>
    </row>
    <row r="29068" spans="1:12">
      <c r="A29068" s="6" t="s">
        <v>29889</v>
      </c>
      <c r="B29068" s="6"/>
      <c r="C29068" s="6" t="s">
        <v>29918</v>
      </c>
      <c r="D29068" s="6"/>
      <c r="E29068" s="6" t="s">
        <v>9</v>
      </c>
      <c r="F29068" s="7"/>
      <c r="G29068" s="8">
        <v>1</v>
      </c>
      <c r="H29068" s="8">
        <v>1</v>
      </c>
      <c r="I29068" s="8">
        <v>0</v>
      </c>
      <c r="J29068" s="8">
        <v>1</v>
      </c>
      <c r="K29068" s="9">
        <v>9.91</v>
      </c>
      <c r="L29068" s="6" t="s">
        <v>4151</v>
      </c>
    </row>
    <row r="29069" spans="1:12">
      <c r="A29069" s="6" t="s">
        <v>29889</v>
      </c>
      <c r="B29069" s="6"/>
      <c r="C29069" s="6" t="s">
        <v>29919</v>
      </c>
      <c r="D29069" s="6"/>
      <c r="E29069" s="6" t="s">
        <v>9</v>
      </c>
      <c r="F29069" s="7"/>
      <c r="G29069" s="8">
        <v>1</v>
      </c>
      <c r="H29069" s="8">
        <v>1</v>
      </c>
      <c r="I29069" s="8">
        <v>0</v>
      </c>
      <c r="J29069" s="8">
        <v>1</v>
      </c>
      <c r="K29069" s="9">
        <v>16</v>
      </c>
      <c r="L29069" s="6" t="s">
        <v>4151</v>
      </c>
    </row>
    <row r="29070" spans="1:12">
      <c r="A29070" s="6" t="s">
        <v>29889</v>
      </c>
      <c r="B29070" s="6"/>
      <c r="C29070" s="6" t="s">
        <v>29920</v>
      </c>
      <c r="D29070" s="6"/>
      <c r="E29070" s="6" t="s">
        <v>9</v>
      </c>
      <c r="F29070" s="7"/>
      <c r="G29070" s="8">
        <v>1</v>
      </c>
      <c r="H29070" s="8">
        <v>1</v>
      </c>
      <c r="I29070" s="8">
        <v>0</v>
      </c>
      <c r="J29070" s="8">
        <v>1</v>
      </c>
      <c r="K29070" s="9">
        <v>16</v>
      </c>
      <c r="L29070" s="6" t="s">
        <v>4151</v>
      </c>
    </row>
    <row r="29071" spans="1:12">
      <c r="A29071" s="6" t="s">
        <v>29889</v>
      </c>
      <c r="B29071" s="6"/>
      <c r="C29071" s="6" t="s">
        <v>29921</v>
      </c>
      <c r="D29071" s="6"/>
      <c r="E29071" s="6" t="s">
        <v>9</v>
      </c>
      <c r="F29071" s="7"/>
      <c r="G29071" s="8">
        <v>1</v>
      </c>
      <c r="H29071" s="8">
        <v>1</v>
      </c>
      <c r="I29071" s="8">
        <v>0</v>
      </c>
      <c r="J29071" s="8">
        <v>1</v>
      </c>
      <c r="K29071" s="9">
        <v>16</v>
      </c>
      <c r="L29071" s="6" t="s">
        <v>4151</v>
      </c>
    </row>
    <row r="29072" spans="1:12">
      <c r="A29072" s="6" t="s">
        <v>29889</v>
      </c>
      <c r="B29072" s="6"/>
      <c r="C29072" s="6" t="s">
        <v>29922</v>
      </c>
      <c r="D29072" s="6"/>
      <c r="E29072" s="6" t="s">
        <v>9</v>
      </c>
      <c r="F29072" s="7"/>
      <c r="G29072" s="8">
        <v>1</v>
      </c>
      <c r="H29072" s="8">
        <v>1</v>
      </c>
      <c r="I29072" s="8">
        <v>0</v>
      </c>
      <c r="J29072" s="8">
        <v>1</v>
      </c>
      <c r="K29072" s="9">
        <v>49</v>
      </c>
      <c r="L29072" s="6" t="s">
        <v>4151</v>
      </c>
    </row>
    <row r="29073" spans="1:12">
      <c r="A29073" s="6" t="s">
        <v>29889</v>
      </c>
      <c r="B29073" s="6"/>
      <c r="C29073" s="6" t="s">
        <v>29923</v>
      </c>
      <c r="D29073" s="6"/>
      <c r="E29073" s="6" t="s">
        <v>9</v>
      </c>
      <c r="F29073" s="7"/>
      <c r="G29073" s="8">
        <v>1</v>
      </c>
      <c r="H29073" s="8">
        <v>1</v>
      </c>
      <c r="I29073" s="8">
        <v>0</v>
      </c>
      <c r="J29073" s="8">
        <v>1</v>
      </c>
      <c r="K29073" s="9">
        <v>9.91</v>
      </c>
      <c r="L29073" s="6" t="s">
        <v>4151</v>
      </c>
    </row>
    <row r="29074" spans="1:12">
      <c r="A29074" s="6" t="s">
        <v>29889</v>
      </c>
      <c r="B29074" s="6"/>
      <c r="C29074" s="6" t="s">
        <v>29924</v>
      </c>
      <c r="D29074" s="6"/>
      <c r="E29074" s="6" t="s">
        <v>9</v>
      </c>
      <c r="F29074" s="7"/>
      <c r="G29074" s="8">
        <v>1</v>
      </c>
      <c r="H29074" s="8">
        <v>1</v>
      </c>
      <c r="I29074" s="8">
        <v>0</v>
      </c>
      <c r="J29074" s="8">
        <v>1</v>
      </c>
      <c r="K29074" s="9">
        <v>19</v>
      </c>
      <c r="L29074" s="6" t="s">
        <v>4151</v>
      </c>
    </row>
    <row r="29075" spans="1:12">
      <c r="A29075" s="6" t="s">
        <v>29889</v>
      </c>
      <c r="B29075" s="6"/>
      <c r="C29075" s="6" t="s">
        <v>29925</v>
      </c>
      <c r="D29075" s="6"/>
      <c r="E29075" s="6" t="s">
        <v>9</v>
      </c>
      <c r="F29075" s="7"/>
      <c r="G29075" s="8">
        <v>1</v>
      </c>
      <c r="H29075" s="8">
        <v>1</v>
      </c>
      <c r="I29075" s="8">
        <v>0</v>
      </c>
      <c r="J29075" s="8">
        <v>1</v>
      </c>
      <c r="K29075" s="9">
        <v>6.61</v>
      </c>
      <c r="L29075" s="6" t="s">
        <v>4151</v>
      </c>
    </row>
    <row r="29076" spans="1:12">
      <c r="A29076" s="6" t="s">
        <v>29889</v>
      </c>
      <c r="B29076" s="6"/>
      <c r="C29076" s="6" t="s">
        <v>29926</v>
      </c>
      <c r="D29076" s="6"/>
      <c r="E29076" s="6" t="s">
        <v>9</v>
      </c>
      <c r="F29076" s="7"/>
      <c r="G29076" s="8">
        <v>1</v>
      </c>
      <c r="H29076" s="8">
        <v>1</v>
      </c>
      <c r="I29076" s="8">
        <v>0</v>
      </c>
      <c r="J29076" s="8">
        <v>1</v>
      </c>
      <c r="K29076" s="9">
        <v>6.61</v>
      </c>
      <c r="L29076" s="6" t="s">
        <v>4151</v>
      </c>
    </row>
    <row r="29077" spans="1:12">
      <c r="A29077" s="6" t="s">
        <v>29889</v>
      </c>
      <c r="B29077" s="6"/>
      <c r="C29077" s="6" t="s">
        <v>29927</v>
      </c>
      <c r="D29077" s="6"/>
      <c r="E29077" s="6" t="s">
        <v>9</v>
      </c>
      <c r="F29077" s="7"/>
      <c r="G29077" s="8">
        <v>1</v>
      </c>
      <c r="H29077" s="8">
        <v>1</v>
      </c>
      <c r="I29077" s="8">
        <v>0</v>
      </c>
      <c r="J29077" s="8">
        <v>1</v>
      </c>
      <c r="K29077" s="9">
        <v>19</v>
      </c>
      <c r="L29077" s="6" t="s">
        <v>4151</v>
      </c>
    </row>
    <row r="29078" spans="1:12">
      <c r="A29078" s="6" t="s">
        <v>29889</v>
      </c>
      <c r="B29078" s="6"/>
      <c r="C29078" s="6" t="s">
        <v>29928</v>
      </c>
      <c r="D29078" s="6"/>
      <c r="E29078" s="6" t="s">
        <v>9</v>
      </c>
      <c r="F29078" s="7"/>
      <c r="G29078" s="8">
        <v>1</v>
      </c>
      <c r="H29078" s="8">
        <v>1</v>
      </c>
      <c r="I29078" s="8">
        <v>0</v>
      </c>
      <c r="J29078" s="8">
        <v>1</v>
      </c>
      <c r="K29078" s="9">
        <v>19</v>
      </c>
      <c r="L29078" s="6" t="s">
        <v>4151</v>
      </c>
    </row>
    <row r="29079" spans="1:12">
      <c r="A29079" s="6" t="s">
        <v>29889</v>
      </c>
      <c r="B29079" s="6"/>
      <c r="C29079" s="6" t="s">
        <v>29929</v>
      </c>
      <c r="D29079" s="6"/>
      <c r="E29079" s="6" t="s">
        <v>9</v>
      </c>
      <c r="F29079" s="7"/>
      <c r="G29079" s="8">
        <v>1</v>
      </c>
      <c r="H29079" s="8">
        <v>1</v>
      </c>
      <c r="I29079" s="8">
        <v>0</v>
      </c>
      <c r="J29079" s="8">
        <v>1</v>
      </c>
      <c r="K29079" s="9">
        <v>3.3</v>
      </c>
      <c r="L29079" s="6" t="s">
        <v>4151</v>
      </c>
    </row>
    <row r="29080" spans="1:12">
      <c r="A29080" s="6" t="s">
        <v>29889</v>
      </c>
      <c r="B29080" s="6"/>
      <c r="C29080" s="6" t="s">
        <v>29930</v>
      </c>
      <c r="D29080" s="6"/>
      <c r="E29080" s="6" t="s">
        <v>9</v>
      </c>
      <c r="F29080" s="7"/>
      <c r="G29080" s="8">
        <v>1</v>
      </c>
      <c r="H29080" s="8">
        <v>1</v>
      </c>
      <c r="I29080" s="8">
        <v>0</v>
      </c>
      <c r="J29080" s="8">
        <v>1</v>
      </c>
      <c r="K29080" s="9">
        <v>19</v>
      </c>
      <c r="L29080" s="6" t="s">
        <v>4151</v>
      </c>
    </row>
    <row r="29081" spans="1:12">
      <c r="A29081" s="6" t="s">
        <v>29889</v>
      </c>
      <c r="B29081" s="6"/>
      <c r="C29081" s="6" t="s">
        <v>29931</v>
      </c>
      <c r="D29081" s="6"/>
      <c r="E29081" s="6" t="s">
        <v>9</v>
      </c>
      <c r="F29081" s="7"/>
      <c r="G29081" s="8">
        <v>1</v>
      </c>
      <c r="H29081" s="8">
        <v>1</v>
      </c>
      <c r="I29081" s="8">
        <v>0</v>
      </c>
      <c r="J29081" s="8">
        <v>1</v>
      </c>
      <c r="K29081" s="9">
        <v>3.3</v>
      </c>
      <c r="L29081" s="6" t="s">
        <v>4151</v>
      </c>
    </row>
    <row r="29082" spans="1:12">
      <c r="A29082" s="6" t="s">
        <v>29889</v>
      </c>
      <c r="B29082" s="6"/>
      <c r="C29082" s="6" t="s">
        <v>29932</v>
      </c>
      <c r="D29082" s="6"/>
      <c r="E29082" s="6" t="s">
        <v>9</v>
      </c>
      <c r="F29082" s="7"/>
      <c r="G29082" s="8">
        <v>1</v>
      </c>
      <c r="H29082" s="8">
        <v>1</v>
      </c>
      <c r="I29082" s="8">
        <v>0</v>
      </c>
      <c r="J29082" s="8">
        <v>1</v>
      </c>
      <c r="K29082" s="9">
        <v>23</v>
      </c>
      <c r="L29082" s="6" t="s">
        <v>4151</v>
      </c>
    </row>
    <row r="29083" spans="1:12">
      <c r="A29083" s="6" t="s">
        <v>29889</v>
      </c>
      <c r="B29083" s="6"/>
      <c r="C29083" s="6" t="s">
        <v>29933</v>
      </c>
      <c r="D29083" s="6"/>
      <c r="E29083" s="6" t="s">
        <v>9</v>
      </c>
      <c r="F29083" s="7"/>
      <c r="G29083" s="8">
        <v>1</v>
      </c>
      <c r="H29083" s="8">
        <v>1</v>
      </c>
      <c r="I29083" s="8">
        <v>0</v>
      </c>
      <c r="J29083" s="8">
        <v>1</v>
      </c>
      <c r="K29083" s="9">
        <v>13</v>
      </c>
      <c r="L29083" s="6" t="s">
        <v>4151</v>
      </c>
    </row>
    <row r="29084" spans="1:12">
      <c r="A29084" s="6" t="s">
        <v>29889</v>
      </c>
      <c r="B29084" s="6"/>
      <c r="C29084" s="6" t="s">
        <v>29934</v>
      </c>
      <c r="D29084" s="6"/>
      <c r="E29084" s="6" t="s">
        <v>9</v>
      </c>
      <c r="F29084" s="7"/>
      <c r="G29084" s="8">
        <v>1</v>
      </c>
      <c r="H29084" s="8">
        <v>1</v>
      </c>
      <c r="I29084" s="8">
        <v>0</v>
      </c>
      <c r="J29084" s="8">
        <v>1</v>
      </c>
      <c r="K29084" s="9">
        <v>19</v>
      </c>
      <c r="L29084" s="6" t="s">
        <v>4151</v>
      </c>
    </row>
    <row r="29085" spans="1:12">
      <c r="A29085" s="6" t="s">
        <v>29889</v>
      </c>
      <c r="B29085" s="6"/>
      <c r="C29085" s="6" t="s">
        <v>29935</v>
      </c>
      <c r="D29085" s="6"/>
      <c r="E29085" s="6" t="s">
        <v>9</v>
      </c>
      <c r="F29085" s="7"/>
      <c r="G29085" s="8">
        <v>1</v>
      </c>
      <c r="H29085" s="8">
        <v>1</v>
      </c>
      <c r="I29085" s="8">
        <v>0</v>
      </c>
      <c r="J29085" s="8">
        <v>1</v>
      </c>
      <c r="K29085" s="9">
        <v>19</v>
      </c>
      <c r="L29085" s="6" t="s">
        <v>4151</v>
      </c>
    </row>
    <row r="29086" spans="1:12">
      <c r="A29086" s="6" t="s">
        <v>29889</v>
      </c>
      <c r="B29086" s="6"/>
      <c r="C29086" s="6" t="s">
        <v>29936</v>
      </c>
      <c r="D29086" s="6"/>
      <c r="E29086" s="6" t="s">
        <v>9</v>
      </c>
      <c r="F29086" s="7"/>
      <c r="G29086" s="8">
        <v>1</v>
      </c>
      <c r="H29086" s="8">
        <v>1</v>
      </c>
      <c r="I29086" s="8">
        <v>0</v>
      </c>
      <c r="J29086" s="8">
        <v>1</v>
      </c>
      <c r="K29086" s="9">
        <v>16</v>
      </c>
      <c r="L29086" s="6" t="s">
        <v>4151</v>
      </c>
    </row>
    <row r="29087" spans="1:12">
      <c r="A29087" s="6" t="s">
        <v>29889</v>
      </c>
      <c r="B29087" s="6"/>
      <c r="C29087" s="6" t="s">
        <v>29937</v>
      </c>
      <c r="D29087" s="6"/>
      <c r="E29087" s="6" t="s">
        <v>9</v>
      </c>
      <c r="F29087" s="7"/>
      <c r="G29087" s="8">
        <v>1</v>
      </c>
      <c r="H29087" s="8">
        <v>1</v>
      </c>
      <c r="I29087" s="8">
        <v>0</v>
      </c>
      <c r="J29087" s="8">
        <v>1</v>
      </c>
      <c r="K29087" s="9">
        <v>16</v>
      </c>
      <c r="L29087" s="6" t="s">
        <v>4151</v>
      </c>
    </row>
    <row r="29088" spans="1:12">
      <c r="A29088" s="6" t="s">
        <v>29889</v>
      </c>
      <c r="B29088" s="6"/>
      <c r="C29088" s="6" t="s">
        <v>29938</v>
      </c>
      <c r="D29088" s="6"/>
      <c r="E29088" s="6" t="s">
        <v>9</v>
      </c>
      <c r="F29088" s="7"/>
      <c r="G29088" s="8">
        <v>1</v>
      </c>
      <c r="H29088" s="8">
        <v>1</v>
      </c>
      <c r="I29088" s="8">
        <v>0</v>
      </c>
      <c r="J29088" s="8">
        <v>1</v>
      </c>
      <c r="K29088" s="9">
        <v>13</v>
      </c>
      <c r="L29088" s="6" t="s">
        <v>4151</v>
      </c>
    </row>
    <row r="29089" spans="1:12">
      <c r="A29089" s="6" t="s">
        <v>29889</v>
      </c>
      <c r="B29089" s="6"/>
      <c r="C29089" s="6" t="s">
        <v>29939</v>
      </c>
      <c r="D29089" s="6"/>
      <c r="E29089" s="6" t="s">
        <v>9</v>
      </c>
      <c r="F29089" s="7"/>
      <c r="G29089" s="8">
        <v>1</v>
      </c>
      <c r="H29089" s="8">
        <v>1</v>
      </c>
      <c r="I29089" s="8">
        <v>0</v>
      </c>
      <c r="J29089" s="8">
        <v>1</v>
      </c>
      <c r="K29089" s="9">
        <v>13</v>
      </c>
      <c r="L29089" s="6" t="s">
        <v>4151</v>
      </c>
    </row>
    <row r="29090" spans="1:12">
      <c r="A29090" s="6" t="s">
        <v>29889</v>
      </c>
      <c r="B29090" s="6"/>
      <c r="C29090" s="6" t="s">
        <v>29940</v>
      </c>
      <c r="D29090" s="6"/>
      <c r="E29090" s="6" t="s">
        <v>9</v>
      </c>
      <c r="F29090" s="7"/>
      <c r="G29090" s="8">
        <v>1</v>
      </c>
      <c r="H29090" s="8">
        <v>1</v>
      </c>
      <c r="I29090" s="8">
        <v>0</v>
      </c>
      <c r="J29090" s="8">
        <v>1</v>
      </c>
      <c r="K29090" s="9">
        <v>46</v>
      </c>
      <c r="L29090" s="6" t="s">
        <v>4151</v>
      </c>
    </row>
    <row r="29091" spans="1:12">
      <c r="A29091" s="6" t="s">
        <v>29889</v>
      </c>
      <c r="B29091" s="6"/>
      <c r="C29091" s="6" t="s">
        <v>29941</v>
      </c>
      <c r="D29091" s="6"/>
      <c r="E29091" s="6" t="s">
        <v>9</v>
      </c>
      <c r="F29091" s="7"/>
      <c r="G29091" s="8">
        <v>1</v>
      </c>
      <c r="H29091" s="8">
        <v>1</v>
      </c>
      <c r="I29091" s="8">
        <v>0</v>
      </c>
      <c r="J29091" s="8">
        <v>1</v>
      </c>
      <c r="K29091" s="9">
        <v>3.3</v>
      </c>
      <c r="L29091" s="6" t="s">
        <v>4151</v>
      </c>
    </row>
    <row r="29092" spans="1:12">
      <c r="A29092" s="6" t="s">
        <v>29889</v>
      </c>
      <c r="B29092" s="6"/>
      <c r="C29092" s="6" t="s">
        <v>29942</v>
      </c>
      <c r="D29092" s="6"/>
      <c r="E29092" s="6" t="s">
        <v>9</v>
      </c>
      <c r="F29092" s="7"/>
      <c r="G29092" s="8">
        <v>1</v>
      </c>
      <c r="H29092" s="8">
        <v>1</v>
      </c>
      <c r="I29092" s="8">
        <v>0</v>
      </c>
      <c r="J29092" s="8">
        <v>1</v>
      </c>
      <c r="K29092" s="9">
        <v>3.3</v>
      </c>
      <c r="L29092" s="6" t="s">
        <v>4151</v>
      </c>
    </row>
    <row r="29093" spans="1:12">
      <c r="A29093" s="6" t="s">
        <v>29889</v>
      </c>
      <c r="B29093" s="6"/>
      <c r="C29093" s="6" t="s">
        <v>29943</v>
      </c>
      <c r="D29093" s="6"/>
      <c r="E29093" s="6" t="s">
        <v>9</v>
      </c>
      <c r="F29093" s="7"/>
      <c r="G29093" s="8">
        <v>1</v>
      </c>
      <c r="H29093" s="8">
        <v>1</v>
      </c>
      <c r="I29093" s="8">
        <v>0</v>
      </c>
      <c r="J29093" s="8">
        <v>1</v>
      </c>
      <c r="K29093" s="9">
        <v>16</v>
      </c>
      <c r="L29093" s="6" t="s">
        <v>4151</v>
      </c>
    </row>
    <row r="29094" spans="1:12">
      <c r="A29094" s="6" t="s">
        <v>29889</v>
      </c>
      <c r="B29094" s="6"/>
      <c r="C29094" s="6" t="s">
        <v>29944</v>
      </c>
      <c r="D29094" s="6"/>
      <c r="E29094" s="6" t="s">
        <v>9</v>
      </c>
      <c r="F29094" s="7"/>
      <c r="G29094" s="8">
        <v>1</v>
      </c>
      <c r="H29094" s="8">
        <v>1</v>
      </c>
      <c r="I29094" s="8">
        <v>0</v>
      </c>
      <c r="J29094" s="8">
        <v>1</v>
      </c>
      <c r="K29094" s="9">
        <v>16</v>
      </c>
      <c r="L29094" s="6" t="s">
        <v>4151</v>
      </c>
    </row>
    <row r="29095" spans="1:12">
      <c r="A29095" s="6" t="s">
        <v>29889</v>
      </c>
      <c r="B29095" s="6"/>
      <c r="C29095" s="6" t="s">
        <v>29945</v>
      </c>
      <c r="D29095" s="6"/>
      <c r="E29095" s="6" t="s">
        <v>9</v>
      </c>
      <c r="F29095" s="7"/>
      <c r="G29095" s="8">
        <v>1</v>
      </c>
      <c r="H29095" s="8">
        <v>1</v>
      </c>
      <c r="I29095" s="8">
        <v>0</v>
      </c>
      <c r="J29095" s="8">
        <v>1</v>
      </c>
      <c r="K29095" s="9">
        <v>16</v>
      </c>
      <c r="L29095" s="6" t="s">
        <v>4151</v>
      </c>
    </row>
    <row r="29096" spans="1:12">
      <c r="A29096" s="6" t="s">
        <v>29889</v>
      </c>
      <c r="B29096" s="6"/>
      <c r="C29096" s="6" t="s">
        <v>29946</v>
      </c>
      <c r="D29096" s="6"/>
      <c r="E29096" s="6" t="s">
        <v>9</v>
      </c>
      <c r="F29096" s="7"/>
      <c r="G29096" s="8">
        <v>1</v>
      </c>
      <c r="H29096" s="8">
        <v>1</v>
      </c>
      <c r="I29096" s="8">
        <v>0</v>
      </c>
      <c r="J29096" s="8">
        <v>1</v>
      </c>
      <c r="K29096" s="9">
        <v>9.91</v>
      </c>
      <c r="L29096" s="6" t="s">
        <v>4151</v>
      </c>
    </row>
    <row r="29097" spans="1:12">
      <c r="A29097" s="6" t="s">
        <v>29889</v>
      </c>
      <c r="B29097" s="6"/>
      <c r="C29097" s="6" t="s">
        <v>29947</v>
      </c>
      <c r="D29097" s="6"/>
      <c r="E29097" s="6" t="s">
        <v>9</v>
      </c>
      <c r="F29097" s="7"/>
      <c r="G29097" s="8">
        <v>1</v>
      </c>
      <c r="H29097" s="8">
        <v>1</v>
      </c>
      <c r="I29097" s="8">
        <v>0</v>
      </c>
      <c r="J29097" s="8">
        <v>1</v>
      </c>
      <c r="K29097" s="9">
        <v>3.3</v>
      </c>
      <c r="L29097" s="6" t="s">
        <v>4151</v>
      </c>
    </row>
    <row r="29098" spans="1:12">
      <c r="A29098" s="6" t="s">
        <v>29889</v>
      </c>
      <c r="B29098" s="6"/>
      <c r="C29098" s="6" t="s">
        <v>29948</v>
      </c>
      <c r="D29098" s="6"/>
      <c r="E29098" s="6" t="s">
        <v>9</v>
      </c>
      <c r="F29098" s="7"/>
      <c r="G29098" s="8">
        <v>1</v>
      </c>
      <c r="H29098" s="8">
        <v>1</v>
      </c>
      <c r="I29098" s="8">
        <v>0</v>
      </c>
      <c r="J29098" s="8">
        <v>1</v>
      </c>
      <c r="K29098" s="9">
        <v>3.3</v>
      </c>
      <c r="L29098" s="6" t="s">
        <v>4151</v>
      </c>
    </row>
    <row r="29099" spans="1:12">
      <c r="A29099" s="6" t="s">
        <v>29889</v>
      </c>
      <c r="B29099" s="6"/>
      <c r="C29099" s="6" t="s">
        <v>29949</v>
      </c>
      <c r="D29099" s="6"/>
      <c r="E29099" s="6" t="s">
        <v>9</v>
      </c>
      <c r="F29099" s="7"/>
      <c r="G29099" s="8">
        <v>1</v>
      </c>
      <c r="H29099" s="8">
        <v>1</v>
      </c>
      <c r="I29099" s="8">
        <v>0</v>
      </c>
      <c r="J29099" s="8">
        <v>1</v>
      </c>
      <c r="K29099" s="9">
        <v>3.3</v>
      </c>
      <c r="L29099" s="6" t="s">
        <v>4151</v>
      </c>
    </row>
    <row r="29100" spans="1:12">
      <c r="A29100" s="6" t="s">
        <v>29889</v>
      </c>
      <c r="B29100" s="6"/>
      <c r="C29100" s="6" t="s">
        <v>29950</v>
      </c>
      <c r="D29100" s="6"/>
      <c r="E29100" s="6" t="s">
        <v>9</v>
      </c>
      <c r="F29100" s="7"/>
      <c r="G29100" s="8">
        <v>1</v>
      </c>
      <c r="H29100" s="8">
        <v>1</v>
      </c>
      <c r="I29100" s="8">
        <v>0</v>
      </c>
      <c r="J29100" s="8">
        <v>1</v>
      </c>
      <c r="K29100" s="9">
        <v>3.3</v>
      </c>
      <c r="L29100" s="6" t="s">
        <v>4151</v>
      </c>
    </row>
    <row r="29101" spans="1:12">
      <c r="A29101" s="6" t="s">
        <v>29889</v>
      </c>
      <c r="B29101" s="6"/>
      <c r="C29101" s="6" t="s">
        <v>29951</v>
      </c>
      <c r="D29101" s="6"/>
      <c r="E29101" s="6" t="s">
        <v>9</v>
      </c>
      <c r="F29101" s="7"/>
      <c r="G29101" s="8">
        <v>1</v>
      </c>
      <c r="H29101" s="8">
        <v>1</v>
      </c>
      <c r="I29101" s="8">
        <v>0</v>
      </c>
      <c r="J29101" s="8">
        <v>1</v>
      </c>
      <c r="K29101" s="9">
        <v>3.3</v>
      </c>
      <c r="L29101" s="6" t="s">
        <v>4151</v>
      </c>
    </row>
    <row r="29102" spans="1:12">
      <c r="A29102" s="6" t="s">
        <v>29889</v>
      </c>
      <c r="B29102" s="6"/>
      <c r="C29102" s="6" t="s">
        <v>29952</v>
      </c>
      <c r="D29102" s="6"/>
      <c r="E29102" s="6" t="s">
        <v>9</v>
      </c>
      <c r="F29102" s="7"/>
      <c r="G29102" s="8">
        <v>1</v>
      </c>
      <c r="H29102" s="8">
        <v>1</v>
      </c>
      <c r="I29102" s="8">
        <v>0</v>
      </c>
      <c r="J29102" s="8">
        <v>1</v>
      </c>
      <c r="K29102" s="9">
        <v>3.3</v>
      </c>
      <c r="L29102" s="6" t="s">
        <v>4151</v>
      </c>
    </row>
    <row r="29103" spans="1:12">
      <c r="A29103" s="6" t="s">
        <v>29889</v>
      </c>
      <c r="B29103" s="6"/>
      <c r="C29103" s="6" t="s">
        <v>29953</v>
      </c>
      <c r="D29103" s="6"/>
      <c r="E29103" s="6" t="s">
        <v>9</v>
      </c>
      <c r="F29103" s="7"/>
      <c r="G29103" s="8">
        <v>1</v>
      </c>
      <c r="H29103" s="8">
        <v>1</v>
      </c>
      <c r="I29103" s="8">
        <v>0</v>
      </c>
      <c r="J29103" s="8">
        <v>1</v>
      </c>
      <c r="K29103" s="9">
        <v>3.3</v>
      </c>
      <c r="L29103" s="6" t="s">
        <v>4151</v>
      </c>
    </row>
    <row r="29104" spans="1:12">
      <c r="A29104" s="6" t="s">
        <v>29889</v>
      </c>
      <c r="B29104" s="6"/>
      <c r="C29104" s="6" t="s">
        <v>29954</v>
      </c>
      <c r="D29104" s="6"/>
      <c r="E29104" s="6" t="s">
        <v>9</v>
      </c>
      <c r="F29104" s="7"/>
      <c r="G29104" s="8">
        <v>1</v>
      </c>
      <c r="H29104" s="8">
        <v>1</v>
      </c>
      <c r="I29104" s="8">
        <v>0</v>
      </c>
      <c r="J29104" s="8">
        <v>1</v>
      </c>
      <c r="K29104" s="9">
        <v>3.3</v>
      </c>
      <c r="L29104" s="6" t="s">
        <v>4151</v>
      </c>
    </row>
    <row r="29105" spans="1:12">
      <c r="A29105" s="6" t="s">
        <v>29889</v>
      </c>
      <c r="B29105" s="6"/>
      <c r="C29105" s="6" t="s">
        <v>29955</v>
      </c>
      <c r="D29105" s="6"/>
      <c r="E29105" s="6" t="s">
        <v>9</v>
      </c>
      <c r="F29105" s="7"/>
      <c r="G29105" s="8">
        <v>1</v>
      </c>
      <c r="H29105" s="8">
        <v>1</v>
      </c>
      <c r="I29105" s="8">
        <v>0</v>
      </c>
      <c r="J29105" s="8">
        <v>1</v>
      </c>
      <c r="K29105" s="9">
        <v>3.3</v>
      </c>
      <c r="L29105" s="6" t="s">
        <v>4151</v>
      </c>
    </row>
    <row r="29106" spans="1:12">
      <c r="A29106" s="6" t="s">
        <v>29889</v>
      </c>
      <c r="B29106" s="6"/>
      <c r="C29106" s="6" t="s">
        <v>29956</v>
      </c>
      <c r="D29106" s="6"/>
      <c r="E29106" s="6" t="s">
        <v>9</v>
      </c>
      <c r="F29106" s="7"/>
      <c r="G29106" s="8">
        <v>1</v>
      </c>
      <c r="H29106" s="8">
        <v>1</v>
      </c>
      <c r="I29106" s="8">
        <v>0</v>
      </c>
      <c r="J29106" s="8">
        <v>1</v>
      </c>
      <c r="K29106" s="9">
        <v>3.3</v>
      </c>
      <c r="L29106" s="6" t="s">
        <v>4151</v>
      </c>
    </row>
    <row r="29107" spans="1:12">
      <c r="A29107" s="6" t="s">
        <v>29889</v>
      </c>
      <c r="B29107" s="6"/>
      <c r="C29107" s="6" t="s">
        <v>29957</v>
      </c>
      <c r="D29107" s="6"/>
      <c r="E29107" s="6" t="s">
        <v>9</v>
      </c>
      <c r="F29107" s="7"/>
      <c r="G29107" s="8">
        <v>1</v>
      </c>
      <c r="H29107" s="8">
        <v>1</v>
      </c>
      <c r="I29107" s="8">
        <v>0</v>
      </c>
      <c r="J29107" s="8">
        <v>1</v>
      </c>
      <c r="K29107" s="9">
        <v>3.3</v>
      </c>
      <c r="L29107" s="6" t="s">
        <v>4151</v>
      </c>
    </row>
    <row r="29108" spans="1:12">
      <c r="A29108" s="6" t="s">
        <v>29889</v>
      </c>
      <c r="B29108" s="6"/>
      <c r="C29108" s="6" t="s">
        <v>29958</v>
      </c>
      <c r="D29108" s="6"/>
      <c r="E29108" s="6" t="s">
        <v>9</v>
      </c>
      <c r="F29108" s="7"/>
      <c r="G29108" s="8">
        <v>1</v>
      </c>
      <c r="H29108" s="8">
        <v>1</v>
      </c>
      <c r="I29108" s="8">
        <v>0</v>
      </c>
      <c r="J29108" s="8">
        <v>1</v>
      </c>
      <c r="K29108" s="9">
        <v>3.3</v>
      </c>
      <c r="L29108" s="6" t="s">
        <v>4151</v>
      </c>
    </row>
    <row r="29109" spans="1:12">
      <c r="A29109" s="6" t="s">
        <v>29889</v>
      </c>
      <c r="B29109" s="6"/>
      <c r="C29109" s="6" t="s">
        <v>29959</v>
      </c>
      <c r="D29109" s="6"/>
      <c r="E29109" s="6" t="s">
        <v>9</v>
      </c>
      <c r="F29109" s="7"/>
      <c r="G29109" s="8">
        <v>1</v>
      </c>
      <c r="H29109" s="8">
        <v>1</v>
      </c>
      <c r="I29109" s="8">
        <v>0</v>
      </c>
      <c r="J29109" s="8">
        <v>1</v>
      </c>
      <c r="K29109" s="9">
        <v>3.3</v>
      </c>
      <c r="L29109" s="6" t="s">
        <v>4151</v>
      </c>
    </row>
    <row r="29110" spans="1:12">
      <c r="A29110" s="6" t="s">
        <v>29889</v>
      </c>
      <c r="B29110" s="6"/>
      <c r="C29110" s="6" t="s">
        <v>29960</v>
      </c>
      <c r="D29110" s="6"/>
      <c r="E29110" s="6" t="s">
        <v>9</v>
      </c>
      <c r="F29110" s="7"/>
      <c r="G29110" s="8">
        <v>1</v>
      </c>
      <c r="H29110" s="8">
        <v>1</v>
      </c>
      <c r="I29110" s="8">
        <v>0</v>
      </c>
      <c r="J29110" s="8">
        <v>1</v>
      </c>
      <c r="K29110" s="9">
        <v>13</v>
      </c>
      <c r="L29110" s="6" t="s">
        <v>4151</v>
      </c>
    </row>
    <row r="29111" spans="1:12">
      <c r="A29111" s="6" t="s">
        <v>29889</v>
      </c>
      <c r="B29111" s="6"/>
      <c r="C29111" s="6" t="s">
        <v>29961</v>
      </c>
      <c r="D29111" s="6"/>
      <c r="E29111" s="6" t="s">
        <v>9</v>
      </c>
      <c r="F29111" s="7"/>
      <c r="G29111" s="8">
        <v>1</v>
      </c>
      <c r="H29111" s="8">
        <v>1</v>
      </c>
      <c r="I29111" s="8">
        <v>0</v>
      </c>
      <c r="J29111" s="8">
        <v>1</v>
      </c>
      <c r="K29111" s="9">
        <v>9.91</v>
      </c>
      <c r="L29111" s="6" t="s">
        <v>4151</v>
      </c>
    </row>
    <row r="29112" spans="1:12">
      <c r="A29112" s="6" t="s">
        <v>29889</v>
      </c>
      <c r="B29112" s="6"/>
      <c r="C29112" s="6" t="s">
        <v>29962</v>
      </c>
      <c r="D29112" s="6"/>
      <c r="E29112" s="6" t="s">
        <v>9</v>
      </c>
      <c r="F29112" s="7"/>
      <c r="G29112" s="8">
        <v>1</v>
      </c>
      <c r="H29112" s="8">
        <v>1</v>
      </c>
      <c r="I29112" s="8">
        <v>0</v>
      </c>
      <c r="J29112" s="8">
        <v>1</v>
      </c>
      <c r="K29112" s="9">
        <v>3.3</v>
      </c>
      <c r="L29112" s="6" t="s">
        <v>4151</v>
      </c>
    </row>
    <row r="29113" spans="1:12">
      <c r="A29113" s="6" t="s">
        <v>29889</v>
      </c>
      <c r="B29113" s="6"/>
      <c r="C29113" s="6" t="s">
        <v>29963</v>
      </c>
      <c r="D29113" s="6"/>
      <c r="E29113" s="6" t="s">
        <v>9</v>
      </c>
      <c r="F29113" s="7"/>
      <c r="G29113" s="8">
        <v>1</v>
      </c>
      <c r="H29113" s="8">
        <v>1</v>
      </c>
      <c r="I29113" s="8">
        <v>0</v>
      </c>
      <c r="J29113" s="8">
        <v>1</v>
      </c>
      <c r="K29113" s="9">
        <v>3.3</v>
      </c>
      <c r="L29113" s="6" t="s">
        <v>4151</v>
      </c>
    </row>
    <row r="29114" spans="1:12">
      <c r="A29114" s="6" t="s">
        <v>29889</v>
      </c>
      <c r="B29114" s="6"/>
      <c r="C29114" s="6" t="s">
        <v>29964</v>
      </c>
      <c r="D29114" s="6"/>
      <c r="E29114" s="6" t="s">
        <v>9</v>
      </c>
      <c r="F29114" s="7"/>
      <c r="G29114" s="8">
        <v>1</v>
      </c>
      <c r="H29114" s="8">
        <v>1</v>
      </c>
      <c r="I29114" s="8">
        <v>0</v>
      </c>
      <c r="J29114" s="8">
        <v>1</v>
      </c>
      <c r="K29114" s="9">
        <v>3.3</v>
      </c>
      <c r="L29114" s="6" t="s">
        <v>4151</v>
      </c>
    </row>
    <row r="29115" spans="1:12">
      <c r="A29115" s="6" t="s">
        <v>29889</v>
      </c>
      <c r="B29115" s="6"/>
      <c r="C29115" s="6" t="s">
        <v>29965</v>
      </c>
      <c r="D29115" s="6"/>
      <c r="E29115" s="6" t="s">
        <v>9</v>
      </c>
      <c r="F29115" s="7"/>
      <c r="G29115" s="8">
        <v>1</v>
      </c>
      <c r="H29115" s="8">
        <v>1</v>
      </c>
      <c r="I29115" s="8">
        <v>0</v>
      </c>
      <c r="J29115" s="8">
        <v>1</v>
      </c>
      <c r="K29115" s="9">
        <v>6.61</v>
      </c>
      <c r="L29115" s="6" t="s">
        <v>4151</v>
      </c>
    </row>
    <row r="29116" spans="1:12">
      <c r="A29116" s="6" t="s">
        <v>29889</v>
      </c>
      <c r="B29116" s="6"/>
      <c r="C29116" s="6" t="s">
        <v>29966</v>
      </c>
      <c r="D29116" s="6"/>
      <c r="E29116" s="6" t="s">
        <v>9</v>
      </c>
      <c r="F29116" s="7"/>
      <c r="G29116" s="8">
        <v>1</v>
      </c>
      <c r="H29116" s="8">
        <v>1</v>
      </c>
      <c r="I29116" s="8">
        <v>0</v>
      </c>
      <c r="J29116" s="8">
        <v>1</v>
      </c>
      <c r="K29116" s="9">
        <v>13</v>
      </c>
      <c r="L29116" s="6" t="s">
        <v>4151</v>
      </c>
    </row>
    <row r="29117" spans="1:12">
      <c r="A29117" s="6" t="s">
        <v>29889</v>
      </c>
      <c r="B29117" s="6"/>
      <c r="C29117" s="6" t="s">
        <v>29967</v>
      </c>
      <c r="D29117" s="6"/>
      <c r="E29117" s="6" t="s">
        <v>9</v>
      </c>
      <c r="F29117" s="7"/>
      <c r="G29117" s="8">
        <v>1</v>
      </c>
      <c r="H29117" s="8">
        <v>1</v>
      </c>
      <c r="I29117" s="8">
        <v>0</v>
      </c>
      <c r="J29117" s="8">
        <v>1</v>
      </c>
      <c r="K29117" s="9">
        <v>6.61</v>
      </c>
      <c r="L29117" s="6" t="s">
        <v>4151</v>
      </c>
    </row>
    <row r="29118" spans="1:12">
      <c r="A29118" s="6" t="s">
        <v>29889</v>
      </c>
      <c r="B29118" s="6"/>
      <c r="C29118" s="6" t="s">
        <v>29968</v>
      </c>
      <c r="D29118" s="6"/>
      <c r="E29118" s="6" t="s">
        <v>9</v>
      </c>
      <c r="F29118" s="7"/>
      <c r="G29118" s="8">
        <v>1</v>
      </c>
      <c r="H29118" s="8">
        <v>1</v>
      </c>
      <c r="I29118" s="8">
        <v>0</v>
      </c>
      <c r="J29118" s="8">
        <v>1</v>
      </c>
      <c r="K29118" s="9">
        <v>3.3</v>
      </c>
      <c r="L29118" s="6" t="s">
        <v>4151</v>
      </c>
    </row>
    <row r="29119" spans="1:12">
      <c r="A29119" s="6" t="s">
        <v>29889</v>
      </c>
      <c r="B29119" s="6"/>
      <c r="C29119" s="6" t="s">
        <v>29969</v>
      </c>
      <c r="D29119" s="6"/>
      <c r="E29119" s="6" t="s">
        <v>9</v>
      </c>
      <c r="F29119" s="7"/>
      <c r="G29119" s="8">
        <v>1</v>
      </c>
      <c r="H29119" s="8">
        <v>1</v>
      </c>
      <c r="I29119" s="8">
        <v>0</v>
      </c>
      <c r="J29119" s="8">
        <v>1</v>
      </c>
      <c r="K29119" s="9">
        <v>3.3</v>
      </c>
      <c r="L29119" s="6" t="s">
        <v>4151</v>
      </c>
    </row>
    <row r="29120" spans="1:12">
      <c r="A29120" s="6" t="s">
        <v>29889</v>
      </c>
      <c r="B29120" s="6"/>
      <c r="C29120" s="6" t="s">
        <v>29970</v>
      </c>
      <c r="D29120" s="6"/>
      <c r="E29120" s="6" t="s">
        <v>9</v>
      </c>
      <c r="F29120" s="7"/>
      <c r="G29120" s="8">
        <v>1</v>
      </c>
      <c r="H29120" s="8">
        <v>1</v>
      </c>
      <c r="I29120" s="8">
        <v>0</v>
      </c>
      <c r="J29120" s="8">
        <v>1</v>
      </c>
      <c r="K29120" s="9">
        <v>3.3</v>
      </c>
      <c r="L29120" s="6" t="s">
        <v>4151</v>
      </c>
    </row>
    <row r="29121" spans="1:12">
      <c r="A29121" s="6" t="s">
        <v>29889</v>
      </c>
      <c r="B29121" s="6"/>
      <c r="C29121" s="6" t="s">
        <v>29971</v>
      </c>
      <c r="D29121" s="6"/>
      <c r="E29121" s="6" t="s">
        <v>9</v>
      </c>
      <c r="F29121" s="7"/>
      <c r="G29121" s="8">
        <v>1</v>
      </c>
      <c r="H29121" s="8">
        <v>1</v>
      </c>
      <c r="I29121" s="8">
        <v>0</v>
      </c>
      <c r="J29121" s="8">
        <v>1</v>
      </c>
      <c r="K29121" s="9">
        <v>3.3</v>
      </c>
      <c r="L29121" s="6" t="s">
        <v>4151</v>
      </c>
    </row>
    <row r="29122" spans="1:12">
      <c r="A29122" s="6" t="s">
        <v>29889</v>
      </c>
      <c r="B29122" s="6"/>
      <c r="C29122" s="6" t="s">
        <v>29972</v>
      </c>
      <c r="D29122" s="6"/>
      <c r="E29122" s="6" t="s">
        <v>9</v>
      </c>
      <c r="F29122" s="7"/>
      <c r="G29122" s="8">
        <v>1</v>
      </c>
      <c r="H29122" s="8">
        <v>1</v>
      </c>
      <c r="I29122" s="8">
        <v>0</v>
      </c>
      <c r="J29122" s="8">
        <v>1</v>
      </c>
      <c r="K29122" s="9">
        <v>6.61</v>
      </c>
      <c r="L29122" s="6" t="s">
        <v>4151</v>
      </c>
    </row>
    <row r="29123" spans="1:12">
      <c r="A29123" s="6" t="s">
        <v>29889</v>
      </c>
      <c r="B29123" s="6"/>
      <c r="C29123" s="6" t="s">
        <v>29973</v>
      </c>
      <c r="D29123" s="6"/>
      <c r="E29123" s="6" t="s">
        <v>9</v>
      </c>
      <c r="F29123" s="7"/>
      <c r="G29123" s="8">
        <v>1</v>
      </c>
      <c r="H29123" s="8">
        <v>1</v>
      </c>
      <c r="I29123" s="8">
        <v>0</v>
      </c>
      <c r="J29123" s="8">
        <v>1</v>
      </c>
      <c r="K29123" s="9">
        <v>33</v>
      </c>
      <c r="L29123" s="6" t="s">
        <v>4151</v>
      </c>
    </row>
    <row r="29124" spans="1:12">
      <c r="A29124" s="6" t="s">
        <v>29889</v>
      </c>
      <c r="B29124" s="6"/>
      <c r="C29124" s="6" t="s">
        <v>29974</v>
      </c>
      <c r="D29124" s="6"/>
      <c r="E29124" s="6" t="s">
        <v>9</v>
      </c>
      <c r="F29124" s="7"/>
      <c r="G29124" s="8">
        <v>1</v>
      </c>
      <c r="H29124" s="8">
        <v>1</v>
      </c>
      <c r="I29124" s="8">
        <v>0</v>
      </c>
      <c r="J29124" s="8">
        <v>1</v>
      </c>
      <c r="K29124" s="9">
        <v>3.3</v>
      </c>
      <c r="L29124" s="6" t="s">
        <v>4151</v>
      </c>
    </row>
    <row r="29125" spans="1:12">
      <c r="A29125" s="6" t="s">
        <v>29889</v>
      </c>
      <c r="B29125" s="6"/>
      <c r="C29125" s="6" t="s">
        <v>29975</v>
      </c>
      <c r="D29125" s="6"/>
      <c r="E29125" s="6" t="s">
        <v>9</v>
      </c>
      <c r="F29125" s="7"/>
      <c r="G29125" s="8">
        <v>1</v>
      </c>
      <c r="H29125" s="8">
        <v>1</v>
      </c>
      <c r="I29125" s="8">
        <v>0</v>
      </c>
      <c r="J29125" s="8">
        <v>1</v>
      </c>
      <c r="K29125" s="9">
        <v>29</v>
      </c>
      <c r="L29125" s="6" t="s">
        <v>4151</v>
      </c>
    </row>
    <row r="29126" spans="1:12">
      <c r="A29126" s="6" t="s">
        <v>29889</v>
      </c>
      <c r="B29126" s="6"/>
      <c r="C29126" s="6" t="s">
        <v>29976</v>
      </c>
      <c r="D29126" s="6"/>
      <c r="E29126" s="6" t="s">
        <v>9</v>
      </c>
      <c r="F29126" s="7"/>
      <c r="G29126" s="8">
        <v>1</v>
      </c>
      <c r="H29126" s="8">
        <v>1</v>
      </c>
      <c r="I29126" s="8">
        <v>0</v>
      </c>
      <c r="J29126" s="8">
        <v>1</v>
      </c>
      <c r="K29126" s="9">
        <v>13</v>
      </c>
      <c r="L29126" s="6" t="s">
        <v>4151</v>
      </c>
    </row>
    <row r="29127" spans="1:12">
      <c r="A29127" s="6" t="s">
        <v>29889</v>
      </c>
      <c r="B29127" s="6"/>
      <c r="C29127" s="6" t="s">
        <v>29977</v>
      </c>
      <c r="D29127" s="6"/>
      <c r="E29127" s="6" t="s">
        <v>9</v>
      </c>
      <c r="F29127" s="7"/>
      <c r="G29127" s="8">
        <v>1</v>
      </c>
      <c r="H29127" s="8">
        <v>1</v>
      </c>
      <c r="I29127" s="8">
        <v>0</v>
      </c>
      <c r="J29127" s="8">
        <v>1</v>
      </c>
      <c r="K29127" s="9">
        <v>16</v>
      </c>
      <c r="L29127" s="6" t="s">
        <v>4151</v>
      </c>
    </row>
    <row r="29128" spans="1:12">
      <c r="A29128" s="6" t="s">
        <v>29889</v>
      </c>
      <c r="B29128" s="6"/>
      <c r="C29128" s="6" t="s">
        <v>29978</v>
      </c>
      <c r="D29128" s="6"/>
      <c r="E29128" s="6" t="s">
        <v>9</v>
      </c>
      <c r="F29128" s="7"/>
      <c r="G29128" s="8">
        <v>1</v>
      </c>
      <c r="H29128" s="8">
        <v>1</v>
      </c>
      <c r="I29128" s="8">
        <v>0</v>
      </c>
      <c r="J29128" s="8">
        <v>1</v>
      </c>
      <c r="K29128" s="9">
        <v>16</v>
      </c>
      <c r="L29128" s="6" t="s">
        <v>4151</v>
      </c>
    </row>
    <row r="29129" spans="1:12">
      <c r="A29129" s="6" t="s">
        <v>29889</v>
      </c>
      <c r="B29129" s="6"/>
      <c r="C29129" s="6" t="s">
        <v>29979</v>
      </c>
      <c r="D29129" s="6"/>
      <c r="E29129" s="6" t="s">
        <v>9</v>
      </c>
      <c r="F29129" s="7"/>
      <c r="G29129" s="8">
        <v>1</v>
      </c>
      <c r="H29129" s="8">
        <v>1</v>
      </c>
      <c r="I29129" s="8">
        <v>0</v>
      </c>
      <c r="J29129" s="8">
        <v>1</v>
      </c>
      <c r="K29129" s="9">
        <v>16</v>
      </c>
      <c r="L29129" s="6" t="s">
        <v>4151</v>
      </c>
    </row>
    <row r="29130" spans="1:12">
      <c r="A29130" s="6" t="s">
        <v>29889</v>
      </c>
      <c r="B29130" s="6"/>
      <c r="C29130" s="6" t="s">
        <v>29980</v>
      </c>
      <c r="D29130" s="6"/>
      <c r="E29130" s="6" t="s">
        <v>9</v>
      </c>
      <c r="F29130" s="7"/>
      <c r="G29130" s="8">
        <v>1</v>
      </c>
      <c r="H29130" s="8">
        <v>1</v>
      </c>
      <c r="I29130" s="8">
        <v>0</v>
      </c>
      <c r="J29130" s="8">
        <v>1</v>
      </c>
      <c r="K29130" s="9">
        <v>6.61</v>
      </c>
      <c r="L29130" s="6" t="s">
        <v>4151</v>
      </c>
    </row>
    <row r="29131" spans="1:12">
      <c r="A29131" s="6" t="s">
        <v>29889</v>
      </c>
      <c r="B29131" s="6"/>
      <c r="C29131" s="6" t="s">
        <v>29981</v>
      </c>
      <c r="D29131" s="6"/>
      <c r="E29131" s="6" t="s">
        <v>9</v>
      </c>
      <c r="F29131" s="7"/>
      <c r="G29131" s="8">
        <v>1</v>
      </c>
      <c r="H29131" s="8">
        <v>1</v>
      </c>
      <c r="I29131" s="8">
        <v>0</v>
      </c>
      <c r="J29131" s="8">
        <v>1</v>
      </c>
      <c r="K29131" s="9">
        <v>39</v>
      </c>
      <c r="L29131" s="6" t="s">
        <v>4151</v>
      </c>
    </row>
    <row r="29132" spans="1:12">
      <c r="A29132" s="6" t="s">
        <v>29889</v>
      </c>
      <c r="B29132" s="6"/>
      <c r="C29132" s="6" t="s">
        <v>29982</v>
      </c>
      <c r="D29132" s="6"/>
      <c r="E29132" s="6" t="s">
        <v>9</v>
      </c>
      <c r="F29132" s="7"/>
      <c r="G29132" s="8">
        <v>1</v>
      </c>
      <c r="H29132" s="8">
        <v>1</v>
      </c>
      <c r="I29132" s="8">
        <v>0</v>
      </c>
      <c r="J29132" s="8">
        <v>1</v>
      </c>
      <c r="K29132" s="9">
        <v>52</v>
      </c>
      <c r="L29132" s="6" t="s">
        <v>4151</v>
      </c>
    </row>
    <row r="29133" spans="1:12">
      <c r="A29133" s="6" t="s">
        <v>29889</v>
      </c>
      <c r="B29133" s="6"/>
      <c r="C29133" s="6" t="s">
        <v>29983</v>
      </c>
      <c r="D29133" s="6"/>
      <c r="E29133" s="6" t="s">
        <v>9</v>
      </c>
      <c r="F29133" s="7"/>
      <c r="G29133" s="8">
        <v>1</v>
      </c>
      <c r="H29133" s="8">
        <v>1</v>
      </c>
      <c r="I29133" s="8">
        <v>0</v>
      </c>
      <c r="J29133" s="8">
        <v>1</v>
      </c>
      <c r="K29133" s="9">
        <v>9.91</v>
      </c>
      <c r="L29133" s="6" t="s">
        <v>4151</v>
      </c>
    </row>
    <row r="29134" spans="1:12">
      <c r="A29134" s="6" t="s">
        <v>29889</v>
      </c>
      <c r="B29134" s="6"/>
      <c r="C29134" s="6" t="s">
        <v>29984</v>
      </c>
      <c r="D29134" s="6"/>
      <c r="E29134" s="6" t="s">
        <v>9</v>
      </c>
      <c r="F29134" s="7"/>
      <c r="G29134" s="8">
        <v>1</v>
      </c>
      <c r="H29134" s="8">
        <v>1</v>
      </c>
      <c r="I29134" s="8">
        <v>0</v>
      </c>
      <c r="J29134" s="8">
        <v>1</v>
      </c>
      <c r="K29134" s="9">
        <v>3.3</v>
      </c>
      <c r="L29134" s="6" t="s">
        <v>4151</v>
      </c>
    </row>
    <row r="29135" spans="1:12">
      <c r="A29135" s="6" t="s">
        <v>29889</v>
      </c>
      <c r="B29135" s="6"/>
      <c r="C29135" s="6" t="s">
        <v>29985</v>
      </c>
      <c r="D29135" s="6"/>
      <c r="E29135" s="6" t="s">
        <v>9</v>
      </c>
      <c r="F29135" s="7"/>
      <c r="G29135" s="8">
        <v>1</v>
      </c>
      <c r="H29135" s="8">
        <v>1</v>
      </c>
      <c r="I29135" s="8">
        <v>0</v>
      </c>
      <c r="J29135" s="8">
        <v>1</v>
      </c>
      <c r="K29135" s="9">
        <v>19</v>
      </c>
      <c r="L29135" s="6" t="s">
        <v>4151</v>
      </c>
    </row>
    <row r="29136" spans="1:12">
      <c r="A29136" s="6" t="s">
        <v>29889</v>
      </c>
      <c r="B29136" s="6"/>
      <c r="C29136" s="6" t="s">
        <v>29986</v>
      </c>
      <c r="D29136" s="6"/>
      <c r="E29136" s="6" t="s">
        <v>9</v>
      </c>
      <c r="F29136" s="7"/>
      <c r="G29136" s="8">
        <v>1</v>
      </c>
      <c r="H29136" s="8">
        <v>1</v>
      </c>
      <c r="I29136" s="8">
        <v>0</v>
      </c>
      <c r="J29136" s="8">
        <v>1</v>
      </c>
      <c r="K29136" s="9">
        <v>19</v>
      </c>
      <c r="L29136" s="6" t="s">
        <v>4151</v>
      </c>
    </row>
    <row r="29137" spans="1:12">
      <c r="A29137" s="6" t="s">
        <v>29889</v>
      </c>
      <c r="B29137" s="6"/>
      <c r="C29137" s="6" t="s">
        <v>29987</v>
      </c>
      <c r="D29137" s="6"/>
      <c r="E29137" s="6" t="s">
        <v>9</v>
      </c>
      <c r="F29137" s="7"/>
      <c r="G29137" s="8">
        <v>1</v>
      </c>
      <c r="H29137" s="8">
        <v>1</v>
      </c>
      <c r="I29137" s="8">
        <v>0</v>
      </c>
      <c r="J29137" s="8">
        <v>1</v>
      </c>
      <c r="K29137" s="9">
        <v>10</v>
      </c>
      <c r="L29137" s="6" t="s">
        <v>4151</v>
      </c>
    </row>
    <row r="29138" spans="1:12">
      <c r="A29138" s="6" t="s">
        <v>29889</v>
      </c>
      <c r="B29138" s="6"/>
      <c r="C29138" s="6" t="s">
        <v>29988</v>
      </c>
      <c r="D29138" s="6"/>
      <c r="E29138" s="6" t="s">
        <v>9</v>
      </c>
      <c r="F29138" s="7"/>
      <c r="G29138" s="8">
        <v>1</v>
      </c>
      <c r="H29138" s="8">
        <v>1</v>
      </c>
      <c r="I29138" s="8">
        <v>0</v>
      </c>
      <c r="J29138" s="8">
        <v>1</v>
      </c>
      <c r="K29138" s="9">
        <v>6.95</v>
      </c>
      <c r="L29138" s="6" t="s">
        <v>4151</v>
      </c>
    </row>
    <row r="29139" spans="1:12">
      <c r="A29139" s="6" t="s">
        <v>29889</v>
      </c>
      <c r="B29139" s="6"/>
      <c r="C29139" s="6" t="s">
        <v>29989</v>
      </c>
      <c r="D29139" s="6"/>
      <c r="E29139" s="6" t="s">
        <v>9</v>
      </c>
      <c r="F29139" s="7"/>
      <c r="G29139" s="8">
        <v>1</v>
      </c>
      <c r="H29139" s="8">
        <v>1</v>
      </c>
      <c r="I29139" s="8">
        <v>0</v>
      </c>
      <c r="J29139" s="8">
        <v>1</v>
      </c>
      <c r="K29139" s="9">
        <v>18</v>
      </c>
      <c r="L29139" s="6" t="s">
        <v>4151</v>
      </c>
    </row>
    <row r="29140" spans="1:12">
      <c r="A29140" s="6" t="s">
        <v>29889</v>
      </c>
      <c r="B29140" s="6"/>
      <c r="C29140" s="6" t="s">
        <v>29990</v>
      </c>
      <c r="D29140" s="6"/>
      <c r="E29140" s="6" t="s">
        <v>9</v>
      </c>
      <c r="F29140" s="7"/>
      <c r="G29140" s="8">
        <v>1</v>
      </c>
      <c r="H29140" s="8">
        <v>1</v>
      </c>
      <c r="I29140" s="8">
        <v>0</v>
      </c>
      <c r="J29140" s="8">
        <v>1</v>
      </c>
      <c r="K29140" s="9">
        <v>68</v>
      </c>
      <c r="L29140" s="6" t="s">
        <v>4151</v>
      </c>
    </row>
    <row r="29141" spans="1:12">
      <c r="A29141" s="6" t="s">
        <v>29889</v>
      </c>
      <c r="B29141" s="6"/>
      <c r="C29141" s="6" t="s">
        <v>29991</v>
      </c>
      <c r="D29141" s="6"/>
      <c r="E29141" s="6" t="s">
        <v>9</v>
      </c>
      <c r="F29141" s="7"/>
      <c r="G29141" s="8">
        <v>1</v>
      </c>
      <c r="H29141" s="8">
        <v>1</v>
      </c>
      <c r="I29141" s="8">
        <v>0</v>
      </c>
      <c r="J29141" s="8">
        <v>1</v>
      </c>
      <c r="K29141" s="9">
        <v>87</v>
      </c>
      <c r="L29141" s="6" t="s">
        <v>4151</v>
      </c>
    </row>
    <row r="29142" spans="1:12">
      <c r="A29142" s="6" t="s">
        <v>29889</v>
      </c>
      <c r="B29142" s="6"/>
      <c r="C29142" s="6" t="s">
        <v>29992</v>
      </c>
      <c r="D29142" s="6"/>
      <c r="E29142" s="6" t="s">
        <v>9</v>
      </c>
      <c r="F29142" s="7"/>
      <c r="G29142" s="8">
        <v>1</v>
      </c>
      <c r="H29142" s="8">
        <v>1</v>
      </c>
      <c r="I29142" s="8">
        <v>0</v>
      </c>
      <c r="J29142" s="8">
        <v>1</v>
      </c>
      <c r="K29142" s="9">
        <v>0.49</v>
      </c>
      <c r="L29142" s="6" t="s">
        <v>4151</v>
      </c>
    </row>
    <row r="29143" spans="1:12">
      <c r="A29143" s="6" t="s">
        <v>29889</v>
      </c>
      <c r="B29143" s="6"/>
      <c r="C29143" s="6" t="s">
        <v>29993</v>
      </c>
      <c r="D29143" s="6"/>
      <c r="E29143" s="6" t="s">
        <v>9</v>
      </c>
      <c r="F29143" s="7"/>
      <c r="G29143" s="8">
        <v>1</v>
      </c>
      <c r="H29143" s="8">
        <v>1</v>
      </c>
      <c r="I29143" s="8">
        <v>0</v>
      </c>
      <c r="J29143" s="8">
        <v>1</v>
      </c>
      <c r="K29143" s="9">
        <v>6.61</v>
      </c>
      <c r="L29143" s="6" t="s">
        <v>4151</v>
      </c>
    </row>
    <row r="29144" spans="1:12">
      <c r="A29144" s="6" t="s">
        <v>29889</v>
      </c>
      <c r="B29144" s="6"/>
      <c r="C29144" s="6" t="s">
        <v>29994</v>
      </c>
      <c r="D29144" s="6"/>
      <c r="E29144" s="6" t="s">
        <v>9</v>
      </c>
      <c r="F29144" s="7"/>
      <c r="G29144" s="8">
        <v>1</v>
      </c>
      <c r="H29144" s="8">
        <v>1</v>
      </c>
      <c r="I29144" s="8">
        <v>0</v>
      </c>
      <c r="J29144" s="8">
        <v>1</v>
      </c>
      <c r="K29144" s="9">
        <v>2.14</v>
      </c>
      <c r="L29144" s="6" t="s">
        <v>4151</v>
      </c>
    </row>
    <row r="29145" spans="1:12">
      <c r="A29145" s="6" t="s">
        <v>29889</v>
      </c>
      <c r="B29145" s="6"/>
      <c r="C29145" s="6" t="s">
        <v>29995</v>
      </c>
      <c r="D29145" s="6"/>
      <c r="E29145" s="6" t="s">
        <v>9</v>
      </c>
      <c r="F29145" s="7"/>
      <c r="G29145" s="8">
        <v>1</v>
      </c>
      <c r="H29145" s="8">
        <v>1</v>
      </c>
      <c r="I29145" s="8">
        <v>0</v>
      </c>
      <c r="J29145" s="8">
        <v>1</v>
      </c>
      <c r="K29145" s="9">
        <v>52</v>
      </c>
      <c r="L29145" s="6" t="s">
        <v>4151</v>
      </c>
    </row>
    <row r="29146" spans="1:12">
      <c r="A29146" s="6" t="s">
        <v>29889</v>
      </c>
      <c r="B29146" s="6"/>
      <c r="C29146" s="6" t="s">
        <v>29996</v>
      </c>
      <c r="D29146" s="6"/>
      <c r="E29146" s="6" t="s">
        <v>9</v>
      </c>
      <c r="F29146" s="7"/>
      <c r="G29146" s="8">
        <v>1</v>
      </c>
      <c r="H29146" s="8">
        <v>1</v>
      </c>
      <c r="I29146" s="8">
        <v>0</v>
      </c>
      <c r="J29146" s="8">
        <v>1</v>
      </c>
      <c r="K29146" s="9">
        <v>26</v>
      </c>
      <c r="L29146" s="6" t="s">
        <v>4151</v>
      </c>
    </row>
    <row r="29147" spans="1:12">
      <c r="A29147" s="6" t="s">
        <v>29889</v>
      </c>
      <c r="B29147" s="6"/>
      <c r="C29147" s="6" t="s">
        <v>29997</v>
      </c>
      <c r="D29147" s="6"/>
      <c r="E29147" s="6" t="s">
        <v>9</v>
      </c>
      <c r="F29147" s="7"/>
      <c r="G29147" s="8">
        <v>1</v>
      </c>
      <c r="H29147" s="8">
        <v>1</v>
      </c>
      <c r="I29147" s="8">
        <v>0</v>
      </c>
      <c r="J29147" s="8">
        <v>1</v>
      </c>
      <c r="K29147" s="9">
        <v>184</v>
      </c>
      <c r="L29147" s="6" t="s">
        <v>4151</v>
      </c>
    </row>
    <row r="29148" spans="1:12">
      <c r="A29148" s="6" t="s">
        <v>29889</v>
      </c>
      <c r="B29148" s="6"/>
      <c r="C29148" s="6" t="s">
        <v>29998</v>
      </c>
      <c r="D29148" s="6"/>
      <c r="E29148" s="6" t="s">
        <v>9</v>
      </c>
      <c r="F29148" s="7"/>
      <c r="G29148" s="8">
        <v>1</v>
      </c>
      <c r="H29148" s="8">
        <v>1</v>
      </c>
      <c r="I29148" s="8">
        <v>0</v>
      </c>
      <c r="J29148" s="8">
        <v>1</v>
      </c>
      <c r="K29148" s="9">
        <v>3.3</v>
      </c>
      <c r="L29148" s="6" t="s">
        <v>4151</v>
      </c>
    </row>
    <row r="29149" spans="1:12">
      <c r="A29149" s="6" t="s">
        <v>29889</v>
      </c>
      <c r="B29149" s="6"/>
      <c r="C29149" s="6" t="s">
        <v>29999</v>
      </c>
      <c r="D29149" s="6"/>
      <c r="E29149" s="6" t="s">
        <v>9</v>
      </c>
      <c r="F29149" s="7"/>
      <c r="G29149" s="8">
        <v>1</v>
      </c>
      <c r="H29149" s="8">
        <v>1</v>
      </c>
      <c r="I29149" s="8">
        <v>0</v>
      </c>
      <c r="J29149" s="8">
        <v>1</v>
      </c>
      <c r="K29149" s="9">
        <v>9.91</v>
      </c>
      <c r="L29149" s="6" t="s">
        <v>4151</v>
      </c>
    </row>
    <row r="29150" spans="1:12">
      <c r="A29150" s="6" t="s">
        <v>29889</v>
      </c>
      <c r="B29150" s="6"/>
      <c r="C29150" s="6" t="s">
        <v>30000</v>
      </c>
      <c r="D29150" s="6"/>
      <c r="E29150" s="6" t="s">
        <v>9</v>
      </c>
      <c r="F29150" s="7"/>
      <c r="G29150" s="8">
        <v>1</v>
      </c>
      <c r="H29150" s="8">
        <v>1</v>
      </c>
      <c r="I29150" s="8">
        <v>0</v>
      </c>
      <c r="J29150" s="8">
        <v>1</v>
      </c>
      <c r="K29150" s="9">
        <v>3.3</v>
      </c>
      <c r="L29150" s="6" t="s">
        <v>4151</v>
      </c>
    </row>
    <row r="29151" spans="1:12">
      <c r="A29151" s="6" t="s">
        <v>29889</v>
      </c>
      <c r="B29151" s="6"/>
      <c r="C29151" s="6" t="s">
        <v>30001</v>
      </c>
      <c r="D29151" s="6"/>
      <c r="E29151" s="6" t="s">
        <v>9</v>
      </c>
      <c r="F29151" s="7"/>
      <c r="G29151" s="8">
        <v>1</v>
      </c>
      <c r="H29151" s="8">
        <v>1</v>
      </c>
      <c r="I29151" s="8">
        <v>0</v>
      </c>
      <c r="J29151" s="8">
        <v>1</v>
      </c>
      <c r="K29151" s="9">
        <v>269</v>
      </c>
      <c r="L29151" s="6" t="s">
        <v>4151</v>
      </c>
    </row>
    <row r="29152" spans="1:12">
      <c r="A29152" s="6" t="s">
        <v>29889</v>
      </c>
      <c r="B29152" s="6"/>
      <c r="C29152" s="6" t="s">
        <v>30002</v>
      </c>
      <c r="D29152" s="6"/>
      <c r="E29152" s="6" t="s">
        <v>9</v>
      </c>
      <c r="F29152" s="7"/>
      <c r="G29152" s="8">
        <v>1</v>
      </c>
      <c r="H29152" s="8">
        <v>1</v>
      </c>
      <c r="I29152" s="8">
        <v>0</v>
      </c>
      <c r="J29152" s="8">
        <v>1</v>
      </c>
      <c r="K29152" s="9">
        <v>3.3</v>
      </c>
      <c r="L29152" s="6" t="s">
        <v>4151</v>
      </c>
    </row>
    <row r="29153" spans="1:12">
      <c r="A29153" s="6" t="s">
        <v>29889</v>
      </c>
      <c r="B29153" s="6"/>
      <c r="C29153" s="6" t="s">
        <v>30003</v>
      </c>
      <c r="D29153" s="6"/>
      <c r="E29153" s="6" t="s">
        <v>9</v>
      </c>
      <c r="F29153" s="7"/>
      <c r="G29153" s="8">
        <v>1</v>
      </c>
      <c r="H29153" s="8">
        <v>1</v>
      </c>
      <c r="I29153" s="8">
        <v>0</v>
      </c>
      <c r="J29153" s="8">
        <v>1</v>
      </c>
      <c r="K29153" s="9">
        <v>3.3</v>
      </c>
      <c r="L29153" s="6" t="s">
        <v>4151</v>
      </c>
    </row>
    <row r="29154" spans="1:12">
      <c r="A29154" s="6" t="s">
        <v>29889</v>
      </c>
      <c r="B29154" s="6"/>
      <c r="C29154" s="6" t="s">
        <v>30004</v>
      </c>
      <c r="D29154" s="6"/>
      <c r="E29154" s="6" t="s">
        <v>9</v>
      </c>
      <c r="F29154" s="7"/>
      <c r="G29154" s="8">
        <v>1</v>
      </c>
      <c r="H29154" s="8">
        <v>1</v>
      </c>
      <c r="I29154" s="8">
        <v>0</v>
      </c>
      <c r="J29154" s="8">
        <v>1</v>
      </c>
      <c r="K29154" s="9">
        <v>3.3</v>
      </c>
      <c r="L29154" s="6" t="s">
        <v>4151</v>
      </c>
    </row>
    <row r="29155" spans="1:12">
      <c r="A29155" s="6" t="s">
        <v>29889</v>
      </c>
      <c r="B29155" s="6"/>
      <c r="C29155" s="6" t="s">
        <v>30005</v>
      </c>
      <c r="D29155" s="6"/>
      <c r="E29155" s="6" t="s">
        <v>9</v>
      </c>
      <c r="F29155" s="7"/>
      <c r="G29155" s="8">
        <v>1</v>
      </c>
      <c r="H29155" s="8">
        <v>1</v>
      </c>
      <c r="I29155" s="8">
        <v>0</v>
      </c>
      <c r="J29155" s="8">
        <v>1</v>
      </c>
      <c r="K29155" s="9">
        <v>3.3</v>
      </c>
      <c r="L29155" s="6" t="s">
        <v>4151</v>
      </c>
    </row>
    <row r="29156" spans="1:12">
      <c r="A29156" s="6" t="s">
        <v>30006</v>
      </c>
      <c r="B29156" s="6"/>
      <c r="C29156" s="6" t="s">
        <v>30007</v>
      </c>
      <c r="D29156" s="6"/>
      <c r="E29156" s="6" t="s">
        <v>9</v>
      </c>
      <c r="F29156" s="7">
        <v>43217</v>
      </c>
      <c r="G29156" s="8">
        <v>3487620</v>
      </c>
      <c r="H29156" s="8">
        <v>3487620</v>
      </c>
      <c r="I29156" s="8">
        <v>0</v>
      </c>
      <c r="J29156" s="8">
        <v>3487620</v>
      </c>
      <c r="K29156" s="9">
        <v>94.26</v>
      </c>
      <c r="L29156" s="6" t="s">
        <v>51</v>
      </c>
    </row>
    <row r="29157" spans="1:12">
      <c r="A29157" s="6" t="s">
        <v>30006</v>
      </c>
      <c r="B29157" s="6"/>
      <c r="C29157" s="6" t="s">
        <v>30008</v>
      </c>
      <c r="D29157" s="6"/>
      <c r="E29157" s="6" t="s">
        <v>9</v>
      </c>
      <c r="F29157" s="7">
        <v>43243</v>
      </c>
      <c r="G29157" s="8">
        <v>8734317</v>
      </c>
      <c r="H29157" s="8">
        <v>8734317</v>
      </c>
      <c r="I29157" s="8">
        <v>0</v>
      </c>
      <c r="J29157" s="8">
        <v>8734317</v>
      </c>
      <c r="K29157" s="9">
        <v>254</v>
      </c>
      <c r="L29157" s="6" t="s">
        <v>51</v>
      </c>
    </row>
    <row r="29158" spans="1:12">
      <c r="A29158" s="6" t="s">
        <v>30006</v>
      </c>
      <c r="B29158" s="6"/>
      <c r="C29158" s="6" t="s">
        <v>30009</v>
      </c>
      <c r="D29158" s="6"/>
      <c r="E29158" s="6" t="s">
        <v>9</v>
      </c>
      <c r="F29158" s="7">
        <v>43279</v>
      </c>
      <c r="G29158" s="8">
        <v>4645420</v>
      </c>
      <c r="H29158" s="8">
        <v>4645420</v>
      </c>
      <c r="I29158" s="8">
        <v>0</v>
      </c>
      <c r="J29158" s="8">
        <v>4645420</v>
      </c>
      <c r="K29158" s="9">
        <v>136.63</v>
      </c>
      <c r="L29158" s="6" t="s">
        <v>51</v>
      </c>
    </row>
    <row r="29159" spans="1:12">
      <c r="A29159" s="6" t="s">
        <v>30006</v>
      </c>
      <c r="B29159" s="6"/>
      <c r="C29159" s="6" t="s">
        <v>30010</v>
      </c>
      <c r="D29159" s="6"/>
      <c r="E29159" s="6" t="s">
        <v>9</v>
      </c>
      <c r="F29159" s="7">
        <v>43307</v>
      </c>
      <c r="G29159" s="8">
        <v>2597030</v>
      </c>
      <c r="H29159" s="8">
        <v>2597030</v>
      </c>
      <c r="I29159" s="8">
        <v>0</v>
      </c>
      <c r="J29159" s="8">
        <v>2597030</v>
      </c>
      <c r="K29159" s="9">
        <v>70.19</v>
      </c>
      <c r="L29159" s="6" t="s">
        <v>51</v>
      </c>
    </row>
    <row r="29160" spans="1:12">
      <c r="A29160" s="6" t="s">
        <v>30006</v>
      </c>
      <c r="B29160" s="6"/>
      <c r="C29160" s="6" t="s">
        <v>30011</v>
      </c>
      <c r="D29160" s="6"/>
      <c r="E29160" s="6" t="s">
        <v>9</v>
      </c>
      <c r="F29160" s="7">
        <v>43307</v>
      </c>
      <c r="G29160" s="8">
        <v>624190</v>
      </c>
      <c r="H29160" s="8">
        <v>624190</v>
      </c>
      <c r="I29160" s="8">
        <v>0</v>
      </c>
      <c r="J29160" s="8">
        <v>624190</v>
      </c>
      <c r="K29160" s="9">
        <v>16.87</v>
      </c>
      <c r="L29160" s="6" t="s">
        <v>51</v>
      </c>
    </row>
    <row r="29161" spans="1:12">
      <c r="A29161" s="6" t="s">
        <v>30006</v>
      </c>
      <c r="B29161" s="6"/>
      <c r="C29161" s="6" t="s">
        <v>30012</v>
      </c>
      <c r="D29161" s="6"/>
      <c r="E29161" s="6" t="s">
        <v>9</v>
      </c>
      <c r="F29161" s="7">
        <v>43307</v>
      </c>
      <c r="G29161" s="8">
        <v>1162910</v>
      </c>
      <c r="H29161" s="8">
        <v>1162910</v>
      </c>
      <c r="I29161" s="8">
        <v>0</v>
      </c>
      <c r="J29161" s="8">
        <v>1162910</v>
      </c>
      <c r="K29161" s="9">
        <v>31.43</v>
      </c>
      <c r="L29161" s="6" t="s">
        <v>51</v>
      </c>
    </row>
    <row r="29162" spans="1:12">
      <c r="A29162" s="6" t="s">
        <v>30006</v>
      </c>
      <c r="B29162" s="6"/>
      <c r="C29162" s="6" t="s">
        <v>30013</v>
      </c>
      <c r="D29162" s="6"/>
      <c r="E29162" s="6" t="s">
        <v>9</v>
      </c>
      <c r="F29162" s="7">
        <v>43336</v>
      </c>
      <c r="G29162" s="8">
        <v>2167830</v>
      </c>
      <c r="H29162" s="8">
        <v>2167830</v>
      </c>
      <c r="I29162" s="8">
        <v>0</v>
      </c>
      <c r="J29162" s="8">
        <v>2167830</v>
      </c>
      <c r="K29162" s="9">
        <v>69.930000000000007</v>
      </c>
      <c r="L29162" s="6" t="s">
        <v>51</v>
      </c>
    </row>
    <row r="29163" spans="1:12">
      <c r="A29163" s="6" t="s">
        <v>30006</v>
      </c>
      <c r="B29163" s="6"/>
      <c r="C29163" s="6" t="s">
        <v>30014</v>
      </c>
      <c r="D29163" s="6"/>
      <c r="E29163" s="6" t="s">
        <v>9</v>
      </c>
      <c r="F29163" s="7">
        <v>43336</v>
      </c>
      <c r="G29163" s="8">
        <v>2969180</v>
      </c>
      <c r="H29163" s="8">
        <v>2969180</v>
      </c>
      <c r="I29163" s="8">
        <v>0</v>
      </c>
      <c r="J29163" s="8">
        <v>2969180</v>
      </c>
      <c r="K29163" s="9">
        <v>95.78</v>
      </c>
      <c r="L29163" s="6" t="s">
        <v>51</v>
      </c>
    </row>
    <row r="29164" spans="1:12">
      <c r="A29164" s="6" t="s">
        <v>30006</v>
      </c>
      <c r="B29164" s="6"/>
      <c r="C29164" s="6" t="s">
        <v>30015</v>
      </c>
      <c r="D29164" s="6"/>
      <c r="E29164" s="6" t="s">
        <v>9</v>
      </c>
      <c r="F29164" s="7">
        <v>43417</v>
      </c>
      <c r="G29164" s="8">
        <v>3067140</v>
      </c>
      <c r="H29164" s="8">
        <v>3067140</v>
      </c>
      <c r="I29164" s="8">
        <v>0</v>
      </c>
      <c r="J29164" s="8">
        <v>3067140</v>
      </c>
      <c r="K29164" s="9">
        <v>90.21</v>
      </c>
      <c r="L29164" s="6" t="s">
        <v>51</v>
      </c>
    </row>
    <row r="29165" spans="1:12">
      <c r="A29165" s="6" t="s">
        <v>30006</v>
      </c>
      <c r="B29165" s="6"/>
      <c r="C29165" s="6" t="s">
        <v>30016</v>
      </c>
      <c r="D29165" s="6"/>
      <c r="E29165" s="6" t="s">
        <v>9</v>
      </c>
      <c r="F29165" s="7">
        <v>43417</v>
      </c>
      <c r="G29165" s="8">
        <v>2335800</v>
      </c>
      <c r="H29165" s="8">
        <v>2335800</v>
      </c>
      <c r="I29165" s="8">
        <v>0</v>
      </c>
      <c r="J29165" s="8">
        <v>2335800</v>
      </c>
      <c r="K29165" s="9">
        <v>68.7</v>
      </c>
      <c r="L29165" s="6" t="s">
        <v>51</v>
      </c>
    </row>
    <row r="29166" spans="1:12">
      <c r="A29166" s="6" t="s">
        <v>30006</v>
      </c>
      <c r="B29166" s="6"/>
      <c r="C29166" s="6" t="s">
        <v>30017</v>
      </c>
      <c r="D29166" s="6"/>
      <c r="E29166" s="6" t="s">
        <v>9</v>
      </c>
      <c r="F29166" s="7">
        <v>43490</v>
      </c>
      <c r="G29166" s="8">
        <v>1819792</v>
      </c>
      <c r="H29166" s="8">
        <v>1819792</v>
      </c>
      <c r="I29166" s="8">
        <v>0</v>
      </c>
      <c r="J29166" s="8">
        <v>1819792</v>
      </c>
      <c r="K29166" s="9">
        <v>76</v>
      </c>
      <c r="L29166" s="6" t="s">
        <v>51</v>
      </c>
    </row>
    <row r="29167" spans="1:12">
      <c r="A29167" s="6" t="s">
        <v>30006</v>
      </c>
      <c r="B29167" s="6"/>
      <c r="C29167" s="6" t="s">
        <v>30018</v>
      </c>
      <c r="D29167" s="6"/>
      <c r="E29167" s="6" t="s">
        <v>9</v>
      </c>
      <c r="F29167" s="7">
        <v>43555</v>
      </c>
      <c r="G29167" s="8">
        <v>2629893</v>
      </c>
      <c r="H29167" s="8">
        <v>2629893</v>
      </c>
      <c r="I29167" s="8">
        <v>0</v>
      </c>
      <c r="J29167" s="8">
        <v>2629893</v>
      </c>
      <c r="K29167" s="9">
        <v>74.53</v>
      </c>
      <c r="L29167" s="6" t="s">
        <v>51</v>
      </c>
    </row>
    <row r="29168" spans="1:12">
      <c r="A29168" s="6" t="s">
        <v>30006</v>
      </c>
      <c r="B29168" s="6"/>
      <c r="C29168" s="6" t="s">
        <v>30019</v>
      </c>
      <c r="D29168" s="6"/>
      <c r="E29168" s="6" t="s">
        <v>9</v>
      </c>
      <c r="F29168" s="7">
        <v>43555</v>
      </c>
      <c r="G29168" s="8">
        <v>2012734</v>
      </c>
      <c r="H29168" s="8">
        <v>2012734</v>
      </c>
      <c r="I29168" s="8">
        <v>0</v>
      </c>
      <c r="J29168" s="8">
        <v>2012734</v>
      </c>
      <c r="K29168" s="9">
        <v>57.04</v>
      </c>
      <c r="L29168" s="6" t="s">
        <v>51</v>
      </c>
    </row>
    <row r="29169" spans="1:12">
      <c r="A29169" s="6" t="s">
        <v>30006</v>
      </c>
      <c r="B29169" s="6"/>
      <c r="C29169" s="6" t="s">
        <v>30020</v>
      </c>
      <c r="D29169" s="6"/>
      <c r="E29169" s="6" t="s">
        <v>9</v>
      </c>
      <c r="F29169" s="7">
        <v>43555</v>
      </c>
      <c r="G29169" s="8">
        <v>1856063</v>
      </c>
      <c r="H29169" s="8">
        <v>1856063</v>
      </c>
      <c r="I29169" s="8">
        <v>0</v>
      </c>
      <c r="J29169" s="8">
        <v>1856063</v>
      </c>
      <c r="K29169" s="9">
        <v>52.6</v>
      </c>
      <c r="L29169" s="6" t="s">
        <v>51</v>
      </c>
    </row>
    <row r="29170" spans="1:12">
      <c r="A29170" s="6" t="s">
        <v>30006</v>
      </c>
      <c r="B29170" s="6"/>
      <c r="C29170" s="6" t="s">
        <v>30021</v>
      </c>
      <c r="D29170" s="6"/>
      <c r="E29170" s="6" t="s">
        <v>9</v>
      </c>
      <c r="F29170" s="7">
        <v>43555</v>
      </c>
      <c r="G29170" s="8">
        <v>1345090</v>
      </c>
      <c r="H29170" s="8">
        <v>1345090</v>
      </c>
      <c r="I29170" s="8">
        <v>0</v>
      </c>
      <c r="J29170" s="8">
        <v>1345090</v>
      </c>
      <c r="K29170" s="9">
        <v>43.39</v>
      </c>
      <c r="L29170" s="6" t="s">
        <v>51</v>
      </c>
    </row>
    <row r="29171" spans="1:12">
      <c r="A29171" s="6" t="s">
        <v>30006</v>
      </c>
      <c r="B29171" s="6"/>
      <c r="C29171" s="6" t="s">
        <v>30022</v>
      </c>
      <c r="D29171" s="6"/>
      <c r="E29171" s="6" t="s">
        <v>9</v>
      </c>
      <c r="F29171" s="7">
        <v>43555</v>
      </c>
      <c r="G29171" s="8">
        <v>904270</v>
      </c>
      <c r="H29171" s="8">
        <v>904270</v>
      </c>
      <c r="I29171" s="8">
        <v>0</v>
      </c>
      <c r="J29171" s="8">
        <v>904270</v>
      </c>
      <c r="K29171" s="9">
        <v>29.17</v>
      </c>
      <c r="L29171" s="6" t="s">
        <v>51</v>
      </c>
    </row>
    <row r="29172" spans="1:12">
      <c r="A29172" s="6" t="s">
        <v>30006</v>
      </c>
      <c r="B29172" s="6"/>
      <c r="C29172" s="6" t="s">
        <v>30023</v>
      </c>
      <c r="D29172" s="6"/>
      <c r="E29172" s="6" t="s">
        <v>9</v>
      </c>
      <c r="F29172" s="7">
        <v>43555</v>
      </c>
      <c r="G29172" s="8">
        <v>3426940</v>
      </c>
      <c r="H29172" s="8">
        <v>3426940</v>
      </c>
      <c r="I29172" s="8">
        <v>0</v>
      </c>
      <c r="J29172" s="8">
        <v>3426940</v>
      </c>
      <c r="K29172" s="9">
        <v>92.62</v>
      </c>
      <c r="L29172" s="6" t="s">
        <v>51</v>
      </c>
    </row>
    <row r="29173" spans="1:12">
      <c r="A29173" s="6" t="s">
        <v>30006</v>
      </c>
      <c r="B29173" s="6"/>
      <c r="C29173" s="6" t="s">
        <v>30024</v>
      </c>
      <c r="D29173" s="6"/>
      <c r="E29173" s="6" t="s">
        <v>9</v>
      </c>
      <c r="F29173" s="7">
        <v>43555</v>
      </c>
      <c r="G29173" s="8">
        <v>621600</v>
      </c>
      <c r="H29173" s="8">
        <v>621600</v>
      </c>
      <c r="I29173" s="8">
        <v>0</v>
      </c>
      <c r="J29173" s="8">
        <v>621600</v>
      </c>
      <c r="K29173" s="9">
        <v>16.8</v>
      </c>
      <c r="L29173" s="6" t="s">
        <v>51</v>
      </c>
    </row>
    <row r="29174" spans="1:12">
      <c r="A29174" s="6" t="s">
        <v>30006</v>
      </c>
      <c r="B29174" s="6"/>
      <c r="C29174" s="6" t="s">
        <v>30025</v>
      </c>
      <c r="D29174" s="6"/>
      <c r="E29174" s="6" t="s">
        <v>9</v>
      </c>
      <c r="F29174" s="7">
        <v>43122</v>
      </c>
      <c r="G29174" s="8">
        <v>2809420</v>
      </c>
      <c r="H29174" s="8">
        <v>2809420</v>
      </c>
      <c r="I29174" s="8">
        <v>0</v>
      </c>
      <c r="J29174" s="8">
        <v>2809420</v>
      </c>
      <c r="K29174" s="9">
        <v>82.63</v>
      </c>
      <c r="L29174" s="6" t="s">
        <v>10</v>
      </c>
    </row>
    <row r="29175" spans="1:12">
      <c r="A29175" s="6" t="s">
        <v>30006</v>
      </c>
      <c r="B29175" s="6"/>
      <c r="C29175" s="6" t="s">
        <v>30026</v>
      </c>
      <c r="D29175" s="6"/>
      <c r="E29175" s="6" t="s">
        <v>9</v>
      </c>
      <c r="F29175" s="7">
        <v>43555</v>
      </c>
      <c r="G29175" s="8">
        <v>366670</v>
      </c>
      <c r="H29175" s="8">
        <v>366670</v>
      </c>
      <c r="I29175" s="8">
        <v>0</v>
      </c>
      <c r="J29175" s="8">
        <v>366670</v>
      </c>
      <c r="K29175" s="9">
        <v>9.91</v>
      </c>
      <c r="L29175" s="6" t="s">
        <v>51</v>
      </c>
    </row>
    <row r="29176" spans="1:12">
      <c r="A29176" s="6" t="s">
        <v>30006</v>
      </c>
      <c r="B29176" s="6"/>
      <c r="C29176" s="6" t="s">
        <v>30027</v>
      </c>
      <c r="D29176" s="6"/>
      <c r="E29176" s="6" t="s">
        <v>9</v>
      </c>
      <c r="F29176" s="7">
        <v>43555</v>
      </c>
      <c r="G29176" s="8">
        <v>1611070</v>
      </c>
      <c r="H29176" s="8">
        <v>1611070</v>
      </c>
      <c r="I29176" s="8">
        <v>0</v>
      </c>
      <c r="J29176" s="8">
        <v>1611070</v>
      </c>
      <c r="K29176" s="9">
        <v>51.97</v>
      </c>
      <c r="L29176" s="6" t="s">
        <v>51</v>
      </c>
    </row>
    <row r="29177" spans="1:12">
      <c r="A29177" s="6" t="s">
        <v>30006</v>
      </c>
      <c r="B29177" s="6"/>
      <c r="C29177" s="6" t="s">
        <v>30028</v>
      </c>
      <c r="D29177" s="6"/>
      <c r="E29177" s="6" t="s">
        <v>9</v>
      </c>
      <c r="F29177" s="7">
        <v>43555</v>
      </c>
      <c r="G29177" s="8">
        <v>2132140</v>
      </c>
      <c r="H29177" s="8">
        <v>2132140</v>
      </c>
      <c r="I29177" s="8">
        <v>0</v>
      </c>
      <c r="J29177" s="8">
        <v>2132140</v>
      </c>
      <c r="K29177" s="9">
        <v>62</v>
      </c>
      <c r="L29177" s="6" t="s">
        <v>51</v>
      </c>
    </row>
    <row r="29178" spans="1:12">
      <c r="A29178" s="6" t="s">
        <v>30006</v>
      </c>
      <c r="B29178" s="6"/>
      <c r="C29178" s="6" t="s">
        <v>30029</v>
      </c>
      <c r="D29178" s="6"/>
      <c r="E29178" s="6" t="s">
        <v>9</v>
      </c>
      <c r="F29178" s="7">
        <v>43555</v>
      </c>
      <c r="G29178" s="8">
        <v>488463</v>
      </c>
      <c r="H29178" s="8">
        <v>488463</v>
      </c>
      <c r="I29178" s="8">
        <v>0</v>
      </c>
      <c r="J29178" s="8">
        <v>488463</v>
      </c>
      <c r="K29178" s="9">
        <v>42.71</v>
      </c>
      <c r="L29178" s="6" t="s">
        <v>51</v>
      </c>
    </row>
    <row r="29179" spans="1:12">
      <c r="A29179" s="6" t="s">
        <v>30006</v>
      </c>
      <c r="B29179" s="6"/>
      <c r="C29179" s="6" t="s">
        <v>30030</v>
      </c>
      <c r="D29179" s="6"/>
      <c r="E29179" s="6" t="s">
        <v>9</v>
      </c>
      <c r="F29179" s="7">
        <v>43555</v>
      </c>
      <c r="G29179" s="8">
        <v>314510</v>
      </c>
      <c r="H29179" s="8">
        <v>314510</v>
      </c>
      <c r="I29179" s="8">
        <v>0</v>
      </c>
      <c r="J29179" s="8">
        <v>314510</v>
      </c>
      <c r="K29179" s="9">
        <v>27.5</v>
      </c>
      <c r="L29179" s="6" t="s">
        <v>51</v>
      </c>
    </row>
    <row r="29180" spans="1:12">
      <c r="A29180" s="6" t="s">
        <v>30006</v>
      </c>
      <c r="B29180" s="6"/>
      <c r="C29180" s="6" t="s">
        <v>30031</v>
      </c>
      <c r="D29180" s="6"/>
      <c r="E29180" s="6" t="s">
        <v>9</v>
      </c>
      <c r="F29180" s="7">
        <v>43544</v>
      </c>
      <c r="G29180" s="8">
        <v>3974124</v>
      </c>
      <c r="H29180" s="8">
        <v>3974124</v>
      </c>
      <c r="I29180" s="8">
        <v>0</v>
      </c>
      <c r="J29180" s="8">
        <v>3974124</v>
      </c>
      <c r="K29180" s="9">
        <v>116.4</v>
      </c>
      <c r="L29180" s="6" t="s">
        <v>51</v>
      </c>
    </row>
    <row r="29181" spans="1:12">
      <c r="A29181" s="6" t="s">
        <v>30006</v>
      </c>
      <c r="B29181" s="6"/>
      <c r="C29181" s="6" t="s">
        <v>30032</v>
      </c>
      <c r="D29181" s="6"/>
      <c r="E29181" s="6" t="s">
        <v>9</v>
      </c>
      <c r="F29181" s="7">
        <v>43490</v>
      </c>
      <c r="G29181" s="8">
        <v>3178640</v>
      </c>
      <c r="H29181" s="8">
        <v>3178640</v>
      </c>
      <c r="I29181" s="8">
        <v>0</v>
      </c>
      <c r="J29181" s="8">
        <v>3178640</v>
      </c>
      <c r="K29181" s="9">
        <v>93.48</v>
      </c>
      <c r="L29181" s="6" t="s">
        <v>51</v>
      </c>
    </row>
    <row r="29182" spans="1:12">
      <c r="A29182" s="6" t="s">
        <v>30006</v>
      </c>
      <c r="B29182" s="6"/>
      <c r="C29182" s="6" t="s">
        <v>30033</v>
      </c>
      <c r="D29182" s="6"/>
      <c r="E29182" s="6" t="s">
        <v>9</v>
      </c>
      <c r="F29182" s="7">
        <v>43122</v>
      </c>
      <c r="G29182" s="8">
        <v>6751720</v>
      </c>
      <c r="H29182" s="8">
        <v>6751720</v>
      </c>
      <c r="I29182" s="8">
        <v>0</v>
      </c>
      <c r="J29182" s="8">
        <v>6751720</v>
      </c>
      <c r="K29182" s="9">
        <v>198.58</v>
      </c>
      <c r="L29182" s="6" t="s">
        <v>10</v>
      </c>
    </row>
    <row r="29183" spans="1:12">
      <c r="A29183" s="6" t="s">
        <v>30006</v>
      </c>
      <c r="B29183" s="6"/>
      <c r="C29183" s="6" t="s">
        <v>30034</v>
      </c>
      <c r="D29183" s="6"/>
      <c r="E29183" s="6" t="s">
        <v>9</v>
      </c>
      <c r="F29183" s="7">
        <v>43769</v>
      </c>
      <c r="G29183" s="8">
        <v>17760</v>
      </c>
      <c r="H29183" s="8">
        <v>17760</v>
      </c>
      <c r="I29183" s="8">
        <v>0</v>
      </c>
      <c r="J29183" s="8">
        <v>17760</v>
      </c>
      <c r="K29183" s="9">
        <v>0.48</v>
      </c>
      <c r="L29183" s="6" t="s">
        <v>51</v>
      </c>
    </row>
    <row r="29184" spans="1:12">
      <c r="A29184" s="6" t="s">
        <v>30006</v>
      </c>
      <c r="B29184" s="6"/>
      <c r="C29184" s="6" t="s">
        <v>30035</v>
      </c>
      <c r="D29184" s="6"/>
      <c r="E29184" s="6" t="s">
        <v>9</v>
      </c>
      <c r="F29184" s="7">
        <v>43769</v>
      </c>
      <c r="G29184" s="8">
        <v>740</v>
      </c>
      <c r="H29184" s="8">
        <v>740</v>
      </c>
      <c r="I29184" s="8">
        <v>0</v>
      </c>
      <c r="J29184" s="8">
        <v>740</v>
      </c>
      <c r="K29184" s="9">
        <v>0.02</v>
      </c>
      <c r="L29184" s="6" t="s">
        <v>51</v>
      </c>
    </row>
    <row r="29185" spans="1:12">
      <c r="A29185" s="6" t="s">
        <v>30006</v>
      </c>
      <c r="B29185" s="6"/>
      <c r="C29185" s="6" t="s">
        <v>30036</v>
      </c>
      <c r="D29185" s="6"/>
      <c r="E29185" s="6" t="s">
        <v>9</v>
      </c>
      <c r="F29185" s="7">
        <v>43690</v>
      </c>
      <c r="G29185" s="8">
        <v>156370</v>
      </c>
      <c r="H29185" s="8">
        <v>156370</v>
      </c>
      <c r="I29185" s="8">
        <v>0</v>
      </c>
      <c r="J29185" s="8">
        <v>156370</v>
      </c>
      <c r="K29185" s="9">
        <v>4.22</v>
      </c>
      <c r="L29185" s="6" t="s">
        <v>51</v>
      </c>
    </row>
    <row r="29186" spans="1:12">
      <c r="A29186" s="6" t="s">
        <v>30006</v>
      </c>
      <c r="B29186" s="6"/>
      <c r="C29186" s="6" t="s">
        <v>30037</v>
      </c>
      <c r="D29186" s="6"/>
      <c r="E29186" s="6" t="s">
        <v>9</v>
      </c>
      <c r="F29186" s="7">
        <v>43690</v>
      </c>
      <c r="G29186" s="8">
        <v>94860</v>
      </c>
      <c r="H29186" s="8">
        <v>94860</v>
      </c>
      <c r="I29186" s="8">
        <v>0</v>
      </c>
      <c r="J29186" s="8">
        <v>94860</v>
      </c>
      <c r="K29186" s="9">
        <v>2.56</v>
      </c>
      <c r="L29186" s="6" t="s">
        <v>51</v>
      </c>
    </row>
    <row r="29187" spans="1:12">
      <c r="A29187" s="6" t="s">
        <v>30006</v>
      </c>
      <c r="B29187" s="6"/>
      <c r="C29187" s="6" t="s">
        <v>30038</v>
      </c>
      <c r="D29187" s="6"/>
      <c r="E29187" s="6" t="s">
        <v>9</v>
      </c>
      <c r="F29187" s="7">
        <v>43769</v>
      </c>
      <c r="G29187" s="8">
        <v>294520</v>
      </c>
      <c r="H29187" s="8">
        <v>294520</v>
      </c>
      <c r="I29187" s="8">
        <v>0</v>
      </c>
      <c r="J29187" s="8">
        <v>294520</v>
      </c>
      <c r="K29187" s="9">
        <v>7.96</v>
      </c>
      <c r="L29187" s="6" t="s">
        <v>10</v>
      </c>
    </row>
    <row r="29188" spans="1:12">
      <c r="A29188" s="6" t="s">
        <v>30006</v>
      </c>
      <c r="B29188" s="6"/>
      <c r="C29188" s="6" t="s">
        <v>30039</v>
      </c>
      <c r="D29188" s="6"/>
      <c r="E29188" s="6" t="s">
        <v>9</v>
      </c>
      <c r="F29188" s="7">
        <v>43850</v>
      </c>
      <c r="G29188" s="8">
        <v>597180</v>
      </c>
      <c r="H29188" s="8">
        <v>597180</v>
      </c>
      <c r="I29188" s="8">
        <v>0</v>
      </c>
      <c r="J29188" s="8">
        <v>597180</v>
      </c>
      <c r="K29188" s="9">
        <v>16.14</v>
      </c>
      <c r="L29188" s="6" t="s">
        <v>51</v>
      </c>
    </row>
    <row r="29189" spans="1:12">
      <c r="A29189" s="6" t="s">
        <v>30006</v>
      </c>
      <c r="B29189" s="6"/>
      <c r="C29189" s="6" t="s">
        <v>30040</v>
      </c>
      <c r="D29189" s="6"/>
      <c r="E29189" s="6" t="s">
        <v>9</v>
      </c>
      <c r="F29189" s="7">
        <v>43850</v>
      </c>
      <c r="G29189" s="8">
        <v>2992560</v>
      </c>
      <c r="H29189" s="8">
        <v>2992560</v>
      </c>
      <c r="I29189" s="8">
        <v>0</v>
      </c>
      <c r="J29189" s="8">
        <v>2992560</v>
      </c>
      <c r="K29189" s="9">
        <v>80.88</v>
      </c>
      <c r="L29189" s="6" t="s">
        <v>51</v>
      </c>
    </row>
    <row r="29190" spans="1:12">
      <c r="A29190" s="6" t="s">
        <v>30006</v>
      </c>
      <c r="B29190" s="6"/>
      <c r="C29190" s="6" t="s">
        <v>30041</v>
      </c>
      <c r="D29190" s="6"/>
      <c r="E29190" s="6" t="s">
        <v>9</v>
      </c>
      <c r="F29190" s="7">
        <v>43850</v>
      </c>
      <c r="G29190" s="8">
        <v>1572500</v>
      </c>
      <c r="H29190" s="8">
        <v>1572500</v>
      </c>
      <c r="I29190" s="8">
        <v>0</v>
      </c>
      <c r="J29190" s="8">
        <v>1572500</v>
      </c>
      <c r="K29190" s="9">
        <v>42.5</v>
      </c>
      <c r="L29190" s="6" t="s">
        <v>51</v>
      </c>
    </row>
    <row r="29191" spans="1:12">
      <c r="A29191" s="6" t="s">
        <v>30006</v>
      </c>
      <c r="B29191" s="6"/>
      <c r="C29191" s="6" t="s">
        <v>30042</v>
      </c>
      <c r="D29191" s="6"/>
      <c r="E29191" s="6" t="s">
        <v>9</v>
      </c>
      <c r="F29191" s="7">
        <v>43850</v>
      </c>
      <c r="G29191" s="8">
        <v>13378830</v>
      </c>
      <c r="H29191" s="8">
        <v>13378830</v>
      </c>
      <c r="I29191" s="8">
        <v>0</v>
      </c>
      <c r="J29191" s="8">
        <v>13378830</v>
      </c>
      <c r="K29191" s="9">
        <v>361.59</v>
      </c>
      <c r="L29191" s="6" t="s">
        <v>51</v>
      </c>
    </row>
    <row r="29192" spans="1:12">
      <c r="A29192" s="6" t="s">
        <v>30006</v>
      </c>
      <c r="B29192" s="6"/>
      <c r="C29192" s="6" t="s">
        <v>30043</v>
      </c>
      <c r="D29192" s="6"/>
      <c r="E29192" s="6" t="s">
        <v>9</v>
      </c>
      <c r="F29192" s="7">
        <v>44004</v>
      </c>
      <c r="G29192" s="8">
        <v>11648060</v>
      </c>
      <c r="H29192" s="8">
        <v>11648060</v>
      </c>
      <c r="I29192" s="8">
        <v>0</v>
      </c>
      <c r="J29192" s="8">
        <v>11648060</v>
      </c>
      <c r="K29192" s="9">
        <v>338.2</v>
      </c>
      <c r="L29192" s="6" t="s">
        <v>10</v>
      </c>
    </row>
    <row r="29193" spans="1:12">
      <c r="A29193" s="6" t="s">
        <v>30006</v>
      </c>
      <c r="B29193" s="6"/>
      <c r="C29193" s="6" t="s">
        <v>30044</v>
      </c>
      <c r="D29193" s="6"/>
      <c r="E29193" s="6" t="s">
        <v>9</v>
      </c>
      <c r="F29193" s="7">
        <v>43122</v>
      </c>
      <c r="G29193" s="8">
        <v>8630100</v>
      </c>
      <c r="H29193" s="8">
        <v>8630100</v>
      </c>
      <c r="I29193" s="8">
        <v>0</v>
      </c>
      <c r="J29193" s="8">
        <v>8630100</v>
      </c>
      <c r="K29193" s="9">
        <v>200.7</v>
      </c>
      <c r="L29193" s="6" t="s">
        <v>10</v>
      </c>
    </row>
    <row r="29194" spans="1:12">
      <c r="A29194" s="6" t="s">
        <v>30006</v>
      </c>
      <c r="B29194" s="6"/>
      <c r="C29194" s="6" t="s">
        <v>30045</v>
      </c>
      <c r="D29194" s="6"/>
      <c r="E29194" s="6" t="s">
        <v>9</v>
      </c>
      <c r="F29194" s="7">
        <v>44182</v>
      </c>
      <c r="G29194" s="8">
        <v>1631596</v>
      </c>
      <c r="H29194" s="8">
        <v>1631596</v>
      </c>
      <c r="I29194" s="8">
        <v>0</v>
      </c>
      <c r="J29194" s="8">
        <v>1631596</v>
      </c>
      <c r="K29194" s="9">
        <v>47</v>
      </c>
      <c r="L29194" s="6" t="s">
        <v>10</v>
      </c>
    </row>
    <row r="29195" spans="1:12">
      <c r="A29195" s="6" t="s">
        <v>30006</v>
      </c>
      <c r="B29195" s="6"/>
      <c r="C29195" s="6" t="s">
        <v>30046</v>
      </c>
      <c r="D29195" s="6"/>
      <c r="E29195" s="6" t="s">
        <v>9</v>
      </c>
      <c r="F29195" s="7">
        <v>44182</v>
      </c>
      <c r="G29195" s="8">
        <v>3400859</v>
      </c>
      <c r="H29195" s="8">
        <v>3400859</v>
      </c>
      <c r="I29195" s="8">
        <v>0</v>
      </c>
      <c r="J29195" s="8">
        <v>3400859</v>
      </c>
      <c r="K29195" s="9">
        <v>101.17</v>
      </c>
      <c r="L29195" s="6" t="s">
        <v>10</v>
      </c>
    </row>
    <row r="29196" spans="1:12">
      <c r="A29196" s="6" t="s">
        <v>30006</v>
      </c>
      <c r="B29196" s="6"/>
      <c r="C29196" s="6" t="s">
        <v>30047</v>
      </c>
      <c r="D29196" s="6"/>
      <c r="E29196" s="6" t="s">
        <v>9</v>
      </c>
      <c r="F29196" s="7">
        <v>44190</v>
      </c>
      <c r="G29196" s="8">
        <v>8016860</v>
      </c>
      <c r="H29196" s="8">
        <v>8016860</v>
      </c>
      <c r="I29196" s="8">
        <v>0</v>
      </c>
      <c r="J29196" s="8">
        <v>8016860</v>
      </c>
      <c r="K29196" s="9">
        <v>235.79</v>
      </c>
      <c r="L29196" s="6" t="s">
        <v>10</v>
      </c>
    </row>
    <row r="29197" spans="1:12">
      <c r="A29197" s="6" t="s">
        <v>30006</v>
      </c>
      <c r="B29197" s="6"/>
      <c r="C29197" s="6" t="s">
        <v>30048</v>
      </c>
      <c r="D29197" s="6"/>
      <c r="E29197" s="6" t="s">
        <v>9</v>
      </c>
      <c r="F29197" s="7">
        <v>44134</v>
      </c>
      <c r="G29197" s="8">
        <v>4843300</v>
      </c>
      <c r="H29197" s="8">
        <v>4843300</v>
      </c>
      <c r="I29197" s="8">
        <v>0</v>
      </c>
      <c r="J29197" s="8">
        <v>4843300</v>
      </c>
      <c r="K29197" s="9">
        <v>142.13999999999899</v>
      </c>
      <c r="L29197" s="6" t="s">
        <v>10</v>
      </c>
    </row>
    <row r="29198" spans="1:12">
      <c r="A29198" s="6" t="s">
        <v>30006</v>
      </c>
      <c r="B29198" s="6"/>
      <c r="C29198" s="6" t="s">
        <v>30049</v>
      </c>
      <c r="D29198" s="6"/>
      <c r="E29198" s="6" t="s">
        <v>9</v>
      </c>
      <c r="F29198" s="7">
        <v>43122</v>
      </c>
      <c r="G29198" s="8">
        <v>598560</v>
      </c>
      <c r="H29198" s="8">
        <v>598560</v>
      </c>
      <c r="I29198" s="8">
        <v>0</v>
      </c>
      <c r="J29198" s="8">
        <v>598560</v>
      </c>
      <c r="K29198" s="9">
        <v>13.92</v>
      </c>
      <c r="L29198" s="6" t="s">
        <v>10</v>
      </c>
    </row>
    <row r="29199" spans="1:12">
      <c r="A29199" s="6" t="s">
        <v>30006</v>
      </c>
      <c r="B29199" s="6"/>
      <c r="C29199" s="6" t="s">
        <v>30050</v>
      </c>
      <c r="D29199" s="6"/>
      <c r="E29199" s="6" t="s">
        <v>9</v>
      </c>
      <c r="F29199" s="7">
        <v>43229</v>
      </c>
      <c r="G29199" s="8">
        <v>3996086</v>
      </c>
      <c r="H29199" s="8">
        <v>3996086</v>
      </c>
      <c r="I29199" s="8">
        <v>0</v>
      </c>
      <c r="J29199" s="8">
        <v>3996086</v>
      </c>
      <c r="K29199" s="9">
        <v>109.88</v>
      </c>
      <c r="L29199" s="6" t="s">
        <v>51</v>
      </c>
    </row>
    <row r="29200" spans="1:12">
      <c r="A29200" s="6" t="s">
        <v>30006</v>
      </c>
      <c r="B29200" s="6"/>
      <c r="C29200" s="6" t="s">
        <v>30051</v>
      </c>
      <c r="D29200" s="6"/>
      <c r="E29200" s="6" t="s">
        <v>9</v>
      </c>
      <c r="F29200" s="7">
        <v>43229</v>
      </c>
      <c r="G29200" s="8">
        <v>1454709</v>
      </c>
      <c r="H29200" s="8">
        <v>1454709</v>
      </c>
      <c r="I29200" s="8">
        <v>0</v>
      </c>
      <c r="J29200" s="8">
        <v>1454709</v>
      </c>
      <c r="K29200" s="9">
        <v>40</v>
      </c>
      <c r="L29200" s="6" t="s">
        <v>51</v>
      </c>
    </row>
    <row r="29201" spans="1:12">
      <c r="A29201" s="6" t="s">
        <v>30006</v>
      </c>
      <c r="B29201" s="6"/>
      <c r="C29201" s="6" t="s">
        <v>30052</v>
      </c>
      <c r="D29201" s="6"/>
      <c r="E29201" s="6" t="s">
        <v>9</v>
      </c>
      <c r="F29201" s="7">
        <v>43217</v>
      </c>
      <c r="G29201" s="8">
        <v>379250</v>
      </c>
      <c r="H29201" s="8">
        <v>379250</v>
      </c>
      <c r="I29201" s="8">
        <v>0</v>
      </c>
      <c r="J29201" s="8">
        <v>379250</v>
      </c>
      <c r="K29201" s="9">
        <v>10.25</v>
      </c>
      <c r="L29201" s="6" t="s">
        <v>51</v>
      </c>
    </row>
    <row r="29202" spans="1:12">
      <c r="A29202" s="6" t="s">
        <v>30053</v>
      </c>
      <c r="B29202" s="6"/>
      <c r="C29202" s="6" t="s">
        <v>30054</v>
      </c>
      <c r="D29202" s="6"/>
      <c r="E29202" s="6" t="s">
        <v>18740</v>
      </c>
      <c r="F29202" s="7">
        <v>43174</v>
      </c>
      <c r="G29202" s="8">
        <v>64582</v>
      </c>
      <c r="H29202" s="8">
        <v>64582</v>
      </c>
      <c r="I29202" s="8">
        <v>0</v>
      </c>
      <c r="J29202" s="8">
        <v>64582</v>
      </c>
      <c r="K29202" s="9">
        <v>14</v>
      </c>
      <c r="L29202" s="6" t="s">
        <v>4151</v>
      </c>
    </row>
    <row r="29203" spans="1:12">
      <c r="A29203" s="6" t="s">
        <v>30053</v>
      </c>
      <c r="B29203" s="6"/>
      <c r="C29203" s="6" t="s">
        <v>30055</v>
      </c>
      <c r="D29203" s="6"/>
      <c r="E29203" s="6" t="s">
        <v>18740</v>
      </c>
      <c r="F29203" s="7">
        <v>43185</v>
      </c>
      <c r="G29203" s="8">
        <v>2786252</v>
      </c>
      <c r="H29203" s="8">
        <v>2786252</v>
      </c>
      <c r="I29203" s="8">
        <v>0</v>
      </c>
      <c r="J29203" s="8">
        <v>2786252</v>
      </c>
      <c r="K29203" s="9">
        <v>604</v>
      </c>
      <c r="L29203" s="6" t="s">
        <v>51</v>
      </c>
    </row>
    <row r="29204" spans="1:12">
      <c r="A29204" s="6" t="s">
        <v>30053</v>
      </c>
      <c r="B29204" s="6"/>
      <c r="C29204" s="6" t="s">
        <v>30056</v>
      </c>
      <c r="D29204" s="6"/>
      <c r="E29204" s="6" t="s">
        <v>18740</v>
      </c>
      <c r="F29204" s="7">
        <v>43185</v>
      </c>
      <c r="G29204" s="8">
        <v>641207</v>
      </c>
      <c r="H29204" s="8">
        <v>641207</v>
      </c>
      <c r="I29204" s="8">
        <v>0</v>
      </c>
      <c r="J29204" s="8">
        <v>641207</v>
      </c>
      <c r="K29204" s="9">
        <v>139</v>
      </c>
      <c r="L29204" s="6" t="s">
        <v>51</v>
      </c>
    </row>
    <row r="29205" spans="1:12">
      <c r="A29205" s="6" t="s">
        <v>30053</v>
      </c>
      <c r="B29205" s="6"/>
      <c r="C29205" s="6" t="s">
        <v>30057</v>
      </c>
      <c r="D29205" s="6"/>
      <c r="E29205" s="6" t="s">
        <v>18740</v>
      </c>
      <c r="F29205" s="7">
        <v>43185</v>
      </c>
      <c r="G29205" s="8">
        <v>2348017</v>
      </c>
      <c r="H29205" s="8">
        <v>2348017</v>
      </c>
      <c r="I29205" s="8">
        <v>0</v>
      </c>
      <c r="J29205" s="8">
        <v>2348017</v>
      </c>
      <c r="K29205" s="9">
        <v>509</v>
      </c>
      <c r="L29205" s="6" t="s">
        <v>51</v>
      </c>
    </row>
    <row r="29206" spans="1:12">
      <c r="A29206" s="6" t="s">
        <v>30053</v>
      </c>
      <c r="B29206" s="6"/>
      <c r="C29206" s="6" t="s">
        <v>30058</v>
      </c>
      <c r="D29206" s="6"/>
      <c r="E29206" s="6" t="s">
        <v>18740</v>
      </c>
      <c r="F29206" s="7">
        <v>43185</v>
      </c>
      <c r="G29206" s="8">
        <v>498204</v>
      </c>
      <c r="H29206" s="8">
        <v>498204</v>
      </c>
      <c r="I29206" s="8">
        <v>0</v>
      </c>
      <c r="J29206" s="8">
        <v>498204</v>
      </c>
      <c r="K29206" s="9">
        <v>108</v>
      </c>
      <c r="L29206" s="6" t="s">
        <v>51</v>
      </c>
    </row>
    <row r="29207" spans="1:12">
      <c r="A29207" s="6" t="s">
        <v>30053</v>
      </c>
      <c r="B29207" s="6"/>
      <c r="C29207" s="6" t="s">
        <v>30059</v>
      </c>
      <c r="D29207" s="6"/>
      <c r="E29207" s="6" t="s">
        <v>18740</v>
      </c>
      <c r="F29207" s="7">
        <v>43185</v>
      </c>
      <c r="G29207" s="8">
        <v>3478202</v>
      </c>
      <c r="H29207" s="8">
        <v>3478202</v>
      </c>
      <c r="I29207" s="8">
        <v>0</v>
      </c>
      <c r="J29207" s="8">
        <v>3478202</v>
      </c>
      <c r="K29207" s="9">
        <v>754</v>
      </c>
      <c r="L29207" s="6" t="s">
        <v>51</v>
      </c>
    </row>
    <row r="29208" spans="1:12">
      <c r="A29208" s="6" t="s">
        <v>30053</v>
      </c>
      <c r="B29208" s="6"/>
      <c r="C29208" s="6" t="s">
        <v>30060</v>
      </c>
      <c r="D29208" s="6"/>
      <c r="E29208" s="6" t="s">
        <v>18740</v>
      </c>
      <c r="F29208" s="7">
        <v>43237</v>
      </c>
      <c r="G29208" s="8">
        <v>456687</v>
      </c>
      <c r="H29208" s="8">
        <v>456687</v>
      </c>
      <c r="I29208" s="8">
        <v>0</v>
      </c>
      <c r="J29208" s="8">
        <v>456687</v>
      </c>
      <c r="K29208" s="9">
        <v>99</v>
      </c>
      <c r="L29208" s="6" t="s">
        <v>51</v>
      </c>
    </row>
    <row r="29209" spans="1:12">
      <c r="A29209" s="6" t="s">
        <v>30053</v>
      </c>
      <c r="B29209" s="6"/>
      <c r="C29209" s="6" t="s">
        <v>30061</v>
      </c>
      <c r="D29209" s="6"/>
      <c r="E29209" s="6" t="s">
        <v>18740</v>
      </c>
      <c r="F29209" s="7">
        <v>43237</v>
      </c>
      <c r="G29209" s="8">
        <v>221424</v>
      </c>
      <c r="H29209" s="8">
        <v>221424</v>
      </c>
      <c r="I29209" s="8">
        <v>0</v>
      </c>
      <c r="J29209" s="8">
        <v>221424</v>
      </c>
      <c r="K29209" s="9">
        <v>48</v>
      </c>
      <c r="L29209" s="6" t="s">
        <v>51</v>
      </c>
    </row>
    <row r="29210" spans="1:12">
      <c r="A29210" s="6" t="s">
        <v>30053</v>
      </c>
      <c r="B29210" s="6"/>
      <c r="C29210" s="6" t="s">
        <v>30062</v>
      </c>
      <c r="D29210" s="6"/>
      <c r="E29210" s="6" t="s">
        <v>18740</v>
      </c>
      <c r="F29210" s="7">
        <v>43237</v>
      </c>
      <c r="G29210" s="8">
        <v>1499225</v>
      </c>
      <c r="H29210" s="8">
        <v>1499225</v>
      </c>
      <c r="I29210" s="8">
        <v>0</v>
      </c>
      <c r="J29210" s="8">
        <v>1499225</v>
      </c>
      <c r="K29210" s="9">
        <v>325</v>
      </c>
      <c r="L29210" s="6" t="s">
        <v>51</v>
      </c>
    </row>
    <row r="29211" spans="1:12">
      <c r="A29211" s="6" t="s">
        <v>30053</v>
      </c>
      <c r="B29211" s="6"/>
      <c r="C29211" s="6" t="s">
        <v>30063</v>
      </c>
      <c r="D29211" s="6"/>
      <c r="E29211" s="6" t="s">
        <v>18740</v>
      </c>
      <c r="F29211" s="7">
        <v>43255</v>
      </c>
      <c r="G29211" s="8">
        <v>55356</v>
      </c>
      <c r="H29211" s="8">
        <v>55356</v>
      </c>
      <c r="I29211" s="8">
        <v>0</v>
      </c>
      <c r="J29211" s="8">
        <v>55356</v>
      </c>
      <c r="K29211" s="9">
        <v>12</v>
      </c>
      <c r="L29211" s="6" t="s">
        <v>51</v>
      </c>
    </row>
    <row r="29212" spans="1:12">
      <c r="A29212" s="6" t="s">
        <v>30053</v>
      </c>
      <c r="B29212" s="6"/>
      <c r="C29212" s="6" t="s">
        <v>30064</v>
      </c>
      <c r="D29212" s="6"/>
      <c r="E29212" s="6" t="s">
        <v>18740</v>
      </c>
      <c r="F29212" s="7">
        <v>43446</v>
      </c>
      <c r="G29212" s="8">
        <v>1</v>
      </c>
      <c r="H29212" s="8">
        <v>1</v>
      </c>
      <c r="I29212" s="8">
        <v>0</v>
      </c>
      <c r="J29212" s="8">
        <v>1</v>
      </c>
      <c r="K29212" s="9">
        <v>1.07</v>
      </c>
      <c r="L29212" s="6" t="s">
        <v>51</v>
      </c>
    </row>
    <row r="29213" spans="1:12">
      <c r="A29213" s="6" t="s">
        <v>30053</v>
      </c>
      <c r="B29213" s="6"/>
      <c r="C29213" s="6" t="s">
        <v>30065</v>
      </c>
      <c r="D29213" s="6"/>
      <c r="E29213" s="6" t="s">
        <v>18740</v>
      </c>
      <c r="F29213" s="7">
        <v>43446</v>
      </c>
      <c r="G29213" s="8">
        <v>1</v>
      </c>
      <c r="H29213" s="8">
        <v>1</v>
      </c>
      <c r="I29213" s="8">
        <v>0</v>
      </c>
      <c r="J29213" s="8">
        <v>1</v>
      </c>
      <c r="K29213" s="9">
        <v>18</v>
      </c>
      <c r="L29213" s="6" t="s">
        <v>51</v>
      </c>
    </row>
    <row r="29214" spans="1:12">
      <c r="A29214" s="6" t="s">
        <v>30066</v>
      </c>
      <c r="B29214" s="6"/>
      <c r="C29214" s="6" t="s">
        <v>30067</v>
      </c>
      <c r="D29214" s="6"/>
      <c r="E29214" s="6" t="s">
        <v>18740</v>
      </c>
      <c r="F29214" s="7">
        <v>42830</v>
      </c>
      <c r="G29214" s="8">
        <v>17892</v>
      </c>
      <c r="H29214" s="8">
        <v>17892</v>
      </c>
      <c r="I29214" s="8">
        <v>0</v>
      </c>
      <c r="J29214" s="8">
        <v>17892</v>
      </c>
      <c r="K29214" s="9">
        <v>3.5</v>
      </c>
      <c r="L29214" s="6" t="s">
        <v>23</v>
      </c>
    </row>
    <row r="29215" spans="1:12">
      <c r="A29215" s="6" t="s">
        <v>30068</v>
      </c>
      <c r="B29215" s="6"/>
      <c r="C29215" s="6" t="s">
        <v>30069</v>
      </c>
      <c r="D29215" s="6"/>
      <c r="E29215" s="6" t="s">
        <v>18740</v>
      </c>
      <c r="F29215" s="7">
        <v>42830</v>
      </c>
      <c r="G29215" s="8">
        <v>506088</v>
      </c>
      <c r="H29215" s="8">
        <v>506088</v>
      </c>
      <c r="I29215" s="8">
        <v>0</v>
      </c>
      <c r="J29215" s="8">
        <v>506088</v>
      </c>
      <c r="K29215" s="9">
        <v>99</v>
      </c>
      <c r="L29215" s="6" t="s">
        <v>23</v>
      </c>
    </row>
    <row r="29216" spans="1:12">
      <c r="A29216" s="6" t="s">
        <v>30070</v>
      </c>
      <c r="B29216" s="6"/>
      <c r="C29216" s="6" t="s">
        <v>30071</v>
      </c>
      <c r="D29216" s="6"/>
      <c r="E29216" s="6" t="s">
        <v>9</v>
      </c>
      <c r="F29216" s="7">
        <v>42989</v>
      </c>
      <c r="G29216" s="8">
        <v>1375128</v>
      </c>
      <c r="H29216" s="8">
        <v>1375128</v>
      </c>
      <c r="I29216" s="8">
        <v>0</v>
      </c>
      <c r="J29216" s="8">
        <v>1375128</v>
      </c>
      <c r="K29216" s="9">
        <v>269</v>
      </c>
      <c r="L29216" s="6" t="s">
        <v>14</v>
      </c>
    </row>
    <row r="29217" spans="1:12">
      <c r="A29217" s="6" t="s">
        <v>30072</v>
      </c>
      <c r="B29217" s="6"/>
      <c r="C29217" s="6" t="s">
        <v>30073</v>
      </c>
      <c r="D29217" s="6"/>
      <c r="E29217" s="6" t="s">
        <v>18740</v>
      </c>
      <c r="F29217" s="7">
        <v>42989</v>
      </c>
      <c r="G29217" s="8">
        <v>61344</v>
      </c>
      <c r="H29217" s="8">
        <v>61344</v>
      </c>
      <c r="I29217" s="8">
        <v>0</v>
      </c>
      <c r="J29217" s="8">
        <v>61344</v>
      </c>
      <c r="K29217" s="9">
        <v>12</v>
      </c>
      <c r="L29217" s="6" t="s">
        <v>23</v>
      </c>
    </row>
    <row r="29218" spans="1:12">
      <c r="A29218" s="6" t="s">
        <v>30074</v>
      </c>
      <c r="B29218" s="6"/>
      <c r="C29218" s="6" t="s">
        <v>30075</v>
      </c>
      <c r="D29218" s="6"/>
      <c r="E29218" s="6" t="s">
        <v>9</v>
      </c>
      <c r="F29218" s="7">
        <v>43055</v>
      </c>
      <c r="G29218" s="8">
        <v>1</v>
      </c>
      <c r="H29218" s="8">
        <v>1</v>
      </c>
      <c r="I29218" s="8">
        <v>0</v>
      </c>
      <c r="J29218" s="8">
        <v>1</v>
      </c>
      <c r="K29218" s="9">
        <v>876</v>
      </c>
      <c r="L29218" s="6" t="s">
        <v>23</v>
      </c>
    </row>
    <row r="29219" spans="1:12">
      <c r="A29219" s="6" t="s">
        <v>30076</v>
      </c>
      <c r="B29219" s="6"/>
      <c r="C29219" s="6" t="s">
        <v>30077</v>
      </c>
      <c r="D29219" s="6"/>
      <c r="E29219" s="6" t="s">
        <v>9</v>
      </c>
      <c r="F29219" s="7">
        <v>42921</v>
      </c>
      <c r="G29219" s="8">
        <v>685008</v>
      </c>
      <c r="H29219" s="8">
        <v>685008</v>
      </c>
      <c r="I29219" s="8">
        <v>0</v>
      </c>
      <c r="J29219" s="8">
        <v>685008</v>
      </c>
      <c r="K29219" s="9">
        <v>134</v>
      </c>
      <c r="L29219" s="6" t="s">
        <v>14</v>
      </c>
    </row>
    <row r="29220" spans="1:12">
      <c r="A29220" s="6" t="s">
        <v>30078</v>
      </c>
      <c r="B29220" s="6"/>
      <c r="C29220" s="6" t="s">
        <v>30079</v>
      </c>
      <c r="D29220" s="6"/>
      <c r="E29220" s="6" t="s">
        <v>18740</v>
      </c>
      <c r="F29220" s="7">
        <v>42921</v>
      </c>
      <c r="G29220" s="8">
        <v>51120</v>
      </c>
      <c r="H29220" s="8">
        <v>51120</v>
      </c>
      <c r="I29220" s="8">
        <v>0</v>
      </c>
      <c r="J29220" s="8">
        <v>51120</v>
      </c>
      <c r="K29220" s="9">
        <v>10</v>
      </c>
      <c r="L29220" s="6" t="s">
        <v>23</v>
      </c>
    </row>
    <row r="29221" spans="1:12">
      <c r="A29221" s="6" t="s">
        <v>30080</v>
      </c>
      <c r="B29221" s="6"/>
      <c r="C29221" s="6" t="s">
        <v>30081</v>
      </c>
      <c r="D29221" s="6"/>
      <c r="E29221" s="6" t="s">
        <v>18740</v>
      </c>
      <c r="F29221" s="7">
        <v>42887</v>
      </c>
      <c r="G29221" s="8">
        <v>20</v>
      </c>
      <c r="H29221" s="8">
        <v>20</v>
      </c>
      <c r="I29221" s="8">
        <v>0</v>
      </c>
      <c r="J29221" s="8">
        <v>20</v>
      </c>
      <c r="K29221" s="9">
        <v>0.18</v>
      </c>
      <c r="L29221" s="6" t="s">
        <v>4773</v>
      </c>
    </row>
    <row r="29222" spans="1:12">
      <c r="A29222" s="6" t="s">
        <v>30080</v>
      </c>
      <c r="B29222" s="6"/>
      <c r="C29222" s="6" t="s">
        <v>30082</v>
      </c>
      <c r="D29222" s="6"/>
      <c r="E29222" s="6" t="s">
        <v>18740</v>
      </c>
      <c r="F29222" s="7">
        <v>42887</v>
      </c>
      <c r="G29222" s="8">
        <v>589</v>
      </c>
      <c r="H29222" s="8">
        <v>589</v>
      </c>
      <c r="I29222" s="8">
        <v>0</v>
      </c>
      <c r="J29222" s="8">
        <v>589</v>
      </c>
      <c r="K29222" s="9">
        <v>5.17</v>
      </c>
      <c r="L29222" s="6" t="s">
        <v>4773</v>
      </c>
    </row>
    <row r="29223" spans="1:12">
      <c r="A29223" s="6" t="s">
        <v>30080</v>
      </c>
      <c r="B29223" s="6"/>
      <c r="C29223" s="6" t="s">
        <v>30083</v>
      </c>
      <c r="D29223" s="6"/>
      <c r="E29223" s="6" t="s">
        <v>18740</v>
      </c>
      <c r="F29223" s="7">
        <v>42887</v>
      </c>
      <c r="G29223" s="8">
        <v>29</v>
      </c>
      <c r="H29223" s="8">
        <v>29</v>
      </c>
      <c r="I29223" s="8">
        <v>0</v>
      </c>
      <c r="J29223" s="8">
        <v>29</v>
      </c>
      <c r="K29223" s="9">
        <v>0.26</v>
      </c>
      <c r="L29223" s="6" t="s">
        <v>4773</v>
      </c>
    </row>
    <row r="29224" spans="1:12">
      <c r="A29224" s="6" t="s">
        <v>30084</v>
      </c>
      <c r="B29224" s="6"/>
      <c r="C29224" s="6" t="s">
        <v>30085</v>
      </c>
      <c r="D29224" s="6"/>
      <c r="E29224" s="6" t="s">
        <v>9</v>
      </c>
      <c r="F29224" s="7">
        <v>42873</v>
      </c>
      <c r="G29224" s="8">
        <v>61430904</v>
      </c>
      <c r="H29224" s="8">
        <v>61430904</v>
      </c>
      <c r="I29224" s="8">
        <v>0</v>
      </c>
      <c r="J29224" s="8">
        <v>61430904</v>
      </c>
      <c r="K29224" s="9">
        <v>12017</v>
      </c>
      <c r="L29224" s="6" t="s">
        <v>14</v>
      </c>
    </row>
    <row r="29225" spans="1:12">
      <c r="A29225" s="6" t="s">
        <v>30086</v>
      </c>
      <c r="B29225" s="6"/>
      <c r="C29225" s="6" t="s">
        <v>30087</v>
      </c>
      <c r="D29225" s="6"/>
      <c r="E29225" s="6" t="s">
        <v>18740</v>
      </c>
      <c r="F29225" s="7">
        <v>42826</v>
      </c>
      <c r="G29225" s="8">
        <v>1852227</v>
      </c>
      <c r="H29225" s="8">
        <v>1852227</v>
      </c>
      <c r="I29225" s="8">
        <v>0</v>
      </c>
      <c r="J29225" s="8">
        <v>1852227</v>
      </c>
      <c r="K29225" s="9">
        <v>96.43</v>
      </c>
      <c r="L29225" s="6" t="s">
        <v>10</v>
      </c>
    </row>
    <row r="29226" spans="1:12">
      <c r="A29226" s="6" t="s">
        <v>30086</v>
      </c>
      <c r="B29226" s="6"/>
      <c r="C29226" s="6" t="s">
        <v>30088</v>
      </c>
      <c r="D29226" s="6"/>
      <c r="E29226" s="6" t="s">
        <v>18740</v>
      </c>
      <c r="F29226" s="7">
        <v>42826</v>
      </c>
      <c r="G29226" s="8">
        <v>173064</v>
      </c>
      <c r="H29226" s="8">
        <v>173064</v>
      </c>
      <c r="I29226" s="8">
        <v>0</v>
      </c>
      <c r="J29226" s="8">
        <v>173064</v>
      </c>
      <c r="K29226" s="9">
        <v>9.01</v>
      </c>
      <c r="L29226" s="6" t="s">
        <v>10</v>
      </c>
    </row>
    <row r="29227" spans="1:12">
      <c r="A29227" s="6" t="s">
        <v>30089</v>
      </c>
      <c r="B29227" s="6"/>
      <c r="C29227" s="6" t="s">
        <v>30090</v>
      </c>
      <c r="D29227" s="6"/>
      <c r="E29227" s="6" t="s">
        <v>9</v>
      </c>
      <c r="F29227" s="7">
        <v>38657</v>
      </c>
      <c r="G29227" s="8">
        <v>27627200</v>
      </c>
      <c r="H29227" s="8">
        <v>27627200</v>
      </c>
      <c r="I29227" s="8">
        <v>0</v>
      </c>
      <c r="J29227" s="8">
        <v>27627200</v>
      </c>
      <c r="K29227" s="9">
        <v>1114</v>
      </c>
      <c r="L29227" s="6" t="s">
        <v>1694</v>
      </c>
    </row>
    <row r="29228" spans="1:12">
      <c r="A29228" s="6" t="s">
        <v>30089</v>
      </c>
      <c r="B29228" s="6"/>
      <c r="C29228" s="6" t="s">
        <v>30091</v>
      </c>
      <c r="D29228" s="6"/>
      <c r="E29228" s="6" t="s">
        <v>9</v>
      </c>
      <c r="F29228" s="7">
        <v>38657</v>
      </c>
      <c r="G29228" s="8">
        <v>19992000</v>
      </c>
      <c r="H29228" s="8">
        <v>19992000</v>
      </c>
      <c r="I29228" s="8">
        <v>0</v>
      </c>
      <c r="J29228" s="8">
        <v>19992000</v>
      </c>
      <c r="K29228" s="9">
        <v>833</v>
      </c>
      <c r="L29228" s="6" t="s">
        <v>1694</v>
      </c>
    </row>
    <row r="29229" spans="1:12">
      <c r="A29229" s="6" t="s">
        <v>30089</v>
      </c>
      <c r="B29229" s="6"/>
      <c r="C29229" s="6" t="s">
        <v>30092</v>
      </c>
      <c r="D29229" s="6"/>
      <c r="E29229" s="6" t="s">
        <v>9</v>
      </c>
      <c r="F29229" s="7">
        <v>38657</v>
      </c>
      <c r="G29229" s="8">
        <v>28423000</v>
      </c>
      <c r="H29229" s="8">
        <v>28423000</v>
      </c>
      <c r="I29229" s="8">
        <v>0</v>
      </c>
      <c r="J29229" s="8">
        <v>28423000</v>
      </c>
      <c r="K29229" s="9">
        <v>1322</v>
      </c>
      <c r="L29229" s="6" t="s">
        <v>1694</v>
      </c>
    </row>
    <row r="29230" spans="1:12">
      <c r="A29230" s="6" t="s">
        <v>30089</v>
      </c>
      <c r="B29230" s="6"/>
      <c r="C29230" s="6" t="s">
        <v>30093</v>
      </c>
      <c r="D29230" s="6"/>
      <c r="E29230" s="6" t="s">
        <v>9</v>
      </c>
      <c r="F29230" s="7">
        <v>39842</v>
      </c>
      <c r="G29230" s="8">
        <v>7524000</v>
      </c>
      <c r="H29230" s="8">
        <v>7524000</v>
      </c>
      <c r="I29230" s="8">
        <v>0</v>
      </c>
      <c r="J29230" s="8">
        <v>7524000</v>
      </c>
      <c r="K29230" s="9">
        <v>330</v>
      </c>
      <c r="L29230" s="6" t="s">
        <v>1694</v>
      </c>
    </row>
    <row r="29231" spans="1:12">
      <c r="A29231" s="6" t="s">
        <v>30089</v>
      </c>
      <c r="B29231" s="6"/>
      <c r="C29231" s="6" t="s">
        <v>30094</v>
      </c>
      <c r="D29231" s="6"/>
      <c r="E29231" s="6" t="s">
        <v>9</v>
      </c>
      <c r="F29231" s="7">
        <v>39842</v>
      </c>
      <c r="G29231" s="8">
        <v>675000</v>
      </c>
      <c r="H29231" s="8">
        <v>675000</v>
      </c>
      <c r="I29231" s="8">
        <v>0</v>
      </c>
      <c r="J29231" s="8">
        <v>675000</v>
      </c>
      <c r="K29231" s="9">
        <v>27</v>
      </c>
      <c r="L29231" s="6" t="s">
        <v>1694</v>
      </c>
    </row>
    <row r="29232" spans="1:12">
      <c r="A29232" s="6" t="s">
        <v>30089</v>
      </c>
      <c r="B29232" s="6"/>
      <c r="C29232" s="6" t="s">
        <v>30095</v>
      </c>
      <c r="D29232" s="6"/>
      <c r="E29232" s="6" t="s">
        <v>9</v>
      </c>
      <c r="F29232" s="7">
        <v>39842</v>
      </c>
      <c r="G29232" s="8">
        <v>2599200</v>
      </c>
      <c r="H29232" s="8">
        <v>2599200</v>
      </c>
      <c r="I29232" s="8">
        <v>0</v>
      </c>
      <c r="J29232" s="8">
        <v>2599200</v>
      </c>
      <c r="K29232" s="9">
        <v>114</v>
      </c>
      <c r="L29232" s="6" t="s">
        <v>1694</v>
      </c>
    </row>
    <row r="29233" spans="1:12">
      <c r="A29233" s="6" t="s">
        <v>30089</v>
      </c>
      <c r="B29233" s="6"/>
      <c r="C29233" s="6" t="s">
        <v>30096</v>
      </c>
      <c r="D29233" s="6"/>
      <c r="E29233" s="6" t="s">
        <v>9</v>
      </c>
      <c r="F29233" s="7">
        <v>38657</v>
      </c>
      <c r="G29233" s="8">
        <v>19914400</v>
      </c>
      <c r="H29233" s="8">
        <v>19914400</v>
      </c>
      <c r="I29233" s="8">
        <v>0</v>
      </c>
      <c r="J29233" s="8">
        <v>19914400</v>
      </c>
      <c r="K29233" s="9">
        <v>803</v>
      </c>
      <c r="L29233" s="6" t="s">
        <v>1694</v>
      </c>
    </row>
    <row r="29234" spans="1:12">
      <c r="A29234" s="6" t="s">
        <v>30089</v>
      </c>
      <c r="B29234" s="6"/>
      <c r="C29234" s="6" t="s">
        <v>30097</v>
      </c>
      <c r="D29234" s="6"/>
      <c r="E29234" s="6" t="s">
        <v>9</v>
      </c>
      <c r="F29234" s="7">
        <v>38657</v>
      </c>
      <c r="G29234" s="8">
        <v>5307200</v>
      </c>
      <c r="H29234" s="8">
        <v>5307200</v>
      </c>
      <c r="I29234" s="8">
        <v>0</v>
      </c>
      <c r="J29234" s="8">
        <v>5307200</v>
      </c>
      <c r="K29234" s="9">
        <v>214</v>
      </c>
      <c r="L29234" s="6" t="s">
        <v>1694</v>
      </c>
    </row>
    <row r="29235" spans="1:12">
      <c r="A29235" s="6" t="s">
        <v>30089</v>
      </c>
      <c r="B29235" s="6"/>
      <c r="C29235" s="6" t="s">
        <v>30098</v>
      </c>
      <c r="D29235" s="6"/>
      <c r="E29235" s="6" t="s">
        <v>9</v>
      </c>
      <c r="F29235" s="7">
        <v>38657</v>
      </c>
      <c r="G29235" s="8">
        <v>13008000</v>
      </c>
      <c r="H29235" s="8">
        <v>13008000</v>
      </c>
      <c r="I29235" s="8">
        <v>0</v>
      </c>
      <c r="J29235" s="8">
        <v>13008000</v>
      </c>
      <c r="K29235" s="9">
        <v>542</v>
      </c>
      <c r="L29235" s="6" t="s">
        <v>1694</v>
      </c>
    </row>
    <row r="29236" spans="1:12">
      <c r="A29236" s="6" t="s">
        <v>30089</v>
      </c>
      <c r="B29236" s="6"/>
      <c r="C29236" s="6" t="s">
        <v>30099</v>
      </c>
      <c r="D29236" s="6"/>
      <c r="E29236" s="6" t="s">
        <v>9</v>
      </c>
      <c r="F29236" s="7">
        <v>38657</v>
      </c>
      <c r="G29236" s="8">
        <v>14496000</v>
      </c>
      <c r="H29236" s="8">
        <v>14496000</v>
      </c>
      <c r="I29236" s="8">
        <v>0</v>
      </c>
      <c r="J29236" s="8">
        <v>14496000</v>
      </c>
      <c r="K29236" s="9">
        <v>604</v>
      </c>
      <c r="L29236" s="6" t="s">
        <v>1694</v>
      </c>
    </row>
    <row r="29237" spans="1:12">
      <c r="A29237" s="6" t="s">
        <v>30089</v>
      </c>
      <c r="B29237" s="6"/>
      <c r="C29237" s="6" t="s">
        <v>30100</v>
      </c>
      <c r="D29237" s="6"/>
      <c r="E29237" s="6" t="s">
        <v>9</v>
      </c>
      <c r="F29237" s="7">
        <v>38657</v>
      </c>
      <c r="G29237" s="8">
        <v>17208000</v>
      </c>
      <c r="H29237" s="8">
        <v>17208000</v>
      </c>
      <c r="I29237" s="8">
        <v>0</v>
      </c>
      <c r="J29237" s="8">
        <v>17208000</v>
      </c>
      <c r="K29237" s="9">
        <v>717</v>
      </c>
      <c r="L29237" s="6" t="s">
        <v>1694</v>
      </c>
    </row>
    <row r="29238" spans="1:12">
      <c r="A29238" s="6" t="s">
        <v>30089</v>
      </c>
      <c r="B29238" s="6"/>
      <c r="C29238" s="6" t="s">
        <v>30101</v>
      </c>
      <c r="D29238" s="6"/>
      <c r="E29238" s="6" t="s">
        <v>9</v>
      </c>
      <c r="F29238" s="7">
        <v>38657</v>
      </c>
      <c r="G29238" s="8">
        <v>31728000</v>
      </c>
      <c r="H29238" s="8">
        <v>31728000</v>
      </c>
      <c r="I29238" s="8">
        <v>0</v>
      </c>
      <c r="J29238" s="8">
        <v>31728000</v>
      </c>
      <c r="K29238" s="9">
        <v>1322</v>
      </c>
      <c r="L29238" s="6" t="s">
        <v>1694</v>
      </c>
    </row>
    <row r="29239" spans="1:12">
      <c r="A29239" s="6" t="s">
        <v>30089</v>
      </c>
      <c r="B29239" s="6"/>
      <c r="C29239" s="6" t="s">
        <v>30102</v>
      </c>
      <c r="D29239" s="6"/>
      <c r="E29239" s="6" t="s">
        <v>9</v>
      </c>
      <c r="F29239" s="7">
        <v>38657</v>
      </c>
      <c r="G29239" s="8">
        <v>31728000</v>
      </c>
      <c r="H29239" s="8">
        <v>31728000</v>
      </c>
      <c r="I29239" s="8">
        <v>0</v>
      </c>
      <c r="J29239" s="8">
        <v>31728000</v>
      </c>
      <c r="K29239" s="9">
        <v>1322</v>
      </c>
      <c r="L29239" s="6" t="s">
        <v>1694</v>
      </c>
    </row>
    <row r="29240" spans="1:12">
      <c r="A29240" s="6" t="s">
        <v>30089</v>
      </c>
      <c r="B29240" s="6"/>
      <c r="C29240" s="6" t="s">
        <v>30103</v>
      </c>
      <c r="D29240" s="6"/>
      <c r="E29240" s="6" t="s">
        <v>9</v>
      </c>
      <c r="F29240" s="7">
        <v>38657</v>
      </c>
      <c r="G29240" s="8">
        <v>11736000</v>
      </c>
      <c r="H29240" s="8">
        <v>11736000</v>
      </c>
      <c r="I29240" s="8">
        <v>0</v>
      </c>
      <c r="J29240" s="8">
        <v>11736000</v>
      </c>
      <c r="K29240" s="9">
        <v>489</v>
      </c>
      <c r="L29240" s="6" t="s">
        <v>1694</v>
      </c>
    </row>
    <row r="29241" spans="1:12">
      <c r="A29241" s="6" t="s">
        <v>30104</v>
      </c>
      <c r="B29241" s="6"/>
      <c r="C29241" s="6" t="s">
        <v>30105</v>
      </c>
      <c r="D29241" s="6"/>
      <c r="E29241" s="6" t="s">
        <v>9</v>
      </c>
      <c r="F29241" s="7">
        <v>43067</v>
      </c>
      <c r="G29241" s="8">
        <v>930384</v>
      </c>
      <c r="H29241" s="8">
        <v>930384</v>
      </c>
      <c r="I29241" s="8">
        <v>0</v>
      </c>
      <c r="J29241" s="8">
        <v>930384</v>
      </c>
      <c r="K29241" s="9">
        <v>182</v>
      </c>
      <c r="L29241" s="6" t="s">
        <v>14</v>
      </c>
    </row>
    <row r="29242" spans="1:12">
      <c r="A29242" s="6" t="s">
        <v>30106</v>
      </c>
      <c r="B29242" s="6"/>
      <c r="C29242" s="6" t="s">
        <v>30107</v>
      </c>
      <c r="D29242" s="6"/>
      <c r="E29242" s="6" t="s">
        <v>18740</v>
      </c>
      <c r="F29242" s="7">
        <v>43067</v>
      </c>
      <c r="G29242" s="8">
        <v>19118</v>
      </c>
      <c r="H29242" s="8">
        <v>19118</v>
      </c>
      <c r="I29242" s="8">
        <v>0</v>
      </c>
      <c r="J29242" s="8">
        <v>19118</v>
      </c>
      <c r="K29242" s="9">
        <v>3.74</v>
      </c>
      <c r="L29242" s="6" t="s">
        <v>23</v>
      </c>
    </row>
    <row r="29243" spans="1:12">
      <c r="A29243" s="6" t="s">
        <v>30108</v>
      </c>
      <c r="B29243" s="6"/>
      <c r="C29243" s="6" t="s">
        <v>30109</v>
      </c>
      <c r="D29243" s="6"/>
      <c r="E29243" s="6" t="s">
        <v>9</v>
      </c>
      <c r="F29243" s="7">
        <v>38657</v>
      </c>
      <c r="G29243" s="8">
        <v>25979000</v>
      </c>
      <c r="H29243" s="8">
        <v>25979000</v>
      </c>
      <c r="I29243" s="8">
        <v>0</v>
      </c>
      <c r="J29243" s="8">
        <v>25979000</v>
      </c>
      <c r="K29243" s="9">
        <v>1565</v>
      </c>
      <c r="L29243" s="6" t="s">
        <v>10</v>
      </c>
    </row>
    <row r="29244" spans="1:12">
      <c r="A29244" s="6" t="s">
        <v>30108</v>
      </c>
      <c r="B29244" s="6"/>
      <c r="C29244" s="6" t="s">
        <v>30110</v>
      </c>
      <c r="D29244" s="6"/>
      <c r="E29244" s="6" t="s">
        <v>9</v>
      </c>
      <c r="F29244" s="7">
        <v>38657</v>
      </c>
      <c r="G29244" s="8">
        <v>23814194</v>
      </c>
      <c r="H29244" s="8">
        <v>23814194</v>
      </c>
      <c r="I29244" s="8">
        <v>0</v>
      </c>
      <c r="J29244" s="8">
        <v>23814194</v>
      </c>
      <c r="K29244" s="9">
        <v>1434.59</v>
      </c>
      <c r="L29244" s="6" t="s">
        <v>10</v>
      </c>
    </row>
    <row r="29245" spans="1:12">
      <c r="A29245" s="6" t="s">
        <v>30111</v>
      </c>
      <c r="B29245" s="6"/>
      <c r="C29245" s="6" t="s">
        <v>30112</v>
      </c>
      <c r="D29245" s="6"/>
      <c r="E29245" s="6" t="s">
        <v>9</v>
      </c>
      <c r="F29245" s="7">
        <v>38657</v>
      </c>
      <c r="G29245" s="8">
        <v>7869000</v>
      </c>
      <c r="H29245" s="8">
        <v>7869000</v>
      </c>
      <c r="I29245" s="8">
        <v>0</v>
      </c>
      <c r="J29245" s="8">
        <v>7869000</v>
      </c>
      <c r="K29245" s="9">
        <v>610</v>
      </c>
      <c r="L29245" s="6" t="s">
        <v>10</v>
      </c>
    </row>
    <row r="29246" spans="1:12">
      <c r="A29246" s="6" t="s">
        <v>30111</v>
      </c>
      <c r="B29246" s="6"/>
      <c r="C29246" s="6" t="s">
        <v>30113</v>
      </c>
      <c r="D29246" s="6"/>
      <c r="E29246" s="6" t="s">
        <v>9</v>
      </c>
      <c r="F29246" s="7">
        <v>38657</v>
      </c>
      <c r="G29246" s="8">
        <v>6488700</v>
      </c>
      <c r="H29246" s="8">
        <v>6488700</v>
      </c>
      <c r="I29246" s="8">
        <v>0</v>
      </c>
      <c r="J29246" s="8">
        <v>6488700</v>
      </c>
      <c r="K29246" s="9">
        <v>503</v>
      </c>
      <c r="L29246" s="6" t="s">
        <v>10</v>
      </c>
    </row>
    <row r="29247" spans="1:12">
      <c r="A29247" s="6" t="s">
        <v>30111</v>
      </c>
      <c r="B29247" s="6"/>
      <c r="C29247" s="6" t="s">
        <v>30114</v>
      </c>
      <c r="D29247" s="6"/>
      <c r="E29247" s="6" t="s">
        <v>9</v>
      </c>
      <c r="F29247" s="7">
        <v>38657</v>
      </c>
      <c r="G29247" s="8">
        <v>16034700</v>
      </c>
      <c r="H29247" s="8">
        <v>16034700</v>
      </c>
      <c r="I29247" s="8">
        <v>0</v>
      </c>
      <c r="J29247" s="8">
        <v>16034700</v>
      </c>
      <c r="K29247" s="9">
        <v>1243</v>
      </c>
      <c r="L29247" s="6" t="s">
        <v>10</v>
      </c>
    </row>
    <row r="29248" spans="1:12">
      <c r="A29248" s="6" t="s">
        <v>30111</v>
      </c>
      <c r="B29248" s="6"/>
      <c r="C29248" s="6" t="s">
        <v>30115</v>
      </c>
      <c r="D29248" s="6"/>
      <c r="E29248" s="6" t="s">
        <v>9</v>
      </c>
      <c r="F29248" s="7">
        <v>38657</v>
      </c>
      <c r="G29248" s="8">
        <v>32417700</v>
      </c>
      <c r="H29248" s="8">
        <v>32417700</v>
      </c>
      <c r="I29248" s="8">
        <v>0</v>
      </c>
      <c r="J29248" s="8">
        <v>32417700</v>
      </c>
      <c r="K29248" s="9">
        <v>2513</v>
      </c>
      <c r="L29248" s="6" t="s">
        <v>10</v>
      </c>
    </row>
    <row r="29249" spans="1:12">
      <c r="A29249" s="6" t="s">
        <v>30111</v>
      </c>
      <c r="B29249" s="6"/>
      <c r="C29249" s="6" t="s">
        <v>30116</v>
      </c>
      <c r="D29249" s="6"/>
      <c r="E29249" s="6" t="s">
        <v>9</v>
      </c>
      <c r="F29249" s="7">
        <v>38657</v>
      </c>
      <c r="G29249" s="8">
        <v>15996000</v>
      </c>
      <c r="H29249" s="8">
        <v>15996000</v>
      </c>
      <c r="I29249" s="8">
        <v>0</v>
      </c>
      <c r="J29249" s="8">
        <v>15996000</v>
      </c>
      <c r="K29249" s="9">
        <v>1240</v>
      </c>
      <c r="L29249" s="6" t="s">
        <v>10</v>
      </c>
    </row>
    <row r="29250" spans="1:12">
      <c r="A29250" s="6" t="s">
        <v>30111</v>
      </c>
      <c r="B29250" s="6"/>
      <c r="C29250" s="6" t="s">
        <v>30117</v>
      </c>
      <c r="D29250" s="6"/>
      <c r="E29250" s="6" t="s">
        <v>9</v>
      </c>
      <c r="F29250" s="7">
        <v>38657</v>
      </c>
      <c r="G29250" s="8">
        <v>3870000</v>
      </c>
      <c r="H29250" s="8">
        <v>3870000</v>
      </c>
      <c r="I29250" s="8">
        <v>0</v>
      </c>
      <c r="J29250" s="8">
        <v>3870000</v>
      </c>
      <c r="K29250" s="9">
        <v>300</v>
      </c>
      <c r="L29250" s="6" t="s">
        <v>10</v>
      </c>
    </row>
    <row r="29251" spans="1:12">
      <c r="A29251" s="6" t="s">
        <v>30111</v>
      </c>
      <c r="B29251" s="6"/>
      <c r="C29251" s="6" t="s">
        <v>30118</v>
      </c>
      <c r="D29251" s="6"/>
      <c r="E29251" s="6" t="s">
        <v>9</v>
      </c>
      <c r="F29251" s="7">
        <v>38657</v>
      </c>
      <c r="G29251" s="8">
        <v>3870000</v>
      </c>
      <c r="H29251" s="8">
        <v>3870000</v>
      </c>
      <c r="I29251" s="8">
        <v>0</v>
      </c>
      <c r="J29251" s="8">
        <v>3870000</v>
      </c>
      <c r="K29251" s="9">
        <v>300</v>
      </c>
      <c r="L29251" s="6" t="s">
        <v>10</v>
      </c>
    </row>
    <row r="29252" spans="1:12">
      <c r="A29252" s="6" t="s">
        <v>30111</v>
      </c>
      <c r="B29252" s="6"/>
      <c r="C29252" s="6" t="s">
        <v>30119</v>
      </c>
      <c r="D29252" s="6"/>
      <c r="E29252" s="6" t="s">
        <v>9</v>
      </c>
      <c r="F29252" s="7">
        <v>38657</v>
      </c>
      <c r="G29252" s="8">
        <v>5462505</v>
      </c>
      <c r="H29252" s="8">
        <v>5462505</v>
      </c>
      <c r="I29252" s="8">
        <v>0</v>
      </c>
      <c r="J29252" s="8">
        <v>5462505</v>
      </c>
      <c r="K29252" s="9">
        <v>423.45</v>
      </c>
      <c r="L29252" s="6" t="s">
        <v>10</v>
      </c>
    </row>
    <row r="29253" spans="1:12">
      <c r="A29253" s="6" t="s">
        <v>30120</v>
      </c>
      <c r="B29253" s="6"/>
      <c r="C29253" s="6" t="s">
        <v>30121</v>
      </c>
      <c r="D29253" s="6"/>
      <c r="E29253" s="6" t="s">
        <v>9</v>
      </c>
      <c r="F29253" s="7">
        <v>38657</v>
      </c>
      <c r="G29253" s="8">
        <v>2033200</v>
      </c>
      <c r="H29253" s="8">
        <v>2033200</v>
      </c>
      <c r="I29253" s="8">
        <v>0</v>
      </c>
      <c r="J29253" s="8">
        <v>2033200</v>
      </c>
      <c r="K29253" s="9">
        <v>299</v>
      </c>
      <c r="L29253" s="6" t="s">
        <v>23</v>
      </c>
    </row>
    <row r="29254" spans="1:12">
      <c r="A29254" s="6" t="s">
        <v>30120</v>
      </c>
      <c r="B29254" s="6"/>
      <c r="C29254" s="6" t="s">
        <v>30122</v>
      </c>
      <c r="D29254" s="6"/>
      <c r="E29254" s="6" t="s">
        <v>9</v>
      </c>
      <c r="F29254" s="7">
        <v>38657</v>
      </c>
      <c r="G29254" s="8">
        <v>1679600</v>
      </c>
      <c r="H29254" s="8">
        <v>1679600</v>
      </c>
      <c r="I29254" s="8">
        <v>0</v>
      </c>
      <c r="J29254" s="8">
        <v>1679600</v>
      </c>
      <c r="K29254" s="9">
        <v>247</v>
      </c>
      <c r="L29254" s="6" t="s">
        <v>23</v>
      </c>
    </row>
    <row r="29255" spans="1:12">
      <c r="A29255" s="6" t="s">
        <v>30120</v>
      </c>
      <c r="B29255" s="6"/>
      <c r="C29255" s="6" t="s">
        <v>30123</v>
      </c>
      <c r="D29255" s="6"/>
      <c r="E29255" s="6" t="s">
        <v>9</v>
      </c>
      <c r="F29255" s="7">
        <v>38657</v>
      </c>
      <c r="G29255" s="8">
        <v>2040000</v>
      </c>
      <c r="H29255" s="8">
        <v>2040000</v>
      </c>
      <c r="I29255" s="8">
        <v>0</v>
      </c>
      <c r="J29255" s="8">
        <v>2040000</v>
      </c>
      <c r="K29255" s="9">
        <v>300</v>
      </c>
      <c r="L29255" s="6" t="s">
        <v>23</v>
      </c>
    </row>
    <row r="29256" spans="1:12">
      <c r="A29256" s="6" t="s">
        <v>30120</v>
      </c>
      <c r="B29256" s="6"/>
      <c r="C29256" s="6" t="s">
        <v>30124</v>
      </c>
      <c r="D29256" s="6"/>
      <c r="E29256" s="6" t="s">
        <v>9</v>
      </c>
      <c r="F29256" s="7">
        <v>38657</v>
      </c>
      <c r="G29256" s="8">
        <v>3651600</v>
      </c>
      <c r="H29256" s="8">
        <v>3651600</v>
      </c>
      <c r="I29256" s="8">
        <v>0</v>
      </c>
      <c r="J29256" s="8">
        <v>3651600</v>
      </c>
      <c r="K29256" s="9">
        <v>537</v>
      </c>
      <c r="L29256" s="6" t="s">
        <v>23</v>
      </c>
    </row>
    <row r="29257" spans="1:12">
      <c r="A29257" s="6" t="s">
        <v>30125</v>
      </c>
      <c r="B29257" s="6"/>
      <c r="C29257" s="6" t="s">
        <v>30126</v>
      </c>
      <c r="D29257" s="6"/>
      <c r="E29257" s="6" t="s">
        <v>9</v>
      </c>
      <c r="F29257" s="7">
        <v>38657</v>
      </c>
      <c r="G29257" s="8">
        <v>17450400</v>
      </c>
      <c r="H29257" s="8">
        <v>17450400</v>
      </c>
      <c r="I29257" s="8">
        <v>0</v>
      </c>
      <c r="J29257" s="8">
        <v>17450400</v>
      </c>
      <c r="K29257" s="9">
        <v>1322</v>
      </c>
      <c r="L29257" s="6" t="s">
        <v>10</v>
      </c>
    </row>
    <row r="29258" spans="1:12">
      <c r="A29258" s="6" t="s">
        <v>30125</v>
      </c>
      <c r="B29258" s="6"/>
      <c r="C29258" s="6" t="s">
        <v>30127</v>
      </c>
      <c r="D29258" s="6"/>
      <c r="E29258" s="6" t="s">
        <v>9</v>
      </c>
      <c r="F29258" s="7">
        <v>38657</v>
      </c>
      <c r="G29258" s="8">
        <v>17450400</v>
      </c>
      <c r="H29258" s="8">
        <v>17450400</v>
      </c>
      <c r="I29258" s="8">
        <v>0</v>
      </c>
      <c r="J29258" s="8">
        <v>17450400</v>
      </c>
      <c r="K29258" s="9">
        <v>1322</v>
      </c>
      <c r="L29258" s="6" t="s">
        <v>10</v>
      </c>
    </row>
    <row r="29259" spans="1:12">
      <c r="A29259" s="6" t="s">
        <v>30128</v>
      </c>
      <c r="B29259" s="6"/>
      <c r="C29259" s="6" t="s">
        <v>30129</v>
      </c>
      <c r="D29259" s="6"/>
      <c r="E29259" s="6" t="s">
        <v>9</v>
      </c>
      <c r="F29259" s="7">
        <v>38657</v>
      </c>
      <c r="G29259" s="8">
        <v>128785750</v>
      </c>
      <c r="H29259" s="8">
        <v>128785750</v>
      </c>
      <c r="I29259" s="8">
        <v>0</v>
      </c>
      <c r="J29259" s="8">
        <v>128785750</v>
      </c>
      <c r="K29259" s="9">
        <v>10302.86</v>
      </c>
      <c r="L29259" s="6" t="s">
        <v>10</v>
      </c>
    </row>
    <row r="29260" spans="1:12">
      <c r="A29260" s="6" t="s">
        <v>30128</v>
      </c>
      <c r="B29260" s="6"/>
      <c r="C29260" s="6" t="s">
        <v>30130</v>
      </c>
      <c r="D29260" s="6"/>
      <c r="E29260" s="6" t="s">
        <v>9</v>
      </c>
      <c r="F29260" s="7">
        <v>38657</v>
      </c>
      <c r="G29260" s="8">
        <v>40977125</v>
      </c>
      <c r="H29260" s="8">
        <v>40977125</v>
      </c>
      <c r="I29260" s="8">
        <v>0</v>
      </c>
      <c r="J29260" s="8">
        <v>40977125</v>
      </c>
      <c r="K29260" s="9">
        <v>3278.17</v>
      </c>
      <c r="L29260" s="6" t="s">
        <v>10</v>
      </c>
    </row>
    <row r="29261" spans="1:12">
      <c r="A29261" s="6" t="s">
        <v>30128</v>
      </c>
      <c r="B29261" s="6"/>
      <c r="C29261" s="6" t="s">
        <v>30131</v>
      </c>
      <c r="D29261" s="6"/>
      <c r="E29261" s="6" t="s">
        <v>9</v>
      </c>
      <c r="F29261" s="7">
        <v>38657</v>
      </c>
      <c r="G29261" s="8">
        <v>225356000</v>
      </c>
      <c r="H29261" s="8">
        <v>225356000</v>
      </c>
      <c r="I29261" s="8">
        <v>0</v>
      </c>
      <c r="J29261" s="8">
        <v>225356000</v>
      </c>
      <c r="K29261" s="9">
        <v>18028.48</v>
      </c>
      <c r="L29261" s="6" t="s">
        <v>10</v>
      </c>
    </row>
    <row r="29262" spans="1:12">
      <c r="A29262" s="6" t="s">
        <v>30128</v>
      </c>
      <c r="B29262" s="6"/>
      <c r="C29262" s="6" t="s">
        <v>30132</v>
      </c>
      <c r="D29262" s="6"/>
      <c r="E29262" s="6" t="s">
        <v>9</v>
      </c>
      <c r="F29262" s="7">
        <v>38657</v>
      </c>
      <c r="G29262" s="8">
        <v>1961125</v>
      </c>
      <c r="H29262" s="8">
        <v>1961125</v>
      </c>
      <c r="I29262" s="8">
        <v>0</v>
      </c>
      <c r="J29262" s="8">
        <v>1961125</v>
      </c>
      <c r="K29262" s="9">
        <v>156.88999999999899</v>
      </c>
      <c r="L29262" s="6" t="s">
        <v>10</v>
      </c>
    </row>
    <row r="29263" spans="1:12">
      <c r="A29263" s="6" t="s">
        <v>30128</v>
      </c>
      <c r="B29263" s="6"/>
      <c r="C29263" s="6" t="s">
        <v>30133</v>
      </c>
      <c r="D29263" s="6"/>
      <c r="E29263" s="6" t="s">
        <v>9</v>
      </c>
      <c r="F29263" s="7">
        <v>38657</v>
      </c>
      <c r="G29263" s="8">
        <v>3107500</v>
      </c>
      <c r="H29263" s="8">
        <v>3107500</v>
      </c>
      <c r="I29263" s="8">
        <v>0</v>
      </c>
      <c r="J29263" s="8">
        <v>3107500</v>
      </c>
      <c r="K29263" s="9">
        <v>248.6</v>
      </c>
      <c r="L29263" s="6" t="s">
        <v>10</v>
      </c>
    </row>
    <row r="29264" spans="1:12">
      <c r="A29264" s="6" t="s">
        <v>30134</v>
      </c>
      <c r="B29264" s="6"/>
      <c r="C29264" s="6" t="s">
        <v>30135</v>
      </c>
      <c r="D29264" s="6"/>
      <c r="E29264" s="6" t="s">
        <v>9</v>
      </c>
      <c r="F29264" s="7">
        <v>38657</v>
      </c>
      <c r="G29264" s="8">
        <v>7448184</v>
      </c>
      <c r="H29264" s="8">
        <v>7448184</v>
      </c>
      <c r="I29264" s="8">
        <v>0</v>
      </c>
      <c r="J29264" s="8">
        <v>7448184</v>
      </c>
      <c r="K29264" s="9">
        <v>1457</v>
      </c>
      <c r="L29264" s="6" t="s">
        <v>23</v>
      </c>
    </row>
    <row r="29265" spans="1:12">
      <c r="A29265" s="6" t="s">
        <v>30134</v>
      </c>
      <c r="B29265" s="6"/>
      <c r="C29265" s="6" t="s">
        <v>30136</v>
      </c>
      <c r="D29265" s="6"/>
      <c r="E29265" s="6" t="s">
        <v>9</v>
      </c>
      <c r="F29265" s="7">
        <v>38657</v>
      </c>
      <c r="G29265" s="8">
        <v>1431360</v>
      </c>
      <c r="H29265" s="8">
        <v>1431360</v>
      </c>
      <c r="I29265" s="8">
        <v>0</v>
      </c>
      <c r="J29265" s="8">
        <v>1431360</v>
      </c>
      <c r="K29265" s="9">
        <v>280</v>
      </c>
      <c r="L29265" s="6" t="s">
        <v>23</v>
      </c>
    </row>
    <row r="29266" spans="1:12">
      <c r="A29266" s="6" t="s">
        <v>30134</v>
      </c>
      <c r="B29266" s="6"/>
      <c r="C29266" s="6" t="s">
        <v>30137</v>
      </c>
      <c r="D29266" s="6"/>
      <c r="E29266" s="6" t="s">
        <v>9</v>
      </c>
      <c r="F29266" s="7">
        <v>38657</v>
      </c>
      <c r="G29266" s="8">
        <v>38559816</v>
      </c>
      <c r="H29266" s="8">
        <v>38559816</v>
      </c>
      <c r="I29266" s="8">
        <v>0</v>
      </c>
      <c r="J29266" s="8">
        <v>38559816</v>
      </c>
      <c r="K29266" s="9">
        <v>7543</v>
      </c>
      <c r="L29266" s="6" t="s">
        <v>23</v>
      </c>
    </row>
    <row r="29267" spans="1:12">
      <c r="A29267" s="6" t="s">
        <v>30134</v>
      </c>
      <c r="B29267" s="6"/>
      <c r="C29267" s="6" t="s">
        <v>30138</v>
      </c>
      <c r="D29267" s="6"/>
      <c r="E29267" s="6" t="s">
        <v>9</v>
      </c>
      <c r="F29267" s="7">
        <v>38657</v>
      </c>
      <c r="G29267" s="8">
        <v>17253000</v>
      </c>
      <c r="H29267" s="8">
        <v>17253000</v>
      </c>
      <c r="I29267" s="8">
        <v>0</v>
      </c>
      <c r="J29267" s="8">
        <v>17253000</v>
      </c>
      <c r="K29267" s="9">
        <v>3375</v>
      </c>
      <c r="L29267" s="6" t="s">
        <v>23</v>
      </c>
    </row>
    <row r="29268" spans="1:12">
      <c r="A29268" s="6" t="s">
        <v>30134</v>
      </c>
      <c r="B29268" s="6"/>
      <c r="C29268" s="6" t="s">
        <v>30139</v>
      </c>
      <c r="D29268" s="6"/>
      <c r="E29268" s="6" t="s">
        <v>9</v>
      </c>
      <c r="F29268" s="7">
        <v>38657</v>
      </c>
      <c r="G29268" s="8">
        <v>32951952</v>
      </c>
      <c r="H29268" s="8">
        <v>32951952</v>
      </c>
      <c r="I29268" s="8">
        <v>0</v>
      </c>
      <c r="J29268" s="8">
        <v>32951952</v>
      </c>
      <c r="K29268" s="9">
        <v>6446</v>
      </c>
      <c r="L29268" s="6" t="s">
        <v>23</v>
      </c>
    </row>
    <row r="29269" spans="1:12">
      <c r="A29269" s="6" t="s">
        <v>30134</v>
      </c>
      <c r="B29269" s="6"/>
      <c r="C29269" s="6" t="s">
        <v>30140</v>
      </c>
      <c r="D29269" s="6"/>
      <c r="E29269" s="6" t="s">
        <v>9</v>
      </c>
      <c r="F29269" s="7">
        <v>38657</v>
      </c>
      <c r="G29269" s="8">
        <v>32527656</v>
      </c>
      <c r="H29269" s="8">
        <v>32527656</v>
      </c>
      <c r="I29269" s="8">
        <v>0</v>
      </c>
      <c r="J29269" s="8">
        <v>32527656</v>
      </c>
      <c r="K29269" s="9">
        <v>6363</v>
      </c>
      <c r="L29269" s="6" t="s">
        <v>23</v>
      </c>
    </row>
    <row r="29270" spans="1:12">
      <c r="A29270" s="6" t="s">
        <v>30134</v>
      </c>
      <c r="B29270" s="6"/>
      <c r="C29270" s="6" t="s">
        <v>30141</v>
      </c>
      <c r="D29270" s="6"/>
      <c r="E29270" s="6" t="s">
        <v>9</v>
      </c>
      <c r="F29270" s="7">
        <v>38657</v>
      </c>
      <c r="G29270" s="8">
        <v>31024728</v>
      </c>
      <c r="H29270" s="8">
        <v>31024728</v>
      </c>
      <c r="I29270" s="8">
        <v>0</v>
      </c>
      <c r="J29270" s="8">
        <v>31024728</v>
      </c>
      <c r="K29270" s="9">
        <v>6069</v>
      </c>
      <c r="L29270" s="6" t="s">
        <v>23</v>
      </c>
    </row>
    <row r="29271" spans="1:12">
      <c r="A29271" s="6" t="s">
        <v>30134</v>
      </c>
      <c r="B29271" s="6"/>
      <c r="C29271" s="6" t="s">
        <v>30142</v>
      </c>
      <c r="D29271" s="6"/>
      <c r="E29271" s="6" t="s">
        <v>9</v>
      </c>
      <c r="F29271" s="7">
        <v>38657</v>
      </c>
      <c r="G29271" s="8">
        <v>28979928</v>
      </c>
      <c r="H29271" s="8">
        <v>28979928</v>
      </c>
      <c r="I29271" s="8">
        <v>0</v>
      </c>
      <c r="J29271" s="8">
        <v>28979928</v>
      </c>
      <c r="K29271" s="9">
        <v>5669</v>
      </c>
      <c r="L29271" s="6" t="s">
        <v>23</v>
      </c>
    </row>
    <row r="29272" spans="1:12">
      <c r="A29272" s="6" t="s">
        <v>30134</v>
      </c>
      <c r="B29272" s="6"/>
      <c r="C29272" s="6" t="s">
        <v>30143</v>
      </c>
      <c r="D29272" s="6"/>
      <c r="E29272" s="6" t="s">
        <v>9</v>
      </c>
      <c r="F29272" s="7">
        <v>38657</v>
      </c>
      <c r="G29272" s="8">
        <v>35150112</v>
      </c>
      <c r="H29272" s="8">
        <v>35150112</v>
      </c>
      <c r="I29272" s="8">
        <v>0</v>
      </c>
      <c r="J29272" s="8">
        <v>35150112</v>
      </c>
      <c r="K29272" s="9">
        <v>6876</v>
      </c>
      <c r="L29272" s="6" t="s">
        <v>23</v>
      </c>
    </row>
    <row r="29273" spans="1:12">
      <c r="A29273" s="6" t="s">
        <v>30144</v>
      </c>
      <c r="B29273" s="6"/>
      <c r="C29273" s="6" t="s">
        <v>30145</v>
      </c>
      <c r="D29273" s="6"/>
      <c r="E29273" s="6" t="s">
        <v>9</v>
      </c>
      <c r="F29273" s="7">
        <v>38657</v>
      </c>
      <c r="G29273" s="8">
        <v>694618</v>
      </c>
      <c r="H29273" s="8">
        <v>694618</v>
      </c>
      <c r="I29273" s="8">
        <v>0</v>
      </c>
      <c r="J29273" s="8">
        <v>694618</v>
      </c>
      <c r="K29273" s="9">
        <v>135.88</v>
      </c>
      <c r="L29273" s="6" t="s">
        <v>14</v>
      </c>
    </row>
    <row r="29274" spans="1:12">
      <c r="A29274" s="6" t="s">
        <v>30144</v>
      </c>
      <c r="B29274" s="6"/>
      <c r="C29274" s="6" t="s">
        <v>30146</v>
      </c>
      <c r="D29274" s="6"/>
      <c r="E29274" s="6" t="s">
        <v>9</v>
      </c>
      <c r="F29274" s="7">
        <v>38657</v>
      </c>
      <c r="G29274" s="8">
        <v>1429877</v>
      </c>
      <c r="H29274" s="8">
        <v>1429877</v>
      </c>
      <c r="I29274" s="8">
        <v>0</v>
      </c>
      <c r="J29274" s="8">
        <v>1429877</v>
      </c>
      <c r="K29274" s="9">
        <v>279.70999999999901</v>
      </c>
      <c r="L29274" s="6" t="s">
        <v>14</v>
      </c>
    </row>
    <row r="29275" spans="1:12">
      <c r="A29275" s="6" t="s">
        <v>30147</v>
      </c>
      <c r="B29275" s="6"/>
      <c r="C29275" s="6" t="s">
        <v>30148</v>
      </c>
      <c r="D29275" s="6"/>
      <c r="E29275" s="6" t="s">
        <v>18740</v>
      </c>
      <c r="F29275" s="7">
        <v>40266</v>
      </c>
      <c r="G29275" s="8">
        <v>2039688</v>
      </c>
      <c r="H29275" s="8">
        <v>2039688</v>
      </c>
      <c r="I29275" s="8">
        <v>0</v>
      </c>
      <c r="J29275" s="8">
        <v>2039688</v>
      </c>
      <c r="K29275" s="9">
        <v>399</v>
      </c>
      <c r="L29275" s="6" t="s">
        <v>23</v>
      </c>
    </row>
    <row r="29276" spans="1:12">
      <c r="A29276" s="6" t="s">
        <v>28121</v>
      </c>
      <c r="B29276" s="6"/>
      <c r="C29276" s="6" t="s">
        <v>30149</v>
      </c>
      <c r="D29276" s="6"/>
      <c r="E29276" s="6" t="s">
        <v>9</v>
      </c>
      <c r="F29276" s="7">
        <v>41365</v>
      </c>
      <c r="G29276" s="8">
        <v>2198175</v>
      </c>
      <c r="H29276" s="8">
        <v>2198175</v>
      </c>
      <c r="I29276" s="8">
        <v>0</v>
      </c>
      <c r="J29276" s="8">
        <v>2198175</v>
      </c>
      <c r="K29276" s="9">
        <v>125.61</v>
      </c>
      <c r="L29276" s="6" t="s">
        <v>10</v>
      </c>
    </row>
    <row r="29277" spans="1:12">
      <c r="A29277" s="6" t="s">
        <v>28121</v>
      </c>
      <c r="B29277" s="6"/>
      <c r="C29277" s="6" t="s">
        <v>30150</v>
      </c>
      <c r="D29277" s="6"/>
      <c r="E29277" s="6" t="s">
        <v>9</v>
      </c>
      <c r="F29277" s="7">
        <v>41365</v>
      </c>
      <c r="G29277" s="8">
        <v>374850</v>
      </c>
      <c r="H29277" s="8">
        <v>374850</v>
      </c>
      <c r="I29277" s="8">
        <v>0</v>
      </c>
      <c r="J29277" s="8">
        <v>374850</v>
      </c>
      <c r="K29277" s="9">
        <v>29.75</v>
      </c>
      <c r="L29277" s="6" t="s">
        <v>10</v>
      </c>
    </row>
    <row r="29278" spans="1:12">
      <c r="A29278" s="6" t="s">
        <v>28121</v>
      </c>
      <c r="B29278" s="6"/>
      <c r="C29278" s="6" t="s">
        <v>30151</v>
      </c>
      <c r="D29278" s="6"/>
      <c r="E29278" s="6" t="s">
        <v>9</v>
      </c>
      <c r="F29278" s="7">
        <v>41365</v>
      </c>
      <c r="G29278" s="8">
        <v>541422</v>
      </c>
      <c r="H29278" s="8">
        <v>541422</v>
      </c>
      <c r="I29278" s="8">
        <v>0</v>
      </c>
      <c r="J29278" s="8">
        <v>541422</v>
      </c>
      <c r="K29278" s="9">
        <v>42.97</v>
      </c>
      <c r="L29278" s="6" t="s">
        <v>10</v>
      </c>
    </row>
    <row r="29279" spans="1:12">
      <c r="A29279" s="6" t="s">
        <v>28121</v>
      </c>
      <c r="B29279" s="6"/>
      <c r="C29279" s="6" t="s">
        <v>30152</v>
      </c>
      <c r="D29279" s="6"/>
      <c r="E29279" s="6" t="s">
        <v>9</v>
      </c>
      <c r="F29279" s="7"/>
      <c r="G29279" s="8">
        <v>126912</v>
      </c>
      <c r="H29279" s="8">
        <v>126912</v>
      </c>
      <c r="I29279" s="8">
        <v>0</v>
      </c>
      <c r="J29279" s="8">
        <v>126912</v>
      </c>
      <c r="K29279" s="9">
        <v>13.22</v>
      </c>
      <c r="L29279" s="6" t="s">
        <v>10</v>
      </c>
    </row>
    <row r="29280" spans="1:12">
      <c r="A29280" s="6" t="s">
        <v>28121</v>
      </c>
      <c r="B29280" s="6"/>
      <c r="C29280" s="6" t="s">
        <v>30153</v>
      </c>
      <c r="D29280" s="6"/>
      <c r="E29280" s="6" t="s">
        <v>9</v>
      </c>
      <c r="F29280" s="7"/>
      <c r="G29280" s="8">
        <v>63456</v>
      </c>
      <c r="H29280" s="8">
        <v>63456</v>
      </c>
      <c r="I29280" s="8">
        <v>0</v>
      </c>
      <c r="J29280" s="8">
        <v>63456</v>
      </c>
      <c r="K29280" s="9">
        <v>6.61</v>
      </c>
      <c r="L29280" s="6" t="s">
        <v>10</v>
      </c>
    </row>
    <row r="29281" spans="1:12">
      <c r="A29281" s="6" t="s">
        <v>28121</v>
      </c>
      <c r="B29281" s="6"/>
      <c r="C29281" s="6" t="s">
        <v>30154</v>
      </c>
      <c r="D29281" s="6"/>
      <c r="E29281" s="6" t="s">
        <v>9</v>
      </c>
      <c r="F29281" s="7"/>
      <c r="G29281" s="8">
        <v>95136</v>
      </c>
      <c r="H29281" s="8">
        <v>95136</v>
      </c>
      <c r="I29281" s="8">
        <v>0</v>
      </c>
      <c r="J29281" s="8">
        <v>95136</v>
      </c>
      <c r="K29281" s="9">
        <v>9.91</v>
      </c>
      <c r="L29281" s="6" t="s">
        <v>10</v>
      </c>
    </row>
    <row r="29282" spans="1:12">
      <c r="A29282" s="6" t="s">
        <v>28121</v>
      </c>
      <c r="B29282" s="6"/>
      <c r="C29282" s="6" t="s">
        <v>30155</v>
      </c>
      <c r="D29282" s="6"/>
      <c r="E29282" s="6" t="s">
        <v>9</v>
      </c>
      <c r="F29282" s="7">
        <v>41985</v>
      </c>
      <c r="G29282" s="8">
        <v>95136</v>
      </c>
      <c r="H29282" s="8">
        <v>95136</v>
      </c>
      <c r="I29282" s="8">
        <v>0</v>
      </c>
      <c r="J29282" s="8">
        <v>95136</v>
      </c>
      <c r="K29282" s="9">
        <v>9.91</v>
      </c>
      <c r="L29282" s="6" t="s">
        <v>10</v>
      </c>
    </row>
    <row r="29283" spans="1:12">
      <c r="A29283" s="6" t="s">
        <v>28121</v>
      </c>
      <c r="B29283" s="6"/>
      <c r="C29283" s="6" t="s">
        <v>30156</v>
      </c>
      <c r="D29283" s="6"/>
      <c r="E29283" s="6" t="s">
        <v>9</v>
      </c>
      <c r="F29283" s="7">
        <v>41985</v>
      </c>
      <c r="G29283" s="8">
        <v>222144</v>
      </c>
      <c r="H29283" s="8">
        <v>222144</v>
      </c>
      <c r="I29283" s="8">
        <v>0</v>
      </c>
      <c r="J29283" s="8">
        <v>222144</v>
      </c>
      <c r="K29283" s="9">
        <v>23.14</v>
      </c>
      <c r="L29283" s="6" t="s">
        <v>10</v>
      </c>
    </row>
    <row r="29284" spans="1:12">
      <c r="A29284" s="6" t="s">
        <v>28121</v>
      </c>
      <c r="B29284" s="6"/>
      <c r="C29284" s="6" t="s">
        <v>30157</v>
      </c>
      <c r="D29284" s="6"/>
      <c r="E29284" s="6" t="s">
        <v>9</v>
      </c>
      <c r="F29284" s="7">
        <v>43446</v>
      </c>
      <c r="G29284" s="8">
        <v>1</v>
      </c>
      <c r="H29284" s="8">
        <v>1</v>
      </c>
      <c r="I29284" s="8">
        <v>0</v>
      </c>
      <c r="J29284" s="8">
        <v>1</v>
      </c>
      <c r="K29284" s="9">
        <v>19.829999999999899</v>
      </c>
      <c r="L29284" s="6" t="s">
        <v>10</v>
      </c>
    </row>
    <row r="29285" spans="1:12">
      <c r="A29285" s="6" t="s">
        <v>28121</v>
      </c>
      <c r="B29285" s="6"/>
      <c r="C29285" s="6" t="s">
        <v>30158</v>
      </c>
      <c r="D29285" s="6"/>
      <c r="E29285" s="6" t="s">
        <v>9</v>
      </c>
      <c r="F29285" s="7">
        <v>43633</v>
      </c>
      <c r="G29285" s="8">
        <v>1</v>
      </c>
      <c r="H29285" s="8">
        <v>1</v>
      </c>
      <c r="I29285" s="8">
        <v>0</v>
      </c>
      <c r="J29285" s="8">
        <v>1</v>
      </c>
      <c r="K29285" s="9">
        <v>62.8</v>
      </c>
      <c r="L29285" s="6" t="s">
        <v>10</v>
      </c>
    </row>
    <row r="29286" spans="1:12">
      <c r="A29286" s="6" t="s">
        <v>30159</v>
      </c>
      <c r="B29286" s="6"/>
      <c r="C29286" s="6" t="s">
        <v>30160</v>
      </c>
      <c r="D29286" s="6"/>
      <c r="E29286" s="6" t="s">
        <v>18740</v>
      </c>
      <c r="F29286" s="7">
        <v>40266</v>
      </c>
      <c r="G29286" s="8">
        <v>1027512</v>
      </c>
      <c r="H29286" s="8">
        <v>1027512</v>
      </c>
      <c r="I29286" s="8">
        <v>0</v>
      </c>
      <c r="J29286" s="8">
        <v>1027512</v>
      </c>
      <c r="K29286" s="9">
        <v>201</v>
      </c>
      <c r="L29286" s="6" t="s">
        <v>23</v>
      </c>
    </row>
    <row r="29287" spans="1:12">
      <c r="A29287" s="6" t="s">
        <v>30161</v>
      </c>
      <c r="B29287" s="6"/>
      <c r="C29287" s="6" t="s">
        <v>30162</v>
      </c>
      <c r="D29287" s="6"/>
      <c r="E29287" s="6" t="s">
        <v>9</v>
      </c>
      <c r="F29287" s="7">
        <v>38657</v>
      </c>
      <c r="G29287" s="8">
        <v>11162512</v>
      </c>
      <c r="H29287" s="8">
        <v>11162512</v>
      </c>
      <c r="I29287" s="8">
        <v>0</v>
      </c>
      <c r="J29287" s="8">
        <v>11162512</v>
      </c>
      <c r="K29287" s="9">
        <v>914.96</v>
      </c>
      <c r="L29287" s="6" t="s">
        <v>10</v>
      </c>
    </row>
    <row r="29288" spans="1:12">
      <c r="A29288" s="6" t="s">
        <v>30163</v>
      </c>
      <c r="B29288" s="6"/>
      <c r="C29288" s="6" t="s">
        <v>30164</v>
      </c>
      <c r="D29288" s="6"/>
      <c r="E29288" s="6" t="s">
        <v>18740</v>
      </c>
      <c r="F29288" s="7">
        <v>43259</v>
      </c>
      <c r="G29288" s="8">
        <v>1</v>
      </c>
      <c r="H29288" s="8">
        <v>1</v>
      </c>
      <c r="I29288" s="8">
        <v>0</v>
      </c>
      <c r="J29288" s="8">
        <v>1</v>
      </c>
      <c r="K29288" s="9">
        <v>228.61</v>
      </c>
      <c r="L29288" s="6" t="s">
        <v>10</v>
      </c>
    </row>
    <row r="29289" spans="1:12">
      <c r="A29289" s="6" t="s">
        <v>30165</v>
      </c>
      <c r="B29289" s="6"/>
      <c r="C29289" s="6" t="s">
        <v>30166</v>
      </c>
      <c r="D29289" s="6"/>
      <c r="E29289" s="6" t="s">
        <v>9</v>
      </c>
      <c r="F29289" s="7">
        <v>43410</v>
      </c>
      <c r="G29289" s="8">
        <v>1</v>
      </c>
      <c r="H29289" s="8">
        <v>1</v>
      </c>
      <c r="I29289" s="8">
        <v>0</v>
      </c>
      <c r="J29289" s="8">
        <v>1</v>
      </c>
      <c r="K29289" s="9">
        <v>10</v>
      </c>
      <c r="L29289" s="6" t="s">
        <v>51</v>
      </c>
    </row>
    <row r="29290" spans="1:12">
      <c r="A29290" s="6" t="s">
        <v>30165</v>
      </c>
      <c r="B29290" s="6"/>
      <c r="C29290" s="6" t="s">
        <v>30167</v>
      </c>
      <c r="D29290" s="6"/>
      <c r="E29290" s="6" t="s">
        <v>9</v>
      </c>
      <c r="F29290" s="7">
        <v>43410</v>
      </c>
      <c r="G29290" s="8">
        <v>1</v>
      </c>
      <c r="H29290" s="8">
        <v>1</v>
      </c>
      <c r="I29290" s="8">
        <v>0</v>
      </c>
      <c r="J29290" s="8">
        <v>1</v>
      </c>
      <c r="K29290" s="9">
        <v>6.91</v>
      </c>
      <c r="L29290" s="6" t="s">
        <v>51</v>
      </c>
    </row>
    <row r="29291" spans="1:12">
      <c r="A29291" s="6" t="s">
        <v>30168</v>
      </c>
      <c r="B29291" s="6"/>
      <c r="C29291" s="6" t="s">
        <v>30169</v>
      </c>
      <c r="D29291" s="6"/>
      <c r="E29291" s="6" t="s">
        <v>9</v>
      </c>
      <c r="F29291" s="7">
        <v>43459</v>
      </c>
      <c r="G29291" s="8">
        <v>2694024</v>
      </c>
      <c r="H29291" s="8">
        <v>2694024</v>
      </c>
      <c r="I29291" s="8">
        <v>0</v>
      </c>
      <c r="J29291" s="8">
        <v>2694024</v>
      </c>
      <c r="K29291" s="9">
        <v>527</v>
      </c>
      <c r="L29291" s="6" t="s">
        <v>14</v>
      </c>
    </row>
    <row r="29292" spans="1:12">
      <c r="A29292" s="6" t="s">
        <v>30170</v>
      </c>
      <c r="B29292" s="6"/>
      <c r="C29292" s="6" t="s">
        <v>30171</v>
      </c>
      <c r="D29292" s="6"/>
      <c r="E29292" s="6" t="s">
        <v>9</v>
      </c>
      <c r="F29292" s="7">
        <v>43459</v>
      </c>
      <c r="G29292" s="8">
        <v>2402640</v>
      </c>
      <c r="H29292" s="8">
        <v>2402640</v>
      </c>
      <c r="I29292" s="8">
        <v>0</v>
      </c>
      <c r="J29292" s="8">
        <v>2402640</v>
      </c>
      <c r="K29292" s="9">
        <v>470</v>
      </c>
      <c r="L29292" s="6" t="s">
        <v>14</v>
      </c>
    </row>
    <row r="29293" spans="1:12">
      <c r="A29293" s="6" t="s">
        <v>30172</v>
      </c>
      <c r="B29293" s="6"/>
      <c r="C29293" s="6" t="s">
        <v>30173</v>
      </c>
      <c r="D29293" s="6"/>
      <c r="E29293" s="6" t="s">
        <v>18740</v>
      </c>
      <c r="F29293" s="7">
        <v>43451</v>
      </c>
      <c r="G29293" s="8">
        <v>56232</v>
      </c>
      <c r="H29293" s="8">
        <v>56232</v>
      </c>
      <c r="I29293" s="8">
        <v>0</v>
      </c>
      <c r="J29293" s="8">
        <v>56232</v>
      </c>
      <c r="K29293" s="9">
        <v>11</v>
      </c>
      <c r="L29293" s="6" t="s">
        <v>23</v>
      </c>
    </row>
    <row r="29294" spans="1:12">
      <c r="A29294" s="6" t="s">
        <v>30172</v>
      </c>
      <c r="B29294" s="6"/>
      <c r="C29294" s="6" t="s">
        <v>30174</v>
      </c>
      <c r="D29294" s="6"/>
      <c r="E29294" s="6" t="s">
        <v>18740</v>
      </c>
      <c r="F29294" s="7">
        <v>43451</v>
      </c>
      <c r="G29294" s="8">
        <v>291384</v>
      </c>
      <c r="H29294" s="8">
        <v>291384</v>
      </c>
      <c r="I29294" s="8">
        <v>0</v>
      </c>
      <c r="J29294" s="8">
        <v>291384</v>
      </c>
      <c r="K29294" s="9">
        <v>57</v>
      </c>
      <c r="L29294" s="6" t="s">
        <v>23</v>
      </c>
    </row>
    <row r="29295" spans="1:12">
      <c r="A29295" s="6" t="s">
        <v>30172</v>
      </c>
      <c r="B29295" s="6"/>
      <c r="C29295" s="6" t="s">
        <v>30175</v>
      </c>
      <c r="D29295" s="6"/>
      <c r="E29295" s="6" t="s">
        <v>18740</v>
      </c>
      <c r="F29295" s="7">
        <v>43451</v>
      </c>
      <c r="G29295" s="8">
        <v>250488</v>
      </c>
      <c r="H29295" s="8">
        <v>250488</v>
      </c>
      <c r="I29295" s="8">
        <v>0</v>
      </c>
      <c r="J29295" s="8">
        <v>250488</v>
      </c>
      <c r="K29295" s="9">
        <v>49</v>
      </c>
      <c r="L29295" s="6" t="s">
        <v>23</v>
      </c>
    </row>
    <row r="29296" spans="1:12">
      <c r="A29296" s="6" t="s">
        <v>30172</v>
      </c>
      <c r="B29296" s="6"/>
      <c r="C29296" s="6" t="s">
        <v>30176</v>
      </c>
      <c r="D29296" s="6"/>
      <c r="E29296" s="6" t="s">
        <v>18740</v>
      </c>
      <c r="F29296" s="7">
        <v>43451</v>
      </c>
      <c r="G29296" s="8">
        <v>29496</v>
      </c>
      <c r="H29296" s="8">
        <v>29496</v>
      </c>
      <c r="I29296" s="8">
        <v>0</v>
      </c>
      <c r="J29296" s="8">
        <v>29496</v>
      </c>
      <c r="K29296" s="9">
        <v>5.77</v>
      </c>
      <c r="L29296" s="6" t="s">
        <v>23</v>
      </c>
    </row>
    <row r="29297" spans="1:12">
      <c r="A29297" s="6" t="s">
        <v>30177</v>
      </c>
      <c r="B29297" s="6"/>
      <c r="C29297" s="6" t="s">
        <v>30178</v>
      </c>
      <c r="D29297" s="6"/>
      <c r="E29297" s="6" t="s">
        <v>9</v>
      </c>
      <c r="F29297" s="7">
        <v>43535</v>
      </c>
      <c r="G29297" s="8">
        <v>156800</v>
      </c>
      <c r="H29297" s="8">
        <v>156800</v>
      </c>
      <c r="I29297" s="8">
        <v>0</v>
      </c>
      <c r="J29297" s="8">
        <v>156800</v>
      </c>
      <c r="K29297" s="9">
        <v>22.4</v>
      </c>
      <c r="L29297" s="6" t="s">
        <v>23</v>
      </c>
    </row>
    <row r="29298" spans="1:12">
      <c r="A29298" s="6" t="s">
        <v>30179</v>
      </c>
      <c r="B29298" s="6"/>
      <c r="C29298" s="6" t="s">
        <v>30180</v>
      </c>
      <c r="D29298" s="6" t="s">
        <v>30181</v>
      </c>
      <c r="E29298" s="6" t="s">
        <v>9</v>
      </c>
      <c r="F29298" s="7"/>
      <c r="G29298" s="8">
        <v>0</v>
      </c>
      <c r="H29298" s="8">
        <v>0</v>
      </c>
      <c r="I29298" s="8">
        <v>0</v>
      </c>
      <c r="J29298" s="8">
        <v>3</v>
      </c>
      <c r="K29298" s="9"/>
      <c r="L29298" s="6"/>
    </row>
    <row r="29299" spans="1:12">
      <c r="A29299" s="6" t="s">
        <v>30179</v>
      </c>
      <c r="B29299" s="6"/>
      <c r="C29299" s="6" t="s">
        <v>30182</v>
      </c>
      <c r="D29299" s="6"/>
      <c r="E29299" s="6" t="s">
        <v>9</v>
      </c>
      <c r="F29299" s="7">
        <v>43663</v>
      </c>
      <c r="G29299" s="8">
        <v>1</v>
      </c>
      <c r="H29299" s="8">
        <v>1</v>
      </c>
      <c r="I29299" s="8">
        <v>0</v>
      </c>
      <c r="J29299" s="8">
        <v>1</v>
      </c>
      <c r="K29299" s="9">
        <v>1761</v>
      </c>
      <c r="L29299" s="6" t="s">
        <v>4773</v>
      </c>
    </row>
    <row r="29300" spans="1:12">
      <c r="A29300" s="6" t="s">
        <v>30179</v>
      </c>
      <c r="B29300" s="6"/>
      <c r="C29300" s="6" t="s">
        <v>30182</v>
      </c>
      <c r="D29300" s="6" t="s">
        <v>30183</v>
      </c>
      <c r="E29300" s="6" t="s">
        <v>9</v>
      </c>
      <c r="F29300" s="7"/>
      <c r="G29300" s="8">
        <v>0</v>
      </c>
      <c r="H29300" s="8">
        <v>0</v>
      </c>
      <c r="I29300" s="8">
        <v>0</v>
      </c>
      <c r="J29300" s="8">
        <v>-1</v>
      </c>
      <c r="K29300" s="9"/>
      <c r="L29300" s="6"/>
    </row>
    <row r="29301" spans="1:12">
      <c r="A29301" s="6" t="s">
        <v>30179</v>
      </c>
      <c r="B29301" s="6"/>
      <c r="C29301" s="6" t="s">
        <v>30184</v>
      </c>
      <c r="D29301" s="6"/>
      <c r="E29301" s="6" t="s">
        <v>9</v>
      </c>
      <c r="F29301" s="7">
        <v>43663</v>
      </c>
      <c r="G29301" s="8">
        <v>1</v>
      </c>
      <c r="H29301" s="8">
        <v>1</v>
      </c>
      <c r="I29301" s="8">
        <v>0</v>
      </c>
      <c r="J29301" s="8">
        <v>1</v>
      </c>
      <c r="K29301" s="9">
        <v>583</v>
      </c>
      <c r="L29301" s="6" t="s">
        <v>4773</v>
      </c>
    </row>
    <row r="29302" spans="1:12">
      <c r="A29302" s="6" t="s">
        <v>30179</v>
      </c>
      <c r="B29302" s="6"/>
      <c r="C29302" s="6" t="s">
        <v>30184</v>
      </c>
      <c r="D29302" s="6" t="s">
        <v>30185</v>
      </c>
      <c r="E29302" s="6" t="s">
        <v>9</v>
      </c>
      <c r="F29302" s="7"/>
      <c r="G29302" s="8">
        <v>0</v>
      </c>
      <c r="H29302" s="8">
        <v>0</v>
      </c>
      <c r="I29302" s="8">
        <v>0</v>
      </c>
      <c r="J29302" s="8">
        <v>-1</v>
      </c>
      <c r="K29302" s="9"/>
      <c r="L29302" s="6"/>
    </row>
    <row r="29303" spans="1:12">
      <c r="A29303" s="6" t="s">
        <v>30186</v>
      </c>
      <c r="B29303" s="6"/>
      <c r="C29303" s="6" t="s">
        <v>30187</v>
      </c>
      <c r="D29303" s="6"/>
      <c r="E29303" s="6" t="s">
        <v>9</v>
      </c>
      <c r="F29303" s="7">
        <v>43556</v>
      </c>
      <c r="G29303" s="8">
        <v>46688741</v>
      </c>
      <c r="H29303" s="8">
        <v>46688741</v>
      </c>
      <c r="I29303" s="8">
        <v>0</v>
      </c>
      <c r="J29303" s="8">
        <v>46688741</v>
      </c>
      <c r="K29303" s="9">
        <v>2935</v>
      </c>
      <c r="L29303" s="6" t="s">
        <v>10</v>
      </c>
    </row>
    <row r="29304" spans="1:12">
      <c r="A29304" s="6" t="s">
        <v>30186</v>
      </c>
      <c r="B29304" s="6"/>
      <c r="C29304" s="6" t="s">
        <v>30188</v>
      </c>
      <c r="D29304" s="6"/>
      <c r="E29304" s="6" t="s">
        <v>9</v>
      </c>
      <c r="F29304" s="7">
        <v>43556</v>
      </c>
      <c r="G29304" s="8">
        <v>47722733</v>
      </c>
      <c r="H29304" s="8">
        <v>47722733</v>
      </c>
      <c r="I29304" s="8">
        <v>0</v>
      </c>
      <c r="J29304" s="8">
        <v>47722733</v>
      </c>
      <c r="K29304" s="9">
        <v>3000</v>
      </c>
      <c r="L29304" s="6" t="s">
        <v>10</v>
      </c>
    </row>
    <row r="29305" spans="1:12">
      <c r="A29305" s="6" t="s">
        <v>30186</v>
      </c>
      <c r="B29305" s="6"/>
      <c r="C29305" s="6" t="s">
        <v>30189</v>
      </c>
      <c r="D29305" s="6"/>
      <c r="E29305" s="6" t="s">
        <v>9</v>
      </c>
      <c r="F29305" s="7">
        <v>43556</v>
      </c>
      <c r="G29305" s="8">
        <v>47722733</v>
      </c>
      <c r="H29305" s="8">
        <v>47722733</v>
      </c>
      <c r="I29305" s="8">
        <v>0</v>
      </c>
      <c r="J29305" s="8">
        <v>47722733</v>
      </c>
      <c r="K29305" s="9">
        <v>3000</v>
      </c>
      <c r="L29305" s="6" t="s">
        <v>10</v>
      </c>
    </row>
    <row r="29306" spans="1:12">
      <c r="A29306" s="6" t="s">
        <v>30186</v>
      </c>
      <c r="B29306" s="6"/>
      <c r="C29306" s="6" t="s">
        <v>30190</v>
      </c>
      <c r="D29306" s="6"/>
      <c r="E29306" s="6" t="s">
        <v>9</v>
      </c>
      <c r="F29306" s="7">
        <v>43556</v>
      </c>
      <c r="G29306" s="8">
        <v>43109536</v>
      </c>
      <c r="H29306" s="8">
        <v>43109536</v>
      </c>
      <c r="I29306" s="8">
        <v>0</v>
      </c>
      <c r="J29306" s="8">
        <v>43109536</v>
      </c>
      <c r="K29306" s="9">
        <v>2710</v>
      </c>
      <c r="L29306" s="6" t="s">
        <v>10</v>
      </c>
    </row>
    <row r="29307" spans="1:12">
      <c r="A29307" s="6" t="s">
        <v>30186</v>
      </c>
      <c r="B29307" s="6"/>
      <c r="C29307" s="6" t="s">
        <v>30191</v>
      </c>
      <c r="D29307" s="6"/>
      <c r="E29307" s="6" t="s">
        <v>9</v>
      </c>
      <c r="F29307" s="7">
        <v>43556</v>
      </c>
      <c r="G29307" s="8">
        <v>48613558</v>
      </c>
      <c r="H29307" s="8">
        <v>48613558</v>
      </c>
      <c r="I29307" s="8">
        <v>0</v>
      </c>
      <c r="J29307" s="8">
        <v>48613558</v>
      </c>
      <c r="K29307" s="9">
        <v>3056</v>
      </c>
      <c r="L29307" s="6" t="s">
        <v>10</v>
      </c>
    </row>
    <row r="29308" spans="1:12">
      <c r="A29308" s="6" t="s">
        <v>30186</v>
      </c>
      <c r="B29308" s="6"/>
      <c r="C29308" s="6" t="s">
        <v>30192</v>
      </c>
      <c r="D29308" s="6"/>
      <c r="E29308" s="6" t="s">
        <v>9</v>
      </c>
      <c r="F29308" s="7">
        <v>43556</v>
      </c>
      <c r="G29308" s="8">
        <v>42807292</v>
      </c>
      <c r="H29308" s="8">
        <v>42807292</v>
      </c>
      <c r="I29308" s="8">
        <v>0</v>
      </c>
      <c r="J29308" s="8">
        <v>42807292</v>
      </c>
      <c r="K29308" s="9">
        <v>2691</v>
      </c>
      <c r="L29308" s="6" t="s">
        <v>10</v>
      </c>
    </row>
    <row r="29309" spans="1:12">
      <c r="A29309" s="6" t="s">
        <v>30186</v>
      </c>
      <c r="B29309" s="6"/>
      <c r="C29309" s="6" t="s">
        <v>30193</v>
      </c>
      <c r="D29309" s="6"/>
      <c r="E29309" s="6" t="s">
        <v>9</v>
      </c>
      <c r="F29309" s="7">
        <v>43556</v>
      </c>
      <c r="G29309" s="8">
        <v>47929532</v>
      </c>
      <c r="H29309" s="8">
        <v>47929532</v>
      </c>
      <c r="I29309" s="8">
        <v>0</v>
      </c>
      <c r="J29309" s="8">
        <v>47929532</v>
      </c>
      <c r="K29309" s="9">
        <v>3013</v>
      </c>
      <c r="L29309" s="6" t="s">
        <v>10</v>
      </c>
    </row>
    <row r="29310" spans="1:12">
      <c r="A29310" s="6" t="s">
        <v>30194</v>
      </c>
      <c r="B29310" s="6"/>
      <c r="C29310" s="6" t="s">
        <v>30195</v>
      </c>
      <c r="D29310" s="6"/>
      <c r="E29310" s="6" t="s">
        <v>18740</v>
      </c>
      <c r="F29310" s="7">
        <v>38657</v>
      </c>
      <c r="G29310" s="8">
        <v>125461632</v>
      </c>
      <c r="H29310" s="8">
        <v>125461632</v>
      </c>
      <c r="I29310" s="8">
        <v>0</v>
      </c>
      <c r="J29310" s="8">
        <v>125461632</v>
      </c>
      <c r="K29310" s="9">
        <v>4046</v>
      </c>
      <c r="L29310" s="6" t="s">
        <v>23</v>
      </c>
    </row>
    <row r="29311" spans="1:12">
      <c r="A29311" s="6" t="s">
        <v>30194</v>
      </c>
      <c r="B29311" s="6"/>
      <c r="C29311" s="6" t="s">
        <v>30196</v>
      </c>
      <c r="D29311" s="6"/>
      <c r="E29311" s="6" t="s">
        <v>18740</v>
      </c>
      <c r="F29311" s="7">
        <v>32463</v>
      </c>
      <c r="G29311" s="8">
        <v>8705257</v>
      </c>
      <c r="H29311" s="8">
        <v>8705257</v>
      </c>
      <c r="I29311" s="8">
        <v>0</v>
      </c>
      <c r="J29311" s="8">
        <v>8705257</v>
      </c>
      <c r="K29311" s="9">
        <v>453.21</v>
      </c>
      <c r="L29311" s="6" t="s">
        <v>10</v>
      </c>
    </row>
    <row r="29312" spans="1:12">
      <c r="A29312" s="6" t="s">
        <v>30197</v>
      </c>
      <c r="B29312" s="6"/>
      <c r="C29312" s="6" t="s">
        <v>30198</v>
      </c>
      <c r="D29312" s="6"/>
      <c r="E29312" s="6" t="s">
        <v>9</v>
      </c>
      <c r="F29312" s="7">
        <v>43846</v>
      </c>
      <c r="G29312" s="8">
        <v>1</v>
      </c>
      <c r="H29312" s="8">
        <v>1</v>
      </c>
      <c r="I29312" s="8">
        <v>0</v>
      </c>
      <c r="J29312" s="8">
        <v>1</v>
      </c>
      <c r="K29312" s="9">
        <v>1.94</v>
      </c>
      <c r="L29312" s="6" t="s">
        <v>51</v>
      </c>
    </row>
    <row r="29313" spans="1:12">
      <c r="A29313" s="6" t="s">
        <v>30199</v>
      </c>
      <c r="B29313" s="6"/>
      <c r="C29313" s="6" t="s">
        <v>30200</v>
      </c>
      <c r="D29313" s="6"/>
      <c r="E29313" s="6" t="s">
        <v>9</v>
      </c>
      <c r="F29313" s="7">
        <v>43448</v>
      </c>
      <c r="G29313" s="8">
        <v>1</v>
      </c>
      <c r="H29313" s="8">
        <v>1</v>
      </c>
      <c r="I29313" s="8">
        <v>0</v>
      </c>
      <c r="J29313" s="8">
        <v>1</v>
      </c>
      <c r="K29313" s="9">
        <v>82</v>
      </c>
      <c r="L29313" s="6" t="s">
        <v>14</v>
      </c>
    </row>
    <row r="29314" spans="1:12">
      <c r="A29314" s="6" t="s">
        <v>30199</v>
      </c>
      <c r="B29314" s="6"/>
      <c r="C29314" s="6" t="s">
        <v>30201</v>
      </c>
      <c r="D29314" s="6"/>
      <c r="E29314" s="6" t="s">
        <v>9</v>
      </c>
      <c r="F29314" s="7">
        <v>43990</v>
      </c>
      <c r="G29314" s="8">
        <v>1</v>
      </c>
      <c r="H29314" s="8">
        <v>1</v>
      </c>
      <c r="I29314" s="8">
        <v>0</v>
      </c>
      <c r="J29314" s="8">
        <v>1</v>
      </c>
      <c r="K29314" s="9">
        <v>81</v>
      </c>
      <c r="L29314" s="6" t="s">
        <v>14</v>
      </c>
    </row>
    <row r="29315" spans="1:12">
      <c r="A29315" s="6" t="s">
        <v>30199</v>
      </c>
      <c r="B29315" s="6"/>
      <c r="C29315" s="6" t="s">
        <v>30202</v>
      </c>
      <c r="D29315" s="6"/>
      <c r="E29315" s="6" t="s">
        <v>9</v>
      </c>
      <c r="F29315" s="7">
        <v>43990</v>
      </c>
      <c r="G29315" s="8">
        <v>1</v>
      </c>
      <c r="H29315" s="8">
        <v>1</v>
      </c>
      <c r="I29315" s="8">
        <v>0</v>
      </c>
      <c r="J29315" s="8">
        <v>1</v>
      </c>
      <c r="K29315" s="9">
        <v>233</v>
      </c>
      <c r="L29315" s="6" t="s">
        <v>14</v>
      </c>
    </row>
    <row r="29316" spans="1:12">
      <c r="A29316" s="6" t="s">
        <v>30203</v>
      </c>
      <c r="B29316" s="6"/>
      <c r="C29316" s="6" t="s">
        <v>30204</v>
      </c>
      <c r="D29316" s="6"/>
      <c r="E29316" s="6" t="s">
        <v>9</v>
      </c>
      <c r="F29316" s="7">
        <v>44061</v>
      </c>
      <c r="G29316" s="8">
        <v>1</v>
      </c>
      <c r="H29316" s="8">
        <v>1</v>
      </c>
      <c r="I29316" s="8">
        <v>0</v>
      </c>
      <c r="J29316" s="8">
        <v>1</v>
      </c>
      <c r="K29316" s="9">
        <v>832</v>
      </c>
      <c r="L29316" s="6" t="s">
        <v>14</v>
      </c>
    </row>
    <row r="29317" spans="1:12">
      <c r="A29317" s="6" t="s">
        <v>30203</v>
      </c>
      <c r="B29317" s="6"/>
      <c r="C29317" s="6" t="s">
        <v>30205</v>
      </c>
      <c r="D29317" s="6"/>
      <c r="E29317" s="6" t="s">
        <v>9</v>
      </c>
      <c r="F29317" s="7">
        <v>44061</v>
      </c>
      <c r="G29317" s="8">
        <v>1</v>
      </c>
      <c r="H29317" s="8">
        <v>1</v>
      </c>
      <c r="I29317" s="8">
        <v>0</v>
      </c>
      <c r="J29317" s="8">
        <v>1</v>
      </c>
      <c r="K29317" s="9">
        <v>581</v>
      </c>
      <c r="L29317" s="6" t="s">
        <v>14</v>
      </c>
    </row>
    <row r="29318" spans="1:12">
      <c r="A29318" s="6" t="s">
        <v>30203</v>
      </c>
      <c r="B29318" s="6"/>
      <c r="C29318" s="6" t="s">
        <v>30206</v>
      </c>
      <c r="D29318" s="6"/>
      <c r="E29318" s="6" t="s">
        <v>9</v>
      </c>
      <c r="F29318" s="7">
        <v>44061</v>
      </c>
      <c r="G29318" s="8">
        <v>1</v>
      </c>
      <c r="H29318" s="8">
        <v>1</v>
      </c>
      <c r="I29318" s="8">
        <v>0</v>
      </c>
      <c r="J29318" s="8">
        <v>1</v>
      </c>
      <c r="K29318" s="9">
        <v>375</v>
      </c>
      <c r="L29318" s="6" t="s">
        <v>14</v>
      </c>
    </row>
    <row r="29319" spans="1:12">
      <c r="A29319" s="6" t="s">
        <v>30207</v>
      </c>
      <c r="B29319" s="6"/>
      <c r="C29319" s="6" t="s">
        <v>30208</v>
      </c>
      <c r="D29319" s="6"/>
      <c r="E29319" s="6" t="s">
        <v>9</v>
      </c>
      <c r="F29319" s="7">
        <v>43952</v>
      </c>
      <c r="G29319" s="8">
        <v>1868048</v>
      </c>
      <c r="H29319" s="8">
        <v>1868048</v>
      </c>
      <c r="I29319" s="8">
        <v>0</v>
      </c>
      <c r="J29319" s="8">
        <v>1868048</v>
      </c>
      <c r="K29319" s="9">
        <v>205</v>
      </c>
      <c r="L29319" s="6" t="s">
        <v>4773</v>
      </c>
    </row>
    <row r="29320" spans="1:12">
      <c r="A29320" s="6" t="s">
        <v>30207</v>
      </c>
      <c r="B29320" s="6"/>
      <c r="C29320" s="6" t="s">
        <v>30209</v>
      </c>
      <c r="D29320" s="6"/>
      <c r="E29320" s="6" t="s">
        <v>9</v>
      </c>
      <c r="F29320" s="7">
        <v>43952</v>
      </c>
      <c r="G29320" s="8">
        <v>532100</v>
      </c>
      <c r="H29320" s="8">
        <v>532100</v>
      </c>
      <c r="I29320" s="8">
        <v>0</v>
      </c>
      <c r="J29320" s="8">
        <v>532100</v>
      </c>
      <c r="K29320" s="9">
        <v>59</v>
      </c>
      <c r="L29320" s="6" t="s">
        <v>4773</v>
      </c>
    </row>
    <row r="29321" spans="1:12">
      <c r="A29321" s="6" t="s">
        <v>30207</v>
      </c>
      <c r="B29321" s="6"/>
      <c r="C29321" s="6" t="s">
        <v>30210</v>
      </c>
      <c r="D29321" s="6"/>
      <c r="E29321" s="6" t="s">
        <v>9</v>
      </c>
      <c r="F29321" s="7">
        <v>43952</v>
      </c>
      <c r="G29321" s="8">
        <v>1004118</v>
      </c>
      <c r="H29321" s="8">
        <v>1004118</v>
      </c>
      <c r="I29321" s="8">
        <v>0</v>
      </c>
      <c r="J29321" s="8">
        <v>1004118</v>
      </c>
      <c r="K29321" s="9">
        <v>111</v>
      </c>
      <c r="L29321" s="6" t="s">
        <v>4773</v>
      </c>
    </row>
    <row r="29322" spans="1:12">
      <c r="A29322" s="6" t="s">
        <v>30207</v>
      </c>
      <c r="B29322" s="6"/>
      <c r="C29322" s="6" t="s">
        <v>30211</v>
      </c>
      <c r="D29322" s="6"/>
      <c r="E29322" s="6" t="s">
        <v>9</v>
      </c>
      <c r="F29322" s="7">
        <v>43993</v>
      </c>
      <c r="G29322" s="8">
        <v>1886066</v>
      </c>
      <c r="H29322" s="8">
        <v>1886066</v>
      </c>
      <c r="I29322" s="8">
        <v>0</v>
      </c>
      <c r="J29322" s="8">
        <v>1886066</v>
      </c>
      <c r="K29322" s="9">
        <v>213</v>
      </c>
      <c r="L29322" s="6" t="s">
        <v>4773</v>
      </c>
    </row>
    <row r="29323" spans="1:12">
      <c r="A29323" s="6" t="s">
        <v>30207</v>
      </c>
      <c r="B29323" s="6"/>
      <c r="C29323" s="6" t="s">
        <v>30212</v>
      </c>
      <c r="D29323" s="6"/>
      <c r="E29323" s="6" t="s">
        <v>9</v>
      </c>
      <c r="F29323" s="7">
        <v>43952</v>
      </c>
      <c r="G29323" s="8">
        <v>1943305</v>
      </c>
      <c r="H29323" s="8">
        <v>1943305</v>
      </c>
      <c r="I29323" s="8">
        <v>0</v>
      </c>
      <c r="J29323" s="8">
        <v>1943305</v>
      </c>
      <c r="K29323" s="9">
        <v>213</v>
      </c>
      <c r="L29323" s="6" t="s">
        <v>4773</v>
      </c>
    </row>
    <row r="29324" spans="1:12">
      <c r="A29324" s="6" t="s">
        <v>30207</v>
      </c>
      <c r="B29324" s="6"/>
      <c r="C29324" s="6" t="s">
        <v>30213</v>
      </c>
      <c r="D29324" s="6"/>
      <c r="E29324" s="6" t="s">
        <v>9</v>
      </c>
      <c r="F29324" s="7">
        <v>43952</v>
      </c>
      <c r="G29324" s="8">
        <v>26299</v>
      </c>
      <c r="H29324" s="8">
        <v>26299</v>
      </c>
      <c r="I29324" s="8">
        <v>0</v>
      </c>
      <c r="J29324" s="8">
        <v>26299</v>
      </c>
      <c r="K29324" s="9">
        <v>2.89</v>
      </c>
      <c r="L29324" s="6" t="s">
        <v>4773</v>
      </c>
    </row>
    <row r="29325" spans="1:12">
      <c r="A29325" s="6" t="s">
        <v>30207</v>
      </c>
      <c r="B29325" s="6"/>
      <c r="C29325" s="6" t="s">
        <v>30214</v>
      </c>
      <c r="D29325" s="6"/>
      <c r="E29325" s="6" t="s">
        <v>9</v>
      </c>
      <c r="F29325" s="7">
        <v>43952</v>
      </c>
      <c r="G29325" s="8">
        <v>1944033</v>
      </c>
      <c r="H29325" s="8">
        <v>1944033</v>
      </c>
      <c r="I29325" s="8">
        <v>0</v>
      </c>
      <c r="J29325" s="8">
        <v>1944033</v>
      </c>
      <c r="K29325" s="9">
        <v>213</v>
      </c>
      <c r="L29325" s="6" t="s">
        <v>4773</v>
      </c>
    </row>
    <row r="29326" spans="1:12">
      <c r="A29326" s="6" t="s">
        <v>30207</v>
      </c>
      <c r="B29326" s="6"/>
      <c r="C29326" s="6" t="s">
        <v>30215</v>
      </c>
      <c r="D29326" s="6"/>
      <c r="E29326" s="6" t="s">
        <v>9</v>
      </c>
      <c r="F29326" s="7">
        <v>43952</v>
      </c>
      <c r="G29326" s="8">
        <v>1943123</v>
      </c>
      <c r="H29326" s="8">
        <v>1943123</v>
      </c>
      <c r="I29326" s="8">
        <v>0</v>
      </c>
      <c r="J29326" s="8">
        <v>1943123</v>
      </c>
      <c r="K29326" s="9">
        <v>213</v>
      </c>
      <c r="L29326" s="6" t="s">
        <v>4773</v>
      </c>
    </row>
    <row r="29327" spans="1:12">
      <c r="A29327" s="6" t="s">
        <v>30207</v>
      </c>
      <c r="B29327" s="6"/>
      <c r="C29327" s="6" t="s">
        <v>30216</v>
      </c>
      <c r="D29327" s="6"/>
      <c r="E29327" s="6" t="s">
        <v>9</v>
      </c>
      <c r="F29327" s="7">
        <v>43952</v>
      </c>
      <c r="G29327" s="8">
        <v>1943123</v>
      </c>
      <c r="H29327" s="8">
        <v>1943123</v>
      </c>
      <c r="I29327" s="8">
        <v>0</v>
      </c>
      <c r="J29327" s="8">
        <v>1943123</v>
      </c>
      <c r="K29327" s="9">
        <v>213</v>
      </c>
      <c r="L29327" s="6" t="s">
        <v>4773</v>
      </c>
    </row>
    <row r="29328" spans="1:12">
      <c r="A29328" s="6" t="s">
        <v>30207</v>
      </c>
      <c r="B29328" s="6"/>
      <c r="C29328" s="6" t="s">
        <v>30217</v>
      </c>
      <c r="D29328" s="6"/>
      <c r="E29328" s="6" t="s">
        <v>9</v>
      </c>
      <c r="F29328" s="7">
        <v>43952</v>
      </c>
      <c r="G29328" s="8">
        <v>234598</v>
      </c>
      <c r="H29328" s="8">
        <v>234598</v>
      </c>
      <c r="I29328" s="8">
        <v>0</v>
      </c>
      <c r="J29328" s="8">
        <v>234598</v>
      </c>
      <c r="K29328" s="9">
        <v>25</v>
      </c>
      <c r="L29328" s="6" t="s">
        <v>4773</v>
      </c>
    </row>
    <row r="29329" spans="1:12">
      <c r="A29329" s="6" t="s">
        <v>30207</v>
      </c>
      <c r="B29329" s="6"/>
      <c r="C29329" s="6" t="s">
        <v>30218</v>
      </c>
      <c r="D29329" s="6"/>
      <c r="E29329" s="6" t="s">
        <v>9</v>
      </c>
      <c r="F29329" s="7">
        <v>43952</v>
      </c>
      <c r="G29329" s="8">
        <v>367731</v>
      </c>
      <c r="H29329" s="8">
        <v>367731</v>
      </c>
      <c r="I29329" s="8">
        <v>0</v>
      </c>
      <c r="J29329" s="8">
        <v>367731</v>
      </c>
      <c r="K29329" s="9">
        <v>40</v>
      </c>
      <c r="L29329" s="6" t="s">
        <v>4773</v>
      </c>
    </row>
    <row r="29330" spans="1:12">
      <c r="A29330" s="6" t="s">
        <v>30207</v>
      </c>
      <c r="B29330" s="6"/>
      <c r="C29330" s="6" t="s">
        <v>30219</v>
      </c>
      <c r="D29330" s="6"/>
      <c r="E29330" s="6" t="s">
        <v>9</v>
      </c>
      <c r="F29330" s="7">
        <v>43952</v>
      </c>
      <c r="G29330" s="8">
        <v>1554324</v>
      </c>
      <c r="H29330" s="8">
        <v>1554324</v>
      </c>
      <c r="I29330" s="8">
        <v>0</v>
      </c>
      <c r="J29330" s="8">
        <v>1554324</v>
      </c>
      <c r="K29330" s="9">
        <v>172</v>
      </c>
      <c r="L29330" s="6" t="s">
        <v>4773</v>
      </c>
    </row>
    <row r="29331" spans="1:12">
      <c r="A29331" s="6" t="s">
        <v>30220</v>
      </c>
      <c r="B29331" s="6"/>
      <c r="C29331" s="6" t="s">
        <v>30221</v>
      </c>
      <c r="D29331" s="6"/>
      <c r="E29331" s="6" t="s">
        <v>9</v>
      </c>
      <c r="F29331" s="7">
        <v>44102</v>
      </c>
      <c r="G29331" s="8">
        <v>1</v>
      </c>
      <c r="H29331" s="8">
        <v>1</v>
      </c>
      <c r="I29331" s="8">
        <v>0</v>
      </c>
      <c r="J29331" s="8">
        <v>1</v>
      </c>
      <c r="K29331" s="9">
        <v>2079</v>
      </c>
      <c r="L29331" s="6" t="s">
        <v>14</v>
      </c>
    </row>
    <row r="29332" spans="1:12">
      <c r="A29332" s="6" t="s">
        <v>30222</v>
      </c>
      <c r="B29332" s="6"/>
      <c r="C29332" s="6" t="s">
        <v>30223</v>
      </c>
      <c r="D29332" s="6"/>
      <c r="E29332" s="6" t="s">
        <v>9</v>
      </c>
      <c r="F29332" s="7">
        <v>44110</v>
      </c>
      <c r="G29332" s="8">
        <v>2339660</v>
      </c>
      <c r="H29332" s="8">
        <v>2339660</v>
      </c>
      <c r="I29332" s="8">
        <v>0</v>
      </c>
      <c r="J29332" s="8">
        <v>2339660</v>
      </c>
      <c r="K29332" s="9">
        <v>123</v>
      </c>
      <c r="L29332" s="6" t="s">
        <v>23</v>
      </c>
    </row>
    <row r="29333" spans="1:12">
      <c r="A29333" s="6" t="s">
        <v>30222</v>
      </c>
      <c r="B29333" s="6"/>
      <c r="C29333" s="6" t="s">
        <v>30224</v>
      </c>
      <c r="D29333" s="6"/>
      <c r="E29333" s="6" t="s">
        <v>9</v>
      </c>
      <c r="F29333" s="7">
        <v>44110</v>
      </c>
      <c r="G29333" s="8">
        <v>216300</v>
      </c>
      <c r="H29333" s="8">
        <v>216300</v>
      </c>
      <c r="I29333" s="8">
        <v>0</v>
      </c>
      <c r="J29333" s="8">
        <v>216300</v>
      </c>
      <c r="K29333" s="9">
        <v>15</v>
      </c>
      <c r="L29333" s="6" t="s">
        <v>23</v>
      </c>
    </row>
    <row r="29334" spans="1:12">
      <c r="A29334" s="6" t="s">
        <v>30222</v>
      </c>
      <c r="B29334" s="6"/>
      <c r="C29334" s="6" t="s">
        <v>30225</v>
      </c>
      <c r="D29334" s="6"/>
      <c r="E29334" s="6" t="s">
        <v>9</v>
      </c>
      <c r="F29334" s="7">
        <v>44110</v>
      </c>
      <c r="G29334" s="8">
        <v>751380</v>
      </c>
      <c r="H29334" s="8">
        <v>751380</v>
      </c>
      <c r="I29334" s="8">
        <v>0</v>
      </c>
      <c r="J29334" s="8">
        <v>751380</v>
      </c>
      <c r="K29334" s="9">
        <v>53</v>
      </c>
      <c r="L29334" s="6" t="s">
        <v>4773</v>
      </c>
    </row>
    <row r="29335" spans="1:12">
      <c r="A29335" s="6" t="s">
        <v>30222</v>
      </c>
      <c r="B29335" s="6"/>
      <c r="C29335" s="6" t="s">
        <v>30226</v>
      </c>
      <c r="D29335" s="6"/>
      <c r="E29335" s="6" t="s">
        <v>9</v>
      </c>
      <c r="F29335" s="7">
        <v>44110</v>
      </c>
      <c r="G29335" s="8">
        <v>404700</v>
      </c>
      <c r="H29335" s="8">
        <v>404700</v>
      </c>
      <c r="I29335" s="8">
        <v>0</v>
      </c>
      <c r="J29335" s="8">
        <v>404700</v>
      </c>
      <c r="K29335" s="9">
        <v>21</v>
      </c>
      <c r="L29335" s="6" t="s">
        <v>4773</v>
      </c>
    </row>
    <row r="29336" spans="1:12">
      <c r="A29336" s="6" t="s">
        <v>30222</v>
      </c>
      <c r="B29336" s="6"/>
      <c r="C29336" s="6" t="s">
        <v>30227</v>
      </c>
      <c r="D29336" s="6"/>
      <c r="E29336" s="6" t="s">
        <v>9</v>
      </c>
      <c r="F29336" s="7">
        <v>44110</v>
      </c>
      <c r="G29336" s="8">
        <v>558030</v>
      </c>
      <c r="H29336" s="8">
        <v>558030</v>
      </c>
      <c r="I29336" s="8">
        <v>0</v>
      </c>
      <c r="J29336" s="8">
        <v>558030</v>
      </c>
      <c r="K29336" s="9">
        <v>29.37</v>
      </c>
      <c r="L29336" s="6" t="s">
        <v>10</v>
      </c>
    </row>
    <row r="29337" spans="1:12">
      <c r="A29337" s="6" t="s">
        <v>30222</v>
      </c>
      <c r="B29337" s="6"/>
      <c r="C29337" s="6" t="s">
        <v>30228</v>
      </c>
      <c r="D29337" s="6"/>
      <c r="E29337" s="6" t="s">
        <v>9</v>
      </c>
      <c r="F29337" s="7">
        <v>44110</v>
      </c>
      <c r="G29337" s="8">
        <v>342748</v>
      </c>
      <c r="H29337" s="8">
        <v>342748</v>
      </c>
      <c r="I29337" s="8">
        <v>0</v>
      </c>
      <c r="J29337" s="8">
        <v>342748</v>
      </c>
      <c r="K29337" s="9">
        <v>27</v>
      </c>
      <c r="L29337" s="6" t="s">
        <v>4773</v>
      </c>
    </row>
    <row r="29338" spans="1:12">
      <c r="A29338" s="6" t="s">
        <v>30222</v>
      </c>
      <c r="B29338" s="6"/>
      <c r="C29338" s="6" t="s">
        <v>30229</v>
      </c>
      <c r="D29338" s="6"/>
      <c r="E29338" s="6" t="s">
        <v>9</v>
      </c>
      <c r="F29338" s="7">
        <v>44110</v>
      </c>
      <c r="G29338" s="8">
        <v>972860</v>
      </c>
      <c r="H29338" s="8">
        <v>972860</v>
      </c>
      <c r="I29338" s="8">
        <v>0</v>
      </c>
      <c r="J29338" s="8">
        <v>972860</v>
      </c>
      <c r="K29338" s="9">
        <v>69</v>
      </c>
      <c r="L29338" s="6" t="s">
        <v>4773</v>
      </c>
    </row>
    <row r="29339" spans="1:12">
      <c r="A29339" s="6" t="s">
        <v>30230</v>
      </c>
      <c r="B29339" s="6"/>
      <c r="C29339" s="6" t="s">
        <v>30231</v>
      </c>
      <c r="D29339" s="6"/>
      <c r="E29339" s="6" t="s">
        <v>18740</v>
      </c>
      <c r="F29339" s="7">
        <v>38657</v>
      </c>
      <c r="G29339" s="8">
        <v>1</v>
      </c>
      <c r="H29339" s="8">
        <v>1</v>
      </c>
      <c r="I29339" s="8">
        <v>0</v>
      </c>
      <c r="J29339" s="8">
        <v>1</v>
      </c>
      <c r="K29339" s="9">
        <v>325</v>
      </c>
      <c r="L29339" s="6" t="s">
        <v>23</v>
      </c>
    </row>
    <row r="29340" spans="1:12">
      <c r="A29340" s="6" t="s">
        <v>30232</v>
      </c>
      <c r="B29340" s="6"/>
      <c r="C29340" s="6" t="s">
        <v>30233</v>
      </c>
      <c r="D29340" s="6"/>
      <c r="E29340" s="6" t="s">
        <v>9</v>
      </c>
      <c r="F29340" s="7">
        <v>43556</v>
      </c>
      <c r="G29340" s="8">
        <v>39928020</v>
      </c>
      <c r="H29340" s="8">
        <v>39928020</v>
      </c>
      <c r="I29340" s="8">
        <v>0</v>
      </c>
      <c r="J29340" s="8">
        <v>39928020</v>
      </c>
      <c r="K29340" s="9">
        <v>2510</v>
      </c>
      <c r="L29340" s="6" t="s">
        <v>10</v>
      </c>
    </row>
    <row r="29341" spans="1:12">
      <c r="A29341" s="6" t="s">
        <v>30232</v>
      </c>
      <c r="B29341" s="6"/>
      <c r="C29341" s="6" t="s">
        <v>30234</v>
      </c>
      <c r="D29341" s="6"/>
      <c r="E29341" s="6" t="s">
        <v>9</v>
      </c>
      <c r="F29341" s="7">
        <v>43556</v>
      </c>
      <c r="G29341" s="8">
        <v>47722733</v>
      </c>
      <c r="H29341" s="8">
        <v>47722733</v>
      </c>
      <c r="I29341" s="8">
        <v>0</v>
      </c>
      <c r="J29341" s="8">
        <v>47722733</v>
      </c>
      <c r="K29341" s="9">
        <v>3000</v>
      </c>
      <c r="L29341" s="6" t="s">
        <v>10</v>
      </c>
    </row>
    <row r="29342" spans="1:12">
      <c r="A29342" s="6" t="s">
        <v>30232</v>
      </c>
      <c r="B29342" s="6"/>
      <c r="C29342" s="6" t="s">
        <v>30235</v>
      </c>
      <c r="D29342" s="6"/>
      <c r="E29342" s="6" t="s">
        <v>9</v>
      </c>
      <c r="F29342" s="7">
        <v>43556</v>
      </c>
      <c r="G29342" s="8">
        <v>47722733</v>
      </c>
      <c r="H29342" s="8">
        <v>47722733</v>
      </c>
      <c r="I29342" s="8">
        <v>0</v>
      </c>
      <c r="J29342" s="8">
        <v>47722733</v>
      </c>
      <c r="K29342" s="9">
        <v>3000</v>
      </c>
      <c r="L29342" s="6" t="s">
        <v>10</v>
      </c>
    </row>
    <row r="29343" spans="1:12">
      <c r="A29343" s="6" t="s">
        <v>30232</v>
      </c>
      <c r="B29343" s="6"/>
      <c r="C29343" s="6" t="s">
        <v>30236</v>
      </c>
      <c r="D29343" s="6"/>
      <c r="E29343" s="6" t="s">
        <v>9</v>
      </c>
      <c r="F29343" s="7">
        <v>43556</v>
      </c>
      <c r="G29343" s="8">
        <v>46688741</v>
      </c>
      <c r="H29343" s="8">
        <v>46688741</v>
      </c>
      <c r="I29343" s="8">
        <v>0</v>
      </c>
      <c r="J29343" s="8">
        <v>46688741</v>
      </c>
      <c r="K29343" s="9">
        <v>2935</v>
      </c>
      <c r="L29343" s="6" t="s">
        <v>10</v>
      </c>
    </row>
    <row r="29344" spans="1:12">
      <c r="A29344" s="6" t="s">
        <v>30232</v>
      </c>
      <c r="B29344" s="6"/>
      <c r="C29344" s="6" t="s">
        <v>30237</v>
      </c>
      <c r="D29344" s="6"/>
      <c r="E29344" s="6" t="s">
        <v>9</v>
      </c>
      <c r="F29344" s="7">
        <v>43556</v>
      </c>
      <c r="G29344" s="8">
        <v>47722733</v>
      </c>
      <c r="H29344" s="8">
        <v>47722733</v>
      </c>
      <c r="I29344" s="8">
        <v>0</v>
      </c>
      <c r="J29344" s="8">
        <v>47722733</v>
      </c>
      <c r="K29344" s="9">
        <v>3000</v>
      </c>
      <c r="L29344" s="6" t="s">
        <v>10</v>
      </c>
    </row>
    <row r="29345" spans="1:12">
      <c r="A29345" s="6" t="s">
        <v>30232</v>
      </c>
      <c r="B29345" s="6"/>
      <c r="C29345" s="6" t="s">
        <v>30238</v>
      </c>
      <c r="D29345" s="6"/>
      <c r="E29345" s="6" t="s">
        <v>9</v>
      </c>
      <c r="F29345" s="7">
        <v>43556</v>
      </c>
      <c r="G29345" s="8">
        <v>47722734</v>
      </c>
      <c r="H29345" s="8">
        <v>47722734</v>
      </c>
      <c r="I29345" s="8">
        <v>0</v>
      </c>
      <c r="J29345" s="8">
        <v>47722734</v>
      </c>
      <c r="K29345" s="9">
        <v>3000</v>
      </c>
      <c r="L29345" s="6" t="s">
        <v>10</v>
      </c>
    </row>
    <row r="29346" spans="1:12">
      <c r="A29346" s="6" t="s">
        <v>30232</v>
      </c>
      <c r="B29346" s="6"/>
      <c r="C29346" s="6" t="s">
        <v>30239</v>
      </c>
      <c r="D29346" s="6"/>
      <c r="E29346" s="6" t="s">
        <v>9</v>
      </c>
      <c r="F29346" s="7">
        <v>43556</v>
      </c>
      <c r="G29346" s="8">
        <v>47706826</v>
      </c>
      <c r="H29346" s="8">
        <v>47706826</v>
      </c>
      <c r="I29346" s="8">
        <v>0</v>
      </c>
      <c r="J29346" s="8">
        <v>47706826</v>
      </c>
      <c r="K29346" s="9">
        <v>2999</v>
      </c>
      <c r="L29346" s="6" t="s">
        <v>10</v>
      </c>
    </row>
    <row r="29347" spans="1:12">
      <c r="A29347" s="6" t="s">
        <v>30232</v>
      </c>
      <c r="B29347" s="6"/>
      <c r="C29347" s="6" t="s">
        <v>30240</v>
      </c>
      <c r="D29347" s="6"/>
      <c r="E29347" s="6" t="s">
        <v>9</v>
      </c>
      <c r="F29347" s="7">
        <v>43556</v>
      </c>
      <c r="G29347" s="8">
        <v>47722734</v>
      </c>
      <c r="H29347" s="8">
        <v>47722734</v>
      </c>
      <c r="I29347" s="8">
        <v>0</v>
      </c>
      <c r="J29347" s="8">
        <v>47722734</v>
      </c>
      <c r="K29347" s="9">
        <v>3000</v>
      </c>
      <c r="L29347" s="6" t="s">
        <v>10</v>
      </c>
    </row>
    <row r="29348" spans="1:12">
      <c r="A29348" s="6" t="s">
        <v>30232</v>
      </c>
      <c r="B29348" s="6"/>
      <c r="C29348" s="6" t="s">
        <v>30241</v>
      </c>
      <c r="D29348" s="6"/>
      <c r="E29348" s="6" t="s">
        <v>9</v>
      </c>
      <c r="F29348" s="7">
        <v>43556</v>
      </c>
      <c r="G29348" s="8">
        <v>40564323</v>
      </c>
      <c r="H29348" s="8">
        <v>40564323</v>
      </c>
      <c r="I29348" s="8">
        <v>0</v>
      </c>
      <c r="J29348" s="8">
        <v>40564323</v>
      </c>
      <c r="K29348" s="9">
        <v>2550</v>
      </c>
      <c r="L29348" s="6" t="s">
        <v>10</v>
      </c>
    </row>
    <row r="29349" spans="1:12">
      <c r="A29349" s="6" t="s">
        <v>30242</v>
      </c>
      <c r="B29349" s="6"/>
      <c r="C29349" s="6" t="s">
        <v>30243</v>
      </c>
      <c r="D29349" s="6"/>
      <c r="E29349" s="6" t="s">
        <v>25121</v>
      </c>
      <c r="F29349" s="7">
        <v>38657</v>
      </c>
      <c r="G29349" s="8">
        <v>6199396</v>
      </c>
      <c r="H29349" s="8">
        <v>6199396</v>
      </c>
      <c r="I29349" s="8">
        <v>0</v>
      </c>
      <c r="J29349" s="8">
        <v>6199396</v>
      </c>
      <c r="K29349" s="9">
        <v>466.12</v>
      </c>
      <c r="L29349" s="6" t="s">
        <v>10</v>
      </c>
    </row>
    <row r="29350" spans="1:12">
      <c r="A29350" s="6" t="s">
        <v>30242</v>
      </c>
      <c r="B29350" s="6"/>
      <c r="C29350" s="6" t="s">
        <v>30244</v>
      </c>
      <c r="D29350" s="6"/>
      <c r="E29350" s="6" t="s">
        <v>25121</v>
      </c>
      <c r="F29350" s="7">
        <v>38657</v>
      </c>
      <c r="G29350" s="8">
        <v>5833551</v>
      </c>
      <c r="H29350" s="8">
        <v>5833551</v>
      </c>
      <c r="I29350" s="8">
        <v>0</v>
      </c>
      <c r="J29350" s="8">
        <v>5833551</v>
      </c>
      <c r="K29350" s="9">
        <v>366.89</v>
      </c>
      <c r="L29350" s="6" t="s">
        <v>10</v>
      </c>
    </row>
    <row r="29351" spans="1:12">
      <c r="A29351" s="6" t="s">
        <v>30242</v>
      </c>
      <c r="B29351" s="6"/>
      <c r="C29351" s="6" t="s">
        <v>30245</v>
      </c>
      <c r="D29351" s="6"/>
      <c r="E29351" s="6" t="s">
        <v>25121</v>
      </c>
      <c r="F29351" s="7">
        <v>38657</v>
      </c>
      <c r="G29351" s="8">
        <v>6619460</v>
      </c>
      <c r="H29351" s="8">
        <v>6619460</v>
      </c>
      <c r="I29351" s="8">
        <v>0</v>
      </c>
      <c r="J29351" s="8">
        <v>6619460</v>
      </c>
      <c r="K29351" s="9">
        <v>389.38</v>
      </c>
      <c r="L29351" s="6" t="s">
        <v>10</v>
      </c>
    </row>
    <row r="29352" spans="1:12">
      <c r="A29352" s="6" t="s">
        <v>30246</v>
      </c>
      <c r="B29352" s="6"/>
      <c r="C29352" s="6" t="s">
        <v>30247</v>
      </c>
      <c r="D29352" s="6"/>
      <c r="E29352" s="6" t="s">
        <v>9</v>
      </c>
      <c r="F29352" s="7">
        <v>38657</v>
      </c>
      <c r="G29352" s="8">
        <v>28686754</v>
      </c>
      <c r="H29352" s="8">
        <v>28686754</v>
      </c>
      <c r="I29352" s="8">
        <v>0</v>
      </c>
      <c r="J29352" s="8">
        <v>28686754</v>
      </c>
      <c r="K29352" s="9">
        <v>5611.65</v>
      </c>
      <c r="L29352" s="6" t="s">
        <v>23</v>
      </c>
    </row>
    <row r="29353" spans="1:12">
      <c r="A29353" s="6" t="s">
        <v>30246</v>
      </c>
      <c r="B29353" s="6"/>
      <c r="C29353" s="6" t="s">
        <v>30248</v>
      </c>
      <c r="D29353" s="6"/>
      <c r="E29353" s="6" t="s">
        <v>9</v>
      </c>
      <c r="F29353" s="7">
        <v>38657</v>
      </c>
      <c r="G29353" s="8">
        <v>1400688</v>
      </c>
      <c r="H29353" s="8">
        <v>1400688</v>
      </c>
      <c r="I29353" s="8">
        <v>0</v>
      </c>
      <c r="J29353" s="8">
        <v>1400688</v>
      </c>
      <c r="K29353" s="9">
        <v>274</v>
      </c>
      <c r="L29353" s="6" t="s">
        <v>23</v>
      </c>
    </row>
    <row r="29354" spans="1:12">
      <c r="A29354" s="6" t="s">
        <v>30249</v>
      </c>
      <c r="B29354" s="6"/>
      <c r="C29354" s="6" t="s">
        <v>30250</v>
      </c>
      <c r="D29354" s="6"/>
      <c r="E29354" s="6" t="s">
        <v>9</v>
      </c>
      <c r="F29354" s="7">
        <v>38657</v>
      </c>
      <c r="G29354" s="8">
        <v>92016</v>
      </c>
      <c r="H29354" s="8">
        <v>92016</v>
      </c>
      <c r="I29354" s="8">
        <v>0</v>
      </c>
      <c r="J29354" s="8">
        <v>92016</v>
      </c>
      <c r="K29354" s="9">
        <v>18</v>
      </c>
      <c r="L29354" s="6" t="s">
        <v>23</v>
      </c>
    </row>
    <row r="29355" spans="1:12">
      <c r="A29355" s="6" t="s">
        <v>30251</v>
      </c>
      <c r="B29355" s="6"/>
      <c r="C29355" s="6" t="s">
        <v>30252</v>
      </c>
      <c r="D29355" s="6"/>
      <c r="E29355" s="6" t="s">
        <v>18740</v>
      </c>
      <c r="F29355" s="7">
        <v>38657</v>
      </c>
      <c r="G29355" s="8">
        <v>3340455</v>
      </c>
      <c r="H29355" s="8">
        <v>3340455</v>
      </c>
      <c r="I29355" s="8">
        <v>0</v>
      </c>
      <c r="J29355" s="8">
        <v>3340455</v>
      </c>
      <c r="K29355" s="9">
        <v>155.37</v>
      </c>
      <c r="L29355" s="6" t="s">
        <v>10</v>
      </c>
    </row>
    <row r="29356" spans="1:12">
      <c r="A29356" s="6" t="s">
        <v>30253</v>
      </c>
      <c r="B29356" s="6"/>
      <c r="C29356" s="6" t="s">
        <v>30254</v>
      </c>
      <c r="D29356" s="6"/>
      <c r="E29356" s="6" t="s">
        <v>18740</v>
      </c>
      <c r="F29356" s="7">
        <v>38657</v>
      </c>
      <c r="G29356" s="8">
        <v>883200</v>
      </c>
      <c r="H29356" s="8">
        <v>883200</v>
      </c>
      <c r="I29356" s="8">
        <v>0</v>
      </c>
      <c r="J29356" s="8">
        <v>883200</v>
      </c>
      <c r="K29356" s="9">
        <v>69</v>
      </c>
      <c r="L29356" s="6" t="s">
        <v>10</v>
      </c>
    </row>
    <row r="29357" spans="1:12">
      <c r="A29357" s="6" t="s">
        <v>30255</v>
      </c>
      <c r="B29357" s="6"/>
      <c r="C29357" s="6" t="s">
        <v>30256</v>
      </c>
      <c r="D29357" s="6"/>
      <c r="E29357" s="6" t="s">
        <v>18740</v>
      </c>
      <c r="F29357" s="7">
        <v>38657</v>
      </c>
      <c r="G29357" s="8">
        <v>243200</v>
      </c>
      <c r="H29357" s="8">
        <v>243200</v>
      </c>
      <c r="I29357" s="8">
        <v>0</v>
      </c>
      <c r="J29357" s="8">
        <v>243200</v>
      </c>
      <c r="K29357" s="9">
        <v>19</v>
      </c>
      <c r="L29357" s="6" t="s">
        <v>10</v>
      </c>
    </row>
    <row r="29358" spans="1:12">
      <c r="A29358" s="6" t="s">
        <v>30257</v>
      </c>
      <c r="B29358" s="6"/>
      <c r="C29358" s="6" t="s">
        <v>30258</v>
      </c>
      <c r="D29358" s="6"/>
      <c r="E29358" s="6" t="s">
        <v>9</v>
      </c>
      <c r="F29358" s="7">
        <v>38657</v>
      </c>
      <c r="G29358" s="8">
        <v>10638400</v>
      </c>
      <c r="H29358" s="8">
        <v>10638400</v>
      </c>
      <c r="I29358" s="8">
        <v>0</v>
      </c>
      <c r="J29358" s="8">
        <v>10638400</v>
      </c>
      <c r="K29358" s="9">
        <v>872</v>
      </c>
      <c r="L29358" s="6" t="s">
        <v>10</v>
      </c>
    </row>
    <row r="29359" spans="1:12">
      <c r="A29359" s="6" t="s">
        <v>30259</v>
      </c>
      <c r="B29359" s="6"/>
      <c r="C29359" s="6" t="s">
        <v>30260</v>
      </c>
      <c r="D29359" s="6"/>
      <c r="E29359" s="6" t="s">
        <v>18740</v>
      </c>
      <c r="F29359" s="7">
        <v>38657</v>
      </c>
      <c r="G29359" s="8">
        <v>2299100</v>
      </c>
      <c r="H29359" s="8">
        <v>2299100</v>
      </c>
      <c r="I29359" s="8">
        <v>0</v>
      </c>
      <c r="J29359" s="8">
        <v>2299100</v>
      </c>
      <c r="K29359" s="9">
        <v>138.5</v>
      </c>
      <c r="L29359" s="6" t="s">
        <v>10</v>
      </c>
    </row>
    <row r="29360" spans="1:12">
      <c r="A29360" s="6" t="s">
        <v>30261</v>
      </c>
      <c r="B29360" s="6"/>
      <c r="C29360" s="6" t="s">
        <v>30262</v>
      </c>
      <c r="D29360" s="6"/>
      <c r="E29360" s="6" t="s">
        <v>9</v>
      </c>
      <c r="F29360" s="7">
        <v>38657</v>
      </c>
      <c r="G29360" s="8">
        <v>562320</v>
      </c>
      <c r="H29360" s="8">
        <v>562320</v>
      </c>
      <c r="I29360" s="8">
        <v>0</v>
      </c>
      <c r="J29360" s="8">
        <v>562320</v>
      </c>
      <c r="K29360" s="9">
        <v>110</v>
      </c>
      <c r="L29360" s="6" t="s">
        <v>14</v>
      </c>
    </row>
    <row r="29361" spans="1:12">
      <c r="A29361" s="6" t="s">
        <v>30263</v>
      </c>
      <c r="B29361" s="6"/>
      <c r="C29361" s="6" t="s">
        <v>30264</v>
      </c>
      <c r="D29361" s="6"/>
      <c r="E29361" s="6" t="s">
        <v>9</v>
      </c>
      <c r="F29361" s="7">
        <v>38657</v>
      </c>
      <c r="G29361" s="8">
        <v>1569384</v>
      </c>
      <c r="H29361" s="8">
        <v>1569384</v>
      </c>
      <c r="I29361" s="8">
        <v>0</v>
      </c>
      <c r="J29361" s="8">
        <v>1569384</v>
      </c>
      <c r="K29361" s="9">
        <v>307</v>
      </c>
      <c r="L29361" s="6" t="s">
        <v>14</v>
      </c>
    </row>
    <row r="29362" spans="1:12">
      <c r="A29362" s="6" t="s">
        <v>30265</v>
      </c>
      <c r="B29362" s="6"/>
      <c r="C29362" s="6" t="s">
        <v>30266</v>
      </c>
      <c r="D29362" s="6"/>
      <c r="E29362" s="6" t="s">
        <v>18740</v>
      </c>
      <c r="F29362" s="7">
        <v>38657</v>
      </c>
      <c r="G29362" s="8">
        <v>106260</v>
      </c>
      <c r="H29362" s="8">
        <v>106260</v>
      </c>
      <c r="I29362" s="8">
        <v>0</v>
      </c>
      <c r="J29362" s="8">
        <v>106260</v>
      </c>
      <c r="K29362" s="9">
        <v>3.3</v>
      </c>
      <c r="L29362" s="6" t="s">
        <v>10</v>
      </c>
    </row>
    <row r="29363" spans="1:12">
      <c r="A29363" s="6" t="s">
        <v>30265</v>
      </c>
      <c r="B29363" s="6"/>
      <c r="C29363" s="6" t="s">
        <v>30267</v>
      </c>
      <c r="D29363" s="6"/>
      <c r="E29363" s="6" t="s">
        <v>18740</v>
      </c>
      <c r="F29363" s="7">
        <v>38657</v>
      </c>
      <c r="G29363" s="8">
        <v>4790072</v>
      </c>
      <c r="H29363" s="8">
        <v>4790072</v>
      </c>
      <c r="I29363" s="8">
        <v>0</v>
      </c>
      <c r="J29363" s="8">
        <v>4790072</v>
      </c>
      <c r="K29363" s="9">
        <v>148.76</v>
      </c>
      <c r="L29363" s="6" t="s">
        <v>10</v>
      </c>
    </row>
    <row r="29364" spans="1:12">
      <c r="A29364" s="6" t="s">
        <v>30265</v>
      </c>
      <c r="B29364" s="6"/>
      <c r="C29364" s="6" t="s">
        <v>30268</v>
      </c>
      <c r="D29364" s="6"/>
      <c r="E29364" s="6" t="s">
        <v>18740</v>
      </c>
      <c r="F29364" s="7">
        <v>38657</v>
      </c>
      <c r="G29364" s="8">
        <v>5748022</v>
      </c>
      <c r="H29364" s="8">
        <v>5748022</v>
      </c>
      <c r="I29364" s="8">
        <v>0</v>
      </c>
      <c r="J29364" s="8">
        <v>5748022</v>
      </c>
      <c r="K29364" s="9">
        <v>178.51</v>
      </c>
      <c r="L29364" s="6" t="s">
        <v>10</v>
      </c>
    </row>
    <row r="29365" spans="1:12">
      <c r="A29365" s="6" t="s">
        <v>30269</v>
      </c>
      <c r="B29365" s="6"/>
      <c r="C29365" s="6" t="s">
        <v>30270</v>
      </c>
      <c r="D29365" s="6"/>
      <c r="E29365" s="6" t="s">
        <v>9</v>
      </c>
      <c r="F29365" s="7">
        <v>38657</v>
      </c>
      <c r="G29365" s="8">
        <v>9861048</v>
      </c>
      <c r="H29365" s="8">
        <v>9861048</v>
      </c>
      <c r="I29365" s="8">
        <v>0</v>
      </c>
      <c r="J29365" s="8">
        <v>9861048</v>
      </c>
      <c r="K29365" s="9">
        <v>1929</v>
      </c>
      <c r="L29365" s="6" t="s">
        <v>14</v>
      </c>
    </row>
    <row r="29366" spans="1:12">
      <c r="A29366" s="6" t="s">
        <v>30271</v>
      </c>
      <c r="B29366" s="6"/>
      <c r="C29366" s="6" t="s">
        <v>30272</v>
      </c>
      <c r="D29366" s="6"/>
      <c r="E29366" s="6" t="s">
        <v>9</v>
      </c>
      <c r="F29366" s="7">
        <v>38657</v>
      </c>
      <c r="G29366" s="8">
        <v>765215</v>
      </c>
      <c r="H29366" s="8">
        <v>765215</v>
      </c>
      <c r="I29366" s="8">
        <v>0</v>
      </c>
      <c r="J29366" s="8">
        <v>765215</v>
      </c>
      <c r="K29366" s="9">
        <v>149.69</v>
      </c>
      <c r="L29366" s="6" t="s">
        <v>14</v>
      </c>
    </row>
    <row r="29367" spans="1:12">
      <c r="A29367" s="6" t="s">
        <v>30273</v>
      </c>
      <c r="B29367" s="6"/>
      <c r="C29367" s="6" t="s">
        <v>30274</v>
      </c>
      <c r="D29367" s="6"/>
      <c r="E29367" s="6" t="s">
        <v>18740</v>
      </c>
      <c r="F29367" s="7">
        <v>38657</v>
      </c>
      <c r="G29367" s="8">
        <v>4991456</v>
      </c>
      <c r="H29367" s="8">
        <v>4991456</v>
      </c>
      <c r="I29367" s="8">
        <v>0</v>
      </c>
      <c r="J29367" s="8">
        <v>4991456</v>
      </c>
      <c r="K29367" s="9">
        <v>165.28</v>
      </c>
      <c r="L29367" s="6" t="s">
        <v>10</v>
      </c>
    </row>
    <row r="29368" spans="1:12">
      <c r="A29368" s="6" t="s">
        <v>30273</v>
      </c>
      <c r="B29368" s="6"/>
      <c r="C29368" s="6" t="s">
        <v>30275</v>
      </c>
      <c r="D29368" s="6"/>
      <c r="E29368" s="6" t="s">
        <v>18740</v>
      </c>
      <c r="F29368" s="7">
        <v>38657</v>
      </c>
      <c r="G29368" s="8">
        <v>3154692</v>
      </c>
      <c r="H29368" s="8">
        <v>3154692</v>
      </c>
      <c r="I29368" s="8">
        <v>0</v>
      </c>
      <c r="J29368" s="8">
        <v>3154692</v>
      </c>
      <c r="K29368" s="9">
        <v>104.46</v>
      </c>
      <c r="L29368" s="6" t="s">
        <v>10</v>
      </c>
    </row>
    <row r="29369" spans="1:12">
      <c r="A29369" s="6" t="s">
        <v>30276</v>
      </c>
      <c r="B29369" s="6"/>
      <c r="C29369" s="6" t="s">
        <v>30277</v>
      </c>
      <c r="D29369" s="6"/>
      <c r="E29369" s="6" t="s">
        <v>9</v>
      </c>
      <c r="F29369" s="7">
        <v>38657</v>
      </c>
      <c r="G29369" s="8">
        <v>12921300</v>
      </c>
      <c r="H29369" s="8">
        <v>12921300</v>
      </c>
      <c r="I29369" s="8">
        <v>0</v>
      </c>
      <c r="J29369" s="8">
        <v>12921300</v>
      </c>
      <c r="K29369" s="9">
        <v>738.36</v>
      </c>
      <c r="L29369" s="6" t="s">
        <v>10</v>
      </c>
    </row>
    <row r="29370" spans="1:12">
      <c r="A29370" s="6" t="s">
        <v>30276</v>
      </c>
      <c r="B29370" s="6"/>
      <c r="C29370" s="6" t="s">
        <v>30278</v>
      </c>
      <c r="D29370" s="6"/>
      <c r="E29370" s="6" t="s">
        <v>9</v>
      </c>
      <c r="F29370" s="7">
        <v>38657</v>
      </c>
      <c r="G29370" s="8">
        <v>1155000</v>
      </c>
      <c r="H29370" s="8">
        <v>1155000</v>
      </c>
      <c r="I29370" s="8">
        <v>0</v>
      </c>
      <c r="J29370" s="8">
        <v>1155000</v>
      </c>
      <c r="K29370" s="9">
        <v>66</v>
      </c>
      <c r="L29370" s="6" t="s">
        <v>10</v>
      </c>
    </row>
    <row r="29371" spans="1:12">
      <c r="A29371" s="6" t="s">
        <v>30276</v>
      </c>
      <c r="B29371" s="6"/>
      <c r="C29371" s="6" t="s">
        <v>30279</v>
      </c>
      <c r="D29371" s="6"/>
      <c r="E29371" s="6" t="s">
        <v>9</v>
      </c>
      <c r="F29371" s="7">
        <v>38657</v>
      </c>
      <c r="G29371" s="8">
        <v>2469775</v>
      </c>
      <c r="H29371" s="8">
        <v>2469775</v>
      </c>
      <c r="I29371" s="8">
        <v>0</v>
      </c>
      <c r="J29371" s="8">
        <v>2469775</v>
      </c>
      <c r="K29371" s="9">
        <v>141.13</v>
      </c>
      <c r="L29371" s="6" t="s">
        <v>10</v>
      </c>
    </row>
    <row r="29372" spans="1:12">
      <c r="A29372" s="6" t="s">
        <v>30276</v>
      </c>
      <c r="B29372" s="6"/>
      <c r="C29372" s="6" t="s">
        <v>30280</v>
      </c>
      <c r="D29372" s="6"/>
      <c r="E29372" s="6" t="s">
        <v>9</v>
      </c>
      <c r="F29372" s="7">
        <v>38657</v>
      </c>
      <c r="G29372" s="8">
        <v>22813720</v>
      </c>
      <c r="H29372" s="8">
        <v>22813720</v>
      </c>
      <c r="I29372" s="8">
        <v>0</v>
      </c>
      <c r="J29372" s="8">
        <v>22813720</v>
      </c>
      <c r="K29372" s="9">
        <v>642.64</v>
      </c>
      <c r="L29372" s="6" t="s">
        <v>10</v>
      </c>
    </row>
    <row r="29373" spans="1:12">
      <c r="A29373" s="6" t="s">
        <v>30276</v>
      </c>
      <c r="B29373" s="6"/>
      <c r="C29373" s="6" t="s">
        <v>30281</v>
      </c>
      <c r="D29373" s="6"/>
      <c r="E29373" s="6" t="s">
        <v>9</v>
      </c>
      <c r="F29373" s="7">
        <v>38657</v>
      </c>
      <c r="G29373" s="8">
        <v>441175</v>
      </c>
      <c r="H29373" s="8">
        <v>441175</v>
      </c>
      <c r="I29373" s="8">
        <v>0</v>
      </c>
      <c r="J29373" s="8">
        <v>441175</v>
      </c>
      <c r="K29373" s="9">
        <v>25.21</v>
      </c>
      <c r="L29373" s="6" t="s">
        <v>10</v>
      </c>
    </row>
    <row r="29374" spans="1:12">
      <c r="A29374" s="6" t="s">
        <v>30276</v>
      </c>
      <c r="B29374" s="6"/>
      <c r="C29374" s="6" t="s">
        <v>30282</v>
      </c>
      <c r="D29374" s="6"/>
      <c r="E29374" s="6" t="s">
        <v>9</v>
      </c>
      <c r="F29374" s="7">
        <v>38657</v>
      </c>
      <c r="G29374" s="8">
        <v>53001500</v>
      </c>
      <c r="H29374" s="8">
        <v>53001500</v>
      </c>
      <c r="I29374" s="8">
        <v>0</v>
      </c>
      <c r="J29374" s="8">
        <v>53001500</v>
      </c>
      <c r="K29374" s="9">
        <v>1493</v>
      </c>
      <c r="L29374" s="6" t="s">
        <v>10</v>
      </c>
    </row>
    <row r="29375" spans="1:12">
      <c r="A29375" s="6" t="s">
        <v>30276</v>
      </c>
      <c r="B29375" s="6"/>
      <c r="C29375" s="6" t="s">
        <v>30283</v>
      </c>
      <c r="D29375" s="6"/>
      <c r="E29375" s="6" t="s">
        <v>9</v>
      </c>
      <c r="F29375" s="7">
        <v>38657</v>
      </c>
      <c r="G29375" s="8">
        <v>5611130</v>
      </c>
      <c r="H29375" s="8">
        <v>5611130</v>
      </c>
      <c r="I29375" s="8">
        <v>0</v>
      </c>
      <c r="J29375" s="8">
        <v>5611130</v>
      </c>
      <c r="K29375" s="9">
        <v>158.06</v>
      </c>
      <c r="L29375" s="6" t="s">
        <v>10</v>
      </c>
    </row>
    <row r="29376" spans="1:12">
      <c r="A29376" s="6" t="s">
        <v>30276</v>
      </c>
      <c r="B29376" s="6"/>
      <c r="C29376" s="6" t="s">
        <v>30284</v>
      </c>
      <c r="D29376" s="6"/>
      <c r="E29376" s="6" t="s">
        <v>9</v>
      </c>
      <c r="F29376" s="7">
        <v>38657</v>
      </c>
      <c r="G29376" s="8">
        <v>1149050</v>
      </c>
      <c r="H29376" s="8">
        <v>1149050</v>
      </c>
      <c r="I29376" s="8">
        <v>0</v>
      </c>
      <c r="J29376" s="8">
        <v>1149050</v>
      </c>
      <c r="K29376" s="9">
        <v>65.66</v>
      </c>
      <c r="L29376" s="6" t="s">
        <v>10</v>
      </c>
    </row>
    <row r="29377" spans="1:12">
      <c r="A29377" s="6" t="s">
        <v>30276</v>
      </c>
      <c r="B29377" s="6"/>
      <c r="C29377" s="6" t="s">
        <v>30285</v>
      </c>
      <c r="D29377" s="6"/>
      <c r="E29377" s="6" t="s">
        <v>9</v>
      </c>
      <c r="F29377" s="7">
        <v>38657</v>
      </c>
      <c r="G29377" s="8">
        <v>40437425</v>
      </c>
      <c r="H29377" s="8">
        <v>40437425</v>
      </c>
      <c r="I29377" s="8">
        <v>0</v>
      </c>
      <c r="J29377" s="8">
        <v>40437425</v>
      </c>
      <c r="K29377" s="9">
        <v>2310.71</v>
      </c>
      <c r="L29377" s="6" t="s">
        <v>10</v>
      </c>
    </row>
    <row r="29378" spans="1:12">
      <c r="A29378" s="6" t="s">
        <v>30286</v>
      </c>
      <c r="B29378" s="6"/>
      <c r="C29378" s="6" t="s">
        <v>30287</v>
      </c>
      <c r="D29378" s="6"/>
      <c r="E29378" s="6" t="s">
        <v>18740</v>
      </c>
      <c r="F29378" s="7">
        <v>38657</v>
      </c>
      <c r="G29378" s="8">
        <v>7809000</v>
      </c>
      <c r="H29378" s="8">
        <v>7809000</v>
      </c>
      <c r="I29378" s="8">
        <v>0</v>
      </c>
      <c r="J29378" s="8">
        <v>7809000</v>
      </c>
      <c r="K29378" s="9">
        <v>274</v>
      </c>
      <c r="L29378" s="6" t="s">
        <v>10</v>
      </c>
    </row>
    <row r="29379" spans="1:12">
      <c r="A29379" s="6" t="s">
        <v>30286</v>
      </c>
      <c r="B29379" s="6"/>
      <c r="C29379" s="6" t="s">
        <v>30288</v>
      </c>
      <c r="D29379" s="6"/>
      <c r="E29379" s="6" t="s">
        <v>18740</v>
      </c>
      <c r="F29379" s="7">
        <v>38657</v>
      </c>
      <c r="G29379" s="8">
        <v>5158500</v>
      </c>
      <c r="H29379" s="8">
        <v>5158500</v>
      </c>
      <c r="I29379" s="8">
        <v>0</v>
      </c>
      <c r="J29379" s="8">
        <v>5158500</v>
      </c>
      <c r="K29379" s="9">
        <v>181</v>
      </c>
      <c r="L29379" s="6" t="s">
        <v>10</v>
      </c>
    </row>
    <row r="29380" spans="1:12">
      <c r="A29380" s="6" t="s">
        <v>30286</v>
      </c>
      <c r="B29380" s="6"/>
      <c r="C29380" s="6" t="s">
        <v>30289</v>
      </c>
      <c r="D29380" s="6"/>
      <c r="E29380" s="6" t="s">
        <v>18740</v>
      </c>
      <c r="F29380" s="7">
        <v>38657</v>
      </c>
      <c r="G29380" s="8">
        <v>3350000</v>
      </c>
      <c r="H29380" s="8">
        <v>3350000</v>
      </c>
      <c r="I29380" s="8">
        <v>0</v>
      </c>
      <c r="J29380" s="8">
        <v>3350000</v>
      </c>
      <c r="K29380" s="9">
        <v>125</v>
      </c>
      <c r="L29380" s="6" t="s">
        <v>10</v>
      </c>
    </row>
    <row r="29381" spans="1:12">
      <c r="A29381" s="6" t="s">
        <v>30286</v>
      </c>
      <c r="B29381" s="6"/>
      <c r="C29381" s="6" t="s">
        <v>30290</v>
      </c>
      <c r="D29381" s="6"/>
      <c r="E29381" s="6" t="s">
        <v>18740</v>
      </c>
      <c r="F29381" s="7">
        <v>38657</v>
      </c>
      <c r="G29381" s="8">
        <v>3698400</v>
      </c>
      <c r="H29381" s="8">
        <v>3698400</v>
      </c>
      <c r="I29381" s="8">
        <v>0</v>
      </c>
      <c r="J29381" s="8">
        <v>3698400</v>
      </c>
      <c r="K29381" s="9">
        <v>138</v>
      </c>
      <c r="L29381" s="6" t="s">
        <v>10</v>
      </c>
    </row>
    <row r="29382" spans="1:12">
      <c r="A29382" s="6" t="s">
        <v>30286</v>
      </c>
      <c r="B29382" s="6"/>
      <c r="C29382" s="6" t="s">
        <v>30291</v>
      </c>
      <c r="D29382" s="6"/>
      <c r="E29382" s="6" t="s">
        <v>18740</v>
      </c>
      <c r="F29382" s="7">
        <v>38657</v>
      </c>
      <c r="G29382" s="8">
        <v>5467200</v>
      </c>
      <c r="H29382" s="8">
        <v>5467200</v>
      </c>
      <c r="I29382" s="8">
        <v>0</v>
      </c>
      <c r="J29382" s="8">
        <v>5467200</v>
      </c>
      <c r="K29382" s="9">
        <v>204</v>
      </c>
      <c r="L29382" s="6" t="s">
        <v>10</v>
      </c>
    </row>
    <row r="29383" spans="1:12">
      <c r="A29383" s="6" t="s">
        <v>30292</v>
      </c>
      <c r="B29383" s="6"/>
      <c r="C29383" s="6" t="s">
        <v>30293</v>
      </c>
      <c r="D29383" s="6"/>
      <c r="E29383" s="6" t="s">
        <v>18740</v>
      </c>
      <c r="F29383" s="7">
        <v>38657</v>
      </c>
      <c r="G29383" s="8">
        <v>76680</v>
      </c>
      <c r="H29383" s="8">
        <v>76680</v>
      </c>
      <c r="I29383" s="8">
        <v>0</v>
      </c>
      <c r="J29383" s="8">
        <v>76680</v>
      </c>
      <c r="K29383" s="9">
        <v>15</v>
      </c>
      <c r="L29383" s="6" t="s">
        <v>23</v>
      </c>
    </row>
    <row r="29384" spans="1:12">
      <c r="A29384" s="6" t="s">
        <v>30294</v>
      </c>
      <c r="B29384" s="6"/>
      <c r="C29384" s="6" t="s">
        <v>30295</v>
      </c>
      <c r="D29384" s="6"/>
      <c r="E29384" s="6" t="s">
        <v>18740</v>
      </c>
      <c r="F29384" s="7">
        <v>38657</v>
      </c>
      <c r="G29384" s="8">
        <v>6966000</v>
      </c>
      <c r="H29384" s="8">
        <v>6966000</v>
      </c>
      <c r="I29384" s="8">
        <v>0</v>
      </c>
      <c r="J29384" s="8">
        <v>6966000</v>
      </c>
      <c r="K29384" s="9">
        <v>172</v>
      </c>
      <c r="L29384" s="6" t="s">
        <v>10</v>
      </c>
    </row>
    <row r="29385" spans="1:12">
      <c r="A29385" s="6" t="s">
        <v>30296</v>
      </c>
      <c r="B29385" s="6"/>
      <c r="C29385" s="6" t="s">
        <v>30297</v>
      </c>
      <c r="D29385" s="6"/>
      <c r="E29385" s="6" t="s">
        <v>9</v>
      </c>
      <c r="F29385" s="7">
        <v>38657</v>
      </c>
      <c r="G29385" s="8">
        <v>625350</v>
      </c>
      <c r="H29385" s="8">
        <v>625350</v>
      </c>
      <c r="I29385" s="8">
        <v>0</v>
      </c>
      <c r="J29385" s="8">
        <v>625350</v>
      </c>
      <c r="K29385" s="9">
        <v>122.33</v>
      </c>
      <c r="L29385" s="6" t="s">
        <v>23</v>
      </c>
    </row>
    <row r="29386" spans="1:12">
      <c r="A29386" s="6" t="s">
        <v>30298</v>
      </c>
      <c r="B29386" s="6"/>
      <c r="C29386" s="6" t="s">
        <v>30299</v>
      </c>
      <c r="D29386" s="6"/>
      <c r="E29386" s="6" t="s">
        <v>9</v>
      </c>
      <c r="F29386" s="7">
        <v>38657</v>
      </c>
      <c r="G29386" s="8">
        <v>4099824</v>
      </c>
      <c r="H29386" s="8">
        <v>4099824</v>
      </c>
      <c r="I29386" s="8">
        <v>0</v>
      </c>
      <c r="J29386" s="8">
        <v>4099824</v>
      </c>
      <c r="K29386" s="9">
        <v>802</v>
      </c>
      <c r="L29386" s="6" t="s">
        <v>14</v>
      </c>
    </row>
    <row r="29387" spans="1:12">
      <c r="A29387" s="6" t="s">
        <v>30300</v>
      </c>
      <c r="B29387" s="6"/>
      <c r="C29387" s="6" t="s">
        <v>30301</v>
      </c>
      <c r="D29387" s="6"/>
      <c r="E29387" s="6" t="s">
        <v>25121</v>
      </c>
      <c r="F29387" s="7">
        <v>38657</v>
      </c>
      <c r="G29387" s="8">
        <v>172800364</v>
      </c>
      <c r="H29387" s="8">
        <v>172800364</v>
      </c>
      <c r="I29387" s="8">
        <v>0</v>
      </c>
      <c r="J29387" s="8">
        <v>172800364</v>
      </c>
      <c r="K29387" s="9">
        <v>4133.9799999999896</v>
      </c>
      <c r="L29387" s="6" t="s">
        <v>10</v>
      </c>
    </row>
    <row r="29388" spans="1:12">
      <c r="A29388" s="6" t="s">
        <v>30300</v>
      </c>
      <c r="B29388" s="6"/>
      <c r="C29388" s="6" t="s">
        <v>30302</v>
      </c>
      <c r="D29388" s="6"/>
      <c r="E29388" s="6" t="s">
        <v>25121</v>
      </c>
      <c r="F29388" s="7">
        <v>38657</v>
      </c>
      <c r="G29388" s="8">
        <v>96131</v>
      </c>
      <c r="H29388" s="8">
        <v>96131</v>
      </c>
      <c r="I29388" s="8">
        <v>0</v>
      </c>
      <c r="J29388" s="8">
        <v>96131</v>
      </c>
      <c r="K29388" s="9">
        <v>2.17</v>
      </c>
      <c r="L29388" s="6" t="s">
        <v>10</v>
      </c>
    </row>
    <row r="29389" spans="1:12">
      <c r="A29389" s="6" t="s">
        <v>30303</v>
      </c>
      <c r="B29389" s="6"/>
      <c r="C29389" s="6" t="s">
        <v>30304</v>
      </c>
      <c r="D29389" s="6"/>
      <c r="E29389" s="6" t="s">
        <v>9</v>
      </c>
      <c r="F29389" s="7">
        <v>38657</v>
      </c>
      <c r="G29389" s="8">
        <v>1083744</v>
      </c>
      <c r="H29389" s="8">
        <v>1083744</v>
      </c>
      <c r="I29389" s="8">
        <v>0</v>
      </c>
      <c r="J29389" s="8">
        <v>1083744</v>
      </c>
      <c r="K29389" s="9">
        <v>212</v>
      </c>
      <c r="L29389" s="6" t="s">
        <v>14</v>
      </c>
    </row>
    <row r="29390" spans="1:12">
      <c r="A29390" s="6" t="s">
        <v>30305</v>
      </c>
      <c r="B29390" s="6"/>
      <c r="C29390" s="6" t="s">
        <v>30306</v>
      </c>
      <c r="D29390" s="6"/>
      <c r="E29390" s="6" t="s">
        <v>18740</v>
      </c>
      <c r="F29390" s="7">
        <v>38657</v>
      </c>
      <c r="G29390" s="8">
        <v>290363</v>
      </c>
      <c r="H29390" s="8">
        <v>290363</v>
      </c>
      <c r="I29390" s="8">
        <v>0</v>
      </c>
      <c r="J29390" s="8">
        <v>290363</v>
      </c>
      <c r="K29390" s="9">
        <v>9.91</v>
      </c>
      <c r="L29390" s="6" t="s">
        <v>10</v>
      </c>
    </row>
    <row r="29391" spans="1:12">
      <c r="A29391" s="6" t="s">
        <v>30305</v>
      </c>
      <c r="B29391" s="6"/>
      <c r="C29391" s="6" t="s">
        <v>30307</v>
      </c>
      <c r="D29391" s="6"/>
      <c r="E29391" s="6" t="s">
        <v>18740</v>
      </c>
      <c r="F29391" s="7">
        <v>38657</v>
      </c>
      <c r="G29391" s="8">
        <v>96690</v>
      </c>
      <c r="H29391" s="8">
        <v>96690</v>
      </c>
      <c r="I29391" s="8">
        <v>0</v>
      </c>
      <c r="J29391" s="8">
        <v>96690</v>
      </c>
      <c r="K29391" s="9">
        <v>3.3</v>
      </c>
      <c r="L29391" s="6" t="s">
        <v>10</v>
      </c>
    </row>
    <row r="29392" spans="1:12">
      <c r="A29392" s="6" t="s">
        <v>30308</v>
      </c>
      <c r="B29392" s="6"/>
      <c r="C29392" s="6" t="s">
        <v>30309</v>
      </c>
      <c r="D29392" s="6"/>
      <c r="E29392" s="6" t="s">
        <v>18740</v>
      </c>
      <c r="F29392" s="7">
        <v>38657</v>
      </c>
      <c r="G29392" s="8">
        <v>7098000</v>
      </c>
      <c r="H29392" s="8">
        <v>7098000</v>
      </c>
      <c r="I29392" s="8">
        <v>0</v>
      </c>
      <c r="J29392" s="8">
        <v>7098000</v>
      </c>
      <c r="K29392" s="9">
        <v>455</v>
      </c>
      <c r="L29392" s="6" t="s">
        <v>10</v>
      </c>
    </row>
    <row r="29393" spans="1:12">
      <c r="A29393" s="6" t="s">
        <v>30310</v>
      </c>
      <c r="B29393" s="6"/>
      <c r="C29393" s="6" t="s">
        <v>30311</v>
      </c>
      <c r="D29393" s="6"/>
      <c r="E29393" s="6" t="s">
        <v>18740</v>
      </c>
      <c r="F29393" s="7">
        <v>38657</v>
      </c>
      <c r="G29393" s="8">
        <v>2223000</v>
      </c>
      <c r="H29393" s="8">
        <v>2223000</v>
      </c>
      <c r="I29393" s="8">
        <v>0</v>
      </c>
      <c r="J29393" s="8">
        <v>2223000</v>
      </c>
      <c r="K29393" s="9">
        <v>65</v>
      </c>
      <c r="L29393" s="6" t="s">
        <v>10</v>
      </c>
    </row>
    <row r="29394" spans="1:12">
      <c r="A29394" s="6" t="s">
        <v>30312</v>
      </c>
      <c r="B29394" s="6"/>
      <c r="C29394" s="6" t="s">
        <v>30313</v>
      </c>
      <c r="D29394" s="6"/>
      <c r="E29394" s="6" t="s">
        <v>18740</v>
      </c>
      <c r="F29394" s="7">
        <v>38657</v>
      </c>
      <c r="G29394" s="8">
        <v>265824</v>
      </c>
      <c r="H29394" s="8">
        <v>265824</v>
      </c>
      <c r="I29394" s="8">
        <v>0</v>
      </c>
      <c r="J29394" s="8">
        <v>265824</v>
      </c>
      <c r="K29394" s="9">
        <v>52</v>
      </c>
      <c r="L29394" s="6" t="s">
        <v>2193</v>
      </c>
    </row>
    <row r="29395" spans="1:12">
      <c r="A29395" s="6" t="s">
        <v>30312</v>
      </c>
      <c r="B29395" s="6"/>
      <c r="C29395" s="6" t="s">
        <v>30314</v>
      </c>
      <c r="D29395" s="6"/>
      <c r="E29395" s="6" t="s">
        <v>18740</v>
      </c>
      <c r="F29395" s="7">
        <v>38657</v>
      </c>
      <c r="G29395" s="8">
        <v>148248</v>
      </c>
      <c r="H29395" s="8">
        <v>148248</v>
      </c>
      <c r="I29395" s="8">
        <v>0</v>
      </c>
      <c r="J29395" s="8">
        <v>148248</v>
      </c>
      <c r="K29395" s="9">
        <v>29</v>
      </c>
      <c r="L29395" s="6" t="s">
        <v>2193</v>
      </c>
    </row>
    <row r="29396" spans="1:12">
      <c r="A29396" s="6" t="s">
        <v>30315</v>
      </c>
      <c r="B29396" s="6"/>
      <c r="C29396" s="6" t="s">
        <v>30316</v>
      </c>
      <c r="D29396" s="6"/>
      <c r="E29396" s="6" t="s">
        <v>18740</v>
      </c>
      <c r="F29396" s="7">
        <v>38657</v>
      </c>
      <c r="G29396" s="8">
        <v>1000800</v>
      </c>
      <c r="H29396" s="8">
        <v>1000800</v>
      </c>
      <c r="I29396" s="8">
        <v>0</v>
      </c>
      <c r="J29396" s="8">
        <v>1000800</v>
      </c>
      <c r="K29396" s="9">
        <v>36</v>
      </c>
      <c r="L29396" s="6" t="s">
        <v>10</v>
      </c>
    </row>
    <row r="29397" spans="1:12">
      <c r="A29397" s="6" t="s">
        <v>30317</v>
      </c>
      <c r="B29397" s="6"/>
      <c r="C29397" s="6" t="s">
        <v>30318</v>
      </c>
      <c r="D29397" s="6"/>
      <c r="E29397" s="6" t="s">
        <v>18740</v>
      </c>
      <c r="F29397" s="7">
        <v>38657</v>
      </c>
      <c r="G29397" s="8">
        <v>3391500</v>
      </c>
      <c r="H29397" s="8">
        <v>3391500</v>
      </c>
      <c r="I29397" s="8">
        <v>0</v>
      </c>
      <c r="J29397" s="8">
        <v>3391500</v>
      </c>
      <c r="K29397" s="9">
        <v>255</v>
      </c>
      <c r="L29397" s="6" t="s">
        <v>10</v>
      </c>
    </row>
    <row r="29398" spans="1:12">
      <c r="A29398" s="6" t="s">
        <v>30319</v>
      </c>
      <c r="B29398" s="6"/>
      <c r="C29398" s="6" t="s">
        <v>30320</v>
      </c>
      <c r="D29398" s="6"/>
      <c r="E29398" s="6" t="s">
        <v>9</v>
      </c>
      <c r="F29398" s="7">
        <v>38657</v>
      </c>
      <c r="G29398" s="8">
        <v>3578400</v>
      </c>
      <c r="H29398" s="8">
        <v>3578400</v>
      </c>
      <c r="I29398" s="8">
        <v>0</v>
      </c>
      <c r="J29398" s="8">
        <v>3578400</v>
      </c>
      <c r="K29398" s="9">
        <v>700</v>
      </c>
      <c r="L29398" s="6" t="s">
        <v>14</v>
      </c>
    </row>
    <row r="29399" spans="1:12">
      <c r="A29399" s="6" t="s">
        <v>30321</v>
      </c>
      <c r="B29399" s="6"/>
      <c r="C29399" s="6" t="s">
        <v>30322</v>
      </c>
      <c r="D29399" s="6"/>
      <c r="E29399" s="6" t="s">
        <v>18740</v>
      </c>
      <c r="F29399" s="7">
        <v>38657</v>
      </c>
      <c r="G29399" s="8">
        <v>5850600</v>
      </c>
      <c r="H29399" s="8">
        <v>5850600</v>
      </c>
      <c r="I29399" s="8">
        <v>0</v>
      </c>
      <c r="J29399" s="8">
        <v>5850600</v>
      </c>
      <c r="K29399" s="9">
        <v>147</v>
      </c>
      <c r="L29399" s="6" t="s">
        <v>10</v>
      </c>
    </row>
    <row r="29400" spans="1:12">
      <c r="A29400" s="6" t="s">
        <v>30323</v>
      </c>
      <c r="B29400" s="6"/>
      <c r="C29400" s="6" t="s">
        <v>30324</v>
      </c>
      <c r="D29400" s="6"/>
      <c r="E29400" s="6" t="s">
        <v>9</v>
      </c>
      <c r="F29400" s="7">
        <v>38657</v>
      </c>
      <c r="G29400" s="8">
        <v>303601</v>
      </c>
      <c r="H29400" s="8">
        <v>303601</v>
      </c>
      <c r="I29400" s="8">
        <v>0</v>
      </c>
      <c r="J29400" s="8">
        <v>303601</v>
      </c>
      <c r="K29400" s="9">
        <v>59.39</v>
      </c>
      <c r="L29400" s="6" t="s">
        <v>14</v>
      </c>
    </row>
    <row r="29401" spans="1:12">
      <c r="A29401" s="6" t="s">
        <v>30323</v>
      </c>
      <c r="B29401" s="6"/>
      <c r="C29401" s="6" t="s">
        <v>30325</v>
      </c>
      <c r="D29401" s="6"/>
      <c r="E29401" s="6" t="s">
        <v>9</v>
      </c>
      <c r="F29401" s="7">
        <v>38657</v>
      </c>
      <c r="G29401" s="8">
        <v>316483</v>
      </c>
      <c r="H29401" s="8">
        <v>316483</v>
      </c>
      <c r="I29401" s="8">
        <v>0</v>
      </c>
      <c r="J29401" s="8">
        <v>316483</v>
      </c>
      <c r="K29401" s="9">
        <v>61.91</v>
      </c>
      <c r="L29401" s="6" t="s">
        <v>14</v>
      </c>
    </row>
    <row r="29402" spans="1:12">
      <c r="A29402" s="6" t="s">
        <v>30323</v>
      </c>
      <c r="B29402" s="6"/>
      <c r="C29402" s="6" t="s">
        <v>30326</v>
      </c>
      <c r="D29402" s="6"/>
      <c r="E29402" s="6" t="s">
        <v>9</v>
      </c>
      <c r="F29402" s="7">
        <v>38657</v>
      </c>
      <c r="G29402" s="8">
        <v>707091</v>
      </c>
      <c r="H29402" s="8">
        <v>707091</v>
      </c>
      <c r="I29402" s="8">
        <v>0</v>
      </c>
      <c r="J29402" s="8">
        <v>707091</v>
      </c>
      <c r="K29402" s="9">
        <v>138.32</v>
      </c>
      <c r="L29402" s="6" t="s">
        <v>14</v>
      </c>
    </row>
    <row r="29403" spans="1:12">
      <c r="A29403" s="6" t="s">
        <v>30323</v>
      </c>
      <c r="B29403" s="6"/>
      <c r="C29403" s="6" t="s">
        <v>30327</v>
      </c>
      <c r="D29403" s="6"/>
      <c r="E29403" s="6" t="s">
        <v>9</v>
      </c>
      <c r="F29403" s="7">
        <v>38657</v>
      </c>
      <c r="G29403" s="8">
        <v>225234</v>
      </c>
      <c r="H29403" s="8">
        <v>225234</v>
      </c>
      <c r="I29403" s="8">
        <v>0</v>
      </c>
      <c r="J29403" s="8">
        <v>225234</v>
      </c>
      <c r="K29403" s="9">
        <v>44.06</v>
      </c>
      <c r="L29403" s="6" t="s">
        <v>14</v>
      </c>
    </row>
    <row r="29404" spans="1:12">
      <c r="A29404" s="6" t="s">
        <v>30323</v>
      </c>
      <c r="B29404" s="6"/>
      <c r="C29404" s="6" t="s">
        <v>30328</v>
      </c>
      <c r="D29404" s="6"/>
      <c r="E29404" s="6" t="s">
        <v>9</v>
      </c>
      <c r="F29404" s="7">
        <v>38657</v>
      </c>
      <c r="G29404" s="8">
        <v>449140</v>
      </c>
      <c r="H29404" s="8">
        <v>449140</v>
      </c>
      <c r="I29404" s="8">
        <v>0</v>
      </c>
      <c r="J29404" s="8">
        <v>449140</v>
      </c>
      <c r="K29404" s="9">
        <v>87.86</v>
      </c>
      <c r="L29404" s="6" t="s">
        <v>14</v>
      </c>
    </row>
    <row r="29405" spans="1:12">
      <c r="A29405" s="6" t="s">
        <v>30323</v>
      </c>
      <c r="B29405" s="6"/>
      <c r="C29405" s="6" t="s">
        <v>30329</v>
      </c>
      <c r="D29405" s="6"/>
      <c r="E29405" s="6" t="s">
        <v>9</v>
      </c>
      <c r="F29405" s="7">
        <v>38657</v>
      </c>
      <c r="G29405" s="8">
        <v>113128</v>
      </c>
      <c r="H29405" s="8">
        <v>113128</v>
      </c>
      <c r="I29405" s="8">
        <v>0</v>
      </c>
      <c r="J29405" s="8">
        <v>113128</v>
      </c>
      <c r="K29405" s="9">
        <v>22.13</v>
      </c>
      <c r="L29405" s="6" t="s">
        <v>14</v>
      </c>
    </row>
    <row r="29406" spans="1:12">
      <c r="A29406" s="6" t="s">
        <v>30323</v>
      </c>
      <c r="B29406" s="6"/>
      <c r="C29406" s="6" t="s">
        <v>30330</v>
      </c>
      <c r="D29406" s="6"/>
      <c r="E29406" s="6" t="s">
        <v>9</v>
      </c>
      <c r="F29406" s="7">
        <v>38657</v>
      </c>
      <c r="G29406" s="8">
        <v>706018</v>
      </c>
      <c r="H29406" s="8">
        <v>706018</v>
      </c>
      <c r="I29406" s="8">
        <v>0</v>
      </c>
      <c r="J29406" s="8">
        <v>706018</v>
      </c>
      <c r="K29406" s="9">
        <v>138.11000000000001</v>
      </c>
      <c r="L29406" s="6" t="s">
        <v>14</v>
      </c>
    </row>
    <row r="29407" spans="1:12">
      <c r="A29407" s="6" t="s">
        <v>30323</v>
      </c>
      <c r="B29407" s="6"/>
      <c r="C29407" s="6" t="s">
        <v>30331</v>
      </c>
      <c r="D29407" s="6"/>
      <c r="E29407" s="6" t="s">
        <v>9</v>
      </c>
      <c r="F29407" s="7">
        <v>38657</v>
      </c>
      <c r="G29407" s="8">
        <v>234027</v>
      </c>
      <c r="H29407" s="8">
        <v>234027</v>
      </c>
      <c r="I29407" s="8">
        <v>0</v>
      </c>
      <c r="J29407" s="8">
        <v>234027</v>
      </c>
      <c r="K29407" s="9">
        <v>45.78</v>
      </c>
      <c r="L29407" s="6" t="s">
        <v>14</v>
      </c>
    </row>
    <row r="29408" spans="1:12">
      <c r="A29408" s="6" t="s">
        <v>30332</v>
      </c>
      <c r="B29408" s="6"/>
      <c r="C29408" s="6" t="s">
        <v>30333</v>
      </c>
      <c r="D29408" s="6"/>
      <c r="E29408" s="6" t="s">
        <v>9</v>
      </c>
      <c r="F29408" s="7">
        <v>38657</v>
      </c>
      <c r="G29408" s="8">
        <v>5144665</v>
      </c>
      <c r="H29408" s="8">
        <v>5144665</v>
      </c>
      <c r="I29408" s="8">
        <v>0</v>
      </c>
      <c r="J29408" s="8">
        <v>5144665</v>
      </c>
      <c r="K29408" s="9">
        <v>1006.39</v>
      </c>
      <c r="L29408" s="6" t="s">
        <v>14</v>
      </c>
    </row>
    <row r="29409" spans="1:12">
      <c r="A29409" s="6" t="s">
        <v>30334</v>
      </c>
      <c r="B29409" s="6"/>
      <c r="C29409" s="6" t="s">
        <v>30335</v>
      </c>
      <c r="D29409" s="6"/>
      <c r="E29409" s="6" t="s">
        <v>18740</v>
      </c>
      <c r="F29409" s="7">
        <v>38657</v>
      </c>
      <c r="G29409" s="8">
        <v>2392642</v>
      </c>
      <c r="H29409" s="8">
        <v>2392642</v>
      </c>
      <c r="I29409" s="8">
        <v>0</v>
      </c>
      <c r="J29409" s="8">
        <v>2392642</v>
      </c>
      <c r="K29409" s="9">
        <v>160.58000000000001</v>
      </c>
      <c r="L29409" s="6" t="s">
        <v>10</v>
      </c>
    </row>
    <row r="29410" spans="1:12">
      <c r="A29410" s="6" t="s">
        <v>30336</v>
      </c>
      <c r="B29410" s="6"/>
      <c r="C29410" s="6" t="s">
        <v>30337</v>
      </c>
      <c r="D29410" s="6"/>
      <c r="E29410" s="6" t="s">
        <v>18740</v>
      </c>
      <c r="F29410" s="7">
        <v>38657</v>
      </c>
      <c r="G29410" s="8">
        <v>803000</v>
      </c>
      <c r="H29410" s="8">
        <v>803000</v>
      </c>
      <c r="I29410" s="8">
        <v>0</v>
      </c>
      <c r="J29410" s="8">
        <v>803000</v>
      </c>
      <c r="K29410" s="9">
        <v>22</v>
      </c>
      <c r="L29410" s="6" t="s">
        <v>10</v>
      </c>
    </row>
    <row r="29411" spans="1:12">
      <c r="A29411" s="6" t="s">
        <v>30338</v>
      </c>
      <c r="B29411" s="6"/>
      <c r="C29411" s="6" t="s">
        <v>30339</v>
      </c>
      <c r="D29411" s="6"/>
      <c r="E29411" s="6" t="s">
        <v>18740</v>
      </c>
      <c r="F29411" s="7">
        <v>38657</v>
      </c>
      <c r="G29411" s="8">
        <v>118524</v>
      </c>
      <c r="H29411" s="8">
        <v>118524</v>
      </c>
      <c r="I29411" s="8">
        <v>0</v>
      </c>
      <c r="J29411" s="8">
        <v>118524</v>
      </c>
      <c r="K29411" s="9">
        <v>3.57</v>
      </c>
      <c r="L29411" s="6" t="s">
        <v>10</v>
      </c>
    </row>
    <row r="29412" spans="1:12">
      <c r="A29412" s="6" t="s">
        <v>30340</v>
      </c>
      <c r="B29412" s="6"/>
      <c r="C29412" s="6" t="s">
        <v>30341</v>
      </c>
      <c r="D29412" s="6"/>
      <c r="E29412" s="6" t="s">
        <v>9</v>
      </c>
      <c r="F29412" s="7">
        <v>38657</v>
      </c>
      <c r="G29412" s="8">
        <v>6002500</v>
      </c>
      <c r="H29412" s="8">
        <v>6002500</v>
      </c>
      <c r="I29412" s="8">
        <v>0</v>
      </c>
      <c r="J29412" s="8">
        <v>6002500</v>
      </c>
      <c r="K29412" s="9">
        <v>343</v>
      </c>
      <c r="L29412" s="6" t="s">
        <v>1694</v>
      </c>
    </row>
    <row r="29413" spans="1:12">
      <c r="A29413" s="6" t="s">
        <v>30340</v>
      </c>
      <c r="B29413" s="6"/>
      <c r="C29413" s="6" t="s">
        <v>30342</v>
      </c>
      <c r="D29413" s="6"/>
      <c r="E29413" s="6" t="s">
        <v>9</v>
      </c>
      <c r="F29413" s="7">
        <v>38657</v>
      </c>
      <c r="G29413" s="8">
        <v>16415000</v>
      </c>
      <c r="H29413" s="8">
        <v>16415000</v>
      </c>
      <c r="I29413" s="8">
        <v>0</v>
      </c>
      <c r="J29413" s="8">
        <v>16415000</v>
      </c>
      <c r="K29413" s="9">
        <v>938</v>
      </c>
      <c r="L29413" s="6" t="s">
        <v>1694</v>
      </c>
    </row>
    <row r="29414" spans="1:12">
      <c r="A29414" s="6" t="s">
        <v>30340</v>
      </c>
      <c r="B29414" s="6"/>
      <c r="C29414" s="6" t="s">
        <v>30343</v>
      </c>
      <c r="D29414" s="6"/>
      <c r="E29414" s="6" t="s">
        <v>9</v>
      </c>
      <c r="F29414" s="7">
        <v>38657</v>
      </c>
      <c r="G29414" s="8">
        <v>10570000</v>
      </c>
      <c r="H29414" s="8">
        <v>10570000</v>
      </c>
      <c r="I29414" s="8">
        <v>0</v>
      </c>
      <c r="J29414" s="8">
        <v>10570000</v>
      </c>
      <c r="K29414" s="9">
        <v>604</v>
      </c>
      <c r="L29414" s="6" t="s">
        <v>1694</v>
      </c>
    </row>
    <row r="29415" spans="1:12">
      <c r="A29415" s="6" t="s">
        <v>30340</v>
      </c>
      <c r="B29415" s="6"/>
      <c r="C29415" s="6" t="s">
        <v>30344</v>
      </c>
      <c r="D29415" s="6"/>
      <c r="E29415" s="6" t="s">
        <v>9</v>
      </c>
      <c r="F29415" s="7">
        <v>38657</v>
      </c>
      <c r="G29415" s="8">
        <v>10570000</v>
      </c>
      <c r="H29415" s="8">
        <v>10570000</v>
      </c>
      <c r="I29415" s="8">
        <v>0</v>
      </c>
      <c r="J29415" s="8">
        <v>10570000</v>
      </c>
      <c r="K29415" s="9">
        <v>604</v>
      </c>
      <c r="L29415" s="6" t="s">
        <v>1694</v>
      </c>
    </row>
    <row r="29416" spans="1:12">
      <c r="A29416" s="6" t="s">
        <v>30340</v>
      </c>
      <c r="B29416" s="6"/>
      <c r="C29416" s="6" t="s">
        <v>30345</v>
      </c>
      <c r="D29416" s="6"/>
      <c r="E29416" s="6" t="s">
        <v>9</v>
      </c>
      <c r="F29416" s="7">
        <v>38657</v>
      </c>
      <c r="G29416" s="8">
        <v>9327500</v>
      </c>
      <c r="H29416" s="8">
        <v>9327500</v>
      </c>
      <c r="I29416" s="8">
        <v>0</v>
      </c>
      <c r="J29416" s="8">
        <v>9327500</v>
      </c>
      <c r="K29416" s="9">
        <v>533</v>
      </c>
      <c r="L29416" s="6" t="s">
        <v>1694</v>
      </c>
    </row>
    <row r="29417" spans="1:12">
      <c r="A29417" s="6" t="s">
        <v>30340</v>
      </c>
      <c r="B29417" s="6"/>
      <c r="C29417" s="6" t="s">
        <v>30346</v>
      </c>
      <c r="D29417" s="6"/>
      <c r="E29417" s="6" t="s">
        <v>9</v>
      </c>
      <c r="F29417" s="7">
        <v>38657</v>
      </c>
      <c r="G29417" s="8">
        <v>262500</v>
      </c>
      <c r="H29417" s="8">
        <v>262500</v>
      </c>
      <c r="I29417" s="8">
        <v>0</v>
      </c>
      <c r="J29417" s="8">
        <v>262500</v>
      </c>
      <c r="K29417" s="9">
        <v>15</v>
      </c>
      <c r="L29417" s="6" t="s">
        <v>1694</v>
      </c>
    </row>
    <row r="29418" spans="1:12">
      <c r="A29418" s="6" t="s">
        <v>30340</v>
      </c>
      <c r="B29418" s="6"/>
      <c r="C29418" s="6" t="s">
        <v>30347</v>
      </c>
      <c r="D29418" s="6"/>
      <c r="E29418" s="6" t="s">
        <v>9</v>
      </c>
      <c r="F29418" s="7">
        <v>38657</v>
      </c>
      <c r="G29418" s="8">
        <v>13352500</v>
      </c>
      <c r="H29418" s="8">
        <v>13352500</v>
      </c>
      <c r="I29418" s="8">
        <v>0</v>
      </c>
      <c r="J29418" s="8">
        <v>13352500</v>
      </c>
      <c r="K29418" s="9">
        <v>763</v>
      </c>
      <c r="L29418" s="6" t="s">
        <v>1694</v>
      </c>
    </row>
    <row r="29419" spans="1:12">
      <c r="A29419" s="6" t="s">
        <v>30340</v>
      </c>
      <c r="B29419" s="6"/>
      <c r="C29419" s="6" t="s">
        <v>30348</v>
      </c>
      <c r="D29419" s="6"/>
      <c r="E29419" s="6" t="s">
        <v>9</v>
      </c>
      <c r="F29419" s="7">
        <v>38657</v>
      </c>
      <c r="G29419" s="8">
        <v>11375000</v>
      </c>
      <c r="H29419" s="8">
        <v>11375000</v>
      </c>
      <c r="I29419" s="8">
        <v>0</v>
      </c>
      <c r="J29419" s="8">
        <v>11375000</v>
      </c>
      <c r="K29419" s="9">
        <v>650</v>
      </c>
      <c r="L29419" s="6" t="s">
        <v>1694</v>
      </c>
    </row>
    <row r="29420" spans="1:12">
      <c r="A29420" s="6" t="s">
        <v>30340</v>
      </c>
      <c r="B29420" s="6"/>
      <c r="C29420" s="6" t="s">
        <v>30349</v>
      </c>
      <c r="D29420" s="6"/>
      <c r="E29420" s="6" t="s">
        <v>9</v>
      </c>
      <c r="F29420" s="7">
        <v>38657</v>
      </c>
      <c r="G29420" s="8">
        <v>14857500</v>
      </c>
      <c r="H29420" s="8">
        <v>14857500</v>
      </c>
      <c r="I29420" s="8">
        <v>0</v>
      </c>
      <c r="J29420" s="8">
        <v>14857500</v>
      </c>
      <c r="K29420" s="9">
        <v>849</v>
      </c>
      <c r="L29420" s="6" t="s">
        <v>1694</v>
      </c>
    </row>
    <row r="29421" spans="1:12">
      <c r="A29421" s="6" t="s">
        <v>30340</v>
      </c>
      <c r="B29421" s="6"/>
      <c r="C29421" s="6" t="s">
        <v>30350</v>
      </c>
      <c r="D29421" s="6"/>
      <c r="E29421" s="6" t="s">
        <v>9</v>
      </c>
      <c r="F29421" s="7">
        <v>38657</v>
      </c>
      <c r="G29421" s="8">
        <v>20352500</v>
      </c>
      <c r="H29421" s="8">
        <v>20352500</v>
      </c>
      <c r="I29421" s="8">
        <v>0</v>
      </c>
      <c r="J29421" s="8">
        <v>20352500</v>
      </c>
      <c r="K29421" s="9">
        <v>1163</v>
      </c>
      <c r="L29421" s="6" t="s">
        <v>1694</v>
      </c>
    </row>
    <row r="29422" spans="1:12">
      <c r="A29422" s="6" t="s">
        <v>30340</v>
      </c>
      <c r="B29422" s="6"/>
      <c r="C29422" s="6" t="s">
        <v>30351</v>
      </c>
      <c r="D29422" s="6"/>
      <c r="E29422" s="6" t="s">
        <v>9</v>
      </c>
      <c r="F29422" s="7">
        <v>38657</v>
      </c>
      <c r="G29422" s="8">
        <v>19495000</v>
      </c>
      <c r="H29422" s="8">
        <v>19495000</v>
      </c>
      <c r="I29422" s="8">
        <v>0</v>
      </c>
      <c r="J29422" s="8">
        <v>19495000</v>
      </c>
      <c r="K29422" s="9">
        <v>1114</v>
      </c>
      <c r="L29422" s="6" t="s">
        <v>1694</v>
      </c>
    </row>
    <row r="29423" spans="1:12">
      <c r="A29423" s="6" t="s">
        <v>30352</v>
      </c>
      <c r="B29423" s="6"/>
      <c r="C29423" s="6" t="s">
        <v>30353</v>
      </c>
      <c r="D29423" s="6"/>
      <c r="E29423" s="6" t="s">
        <v>18740</v>
      </c>
      <c r="F29423" s="7">
        <v>38657</v>
      </c>
      <c r="G29423" s="8">
        <v>3248773</v>
      </c>
      <c r="H29423" s="8">
        <v>3248773</v>
      </c>
      <c r="I29423" s="8">
        <v>0</v>
      </c>
      <c r="J29423" s="8">
        <v>3248773</v>
      </c>
      <c r="K29423" s="9">
        <v>128.41</v>
      </c>
      <c r="L29423" s="6" t="s">
        <v>10</v>
      </c>
    </row>
    <row r="29424" spans="1:12">
      <c r="A29424" s="6" t="s">
        <v>30354</v>
      </c>
      <c r="B29424" s="6"/>
      <c r="C29424" s="6" t="s">
        <v>30355</v>
      </c>
      <c r="D29424" s="6"/>
      <c r="E29424" s="6" t="s">
        <v>18740</v>
      </c>
      <c r="F29424" s="7">
        <v>38657</v>
      </c>
      <c r="G29424" s="8">
        <v>219662</v>
      </c>
      <c r="H29424" s="8">
        <v>219662</v>
      </c>
      <c r="I29424" s="8">
        <v>0</v>
      </c>
      <c r="J29424" s="8">
        <v>219662</v>
      </c>
      <c r="K29424" s="9">
        <v>42.97</v>
      </c>
      <c r="L29424" s="6" t="s">
        <v>23</v>
      </c>
    </row>
    <row r="29425" spans="1:12">
      <c r="A29425" s="6" t="s">
        <v>30354</v>
      </c>
      <c r="B29425" s="6"/>
      <c r="C29425" s="6" t="s">
        <v>30356</v>
      </c>
      <c r="D29425" s="6"/>
      <c r="E29425" s="6" t="s">
        <v>18740</v>
      </c>
      <c r="F29425" s="7">
        <v>38657</v>
      </c>
      <c r="G29425" s="8">
        <v>168951</v>
      </c>
      <c r="H29425" s="8">
        <v>168951</v>
      </c>
      <c r="I29425" s="8">
        <v>0</v>
      </c>
      <c r="J29425" s="8">
        <v>168951</v>
      </c>
      <c r="K29425" s="9">
        <v>33.049999999999898</v>
      </c>
      <c r="L29425" s="6" t="s">
        <v>23</v>
      </c>
    </row>
    <row r="29426" spans="1:12">
      <c r="A29426" s="6" t="s">
        <v>30357</v>
      </c>
      <c r="B29426" s="6"/>
      <c r="C29426" s="6" t="s">
        <v>30358</v>
      </c>
      <c r="D29426" s="6"/>
      <c r="E29426" s="6" t="s">
        <v>18740</v>
      </c>
      <c r="F29426" s="7">
        <v>38657</v>
      </c>
      <c r="G29426" s="8">
        <v>3070970</v>
      </c>
      <c r="H29426" s="8">
        <v>3070970</v>
      </c>
      <c r="I29426" s="8">
        <v>0</v>
      </c>
      <c r="J29426" s="8">
        <v>3070970</v>
      </c>
      <c r="K29426" s="9">
        <v>323.26</v>
      </c>
      <c r="L29426" s="6" t="s">
        <v>10</v>
      </c>
    </row>
    <row r="29427" spans="1:12">
      <c r="A29427" s="6" t="s">
        <v>30359</v>
      </c>
      <c r="B29427" s="6"/>
      <c r="C29427" s="6" t="s">
        <v>30360</v>
      </c>
      <c r="D29427" s="6"/>
      <c r="E29427" s="6" t="s">
        <v>18740</v>
      </c>
      <c r="F29427" s="7">
        <v>38657</v>
      </c>
      <c r="G29427" s="8">
        <v>9851500</v>
      </c>
      <c r="H29427" s="8">
        <v>9851500</v>
      </c>
      <c r="I29427" s="8">
        <v>0</v>
      </c>
      <c r="J29427" s="8">
        <v>9851500</v>
      </c>
      <c r="K29427" s="9">
        <v>1037</v>
      </c>
      <c r="L29427" s="6" t="s">
        <v>10</v>
      </c>
    </row>
    <row r="29428" spans="1:12">
      <c r="A29428" s="6" t="s">
        <v>30361</v>
      </c>
      <c r="B29428" s="6"/>
      <c r="C29428" s="6" t="s">
        <v>30362</v>
      </c>
      <c r="D29428" s="6"/>
      <c r="E29428" s="6" t="s">
        <v>9</v>
      </c>
      <c r="F29428" s="7">
        <v>38657</v>
      </c>
      <c r="G29428" s="8">
        <v>1690589</v>
      </c>
      <c r="H29428" s="8">
        <v>1690589</v>
      </c>
      <c r="I29428" s="8">
        <v>0</v>
      </c>
      <c r="J29428" s="8">
        <v>1690589</v>
      </c>
      <c r="K29428" s="9">
        <v>330.71</v>
      </c>
      <c r="L29428" s="6" t="s">
        <v>14</v>
      </c>
    </row>
    <row r="29429" spans="1:12">
      <c r="A29429" s="6" t="s">
        <v>30363</v>
      </c>
      <c r="B29429" s="6"/>
      <c r="C29429" s="6" t="s">
        <v>30364</v>
      </c>
      <c r="D29429" s="6"/>
      <c r="E29429" s="6" t="s">
        <v>9</v>
      </c>
      <c r="F29429" s="7">
        <v>38657</v>
      </c>
      <c r="G29429" s="8">
        <v>26490384</v>
      </c>
      <c r="H29429" s="8">
        <v>26490384</v>
      </c>
      <c r="I29429" s="8">
        <v>0</v>
      </c>
      <c r="J29429" s="8">
        <v>26490384</v>
      </c>
      <c r="K29429" s="9">
        <v>5182</v>
      </c>
      <c r="L29429" s="6" t="s">
        <v>14</v>
      </c>
    </row>
    <row r="29430" spans="1:12">
      <c r="A29430" s="6" t="s">
        <v>30365</v>
      </c>
      <c r="B29430" s="6"/>
      <c r="C29430" s="6" t="s">
        <v>30366</v>
      </c>
      <c r="D29430" s="6"/>
      <c r="E29430" s="6" t="s">
        <v>18740</v>
      </c>
      <c r="F29430" s="7">
        <v>38657</v>
      </c>
      <c r="G29430" s="8">
        <v>714000</v>
      </c>
      <c r="H29430" s="8">
        <v>714000</v>
      </c>
      <c r="I29430" s="8">
        <v>0</v>
      </c>
      <c r="J29430" s="8">
        <v>714000</v>
      </c>
      <c r="K29430" s="9">
        <v>29.75</v>
      </c>
      <c r="L29430" s="6" t="s">
        <v>10</v>
      </c>
    </row>
    <row r="29431" spans="1:12">
      <c r="A29431" s="6" t="s">
        <v>30367</v>
      </c>
      <c r="B29431" s="6"/>
      <c r="C29431" s="6" t="s">
        <v>30368</v>
      </c>
      <c r="D29431" s="6"/>
      <c r="E29431" s="6" t="s">
        <v>18740</v>
      </c>
      <c r="F29431" s="7">
        <v>38657</v>
      </c>
      <c r="G29431" s="8">
        <v>5150104</v>
      </c>
      <c r="H29431" s="8">
        <v>5150104</v>
      </c>
      <c r="I29431" s="8">
        <v>0</v>
      </c>
      <c r="J29431" s="8">
        <v>5150104</v>
      </c>
      <c r="K29431" s="9">
        <v>347.98</v>
      </c>
      <c r="L29431" s="6" t="s">
        <v>10</v>
      </c>
    </row>
    <row r="29432" spans="1:12">
      <c r="A29432" s="6" t="s">
        <v>30367</v>
      </c>
      <c r="B29432" s="6"/>
      <c r="C29432" s="6" t="s">
        <v>30369</v>
      </c>
      <c r="D29432" s="6"/>
      <c r="E29432" s="6" t="s">
        <v>18740</v>
      </c>
      <c r="F29432" s="7">
        <v>38657</v>
      </c>
      <c r="G29432" s="8">
        <v>5638060</v>
      </c>
      <c r="H29432" s="8">
        <v>5638060</v>
      </c>
      <c r="I29432" s="8">
        <v>0</v>
      </c>
      <c r="J29432" s="8">
        <v>5638060</v>
      </c>
      <c r="K29432" s="9">
        <v>380.95</v>
      </c>
      <c r="L29432" s="6" t="s">
        <v>10</v>
      </c>
    </row>
    <row r="29433" spans="1:12">
      <c r="A29433" s="6" t="s">
        <v>30370</v>
      </c>
      <c r="B29433" s="6"/>
      <c r="C29433" s="6" t="s">
        <v>30371</v>
      </c>
      <c r="D29433" s="6"/>
      <c r="E29433" s="6" t="s">
        <v>9</v>
      </c>
      <c r="F29433" s="7">
        <v>38657</v>
      </c>
      <c r="G29433" s="8">
        <v>14620600</v>
      </c>
      <c r="H29433" s="8">
        <v>14620600</v>
      </c>
      <c r="I29433" s="8">
        <v>0</v>
      </c>
      <c r="J29433" s="8">
        <v>14620600</v>
      </c>
      <c r="K29433" s="9">
        <v>1783</v>
      </c>
      <c r="L29433" s="6" t="s">
        <v>10</v>
      </c>
    </row>
    <row r="29434" spans="1:12">
      <c r="A29434" s="6" t="s">
        <v>30370</v>
      </c>
      <c r="B29434" s="6"/>
      <c r="C29434" s="6" t="s">
        <v>30372</v>
      </c>
      <c r="D29434" s="6"/>
      <c r="E29434" s="6" t="s">
        <v>9</v>
      </c>
      <c r="F29434" s="7">
        <v>38657</v>
      </c>
      <c r="G29434" s="8">
        <v>2230646</v>
      </c>
      <c r="H29434" s="8">
        <v>2230646</v>
      </c>
      <c r="I29434" s="8">
        <v>0</v>
      </c>
      <c r="J29434" s="8">
        <v>2230646</v>
      </c>
      <c r="K29434" s="9">
        <v>272.02999999999901</v>
      </c>
      <c r="L29434" s="6" t="s">
        <v>10</v>
      </c>
    </row>
    <row r="29435" spans="1:12">
      <c r="A29435" s="6" t="s">
        <v>30373</v>
      </c>
      <c r="B29435" s="6"/>
      <c r="C29435" s="6" t="s">
        <v>30374</v>
      </c>
      <c r="D29435" s="6"/>
      <c r="E29435" s="6" t="s">
        <v>18740</v>
      </c>
      <c r="F29435" s="7">
        <v>38657</v>
      </c>
      <c r="G29435" s="8">
        <v>2908602</v>
      </c>
      <c r="H29435" s="8">
        <v>2908602</v>
      </c>
      <c r="I29435" s="8">
        <v>0</v>
      </c>
      <c r="J29435" s="8">
        <v>2908602</v>
      </c>
      <c r="K29435" s="9">
        <v>79.47</v>
      </c>
      <c r="L29435" s="6" t="s">
        <v>10</v>
      </c>
    </row>
    <row r="29436" spans="1:12">
      <c r="A29436" s="6" t="s">
        <v>30373</v>
      </c>
      <c r="B29436" s="6"/>
      <c r="C29436" s="6" t="s">
        <v>30375</v>
      </c>
      <c r="D29436" s="6"/>
      <c r="E29436" s="6" t="s">
        <v>18740</v>
      </c>
      <c r="F29436" s="7">
        <v>38657</v>
      </c>
      <c r="G29436" s="8">
        <v>4684434</v>
      </c>
      <c r="H29436" s="8">
        <v>4684434</v>
      </c>
      <c r="I29436" s="8">
        <v>0</v>
      </c>
      <c r="J29436" s="8">
        <v>4684434</v>
      </c>
      <c r="K29436" s="9">
        <v>127.99</v>
      </c>
      <c r="L29436" s="6" t="s">
        <v>10</v>
      </c>
    </row>
    <row r="29437" spans="1:12">
      <c r="A29437" s="6" t="s">
        <v>30373</v>
      </c>
      <c r="B29437" s="6"/>
      <c r="C29437" s="6" t="s">
        <v>30376</v>
      </c>
      <c r="D29437" s="6"/>
      <c r="E29437" s="6" t="s">
        <v>18740</v>
      </c>
      <c r="F29437" s="7">
        <v>38657</v>
      </c>
      <c r="G29437" s="8">
        <v>2260782</v>
      </c>
      <c r="H29437" s="8">
        <v>2260782</v>
      </c>
      <c r="I29437" s="8">
        <v>0</v>
      </c>
      <c r="J29437" s="8">
        <v>2260782</v>
      </c>
      <c r="K29437" s="9">
        <v>61.77</v>
      </c>
      <c r="L29437" s="6" t="s">
        <v>10</v>
      </c>
    </row>
    <row r="29438" spans="1:12">
      <c r="A29438" s="6" t="s">
        <v>30373</v>
      </c>
      <c r="B29438" s="6"/>
      <c r="C29438" s="6" t="s">
        <v>30377</v>
      </c>
      <c r="D29438" s="6"/>
      <c r="E29438" s="6" t="s">
        <v>18740</v>
      </c>
      <c r="F29438" s="7">
        <v>38657</v>
      </c>
      <c r="G29438" s="8">
        <v>786900</v>
      </c>
      <c r="H29438" s="8">
        <v>786900</v>
      </c>
      <c r="I29438" s="8">
        <v>0</v>
      </c>
      <c r="J29438" s="8">
        <v>786900</v>
      </c>
      <c r="K29438" s="9">
        <v>21.5</v>
      </c>
      <c r="L29438" s="6" t="s">
        <v>10</v>
      </c>
    </row>
    <row r="29439" spans="1:12">
      <c r="A29439" s="6" t="s">
        <v>30373</v>
      </c>
      <c r="B29439" s="6"/>
      <c r="C29439" s="6" t="s">
        <v>30378</v>
      </c>
      <c r="D29439" s="6"/>
      <c r="E29439" s="6" t="s">
        <v>18740</v>
      </c>
      <c r="F29439" s="7">
        <v>38657</v>
      </c>
      <c r="G29439" s="8">
        <v>3829824</v>
      </c>
      <c r="H29439" s="8">
        <v>3829824</v>
      </c>
      <c r="I29439" s="8">
        <v>0</v>
      </c>
      <c r="J29439" s="8">
        <v>3829824</v>
      </c>
      <c r="K29439" s="9">
        <v>104.64</v>
      </c>
      <c r="L29439" s="6" t="s">
        <v>10</v>
      </c>
    </row>
    <row r="29440" spans="1:12">
      <c r="A29440" s="6" t="s">
        <v>30373</v>
      </c>
      <c r="B29440" s="6"/>
      <c r="C29440" s="6" t="s">
        <v>30379</v>
      </c>
      <c r="D29440" s="6"/>
      <c r="E29440" s="6" t="s">
        <v>18740</v>
      </c>
      <c r="F29440" s="7">
        <v>38657</v>
      </c>
      <c r="G29440" s="8">
        <v>1604910</v>
      </c>
      <c r="H29440" s="8">
        <v>1604910</v>
      </c>
      <c r="I29440" s="8">
        <v>0</v>
      </c>
      <c r="J29440" s="8">
        <v>1604910</v>
      </c>
      <c r="K29440" s="9">
        <v>43.85</v>
      </c>
      <c r="L29440" s="6" t="s">
        <v>10</v>
      </c>
    </row>
    <row r="29441" spans="1:12">
      <c r="A29441" s="6" t="s">
        <v>30380</v>
      </c>
      <c r="B29441" s="6"/>
      <c r="C29441" s="6" t="s">
        <v>30381</v>
      </c>
      <c r="D29441" s="6"/>
      <c r="E29441" s="6" t="s">
        <v>9</v>
      </c>
      <c r="F29441" s="7">
        <v>38657</v>
      </c>
      <c r="G29441" s="8">
        <v>9508</v>
      </c>
      <c r="H29441" s="8">
        <v>9508</v>
      </c>
      <c r="I29441" s="8">
        <v>0</v>
      </c>
      <c r="J29441" s="8">
        <v>9508</v>
      </c>
      <c r="K29441" s="9">
        <v>1.86</v>
      </c>
      <c r="L29441" s="6" t="s">
        <v>14</v>
      </c>
    </row>
    <row r="29442" spans="1:12">
      <c r="A29442" s="6" t="s">
        <v>30380</v>
      </c>
      <c r="B29442" s="6"/>
      <c r="C29442" s="6" t="s">
        <v>30382</v>
      </c>
      <c r="D29442" s="6"/>
      <c r="E29442" s="6" t="s">
        <v>9</v>
      </c>
      <c r="F29442" s="7">
        <v>38657</v>
      </c>
      <c r="G29442" s="8">
        <v>18607</v>
      </c>
      <c r="H29442" s="8">
        <v>18607</v>
      </c>
      <c r="I29442" s="8">
        <v>0</v>
      </c>
      <c r="J29442" s="8">
        <v>18607</v>
      </c>
      <c r="K29442" s="9">
        <v>3.64</v>
      </c>
      <c r="L29442" s="6" t="s">
        <v>14</v>
      </c>
    </row>
    <row r="29443" spans="1:12">
      <c r="A29443" s="6" t="s">
        <v>30380</v>
      </c>
      <c r="B29443" s="6"/>
      <c r="C29443" s="6" t="s">
        <v>30383</v>
      </c>
      <c r="D29443" s="6"/>
      <c r="E29443" s="6" t="s">
        <v>9</v>
      </c>
      <c r="F29443" s="7">
        <v>38657</v>
      </c>
      <c r="G29443" s="8">
        <v>4575240</v>
      </c>
      <c r="H29443" s="8">
        <v>4575240</v>
      </c>
      <c r="I29443" s="8">
        <v>0</v>
      </c>
      <c r="J29443" s="8">
        <v>4575240</v>
      </c>
      <c r="K29443" s="9">
        <v>895</v>
      </c>
      <c r="L29443" s="6" t="s">
        <v>14</v>
      </c>
    </row>
    <row r="29444" spans="1:12">
      <c r="A29444" s="6" t="s">
        <v>30384</v>
      </c>
      <c r="B29444" s="6"/>
      <c r="C29444" s="6" t="s">
        <v>30385</v>
      </c>
      <c r="D29444" s="6"/>
      <c r="E29444" s="6" t="s">
        <v>9</v>
      </c>
      <c r="F29444" s="7">
        <v>38657</v>
      </c>
      <c r="G29444" s="8">
        <v>3031416</v>
      </c>
      <c r="H29444" s="8">
        <v>3031416</v>
      </c>
      <c r="I29444" s="8">
        <v>0</v>
      </c>
      <c r="J29444" s="8">
        <v>3031416</v>
      </c>
      <c r="K29444" s="9">
        <v>593</v>
      </c>
      <c r="L29444" s="6" t="s">
        <v>23</v>
      </c>
    </row>
    <row r="29445" spans="1:12">
      <c r="A29445" s="6" t="s">
        <v>30384</v>
      </c>
      <c r="B29445" s="6"/>
      <c r="C29445" s="6" t="s">
        <v>30386</v>
      </c>
      <c r="D29445" s="6"/>
      <c r="E29445" s="6" t="s">
        <v>9</v>
      </c>
      <c r="F29445" s="7">
        <v>38657</v>
      </c>
      <c r="G29445" s="8">
        <v>2944512</v>
      </c>
      <c r="H29445" s="8">
        <v>2944512</v>
      </c>
      <c r="I29445" s="8">
        <v>0</v>
      </c>
      <c r="J29445" s="8">
        <v>2944512</v>
      </c>
      <c r="K29445" s="9">
        <v>576</v>
      </c>
      <c r="L29445" s="6" t="s">
        <v>23</v>
      </c>
    </row>
    <row r="29446" spans="1:12">
      <c r="A29446" s="6" t="s">
        <v>30384</v>
      </c>
      <c r="B29446" s="6"/>
      <c r="C29446" s="6" t="s">
        <v>30387</v>
      </c>
      <c r="D29446" s="6"/>
      <c r="E29446" s="6" t="s">
        <v>9</v>
      </c>
      <c r="F29446" s="7">
        <v>38657</v>
      </c>
      <c r="G29446" s="8">
        <v>3261456</v>
      </c>
      <c r="H29446" s="8">
        <v>3261456</v>
      </c>
      <c r="I29446" s="8">
        <v>0</v>
      </c>
      <c r="J29446" s="8">
        <v>3261456</v>
      </c>
      <c r="K29446" s="9">
        <v>638</v>
      </c>
      <c r="L29446" s="6" t="s">
        <v>23</v>
      </c>
    </row>
    <row r="29447" spans="1:12">
      <c r="A29447" s="6" t="s">
        <v>30384</v>
      </c>
      <c r="B29447" s="6"/>
      <c r="C29447" s="6" t="s">
        <v>30388</v>
      </c>
      <c r="D29447" s="6"/>
      <c r="E29447" s="6" t="s">
        <v>9</v>
      </c>
      <c r="F29447" s="7">
        <v>38657</v>
      </c>
      <c r="G29447" s="8">
        <v>1073520</v>
      </c>
      <c r="H29447" s="8">
        <v>1073520</v>
      </c>
      <c r="I29447" s="8">
        <v>0</v>
      </c>
      <c r="J29447" s="8">
        <v>1073520</v>
      </c>
      <c r="K29447" s="9">
        <v>210</v>
      </c>
      <c r="L29447" s="6" t="s">
        <v>23</v>
      </c>
    </row>
    <row r="29448" spans="1:12">
      <c r="A29448" s="6" t="s">
        <v>30384</v>
      </c>
      <c r="B29448" s="6"/>
      <c r="C29448" s="6" t="s">
        <v>30389</v>
      </c>
      <c r="D29448" s="6"/>
      <c r="E29448" s="6" t="s">
        <v>9</v>
      </c>
      <c r="F29448" s="7">
        <v>38657</v>
      </c>
      <c r="G29448" s="8">
        <v>2254392</v>
      </c>
      <c r="H29448" s="8">
        <v>2254392</v>
      </c>
      <c r="I29448" s="8">
        <v>0</v>
      </c>
      <c r="J29448" s="8">
        <v>2254392</v>
      </c>
      <c r="K29448" s="9">
        <v>441</v>
      </c>
      <c r="L29448" s="6" t="s">
        <v>23</v>
      </c>
    </row>
    <row r="29449" spans="1:12">
      <c r="A29449" s="6" t="s">
        <v>30384</v>
      </c>
      <c r="B29449" s="6"/>
      <c r="C29449" s="6" t="s">
        <v>30390</v>
      </c>
      <c r="D29449" s="6"/>
      <c r="E29449" s="6" t="s">
        <v>9</v>
      </c>
      <c r="F29449" s="7">
        <v>38657</v>
      </c>
      <c r="G29449" s="8">
        <v>3281904</v>
      </c>
      <c r="H29449" s="8">
        <v>3281904</v>
      </c>
      <c r="I29449" s="8">
        <v>0</v>
      </c>
      <c r="J29449" s="8">
        <v>3281904</v>
      </c>
      <c r="K29449" s="9">
        <v>642</v>
      </c>
      <c r="L29449" s="6" t="s">
        <v>23</v>
      </c>
    </row>
    <row r="29450" spans="1:12">
      <c r="A29450" s="6" t="s">
        <v>30384</v>
      </c>
      <c r="B29450" s="6"/>
      <c r="C29450" s="6" t="s">
        <v>30391</v>
      </c>
      <c r="D29450" s="6"/>
      <c r="E29450" s="6" t="s">
        <v>9</v>
      </c>
      <c r="F29450" s="7">
        <v>38657</v>
      </c>
      <c r="G29450" s="8">
        <v>3271680</v>
      </c>
      <c r="H29450" s="8">
        <v>3271680</v>
      </c>
      <c r="I29450" s="8">
        <v>0</v>
      </c>
      <c r="J29450" s="8">
        <v>3271680</v>
      </c>
      <c r="K29450" s="9">
        <v>640</v>
      </c>
      <c r="L29450" s="6" t="s">
        <v>23</v>
      </c>
    </row>
    <row r="29451" spans="1:12">
      <c r="A29451" s="6" t="s">
        <v>30384</v>
      </c>
      <c r="B29451" s="6"/>
      <c r="C29451" s="6" t="s">
        <v>30392</v>
      </c>
      <c r="D29451" s="6"/>
      <c r="E29451" s="6" t="s">
        <v>9</v>
      </c>
      <c r="F29451" s="7">
        <v>38657</v>
      </c>
      <c r="G29451" s="8">
        <v>3644856</v>
      </c>
      <c r="H29451" s="8">
        <v>3644856</v>
      </c>
      <c r="I29451" s="8">
        <v>0</v>
      </c>
      <c r="J29451" s="8">
        <v>3644856</v>
      </c>
      <c r="K29451" s="9">
        <v>713</v>
      </c>
      <c r="L29451" s="6" t="s">
        <v>23</v>
      </c>
    </row>
    <row r="29452" spans="1:12">
      <c r="A29452" s="6" t="s">
        <v>30393</v>
      </c>
      <c r="B29452" s="6"/>
      <c r="C29452" s="6" t="s">
        <v>30394</v>
      </c>
      <c r="D29452" s="6"/>
      <c r="E29452" s="6" t="s">
        <v>18740</v>
      </c>
      <c r="F29452" s="7">
        <v>38657</v>
      </c>
      <c r="G29452" s="8">
        <v>1</v>
      </c>
      <c r="H29452" s="8">
        <v>1</v>
      </c>
      <c r="I29452" s="8">
        <v>0</v>
      </c>
      <c r="J29452" s="8">
        <v>1</v>
      </c>
      <c r="K29452" s="9">
        <v>304.75</v>
      </c>
      <c r="L29452" s="6" t="s">
        <v>10</v>
      </c>
    </row>
    <row r="29453" spans="1:12">
      <c r="A29453" s="6" t="s">
        <v>30395</v>
      </c>
      <c r="B29453" s="6"/>
      <c r="C29453" s="6" t="s">
        <v>30396</v>
      </c>
      <c r="D29453" s="6"/>
      <c r="E29453" s="6" t="s">
        <v>18740</v>
      </c>
      <c r="F29453" s="7">
        <v>38657</v>
      </c>
      <c r="G29453" s="8">
        <v>7857532</v>
      </c>
      <c r="H29453" s="8">
        <v>7857532</v>
      </c>
      <c r="I29453" s="8">
        <v>0</v>
      </c>
      <c r="J29453" s="8">
        <v>7857532</v>
      </c>
      <c r="K29453" s="9">
        <v>644.05999999999904</v>
      </c>
      <c r="L29453" s="6" t="s">
        <v>10</v>
      </c>
    </row>
    <row r="29454" spans="1:12">
      <c r="A29454" s="6" t="s">
        <v>30397</v>
      </c>
      <c r="B29454" s="6"/>
      <c r="C29454" s="6" t="s">
        <v>30398</v>
      </c>
      <c r="D29454" s="6"/>
      <c r="E29454" s="6" t="s">
        <v>18740</v>
      </c>
      <c r="F29454" s="7">
        <v>38657</v>
      </c>
      <c r="G29454" s="8">
        <v>10972924</v>
      </c>
      <c r="H29454" s="8">
        <v>10972924</v>
      </c>
      <c r="I29454" s="8">
        <v>0</v>
      </c>
      <c r="J29454" s="8">
        <v>10972924</v>
      </c>
      <c r="K29454" s="9">
        <v>899.42</v>
      </c>
      <c r="L29454" s="6" t="s">
        <v>10</v>
      </c>
    </row>
    <row r="29455" spans="1:12">
      <c r="A29455" s="6" t="s">
        <v>30399</v>
      </c>
      <c r="B29455" s="6"/>
      <c r="C29455" s="6" t="s">
        <v>30400</v>
      </c>
      <c r="D29455" s="6"/>
      <c r="E29455" s="6" t="s">
        <v>9</v>
      </c>
      <c r="F29455" s="7">
        <v>38657</v>
      </c>
      <c r="G29455" s="8">
        <v>4815504</v>
      </c>
      <c r="H29455" s="8">
        <v>4815504</v>
      </c>
      <c r="I29455" s="8">
        <v>0</v>
      </c>
      <c r="J29455" s="8">
        <v>4815504</v>
      </c>
      <c r="K29455" s="9">
        <v>942</v>
      </c>
      <c r="L29455" s="6" t="s">
        <v>14</v>
      </c>
    </row>
    <row r="29456" spans="1:12">
      <c r="A29456" s="6" t="s">
        <v>30401</v>
      </c>
      <c r="B29456" s="6"/>
      <c r="C29456" s="6" t="s">
        <v>30402</v>
      </c>
      <c r="D29456" s="6"/>
      <c r="E29456" s="6" t="s">
        <v>18740</v>
      </c>
      <c r="F29456" s="7">
        <v>38657</v>
      </c>
      <c r="G29456" s="8">
        <v>935456</v>
      </c>
      <c r="H29456" s="8">
        <v>935456</v>
      </c>
      <c r="I29456" s="8">
        <v>0</v>
      </c>
      <c r="J29456" s="8">
        <v>935456</v>
      </c>
      <c r="K29456" s="9">
        <v>37.72</v>
      </c>
      <c r="L29456" s="6" t="s">
        <v>10</v>
      </c>
    </row>
    <row r="29457" spans="1:12">
      <c r="A29457" s="6" t="s">
        <v>30401</v>
      </c>
      <c r="B29457" s="6"/>
      <c r="C29457" s="6" t="s">
        <v>30403</v>
      </c>
      <c r="D29457" s="6"/>
      <c r="E29457" s="6" t="s">
        <v>18740</v>
      </c>
      <c r="F29457" s="7">
        <v>38657</v>
      </c>
      <c r="G29457" s="8">
        <v>210800</v>
      </c>
      <c r="H29457" s="8">
        <v>210800</v>
      </c>
      <c r="I29457" s="8">
        <v>0</v>
      </c>
      <c r="J29457" s="8">
        <v>210800</v>
      </c>
      <c r="K29457" s="9">
        <v>8.5</v>
      </c>
      <c r="L29457" s="6" t="s">
        <v>10</v>
      </c>
    </row>
    <row r="29458" spans="1:12">
      <c r="A29458" s="6" t="s">
        <v>30404</v>
      </c>
      <c r="B29458" s="6"/>
      <c r="C29458" s="6" t="s">
        <v>30405</v>
      </c>
      <c r="D29458" s="6"/>
      <c r="E29458" s="6" t="s">
        <v>18740</v>
      </c>
      <c r="F29458" s="7">
        <v>38657</v>
      </c>
      <c r="G29458" s="8">
        <v>1868184</v>
      </c>
      <c r="H29458" s="8">
        <v>1868184</v>
      </c>
      <c r="I29458" s="8">
        <v>0</v>
      </c>
      <c r="J29458" s="8">
        <v>1868184</v>
      </c>
      <c r="K29458" s="9">
        <v>75.33</v>
      </c>
      <c r="L29458" s="6" t="s">
        <v>10</v>
      </c>
    </row>
    <row r="29459" spans="1:12">
      <c r="A29459" s="6" t="s">
        <v>30406</v>
      </c>
      <c r="B29459" s="6"/>
      <c r="C29459" s="6" t="s">
        <v>30407</v>
      </c>
      <c r="D29459" s="6"/>
      <c r="E29459" s="6" t="s">
        <v>9</v>
      </c>
      <c r="F29459" s="7">
        <v>38657</v>
      </c>
      <c r="G29459" s="8">
        <v>4434660</v>
      </c>
      <c r="H29459" s="8">
        <v>4434660</v>
      </c>
      <c r="I29459" s="8">
        <v>0</v>
      </c>
      <c r="J29459" s="8">
        <v>4434660</v>
      </c>
      <c r="K29459" s="9">
        <v>867.5</v>
      </c>
      <c r="L29459" s="6" t="s">
        <v>14</v>
      </c>
    </row>
    <row r="29460" spans="1:12">
      <c r="A29460" s="6" t="s">
        <v>30408</v>
      </c>
      <c r="B29460" s="6"/>
      <c r="C29460" s="6" t="s">
        <v>30409</v>
      </c>
      <c r="D29460" s="6"/>
      <c r="E29460" s="6" t="s">
        <v>18740</v>
      </c>
      <c r="F29460" s="7">
        <v>38657</v>
      </c>
      <c r="G29460" s="8">
        <v>70612695</v>
      </c>
      <c r="H29460" s="8">
        <v>70612695</v>
      </c>
      <c r="I29460" s="8">
        <v>0</v>
      </c>
      <c r="J29460" s="8">
        <v>70612695</v>
      </c>
      <c r="K29460" s="9">
        <v>1989.09</v>
      </c>
      <c r="L29460" s="6" t="s">
        <v>10</v>
      </c>
    </row>
    <row r="29461" spans="1:12">
      <c r="A29461" s="6" t="s">
        <v>30408</v>
      </c>
      <c r="B29461" s="6"/>
      <c r="C29461" s="6" t="s">
        <v>30409</v>
      </c>
      <c r="D29461" s="6" t="s">
        <v>30410</v>
      </c>
      <c r="E29461" s="6" t="s">
        <v>18740</v>
      </c>
      <c r="F29461" s="7"/>
      <c r="G29461" s="8">
        <v>0</v>
      </c>
      <c r="H29461" s="8">
        <v>0</v>
      </c>
      <c r="I29461" s="8">
        <v>0</v>
      </c>
      <c r="J29461" s="8">
        <v>-70612695</v>
      </c>
      <c r="K29461" s="9"/>
      <c r="L29461" s="6"/>
    </row>
    <row r="29462" spans="1:12">
      <c r="A29462" s="6" t="s">
        <v>30411</v>
      </c>
      <c r="B29462" s="6"/>
      <c r="C29462" s="6" t="s">
        <v>30412</v>
      </c>
      <c r="D29462" s="6" t="s">
        <v>30413</v>
      </c>
      <c r="E29462" s="6" t="s">
        <v>18740</v>
      </c>
      <c r="F29462" s="7"/>
      <c r="G29462" s="8">
        <v>0</v>
      </c>
      <c r="H29462" s="8">
        <v>0</v>
      </c>
      <c r="I29462" s="8">
        <v>0</v>
      </c>
      <c r="J29462" s="8">
        <v>436295</v>
      </c>
      <c r="K29462" s="9"/>
      <c r="L29462" s="6"/>
    </row>
    <row r="29463" spans="1:12">
      <c r="A29463" s="6" t="s">
        <v>30411</v>
      </c>
      <c r="B29463" s="6"/>
      <c r="C29463" s="6" t="s">
        <v>30414</v>
      </c>
      <c r="D29463" s="6" t="s">
        <v>30415</v>
      </c>
      <c r="E29463" s="6" t="s">
        <v>18740</v>
      </c>
      <c r="F29463" s="7"/>
      <c r="G29463" s="8">
        <v>0</v>
      </c>
      <c r="H29463" s="8">
        <v>0</v>
      </c>
      <c r="I29463" s="8">
        <v>0</v>
      </c>
      <c r="J29463" s="8">
        <v>3787495</v>
      </c>
      <c r="K29463" s="9"/>
      <c r="L29463" s="6"/>
    </row>
    <row r="29464" spans="1:12">
      <c r="A29464" s="6" t="s">
        <v>30411</v>
      </c>
      <c r="B29464" s="6"/>
      <c r="C29464" s="6" t="s">
        <v>30416</v>
      </c>
      <c r="D29464" s="6" t="s">
        <v>30417</v>
      </c>
      <c r="E29464" s="6" t="s">
        <v>18740</v>
      </c>
      <c r="F29464" s="7"/>
      <c r="G29464" s="8">
        <v>0</v>
      </c>
      <c r="H29464" s="8">
        <v>0</v>
      </c>
      <c r="I29464" s="8">
        <v>0</v>
      </c>
      <c r="J29464" s="8">
        <v>786325</v>
      </c>
      <c r="K29464" s="9"/>
      <c r="L29464" s="6"/>
    </row>
    <row r="29465" spans="1:12">
      <c r="A29465" s="6" t="s">
        <v>30418</v>
      </c>
      <c r="B29465" s="6"/>
      <c r="C29465" s="6" t="s">
        <v>30419</v>
      </c>
      <c r="D29465" s="6"/>
      <c r="E29465" s="6" t="s">
        <v>18740</v>
      </c>
      <c r="F29465" s="7">
        <v>38657</v>
      </c>
      <c r="G29465" s="8">
        <v>3696600</v>
      </c>
      <c r="H29465" s="8">
        <v>3696600</v>
      </c>
      <c r="I29465" s="8">
        <v>0</v>
      </c>
      <c r="J29465" s="8">
        <v>3696600</v>
      </c>
      <c r="K29465" s="9">
        <v>122</v>
      </c>
      <c r="L29465" s="6" t="s">
        <v>10</v>
      </c>
    </row>
    <row r="29466" spans="1:12">
      <c r="A29466" s="6" t="s">
        <v>30418</v>
      </c>
      <c r="B29466" s="6"/>
      <c r="C29466" s="6" t="s">
        <v>30420</v>
      </c>
      <c r="D29466" s="6"/>
      <c r="E29466" s="6" t="s">
        <v>18740</v>
      </c>
      <c r="F29466" s="7">
        <v>38657</v>
      </c>
      <c r="G29466" s="8">
        <v>12907800</v>
      </c>
      <c r="H29466" s="8">
        <v>12907800</v>
      </c>
      <c r="I29466" s="8">
        <v>0</v>
      </c>
      <c r="J29466" s="8">
        <v>12907800</v>
      </c>
      <c r="K29466" s="9">
        <v>426</v>
      </c>
      <c r="L29466" s="6" t="s">
        <v>10</v>
      </c>
    </row>
    <row r="29467" spans="1:12">
      <c r="A29467" s="6" t="s">
        <v>30418</v>
      </c>
      <c r="B29467" s="6"/>
      <c r="C29467" s="6" t="s">
        <v>30421</v>
      </c>
      <c r="D29467" s="6"/>
      <c r="E29467" s="6" t="s">
        <v>18740</v>
      </c>
      <c r="F29467" s="7">
        <v>38657</v>
      </c>
      <c r="G29467" s="8">
        <v>7581500</v>
      </c>
      <c r="H29467" s="8">
        <v>7581500</v>
      </c>
      <c r="I29467" s="8">
        <v>0</v>
      </c>
      <c r="J29467" s="8">
        <v>7581500</v>
      </c>
      <c r="K29467" s="9">
        <v>257</v>
      </c>
      <c r="L29467" s="6" t="s">
        <v>10</v>
      </c>
    </row>
    <row r="29468" spans="1:12">
      <c r="A29468" s="6" t="s">
        <v>30418</v>
      </c>
      <c r="B29468" s="6"/>
      <c r="C29468" s="6" t="s">
        <v>30422</v>
      </c>
      <c r="D29468" s="6"/>
      <c r="E29468" s="6" t="s">
        <v>18740</v>
      </c>
      <c r="F29468" s="7">
        <v>38657</v>
      </c>
      <c r="G29468" s="8">
        <v>8574900</v>
      </c>
      <c r="H29468" s="8">
        <v>8574900</v>
      </c>
      <c r="I29468" s="8">
        <v>0</v>
      </c>
      <c r="J29468" s="8">
        <v>8574900</v>
      </c>
      <c r="K29468" s="9">
        <v>283</v>
      </c>
      <c r="L29468" s="6" t="s">
        <v>10</v>
      </c>
    </row>
    <row r="29469" spans="1:12">
      <c r="A29469" s="6" t="s">
        <v>30418</v>
      </c>
      <c r="B29469" s="6"/>
      <c r="C29469" s="6" t="s">
        <v>30423</v>
      </c>
      <c r="D29469" s="6"/>
      <c r="E29469" s="6" t="s">
        <v>18740</v>
      </c>
      <c r="F29469" s="7">
        <v>38657</v>
      </c>
      <c r="G29469" s="8">
        <v>1787700</v>
      </c>
      <c r="H29469" s="8">
        <v>1787700</v>
      </c>
      <c r="I29469" s="8">
        <v>0</v>
      </c>
      <c r="J29469" s="8">
        <v>1787700</v>
      </c>
      <c r="K29469" s="9">
        <v>59</v>
      </c>
      <c r="L29469" s="6" t="s">
        <v>10</v>
      </c>
    </row>
    <row r="29470" spans="1:12">
      <c r="A29470" s="6" t="s">
        <v>30424</v>
      </c>
      <c r="B29470" s="6"/>
      <c r="C29470" s="6" t="s">
        <v>30425</v>
      </c>
      <c r="D29470" s="6"/>
      <c r="E29470" s="6" t="s">
        <v>18740</v>
      </c>
      <c r="F29470" s="7">
        <v>38657</v>
      </c>
      <c r="G29470" s="8">
        <v>30056</v>
      </c>
      <c r="H29470" s="8">
        <v>30056</v>
      </c>
      <c r="I29470" s="8">
        <v>0</v>
      </c>
      <c r="J29470" s="8">
        <v>30056</v>
      </c>
      <c r="K29470" s="9">
        <v>1.04</v>
      </c>
      <c r="L29470" s="6" t="s">
        <v>10</v>
      </c>
    </row>
    <row r="29471" spans="1:12">
      <c r="A29471" s="6" t="s">
        <v>30426</v>
      </c>
      <c r="B29471" s="6"/>
      <c r="C29471" s="6" t="s">
        <v>30427</v>
      </c>
      <c r="D29471" s="6"/>
      <c r="E29471" s="6" t="s">
        <v>18740</v>
      </c>
      <c r="F29471" s="7">
        <v>38657</v>
      </c>
      <c r="G29471" s="8">
        <v>202741</v>
      </c>
      <c r="H29471" s="8">
        <v>202741</v>
      </c>
      <c r="I29471" s="8">
        <v>0</v>
      </c>
      <c r="J29471" s="8">
        <v>202741</v>
      </c>
      <c r="K29471" s="9">
        <v>39.659999999999897</v>
      </c>
      <c r="L29471" s="6" t="s">
        <v>2193</v>
      </c>
    </row>
    <row r="29472" spans="1:12">
      <c r="A29472" s="6" t="s">
        <v>30428</v>
      </c>
      <c r="B29472" s="6"/>
      <c r="C29472" s="6" t="s">
        <v>30429</v>
      </c>
      <c r="D29472" s="6"/>
      <c r="E29472" s="6" t="s">
        <v>18740</v>
      </c>
      <c r="F29472" s="7">
        <v>38657</v>
      </c>
      <c r="G29472" s="8">
        <v>177437</v>
      </c>
      <c r="H29472" s="8">
        <v>177437</v>
      </c>
      <c r="I29472" s="8">
        <v>0</v>
      </c>
      <c r="J29472" s="8">
        <v>177437</v>
      </c>
      <c r="K29472" s="9">
        <v>34.71</v>
      </c>
      <c r="L29472" s="6" t="s">
        <v>23</v>
      </c>
    </row>
    <row r="29473" spans="1:12">
      <c r="A29473" s="6" t="s">
        <v>30430</v>
      </c>
      <c r="B29473" s="6"/>
      <c r="C29473" s="6" t="s">
        <v>30431</v>
      </c>
      <c r="D29473" s="6"/>
      <c r="E29473" s="6" t="s">
        <v>18740</v>
      </c>
      <c r="F29473" s="7">
        <v>38657</v>
      </c>
      <c r="G29473" s="8">
        <v>506957</v>
      </c>
      <c r="H29473" s="8">
        <v>506957</v>
      </c>
      <c r="I29473" s="8">
        <v>0</v>
      </c>
      <c r="J29473" s="8">
        <v>506957</v>
      </c>
      <c r="K29473" s="9">
        <v>99.17</v>
      </c>
      <c r="L29473" s="6" t="s">
        <v>2193</v>
      </c>
    </row>
    <row r="29474" spans="1:12">
      <c r="A29474" s="6" t="s">
        <v>30432</v>
      </c>
      <c r="B29474" s="6"/>
      <c r="C29474" s="6" t="s">
        <v>30433</v>
      </c>
      <c r="D29474" s="6"/>
      <c r="E29474" s="6" t="s">
        <v>18740</v>
      </c>
      <c r="F29474" s="7">
        <v>38657</v>
      </c>
      <c r="G29474" s="8">
        <v>184672</v>
      </c>
      <c r="H29474" s="8">
        <v>184672</v>
      </c>
      <c r="I29474" s="8">
        <v>0</v>
      </c>
      <c r="J29474" s="8">
        <v>184672</v>
      </c>
      <c r="K29474" s="9">
        <v>9.2799999999999905</v>
      </c>
      <c r="L29474" s="6" t="s">
        <v>10</v>
      </c>
    </row>
    <row r="29475" spans="1:12">
      <c r="A29475" s="6" t="s">
        <v>30432</v>
      </c>
      <c r="B29475" s="6"/>
      <c r="C29475" s="6" t="s">
        <v>30434</v>
      </c>
      <c r="D29475" s="6"/>
      <c r="E29475" s="6" t="s">
        <v>18740</v>
      </c>
      <c r="F29475" s="7">
        <v>38657</v>
      </c>
      <c r="G29475" s="8">
        <v>457700</v>
      </c>
      <c r="H29475" s="8">
        <v>457700</v>
      </c>
      <c r="I29475" s="8">
        <v>0</v>
      </c>
      <c r="J29475" s="8">
        <v>457700</v>
      </c>
      <c r="K29475" s="9">
        <v>23</v>
      </c>
      <c r="L29475" s="6" t="s">
        <v>10</v>
      </c>
    </row>
    <row r="29476" spans="1:12">
      <c r="A29476" s="6" t="s">
        <v>30435</v>
      </c>
      <c r="B29476" s="6"/>
      <c r="C29476" s="6" t="s">
        <v>30436</v>
      </c>
      <c r="D29476" s="6"/>
      <c r="E29476" s="6" t="s">
        <v>18740</v>
      </c>
      <c r="F29476" s="7">
        <v>38657</v>
      </c>
      <c r="G29476" s="8">
        <v>872608</v>
      </c>
      <c r="H29476" s="8">
        <v>872608</v>
      </c>
      <c r="I29476" s="8">
        <v>0</v>
      </c>
      <c r="J29476" s="8">
        <v>872608</v>
      </c>
      <c r="K29476" s="9">
        <v>49.58</v>
      </c>
      <c r="L29476" s="6" t="s">
        <v>10</v>
      </c>
    </row>
    <row r="29477" spans="1:12">
      <c r="A29477" s="6" t="s">
        <v>30437</v>
      </c>
      <c r="B29477" s="6"/>
      <c r="C29477" s="6" t="s">
        <v>30438</v>
      </c>
      <c r="D29477" s="6"/>
      <c r="E29477" s="6" t="s">
        <v>18740</v>
      </c>
      <c r="F29477" s="7">
        <v>38657</v>
      </c>
      <c r="G29477" s="8">
        <v>8130941</v>
      </c>
      <c r="H29477" s="8">
        <v>8130941</v>
      </c>
      <c r="I29477" s="8">
        <v>0</v>
      </c>
      <c r="J29477" s="8">
        <v>8130941</v>
      </c>
      <c r="K29477" s="9">
        <v>408.59</v>
      </c>
      <c r="L29477" s="6" t="s">
        <v>10</v>
      </c>
    </row>
    <row r="29478" spans="1:12">
      <c r="A29478" s="6" t="s">
        <v>30439</v>
      </c>
      <c r="B29478" s="6"/>
      <c r="C29478" s="6" t="s">
        <v>30440</v>
      </c>
      <c r="D29478" s="6"/>
      <c r="E29478" s="6" t="s">
        <v>18740</v>
      </c>
      <c r="F29478" s="7">
        <v>38657</v>
      </c>
      <c r="G29478" s="8">
        <v>520600</v>
      </c>
      <c r="H29478" s="8">
        <v>520600</v>
      </c>
      <c r="I29478" s="8">
        <v>0</v>
      </c>
      <c r="J29478" s="8">
        <v>520600</v>
      </c>
      <c r="K29478" s="9">
        <v>52.06</v>
      </c>
      <c r="L29478" s="6" t="s">
        <v>10</v>
      </c>
    </row>
    <row r="29479" spans="1:12">
      <c r="A29479" s="6" t="s">
        <v>30441</v>
      </c>
      <c r="B29479" s="6"/>
      <c r="C29479" s="6" t="s">
        <v>30442</v>
      </c>
      <c r="D29479" s="6"/>
      <c r="E29479" s="6" t="s">
        <v>18740</v>
      </c>
      <c r="F29479" s="7">
        <v>38657</v>
      </c>
      <c r="G29479" s="8">
        <v>235152</v>
      </c>
      <c r="H29479" s="8">
        <v>235152</v>
      </c>
      <c r="I29479" s="8">
        <v>0</v>
      </c>
      <c r="J29479" s="8">
        <v>235152</v>
      </c>
      <c r="K29479" s="9">
        <v>46</v>
      </c>
      <c r="L29479" s="6" t="s">
        <v>2193</v>
      </c>
    </row>
    <row r="29480" spans="1:12">
      <c r="A29480" s="6" t="s">
        <v>30441</v>
      </c>
      <c r="B29480" s="6"/>
      <c r="C29480" s="6" t="s">
        <v>30443</v>
      </c>
      <c r="D29480" s="6"/>
      <c r="E29480" s="6" t="s">
        <v>18740</v>
      </c>
      <c r="F29480" s="7">
        <v>38657</v>
      </c>
      <c r="G29480" s="8">
        <v>168951</v>
      </c>
      <c r="H29480" s="8">
        <v>168951</v>
      </c>
      <c r="I29480" s="8">
        <v>0</v>
      </c>
      <c r="J29480" s="8">
        <v>168951</v>
      </c>
      <c r="K29480" s="9">
        <v>33.049999999999898</v>
      </c>
      <c r="L29480" s="6" t="s">
        <v>2193</v>
      </c>
    </row>
    <row r="29481" spans="1:12">
      <c r="A29481" s="6" t="s">
        <v>30444</v>
      </c>
      <c r="B29481" s="6"/>
      <c r="C29481" s="6" t="s">
        <v>30445</v>
      </c>
      <c r="D29481" s="6"/>
      <c r="E29481" s="6" t="s">
        <v>18740</v>
      </c>
      <c r="F29481" s="7">
        <v>38657</v>
      </c>
      <c r="G29481" s="8">
        <v>1</v>
      </c>
      <c r="H29481" s="8">
        <v>1</v>
      </c>
      <c r="I29481" s="8">
        <v>0</v>
      </c>
      <c r="J29481" s="8">
        <v>1</v>
      </c>
      <c r="K29481" s="9">
        <v>909.3</v>
      </c>
      <c r="L29481" s="6" t="s">
        <v>10</v>
      </c>
    </row>
    <row r="29482" spans="1:12">
      <c r="A29482" s="6" t="s">
        <v>30446</v>
      </c>
      <c r="B29482" s="6"/>
      <c r="C29482" s="6" t="s">
        <v>30447</v>
      </c>
      <c r="D29482" s="6"/>
      <c r="E29482" s="6" t="s">
        <v>18740</v>
      </c>
      <c r="F29482" s="7">
        <v>38657</v>
      </c>
      <c r="G29482" s="8">
        <v>360410</v>
      </c>
      <c r="H29482" s="8">
        <v>360410</v>
      </c>
      <c r="I29482" s="8">
        <v>0</v>
      </c>
      <c r="J29482" s="8">
        <v>360410</v>
      </c>
      <c r="K29482" s="9">
        <v>15.67</v>
      </c>
      <c r="L29482" s="6" t="s">
        <v>10</v>
      </c>
    </row>
    <row r="29483" spans="1:12">
      <c r="A29483" s="6" t="s">
        <v>30448</v>
      </c>
      <c r="B29483" s="6"/>
      <c r="C29483" s="6" t="s">
        <v>30449</v>
      </c>
      <c r="D29483" s="6"/>
      <c r="E29483" s="6" t="s">
        <v>18740</v>
      </c>
      <c r="F29483" s="7">
        <v>38657</v>
      </c>
      <c r="G29483" s="8">
        <v>65330</v>
      </c>
      <c r="H29483" s="8">
        <v>65330</v>
      </c>
      <c r="I29483" s="8">
        <v>0</v>
      </c>
      <c r="J29483" s="8">
        <v>65330</v>
      </c>
      <c r="K29483" s="9">
        <v>2.78</v>
      </c>
      <c r="L29483" s="6" t="s">
        <v>10</v>
      </c>
    </row>
    <row r="29484" spans="1:12">
      <c r="A29484" s="6" t="s">
        <v>30450</v>
      </c>
      <c r="B29484" s="6"/>
      <c r="C29484" s="6" t="s">
        <v>30451</v>
      </c>
      <c r="D29484" s="6"/>
      <c r="E29484" s="6" t="s">
        <v>18740</v>
      </c>
      <c r="F29484" s="7">
        <v>28753</v>
      </c>
      <c r="G29484" s="8">
        <v>627037</v>
      </c>
      <c r="H29484" s="8">
        <v>627037</v>
      </c>
      <c r="I29484" s="8">
        <v>0</v>
      </c>
      <c r="J29484" s="8">
        <v>627037</v>
      </c>
      <c r="K29484" s="9">
        <v>122.66</v>
      </c>
      <c r="L29484" s="6" t="s">
        <v>23</v>
      </c>
    </row>
    <row r="29485" spans="1:12">
      <c r="A29485" s="6" t="s">
        <v>30452</v>
      </c>
      <c r="B29485" s="6"/>
      <c r="C29485" s="6" t="s">
        <v>30453</v>
      </c>
      <c r="D29485" s="6"/>
      <c r="E29485" s="6" t="s">
        <v>18740</v>
      </c>
      <c r="F29485" s="7">
        <v>38657</v>
      </c>
      <c r="G29485" s="8">
        <v>713168</v>
      </c>
      <c r="H29485" s="8">
        <v>713168</v>
      </c>
      <c r="I29485" s="8">
        <v>0</v>
      </c>
      <c r="J29485" s="8">
        <v>713168</v>
      </c>
      <c r="K29485" s="9">
        <v>30.74</v>
      </c>
      <c r="L29485" s="6" t="s">
        <v>10</v>
      </c>
    </row>
    <row r="29486" spans="1:12">
      <c r="A29486" s="6" t="s">
        <v>30452</v>
      </c>
      <c r="B29486" s="6"/>
      <c r="C29486" s="6" t="s">
        <v>30454</v>
      </c>
      <c r="D29486" s="6"/>
      <c r="E29486" s="6" t="s">
        <v>18740</v>
      </c>
      <c r="F29486" s="7">
        <v>38657</v>
      </c>
      <c r="G29486" s="8">
        <v>575128</v>
      </c>
      <c r="H29486" s="8">
        <v>575128</v>
      </c>
      <c r="I29486" s="8">
        <v>0</v>
      </c>
      <c r="J29486" s="8">
        <v>575128</v>
      </c>
      <c r="K29486" s="9">
        <v>24.79</v>
      </c>
      <c r="L29486" s="6" t="s">
        <v>10</v>
      </c>
    </row>
    <row r="29487" spans="1:12">
      <c r="A29487" s="6" t="s">
        <v>30455</v>
      </c>
      <c r="B29487" s="6"/>
      <c r="C29487" s="6" t="s">
        <v>30456</v>
      </c>
      <c r="D29487" s="6"/>
      <c r="E29487" s="6" t="s">
        <v>18740</v>
      </c>
      <c r="F29487" s="7">
        <v>38657</v>
      </c>
      <c r="G29487" s="8">
        <v>2217510</v>
      </c>
      <c r="H29487" s="8">
        <v>2217510</v>
      </c>
      <c r="I29487" s="8">
        <v>0</v>
      </c>
      <c r="J29487" s="8">
        <v>2217510</v>
      </c>
      <c r="K29487" s="9">
        <v>85.95</v>
      </c>
      <c r="L29487" s="6" t="s">
        <v>10</v>
      </c>
    </row>
    <row r="29488" spans="1:12">
      <c r="A29488" s="6" t="s">
        <v>30457</v>
      </c>
      <c r="B29488" s="6"/>
      <c r="C29488" s="6" t="s">
        <v>30458</v>
      </c>
      <c r="D29488" s="6"/>
      <c r="E29488" s="6" t="s">
        <v>18740</v>
      </c>
      <c r="F29488" s="7">
        <v>38657</v>
      </c>
      <c r="G29488" s="8">
        <v>12936672</v>
      </c>
      <c r="H29488" s="8">
        <v>12936672</v>
      </c>
      <c r="I29488" s="8">
        <v>0</v>
      </c>
      <c r="J29488" s="8">
        <v>12936672</v>
      </c>
      <c r="K29488" s="9">
        <v>513.36</v>
      </c>
      <c r="L29488" s="6" t="s">
        <v>10</v>
      </c>
    </row>
    <row r="29489" spans="1:12">
      <c r="A29489" s="6" t="s">
        <v>30457</v>
      </c>
      <c r="B29489" s="6"/>
      <c r="C29489" s="6" t="s">
        <v>30459</v>
      </c>
      <c r="D29489" s="6"/>
      <c r="E29489" s="6" t="s">
        <v>18740</v>
      </c>
      <c r="F29489" s="7">
        <v>38657</v>
      </c>
      <c r="G29489" s="8">
        <v>6946884</v>
      </c>
      <c r="H29489" s="8">
        <v>6946884</v>
      </c>
      <c r="I29489" s="8">
        <v>0</v>
      </c>
      <c r="J29489" s="8">
        <v>6946884</v>
      </c>
      <c r="K29489" s="9">
        <v>275.67</v>
      </c>
      <c r="L29489" s="6" t="s">
        <v>10</v>
      </c>
    </row>
    <row r="29490" spans="1:12">
      <c r="A29490" s="6" t="s">
        <v>30460</v>
      </c>
      <c r="B29490" s="6"/>
      <c r="C29490" s="6" t="s">
        <v>30461</v>
      </c>
      <c r="D29490" s="6"/>
      <c r="E29490" s="6" t="s">
        <v>18740</v>
      </c>
      <c r="F29490" s="7">
        <v>38657</v>
      </c>
      <c r="G29490" s="8">
        <v>294200</v>
      </c>
      <c r="H29490" s="8">
        <v>294200</v>
      </c>
      <c r="I29490" s="8">
        <v>0</v>
      </c>
      <c r="J29490" s="8">
        <v>294200</v>
      </c>
      <c r="K29490" s="9">
        <v>14.71</v>
      </c>
      <c r="L29490" s="6" t="s">
        <v>10</v>
      </c>
    </row>
    <row r="29491" spans="1:12">
      <c r="A29491" s="6" t="s">
        <v>30462</v>
      </c>
      <c r="B29491" s="6"/>
      <c r="C29491" s="6" t="s">
        <v>30463</v>
      </c>
      <c r="D29491" s="6"/>
      <c r="E29491" s="6" t="s">
        <v>18740</v>
      </c>
      <c r="F29491" s="7">
        <v>38657</v>
      </c>
      <c r="G29491" s="8">
        <v>317659</v>
      </c>
      <c r="H29491" s="8">
        <v>317659</v>
      </c>
      <c r="I29491" s="8">
        <v>0</v>
      </c>
      <c r="J29491" s="8">
        <v>317659</v>
      </c>
      <c r="K29491" s="9">
        <v>62.14</v>
      </c>
      <c r="L29491" s="6" t="s">
        <v>23</v>
      </c>
    </row>
    <row r="29492" spans="1:12">
      <c r="A29492" s="6" t="s">
        <v>30464</v>
      </c>
      <c r="B29492" s="6"/>
      <c r="C29492" s="6" t="s">
        <v>30465</v>
      </c>
      <c r="D29492" s="6"/>
      <c r="E29492" s="6" t="s">
        <v>18740</v>
      </c>
      <c r="F29492" s="7">
        <v>38657</v>
      </c>
      <c r="G29492" s="8">
        <v>743600</v>
      </c>
      <c r="H29492" s="8">
        <v>743600</v>
      </c>
      <c r="I29492" s="8">
        <v>0</v>
      </c>
      <c r="J29492" s="8">
        <v>743600</v>
      </c>
      <c r="K29492" s="9">
        <v>22</v>
      </c>
      <c r="L29492" s="6" t="s">
        <v>10</v>
      </c>
    </row>
    <row r="29493" spans="1:12">
      <c r="A29493" s="6" t="s">
        <v>30466</v>
      </c>
      <c r="B29493" s="6"/>
      <c r="C29493" s="6" t="s">
        <v>30467</v>
      </c>
      <c r="D29493" s="6"/>
      <c r="E29493" s="6" t="s">
        <v>18740</v>
      </c>
      <c r="F29493" s="7">
        <v>38657</v>
      </c>
      <c r="G29493" s="8">
        <v>285300</v>
      </c>
      <c r="H29493" s="8">
        <v>285300</v>
      </c>
      <c r="I29493" s="8">
        <v>0</v>
      </c>
      <c r="J29493" s="8">
        <v>285300</v>
      </c>
      <c r="K29493" s="9">
        <v>55.81</v>
      </c>
      <c r="L29493" s="6" t="s">
        <v>23</v>
      </c>
    </row>
    <row r="29494" spans="1:12">
      <c r="A29494" s="6" t="s">
        <v>30466</v>
      </c>
      <c r="B29494" s="6"/>
      <c r="C29494" s="6" t="s">
        <v>30468</v>
      </c>
      <c r="D29494" s="6"/>
      <c r="E29494" s="6" t="s">
        <v>18740</v>
      </c>
      <c r="F29494" s="7">
        <v>38657</v>
      </c>
      <c r="G29494" s="8">
        <v>679896</v>
      </c>
      <c r="H29494" s="8">
        <v>679896</v>
      </c>
      <c r="I29494" s="8">
        <v>0</v>
      </c>
      <c r="J29494" s="8">
        <v>679896</v>
      </c>
      <c r="K29494" s="9">
        <v>133</v>
      </c>
      <c r="L29494" s="6" t="s">
        <v>23</v>
      </c>
    </row>
    <row r="29495" spans="1:12">
      <c r="A29495" s="6" t="s">
        <v>30466</v>
      </c>
      <c r="B29495" s="6"/>
      <c r="C29495" s="6" t="s">
        <v>30469</v>
      </c>
      <c r="D29495" s="6"/>
      <c r="E29495" s="6" t="s">
        <v>18740</v>
      </c>
      <c r="F29495" s="7">
        <v>38657</v>
      </c>
      <c r="G29495" s="8">
        <v>1063296</v>
      </c>
      <c r="H29495" s="8">
        <v>1063296</v>
      </c>
      <c r="I29495" s="8">
        <v>0</v>
      </c>
      <c r="J29495" s="8">
        <v>1063296</v>
      </c>
      <c r="K29495" s="9">
        <v>208</v>
      </c>
      <c r="L29495" s="6" t="s">
        <v>23</v>
      </c>
    </row>
    <row r="29496" spans="1:12">
      <c r="A29496" s="6" t="s">
        <v>30466</v>
      </c>
      <c r="B29496" s="6"/>
      <c r="C29496" s="6" t="s">
        <v>30470</v>
      </c>
      <c r="D29496" s="6"/>
      <c r="E29496" s="6" t="s">
        <v>18740</v>
      </c>
      <c r="F29496" s="7">
        <v>38657</v>
      </c>
      <c r="G29496" s="8">
        <v>15382008</v>
      </c>
      <c r="H29496" s="8">
        <v>15382008</v>
      </c>
      <c r="I29496" s="8">
        <v>0</v>
      </c>
      <c r="J29496" s="8">
        <v>15382008</v>
      </c>
      <c r="K29496" s="9">
        <v>3009</v>
      </c>
      <c r="L29496" s="6" t="s">
        <v>23</v>
      </c>
    </row>
    <row r="29497" spans="1:12">
      <c r="A29497" s="6" t="s">
        <v>30466</v>
      </c>
      <c r="B29497" s="6"/>
      <c r="C29497" s="6" t="s">
        <v>30471</v>
      </c>
      <c r="D29497" s="6"/>
      <c r="E29497" s="6" t="s">
        <v>18740</v>
      </c>
      <c r="F29497" s="7">
        <v>38657</v>
      </c>
      <c r="G29497" s="8">
        <v>10500048</v>
      </c>
      <c r="H29497" s="8">
        <v>10500048</v>
      </c>
      <c r="I29497" s="8">
        <v>0</v>
      </c>
      <c r="J29497" s="8">
        <v>10500048</v>
      </c>
      <c r="K29497" s="9">
        <v>2054</v>
      </c>
      <c r="L29497" s="6" t="s">
        <v>23</v>
      </c>
    </row>
    <row r="29498" spans="1:12">
      <c r="A29498" s="6" t="s">
        <v>30466</v>
      </c>
      <c r="B29498" s="6"/>
      <c r="C29498" s="6" t="s">
        <v>30472</v>
      </c>
      <c r="D29498" s="6"/>
      <c r="E29498" s="6" t="s">
        <v>18740</v>
      </c>
      <c r="F29498" s="7">
        <v>38657</v>
      </c>
      <c r="G29498" s="8">
        <v>2337257</v>
      </c>
      <c r="H29498" s="8">
        <v>2337257</v>
      </c>
      <c r="I29498" s="8">
        <v>0</v>
      </c>
      <c r="J29498" s="8">
        <v>2337257</v>
      </c>
      <c r="K29498" s="9">
        <v>457.21</v>
      </c>
      <c r="L29498" s="6" t="s">
        <v>23</v>
      </c>
    </row>
    <row r="29499" spans="1:12">
      <c r="A29499" s="6" t="s">
        <v>30473</v>
      </c>
      <c r="B29499" s="6"/>
      <c r="C29499" s="6" t="s">
        <v>30474</v>
      </c>
      <c r="D29499" s="6"/>
      <c r="E29499" s="6" t="s">
        <v>18740</v>
      </c>
      <c r="F29499" s="7">
        <v>38657</v>
      </c>
      <c r="G29499" s="8">
        <v>4103568</v>
      </c>
      <c r="H29499" s="8">
        <v>4103568</v>
      </c>
      <c r="I29499" s="8">
        <v>0</v>
      </c>
      <c r="J29499" s="8">
        <v>4103568</v>
      </c>
      <c r="K29499" s="9">
        <v>325.68</v>
      </c>
      <c r="L29499" s="6" t="s">
        <v>10</v>
      </c>
    </row>
    <row r="29500" spans="1:12">
      <c r="A29500" s="6" t="s">
        <v>30475</v>
      </c>
      <c r="B29500" s="6"/>
      <c r="C29500" s="6" t="s">
        <v>30476</v>
      </c>
      <c r="D29500" s="6"/>
      <c r="E29500" s="6" t="s">
        <v>18740</v>
      </c>
      <c r="F29500" s="7">
        <v>38657</v>
      </c>
      <c r="G29500" s="8">
        <v>233142</v>
      </c>
      <c r="H29500" s="8">
        <v>233142</v>
      </c>
      <c r="I29500" s="8">
        <v>0</v>
      </c>
      <c r="J29500" s="8">
        <v>233142</v>
      </c>
      <c r="K29500" s="9">
        <v>6.37</v>
      </c>
      <c r="L29500" s="6" t="s">
        <v>10</v>
      </c>
    </row>
    <row r="29501" spans="1:12">
      <c r="A29501" s="6" t="s">
        <v>30477</v>
      </c>
      <c r="B29501" s="6"/>
      <c r="C29501" s="6" t="s">
        <v>30478</v>
      </c>
      <c r="D29501" s="6"/>
      <c r="E29501" s="6" t="s">
        <v>18740</v>
      </c>
      <c r="F29501" s="7">
        <v>38657</v>
      </c>
      <c r="G29501" s="8">
        <v>24588</v>
      </c>
      <c r="H29501" s="8">
        <v>24588</v>
      </c>
      <c r="I29501" s="8">
        <v>0</v>
      </c>
      <c r="J29501" s="8">
        <v>24588</v>
      </c>
      <c r="K29501" s="9">
        <v>4.8099999999999898</v>
      </c>
      <c r="L29501" s="6" t="s">
        <v>23</v>
      </c>
    </row>
    <row r="29502" spans="1:12">
      <c r="A29502" s="6" t="s">
        <v>30479</v>
      </c>
      <c r="B29502" s="6"/>
      <c r="C29502" s="6" t="s">
        <v>30480</v>
      </c>
      <c r="D29502" s="6"/>
      <c r="E29502" s="6" t="s">
        <v>18740</v>
      </c>
      <c r="F29502" s="7">
        <v>38657</v>
      </c>
      <c r="G29502" s="8">
        <v>122016</v>
      </c>
      <c r="H29502" s="8">
        <v>122016</v>
      </c>
      <c r="I29502" s="8">
        <v>0</v>
      </c>
      <c r="J29502" s="8">
        <v>122016</v>
      </c>
      <c r="K29502" s="9">
        <v>3.72</v>
      </c>
      <c r="L29502" s="6" t="s">
        <v>10</v>
      </c>
    </row>
    <row r="29503" spans="1:12">
      <c r="A29503" s="6" t="s">
        <v>30481</v>
      </c>
      <c r="B29503" s="6"/>
      <c r="C29503" s="6" t="s">
        <v>30482</v>
      </c>
      <c r="D29503" s="6"/>
      <c r="E29503" s="6" t="s">
        <v>18740</v>
      </c>
      <c r="F29503" s="7">
        <v>38657</v>
      </c>
      <c r="G29503" s="8">
        <v>754400</v>
      </c>
      <c r="H29503" s="8">
        <v>754400</v>
      </c>
      <c r="I29503" s="8">
        <v>0</v>
      </c>
      <c r="J29503" s="8">
        <v>754400</v>
      </c>
      <c r="K29503" s="9">
        <v>23</v>
      </c>
      <c r="L29503" s="6" t="s">
        <v>10</v>
      </c>
    </row>
    <row r="29504" spans="1:12">
      <c r="A29504" s="6" t="s">
        <v>30483</v>
      </c>
      <c r="B29504" s="6"/>
      <c r="C29504" s="6" t="s">
        <v>30484</v>
      </c>
      <c r="D29504" s="6"/>
      <c r="E29504" s="6" t="s">
        <v>9</v>
      </c>
      <c r="F29504" s="7">
        <v>38657</v>
      </c>
      <c r="G29504" s="8">
        <v>5694768</v>
      </c>
      <c r="H29504" s="8">
        <v>5694768</v>
      </c>
      <c r="I29504" s="8">
        <v>0</v>
      </c>
      <c r="J29504" s="8">
        <v>5694768</v>
      </c>
      <c r="K29504" s="9">
        <v>1114</v>
      </c>
      <c r="L29504" s="6" t="s">
        <v>14</v>
      </c>
    </row>
    <row r="29505" spans="1:12">
      <c r="A29505" s="6" t="s">
        <v>30485</v>
      </c>
      <c r="B29505" s="6"/>
      <c r="C29505" s="6" t="s">
        <v>30486</v>
      </c>
      <c r="D29505" s="6"/>
      <c r="E29505" s="6" t="s">
        <v>18740</v>
      </c>
      <c r="F29505" s="7">
        <v>38657</v>
      </c>
      <c r="G29505" s="8">
        <v>276048</v>
      </c>
      <c r="H29505" s="8">
        <v>276048</v>
      </c>
      <c r="I29505" s="8">
        <v>0</v>
      </c>
      <c r="J29505" s="8">
        <v>276048</v>
      </c>
      <c r="K29505" s="9">
        <v>54</v>
      </c>
      <c r="L29505" s="6" t="s">
        <v>23</v>
      </c>
    </row>
    <row r="29506" spans="1:12">
      <c r="A29506" s="6" t="s">
        <v>30487</v>
      </c>
      <c r="B29506" s="6"/>
      <c r="C29506" s="6" t="s">
        <v>30488</v>
      </c>
      <c r="D29506" s="6"/>
      <c r="E29506" s="6" t="s">
        <v>18740</v>
      </c>
      <c r="F29506" s="7">
        <v>38657</v>
      </c>
      <c r="G29506" s="8">
        <v>14275600</v>
      </c>
      <c r="H29506" s="8">
        <v>14275600</v>
      </c>
      <c r="I29506" s="8">
        <v>0</v>
      </c>
      <c r="J29506" s="8">
        <v>14275600</v>
      </c>
      <c r="K29506" s="9">
        <v>401</v>
      </c>
      <c r="L29506" s="6" t="s">
        <v>10</v>
      </c>
    </row>
    <row r="29507" spans="1:12">
      <c r="A29507" s="6" t="s">
        <v>30489</v>
      </c>
      <c r="B29507" s="6"/>
      <c r="C29507" s="6" t="s">
        <v>30490</v>
      </c>
      <c r="D29507" s="6"/>
      <c r="E29507" s="6" t="s">
        <v>18740</v>
      </c>
      <c r="F29507" s="7">
        <v>38657</v>
      </c>
      <c r="G29507" s="8">
        <v>950729</v>
      </c>
      <c r="H29507" s="8">
        <v>950729</v>
      </c>
      <c r="I29507" s="8">
        <v>0</v>
      </c>
      <c r="J29507" s="8">
        <v>950729</v>
      </c>
      <c r="K29507" s="9">
        <v>185.98</v>
      </c>
      <c r="L29507" s="6" t="s">
        <v>23</v>
      </c>
    </row>
    <row r="29508" spans="1:12">
      <c r="A29508" s="6" t="s">
        <v>30491</v>
      </c>
      <c r="B29508" s="6"/>
      <c r="C29508" s="6" t="s">
        <v>30492</v>
      </c>
      <c r="D29508" s="6"/>
      <c r="E29508" s="6" t="s">
        <v>18740</v>
      </c>
      <c r="F29508" s="7">
        <v>38657</v>
      </c>
      <c r="G29508" s="8">
        <v>2735860</v>
      </c>
      <c r="H29508" s="8">
        <v>2735860</v>
      </c>
      <c r="I29508" s="8">
        <v>0</v>
      </c>
      <c r="J29508" s="8">
        <v>2735860</v>
      </c>
      <c r="K29508" s="9">
        <v>103.24</v>
      </c>
      <c r="L29508" s="6" t="s">
        <v>10</v>
      </c>
    </row>
    <row r="29509" spans="1:12">
      <c r="A29509" s="6" t="s">
        <v>30493</v>
      </c>
      <c r="B29509" s="6"/>
      <c r="C29509" s="6" t="s">
        <v>30494</v>
      </c>
      <c r="D29509" s="6"/>
      <c r="E29509" s="6" t="s">
        <v>18740</v>
      </c>
      <c r="F29509" s="7">
        <v>38657</v>
      </c>
      <c r="G29509" s="8">
        <v>5936800</v>
      </c>
      <c r="H29509" s="8">
        <v>5936800</v>
      </c>
      <c r="I29509" s="8">
        <v>0</v>
      </c>
      <c r="J29509" s="8">
        <v>5936800</v>
      </c>
      <c r="K29509" s="9">
        <v>181</v>
      </c>
      <c r="L29509" s="6" t="s">
        <v>10</v>
      </c>
    </row>
    <row r="29510" spans="1:12">
      <c r="A29510" s="6" t="s">
        <v>30493</v>
      </c>
      <c r="B29510" s="6"/>
      <c r="C29510" s="6" t="s">
        <v>30495</v>
      </c>
      <c r="D29510" s="6"/>
      <c r="E29510" s="6" t="s">
        <v>18740</v>
      </c>
      <c r="F29510" s="7">
        <v>38657</v>
      </c>
      <c r="G29510" s="8">
        <v>19259840</v>
      </c>
      <c r="H29510" s="8">
        <v>19259840</v>
      </c>
      <c r="I29510" s="8">
        <v>0</v>
      </c>
      <c r="J29510" s="8">
        <v>19259840</v>
      </c>
      <c r="K29510" s="9">
        <v>444.8</v>
      </c>
      <c r="L29510" s="6" t="s">
        <v>10</v>
      </c>
    </row>
    <row r="29511" spans="1:12">
      <c r="A29511" s="6" t="s">
        <v>30493</v>
      </c>
      <c r="B29511" s="6"/>
      <c r="C29511" s="6" t="s">
        <v>30496</v>
      </c>
      <c r="D29511" s="6"/>
      <c r="E29511" s="6" t="s">
        <v>18740</v>
      </c>
      <c r="F29511" s="7">
        <v>38657</v>
      </c>
      <c r="G29511" s="8">
        <v>14673071</v>
      </c>
      <c r="H29511" s="8">
        <v>14673071</v>
      </c>
      <c r="I29511" s="8">
        <v>0</v>
      </c>
      <c r="J29511" s="8">
        <v>14673071</v>
      </c>
      <c r="K29511" s="9">
        <v>338.87</v>
      </c>
      <c r="L29511" s="6" t="s">
        <v>10</v>
      </c>
    </row>
    <row r="29512" spans="1:12">
      <c r="A29512" s="6" t="s">
        <v>30497</v>
      </c>
      <c r="B29512" s="6"/>
      <c r="C29512" s="6" t="s">
        <v>30498</v>
      </c>
      <c r="D29512" s="6"/>
      <c r="E29512" s="6" t="s">
        <v>18740</v>
      </c>
      <c r="F29512" s="7">
        <v>38657</v>
      </c>
      <c r="G29512" s="8">
        <v>343000</v>
      </c>
      <c r="H29512" s="8">
        <v>343000</v>
      </c>
      <c r="I29512" s="8">
        <v>0</v>
      </c>
      <c r="J29512" s="8">
        <v>343000</v>
      </c>
      <c r="K29512" s="9">
        <v>10</v>
      </c>
      <c r="L29512" s="6" t="s">
        <v>10</v>
      </c>
    </row>
    <row r="29513" spans="1:12">
      <c r="A29513" s="6" t="s">
        <v>30499</v>
      </c>
      <c r="B29513" s="6"/>
      <c r="C29513" s="6" t="s">
        <v>30500</v>
      </c>
      <c r="D29513" s="6"/>
      <c r="E29513" s="6" t="s">
        <v>18740</v>
      </c>
      <c r="F29513" s="7">
        <v>38657</v>
      </c>
      <c r="G29513" s="8">
        <v>252540</v>
      </c>
      <c r="H29513" s="8">
        <v>252540</v>
      </c>
      <c r="I29513" s="8">
        <v>0</v>
      </c>
      <c r="J29513" s="8">
        <v>252540</v>
      </c>
      <c r="K29513" s="9">
        <v>6.9</v>
      </c>
      <c r="L29513" s="6" t="s">
        <v>10</v>
      </c>
    </row>
    <row r="29514" spans="1:12">
      <c r="A29514" s="6" t="s">
        <v>30501</v>
      </c>
      <c r="B29514" s="6"/>
      <c r="C29514" s="6" t="s">
        <v>30502</v>
      </c>
      <c r="D29514" s="6"/>
      <c r="E29514" s="6" t="s">
        <v>18740</v>
      </c>
      <c r="F29514" s="7">
        <v>38657</v>
      </c>
      <c r="G29514" s="8">
        <v>1270290</v>
      </c>
      <c r="H29514" s="8">
        <v>1270290</v>
      </c>
      <c r="I29514" s="8">
        <v>0</v>
      </c>
      <c r="J29514" s="8">
        <v>1270290</v>
      </c>
      <c r="K29514" s="9">
        <v>39.450000000000003</v>
      </c>
      <c r="L29514" s="6" t="s">
        <v>10</v>
      </c>
    </row>
    <row r="29515" spans="1:12">
      <c r="A29515" s="6" t="s">
        <v>30503</v>
      </c>
      <c r="B29515" s="6"/>
      <c r="C29515" s="6" t="s">
        <v>30504</v>
      </c>
      <c r="D29515" s="6"/>
      <c r="E29515" s="6" t="s">
        <v>18740</v>
      </c>
      <c r="F29515" s="7">
        <v>38657</v>
      </c>
      <c r="G29515" s="8">
        <v>168696</v>
      </c>
      <c r="H29515" s="8">
        <v>168696</v>
      </c>
      <c r="I29515" s="8">
        <v>0</v>
      </c>
      <c r="J29515" s="8">
        <v>168696</v>
      </c>
      <c r="K29515" s="9">
        <v>33</v>
      </c>
      <c r="L29515" s="6" t="s">
        <v>23</v>
      </c>
    </row>
    <row r="29516" spans="1:12">
      <c r="A29516" s="6" t="s">
        <v>30503</v>
      </c>
      <c r="B29516" s="6"/>
      <c r="C29516" s="6" t="s">
        <v>30505</v>
      </c>
      <c r="D29516" s="6"/>
      <c r="E29516" s="6" t="s">
        <v>18740</v>
      </c>
      <c r="F29516" s="7">
        <v>38657</v>
      </c>
      <c r="G29516" s="8">
        <v>148248</v>
      </c>
      <c r="H29516" s="8">
        <v>148248</v>
      </c>
      <c r="I29516" s="8">
        <v>0</v>
      </c>
      <c r="J29516" s="8">
        <v>148248</v>
      </c>
      <c r="K29516" s="9">
        <v>29</v>
      </c>
      <c r="L29516" s="6" t="s">
        <v>23</v>
      </c>
    </row>
    <row r="29517" spans="1:12">
      <c r="A29517" s="6" t="s">
        <v>30506</v>
      </c>
      <c r="B29517" s="6"/>
      <c r="C29517" s="6" t="s">
        <v>30507</v>
      </c>
      <c r="D29517" s="6"/>
      <c r="E29517" s="6" t="s">
        <v>9</v>
      </c>
      <c r="F29517" s="7">
        <v>38657</v>
      </c>
      <c r="G29517" s="8">
        <v>2515921</v>
      </c>
      <c r="H29517" s="8">
        <v>2515921</v>
      </c>
      <c r="I29517" s="8">
        <v>0</v>
      </c>
      <c r="J29517" s="8">
        <v>2515921</v>
      </c>
      <c r="K29517" s="9">
        <v>492.16</v>
      </c>
      <c r="L29517" s="6" t="s">
        <v>14</v>
      </c>
    </row>
    <row r="29518" spans="1:12">
      <c r="A29518" s="6" t="s">
        <v>30508</v>
      </c>
      <c r="B29518" s="6"/>
      <c r="C29518" s="6" t="s">
        <v>30509</v>
      </c>
      <c r="D29518" s="6"/>
      <c r="E29518" s="6" t="s">
        <v>18740</v>
      </c>
      <c r="F29518" s="7">
        <v>38657</v>
      </c>
      <c r="G29518" s="8">
        <v>258390</v>
      </c>
      <c r="H29518" s="8">
        <v>258390</v>
      </c>
      <c r="I29518" s="8">
        <v>0</v>
      </c>
      <c r="J29518" s="8">
        <v>258390</v>
      </c>
      <c r="K29518" s="9">
        <v>17.82</v>
      </c>
      <c r="L29518" s="6" t="s">
        <v>10</v>
      </c>
    </row>
    <row r="29519" spans="1:12">
      <c r="A29519" s="6" t="s">
        <v>30510</v>
      </c>
      <c r="B29519" s="6"/>
      <c r="C29519" s="6" t="s">
        <v>30511</v>
      </c>
      <c r="D29519" s="6"/>
      <c r="E29519" s="6" t="s">
        <v>18740</v>
      </c>
      <c r="F29519" s="7">
        <v>38657</v>
      </c>
      <c r="G29519" s="8">
        <v>29015770</v>
      </c>
      <c r="H29519" s="8">
        <v>29015770</v>
      </c>
      <c r="I29519" s="8">
        <v>0</v>
      </c>
      <c r="J29519" s="8">
        <v>29015770</v>
      </c>
      <c r="K29519" s="9">
        <v>6290</v>
      </c>
      <c r="L29519" s="6" t="s">
        <v>25060</v>
      </c>
    </row>
    <row r="29520" spans="1:12">
      <c r="A29520" s="6" t="s">
        <v>30510</v>
      </c>
      <c r="B29520" s="6"/>
      <c r="C29520" s="6" t="s">
        <v>30512</v>
      </c>
      <c r="D29520" s="6"/>
      <c r="E29520" s="6" t="s">
        <v>18740</v>
      </c>
      <c r="F29520" s="7">
        <v>38657</v>
      </c>
      <c r="G29520" s="8">
        <v>1419500</v>
      </c>
      <c r="H29520" s="8">
        <v>1419500</v>
      </c>
      <c r="I29520" s="8">
        <v>0</v>
      </c>
      <c r="J29520" s="8">
        <v>1419500</v>
      </c>
      <c r="K29520" s="9">
        <v>277.68</v>
      </c>
      <c r="L29520" s="6" t="s">
        <v>23</v>
      </c>
    </row>
    <row r="29521" spans="1:12">
      <c r="A29521" s="6" t="s">
        <v>30513</v>
      </c>
      <c r="B29521" s="6"/>
      <c r="C29521" s="6" t="s">
        <v>30514</v>
      </c>
      <c r="D29521" s="6"/>
      <c r="E29521" s="6" t="s">
        <v>18740</v>
      </c>
      <c r="F29521" s="7">
        <v>38657</v>
      </c>
      <c r="G29521" s="8">
        <v>2832336</v>
      </c>
      <c r="H29521" s="8">
        <v>2832336</v>
      </c>
      <c r="I29521" s="8">
        <v>0</v>
      </c>
      <c r="J29521" s="8">
        <v>2832336</v>
      </c>
      <c r="K29521" s="9">
        <v>277.68</v>
      </c>
      <c r="L29521" s="6" t="s">
        <v>10</v>
      </c>
    </row>
    <row r="29522" spans="1:12">
      <c r="A29522" s="6" t="s">
        <v>30515</v>
      </c>
      <c r="B29522" s="6"/>
      <c r="C29522" s="6" t="s">
        <v>30516</v>
      </c>
      <c r="D29522" s="6"/>
      <c r="E29522" s="6" t="s">
        <v>18740</v>
      </c>
      <c r="F29522" s="7">
        <v>38657</v>
      </c>
      <c r="G29522" s="8">
        <v>1011534</v>
      </c>
      <c r="H29522" s="8">
        <v>1011534</v>
      </c>
      <c r="I29522" s="8">
        <v>0</v>
      </c>
      <c r="J29522" s="8">
        <v>1011534</v>
      </c>
      <c r="K29522" s="9">
        <v>99.17</v>
      </c>
      <c r="L29522" s="6" t="s">
        <v>10</v>
      </c>
    </row>
    <row r="29523" spans="1:12">
      <c r="A29523" s="6" t="s">
        <v>30517</v>
      </c>
      <c r="B29523" s="6"/>
      <c r="C29523" s="6" t="s">
        <v>30518</v>
      </c>
      <c r="D29523" s="6"/>
      <c r="E29523" s="6" t="s">
        <v>18740</v>
      </c>
      <c r="F29523" s="7">
        <v>38657</v>
      </c>
      <c r="G29523" s="8">
        <v>505716</v>
      </c>
      <c r="H29523" s="8">
        <v>505716</v>
      </c>
      <c r="I29523" s="8">
        <v>0</v>
      </c>
      <c r="J29523" s="8">
        <v>505716</v>
      </c>
      <c r="K29523" s="9">
        <v>49.58</v>
      </c>
      <c r="L29523" s="6" t="s">
        <v>10</v>
      </c>
    </row>
    <row r="29524" spans="1:12">
      <c r="A29524" s="6" t="s">
        <v>30519</v>
      </c>
      <c r="B29524" s="6"/>
      <c r="C29524" s="6" t="s">
        <v>30520</v>
      </c>
      <c r="D29524" s="6"/>
      <c r="E29524" s="6" t="s">
        <v>18740</v>
      </c>
      <c r="F29524" s="7">
        <v>38657</v>
      </c>
      <c r="G29524" s="8">
        <v>674322</v>
      </c>
      <c r="H29524" s="8">
        <v>674322</v>
      </c>
      <c r="I29524" s="8">
        <v>0</v>
      </c>
      <c r="J29524" s="8">
        <v>674322</v>
      </c>
      <c r="K29524" s="9">
        <v>66.11</v>
      </c>
      <c r="L29524" s="6" t="s">
        <v>10</v>
      </c>
    </row>
    <row r="29525" spans="1:12">
      <c r="A29525" s="6" t="s">
        <v>30521</v>
      </c>
      <c r="B29525" s="6"/>
      <c r="C29525" s="6" t="s">
        <v>30522</v>
      </c>
      <c r="D29525" s="6"/>
      <c r="E29525" s="6" t="s">
        <v>9</v>
      </c>
      <c r="F29525" s="7">
        <v>38657</v>
      </c>
      <c r="G29525" s="8">
        <v>456246</v>
      </c>
      <c r="H29525" s="8">
        <v>456246</v>
      </c>
      <c r="I29525" s="8">
        <v>0</v>
      </c>
      <c r="J29525" s="8">
        <v>456246</v>
      </c>
      <c r="K29525" s="9">
        <v>89.25</v>
      </c>
      <c r="L29525" s="6" t="s">
        <v>14</v>
      </c>
    </row>
    <row r="29526" spans="1:12">
      <c r="A29526" s="6" t="s">
        <v>30523</v>
      </c>
      <c r="B29526" s="6"/>
      <c r="C29526" s="6" t="s">
        <v>30524</v>
      </c>
      <c r="D29526" s="6"/>
      <c r="E29526" s="6" t="s">
        <v>18740</v>
      </c>
      <c r="F29526" s="7">
        <v>38657</v>
      </c>
      <c r="G29526" s="8">
        <v>223020</v>
      </c>
      <c r="H29526" s="8">
        <v>223020</v>
      </c>
      <c r="I29526" s="8">
        <v>0</v>
      </c>
      <c r="J29526" s="8">
        <v>223020</v>
      </c>
      <c r="K29526" s="9">
        <v>16.52</v>
      </c>
      <c r="L29526" s="6" t="s">
        <v>10</v>
      </c>
    </row>
    <row r="29527" spans="1:12">
      <c r="A29527" s="6" t="s">
        <v>30525</v>
      </c>
      <c r="B29527" s="6"/>
      <c r="C29527" s="6" t="s">
        <v>30526</v>
      </c>
      <c r="D29527" s="6"/>
      <c r="E29527" s="6" t="s">
        <v>18740</v>
      </c>
      <c r="F29527" s="7">
        <v>38657</v>
      </c>
      <c r="G29527" s="8">
        <v>2059024</v>
      </c>
      <c r="H29527" s="8">
        <v>2059024</v>
      </c>
      <c r="I29527" s="8">
        <v>0</v>
      </c>
      <c r="J29527" s="8">
        <v>2059024</v>
      </c>
      <c r="K29527" s="9">
        <v>233.98</v>
      </c>
      <c r="L29527" s="6" t="s">
        <v>10</v>
      </c>
    </row>
    <row r="29528" spans="1:12">
      <c r="A29528" s="6" t="s">
        <v>30527</v>
      </c>
      <c r="B29528" s="6"/>
      <c r="C29528" s="6" t="s">
        <v>30528</v>
      </c>
      <c r="D29528" s="6"/>
      <c r="E29528" s="6" t="s">
        <v>18740</v>
      </c>
      <c r="F29528" s="7">
        <v>38657</v>
      </c>
      <c r="G29528" s="8">
        <v>253528</v>
      </c>
      <c r="H29528" s="8">
        <v>253528</v>
      </c>
      <c r="I29528" s="8">
        <v>0</v>
      </c>
      <c r="J29528" s="8">
        <v>253528</v>
      </c>
      <c r="K29528" s="9">
        <v>28.81</v>
      </c>
      <c r="L29528" s="6" t="s">
        <v>10</v>
      </c>
    </row>
    <row r="29529" spans="1:12">
      <c r="A29529" s="6" t="s">
        <v>30529</v>
      </c>
      <c r="B29529" s="6"/>
      <c r="C29529" s="6" t="s">
        <v>30530</v>
      </c>
      <c r="D29529" s="6"/>
      <c r="E29529" s="6" t="s">
        <v>9</v>
      </c>
      <c r="F29529" s="7">
        <v>38657</v>
      </c>
      <c r="G29529" s="8">
        <v>28182000</v>
      </c>
      <c r="H29529" s="8">
        <v>28182000</v>
      </c>
      <c r="I29529" s="8">
        <v>0</v>
      </c>
      <c r="J29529" s="8">
        <v>28182000</v>
      </c>
      <c r="K29529" s="9">
        <v>2310</v>
      </c>
      <c r="L29529" s="6" t="s">
        <v>1694</v>
      </c>
    </row>
    <row r="29530" spans="1:12">
      <c r="A29530" s="6" t="s">
        <v>30529</v>
      </c>
      <c r="B29530" s="6"/>
      <c r="C29530" s="6" t="s">
        <v>30531</v>
      </c>
      <c r="D29530" s="6"/>
      <c r="E29530" s="6" t="s">
        <v>9</v>
      </c>
      <c r="F29530" s="7">
        <v>38657</v>
      </c>
      <c r="G29530" s="8">
        <v>30780600</v>
      </c>
      <c r="H29530" s="8">
        <v>30780600</v>
      </c>
      <c r="I29530" s="8">
        <v>0</v>
      </c>
      <c r="J29530" s="8">
        <v>30780600</v>
      </c>
      <c r="K29530" s="9">
        <v>2523</v>
      </c>
      <c r="L29530" s="6" t="s">
        <v>1694</v>
      </c>
    </row>
    <row r="29531" spans="1:12">
      <c r="A29531" s="6" t="s">
        <v>30529</v>
      </c>
      <c r="B29531" s="6"/>
      <c r="C29531" s="6" t="s">
        <v>30532</v>
      </c>
      <c r="D29531" s="6"/>
      <c r="E29531" s="6" t="s">
        <v>9</v>
      </c>
      <c r="F29531" s="7">
        <v>38657</v>
      </c>
      <c r="G29531" s="8">
        <v>11309400</v>
      </c>
      <c r="H29531" s="8">
        <v>11309400</v>
      </c>
      <c r="I29531" s="8">
        <v>0</v>
      </c>
      <c r="J29531" s="8">
        <v>11309400</v>
      </c>
      <c r="K29531" s="9">
        <v>927</v>
      </c>
      <c r="L29531" s="6" t="s">
        <v>1694</v>
      </c>
    </row>
    <row r="29532" spans="1:12">
      <c r="A29532" s="6" t="s">
        <v>30533</v>
      </c>
      <c r="B29532" s="6"/>
      <c r="C29532" s="6" t="s">
        <v>30534</v>
      </c>
      <c r="D29532" s="6"/>
      <c r="E29532" s="6" t="s">
        <v>18740</v>
      </c>
      <c r="F29532" s="7">
        <v>38657</v>
      </c>
      <c r="G29532" s="8">
        <v>167200</v>
      </c>
      <c r="H29532" s="8">
        <v>167200</v>
      </c>
      <c r="I29532" s="8">
        <v>0</v>
      </c>
      <c r="J29532" s="8">
        <v>167200</v>
      </c>
      <c r="K29532" s="9">
        <v>19</v>
      </c>
      <c r="L29532" s="6" t="s">
        <v>10</v>
      </c>
    </row>
    <row r="29533" spans="1:12">
      <c r="A29533" s="6" t="s">
        <v>30535</v>
      </c>
      <c r="B29533" s="6"/>
      <c r="C29533" s="6" t="s">
        <v>30536</v>
      </c>
      <c r="D29533" s="6"/>
      <c r="E29533" s="6" t="s">
        <v>18740</v>
      </c>
      <c r="F29533" s="7">
        <v>38657</v>
      </c>
      <c r="G29533" s="8">
        <v>250488</v>
      </c>
      <c r="H29533" s="8">
        <v>250488</v>
      </c>
      <c r="I29533" s="8">
        <v>0</v>
      </c>
      <c r="J29533" s="8">
        <v>250488</v>
      </c>
      <c r="K29533" s="9">
        <v>49</v>
      </c>
      <c r="L29533" s="6" t="s">
        <v>23</v>
      </c>
    </row>
    <row r="29534" spans="1:12">
      <c r="A29534" s="6" t="s">
        <v>30537</v>
      </c>
      <c r="B29534" s="6"/>
      <c r="C29534" s="6" t="s">
        <v>30538</v>
      </c>
      <c r="D29534" s="6"/>
      <c r="E29534" s="6" t="s">
        <v>18740</v>
      </c>
      <c r="F29534" s="7">
        <v>38657</v>
      </c>
      <c r="G29534" s="8">
        <v>1161600</v>
      </c>
      <c r="H29534" s="8">
        <v>1161600</v>
      </c>
      <c r="I29534" s="8">
        <v>0</v>
      </c>
      <c r="J29534" s="8">
        <v>1161600</v>
      </c>
      <c r="K29534" s="9">
        <v>132</v>
      </c>
      <c r="L29534" s="6" t="s">
        <v>10</v>
      </c>
    </row>
    <row r="29535" spans="1:12">
      <c r="A29535" s="6" t="s">
        <v>30539</v>
      </c>
      <c r="B29535" s="6"/>
      <c r="C29535" s="6" t="s">
        <v>30540</v>
      </c>
      <c r="D29535" s="6"/>
      <c r="E29535" s="6" t="s">
        <v>18740</v>
      </c>
      <c r="F29535" s="7">
        <v>38657</v>
      </c>
      <c r="G29535" s="8">
        <v>203632</v>
      </c>
      <c r="H29535" s="8">
        <v>203632</v>
      </c>
      <c r="I29535" s="8">
        <v>0</v>
      </c>
      <c r="J29535" s="8">
        <v>203632</v>
      </c>
      <c r="K29535" s="9">
        <v>23.14</v>
      </c>
      <c r="L29535" s="6" t="s">
        <v>10</v>
      </c>
    </row>
    <row r="29536" spans="1:12">
      <c r="A29536" s="6" t="s">
        <v>30541</v>
      </c>
      <c r="B29536" s="6"/>
      <c r="C29536" s="6" t="s">
        <v>30542</v>
      </c>
      <c r="D29536" s="6"/>
      <c r="E29536" s="6" t="s">
        <v>18740</v>
      </c>
      <c r="F29536" s="7">
        <v>38657</v>
      </c>
      <c r="G29536" s="8">
        <v>1087856</v>
      </c>
      <c r="H29536" s="8">
        <v>1087856</v>
      </c>
      <c r="I29536" s="8">
        <v>0</v>
      </c>
      <c r="J29536" s="8">
        <v>1087856</v>
      </c>
      <c r="K29536" s="9">
        <v>123.62</v>
      </c>
      <c r="L29536" s="6" t="s">
        <v>10</v>
      </c>
    </row>
    <row r="29537" spans="1:12">
      <c r="A29537" s="6" t="s">
        <v>30543</v>
      </c>
      <c r="B29537" s="6"/>
      <c r="C29537" s="6" t="s">
        <v>30544</v>
      </c>
      <c r="D29537" s="6"/>
      <c r="E29537" s="6" t="s">
        <v>18740</v>
      </c>
      <c r="F29537" s="7">
        <v>38657</v>
      </c>
      <c r="G29537" s="8">
        <v>506088</v>
      </c>
      <c r="H29537" s="8">
        <v>506088</v>
      </c>
      <c r="I29537" s="8">
        <v>0</v>
      </c>
      <c r="J29537" s="8">
        <v>506088</v>
      </c>
      <c r="K29537" s="9">
        <v>99</v>
      </c>
      <c r="L29537" s="6" t="s">
        <v>23</v>
      </c>
    </row>
    <row r="29538" spans="1:12">
      <c r="A29538" s="6" t="s">
        <v>30543</v>
      </c>
      <c r="B29538" s="6"/>
      <c r="C29538" s="6" t="s">
        <v>30545</v>
      </c>
      <c r="D29538" s="6"/>
      <c r="E29538" s="6" t="s">
        <v>18740</v>
      </c>
      <c r="F29538" s="7">
        <v>38657</v>
      </c>
      <c r="G29538" s="8">
        <v>996840</v>
      </c>
      <c r="H29538" s="8">
        <v>996840</v>
      </c>
      <c r="I29538" s="8">
        <v>0</v>
      </c>
      <c r="J29538" s="8">
        <v>996840</v>
      </c>
      <c r="K29538" s="9">
        <v>195</v>
      </c>
      <c r="L29538" s="6" t="s">
        <v>23</v>
      </c>
    </row>
    <row r="29539" spans="1:12">
      <c r="A29539" s="6" t="s">
        <v>30546</v>
      </c>
      <c r="B29539" s="6"/>
      <c r="C29539" s="6" t="s">
        <v>30547</v>
      </c>
      <c r="D29539" s="6"/>
      <c r="E29539" s="6" t="s">
        <v>18740</v>
      </c>
      <c r="F29539" s="7">
        <v>38657</v>
      </c>
      <c r="G29539" s="8">
        <v>1161600</v>
      </c>
      <c r="H29539" s="8">
        <v>1161600</v>
      </c>
      <c r="I29539" s="8">
        <v>0</v>
      </c>
      <c r="J29539" s="8">
        <v>1161600</v>
      </c>
      <c r="K29539" s="9">
        <v>132</v>
      </c>
      <c r="L29539" s="6" t="s">
        <v>10</v>
      </c>
    </row>
    <row r="29540" spans="1:12">
      <c r="A29540" s="6" t="s">
        <v>30546</v>
      </c>
      <c r="B29540" s="6"/>
      <c r="C29540" s="6" t="s">
        <v>30548</v>
      </c>
      <c r="D29540" s="6"/>
      <c r="E29540" s="6" t="s">
        <v>18740</v>
      </c>
      <c r="F29540" s="7">
        <v>38657</v>
      </c>
      <c r="G29540" s="8">
        <v>519200</v>
      </c>
      <c r="H29540" s="8">
        <v>519200</v>
      </c>
      <c r="I29540" s="8">
        <v>0</v>
      </c>
      <c r="J29540" s="8">
        <v>519200</v>
      </c>
      <c r="K29540" s="9">
        <v>59</v>
      </c>
      <c r="L29540" s="6" t="s">
        <v>10</v>
      </c>
    </row>
    <row r="29541" spans="1:12">
      <c r="A29541" s="6" t="s">
        <v>30549</v>
      </c>
      <c r="B29541" s="6"/>
      <c r="C29541" s="6" t="s">
        <v>30550</v>
      </c>
      <c r="D29541" s="6"/>
      <c r="E29541" s="6" t="s">
        <v>18740</v>
      </c>
      <c r="F29541" s="7">
        <v>38657</v>
      </c>
      <c r="G29541" s="8">
        <v>4620000</v>
      </c>
      <c r="H29541" s="8">
        <v>4620000</v>
      </c>
      <c r="I29541" s="8">
        <v>0</v>
      </c>
      <c r="J29541" s="8">
        <v>4620000</v>
      </c>
      <c r="K29541" s="9">
        <v>525</v>
      </c>
      <c r="L29541" s="6" t="s">
        <v>10</v>
      </c>
    </row>
    <row r="29542" spans="1:12">
      <c r="A29542" s="6" t="s">
        <v>30549</v>
      </c>
      <c r="B29542" s="6"/>
      <c r="C29542" s="6" t="s">
        <v>30551</v>
      </c>
      <c r="D29542" s="6"/>
      <c r="E29542" s="6" t="s">
        <v>18740</v>
      </c>
      <c r="F29542" s="7">
        <v>38657</v>
      </c>
      <c r="G29542" s="8">
        <v>116336</v>
      </c>
      <c r="H29542" s="8">
        <v>116336</v>
      </c>
      <c r="I29542" s="8">
        <v>0</v>
      </c>
      <c r="J29542" s="8">
        <v>116336</v>
      </c>
      <c r="K29542" s="9">
        <v>13.22</v>
      </c>
      <c r="L29542" s="6" t="s">
        <v>10</v>
      </c>
    </row>
    <row r="29543" spans="1:12">
      <c r="A29543" s="6" t="s">
        <v>30552</v>
      </c>
      <c r="B29543" s="6"/>
      <c r="C29543" s="6" t="s">
        <v>30553</v>
      </c>
      <c r="D29543" s="6"/>
      <c r="E29543" s="6" t="s">
        <v>18740</v>
      </c>
      <c r="F29543" s="7">
        <v>38657</v>
      </c>
      <c r="G29543" s="8">
        <v>580800</v>
      </c>
      <c r="H29543" s="8">
        <v>580800</v>
      </c>
      <c r="I29543" s="8">
        <v>0</v>
      </c>
      <c r="J29543" s="8">
        <v>580800</v>
      </c>
      <c r="K29543" s="9">
        <v>66</v>
      </c>
      <c r="L29543" s="6" t="s">
        <v>10</v>
      </c>
    </row>
    <row r="29544" spans="1:12">
      <c r="A29544" s="6" t="s">
        <v>30554</v>
      </c>
      <c r="B29544" s="6"/>
      <c r="C29544" s="6" t="s">
        <v>30555</v>
      </c>
      <c r="D29544" s="6"/>
      <c r="E29544" s="6" t="s">
        <v>18740</v>
      </c>
      <c r="F29544" s="7">
        <v>38657</v>
      </c>
      <c r="G29544" s="8">
        <v>304458</v>
      </c>
      <c r="H29544" s="8">
        <v>304458</v>
      </c>
      <c r="I29544" s="8">
        <v>0</v>
      </c>
      <c r="J29544" s="8">
        <v>304458</v>
      </c>
      <c r="K29544" s="9">
        <v>66</v>
      </c>
      <c r="L29544" s="6" t="s">
        <v>25060</v>
      </c>
    </row>
    <row r="29545" spans="1:12">
      <c r="A29545" s="6" t="s">
        <v>30556</v>
      </c>
      <c r="B29545" s="6"/>
      <c r="C29545" s="6" t="s">
        <v>30557</v>
      </c>
      <c r="D29545" s="6"/>
      <c r="E29545" s="6" t="s">
        <v>9</v>
      </c>
      <c r="F29545" s="7">
        <v>38657</v>
      </c>
      <c r="G29545" s="8">
        <v>1537791</v>
      </c>
      <c r="H29545" s="8">
        <v>1537791</v>
      </c>
      <c r="I29545" s="8">
        <v>0</v>
      </c>
      <c r="J29545" s="8">
        <v>1537791</v>
      </c>
      <c r="K29545" s="9">
        <v>300.82</v>
      </c>
      <c r="L29545" s="6" t="s">
        <v>14</v>
      </c>
    </row>
    <row r="29546" spans="1:12">
      <c r="A29546" s="6" t="s">
        <v>30558</v>
      </c>
      <c r="B29546" s="6"/>
      <c r="C29546" s="6" t="s">
        <v>30559</v>
      </c>
      <c r="D29546" s="6"/>
      <c r="E29546" s="6" t="s">
        <v>18740</v>
      </c>
      <c r="F29546" s="7">
        <v>38657</v>
      </c>
      <c r="G29546" s="8">
        <v>1267992</v>
      </c>
      <c r="H29546" s="8">
        <v>1267992</v>
      </c>
      <c r="I29546" s="8">
        <v>0</v>
      </c>
      <c r="J29546" s="8">
        <v>1267992</v>
      </c>
      <c r="K29546" s="9">
        <v>144.09</v>
      </c>
      <c r="L29546" s="6" t="s">
        <v>10</v>
      </c>
    </row>
    <row r="29547" spans="1:12">
      <c r="A29547" s="6" t="s">
        <v>30560</v>
      </c>
      <c r="B29547" s="6"/>
      <c r="C29547" s="6" t="s">
        <v>30561</v>
      </c>
      <c r="D29547" s="6"/>
      <c r="E29547" s="6" t="s">
        <v>9</v>
      </c>
      <c r="F29547" s="7">
        <v>38657</v>
      </c>
      <c r="G29547" s="8">
        <v>2295288</v>
      </c>
      <c r="H29547" s="8">
        <v>2295288</v>
      </c>
      <c r="I29547" s="8">
        <v>0</v>
      </c>
      <c r="J29547" s="8">
        <v>2295288</v>
      </c>
      <c r="K29547" s="9">
        <v>449</v>
      </c>
      <c r="L29547" s="6" t="s">
        <v>14</v>
      </c>
    </row>
    <row r="29548" spans="1:12">
      <c r="A29548" s="6" t="s">
        <v>30562</v>
      </c>
      <c r="B29548" s="6"/>
      <c r="C29548" s="6" t="s">
        <v>30563</v>
      </c>
      <c r="D29548" s="6"/>
      <c r="E29548" s="6" t="s">
        <v>18740</v>
      </c>
      <c r="F29548" s="7">
        <v>38657</v>
      </c>
      <c r="G29548" s="8">
        <v>111720</v>
      </c>
      <c r="H29548" s="8">
        <v>111720</v>
      </c>
      <c r="I29548" s="8">
        <v>0</v>
      </c>
      <c r="J29548" s="8">
        <v>111720</v>
      </c>
      <c r="K29548" s="9">
        <v>11.76</v>
      </c>
      <c r="L29548" s="6" t="s">
        <v>10</v>
      </c>
    </row>
    <row r="29549" spans="1:12">
      <c r="A29549" s="6" t="s">
        <v>30564</v>
      </c>
      <c r="B29549" s="6"/>
      <c r="C29549" s="6" t="s">
        <v>30565</v>
      </c>
      <c r="D29549" s="6"/>
      <c r="E29549" s="6" t="s">
        <v>18740</v>
      </c>
      <c r="F29549" s="7">
        <v>38657</v>
      </c>
      <c r="G29549" s="8">
        <v>263228</v>
      </c>
      <c r="H29549" s="8">
        <v>263228</v>
      </c>
      <c r="I29549" s="8">
        <v>0</v>
      </c>
      <c r="J29549" s="8">
        <v>263228</v>
      </c>
      <c r="K29549" s="9">
        <v>16.66</v>
      </c>
      <c r="L29549" s="6" t="s">
        <v>10</v>
      </c>
    </row>
    <row r="29550" spans="1:12">
      <c r="A29550" s="6" t="s">
        <v>30566</v>
      </c>
      <c r="B29550" s="6"/>
      <c r="C29550" s="6" t="s">
        <v>30567</v>
      </c>
      <c r="D29550" s="6"/>
      <c r="E29550" s="6" t="s">
        <v>18740</v>
      </c>
      <c r="F29550" s="7">
        <v>38657</v>
      </c>
      <c r="G29550" s="8">
        <v>185820</v>
      </c>
      <c r="H29550" s="8">
        <v>185820</v>
      </c>
      <c r="I29550" s="8">
        <v>0</v>
      </c>
      <c r="J29550" s="8">
        <v>185820</v>
      </c>
      <c r="K29550" s="9">
        <v>19.559999999999899</v>
      </c>
      <c r="L29550" s="6" t="s">
        <v>10</v>
      </c>
    </row>
    <row r="29551" spans="1:12">
      <c r="A29551" s="6" t="s">
        <v>30568</v>
      </c>
      <c r="B29551" s="6"/>
      <c r="C29551" s="6" t="s">
        <v>30569</v>
      </c>
      <c r="D29551" s="6"/>
      <c r="E29551" s="6" t="s">
        <v>9</v>
      </c>
      <c r="F29551" s="7">
        <v>38657</v>
      </c>
      <c r="G29551" s="8">
        <v>62795</v>
      </c>
      <c r="H29551" s="8">
        <v>62795</v>
      </c>
      <c r="I29551" s="8">
        <v>0</v>
      </c>
      <c r="J29551" s="8">
        <v>62795</v>
      </c>
      <c r="K29551" s="9">
        <v>6.61</v>
      </c>
      <c r="L29551" s="6" t="s">
        <v>10</v>
      </c>
    </row>
    <row r="29552" spans="1:12">
      <c r="A29552" s="6" t="s">
        <v>30570</v>
      </c>
      <c r="B29552" s="6"/>
      <c r="C29552" s="6" t="s">
        <v>30571</v>
      </c>
      <c r="D29552" s="6"/>
      <c r="E29552" s="6" t="s">
        <v>9</v>
      </c>
      <c r="F29552" s="7">
        <v>38657</v>
      </c>
      <c r="G29552" s="8">
        <v>2699136</v>
      </c>
      <c r="H29552" s="8">
        <v>2699136</v>
      </c>
      <c r="I29552" s="8">
        <v>0</v>
      </c>
      <c r="J29552" s="8">
        <v>2699136</v>
      </c>
      <c r="K29552" s="9">
        <v>528</v>
      </c>
      <c r="L29552" s="6" t="s">
        <v>14</v>
      </c>
    </row>
    <row r="29553" spans="1:12">
      <c r="A29553" s="6" t="s">
        <v>30570</v>
      </c>
      <c r="B29553" s="6"/>
      <c r="C29553" s="6" t="s">
        <v>30572</v>
      </c>
      <c r="D29553" s="6"/>
      <c r="E29553" s="6" t="s">
        <v>9</v>
      </c>
      <c r="F29553" s="7">
        <v>38657</v>
      </c>
      <c r="G29553" s="8">
        <v>13802400</v>
      </c>
      <c r="H29553" s="8">
        <v>13802400</v>
      </c>
      <c r="I29553" s="8">
        <v>0</v>
      </c>
      <c r="J29553" s="8">
        <v>13802400</v>
      </c>
      <c r="K29553" s="9">
        <v>2700</v>
      </c>
      <c r="L29553" s="6" t="s">
        <v>14</v>
      </c>
    </row>
    <row r="29554" spans="1:12">
      <c r="A29554" s="6" t="s">
        <v>30570</v>
      </c>
      <c r="B29554" s="6"/>
      <c r="C29554" s="6" t="s">
        <v>30573</v>
      </c>
      <c r="D29554" s="6"/>
      <c r="E29554" s="6" t="s">
        <v>9</v>
      </c>
      <c r="F29554" s="7">
        <v>38657</v>
      </c>
      <c r="G29554" s="8">
        <v>12723768</v>
      </c>
      <c r="H29554" s="8">
        <v>12723768</v>
      </c>
      <c r="I29554" s="8">
        <v>0</v>
      </c>
      <c r="J29554" s="8">
        <v>12723768</v>
      </c>
      <c r="K29554" s="9">
        <v>2489</v>
      </c>
      <c r="L29554" s="6" t="s">
        <v>14</v>
      </c>
    </row>
    <row r="29555" spans="1:12">
      <c r="A29555" s="6" t="s">
        <v>30570</v>
      </c>
      <c r="B29555" s="6"/>
      <c r="C29555" s="6" t="s">
        <v>30574</v>
      </c>
      <c r="D29555" s="6"/>
      <c r="E29555" s="6" t="s">
        <v>9</v>
      </c>
      <c r="F29555" s="7">
        <v>38657</v>
      </c>
      <c r="G29555" s="8">
        <v>14748120</v>
      </c>
      <c r="H29555" s="8">
        <v>14748120</v>
      </c>
      <c r="I29555" s="8">
        <v>0</v>
      </c>
      <c r="J29555" s="8">
        <v>14748120</v>
      </c>
      <c r="K29555" s="9">
        <v>2885</v>
      </c>
      <c r="L29555" s="6" t="s">
        <v>14</v>
      </c>
    </row>
    <row r="29556" spans="1:12">
      <c r="A29556" s="6" t="s">
        <v>30570</v>
      </c>
      <c r="B29556" s="6"/>
      <c r="C29556" s="6" t="s">
        <v>30575</v>
      </c>
      <c r="D29556" s="6"/>
      <c r="E29556" s="6" t="s">
        <v>9</v>
      </c>
      <c r="F29556" s="7">
        <v>38657</v>
      </c>
      <c r="G29556" s="8">
        <v>14446512</v>
      </c>
      <c r="H29556" s="8">
        <v>14446512</v>
      </c>
      <c r="I29556" s="8">
        <v>0</v>
      </c>
      <c r="J29556" s="8">
        <v>14446512</v>
      </c>
      <c r="K29556" s="9">
        <v>2826</v>
      </c>
      <c r="L29556" s="6" t="s">
        <v>14</v>
      </c>
    </row>
    <row r="29557" spans="1:12">
      <c r="A29557" s="6" t="s">
        <v>30576</v>
      </c>
      <c r="B29557" s="6"/>
      <c r="C29557" s="6" t="s">
        <v>30577</v>
      </c>
      <c r="D29557" s="6"/>
      <c r="E29557" s="6" t="s">
        <v>9</v>
      </c>
      <c r="F29557" s="7">
        <v>38657</v>
      </c>
      <c r="G29557" s="8">
        <v>2622456</v>
      </c>
      <c r="H29557" s="8">
        <v>2622456</v>
      </c>
      <c r="I29557" s="8">
        <v>0</v>
      </c>
      <c r="J29557" s="8">
        <v>2622456</v>
      </c>
      <c r="K29557" s="9">
        <v>513</v>
      </c>
      <c r="L29557" s="6" t="s">
        <v>14</v>
      </c>
    </row>
    <row r="29558" spans="1:12">
      <c r="A29558" s="6" t="s">
        <v>30578</v>
      </c>
      <c r="B29558" s="6"/>
      <c r="C29558" s="6" t="s">
        <v>30579</v>
      </c>
      <c r="D29558" s="6"/>
      <c r="E29558" s="6" t="s">
        <v>18740</v>
      </c>
      <c r="F29558" s="7">
        <v>38657</v>
      </c>
      <c r="G29558" s="8">
        <v>1006530</v>
      </c>
      <c r="H29558" s="8">
        <v>1006530</v>
      </c>
      <c r="I29558" s="8">
        <v>0</v>
      </c>
      <c r="J29558" s="8">
        <v>1006530</v>
      </c>
      <c r="K29558" s="9">
        <v>95.86</v>
      </c>
      <c r="L29558" s="6" t="s">
        <v>10</v>
      </c>
    </row>
    <row r="29559" spans="1:12">
      <c r="A29559" s="6" t="s">
        <v>30580</v>
      </c>
      <c r="B29559" s="6"/>
      <c r="C29559" s="6" t="s">
        <v>30581</v>
      </c>
      <c r="D29559" s="6"/>
      <c r="E29559" s="6" t="s">
        <v>18740</v>
      </c>
      <c r="F29559" s="7">
        <v>38657</v>
      </c>
      <c r="G29559" s="8">
        <v>869440</v>
      </c>
      <c r="H29559" s="8">
        <v>869440</v>
      </c>
      <c r="I29559" s="8">
        <v>0</v>
      </c>
      <c r="J29559" s="8">
        <v>869440</v>
      </c>
      <c r="K29559" s="9">
        <v>91.52</v>
      </c>
      <c r="L29559" s="6" t="s">
        <v>10</v>
      </c>
    </row>
    <row r="29560" spans="1:12">
      <c r="A29560" s="6" t="s">
        <v>30582</v>
      </c>
      <c r="B29560" s="6"/>
      <c r="C29560" s="6" t="s">
        <v>30583</v>
      </c>
      <c r="D29560" s="6"/>
      <c r="E29560" s="6" t="s">
        <v>18740</v>
      </c>
      <c r="F29560" s="7">
        <v>38657</v>
      </c>
      <c r="G29560" s="8">
        <v>435670</v>
      </c>
      <c r="H29560" s="8">
        <v>435670</v>
      </c>
      <c r="I29560" s="8">
        <v>0</v>
      </c>
      <c r="J29560" s="8">
        <v>435670</v>
      </c>
      <c r="K29560" s="9">
        <v>45.86</v>
      </c>
      <c r="L29560" s="6" t="s">
        <v>10</v>
      </c>
    </row>
    <row r="29561" spans="1:12">
      <c r="A29561" s="6" t="s">
        <v>30584</v>
      </c>
      <c r="B29561" s="6"/>
      <c r="C29561" s="6" t="s">
        <v>30585</v>
      </c>
      <c r="D29561" s="6"/>
      <c r="E29561" s="6" t="s">
        <v>9</v>
      </c>
      <c r="F29561" s="7">
        <v>38657</v>
      </c>
      <c r="G29561" s="8">
        <v>7340832</v>
      </c>
      <c r="H29561" s="8">
        <v>7340832</v>
      </c>
      <c r="I29561" s="8">
        <v>0</v>
      </c>
      <c r="J29561" s="8">
        <v>7340832</v>
      </c>
      <c r="K29561" s="9">
        <v>1436</v>
      </c>
      <c r="L29561" s="6" t="s">
        <v>14</v>
      </c>
    </row>
    <row r="29562" spans="1:12">
      <c r="A29562" s="6" t="s">
        <v>30586</v>
      </c>
      <c r="B29562" s="6"/>
      <c r="C29562" s="6" t="s">
        <v>30587</v>
      </c>
      <c r="D29562" s="6"/>
      <c r="E29562" s="6" t="s">
        <v>18740</v>
      </c>
      <c r="F29562" s="7">
        <v>38657</v>
      </c>
      <c r="G29562" s="8">
        <v>66456</v>
      </c>
      <c r="H29562" s="8">
        <v>66456</v>
      </c>
      <c r="I29562" s="8">
        <v>0</v>
      </c>
      <c r="J29562" s="8">
        <v>66456</v>
      </c>
      <c r="K29562" s="9">
        <v>13</v>
      </c>
      <c r="L29562" s="6" t="s">
        <v>23</v>
      </c>
    </row>
    <row r="29563" spans="1:12">
      <c r="A29563" s="6" t="s">
        <v>30586</v>
      </c>
      <c r="B29563" s="6"/>
      <c r="C29563" s="6" t="s">
        <v>30588</v>
      </c>
      <c r="D29563" s="6"/>
      <c r="E29563" s="6" t="s">
        <v>18740</v>
      </c>
      <c r="F29563" s="7">
        <v>38657</v>
      </c>
      <c r="G29563" s="8">
        <v>117576</v>
      </c>
      <c r="H29563" s="8">
        <v>117576</v>
      </c>
      <c r="I29563" s="8">
        <v>0</v>
      </c>
      <c r="J29563" s="8">
        <v>117576</v>
      </c>
      <c r="K29563" s="9">
        <v>23</v>
      </c>
      <c r="L29563" s="6" t="s">
        <v>23</v>
      </c>
    </row>
    <row r="29564" spans="1:12">
      <c r="A29564" s="6" t="s">
        <v>30586</v>
      </c>
      <c r="B29564" s="6"/>
      <c r="C29564" s="6" t="s">
        <v>30589</v>
      </c>
      <c r="D29564" s="6"/>
      <c r="E29564" s="6" t="s">
        <v>18740</v>
      </c>
      <c r="F29564" s="7">
        <v>38657</v>
      </c>
      <c r="G29564" s="8">
        <v>66456</v>
      </c>
      <c r="H29564" s="8">
        <v>66456</v>
      </c>
      <c r="I29564" s="8">
        <v>0</v>
      </c>
      <c r="J29564" s="8">
        <v>66456</v>
      </c>
      <c r="K29564" s="9">
        <v>13</v>
      </c>
      <c r="L29564" s="6" t="s">
        <v>23</v>
      </c>
    </row>
    <row r="29565" spans="1:12">
      <c r="A29565" s="6" t="s">
        <v>30586</v>
      </c>
      <c r="B29565" s="6"/>
      <c r="C29565" s="6" t="s">
        <v>30590</v>
      </c>
      <c r="D29565" s="6"/>
      <c r="E29565" s="6" t="s">
        <v>18740</v>
      </c>
      <c r="F29565" s="7">
        <v>38657</v>
      </c>
      <c r="G29565" s="8">
        <v>16869</v>
      </c>
      <c r="H29565" s="8">
        <v>16869</v>
      </c>
      <c r="I29565" s="8">
        <v>0</v>
      </c>
      <c r="J29565" s="8">
        <v>16869</v>
      </c>
      <c r="K29565" s="9">
        <v>3.3</v>
      </c>
      <c r="L29565" s="6" t="s">
        <v>23</v>
      </c>
    </row>
    <row r="29566" spans="1:12">
      <c r="A29566" s="6" t="s">
        <v>30586</v>
      </c>
      <c r="B29566" s="6"/>
      <c r="C29566" s="6" t="s">
        <v>30591</v>
      </c>
      <c r="D29566" s="6"/>
      <c r="E29566" s="6" t="s">
        <v>18740</v>
      </c>
      <c r="F29566" s="7">
        <v>38657</v>
      </c>
      <c r="G29566" s="8">
        <v>50659</v>
      </c>
      <c r="H29566" s="8">
        <v>50659</v>
      </c>
      <c r="I29566" s="8">
        <v>0</v>
      </c>
      <c r="J29566" s="8">
        <v>50659</v>
      </c>
      <c r="K29566" s="9">
        <v>9.91</v>
      </c>
      <c r="L29566" s="6" t="s">
        <v>23</v>
      </c>
    </row>
    <row r="29567" spans="1:12">
      <c r="A29567" s="6" t="s">
        <v>30592</v>
      </c>
      <c r="B29567" s="6"/>
      <c r="C29567" s="6" t="s">
        <v>30593</v>
      </c>
      <c r="D29567" s="6"/>
      <c r="E29567" s="6" t="s">
        <v>9</v>
      </c>
      <c r="F29567" s="7">
        <v>38657</v>
      </c>
      <c r="G29567" s="8">
        <v>9932616</v>
      </c>
      <c r="H29567" s="8">
        <v>9932616</v>
      </c>
      <c r="I29567" s="8">
        <v>0</v>
      </c>
      <c r="J29567" s="8">
        <v>9932616</v>
      </c>
      <c r="K29567" s="9">
        <v>1943</v>
      </c>
      <c r="L29567" s="6" t="s">
        <v>14</v>
      </c>
    </row>
    <row r="29568" spans="1:12">
      <c r="A29568" s="6" t="s">
        <v>30594</v>
      </c>
      <c r="B29568" s="6"/>
      <c r="C29568" s="6" t="s">
        <v>30595</v>
      </c>
      <c r="D29568" s="6"/>
      <c r="E29568" s="6" t="s">
        <v>18740</v>
      </c>
      <c r="F29568" s="7">
        <v>38657</v>
      </c>
      <c r="G29568" s="8">
        <v>4530344</v>
      </c>
      <c r="H29568" s="8">
        <v>4530344</v>
      </c>
      <c r="I29568" s="8">
        <v>0</v>
      </c>
      <c r="J29568" s="8">
        <v>4530344</v>
      </c>
      <c r="K29568" s="9">
        <v>248.92</v>
      </c>
      <c r="L29568" s="6" t="s">
        <v>10</v>
      </c>
    </row>
    <row r="29569" spans="1:12">
      <c r="A29569" s="6" t="s">
        <v>30596</v>
      </c>
      <c r="B29569" s="6"/>
      <c r="C29569" s="6" t="s">
        <v>30597</v>
      </c>
      <c r="D29569" s="6"/>
      <c r="E29569" s="6" t="s">
        <v>25121</v>
      </c>
      <c r="F29569" s="7">
        <v>38657</v>
      </c>
      <c r="G29569" s="8">
        <v>22271200</v>
      </c>
      <c r="H29569" s="8">
        <v>22271200</v>
      </c>
      <c r="I29569" s="8">
        <v>0</v>
      </c>
      <c r="J29569" s="8">
        <v>22271200</v>
      </c>
      <c r="K29569" s="9">
        <v>679</v>
      </c>
      <c r="L29569" s="6" t="s">
        <v>10</v>
      </c>
    </row>
    <row r="29570" spans="1:12">
      <c r="A29570" s="6" t="s">
        <v>30596</v>
      </c>
      <c r="B29570" s="6"/>
      <c r="C29570" s="6" t="s">
        <v>30598</v>
      </c>
      <c r="D29570" s="6"/>
      <c r="E29570" s="6" t="s">
        <v>25121</v>
      </c>
      <c r="F29570" s="7">
        <v>38657</v>
      </c>
      <c r="G29570" s="8">
        <v>5652500</v>
      </c>
      <c r="H29570" s="8">
        <v>5652500</v>
      </c>
      <c r="I29570" s="8">
        <v>0</v>
      </c>
      <c r="J29570" s="8">
        <v>5652500</v>
      </c>
      <c r="K29570" s="9">
        <v>175</v>
      </c>
      <c r="L29570" s="6" t="s">
        <v>10</v>
      </c>
    </row>
    <row r="29571" spans="1:12">
      <c r="A29571" s="6" t="s">
        <v>30596</v>
      </c>
      <c r="B29571" s="6"/>
      <c r="C29571" s="6" t="s">
        <v>30599</v>
      </c>
      <c r="D29571" s="6"/>
      <c r="E29571" s="6" t="s">
        <v>25121</v>
      </c>
      <c r="F29571" s="7">
        <v>38657</v>
      </c>
      <c r="G29571" s="8">
        <v>4417348</v>
      </c>
      <c r="H29571" s="8">
        <v>4417348</v>
      </c>
      <c r="I29571" s="8">
        <v>0</v>
      </c>
      <c r="J29571" s="8">
        <v>4417348</v>
      </c>
      <c r="K29571" s="9">
        <v>136.76</v>
      </c>
      <c r="L29571" s="6" t="s">
        <v>10</v>
      </c>
    </row>
    <row r="29572" spans="1:12">
      <c r="A29572" s="6" t="s">
        <v>30596</v>
      </c>
      <c r="B29572" s="6"/>
      <c r="C29572" s="6" t="s">
        <v>30600</v>
      </c>
      <c r="D29572" s="6"/>
      <c r="E29572" s="6" t="s">
        <v>25121</v>
      </c>
      <c r="F29572" s="7">
        <v>38657</v>
      </c>
      <c r="G29572" s="8">
        <v>44187035</v>
      </c>
      <c r="H29572" s="8">
        <v>44187035</v>
      </c>
      <c r="I29572" s="8">
        <v>0</v>
      </c>
      <c r="J29572" s="8">
        <v>44187035</v>
      </c>
      <c r="K29572" s="9">
        <v>997.45</v>
      </c>
      <c r="L29572" s="6" t="s">
        <v>10</v>
      </c>
    </row>
    <row r="29573" spans="1:12">
      <c r="A29573" s="6" t="s">
        <v>30596</v>
      </c>
      <c r="B29573" s="6"/>
      <c r="C29573" s="6" t="s">
        <v>30601</v>
      </c>
      <c r="D29573" s="6"/>
      <c r="E29573" s="6" t="s">
        <v>25121</v>
      </c>
      <c r="F29573" s="7">
        <v>38657</v>
      </c>
      <c r="G29573" s="8">
        <v>3194064</v>
      </c>
      <c r="H29573" s="8">
        <v>3194064</v>
      </c>
      <c r="I29573" s="8">
        <v>0</v>
      </c>
      <c r="J29573" s="8">
        <v>3194064</v>
      </c>
      <c r="K29573" s="9">
        <v>97.38</v>
      </c>
      <c r="L29573" s="6" t="s">
        <v>10</v>
      </c>
    </row>
    <row r="29574" spans="1:12">
      <c r="A29574" s="6" t="s">
        <v>30596</v>
      </c>
      <c r="B29574" s="6"/>
      <c r="C29574" s="6" t="s">
        <v>30602</v>
      </c>
      <c r="D29574" s="6"/>
      <c r="E29574" s="6" t="s">
        <v>25121</v>
      </c>
      <c r="F29574" s="7">
        <v>38657</v>
      </c>
      <c r="G29574" s="8">
        <v>3348880</v>
      </c>
      <c r="H29574" s="8">
        <v>3348880</v>
      </c>
      <c r="I29574" s="8">
        <v>0</v>
      </c>
      <c r="J29574" s="8">
        <v>3348880</v>
      </c>
      <c r="K29574" s="9">
        <v>102.1</v>
      </c>
      <c r="L29574" s="6" t="s">
        <v>10</v>
      </c>
    </row>
    <row r="29575" spans="1:12">
      <c r="A29575" s="6" t="s">
        <v>30596</v>
      </c>
      <c r="B29575" s="6"/>
      <c r="C29575" s="6" t="s">
        <v>30603</v>
      </c>
      <c r="D29575" s="6"/>
      <c r="E29575" s="6" t="s">
        <v>25121</v>
      </c>
      <c r="F29575" s="7">
        <v>38657</v>
      </c>
      <c r="G29575" s="8">
        <v>6009288</v>
      </c>
      <c r="H29575" s="8">
        <v>6009288</v>
      </c>
      <c r="I29575" s="8">
        <v>0</v>
      </c>
      <c r="J29575" s="8">
        <v>6009288</v>
      </c>
      <c r="K29575" s="9">
        <v>183.21</v>
      </c>
      <c r="L29575" s="6" t="s">
        <v>10</v>
      </c>
    </row>
    <row r="29576" spans="1:12">
      <c r="A29576" s="6" t="s">
        <v>30596</v>
      </c>
      <c r="B29576" s="6"/>
      <c r="C29576" s="6" t="s">
        <v>30604</v>
      </c>
      <c r="D29576" s="6"/>
      <c r="E29576" s="6" t="s">
        <v>25121</v>
      </c>
      <c r="F29576" s="7">
        <v>38657</v>
      </c>
      <c r="G29576" s="8">
        <v>73920752</v>
      </c>
      <c r="H29576" s="8">
        <v>73920752</v>
      </c>
      <c r="I29576" s="8">
        <v>0</v>
      </c>
      <c r="J29576" s="8">
        <v>73920752</v>
      </c>
      <c r="K29576" s="9">
        <v>1668.64</v>
      </c>
      <c r="L29576" s="6" t="s">
        <v>10</v>
      </c>
    </row>
    <row r="29577" spans="1:12">
      <c r="A29577" s="6" t="s">
        <v>30596</v>
      </c>
      <c r="B29577" s="6"/>
      <c r="C29577" s="6" t="s">
        <v>30605</v>
      </c>
      <c r="D29577" s="6"/>
      <c r="E29577" s="6" t="s">
        <v>25121</v>
      </c>
      <c r="F29577" s="7">
        <v>38657</v>
      </c>
      <c r="G29577" s="8">
        <v>961450</v>
      </c>
      <c r="H29577" s="8">
        <v>961450</v>
      </c>
      <c r="I29577" s="8">
        <v>0</v>
      </c>
      <c r="J29577" s="8">
        <v>961450</v>
      </c>
      <c r="K29577" s="9">
        <v>28.7</v>
      </c>
      <c r="L29577" s="6" t="s">
        <v>10</v>
      </c>
    </row>
    <row r="29578" spans="1:12">
      <c r="A29578" s="6" t="s">
        <v>30596</v>
      </c>
      <c r="B29578" s="6"/>
      <c r="C29578" s="6" t="s">
        <v>30606</v>
      </c>
      <c r="D29578" s="6"/>
      <c r="E29578" s="6" t="s">
        <v>25121</v>
      </c>
      <c r="F29578" s="7">
        <v>38657</v>
      </c>
      <c r="G29578" s="8">
        <v>854658</v>
      </c>
      <c r="H29578" s="8">
        <v>854658</v>
      </c>
      <c r="I29578" s="8">
        <v>0</v>
      </c>
      <c r="J29578" s="8">
        <v>854658</v>
      </c>
      <c r="K29578" s="9">
        <v>26.46</v>
      </c>
      <c r="L29578" s="6" t="s">
        <v>10</v>
      </c>
    </row>
    <row r="29579" spans="1:12">
      <c r="A29579" s="6" t="s">
        <v>30596</v>
      </c>
      <c r="B29579" s="6"/>
      <c r="C29579" s="6" t="s">
        <v>30607</v>
      </c>
      <c r="D29579" s="6"/>
      <c r="E29579" s="6" t="s">
        <v>25121</v>
      </c>
      <c r="F29579" s="7">
        <v>38657</v>
      </c>
      <c r="G29579" s="8">
        <v>4418640</v>
      </c>
      <c r="H29579" s="8">
        <v>4418640</v>
      </c>
      <c r="I29579" s="8">
        <v>0</v>
      </c>
      <c r="J29579" s="8">
        <v>4418640</v>
      </c>
      <c r="K29579" s="9">
        <v>136.80000000000001</v>
      </c>
      <c r="L29579" s="6" t="s">
        <v>10</v>
      </c>
    </row>
    <row r="29580" spans="1:12">
      <c r="A29580" s="6" t="s">
        <v>30596</v>
      </c>
      <c r="B29580" s="6"/>
      <c r="C29580" s="6" t="s">
        <v>30608</v>
      </c>
      <c r="D29580" s="6"/>
      <c r="E29580" s="6" t="s">
        <v>25121</v>
      </c>
      <c r="F29580" s="7">
        <v>38657</v>
      </c>
      <c r="G29580" s="8">
        <v>9673850</v>
      </c>
      <c r="H29580" s="8">
        <v>9673850</v>
      </c>
      <c r="I29580" s="8">
        <v>0</v>
      </c>
      <c r="J29580" s="8">
        <v>9673850</v>
      </c>
      <c r="K29580" s="9">
        <v>299.5</v>
      </c>
      <c r="L29580" s="6" t="s">
        <v>10</v>
      </c>
    </row>
    <row r="29581" spans="1:12">
      <c r="A29581" s="6" t="s">
        <v>30596</v>
      </c>
      <c r="B29581" s="6"/>
      <c r="C29581" s="6" t="s">
        <v>30609</v>
      </c>
      <c r="D29581" s="6"/>
      <c r="E29581" s="6" t="s">
        <v>25121</v>
      </c>
      <c r="F29581" s="7">
        <v>38657</v>
      </c>
      <c r="G29581" s="8">
        <v>2570757</v>
      </c>
      <c r="H29581" s="8">
        <v>2570757</v>
      </c>
      <c r="I29581" s="8">
        <v>0</v>
      </c>
      <c r="J29581" s="8">
        <v>2570757</v>
      </c>
      <c r="K29581" s="9">
        <v>79.59</v>
      </c>
      <c r="L29581" s="6" t="s">
        <v>10</v>
      </c>
    </row>
    <row r="29582" spans="1:12">
      <c r="A29582" s="6" t="s">
        <v>30596</v>
      </c>
      <c r="B29582" s="6"/>
      <c r="C29582" s="6" t="s">
        <v>30610</v>
      </c>
      <c r="D29582" s="6"/>
      <c r="E29582" s="6" t="s">
        <v>25121</v>
      </c>
      <c r="F29582" s="7">
        <v>38657</v>
      </c>
      <c r="G29582" s="8">
        <v>226100</v>
      </c>
      <c r="H29582" s="8">
        <v>226100</v>
      </c>
      <c r="I29582" s="8">
        <v>0</v>
      </c>
      <c r="J29582" s="8">
        <v>226100</v>
      </c>
      <c r="K29582" s="9">
        <v>7</v>
      </c>
      <c r="L29582" s="6" t="s">
        <v>10</v>
      </c>
    </row>
    <row r="29583" spans="1:12">
      <c r="A29583" s="6" t="s">
        <v>30596</v>
      </c>
      <c r="B29583" s="6"/>
      <c r="C29583" s="6" t="s">
        <v>30611</v>
      </c>
      <c r="D29583" s="6"/>
      <c r="E29583" s="6" t="s">
        <v>25121</v>
      </c>
      <c r="F29583" s="7">
        <v>41621</v>
      </c>
      <c r="G29583" s="8">
        <v>27462899</v>
      </c>
      <c r="H29583" s="8">
        <v>27462899</v>
      </c>
      <c r="I29583" s="8">
        <v>0</v>
      </c>
      <c r="J29583" s="8">
        <v>27462899</v>
      </c>
      <c r="K29583" s="9">
        <v>619.92999999999904</v>
      </c>
      <c r="L29583" s="6" t="s">
        <v>10</v>
      </c>
    </row>
    <row r="29584" spans="1:12">
      <c r="A29584" s="6" t="s">
        <v>30596</v>
      </c>
      <c r="B29584" s="6"/>
      <c r="C29584" s="6" t="s">
        <v>30612</v>
      </c>
      <c r="D29584" s="6"/>
      <c r="E29584" s="6" t="s">
        <v>25121</v>
      </c>
      <c r="F29584" s="7">
        <v>38657</v>
      </c>
      <c r="G29584" s="8">
        <v>7792770</v>
      </c>
      <c r="H29584" s="8">
        <v>7792770</v>
      </c>
      <c r="I29584" s="8">
        <v>0</v>
      </c>
      <c r="J29584" s="8">
        <v>7792770</v>
      </c>
      <c r="K29584" s="9">
        <v>232.62</v>
      </c>
      <c r="L29584" s="6" t="s">
        <v>10</v>
      </c>
    </row>
    <row r="29585" spans="1:12">
      <c r="A29585" s="6" t="s">
        <v>30596</v>
      </c>
      <c r="B29585" s="6"/>
      <c r="C29585" s="6" t="s">
        <v>30613</v>
      </c>
      <c r="D29585" s="6"/>
      <c r="E29585" s="6" t="s">
        <v>25121</v>
      </c>
      <c r="F29585" s="7">
        <v>38657</v>
      </c>
      <c r="G29585" s="8">
        <v>461630</v>
      </c>
      <c r="H29585" s="8">
        <v>461630</v>
      </c>
      <c r="I29585" s="8">
        <v>0</v>
      </c>
      <c r="J29585" s="8">
        <v>461630</v>
      </c>
      <c r="K29585" s="9">
        <v>13.78</v>
      </c>
      <c r="L29585" s="6" t="s">
        <v>10</v>
      </c>
    </row>
    <row r="29586" spans="1:12">
      <c r="A29586" s="6" t="s">
        <v>30596</v>
      </c>
      <c r="B29586" s="6"/>
      <c r="C29586" s="6" t="s">
        <v>30614</v>
      </c>
      <c r="D29586" s="6"/>
      <c r="E29586" s="6" t="s">
        <v>25121</v>
      </c>
      <c r="F29586" s="7">
        <v>38657</v>
      </c>
      <c r="G29586" s="8">
        <v>34203500</v>
      </c>
      <c r="H29586" s="8">
        <v>34203500</v>
      </c>
      <c r="I29586" s="8">
        <v>0</v>
      </c>
      <c r="J29586" s="8">
        <v>34203500</v>
      </c>
      <c r="K29586" s="9">
        <v>1021</v>
      </c>
      <c r="L29586" s="6" t="s">
        <v>10</v>
      </c>
    </row>
    <row r="29587" spans="1:12">
      <c r="A29587" s="6" t="s">
        <v>30596</v>
      </c>
      <c r="B29587" s="6"/>
      <c r="C29587" s="6" t="s">
        <v>30615</v>
      </c>
      <c r="D29587" s="6"/>
      <c r="E29587" s="6" t="s">
        <v>25121</v>
      </c>
      <c r="F29587" s="7">
        <v>38657</v>
      </c>
      <c r="G29587" s="8">
        <v>34203500</v>
      </c>
      <c r="H29587" s="8">
        <v>34203500</v>
      </c>
      <c r="I29587" s="8">
        <v>0</v>
      </c>
      <c r="J29587" s="8">
        <v>34203500</v>
      </c>
      <c r="K29587" s="9">
        <v>1021</v>
      </c>
      <c r="L29587" s="6" t="s">
        <v>10</v>
      </c>
    </row>
    <row r="29588" spans="1:12">
      <c r="A29588" s="6" t="s">
        <v>30596</v>
      </c>
      <c r="B29588" s="6"/>
      <c r="C29588" s="6" t="s">
        <v>30616</v>
      </c>
      <c r="D29588" s="6"/>
      <c r="E29588" s="6" t="s">
        <v>25121</v>
      </c>
      <c r="F29588" s="7">
        <v>38657</v>
      </c>
      <c r="G29588" s="8">
        <v>34203500</v>
      </c>
      <c r="H29588" s="8">
        <v>34203500</v>
      </c>
      <c r="I29588" s="8">
        <v>0</v>
      </c>
      <c r="J29588" s="8">
        <v>34203500</v>
      </c>
      <c r="K29588" s="9">
        <v>1021</v>
      </c>
      <c r="L29588" s="6" t="s">
        <v>10</v>
      </c>
    </row>
    <row r="29589" spans="1:12">
      <c r="A29589" s="6" t="s">
        <v>30596</v>
      </c>
      <c r="B29589" s="6"/>
      <c r="C29589" s="6" t="s">
        <v>30617</v>
      </c>
      <c r="D29589" s="6"/>
      <c r="E29589" s="6" t="s">
        <v>25121</v>
      </c>
      <c r="F29589" s="7">
        <v>38657</v>
      </c>
      <c r="G29589" s="8">
        <v>330645</v>
      </c>
      <c r="H29589" s="8">
        <v>330645</v>
      </c>
      <c r="I29589" s="8">
        <v>0</v>
      </c>
      <c r="J29589" s="8">
        <v>330645</v>
      </c>
      <c r="K29589" s="9">
        <v>9.8699999999999903</v>
      </c>
      <c r="L29589" s="6" t="s">
        <v>10</v>
      </c>
    </row>
    <row r="29590" spans="1:12">
      <c r="A29590" s="6" t="s">
        <v>30596</v>
      </c>
      <c r="B29590" s="6"/>
      <c r="C29590" s="6" t="s">
        <v>30618</v>
      </c>
      <c r="D29590" s="6"/>
      <c r="E29590" s="6" t="s">
        <v>25121</v>
      </c>
      <c r="F29590" s="7">
        <v>38657</v>
      </c>
      <c r="G29590" s="8">
        <v>1250010</v>
      </c>
      <c r="H29590" s="8">
        <v>1250010</v>
      </c>
      <c r="I29590" s="8">
        <v>0</v>
      </c>
      <c r="J29590" s="8">
        <v>1250010</v>
      </c>
      <c r="K29590" s="9">
        <v>38.700000000000003</v>
      </c>
      <c r="L29590" s="6" t="s">
        <v>10</v>
      </c>
    </row>
    <row r="29591" spans="1:12">
      <c r="A29591" s="6" t="s">
        <v>30596</v>
      </c>
      <c r="B29591" s="6"/>
      <c r="C29591" s="6" t="s">
        <v>30619</v>
      </c>
      <c r="D29591" s="6"/>
      <c r="E29591" s="6" t="s">
        <v>25121</v>
      </c>
      <c r="F29591" s="7">
        <v>38657</v>
      </c>
      <c r="G29591" s="8">
        <v>2086903</v>
      </c>
      <c r="H29591" s="8">
        <v>2086903</v>
      </c>
      <c r="I29591" s="8">
        <v>0</v>
      </c>
      <c r="J29591" s="8">
        <v>2086903</v>
      </c>
      <c r="K29591" s="9">
        <v>64.61</v>
      </c>
      <c r="L29591" s="6" t="s">
        <v>10</v>
      </c>
    </row>
    <row r="29592" spans="1:12">
      <c r="A29592" s="6" t="s">
        <v>30596</v>
      </c>
      <c r="B29592" s="6"/>
      <c r="C29592" s="6" t="s">
        <v>30620</v>
      </c>
      <c r="D29592" s="6"/>
      <c r="E29592" s="6" t="s">
        <v>25121</v>
      </c>
      <c r="F29592" s="7">
        <v>38657</v>
      </c>
      <c r="G29592" s="8">
        <v>413763</v>
      </c>
      <c r="H29592" s="8">
        <v>413763</v>
      </c>
      <c r="I29592" s="8">
        <v>0</v>
      </c>
      <c r="J29592" s="8">
        <v>413763</v>
      </c>
      <c r="K29592" s="9">
        <v>12.81</v>
      </c>
      <c r="L29592" s="6" t="s">
        <v>10</v>
      </c>
    </row>
    <row r="29593" spans="1:12">
      <c r="A29593" s="6" t="s">
        <v>30596</v>
      </c>
      <c r="B29593" s="6"/>
      <c r="C29593" s="6" t="s">
        <v>30621</v>
      </c>
      <c r="D29593" s="6"/>
      <c r="E29593" s="6" t="s">
        <v>25121</v>
      </c>
      <c r="F29593" s="7">
        <v>38657</v>
      </c>
      <c r="G29593" s="8">
        <v>23255200</v>
      </c>
      <c r="H29593" s="8">
        <v>23255200</v>
      </c>
      <c r="I29593" s="8">
        <v>0</v>
      </c>
      <c r="J29593" s="8">
        <v>23255200</v>
      </c>
      <c r="K29593" s="9">
        <v>709</v>
      </c>
      <c r="L29593" s="6" t="s">
        <v>10</v>
      </c>
    </row>
    <row r="29594" spans="1:12">
      <c r="A29594" s="6" t="s">
        <v>30596</v>
      </c>
      <c r="B29594" s="6"/>
      <c r="C29594" s="6" t="s">
        <v>30622</v>
      </c>
      <c r="D29594" s="6"/>
      <c r="E29594" s="6" t="s">
        <v>25121</v>
      </c>
      <c r="F29594" s="7">
        <v>38657</v>
      </c>
      <c r="G29594" s="8">
        <v>4780400</v>
      </c>
      <c r="H29594" s="8">
        <v>4780400</v>
      </c>
      <c r="I29594" s="8">
        <v>0</v>
      </c>
      <c r="J29594" s="8">
        <v>4780400</v>
      </c>
      <c r="K29594" s="9">
        <v>148</v>
      </c>
      <c r="L29594" s="6" t="s">
        <v>10</v>
      </c>
    </row>
    <row r="29595" spans="1:12">
      <c r="A29595" s="6" t="s">
        <v>30596</v>
      </c>
      <c r="B29595" s="6"/>
      <c r="C29595" s="6" t="s">
        <v>30623</v>
      </c>
      <c r="D29595" s="6"/>
      <c r="E29595" s="6" t="s">
        <v>25121</v>
      </c>
      <c r="F29595" s="7">
        <v>38657</v>
      </c>
      <c r="G29595" s="8">
        <v>5297200</v>
      </c>
      <c r="H29595" s="8">
        <v>5297200</v>
      </c>
      <c r="I29595" s="8">
        <v>0</v>
      </c>
      <c r="J29595" s="8">
        <v>5297200</v>
      </c>
      <c r="K29595" s="9">
        <v>164</v>
      </c>
      <c r="L29595" s="6" t="s">
        <v>10</v>
      </c>
    </row>
    <row r="29596" spans="1:12">
      <c r="A29596" s="6" t="s">
        <v>30596</v>
      </c>
      <c r="B29596" s="6"/>
      <c r="C29596" s="6" t="s">
        <v>30624</v>
      </c>
      <c r="D29596" s="6"/>
      <c r="E29596" s="6" t="s">
        <v>25121</v>
      </c>
      <c r="F29596" s="7">
        <v>38657</v>
      </c>
      <c r="G29596" s="8">
        <v>23229944</v>
      </c>
      <c r="H29596" s="8">
        <v>23229944</v>
      </c>
      <c r="I29596" s="8">
        <v>0</v>
      </c>
      <c r="J29596" s="8">
        <v>23229944</v>
      </c>
      <c r="K29596" s="9">
        <v>708.23</v>
      </c>
      <c r="L29596" s="6" t="s">
        <v>10</v>
      </c>
    </row>
    <row r="29597" spans="1:12">
      <c r="A29597" s="6" t="s">
        <v>30625</v>
      </c>
      <c r="B29597" s="6"/>
      <c r="C29597" s="6" t="s">
        <v>30626</v>
      </c>
      <c r="D29597" s="6"/>
      <c r="E29597" s="6" t="s">
        <v>9</v>
      </c>
      <c r="F29597" s="7">
        <v>38657</v>
      </c>
      <c r="G29597" s="8">
        <v>1441584</v>
      </c>
      <c r="H29597" s="8">
        <v>1441584</v>
      </c>
      <c r="I29597" s="8">
        <v>0</v>
      </c>
      <c r="J29597" s="8">
        <v>1441584</v>
      </c>
      <c r="K29597" s="9">
        <v>282</v>
      </c>
      <c r="L29597" s="6" t="s">
        <v>14</v>
      </c>
    </row>
    <row r="29598" spans="1:12">
      <c r="A29598" s="6" t="s">
        <v>30627</v>
      </c>
      <c r="B29598" s="6"/>
      <c r="C29598" s="6" t="s">
        <v>30628</v>
      </c>
      <c r="D29598" s="6"/>
      <c r="E29598" s="6" t="s">
        <v>18740</v>
      </c>
      <c r="F29598" s="7">
        <v>38657</v>
      </c>
      <c r="G29598" s="8">
        <v>1098500</v>
      </c>
      <c r="H29598" s="8">
        <v>1098500</v>
      </c>
      <c r="I29598" s="8">
        <v>0</v>
      </c>
      <c r="J29598" s="8">
        <v>1098500</v>
      </c>
      <c r="K29598" s="9">
        <v>65</v>
      </c>
      <c r="L29598" s="6" t="s">
        <v>10</v>
      </c>
    </row>
    <row r="29599" spans="1:12">
      <c r="A29599" s="6" t="s">
        <v>30627</v>
      </c>
      <c r="B29599" s="6"/>
      <c r="C29599" s="6" t="s">
        <v>30629</v>
      </c>
      <c r="D29599" s="6"/>
      <c r="E29599" s="6" t="s">
        <v>18740</v>
      </c>
      <c r="F29599" s="7">
        <v>38657</v>
      </c>
      <c r="G29599" s="8">
        <v>1656200</v>
      </c>
      <c r="H29599" s="8">
        <v>1656200</v>
      </c>
      <c r="I29599" s="8">
        <v>0</v>
      </c>
      <c r="J29599" s="8">
        <v>1656200</v>
      </c>
      <c r="K29599" s="9">
        <v>98</v>
      </c>
      <c r="L29599" s="6" t="s">
        <v>10</v>
      </c>
    </row>
    <row r="29600" spans="1:12">
      <c r="A29600" s="6" t="s">
        <v>30627</v>
      </c>
      <c r="B29600" s="6"/>
      <c r="C29600" s="6" t="s">
        <v>30630</v>
      </c>
      <c r="D29600" s="6"/>
      <c r="E29600" s="6" t="s">
        <v>18740</v>
      </c>
      <c r="F29600" s="7">
        <v>38657</v>
      </c>
      <c r="G29600" s="8">
        <v>2935530</v>
      </c>
      <c r="H29600" s="8">
        <v>2935530</v>
      </c>
      <c r="I29600" s="8">
        <v>0</v>
      </c>
      <c r="J29600" s="8">
        <v>2935530</v>
      </c>
      <c r="K29600" s="9">
        <v>173.7</v>
      </c>
      <c r="L29600" s="6" t="s">
        <v>10</v>
      </c>
    </row>
    <row r="29601" spans="1:12">
      <c r="A29601" s="6" t="s">
        <v>30631</v>
      </c>
      <c r="B29601" s="6"/>
      <c r="C29601" s="6" t="s">
        <v>30632</v>
      </c>
      <c r="D29601" s="6"/>
      <c r="E29601" s="6" t="s">
        <v>18740</v>
      </c>
      <c r="F29601" s="7">
        <v>38657</v>
      </c>
      <c r="G29601" s="8">
        <v>117576</v>
      </c>
      <c r="H29601" s="8">
        <v>117576</v>
      </c>
      <c r="I29601" s="8">
        <v>0</v>
      </c>
      <c r="J29601" s="8">
        <v>117576</v>
      </c>
      <c r="K29601" s="9">
        <v>23</v>
      </c>
      <c r="L29601" s="6" t="s">
        <v>23</v>
      </c>
    </row>
    <row r="29602" spans="1:12">
      <c r="A29602" s="6" t="s">
        <v>30633</v>
      </c>
      <c r="B29602" s="6"/>
      <c r="C29602" s="6" t="s">
        <v>30634</v>
      </c>
      <c r="D29602" s="6"/>
      <c r="E29602" s="6" t="s">
        <v>9</v>
      </c>
      <c r="F29602" s="7">
        <v>38657</v>
      </c>
      <c r="G29602" s="8">
        <v>586550</v>
      </c>
      <c r="H29602" s="8">
        <v>586550</v>
      </c>
      <c r="I29602" s="8">
        <v>0</v>
      </c>
      <c r="J29602" s="8">
        <v>586550</v>
      </c>
      <c r="K29602" s="9">
        <v>114.74</v>
      </c>
      <c r="L29602" s="6" t="s">
        <v>14</v>
      </c>
    </row>
    <row r="29603" spans="1:12">
      <c r="A29603" s="6" t="s">
        <v>30635</v>
      </c>
      <c r="B29603" s="6"/>
      <c r="C29603" s="6" t="s">
        <v>30636</v>
      </c>
      <c r="D29603" s="6"/>
      <c r="E29603" s="6" t="s">
        <v>18740</v>
      </c>
      <c r="F29603" s="7">
        <v>38657</v>
      </c>
      <c r="G29603" s="8">
        <v>39961</v>
      </c>
      <c r="H29603" s="8">
        <v>39961</v>
      </c>
      <c r="I29603" s="8">
        <v>0</v>
      </c>
      <c r="J29603" s="8">
        <v>39961</v>
      </c>
      <c r="K29603" s="9">
        <v>4.49</v>
      </c>
      <c r="L29603" s="6" t="s">
        <v>10</v>
      </c>
    </row>
    <row r="29604" spans="1:12">
      <c r="A29604" s="6" t="s">
        <v>30637</v>
      </c>
      <c r="B29604" s="6"/>
      <c r="C29604" s="6" t="s">
        <v>30638</v>
      </c>
      <c r="D29604" s="6"/>
      <c r="E29604" s="6" t="s">
        <v>18740</v>
      </c>
      <c r="F29604" s="7">
        <v>38657</v>
      </c>
      <c r="G29604" s="8">
        <v>24537</v>
      </c>
      <c r="H29604" s="8">
        <v>24537</v>
      </c>
      <c r="I29604" s="8">
        <v>0</v>
      </c>
      <c r="J29604" s="8">
        <v>24537</v>
      </c>
      <c r="K29604" s="9">
        <v>4.8</v>
      </c>
      <c r="L29604" s="6" t="s">
        <v>23</v>
      </c>
    </row>
    <row r="29605" spans="1:12">
      <c r="A29605" s="6" t="s">
        <v>30639</v>
      </c>
      <c r="B29605" s="6"/>
      <c r="C29605" s="6" t="s">
        <v>30640</v>
      </c>
      <c r="D29605" s="6"/>
      <c r="E29605" s="6" t="s">
        <v>18740</v>
      </c>
      <c r="F29605" s="7">
        <v>38657</v>
      </c>
      <c r="G29605" s="8">
        <v>315000</v>
      </c>
      <c r="H29605" s="8">
        <v>315000</v>
      </c>
      <c r="I29605" s="8">
        <v>0</v>
      </c>
      <c r="J29605" s="8">
        <v>315000</v>
      </c>
      <c r="K29605" s="9">
        <v>30</v>
      </c>
      <c r="L29605" s="6" t="s">
        <v>10</v>
      </c>
    </row>
    <row r="29606" spans="1:12">
      <c r="A29606" s="6" t="s">
        <v>30641</v>
      </c>
      <c r="B29606" s="6"/>
      <c r="C29606" s="6" t="s">
        <v>30642</v>
      </c>
      <c r="D29606" s="6"/>
      <c r="E29606" s="6" t="s">
        <v>18740</v>
      </c>
      <c r="F29606" s="7">
        <v>38657</v>
      </c>
      <c r="G29606" s="8">
        <v>276048</v>
      </c>
      <c r="H29606" s="8">
        <v>276048</v>
      </c>
      <c r="I29606" s="8">
        <v>0</v>
      </c>
      <c r="J29606" s="8">
        <v>276048</v>
      </c>
      <c r="K29606" s="9">
        <v>54</v>
      </c>
      <c r="L29606" s="6" t="s">
        <v>23</v>
      </c>
    </row>
    <row r="29607" spans="1:12">
      <c r="A29607" s="6" t="s">
        <v>30643</v>
      </c>
      <c r="B29607" s="6"/>
      <c r="C29607" s="6" t="s">
        <v>30644</v>
      </c>
      <c r="D29607" s="6"/>
      <c r="E29607" s="6" t="s">
        <v>9</v>
      </c>
      <c r="F29607" s="7">
        <v>38657</v>
      </c>
      <c r="G29607" s="8">
        <v>1973232</v>
      </c>
      <c r="H29607" s="8">
        <v>1973232</v>
      </c>
      <c r="I29607" s="8">
        <v>0</v>
      </c>
      <c r="J29607" s="8">
        <v>1973232</v>
      </c>
      <c r="K29607" s="9">
        <v>386</v>
      </c>
      <c r="L29607" s="6" t="s">
        <v>14</v>
      </c>
    </row>
    <row r="29608" spans="1:12">
      <c r="A29608" s="6" t="s">
        <v>30643</v>
      </c>
      <c r="B29608" s="6"/>
      <c r="C29608" s="6" t="s">
        <v>30645</v>
      </c>
      <c r="D29608" s="6"/>
      <c r="E29608" s="6" t="s">
        <v>9</v>
      </c>
      <c r="F29608" s="7">
        <v>38657</v>
      </c>
      <c r="G29608" s="8">
        <v>20652</v>
      </c>
      <c r="H29608" s="8">
        <v>20652</v>
      </c>
      <c r="I29608" s="8">
        <v>0</v>
      </c>
      <c r="J29608" s="8">
        <v>20652</v>
      </c>
      <c r="K29608" s="9">
        <v>4.04</v>
      </c>
      <c r="L29608" s="6" t="s">
        <v>14</v>
      </c>
    </row>
    <row r="29609" spans="1:12">
      <c r="A29609" s="6" t="s">
        <v>30646</v>
      </c>
      <c r="B29609" s="6"/>
      <c r="C29609" s="6" t="s">
        <v>30647</v>
      </c>
      <c r="D29609" s="6"/>
      <c r="E29609" s="6" t="s">
        <v>18740</v>
      </c>
      <c r="F29609" s="7">
        <v>38657</v>
      </c>
      <c r="G29609" s="8">
        <v>124020</v>
      </c>
      <c r="H29609" s="8">
        <v>124020</v>
      </c>
      <c r="I29609" s="8">
        <v>0</v>
      </c>
      <c r="J29609" s="8">
        <v>124020</v>
      </c>
      <c r="K29609" s="9">
        <v>7.95</v>
      </c>
      <c r="L29609" s="6" t="s">
        <v>10</v>
      </c>
    </row>
    <row r="29610" spans="1:12">
      <c r="A29610" s="6" t="s">
        <v>30648</v>
      </c>
      <c r="B29610" s="6"/>
      <c r="C29610" s="6" t="s">
        <v>30649</v>
      </c>
      <c r="D29610" s="6"/>
      <c r="E29610" s="6" t="s">
        <v>9</v>
      </c>
      <c r="F29610" s="7">
        <v>38657</v>
      </c>
      <c r="G29610" s="8">
        <v>1482480</v>
      </c>
      <c r="H29610" s="8">
        <v>1482480</v>
      </c>
      <c r="I29610" s="8">
        <v>0</v>
      </c>
      <c r="J29610" s="8">
        <v>1482480</v>
      </c>
      <c r="K29610" s="9">
        <v>290</v>
      </c>
      <c r="L29610" s="6" t="s">
        <v>14</v>
      </c>
    </row>
    <row r="29611" spans="1:12">
      <c r="A29611" s="6" t="s">
        <v>30650</v>
      </c>
      <c r="B29611" s="6"/>
      <c r="C29611" s="6" t="s">
        <v>30651</v>
      </c>
      <c r="D29611" s="6"/>
      <c r="E29611" s="6" t="s">
        <v>18740</v>
      </c>
      <c r="F29611" s="7">
        <v>38657</v>
      </c>
      <c r="G29611" s="8">
        <v>112030</v>
      </c>
      <c r="H29611" s="8">
        <v>112030</v>
      </c>
      <c r="I29611" s="8">
        <v>0</v>
      </c>
      <c r="J29611" s="8">
        <v>112030</v>
      </c>
      <c r="K29611" s="9">
        <v>13.18</v>
      </c>
      <c r="L29611" s="6" t="s">
        <v>10</v>
      </c>
    </row>
    <row r="29612" spans="1:12">
      <c r="A29612" s="6" t="s">
        <v>30652</v>
      </c>
      <c r="B29612" s="6"/>
      <c r="C29612" s="6" t="s">
        <v>30653</v>
      </c>
      <c r="D29612" s="6"/>
      <c r="E29612" s="6" t="s">
        <v>18740</v>
      </c>
      <c r="F29612" s="7">
        <v>38657</v>
      </c>
      <c r="G29612" s="8">
        <v>107352</v>
      </c>
      <c r="H29612" s="8">
        <v>107352</v>
      </c>
      <c r="I29612" s="8">
        <v>0</v>
      </c>
      <c r="J29612" s="8">
        <v>107352</v>
      </c>
      <c r="K29612" s="9">
        <v>21</v>
      </c>
      <c r="L29612" s="6" t="s">
        <v>23</v>
      </c>
    </row>
    <row r="29613" spans="1:12">
      <c r="A29613" s="6" t="s">
        <v>30654</v>
      </c>
      <c r="B29613" s="6"/>
      <c r="C29613" s="6" t="s">
        <v>30655</v>
      </c>
      <c r="D29613" s="6"/>
      <c r="E29613" s="6" t="s">
        <v>18740</v>
      </c>
      <c r="F29613" s="7">
        <v>38657</v>
      </c>
      <c r="G29613" s="8">
        <v>116200</v>
      </c>
      <c r="H29613" s="8">
        <v>116200</v>
      </c>
      <c r="I29613" s="8">
        <v>0</v>
      </c>
      <c r="J29613" s="8">
        <v>116200</v>
      </c>
      <c r="K29613" s="9">
        <v>14</v>
      </c>
      <c r="L29613" s="6" t="s">
        <v>10</v>
      </c>
    </row>
    <row r="29614" spans="1:12">
      <c r="A29614" s="6" t="s">
        <v>30654</v>
      </c>
      <c r="B29614" s="6"/>
      <c r="C29614" s="6" t="s">
        <v>30656</v>
      </c>
      <c r="D29614" s="6"/>
      <c r="E29614" s="6" t="s">
        <v>18740</v>
      </c>
      <c r="F29614" s="7">
        <v>38657</v>
      </c>
      <c r="G29614" s="8">
        <v>340300</v>
      </c>
      <c r="H29614" s="8">
        <v>340300</v>
      </c>
      <c r="I29614" s="8">
        <v>0</v>
      </c>
      <c r="J29614" s="8">
        <v>340300</v>
      </c>
      <c r="K29614" s="9">
        <v>41</v>
      </c>
      <c r="L29614" s="6" t="s">
        <v>10</v>
      </c>
    </row>
    <row r="29615" spans="1:12">
      <c r="A29615" s="6" t="s">
        <v>30654</v>
      </c>
      <c r="B29615" s="6"/>
      <c r="C29615" s="6" t="s">
        <v>30657</v>
      </c>
      <c r="D29615" s="6"/>
      <c r="E29615" s="6" t="s">
        <v>18740</v>
      </c>
      <c r="F29615" s="7">
        <v>38657</v>
      </c>
      <c r="G29615" s="8">
        <v>1484621</v>
      </c>
      <c r="H29615" s="8">
        <v>1484621</v>
      </c>
      <c r="I29615" s="8">
        <v>0</v>
      </c>
      <c r="J29615" s="8">
        <v>1484621</v>
      </c>
      <c r="K29615" s="9">
        <v>178.87</v>
      </c>
      <c r="L29615" s="6" t="s">
        <v>10</v>
      </c>
    </row>
    <row r="29616" spans="1:12">
      <c r="A29616" s="6" t="s">
        <v>30654</v>
      </c>
      <c r="B29616" s="6"/>
      <c r="C29616" s="6" t="s">
        <v>30658</v>
      </c>
      <c r="D29616" s="6"/>
      <c r="E29616" s="6" t="s">
        <v>18740</v>
      </c>
      <c r="F29616" s="7">
        <v>38657</v>
      </c>
      <c r="G29616" s="8">
        <v>989443</v>
      </c>
      <c r="H29616" s="8">
        <v>989443</v>
      </c>
      <c r="I29616" s="8">
        <v>0</v>
      </c>
      <c r="J29616" s="8">
        <v>989443</v>
      </c>
      <c r="K29616" s="9">
        <v>119.21</v>
      </c>
      <c r="L29616" s="6" t="s">
        <v>10</v>
      </c>
    </row>
    <row r="29617" spans="1:12">
      <c r="A29617" s="6" t="s">
        <v>30659</v>
      </c>
      <c r="B29617" s="6"/>
      <c r="C29617" s="6" t="s">
        <v>30660</v>
      </c>
      <c r="D29617" s="6"/>
      <c r="E29617" s="6" t="s">
        <v>18740</v>
      </c>
      <c r="F29617" s="7">
        <v>38657</v>
      </c>
      <c r="G29617" s="8">
        <v>267506</v>
      </c>
      <c r="H29617" s="8">
        <v>267506</v>
      </c>
      <c r="I29617" s="8">
        <v>0</v>
      </c>
      <c r="J29617" s="8">
        <v>267506</v>
      </c>
      <c r="K29617" s="9">
        <v>22.67</v>
      </c>
      <c r="L29617" s="6" t="s">
        <v>10</v>
      </c>
    </row>
    <row r="29618" spans="1:12">
      <c r="A29618" s="6" t="s">
        <v>30661</v>
      </c>
      <c r="B29618" s="6"/>
      <c r="C29618" s="6" t="s">
        <v>30662</v>
      </c>
      <c r="D29618" s="6"/>
      <c r="E29618" s="6" t="s">
        <v>18740</v>
      </c>
      <c r="F29618" s="7">
        <v>38657</v>
      </c>
      <c r="G29618" s="8">
        <v>19225504</v>
      </c>
      <c r="H29618" s="8">
        <v>19225504</v>
      </c>
      <c r="I29618" s="8">
        <v>0</v>
      </c>
      <c r="J29618" s="8">
        <v>19225504</v>
      </c>
      <c r="K29618" s="9">
        <v>1629.28</v>
      </c>
      <c r="L29618" s="6" t="s">
        <v>10</v>
      </c>
    </row>
    <row r="29619" spans="1:12">
      <c r="A29619" s="6" t="s">
        <v>30663</v>
      </c>
      <c r="B29619" s="6"/>
      <c r="C29619" s="6" t="s">
        <v>30664</v>
      </c>
      <c r="D29619" s="6"/>
      <c r="E29619" s="6" t="s">
        <v>18740</v>
      </c>
      <c r="F29619" s="7">
        <v>38657</v>
      </c>
      <c r="G29619" s="8">
        <v>349988</v>
      </c>
      <c r="H29619" s="8">
        <v>349988</v>
      </c>
      <c r="I29619" s="8">
        <v>0</v>
      </c>
      <c r="J29619" s="8">
        <v>349988</v>
      </c>
      <c r="K29619" s="9">
        <v>29.66</v>
      </c>
      <c r="L29619" s="6" t="s">
        <v>10</v>
      </c>
    </row>
    <row r="29620" spans="1:12">
      <c r="A29620" s="6" t="s">
        <v>30665</v>
      </c>
      <c r="B29620" s="6"/>
      <c r="C29620" s="6" t="s">
        <v>30666</v>
      </c>
      <c r="D29620" s="6"/>
      <c r="E29620" s="6" t="s">
        <v>18740</v>
      </c>
      <c r="F29620" s="7">
        <v>38657</v>
      </c>
      <c r="G29620" s="8">
        <v>7372724</v>
      </c>
      <c r="H29620" s="8">
        <v>7372724</v>
      </c>
      <c r="I29620" s="8">
        <v>0</v>
      </c>
      <c r="J29620" s="8">
        <v>7372724</v>
      </c>
      <c r="K29620" s="9">
        <v>444.14</v>
      </c>
      <c r="L29620" s="6" t="s">
        <v>10</v>
      </c>
    </row>
    <row r="29621" spans="1:12">
      <c r="A29621" s="6" t="s">
        <v>30667</v>
      </c>
      <c r="B29621" s="6"/>
      <c r="C29621" s="6" t="s">
        <v>30668</v>
      </c>
      <c r="D29621" s="6"/>
      <c r="E29621" s="6" t="s">
        <v>9</v>
      </c>
      <c r="F29621" s="7">
        <v>38657</v>
      </c>
      <c r="G29621" s="8">
        <v>90230460</v>
      </c>
      <c r="H29621" s="8">
        <v>90230460</v>
      </c>
      <c r="I29621" s="8">
        <v>0</v>
      </c>
      <c r="J29621" s="8">
        <v>90230460</v>
      </c>
      <c r="K29621" s="9">
        <v>2910.66</v>
      </c>
      <c r="L29621" s="6" t="s">
        <v>10</v>
      </c>
    </row>
    <row r="29622" spans="1:12">
      <c r="A29622" s="6" t="s">
        <v>30669</v>
      </c>
      <c r="B29622" s="6"/>
      <c r="C29622" s="6" t="s">
        <v>30670</v>
      </c>
      <c r="D29622" s="6"/>
      <c r="E29622" s="6" t="s">
        <v>18740</v>
      </c>
      <c r="F29622" s="7">
        <v>38657</v>
      </c>
      <c r="G29622" s="8">
        <v>102240</v>
      </c>
      <c r="H29622" s="8">
        <v>102240</v>
      </c>
      <c r="I29622" s="8">
        <v>0</v>
      </c>
      <c r="J29622" s="8">
        <v>102240</v>
      </c>
      <c r="K29622" s="9">
        <v>20</v>
      </c>
      <c r="L29622" s="6" t="s">
        <v>23</v>
      </c>
    </row>
    <row r="29623" spans="1:12">
      <c r="A29623" s="6" t="s">
        <v>30671</v>
      </c>
      <c r="B29623" s="6"/>
      <c r="C29623" s="6" t="s">
        <v>30672</v>
      </c>
      <c r="D29623" s="6"/>
      <c r="E29623" s="6" t="s">
        <v>18740</v>
      </c>
      <c r="F29623" s="7">
        <v>38657</v>
      </c>
      <c r="G29623" s="8">
        <v>112464</v>
      </c>
      <c r="H29623" s="8">
        <v>112464</v>
      </c>
      <c r="I29623" s="8">
        <v>0</v>
      </c>
      <c r="J29623" s="8">
        <v>112464</v>
      </c>
      <c r="K29623" s="9">
        <v>22</v>
      </c>
      <c r="L29623" s="6" t="s">
        <v>23</v>
      </c>
    </row>
    <row r="29624" spans="1:12">
      <c r="A29624" s="6" t="s">
        <v>30673</v>
      </c>
      <c r="B29624" s="6"/>
      <c r="C29624" s="6" t="s">
        <v>30674</v>
      </c>
      <c r="D29624" s="6"/>
      <c r="E29624" s="6" t="s">
        <v>18740</v>
      </c>
      <c r="F29624" s="7">
        <v>38657</v>
      </c>
      <c r="G29624" s="8">
        <v>148248</v>
      </c>
      <c r="H29624" s="8">
        <v>148248</v>
      </c>
      <c r="I29624" s="8">
        <v>0</v>
      </c>
      <c r="J29624" s="8">
        <v>148248</v>
      </c>
      <c r="K29624" s="9">
        <v>29</v>
      </c>
      <c r="L29624" s="6" t="s">
        <v>23</v>
      </c>
    </row>
    <row r="29625" spans="1:12">
      <c r="A29625" s="6" t="s">
        <v>30675</v>
      </c>
      <c r="B29625" s="6"/>
      <c r="C29625" s="6" t="s">
        <v>30676</v>
      </c>
      <c r="D29625" s="6"/>
      <c r="E29625" s="6" t="s">
        <v>18740</v>
      </c>
      <c r="F29625" s="7">
        <v>38657</v>
      </c>
      <c r="G29625" s="8">
        <v>1038400</v>
      </c>
      <c r="H29625" s="8">
        <v>1038400</v>
      </c>
      <c r="I29625" s="8">
        <v>0</v>
      </c>
      <c r="J29625" s="8">
        <v>1038400</v>
      </c>
      <c r="K29625" s="9">
        <v>88</v>
      </c>
      <c r="L29625" s="6" t="s">
        <v>10</v>
      </c>
    </row>
    <row r="29626" spans="1:12">
      <c r="A29626" s="6" t="s">
        <v>30677</v>
      </c>
      <c r="B29626" s="6"/>
      <c r="C29626" s="6" t="s">
        <v>30678</v>
      </c>
      <c r="D29626" s="6"/>
      <c r="E29626" s="6" t="s">
        <v>18740</v>
      </c>
      <c r="F29626" s="7">
        <v>38657</v>
      </c>
      <c r="G29626" s="8">
        <v>2805492</v>
      </c>
      <c r="H29626" s="8">
        <v>2805492</v>
      </c>
      <c r="I29626" s="8">
        <v>0</v>
      </c>
      <c r="J29626" s="8">
        <v>2805492</v>
      </c>
      <c r="K29626" s="9">
        <v>217.48</v>
      </c>
      <c r="L29626" s="6" t="s">
        <v>10</v>
      </c>
    </row>
    <row r="29627" spans="1:12">
      <c r="A29627" s="6" t="s">
        <v>30677</v>
      </c>
      <c r="B29627" s="6"/>
      <c r="C29627" s="6" t="s">
        <v>30679</v>
      </c>
      <c r="D29627" s="6"/>
      <c r="E29627" s="6" t="s">
        <v>18740</v>
      </c>
      <c r="F29627" s="7">
        <v>38657</v>
      </c>
      <c r="G29627" s="8">
        <v>2515500</v>
      </c>
      <c r="H29627" s="8">
        <v>2515500</v>
      </c>
      <c r="I29627" s="8">
        <v>0</v>
      </c>
      <c r="J29627" s="8">
        <v>2515500</v>
      </c>
      <c r="K29627" s="9">
        <v>195</v>
      </c>
      <c r="L29627" s="6" t="s">
        <v>10</v>
      </c>
    </row>
    <row r="29628" spans="1:12">
      <c r="A29628" s="6" t="s">
        <v>30680</v>
      </c>
      <c r="B29628" s="6"/>
      <c r="C29628" s="6" t="s">
        <v>30681</v>
      </c>
      <c r="D29628" s="6"/>
      <c r="E29628" s="6" t="s">
        <v>18740</v>
      </c>
      <c r="F29628" s="7">
        <v>38657</v>
      </c>
      <c r="G29628" s="8">
        <v>1155312</v>
      </c>
      <c r="H29628" s="8">
        <v>1155312</v>
      </c>
      <c r="I29628" s="8">
        <v>0</v>
      </c>
      <c r="J29628" s="8">
        <v>1155312</v>
      </c>
      <c r="K29628" s="9">
        <v>226</v>
      </c>
      <c r="L29628" s="6" t="s">
        <v>2193</v>
      </c>
    </row>
    <row r="29629" spans="1:12">
      <c r="A29629" s="6" t="s">
        <v>30682</v>
      </c>
      <c r="B29629" s="6"/>
      <c r="C29629" s="6" t="s">
        <v>30683</v>
      </c>
      <c r="D29629" s="6"/>
      <c r="E29629" s="6" t="s">
        <v>18740</v>
      </c>
      <c r="F29629" s="7">
        <v>38657</v>
      </c>
      <c r="G29629" s="8">
        <v>546216</v>
      </c>
      <c r="H29629" s="8">
        <v>546216</v>
      </c>
      <c r="I29629" s="8">
        <v>0</v>
      </c>
      <c r="J29629" s="8">
        <v>546216</v>
      </c>
      <c r="K29629" s="9">
        <v>41.38</v>
      </c>
      <c r="L29629" s="6" t="s">
        <v>10</v>
      </c>
    </row>
    <row r="29630" spans="1:12">
      <c r="A29630" s="6" t="s">
        <v>30684</v>
      </c>
      <c r="B29630" s="6"/>
      <c r="C29630" s="6" t="s">
        <v>30685</v>
      </c>
      <c r="D29630" s="6"/>
      <c r="E29630" s="6" t="s">
        <v>18740</v>
      </c>
      <c r="F29630" s="7">
        <v>38657</v>
      </c>
      <c r="G29630" s="8">
        <v>436524</v>
      </c>
      <c r="H29630" s="8">
        <v>436524</v>
      </c>
      <c r="I29630" s="8">
        <v>0</v>
      </c>
      <c r="J29630" s="8">
        <v>436524</v>
      </c>
      <c r="K29630" s="9">
        <v>33.07</v>
      </c>
      <c r="L29630" s="6" t="s">
        <v>10</v>
      </c>
    </row>
    <row r="29631" spans="1:12">
      <c r="A29631" s="6" t="s">
        <v>30684</v>
      </c>
      <c r="B29631" s="6"/>
      <c r="C29631" s="6" t="s">
        <v>30686</v>
      </c>
      <c r="D29631" s="6"/>
      <c r="E29631" s="6" t="s">
        <v>18740</v>
      </c>
      <c r="F29631" s="7">
        <v>38657</v>
      </c>
      <c r="G29631" s="8">
        <v>3484800</v>
      </c>
      <c r="H29631" s="8">
        <v>3484800</v>
      </c>
      <c r="I29631" s="8">
        <v>0</v>
      </c>
      <c r="J29631" s="8">
        <v>3484800</v>
      </c>
      <c r="K29631" s="9">
        <v>264</v>
      </c>
      <c r="L29631" s="6" t="s">
        <v>10</v>
      </c>
    </row>
    <row r="29632" spans="1:12">
      <c r="A29632" s="6" t="s">
        <v>30687</v>
      </c>
      <c r="B29632" s="6"/>
      <c r="C29632" s="6" t="s">
        <v>30688</v>
      </c>
      <c r="D29632" s="6"/>
      <c r="E29632" s="6" t="s">
        <v>9</v>
      </c>
      <c r="F29632" s="7">
        <v>38657</v>
      </c>
      <c r="G29632" s="8">
        <v>961056</v>
      </c>
      <c r="H29632" s="8">
        <v>961056</v>
      </c>
      <c r="I29632" s="8">
        <v>0</v>
      </c>
      <c r="J29632" s="8">
        <v>961056</v>
      </c>
      <c r="K29632" s="9">
        <v>188</v>
      </c>
      <c r="L29632" s="6" t="s">
        <v>14</v>
      </c>
    </row>
    <row r="29633" spans="1:12">
      <c r="A29633" s="6" t="s">
        <v>30689</v>
      </c>
      <c r="B29633" s="6"/>
      <c r="C29633" s="6" t="s">
        <v>30690</v>
      </c>
      <c r="D29633" s="6"/>
      <c r="E29633" s="6" t="s">
        <v>9</v>
      </c>
      <c r="F29633" s="7">
        <v>38657</v>
      </c>
      <c r="G29633" s="8">
        <v>1191096</v>
      </c>
      <c r="H29633" s="8">
        <v>1191096</v>
      </c>
      <c r="I29633" s="8">
        <v>0</v>
      </c>
      <c r="J29633" s="8">
        <v>1191096</v>
      </c>
      <c r="K29633" s="9">
        <v>233</v>
      </c>
      <c r="L29633" s="6" t="s">
        <v>14</v>
      </c>
    </row>
    <row r="29634" spans="1:12">
      <c r="A29634" s="6" t="s">
        <v>30691</v>
      </c>
      <c r="B29634" s="6"/>
      <c r="C29634" s="6" t="s">
        <v>30692</v>
      </c>
      <c r="D29634" s="6"/>
      <c r="E29634" s="6" t="s">
        <v>25121</v>
      </c>
      <c r="F29634" s="7">
        <v>38657</v>
      </c>
      <c r="G29634" s="8">
        <v>5584184</v>
      </c>
      <c r="H29634" s="8">
        <v>5584184</v>
      </c>
      <c r="I29634" s="8">
        <v>0</v>
      </c>
      <c r="J29634" s="8">
        <v>5584184</v>
      </c>
      <c r="K29634" s="9">
        <v>457.72</v>
      </c>
      <c r="L29634" s="6" t="s">
        <v>10</v>
      </c>
    </row>
    <row r="29635" spans="1:12">
      <c r="A29635" s="6" t="s">
        <v>30691</v>
      </c>
      <c r="B29635" s="6"/>
      <c r="C29635" s="6" t="s">
        <v>30693</v>
      </c>
      <c r="D29635" s="6"/>
      <c r="E29635" s="6" t="s">
        <v>25121</v>
      </c>
      <c r="F29635" s="7">
        <v>38657</v>
      </c>
      <c r="G29635" s="8">
        <v>254126</v>
      </c>
      <c r="H29635" s="8">
        <v>254126</v>
      </c>
      <c r="I29635" s="8">
        <v>0</v>
      </c>
      <c r="J29635" s="8">
        <v>254126</v>
      </c>
      <c r="K29635" s="9">
        <v>20.83</v>
      </c>
      <c r="L29635" s="6" t="s">
        <v>10</v>
      </c>
    </row>
    <row r="29636" spans="1:12">
      <c r="A29636" s="6" t="s">
        <v>30694</v>
      </c>
      <c r="B29636" s="6"/>
      <c r="C29636" s="6" t="s">
        <v>30695</v>
      </c>
      <c r="D29636" s="6"/>
      <c r="E29636" s="6" t="s">
        <v>18740</v>
      </c>
      <c r="F29636" s="7">
        <v>38657</v>
      </c>
      <c r="G29636" s="8">
        <v>1155823</v>
      </c>
      <c r="H29636" s="8">
        <v>1155823</v>
      </c>
      <c r="I29636" s="8">
        <v>0</v>
      </c>
      <c r="J29636" s="8">
        <v>1155823</v>
      </c>
      <c r="K29636" s="9">
        <v>226.1</v>
      </c>
      <c r="L29636" s="6" t="s">
        <v>2193</v>
      </c>
    </row>
    <row r="29637" spans="1:12">
      <c r="A29637" s="6" t="s">
        <v>30696</v>
      </c>
      <c r="B29637" s="6"/>
      <c r="C29637" s="6" t="s">
        <v>30697</v>
      </c>
      <c r="D29637" s="6"/>
      <c r="E29637" s="6" t="s">
        <v>18740</v>
      </c>
      <c r="F29637" s="7">
        <v>38657</v>
      </c>
      <c r="G29637" s="8">
        <v>66456</v>
      </c>
      <c r="H29637" s="8">
        <v>66456</v>
      </c>
      <c r="I29637" s="8">
        <v>0</v>
      </c>
      <c r="J29637" s="8">
        <v>66456</v>
      </c>
      <c r="K29637" s="9">
        <v>13</v>
      </c>
      <c r="L29637" s="6" t="s">
        <v>23</v>
      </c>
    </row>
    <row r="29638" spans="1:12">
      <c r="A29638" s="6" t="s">
        <v>30698</v>
      </c>
      <c r="B29638" s="6"/>
      <c r="C29638" s="6" t="s">
        <v>30699</v>
      </c>
      <c r="D29638" s="6"/>
      <c r="E29638" s="6" t="s">
        <v>18740</v>
      </c>
      <c r="F29638" s="7">
        <v>38657</v>
      </c>
      <c r="G29638" s="8">
        <v>7233400</v>
      </c>
      <c r="H29638" s="8">
        <v>7233400</v>
      </c>
      <c r="I29638" s="8">
        <v>0</v>
      </c>
      <c r="J29638" s="8">
        <v>7233400</v>
      </c>
      <c r="K29638" s="9">
        <v>613</v>
      </c>
      <c r="L29638" s="6" t="s">
        <v>10</v>
      </c>
    </row>
    <row r="29639" spans="1:12">
      <c r="A29639" s="6" t="s">
        <v>30700</v>
      </c>
      <c r="B29639" s="6"/>
      <c r="C29639" s="6" t="s">
        <v>30701</v>
      </c>
      <c r="D29639" s="6"/>
      <c r="E29639" s="6" t="s">
        <v>18740</v>
      </c>
      <c r="F29639" s="7">
        <v>38657</v>
      </c>
      <c r="G29639" s="8">
        <v>148248</v>
      </c>
      <c r="H29639" s="8">
        <v>148248</v>
      </c>
      <c r="I29639" s="8">
        <v>0</v>
      </c>
      <c r="J29639" s="8">
        <v>148248</v>
      </c>
      <c r="K29639" s="9">
        <v>29</v>
      </c>
      <c r="L29639" s="6" t="s">
        <v>23</v>
      </c>
    </row>
    <row r="29640" spans="1:12">
      <c r="A29640" s="6" t="s">
        <v>30700</v>
      </c>
      <c r="B29640" s="6"/>
      <c r="C29640" s="6" t="s">
        <v>30702</v>
      </c>
      <c r="D29640" s="6"/>
      <c r="E29640" s="6" t="s">
        <v>18740</v>
      </c>
      <c r="F29640" s="7">
        <v>38657</v>
      </c>
      <c r="G29640" s="8">
        <v>50659</v>
      </c>
      <c r="H29640" s="8">
        <v>50659</v>
      </c>
      <c r="I29640" s="8">
        <v>0</v>
      </c>
      <c r="J29640" s="8">
        <v>50659</v>
      </c>
      <c r="K29640" s="9">
        <v>9.91</v>
      </c>
      <c r="L29640" s="6" t="s">
        <v>23</v>
      </c>
    </row>
    <row r="29641" spans="1:12">
      <c r="A29641" s="6" t="s">
        <v>30703</v>
      </c>
      <c r="B29641" s="6"/>
      <c r="C29641" s="6" t="s">
        <v>30704</v>
      </c>
      <c r="D29641" s="6"/>
      <c r="E29641" s="6" t="s">
        <v>9</v>
      </c>
      <c r="F29641" s="7">
        <v>38657</v>
      </c>
      <c r="G29641" s="8">
        <v>1155312</v>
      </c>
      <c r="H29641" s="8">
        <v>1155312</v>
      </c>
      <c r="I29641" s="8">
        <v>0</v>
      </c>
      <c r="J29641" s="8">
        <v>1155312</v>
      </c>
      <c r="K29641" s="9">
        <v>226</v>
      </c>
      <c r="L29641" s="6" t="s">
        <v>14</v>
      </c>
    </row>
    <row r="29642" spans="1:12">
      <c r="A29642" s="6" t="s">
        <v>30705</v>
      </c>
      <c r="B29642" s="6"/>
      <c r="C29642" s="6" t="s">
        <v>30706</v>
      </c>
      <c r="D29642" s="6"/>
      <c r="E29642" s="6" t="s">
        <v>18740</v>
      </c>
      <c r="F29642" s="7">
        <v>38657</v>
      </c>
      <c r="G29642" s="8">
        <v>205400</v>
      </c>
      <c r="H29642" s="8">
        <v>205400</v>
      </c>
      <c r="I29642" s="8">
        <v>0</v>
      </c>
      <c r="J29642" s="8">
        <v>205400</v>
      </c>
      <c r="K29642" s="9">
        <v>13</v>
      </c>
      <c r="L29642" s="6" t="s">
        <v>10</v>
      </c>
    </row>
    <row r="29643" spans="1:12">
      <c r="A29643" s="6" t="s">
        <v>30707</v>
      </c>
      <c r="B29643" s="6"/>
      <c r="C29643" s="6" t="s">
        <v>30708</v>
      </c>
      <c r="D29643" s="6"/>
      <c r="E29643" s="6" t="s">
        <v>18740</v>
      </c>
      <c r="F29643" s="7">
        <v>38657</v>
      </c>
      <c r="G29643" s="8">
        <v>122688</v>
      </c>
      <c r="H29643" s="8">
        <v>122688</v>
      </c>
      <c r="I29643" s="8">
        <v>0</v>
      </c>
      <c r="J29643" s="8">
        <v>122688</v>
      </c>
      <c r="K29643" s="9">
        <v>24</v>
      </c>
      <c r="L29643" s="6" t="s">
        <v>23</v>
      </c>
    </row>
    <row r="29644" spans="1:12">
      <c r="A29644" s="6" t="s">
        <v>30709</v>
      </c>
      <c r="B29644" s="6"/>
      <c r="C29644" s="6" t="s">
        <v>30710</v>
      </c>
      <c r="D29644" s="6"/>
      <c r="E29644" s="6" t="s">
        <v>18740</v>
      </c>
      <c r="F29644" s="7">
        <v>38657</v>
      </c>
      <c r="G29644" s="8">
        <v>122688</v>
      </c>
      <c r="H29644" s="8">
        <v>122688</v>
      </c>
      <c r="I29644" s="8">
        <v>0</v>
      </c>
      <c r="J29644" s="8">
        <v>122688</v>
      </c>
      <c r="K29644" s="9">
        <v>24</v>
      </c>
      <c r="L29644" s="6" t="s">
        <v>23</v>
      </c>
    </row>
    <row r="29645" spans="1:12">
      <c r="A29645" s="6" t="s">
        <v>30711</v>
      </c>
      <c r="B29645" s="6"/>
      <c r="C29645" s="6" t="s">
        <v>30712</v>
      </c>
      <c r="D29645" s="6"/>
      <c r="E29645" s="6" t="s">
        <v>9</v>
      </c>
      <c r="F29645" s="7">
        <v>38657</v>
      </c>
      <c r="G29645" s="8">
        <v>4697928</v>
      </c>
      <c r="H29645" s="8">
        <v>4697928</v>
      </c>
      <c r="I29645" s="8">
        <v>0</v>
      </c>
      <c r="J29645" s="8">
        <v>4697928</v>
      </c>
      <c r="K29645" s="9">
        <v>919</v>
      </c>
      <c r="L29645" s="6" t="s">
        <v>14</v>
      </c>
    </row>
    <row r="29646" spans="1:12">
      <c r="A29646" s="6" t="s">
        <v>30713</v>
      </c>
      <c r="B29646" s="6"/>
      <c r="C29646" s="6" t="s">
        <v>30714</v>
      </c>
      <c r="D29646" s="6"/>
      <c r="E29646" s="6" t="s">
        <v>9</v>
      </c>
      <c r="F29646" s="7">
        <v>38657</v>
      </c>
      <c r="G29646" s="8">
        <v>480936</v>
      </c>
      <c r="H29646" s="8">
        <v>480936</v>
      </c>
      <c r="I29646" s="8">
        <v>0</v>
      </c>
      <c r="J29646" s="8">
        <v>480936</v>
      </c>
      <c r="K29646" s="9">
        <v>94.08</v>
      </c>
      <c r="L29646" s="6" t="s">
        <v>14</v>
      </c>
    </row>
    <row r="29647" spans="1:12">
      <c r="A29647" s="6" t="s">
        <v>30715</v>
      </c>
      <c r="B29647" s="6"/>
      <c r="C29647" s="6" t="s">
        <v>30716</v>
      </c>
      <c r="D29647" s="6"/>
      <c r="E29647" s="6" t="s">
        <v>9</v>
      </c>
      <c r="F29647" s="7">
        <v>38657</v>
      </c>
      <c r="G29647" s="8">
        <v>5508000</v>
      </c>
      <c r="H29647" s="8">
        <v>5508000</v>
      </c>
      <c r="I29647" s="8">
        <v>0</v>
      </c>
      <c r="J29647" s="8">
        <v>5508000</v>
      </c>
      <c r="K29647" s="9">
        <v>306</v>
      </c>
      <c r="L29647" s="6" t="s">
        <v>14</v>
      </c>
    </row>
    <row r="29648" spans="1:12">
      <c r="A29648" s="6" t="s">
        <v>30717</v>
      </c>
      <c r="B29648" s="6"/>
      <c r="C29648" s="6" t="s">
        <v>30718</v>
      </c>
      <c r="D29648" s="6"/>
      <c r="E29648" s="6" t="s">
        <v>18740</v>
      </c>
      <c r="F29648" s="7">
        <v>38657</v>
      </c>
      <c r="G29648" s="8">
        <v>1268302</v>
      </c>
      <c r="H29648" s="8">
        <v>1268302</v>
      </c>
      <c r="I29648" s="8">
        <v>0</v>
      </c>
      <c r="J29648" s="8">
        <v>1268302</v>
      </c>
      <c r="K29648" s="9">
        <v>53.29</v>
      </c>
      <c r="L29648" s="6" t="s">
        <v>10</v>
      </c>
    </row>
    <row r="29649" spans="1:12">
      <c r="A29649" s="6" t="s">
        <v>30719</v>
      </c>
      <c r="B29649" s="6"/>
      <c r="C29649" s="6" t="s">
        <v>30720</v>
      </c>
      <c r="D29649" s="6"/>
      <c r="E29649" s="6" t="s">
        <v>18740</v>
      </c>
      <c r="F29649" s="7">
        <v>38657</v>
      </c>
      <c r="G29649" s="8">
        <v>4056642</v>
      </c>
      <c r="H29649" s="8">
        <v>4056642</v>
      </c>
      <c r="I29649" s="8">
        <v>0</v>
      </c>
      <c r="J29649" s="8">
        <v>4056642</v>
      </c>
      <c r="K29649" s="9">
        <v>166.94</v>
      </c>
      <c r="L29649" s="6" t="s">
        <v>10</v>
      </c>
    </row>
    <row r="29650" spans="1:12">
      <c r="A29650" s="6" t="s">
        <v>30721</v>
      </c>
      <c r="B29650" s="6"/>
      <c r="C29650" s="6" t="s">
        <v>30722</v>
      </c>
      <c r="D29650" s="6"/>
      <c r="E29650" s="6" t="s">
        <v>9</v>
      </c>
      <c r="F29650" s="7">
        <v>38657</v>
      </c>
      <c r="G29650" s="8">
        <v>11461104</v>
      </c>
      <c r="H29650" s="8">
        <v>11461104</v>
      </c>
      <c r="I29650" s="8">
        <v>0</v>
      </c>
      <c r="J29650" s="8">
        <v>11461104</v>
      </c>
      <c r="K29650" s="9">
        <v>2242</v>
      </c>
      <c r="L29650" s="6" t="s">
        <v>23</v>
      </c>
    </row>
    <row r="29651" spans="1:12">
      <c r="A29651" s="6" t="s">
        <v>30723</v>
      </c>
      <c r="B29651" s="6"/>
      <c r="C29651" s="6" t="s">
        <v>30724</v>
      </c>
      <c r="D29651" s="6"/>
      <c r="E29651" s="6" t="s">
        <v>9</v>
      </c>
      <c r="F29651" s="7">
        <v>38657</v>
      </c>
      <c r="G29651" s="8">
        <v>4294080</v>
      </c>
      <c r="H29651" s="8">
        <v>4294080</v>
      </c>
      <c r="I29651" s="8">
        <v>0</v>
      </c>
      <c r="J29651" s="8">
        <v>4294080</v>
      </c>
      <c r="K29651" s="9">
        <v>840</v>
      </c>
      <c r="L29651" s="6" t="s">
        <v>14</v>
      </c>
    </row>
    <row r="29652" spans="1:12">
      <c r="A29652" s="6" t="s">
        <v>30725</v>
      </c>
      <c r="B29652" s="6"/>
      <c r="C29652" s="6" t="s">
        <v>30726</v>
      </c>
      <c r="D29652" s="6"/>
      <c r="E29652" s="6" t="s">
        <v>18740</v>
      </c>
      <c r="F29652" s="7">
        <v>38657</v>
      </c>
      <c r="G29652" s="8">
        <v>1202649</v>
      </c>
      <c r="H29652" s="8">
        <v>1202649</v>
      </c>
      <c r="I29652" s="8">
        <v>0</v>
      </c>
      <c r="J29652" s="8">
        <v>1202649</v>
      </c>
      <c r="K29652" s="9">
        <v>235.26</v>
      </c>
      <c r="L29652" s="6" t="s">
        <v>23</v>
      </c>
    </row>
    <row r="29653" spans="1:12">
      <c r="A29653" s="6" t="s">
        <v>30727</v>
      </c>
      <c r="B29653" s="6"/>
      <c r="C29653" s="6" t="s">
        <v>30728</v>
      </c>
      <c r="D29653" s="6"/>
      <c r="E29653" s="6" t="s">
        <v>18740</v>
      </c>
      <c r="F29653" s="7">
        <v>38657</v>
      </c>
      <c r="G29653" s="8">
        <v>9119808</v>
      </c>
      <c r="H29653" s="8">
        <v>9119808</v>
      </c>
      <c r="I29653" s="8">
        <v>0</v>
      </c>
      <c r="J29653" s="8">
        <v>9119808</v>
      </c>
      <c r="K29653" s="9">
        <v>1784</v>
      </c>
      <c r="L29653" s="6" t="s">
        <v>14</v>
      </c>
    </row>
    <row r="29654" spans="1:12">
      <c r="A29654" s="6" t="s">
        <v>30729</v>
      </c>
      <c r="B29654" s="6"/>
      <c r="C29654" s="6" t="s">
        <v>30730</v>
      </c>
      <c r="D29654" s="6"/>
      <c r="E29654" s="6" t="s">
        <v>9</v>
      </c>
      <c r="F29654" s="7">
        <v>38657</v>
      </c>
      <c r="G29654" s="8">
        <v>1809648</v>
      </c>
      <c r="H29654" s="8">
        <v>1809648</v>
      </c>
      <c r="I29654" s="8">
        <v>0</v>
      </c>
      <c r="J29654" s="8">
        <v>1809648</v>
      </c>
      <c r="K29654" s="9">
        <v>354</v>
      </c>
      <c r="L29654" s="6" t="s">
        <v>14</v>
      </c>
    </row>
    <row r="29655" spans="1:12">
      <c r="A29655" s="6" t="s">
        <v>30731</v>
      </c>
      <c r="B29655" s="6"/>
      <c r="C29655" s="6" t="s">
        <v>30732</v>
      </c>
      <c r="D29655" s="6"/>
      <c r="E29655" s="6" t="s">
        <v>18740</v>
      </c>
      <c r="F29655" s="7">
        <v>38657</v>
      </c>
      <c r="G29655" s="8">
        <v>239400</v>
      </c>
      <c r="H29655" s="8">
        <v>239400</v>
      </c>
      <c r="I29655" s="8">
        <v>0</v>
      </c>
      <c r="J29655" s="8">
        <v>239400</v>
      </c>
      <c r="K29655" s="9">
        <v>18</v>
      </c>
      <c r="L29655" s="6" t="s">
        <v>10</v>
      </c>
    </row>
    <row r="29656" spans="1:12">
      <c r="A29656" s="6" t="s">
        <v>30733</v>
      </c>
      <c r="B29656" s="6"/>
      <c r="C29656" s="6" t="s">
        <v>30734</v>
      </c>
      <c r="D29656" s="6"/>
      <c r="E29656" s="6" t="s">
        <v>18740</v>
      </c>
      <c r="F29656" s="7">
        <v>38657</v>
      </c>
      <c r="G29656" s="8">
        <v>54450</v>
      </c>
      <c r="H29656" s="8">
        <v>54450</v>
      </c>
      <c r="I29656" s="8">
        <v>0</v>
      </c>
      <c r="J29656" s="8">
        <v>54450</v>
      </c>
      <c r="K29656" s="9">
        <v>3.3</v>
      </c>
      <c r="L29656" s="6" t="s">
        <v>10</v>
      </c>
    </row>
    <row r="29657" spans="1:12">
      <c r="A29657" s="6" t="s">
        <v>30735</v>
      </c>
      <c r="B29657" s="6"/>
      <c r="C29657" s="6" t="s">
        <v>30736</v>
      </c>
      <c r="D29657" s="6"/>
      <c r="E29657" s="6" t="s">
        <v>18740</v>
      </c>
      <c r="F29657" s="7">
        <v>38657</v>
      </c>
      <c r="G29657" s="8">
        <v>264000</v>
      </c>
      <c r="H29657" s="8">
        <v>264000</v>
      </c>
      <c r="I29657" s="8">
        <v>0</v>
      </c>
      <c r="J29657" s="8">
        <v>264000</v>
      </c>
      <c r="K29657" s="9">
        <v>16</v>
      </c>
      <c r="L29657" s="6" t="s">
        <v>10</v>
      </c>
    </row>
    <row r="29658" spans="1:12">
      <c r="A29658" s="6" t="s">
        <v>30737</v>
      </c>
      <c r="B29658" s="6"/>
      <c r="C29658" s="6" t="s">
        <v>30738</v>
      </c>
      <c r="D29658" s="6"/>
      <c r="E29658" s="6" t="s">
        <v>18740</v>
      </c>
      <c r="F29658" s="7">
        <v>38657</v>
      </c>
      <c r="G29658" s="8">
        <v>132912</v>
      </c>
      <c r="H29658" s="8">
        <v>132912</v>
      </c>
      <c r="I29658" s="8">
        <v>0</v>
      </c>
      <c r="J29658" s="8">
        <v>132912</v>
      </c>
      <c r="K29658" s="9">
        <v>26</v>
      </c>
      <c r="L29658" s="6" t="s">
        <v>23</v>
      </c>
    </row>
    <row r="29659" spans="1:12">
      <c r="A29659" s="6" t="s">
        <v>30739</v>
      </c>
      <c r="B29659" s="6"/>
      <c r="C29659" s="6" t="s">
        <v>30740</v>
      </c>
      <c r="D29659" s="6"/>
      <c r="E29659" s="6" t="s">
        <v>18740</v>
      </c>
      <c r="F29659" s="7">
        <v>38657</v>
      </c>
      <c r="G29659" s="8">
        <v>286272</v>
      </c>
      <c r="H29659" s="8">
        <v>286272</v>
      </c>
      <c r="I29659" s="8">
        <v>0</v>
      </c>
      <c r="J29659" s="8">
        <v>286272</v>
      </c>
      <c r="K29659" s="9">
        <v>56</v>
      </c>
      <c r="L29659" s="6" t="s">
        <v>23</v>
      </c>
    </row>
    <row r="29660" spans="1:12">
      <c r="A29660" s="6" t="s">
        <v>30741</v>
      </c>
      <c r="B29660" s="6"/>
      <c r="C29660" s="6" t="s">
        <v>30742</v>
      </c>
      <c r="D29660" s="6"/>
      <c r="E29660" s="6" t="s">
        <v>18740</v>
      </c>
      <c r="F29660" s="7">
        <v>38657</v>
      </c>
      <c r="G29660" s="8">
        <v>2150400</v>
      </c>
      <c r="H29660" s="8">
        <v>2150400</v>
      </c>
      <c r="I29660" s="8">
        <v>0</v>
      </c>
      <c r="J29660" s="8">
        <v>2150400</v>
      </c>
      <c r="K29660" s="9">
        <v>168</v>
      </c>
      <c r="L29660" s="6" t="s">
        <v>10</v>
      </c>
    </row>
    <row r="29661" spans="1:12">
      <c r="A29661" s="6" t="s">
        <v>30743</v>
      </c>
      <c r="B29661" s="6"/>
      <c r="C29661" s="6" t="s">
        <v>30744</v>
      </c>
      <c r="D29661" s="6"/>
      <c r="E29661" s="6" t="s">
        <v>18740</v>
      </c>
      <c r="F29661" s="7">
        <v>38657</v>
      </c>
      <c r="G29661" s="8">
        <v>81792</v>
      </c>
      <c r="H29661" s="8">
        <v>81792</v>
      </c>
      <c r="I29661" s="8">
        <v>0</v>
      </c>
      <c r="J29661" s="8">
        <v>81792</v>
      </c>
      <c r="K29661" s="9">
        <v>16</v>
      </c>
      <c r="L29661" s="6" t="s">
        <v>23</v>
      </c>
    </row>
    <row r="29662" spans="1:12">
      <c r="A29662" s="6" t="s">
        <v>30745</v>
      </c>
      <c r="B29662" s="6"/>
      <c r="C29662" s="6" t="s">
        <v>30746</v>
      </c>
      <c r="D29662" s="6"/>
      <c r="E29662" s="6" t="s">
        <v>18740</v>
      </c>
      <c r="F29662" s="7">
        <v>38657</v>
      </c>
      <c r="G29662" s="8">
        <v>13359000</v>
      </c>
      <c r="H29662" s="8">
        <v>13359000</v>
      </c>
      <c r="I29662" s="8">
        <v>0</v>
      </c>
      <c r="J29662" s="8">
        <v>13359000</v>
      </c>
      <c r="K29662" s="9">
        <v>1095</v>
      </c>
      <c r="L29662" s="6" t="s">
        <v>10</v>
      </c>
    </row>
    <row r="29663" spans="1:12">
      <c r="A29663" s="6" t="s">
        <v>30745</v>
      </c>
      <c r="B29663" s="6"/>
      <c r="C29663" s="6" t="s">
        <v>30747</v>
      </c>
      <c r="D29663" s="6"/>
      <c r="E29663" s="6" t="s">
        <v>18740</v>
      </c>
      <c r="F29663" s="7">
        <v>38657</v>
      </c>
      <c r="G29663" s="8">
        <v>43480800</v>
      </c>
      <c r="H29663" s="8">
        <v>43480800</v>
      </c>
      <c r="I29663" s="8">
        <v>0</v>
      </c>
      <c r="J29663" s="8">
        <v>43480800</v>
      </c>
      <c r="K29663" s="9">
        <v>3564</v>
      </c>
      <c r="L29663" s="6" t="s">
        <v>10</v>
      </c>
    </row>
    <row r="29664" spans="1:12">
      <c r="A29664" s="6" t="s">
        <v>30745</v>
      </c>
      <c r="B29664" s="6"/>
      <c r="C29664" s="6" t="s">
        <v>30748</v>
      </c>
      <c r="D29664" s="6"/>
      <c r="E29664" s="6" t="s">
        <v>18740</v>
      </c>
      <c r="F29664" s="7">
        <v>38657</v>
      </c>
      <c r="G29664" s="8">
        <v>16677400</v>
      </c>
      <c r="H29664" s="8">
        <v>16677400</v>
      </c>
      <c r="I29664" s="8">
        <v>0</v>
      </c>
      <c r="J29664" s="8">
        <v>16677400</v>
      </c>
      <c r="K29664" s="9">
        <v>1367</v>
      </c>
      <c r="L29664" s="6" t="s">
        <v>10</v>
      </c>
    </row>
    <row r="29665" spans="1:12">
      <c r="A29665" s="6" t="s">
        <v>30745</v>
      </c>
      <c r="B29665" s="6"/>
      <c r="C29665" s="6" t="s">
        <v>30749</v>
      </c>
      <c r="D29665" s="6"/>
      <c r="E29665" s="6" t="s">
        <v>18740</v>
      </c>
      <c r="F29665" s="7">
        <v>38657</v>
      </c>
      <c r="G29665" s="8">
        <v>25022200</v>
      </c>
      <c r="H29665" s="8">
        <v>25022200</v>
      </c>
      <c r="I29665" s="8">
        <v>0</v>
      </c>
      <c r="J29665" s="8">
        <v>25022200</v>
      </c>
      <c r="K29665" s="9">
        <v>2051</v>
      </c>
      <c r="L29665" s="6" t="s">
        <v>10</v>
      </c>
    </row>
    <row r="29666" spans="1:12">
      <c r="A29666" s="6" t="s">
        <v>30750</v>
      </c>
      <c r="B29666" s="6"/>
      <c r="C29666" s="6" t="s">
        <v>30751</v>
      </c>
      <c r="D29666" s="6"/>
      <c r="E29666" s="6" t="s">
        <v>18740</v>
      </c>
      <c r="F29666" s="7">
        <v>38657</v>
      </c>
      <c r="G29666" s="8">
        <v>42582</v>
      </c>
      <c r="H29666" s="8">
        <v>42582</v>
      </c>
      <c r="I29666" s="8">
        <v>0</v>
      </c>
      <c r="J29666" s="8">
        <v>42582</v>
      </c>
      <c r="K29666" s="9">
        <v>8.33</v>
      </c>
      <c r="L29666" s="6" t="s">
        <v>23</v>
      </c>
    </row>
    <row r="29667" spans="1:12">
      <c r="A29667" s="6" t="s">
        <v>30752</v>
      </c>
      <c r="B29667" s="6"/>
      <c r="C29667" s="6" t="s">
        <v>30753</v>
      </c>
      <c r="D29667" s="6"/>
      <c r="E29667" s="6" t="s">
        <v>18740</v>
      </c>
      <c r="F29667" s="7">
        <v>38657</v>
      </c>
      <c r="G29667" s="8">
        <v>255600</v>
      </c>
      <c r="H29667" s="8">
        <v>255600</v>
      </c>
      <c r="I29667" s="8">
        <v>0</v>
      </c>
      <c r="J29667" s="8">
        <v>255600</v>
      </c>
      <c r="K29667" s="9">
        <v>50</v>
      </c>
      <c r="L29667" s="6" t="s">
        <v>23</v>
      </c>
    </row>
    <row r="29668" spans="1:12">
      <c r="A29668" s="6" t="s">
        <v>30754</v>
      </c>
      <c r="B29668" s="6"/>
      <c r="C29668" s="6" t="s">
        <v>30755</v>
      </c>
      <c r="D29668" s="6"/>
      <c r="E29668" s="6" t="s">
        <v>18740</v>
      </c>
      <c r="F29668" s="7">
        <v>38657</v>
      </c>
      <c r="G29668" s="8">
        <v>21214</v>
      </c>
      <c r="H29668" s="8">
        <v>21214</v>
      </c>
      <c r="I29668" s="8">
        <v>0</v>
      </c>
      <c r="J29668" s="8">
        <v>21214</v>
      </c>
      <c r="K29668" s="9">
        <v>4.1500000000000004</v>
      </c>
      <c r="L29668" s="6" t="s">
        <v>23</v>
      </c>
    </row>
    <row r="29669" spans="1:12">
      <c r="A29669" s="6" t="s">
        <v>30756</v>
      </c>
      <c r="B29669" s="6"/>
      <c r="C29669" s="6" t="s">
        <v>30757</v>
      </c>
      <c r="D29669" s="6"/>
      <c r="E29669" s="6" t="s">
        <v>18740</v>
      </c>
      <c r="F29669" s="7">
        <v>38657</v>
      </c>
      <c r="G29669" s="8">
        <v>15898</v>
      </c>
      <c r="H29669" s="8">
        <v>15898</v>
      </c>
      <c r="I29669" s="8">
        <v>0</v>
      </c>
      <c r="J29669" s="8">
        <v>15898</v>
      </c>
      <c r="K29669" s="9">
        <v>3.11</v>
      </c>
      <c r="L29669" s="6" t="s">
        <v>23</v>
      </c>
    </row>
    <row r="29670" spans="1:12">
      <c r="A29670" s="6" t="s">
        <v>30758</v>
      </c>
      <c r="B29670" s="6"/>
      <c r="C29670" s="6" t="s">
        <v>30759</v>
      </c>
      <c r="D29670" s="6"/>
      <c r="E29670" s="6" t="s">
        <v>18740</v>
      </c>
      <c r="F29670" s="7">
        <v>38657</v>
      </c>
      <c r="G29670" s="8">
        <v>507375</v>
      </c>
      <c r="H29670" s="8">
        <v>507375</v>
      </c>
      <c r="I29670" s="8">
        <v>0</v>
      </c>
      <c r="J29670" s="8">
        <v>507375</v>
      </c>
      <c r="K29670" s="9">
        <v>41.25</v>
      </c>
      <c r="L29670" s="6" t="s">
        <v>10</v>
      </c>
    </row>
    <row r="29671" spans="1:12">
      <c r="A29671" s="6" t="s">
        <v>30760</v>
      </c>
      <c r="B29671" s="6"/>
      <c r="C29671" s="6" t="s">
        <v>30761</v>
      </c>
      <c r="D29671" s="6"/>
      <c r="E29671" s="6" t="s">
        <v>18740</v>
      </c>
      <c r="F29671" s="7">
        <v>38657</v>
      </c>
      <c r="G29671" s="8">
        <v>17994</v>
      </c>
      <c r="H29671" s="8">
        <v>17994</v>
      </c>
      <c r="I29671" s="8">
        <v>0</v>
      </c>
      <c r="J29671" s="8">
        <v>17994</v>
      </c>
      <c r="K29671" s="9">
        <v>3.52</v>
      </c>
      <c r="L29671" s="6" t="s">
        <v>23</v>
      </c>
    </row>
    <row r="29672" spans="1:12">
      <c r="A29672" s="6" t="s">
        <v>30762</v>
      </c>
      <c r="B29672" s="6"/>
      <c r="C29672" s="6" t="s">
        <v>30763</v>
      </c>
      <c r="D29672" s="6"/>
      <c r="E29672" s="6" t="s">
        <v>18740</v>
      </c>
      <c r="F29672" s="7">
        <v>38657</v>
      </c>
      <c r="G29672" s="8">
        <v>44218</v>
      </c>
      <c r="H29672" s="8">
        <v>44218</v>
      </c>
      <c r="I29672" s="8">
        <v>0</v>
      </c>
      <c r="J29672" s="8">
        <v>44218</v>
      </c>
      <c r="K29672" s="9">
        <v>8.65</v>
      </c>
      <c r="L29672" s="6" t="s">
        <v>23</v>
      </c>
    </row>
    <row r="29673" spans="1:12">
      <c r="A29673" s="6" t="s">
        <v>30764</v>
      </c>
      <c r="B29673" s="6"/>
      <c r="C29673" s="6" t="s">
        <v>30765</v>
      </c>
      <c r="D29673" s="6"/>
      <c r="E29673" s="6" t="s">
        <v>18740</v>
      </c>
      <c r="F29673" s="7">
        <v>38657</v>
      </c>
      <c r="G29673" s="8">
        <v>7996800</v>
      </c>
      <c r="H29673" s="8">
        <v>7996800</v>
      </c>
      <c r="I29673" s="8">
        <v>0</v>
      </c>
      <c r="J29673" s="8">
        <v>7996800</v>
      </c>
      <c r="K29673" s="9">
        <v>714</v>
      </c>
      <c r="L29673" s="6" t="s">
        <v>10</v>
      </c>
    </row>
    <row r="29674" spans="1:12">
      <c r="A29674" s="6" t="s">
        <v>30766</v>
      </c>
      <c r="B29674" s="6"/>
      <c r="C29674" s="6" t="s">
        <v>30767</v>
      </c>
      <c r="D29674" s="6"/>
      <c r="E29674" s="6" t="s">
        <v>18740</v>
      </c>
      <c r="F29674" s="7">
        <v>38657</v>
      </c>
      <c r="G29674" s="8">
        <v>347616</v>
      </c>
      <c r="H29674" s="8">
        <v>347616</v>
      </c>
      <c r="I29674" s="8">
        <v>0</v>
      </c>
      <c r="J29674" s="8">
        <v>347616</v>
      </c>
      <c r="K29674" s="9">
        <v>68</v>
      </c>
      <c r="L29674" s="6" t="s">
        <v>23</v>
      </c>
    </row>
    <row r="29675" spans="1:12">
      <c r="A29675" s="6" t="s">
        <v>30768</v>
      </c>
      <c r="B29675" s="6"/>
      <c r="C29675" s="6" t="s">
        <v>30769</v>
      </c>
      <c r="D29675" s="6"/>
      <c r="E29675" s="6" t="s">
        <v>9</v>
      </c>
      <c r="F29675" s="7">
        <v>38657</v>
      </c>
      <c r="G29675" s="8">
        <v>4312500</v>
      </c>
      <c r="H29675" s="8">
        <v>4312500</v>
      </c>
      <c r="I29675" s="8">
        <v>0</v>
      </c>
      <c r="J29675" s="8">
        <v>4312500</v>
      </c>
      <c r="K29675" s="9">
        <v>115</v>
      </c>
      <c r="L29675" s="6" t="s">
        <v>10</v>
      </c>
    </row>
    <row r="29676" spans="1:12">
      <c r="A29676" s="6" t="s">
        <v>30768</v>
      </c>
      <c r="B29676" s="6"/>
      <c r="C29676" s="6" t="s">
        <v>30770</v>
      </c>
      <c r="D29676" s="6"/>
      <c r="E29676" s="6" t="s">
        <v>9</v>
      </c>
      <c r="F29676" s="7">
        <v>38657</v>
      </c>
      <c r="G29676" s="8">
        <v>6058500</v>
      </c>
      <c r="H29676" s="8">
        <v>6058500</v>
      </c>
      <c r="I29676" s="8">
        <v>0</v>
      </c>
      <c r="J29676" s="8">
        <v>6058500</v>
      </c>
      <c r="K29676" s="9">
        <v>161.56</v>
      </c>
      <c r="L29676" s="6" t="s">
        <v>10</v>
      </c>
    </row>
    <row r="29677" spans="1:12">
      <c r="A29677" s="6" t="s">
        <v>30768</v>
      </c>
      <c r="B29677" s="6"/>
      <c r="C29677" s="6" t="s">
        <v>30771</v>
      </c>
      <c r="D29677" s="6"/>
      <c r="E29677" s="6" t="s">
        <v>9</v>
      </c>
      <c r="F29677" s="7">
        <v>38657</v>
      </c>
      <c r="G29677" s="8">
        <v>19462500</v>
      </c>
      <c r="H29677" s="8">
        <v>19462500</v>
      </c>
      <c r="I29677" s="8">
        <v>0</v>
      </c>
      <c r="J29677" s="8">
        <v>19462500</v>
      </c>
      <c r="K29677" s="9">
        <v>519</v>
      </c>
      <c r="L29677" s="6" t="s">
        <v>10</v>
      </c>
    </row>
    <row r="29678" spans="1:12">
      <c r="A29678" s="6" t="s">
        <v>30768</v>
      </c>
      <c r="B29678" s="6"/>
      <c r="C29678" s="6" t="s">
        <v>30772</v>
      </c>
      <c r="D29678" s="6"/>
      <c r="E29678" s="6" t="s">
        <v>9</v>
      </c>
      <c r="F29678" s="7">
        <v>38657</v>
      </c>
      <c r="G29678" s="8">
        <v>18075000</v>
      </c>
      <c r="H29678" s="8">
        <v>18075000</v>
      </c>
      <c r="I29678" s="8">
        <v>0</v>
      </c>
      <c r="J29678" s="8">
        <v>18075000</v>
      </c>
      <c r="K29678" s="9">
        <v>482</v>
      </c>
      <c r="L29678" s="6" t="s">
        <v>10</v>
      </c>
    </row>
    <row r="29679" spans="1:12">
      <c r="A29679" s="6" t="s">
        <v>30768</v>
      </c>
      <c r="B29679" s="6"/>
      <c r="C29679" s="6" t="s">
        <v>30773</v>
      </c>
      <c r="D29679" s="6"/>
      <c r="E29679" s="6" t="s">
        <v>9</v>
      </c>
      <c r="F29679" s="7">
        <v>38657</v>
      </c>
      <c r="G29679" s="8">
        <v>13875000</v>
      </c>
      <c r="H29679" s="8">
        <v>13875000</v>
      </c>
      <c r="I29679" s="8">
        <v>0</v>
      </c>
      <c r="J29679" s="8">
        <v>13875000</v>
      </c>
      <c r="K29679" s="9">
        <v>370</v>
      </c>
      <c r="L29679" s="6" t="s">
        <v>10</v>
      </c>
    </row>
    <row r="29680" spans="1:12">
      <c r="A29680" s="6" t="s">
        <v>30774</v>
      </c>
      <c r="B29680" s="6"/>
      <c r="C29680" s="6" t="s">
        <v>30775</v>
      </c>
      <c r="D29680" s="6"/>
      <c r="E29680" s="6" t="s">
        <v>18740</v>
      </c>
      <c r="F29680" s="7">
        <v>38657</v>
      </c>
      <c r="G29680" s="8">
        <v>89700</v>
      </c>
      <c r="H29680" s="8">
        <v>89700</v>
      </c>
      <c r="I29680" s="8">
        <v>0</v>
      </c>
      <c r="J29680" s="8">
        <v>89700</v>
      </c>
      <c r="K29680" s="9">
        <v>6.9</v>
      </c>
      <c r="L29680" s="6" t="s">
        <v>10</v>
      </c>
    </row>
    <row r="29681" spans="1:12">
      <c r="A29681" s="6" t="s">
        <v>30774</v>
      </c>
      <c r="B29681" s="6"/>
      <c r="C29681" s="6" t="s">
        <v>30776</v>
      </c>
      <c r="D29681" s="6"/>
      <c r="E29681" s="6" t="s">
        <v>18740</v>
      </c>
      <c r="F29681" s="7">
        <v>38657</v>
      </c>
      <c r="G29681" s="8">
        <v>611000</v>
      </c>
      <c r="H29681" s="8">
        <v>611000</v>
      </c>
      <c r="I29681" s="8">
        <v>0</v>
      </c>
      <c r="J29681" s="8">
        <v>611000</v>
      </c>
      <c r="K29681" s="9">
        <v>47</v>
      </c>
      <c r="L29681" s="6" t="s">
        <v>10</v>
      </c>
    </row>
    <row r="29682" spans="1:12">
      <c r="A29682" s="6" t="s">
        <v>30777</v>
      </c>
      <c r="B29682" s="6"/>
      <c r="C29682" s="6" t="s">
        <v>30778</v>
      </c>
      <c r="D29682" s="6"/>
      <c r="E29682" s="6" t="s">
        <v>18740</v>
      </c>
      <c r="F29682" s="7">
        <v>38657</v>
      </c>
      <c r="G29682" s="8">
        <v>158472</v>
      </c>
      <c r="H29682" s="8">
        <v>158472</v>
      </c>
      <c r="I29682" s="8">
        <v>0</v>
      </c>
      <c r="J29682" s="8">
        <v>158472</v>
      </c>
      <c r="K29682" s="9">
        <v>31</v>
      </c>
      <c r="L29682" s="6" t="s">
        <v>23</v>
      </c>
    </row>
    <row r="29683" spans="1:12">
      <c r="A29683" s="6" t="s">
        <v>30779</v>
      </c>
      <c r="B29683" s="6"/>
      <c r="C29683" s="6" t="s">
        <v>30780</v>
      </c>
      <c r="D29683" s="6"/>
      <c r="E29683" s="6" t="s">
        <v>18740</v>
      </c>
      <c r="F29683" s="7">
        <v>38657</v>
      </c>
      <c r="G29683" s="8">
        <v>54320</v>
      </c>
      <c r="H29683" s="8">
        <v>54320</v>
      </c>
      <c r="I29683" s="8">
        <v>0</v>
      </c>
      <c r="J29683" s="8">
        <v>54320</v>
      </c>
      <c r="K29683" s="9">
        <v>4.8499999999999899</v>
      </c>
      <c r="L29683" s="6" t="s">
        <v>10</v>
      </c>
    </row>
    <row r="29684" spans="1:12">
      <c r="A29684" s="6" t="s">
        <v>30781</v>
      </c>
      <c r="B29684" s="6"/>
      <c r="C29684" s="6" t="s">
        <v>30782</v>
      </c>
      <c r="D29684" s="6"/>
      <c r="E29684" s="6" t="s">
        <v>18740</v>
      </c>
      <c r="F29684" s="7">
        <v>38657</v>
      </c>
      <c r="G29684" s="8">
        <v>199368</v>
      </c>
      <c r="H29684" s="8">
        <v>199368</v>
      </c>
      <c r="I29684" s="8">
        <v>0</v>
      </c>
      <c r="J29684" s="8">
        <v>199368</v>
      </c>
      <c r="K29684" s="9">
        <v>39</v>
      </c>
      <c r="L29684" s="6" t="s">
        <v>23</v>
      </c>
    </row>
    <row r="29685" spans="1:12">
      <c r="A29685" s="6" t="s">
        <v>30783</v>
      </c>
      <c r="B29685" s="6"/>
      <c r="C29685" s="6" t="s">
        <v>30784</v>
      </c>
      <c r="D29685" s="6"/>
      <c r="E29685" s="6" t="s">
        <v>18740</v>
      </c>
      <c r="F29685" s="7">
        <v>38657</v>
      </c>
      <c r="G29685" s="8">
        <v>97128</v>
      </c>
      <c r="H29685" s="8">
        <v>97128</v>
      </c>
      <c r="I29685" s="8">
        <v>0</v>
      </c>
      <c r="J29685" s="8">
        <v>97128</v>
      </c>
      <c r="K29685" s="9">
        <v>19</v>
      </c>
      <c r="L29685" s="6" t="s">
        <v>23</v>
      </c>
    </row>
    <row r="29686" spans="1:12">
      <c r="A29686" s="6" t="s">
        <v>30785</v>
      </c>
      <c r="B29686" s="6"/>
      <c r="C29686" s="6" t="s">
        <v>30786</v>
      </c>
      <c r="D29686" s="6"/>
      <c r="E29686" s="6" t="s">
        <v>18740</v>
      </c>
      <c r="F29686" s="7">
        <v>38657</v>
      </c>
      <c r="G29686" s="8">
        <v>68544</v>
      </c>
      <c r="H29686" s="8">
        <v>68544</v>
      </c>
      <c r="I29686" s="8">
        <v>0</v>
      </c>
      <c r="J29686" s="8">
        <v>68544</v>
      </c>
      <c r="K29686" s="9">
        <v>6.12</v>
      </c>
      <c r="L29686" s="6" t="s">
        <v>10</v>
      </c>
    </row>
    <row r="29687" spans="1:12">
      <c r="A29687" s="6" t="s">
        <v>30787</v>
      </c>
      <c r="B29687" s="6"/>
      <c r="C29687" s="6" t="s">
        <v>30788</v>
      </c>
      <c r="D29687" s="6"/>
      <c r="E29687" s="6" t="s">
        <v>18740</v>
      </c>
      <c r="F29687" s="7">
        <v>38657</v>
      </c>
      <c r="G29687" s="8">
        <v>81792</v>
      </c>
      <c r="H29687" s="8">
        <v>81792</v>
      </c>
      <c r="I29687" s="8">
        <v>0</v>
      </c>
      <c r="J29687" s="8">
        <v>81792</v>
      </c>
      <c r="K29687" s="9">
        <v>16</v>
      </c>
      <c r="L29687" s="6" t="s">
        <v>23</v>
      </c>
    </row>
    <row r="29688" spans="1:12">
      <c r="A29688" s="6" t="s">
        <v>30789</v>
      </c>
      <c r="B29688" s="6"/>
      <c r="C29688" s="6" t="s">
        <v>30790</v>
      </c>
      <c r="D29688" s="6"/>
      <c r="E29688" s="6" t="s">
        <v>18740</v>
      </c>
      <c r="F29688" s="7">
        <v>38657</v>
      </c>
      <c r="G29688" s="8">
        <v>490752</v>
      </c>
      <c r="H29688" s="8">
        <v>490752</v>
      </c>
      <c r="I29688" s="8">
        <v>0</v>
      </c>
      <c r="J29688" s="8">
        <v>490752</v>
      </c>
      <c r="K29688" s="9">
        <v>96</v>
      </c>
      <c r="L29688" s="6" t="s">
        <v>23</v>
      </c>
    </row>
    <row r="29689" spans="1:12">
      <c r="A29689" s="6" t="s">
        <v>30789</v>
      </c>
      <c r="B29689" s="6"/>
      <c r="C29689" s="6" t="s">
        <v>30791</v>
      </c>
      <c r="D29689" s="6"/>
      <c r="E29689" s="6" t="s">
        <v>18740</v>
      </c>
      <c r="F29689" s="7">
        <v>38657</v>
      </c>
      <c r="G29689" s="8">
        <v>20039</v>
      </c>
      <c r="H29689" s="8">
        <v>20039</v>
      </c>
      <c r="I29689" s="8">
        <v>0</v>
      </c>
      <c r="J29689" s="8">
        <v>20039</v>
      </c>
      <c r="K29689" s="9">
        <v>3.92</v>
      </c>
      <c r="L29689" s="6" t="s">
        <v>23</v>
      </c>
    </row>
    <row r="29690" spans="1:12">
      <c r="A29690" s="6" t="s">
        <v>30792</v>
      </c>
      <c r="B29690" s="6"/>
      <c r="C29690" s="6" t="s">
        <v>30793</v>
      </c>
      <c r="D29690" s="6"/>
      <c r="E29690" s="6" t="s">
        <v>18740</v>
      </c>
      <c r="F29690" s="7">
        <v>38657</v>
      </c>
      <c r="G29690" s="8">
        <v>92016</v>
      </c>
      <c r="H29690" s="8">
        <v>92016</v>
      </c>
      <c r="I29690" s="8">
        <v>0</v>
      </c>
      <c r="J29690" s="8">
        <v>92016</v>
      </c>
      <c r="K29690" s="9">
        <v>18</v>
      </c>
      <c r="L29690" s="6" t="s">
        <v>23</v>
      </c>
    </row>
    <row r="29691" spans="1:12">
      <c r="A29691" s="6" t="s">
        <v>30794</v>
      </c>
      <c r="B29691" s="6"/>
      <c r="C29691" s="6" t="s">
        <v>30795</v>
      </c>
      <c r="D29691" s="6"/>
      <c r="E29691" s="6" t="s">
        <v>18740</v>
      </c>
      <c r="F29691" s="7">
        <v>38657</v>
      </c>
      <c r="G29691" s="8">
        <v>1050700</v>
      </c>
      <c r="H29691" s="8">
        <v>1050700</v>
      </c>
      <c r="I29691" s="8">
        <v>0</v>
      </c>
      <c r="J29691" s="8">
        <v>1050700</v>
      </c>
      <c r="K29691" s="9">
        <v>79</v>
      </c>
      <c r="L29691" s="6" t="s">
        <v>10</v>
      </c>
    </row>
    <row r="29692" spans="1:12">
      <c r="A29692" s="6" t="s">
        <v>30796</v>
      </c>
      <c r="B29692" s="6"/>
      <c r="C29692" s="6" t="s">
        <v>30797</v>
      </c>
      <c r="D29692" s="6"/>
      <c r="E29692" s="6" t="s">
        <v>18740</v>
      </c>
      <c r="F29692" s="7">
        <v>38657</v>
      </c>
      <c r="G29692" s="8">
        <v>108000</v>
      </c>
      <c r="H29692" s="8">
        <v>108000</v>
      </c>
      <c r="I29692" s="8">
        <v>0</v>
      </c>
      <c r="J29692" s="8">
        <v>108000</v>
      </c>
      <c r="K29692" s="9">
        <v>7.2</v>
      </c>
      <c r="L29692" s="6" t="s">
        <v>10</v>
      </c>
    </row>
    <row r="29693" spans="1:12">
      <c r="A29693" s="6" t="s">
        <v>30798</v>
      </c>
      <c r="B29693" s="6"/>
      <c r="C29693" s="6" t="s">
        <v>30799</v>
      </c>
      <c r="D29693" s="6"/>
      <c r="E29693" s="6" t="s">
        <v>18740</v>
      </c>
      <c r="F29693" s="7">
        <v>38657</v>
      </c>
      <c r="G29693" s="8">
        <v>39600</v>
      </c>
      <c r="H29693" s="8">
        <v>39600</v>
      </c>
      <c r="I29693" s="8">
        <v>0</v>
      </c>
      <c r="J29693" s="8">
        <v>39600</v>
      </c>
      <c r="K29693" s="9">
        <v>3.3</v>
      </c>
      <c r="L29693" s="6" t="s">
        <v>10</v>
      </c>
    </row>
    <row r="29694" spans="1:12">
      <c r="A29694" s="6" t="s">
        <v>30800</v>
      </c>
      <c r="B29694" s="6"/>
      <c r="C29694" s="6" t="s">
        <v>30801</v>
      </c>
      <c r="D29694" s="6"/>
      <c r="E29694" s="6" t="s">
        <v>18740</v>
      </c>
      <c r="F29694" s="7">
        <v>38657</v>
      </c>
      <c r="G29694" s="8">
        <v>158472</v>
      </c>
      <c r="H29694" s="8">
        <v>158472</v>
      </c>
      <c r="I29694" s="8">
        <v>0</v>
      </c>
      <c r="J29694" s="8">
        <v>158472</v>
      </c>
      <c r="K29694" s="9">
        <v>31</v>
      </c>
      <c r="L29694" s="6" t="s">
        <v>23</v>
      </c>
    </row>
    <row r="29695" spans="1:12">
      <c r="A29695" s="6" t="s">
        <v>30802</v>
      </c>
      <c r="B29695" s="6"/>
      <c r="C29695" s="6" t="s">
        <v>30803</v>
      </c>
      <c r="D29695" s="6"/>
      <c r="E29695" s="6" t="s">
        <v>18740</v>
      </c>
      <c r="F29695" s="7">
        <v>38657</v>
      </c>
      <c r="G29695" s="8">
        <v>56232</v>
      </c>
      <c r="H29695" s="8">
        <v>56232</v>
      </c>
      <c r="I29695" s="8">
        <v>0</v>
      </c>
      <c r="J29695" s="8">
        <v>56232</v>
      </c>
      <c r="K29695" s="9">
        <v>11</v>
      </c>
      <c r="L29695" s="6" t="s">
        <v>23</v>
      </c>
    </row>
    <row r="29696" spans="1:12">
      <c r="A29696" s="6" t="s">
        <v>30804</v>
      </c>
      <c r="B29696" s="6"/>
      <c r="C29696" s="6" t="s">
        <v>30805</v>
      </c>
      <c r="D29696" s="6"/>
      <c r="E29696" s="6" t="s">
        <v>18740</v>
      </c>
      <c r="F29696" s="7">
        <v>38657</v>
      </c>
      <c r="G29696" s="8">
        <v>153360</v>
      </c>
      <c r="H29696" s="8">
        <v>153360</v>
      </c>
      <c r="I29696" s="8">
        <v>0</v>
      </c>
      <c r="J29696" s="8">
        <v>153360</v>
      </c>
      <c r="K29696" s="9">
        <v>30</v>
      </c>
      <c r="L29696" s="6" t="s">
        <v>23</v>
      </c>
    </row>
    <row r="29697" spans="1:12">
      <c r="A29697" s="6" t="s">
        <v>30806</v>
      </c>
      <c r="B29697" s="6"/>
      <c r="C29697" s="6" t="s">
        <v>30807</v>
      </c>
      <c r="D29697" s="6"/>
      <c r="E29697" s="6" t="s">
        <v>18740</v>
      </c>
      <c r="F29697" s="7">
        <v>38657</v>
      </c>
      <c r="G29697" s="8">
        <v>39873</v>
      </c>
      <c r="H29697" s="8">
        <v>39873</v>
      </c>
      <c r="I29697" s="8">
        <v>0</v>
      </c>
      <c r="J29697" s="8">
        <v>39873</v>
      </c>
      <c r="K29697" s="9">
        <v>7.8</v>
      </c>
      <c r="L29697" s="6" t="s">
        <v>23</v>
      </c>
    </row>
    <row r="29698" spans="1:12">
      <c r="A29698" s="6" t="s">
        <v>30808</v>
      </c>
      <c r="B29698" s="6"/>
      <c r="C29698" s="6" t="s">
        <v>30809</v>
      </c>
      <c r="D29698" s="6"/>
      <c r="E29698" s="6" t="s">
        <v>18740</v>
      </c>
      <c r="F29698" s="7">
        <v>38657</v>
      </c>
      <c r="G29698" s="8">
        <v>35579</v>
      </c>
      <c r="H29698" s="8">
        <v>35579</v>
      </c>
      <c r="I29698" s="8">
        <v>0</v>
      </c>
      <c r="J29698" s="8">
        <v>35579</v>
      </c>
      <c r="K29698" s="9">
        <v>6.96</v>
      </c>
      <c r="L29698" s="6" t="s">
        <v>23</v>
      </c>
    </row>
    <row r="29699" spans="1:12">
      <c r="A29699" s="6" t="s">
        <v>30810</v>
      </c>
      <c r="B29699" s="6"/>
      <c r="C29699" s="6" t="s">
        <v>30811</v>
      </c>
      <c r="D29699" s="6"/>
      <c r="E29699" s="6" t="s">
        <v>18740</v>
      </c>
      <c r="F29699" s="7">
        <v>38657</v>
      </c>
      <c r="G29699" s="8">
        <v>380800</v>
      </c>
      <c r="H29699" s="8">
        <v>380800</v>
      </c>
      <c r="I29699" s="8">
        <v>0</v>
      </c>
      <c r="J29699" s="8">
        <v>380800</v>
      </c>
      <c r="K29699" s="9">
        <v>32</v>
      </c>
      <c r="L29699" s="6" t="s">
        <v>10</v>
      </c>
    </row>
    <row r="29700" spans="1:12">
      <c r="A29700" s="6" t="s">
        <v>30812</v>
      </c>
      <c r="B29700" s="6"/>
      <c r="C29700" s="6" t="s">
        <v>30813</v>
      </c>
      <c r="D29700" s="6"/>
      <c r="E29700" s="6" t="s">
        <v>18740</v>
      </c>
      <c r="F29700" s="7">
        <v>38657</v>
      </c>
      <c r="G29700" s="8">
        <v>1339345</v>
      </c>
      <c r="H29700" s="8">
        <v>1339345</v>
      </c>
      <c r="I29700" s="8">
        <v>0</v>
      </c>
      <c r="J29700" s="8">
        <v>1339345</v>
      </c>
      <c r="K29700" s="9">
        <v>112.55</v>
      </c>
      <c r="L29700" s="6" t="s">
        <v>10</v>
      </c>
    </row>
    <row r="29701" spans="1:12">
      <c r="A29701" s="6" t="s">
        <v>30814</v>
      </c>
      <c r="B29701" s="6"/>
      <c r="C29701" s="6" t="s">
        <v>30815</v>
      </c>
      <c r="D29701" s="6"/>
      <c r="E29701" s="6" t="s">
        <v>18740</v>
      </c>
      <c r="F29701" s="7">
        <v>38657</v>
      </c>
      <c r="G29701" s="8">
        <v>66759</v>
      </c>
      <c r="H29701" s="8">
        <v>66759</v>
      </c>
      <c r="I29701" s="8">
        <v>0</v>
      </c>
      <c r="J29701" s="8">
        <v>66759</v>
      </c>
      <c r="K29701" s="9">
        <v>5.61</v>
      </c>
      <c r="L29701" s="6" t="s">
        <v>10</v>
      </c>
    </row>
    <row r="29702" spans="1:12">
      <c r="A29702" s="6" t="s">
        <v>30816</v>
      </c>
      <c r="B29702" s="6"/>
      <c r="C29702" s="6" t="s">
        <v>30817</v>
      </c>
      <c r="D29702" s="6"/>
      <c r="E29702" s="6" t="s">
        <v>18740</v>
      </c>
      <c r="F29702" s="7">
        <v>38657</v>
      </c>
      <c r="G29702" s="8">
        <v>30314</v>
      </c>
      <c r="H29702" s="8">
        <v>30314</v>
      </c>
      <c r="I29702" s="8">
        <v>0</v>
      </c>
      <c r="J29702" s="8">
        <v>30314</v>
      </c>
      <c r="K29702" s="9">
        <v>5.93</v>
      </c>
      <c r="L29702" s="6" t="s">
        <v>23</v>
      </c>
    </row>
    <row r="29703" spans="1:12">
      <c r="A29703" s="6" t="s">
        <v>30818</v>
      </c>
      <c r="B29703" s="6"/>
      <c r="C29703" s="6" t="s">
        <v>30819</v>
      </c>
      <c r="D29703" s="6"/>
      <c r="E29703" s="6" t="s">
        <v>9</v>
      </c>
      <c r="F29703" s="7">
        <v>38657</v>
      </c>
      <c r="G29703" s="8">
        <v>1605168</v>
      </c>
      <c r="H29703" s="8">
        <v>1605168</v>
      </c>
      <c r="I29703" s="8">
        <v>0</v>
      </c>
      <c r="J29703" s="8">
        <v>1605168</v>
      </c>
      <c r="K29703" s="9">
        <v>314</v>
      </c>
      <c r="L29703" s="6" t="s">
        <v>14</v>
      </c>
    </row>
    <row r="29704" spans="1:12">
      <c r="A29704" s="6" t="s">
        <v>30820</v>
      </c>
      <c r="B29704" s="6"/>
      <c r="C29704" s="6" t="s">
        <v>30821</v>
      </c>
      <c r="D29704" s="6"/>
      <c r="E29704" s="6" t="s">
        <v>18740</v>
      </c>
      <c r="F29704" s="7">
        <v>38657</v>
      </c>
      <c r="G29704" s="8">
        <v>66456</v>
      </c>
      <c r="H29704" s="8">
        <v>66456</v>
      </c>
      <c r="I29704" s="8">
        <v>0</v>
      </c>
      <c r="J29704" s="8">
        <v>66456</v>
      </c>
      <c r="K29704" s="9">
        <v>13</v>
      </c>
      <c r="L29704" s="6" t="s">
        <v>23</v>
      </c>
    </row>
    <row r="29705" spans="1:12">
      <c r="A29705" s="6" t="s">
        <v>30822</v>
      </c>
      <c r="B29705" s="6"/>
      <c r="C29705" s="6" t="s">
        <v>30823</v>
      </c>
      <c r="D29705" s="6"/>
      <c r="E29705" s="6" t="s">
        <v>18740</v>
      </c>
      <c r="F29705" s="7">
        <v>38657</v>
      </c>
      <c r="G29705" s="8">
        <v>308000</v>
      </c>
      <c r="H29705" s="8">
        <v>308000</v>
      </c>
      <c r="I29705" s="8">
        <v>0</v>
      </c>
      <c r="J29705" s="8">
        <v>308000</v>
      </c>
      <c r="K29705" s="9">
        <v>22</v>
      </c>
      <c r="L29705" s="6" t="s">
        <v>10</v>
      </c>
    </row>
    <row r="29706" spans="1:12">
      <c r="A29706" s="6" t="s">
        <v>30824</v>
      </c>
      <c r="B29706" s="6"/>
      <c r="C29706" s="6" t="s">
        <v>30825</v>
      </c>
      <c r="D29706" s="6"/>
      <c r="E29706" s="6" t="s">
        <v>9</v>
      </c>
      <c r="F29706" s="7">
        <v>38657</v>
      </c>
      <c r="G29706" s="8">
        <v>1042848</v>
      </c>
      <c r="H29706" s="8">
        <v>1042848</v>
      </c>
      <c r="I29706" s="8">
        <v>0</v>
      </c>
      <c r="J29706" s="8">
        <v>1042848</v>
      </c>
      <c r="K29706" s="9">
        <v>204</v>
      </c>
      <c r="L29706" s="6" t="s">
        <v>14</v>
      </c>
    </row>
    <row r="29707" spans="1:12">
      <c r="A29707" s="6" t="s">
        <v>30826</v>
      </c>
      <c r="B29707" s="6"/>
      <c r="C29707" s="6" t="s">
        <v>30827</v>
      </c>
      <c r="D29707" s="6"/>
      <c r="E29707" s="6" t="s">
        <v>9</v>
      </c>
      <c r="F29707" s="7">
        <v>38657</v>
      </c>
      <c r="G29707" s="8">
        <v>153308</v>
      </c>
      <c r="H29707" s="8">
        <v>153308</v>
      </c>
      <c r="I29707" s="8">
        <v>0</v>
      </c>
      <c r="J29707" s="8">
        <v>153308</v>
      </c>
      <c r="K29707" s="9">
        <v>29.99</v>
      </c>
      <c r="L29707" s="6" t="s">
        <v>14</v>
      </c>
    </row>
    <row r="29708" spans="1:12">
      <c r="A29708" s="6" t="s">
        <v>30826</v>
      </c>
      <c r="B29708" s="6"/>
      <c r="C29708" s="6" t="s">
        <v>30828</v>
      </c>
      <c r="D29708" s="6"/>
      <c r="E29708" s="6" t="s">
        <v>9</v>
      </c>
      <c r="F29708" s="7">
        <v>38657</v>
      </c>
      <c r="G29708" s="8">
        <v>2812622</v>
      </c>
      <c r="H29708" s="8">
        <v>2812622</v>
      </c>
      <c r="I29708" s="8">
        <v>0</v>
      </c>
      <c r="J29708" s="8">
        <v>2812622</v>
      </c>
      <c r="K29708" s="9">
        <v>550.20000000000005</v>
      </c>
      <c r="L29708" s="6" t="s">
        <v>14</v>
      </c>
    </row>
    <row r="29709" spans="1:12">
      <c r="A29709" s="6" t="s">
        <v>30826</v>
      </c>
      <c r="B29709" s="6"/>
      <c r="C29709" s="6" t="s">
        <v>30829</v>
      </c>
      <c r="D29709" s="6"/>
      <c r="E29709" s="6" t="s">
        <v>9</v>
      </c>
      <c r="F29709" s="7">
        <v>38657</v>
      </c>
      <c r="G29709" s="8">
        <v>3102984</v>
      </c>
      <c r="H29709" s="8">
        <v>3102984</v>
      </c>
      <c r="I29709" s="8">
        <v>0</v>
      </c>
      <c r="J29709" s="8">
        <v>3102984</v>
      </c>
      <c r="K29709" s="9">
        <v>607</v>
      </c>
      <c r="L29709" s="6" t="s">
        <v>14</v>
      </c>
    </row>
    <row r="29710" spans="1:12">
      <c r="A29710" s="6" t="s">
        <v>30830</v>
      </c>
      <c r="B29710" s="6"/>
      <c r="C29710" s="6" t="s">
        <v>30831</v>
      </c>
      <c r="D29710" s="6"/>
      <c r="E29710" s="6" t="s">
        <v>9</v>
      </c>
      <c r="F29710" s="7">
        <v>38657</v>
      </c>
      <c r="G29710" s="8">
        <v>51120</v>
      </c>
      <c r="H29710" s="8">
        <v>51120</v>
      </c>
      <c r="I29710" s="8">
        <v>0</v>
      </c>
      <c r="J29710" s="8">
        <v>51120</v>
      </c>
      <c r="K29710" s="9">
        <v>10</v>
      </c>
      <c r="L29710" s="6" t="s">
        <v>14</v>
      </c>
    </row>
    <row r="29711" spans="1:12">
      <c r="A29711" s="6" t="s">
        <v>30830</v>
      </c>
      <c r="B29711" s="6"/>
      <c r="C29711" s="6" t="s">
        <v>30832</v>
      </c>
      <c r="D29711" s="6"/>
      <c r="E29711" s="6" t="s">
        <v>9</v>
      </c>
      <c r="F29711" s="7">
        <v>38657</v>
      </c>
      <c r="G29711" s="8">
        <v>5602752</v>
      </c>
      <c r="H29711" s="8">
        <v>5602752</v>
      </c>
      <c r="I29711" s="8">
        <v>0</v>
      </c>
      <c r="J29711" s="8">
        <v>5602752</v>
      </c>
      <c r="K29711" s="9">
        <v>1096</v>
      </c>
      <c r="L29711" s="6" t="s">
        <v>14</v>
      </c>
    </row>
    <row r="29712" spans="1:12">
      <c r="A29712" s="6" t="s">
        <v>30833</v>
      </c>
      <c r="B29712" s="6"/>
      <c r="C29712" s="6" t="s">
        <v>30834</v>
      </c>
      <c r="D29712" s="6"/>
      <c r="E29712" s="6" t="s">
        <v>9</v>
      </c>
      <c r="F29712" s="7">
        <v>38657</v>
      </c>
      <c r="G29712" s="8">
        <v>3379032</v>
      </c>
      <c r="H29712" s="8">
        <v>3379032</v>
      </c>
      <c r="I29712" s="8">
        <v>0</v>
      </c>
      <c r="J29712" s="8">
        <v>3379032</v>
      </c>
      <c r="K29712" s="9">
        <v>661</v>
      </c>
      <c r="L29712" s="6" t="s">
        <v>14</v>
      </c>
    </row>
    <row r="29713" spans="1:12">
      <c r="A29713" s="6" t="s">
        <v>30833</v>
      </c>
      <c r="B29713" s="6"/>
      <c r="C29713" s="6" t="s">
        <v>30835</v>
      </c>
      <c r="D29713" s="6"/>
      <c r="E29713" s="6" t="s">
        <v>9</v>
      </c>
      <c r="F29713" s="7">
        <v>38657</v>
      </c>
      <c r="G29713" s="8">
        <v>56232</v>
      </c>
      <c r="H29713" s="8">
        <v>56232</v>
      </c>
      <c r="I29713" s="8">
        <v>0</v>
      </c>
      <c r="J29713" s="8">
        <v>56232</v>
      </c>
      <c r="K29713" s="9">
        <v>11</v>
      </c>
      <c r="L29713" s="6" t="s">
        <v>14</v>
      </c>
    </row>
    <row r="29714" spans="1:12">
      <c r="A29714" s="6" t="s">
        <v>30836</v>
      </c>
      <c r="B29714" s="6"/>
      <c r="C29714" s="6" t="s">
        <v>30837</v>
      </c>
      <c r="D29714" s="6"/>
      <c r="E29714" s="6" t="s">
        <v>18740</v>
      </c>
      <c r="F29714" s="7">
        <v>38657</v>
      </c>
      <c r="G29714" s="8">
        <v>6179100</v>
      </c>
      <c r="H29714" s="8">
        <v>6179100</v>
      </c>
      <c r="I29714" s="8">
        <v>0</v>
      </c>
      <c r="J29714" s="8">
        <v>6179100</v>
      </c>
      <c r="K29714" s="9">
        <v>479</v>
      </c>
      <c r="L29714" s="6" t="s">
        <v>10</v>
      </c>
    </row>
    <row r="29715" spans="1:12">
      <c r="A29715" s="6" t="s">
        <v>30838</v>
      </c>
      <c r="B29715" s="6"/>
      <c r="C29715" s="6" t="s">
        <v>30839</v>
      </c>
      <c r="D29715" s="6"/>
      <c r="E29715" s="6" t="s">
        <v>18740</v>
      </c>
      <c r="F29715" s="7">
        <v>38657</v>
      </c>
      <c r="G29715" s="8">
        <v>45966</v>
      </c>
      <c r="H29715" s="8">
        <v>45966</v>
      </c>
      <c r="I29715" s="8">
        <v>0</v>
      </c>
      <c r="J29715" s="8">
        <v>45966</v>
      </c>
      <c r="K29715" s="9">
        <v>2.82</v>
      </c>
      <c r="L29715" s="6" t="s">
        <v>10</v>
      </c>
    </row>
    <row r="29716" spans="1:12">
      <c r="A29716" s="6" t="s">
        <v>30840</v>
      </c>
      <c r="B29716" s="6"/>
      <c r="C29716" s="6" t="s">
        <v>30841</v>
      </c>
      <c r="D29716" s="6"/>
      <c r="E29716" s="6" t="s">
        <v>18740</v>
      </c>
      <c r="F29716" s="7">
        <v>38657</v>
      </c>
      <c r="G29716" s="8">
        <v>19608420</v>
      </c>
      <c r="H29716" s="8">
        <v>19608420</v>
      </c>
      <c r="I29716" s="8">
        <v>0</v>
      </c>
      <c r="J29716" s="8">
        <v>19608420</v>
      </c>
      <c r="K29716" s="9">
        <v>1256.95</v>
      </c>
      <c r="L29716" s="6" t="s">
        <v>10</v>
      </c>
    </row>
    <row r="29717" spans="1:12">
      <c r="A29717" s="6" t="s">
        <v>30840</v>
      </c>
      <c r="B29717" s="6"/>
      <c r="C29717" s="6" t="s">
        <v>30842</v>
      </c>
      <c r="D29717" s="6"/>
      <c r="E29717" s="6" t="s">
        <v>18740</v>
      </c>
      <c r="F29717" s="7">
        <v>38657</v>
      </c>
      <c r="G29717" s="8">
        <v>46800000</v>
      </c>
      <c r="H29717" s="8">
        <v>46800000</v>
      </c>
      <c r="I29717" s="8">
        <v>0</v>
      </c>
      <c r="J29717" s="8">
        <v>46800000</v>
      </c>
      <c r="K29717" s="9">
        <v>3000</v>
      </c>
      <c r="L29717" s="6" t="s">
        <v>10</v>
      </c>
    </row>
    <row r="29718" spans="1:12">
      <c r="A29718" s="6" t="s">
        <v>30843</v>
      </c>
      <c r="B29718" s="6"/>
      <c r="C29718" s="6" t="s">
        <v>30844</v>
      </c>
      <c r="D29718" s="6"/>
      <c r="E29718" s="6" t="s">
        <v>18740</v>
      </c>
      <c r="F29718" s="7">
        <v>38657</v>
      </c>
      <c r="G29718" s="8">
        <v>51120</v>
      </c>
      <c r="H29718" s="8">
        <v>51120</v>
      </c>
      <c r="I29718" s="8">
        <v>0</v>
      </c>
      <c r="J29718" s="8">
        <v>51120</v>
      </c>
      <c r="K29718" s="9">
        <v>10</v>
      </c>
      <c r="L29718" s="6" t="s">
        <v>23</v>
      </c>
    </row>
    <row r="29719" spans="1:12">
      <c r="A29719" s="6" t="s">
        <v>30845</v>
      </c>
      <c r="B29719" s="6"/>
      <c r="C29719" s="6" t="s">
        <v>30846</v>
      </c>
      <c r="D29719" s="6"/>
      <c r="E29719" s="6" t="s">
        <v>18740</v>
      </c>
      <c r="F29719" s="7">
        <v>38657</v>
      </c>
      <c r="G29719" s="8">
        <v>649600</v>
      </c>
      <c r="H29719" s="8">
        <v>649600</v>
      </c>
      <c r="I29719" s="8">
        <v>0</v>
      </c>
      <c r="J29719" s="8">
        <v>649600</v>
      </c>
      <c r="K29719" s="9">
        <v>58</v>
      </c>
      <c r="L29719" s="6" t="s">
        <v>10</v>
      </c>
    </row>
    <row r="29720" spans="1:12">
      <c r="A29720" s="6" t="s">
        <v>30845</v>
      </c>
      <c r="B29720" s="6"/>
      <c r="C29720" s="6" t="s">
        <v>30847</v>
      </c>
      <c r="D29720" s="6"/>
      <c r="E29720" s="6" t="s">
        <v>18740</v>
      </c>
      <c r="F29720" s="7">
        <v>38657</v>
      </c>
      <c r="G29720" s="8">
        <v>190400</v>
      </c>
      <c r="H29720" s="8">
        <v>190400</v>
      </c>
      <c r="I29720" s="8">
        <v>0</v>
      </c>
      <c r="J29720" s="8">
        <v>190400</v>
      </c>
      <c r="K29720" s="9">
        <v>17</v>
      </c>
      <c r="L29720" s="6" t="s">
        <v>10</v>
      </c>
    </row>
    <row r="29721" spans="1:12">
      <c r="A29721" s="6" t="s">
        <v>30848</v>
      </c>
      <c r="B29721" s="6"/>
      <c r="C29721" s="6" t="s">
        <v>30849</v>
      </c>
      <c r="D29721" s="6"/>
      <c r="E29721" s="6" t="s">
        <v>18740</v>
      </c>
      <c r="F29721" s="7">
        <v>38657</v>
      </c>
      <c r="G29721" s="8">
        <v>51120</v>
      </c>
      <c r="H29721" s="8">
        <v>51120</v>
      </c>
      <c r="I29721" s="8">
        <v>0</v>
      </c>
      <c r="J29721" s="8">
        <v>51120</v>
      </c>
      <c r="K29721" s="9">
        <v>10</v>
      </c>
      <c r="L29721" s="6" t="s">
        <v>23</v>
      </c>
    </row>
    <row r="29722" spans="1:12">
      <c r="A29722" s="6" t="s">
        <v>30850</v>
      </c>
      <c r="B29722" s="6"/>
      <c r="C29722" s="6" t="s">
        <v>30851</v>
      </c>
      <c r="D29722" s="6"/>
      <c r="E29722" s="6" t="s">
        <v>18740</v>
      </c>
      <c r="F29722" s="7">
        <v>38657</v>
      </c>
      <c r="G29722" s="8">
        <v>23617</v>
      </c>
      <c r="H29722" s="8">
        <v>23617</v>
      </c>
      <c r="I29722" s="8">
        <v>0</v>
      </c>
      <c r="J29722" s="8">
        <v>23617</v>
      </c>
      <c r="K29722" s="9">
        <v>4.62</v>
      </c>
      <c r="L29722" s="6" t="s">
        <v>23</v>
      </c>
    </row>
    <row r="29723" spans="1:12">
      <c r="A29723" s="6" t="s">
        <v>30852</v>
      </c>
      <c r="B29723" s="6"/>
      <c r="C29723" s="6" t="s">
        <v>30853</v>
      </c>
      <c r="D29723" s="6"/>
      <c r="E29723" s="6" t="s">
        <v>18740</v>
      </c>
      <c r="F29723" s="7">
        <v>38657</v>
      </c>
      <c r="G29723" s="8">
        <v>49876</v>
      </c>
      <c r="H29723" s="8">
        <v>49876</v>
      </c>
      <c r="I29723" s="8">
        <v>0</v>
      </c>
      <c r="J29723" s="8">
        <v>49876</v>
      </c>
      <c r="K29723" s="9">
        <v>3.37</v>
      </c>
      <c r="L29723" s="6" t="s">
        <v>10</v>
      </c>
    </row>
    <row r="29724" spans="1:12">
      <c r="A29724" s="6" t="s">
        <v>30854</v>
      </c>
      <c r="B29724" s="6"/>
      <c r="C29724" s="6" t="s">
        <v>30855</v>
      </c>
      <c r="D29724" s="6"/>
      <c r="E29724" s="6" t="s">
        <v>9</v>
      </c>
      <c r="F29724" s="7">
        <v>38657</v>
      </c>
      <c r="G29724" s="8">
        <v>3680640</v>
      </c>
      <c r="H29724" s="8">
        <v>3680640</v>
      </c>
      <c r="I29724" s="8">
        <v>0</v>
      </c>
      <c r="J29724" s="8">
        <v>3680640</v>
      </c>
      <c r="K29724" s="9">
        <v>720</v>
      </c>
      <c r="L29724" s="6" t="s">
        <v>14</v>
      </c>
    </row>
    <row r="29725" spans="1:12">
      <c r="A29725" s="6" t="s">
        <v>30856</v>
      </c>
      <c r="B29725" s="6"/>
      <c r="C29725" s="6" t="s">
        <v>30857</v>
      </c>
      <c r="D29725" s="6"/>
      <c r="E29725" s="6" t="s">
        <v>18740</v>
      </c>
      <c r="F29725" s="7">
        <v>38657</v>
      </c>
      <c r="G29725" s="8">
        <v>117576</v>
      </c>
      <c r="H29725" s="8">
        <v>117576</v>
      </c>
      <c r="I29725" s="8">
        <v>0</v>
      </c>
      <c r="J29725" s="8">
        <v>117576</v>
      </c>
      <c r="K29725" s="9">
        <v>23</v>
      </c>
      <c r="L29725" s="6" t="s">
        <v>2193</v>
      </c>
    </row>
    <row r="29726" spans="1:12">
      <c r="A29726" s="6" t="s">
        <v>30858</v>
      </c>
      <c r="B29726" s="6"/>
      <c r="C29726" s="6" t="s">
        <v>30859</v>
      </c>
      <c r="D29726" s="6"/>
      <c r="E29726" s="6" t="s">
        <v>9</v>
      </c>
      <c r="F29726" s="7">
        <v>38657</v>
      </c>
      <c r="G29726" s="8">
        <v>1267776</v>
      </c>
      <c r="H29726" s="8">
        <v>1267776</v>
      </c>
      <c r="I29726" s="8">
        <v>0</v>
      </c>
      <c r="J29726" s="8">
        <v>1267776</v>
      </c>
      <c r="K29726" s="9">
        <v>248</v>
      </c>
      <c r="L29726" s="6" t="s">
        <v>14</v>
      </c>
    </row>
    <row r="29727" spans="1:12">
      <c r="A29727" s="6" t="s">
        <v>30860</v>
      </c>
      <c r="B29727" s="6"/>
      <c r="C29727" s="6" t="s">
        <v>30861</v>
      </c>
      <c r="D29727" s="6"/>
      <c r="E29727" s="6" t="s">
        <v>18740</v>
      </c>
      <c r="F29727" s="7">
        <v>38657</v>
      </c>
      <c r="G29727" s="8">
        <v>71568</v>
      </c>
      <c r="H29727" s="8">
        <v>71568</v>
      </c>
      <c r="I29727" s="8">
        <v>0</v>
      </c>
      <c r="J29727" s="8">
        <v>71568</v>
      </c>
      <c r="K29727" s="9">
        <v>14</v>
      </c>
      <c r="L29727" s="6" t="s">
        <v>23</v>
      </c>
    </row>
    <row r="29728" spans="1:12">
      <c r="A29728" s="6" t="s">
        <v>30862</v>
      </c>
      <c r="B29728" s="6"/>
      <c r="C29728" s="6" t="s">
        <v>30863</v>
      </c>
      <c r="D29728" s="6"/>
      <c r="E29728" s="6" t="s">
        <v>9</v>
      </c>
      <c r="F29728" s="7">
        <v>38657</v>
      </c>
      <c r="G29728" s="8">
        <v>669672</v>
      </c>
      <c r="H29728" s="8">
        <v>669672</v>
      </c>
      <c r="I29728" s="8">
        <v>0</v>
      </c>
      <c r="J29728" s="8">
        <v>669672</v>
      </c>
      <c r="K29728" s="9">
        <v>131</v>
      </c>
      <c r="L29728" s="6" t="s">
        <v>14</v>
      </c>
    </row>
    <row r="29729" spans="1:12">
      <c r="A29729" s="6" t="s">
        <v>30862</v>
      </c>
      <c r="B29729" s="6"/>
      <c r="C29729" s="6" t="s">
        <v>30864</v>
      </c>
      <c r="D29729" s="6"/>
      <c r="E29729" s="6" t="s">
        <v>9</v>
      </c>
      <c r="F29729" s="7">
        <v>38657</v>
      </c>
      <c r="G29729" s="8">
        <v>39771</v>
      </c>
      <c r="H29729" s="8">
        <v>39771</v>
      </c>
      <c r="I29729" s="8">
        <v>0</v>
      </c>
      <c r="J29729" s="8">
        <v>39771</v>
      </c>
      <c r="K29729" s="9">
        <v>7.78</v>
      </c>
      <c r="L29729" s="6" t="s">
        <v>14</v>
      </c>
    </row>
    <row r="29730" spans="1:12">
      <c r="A29730" s="6" t="s">
        <v>30862</v>
      </c>
      <c r="B29730" s="6"/>
      <c r="C29730" s="6" t="s">
        <v>30865</v>
      </c>
      <c r="D29730" s="6"/>
      <c r="E29730" s="6" t="s">
        <v>9</v>
      </c>
      <c r="F29730" s="7">
        <v>38657</v>
      </c>
      <c r="G29730" s="8">
        <v>332280</v>
      </c>
      <c r="H29730" s="8">
        <v>332280</v>
      </c>
      <c r="I29730" s="8">
        <v>0</v>
      </c>
      <c r="J29730" s="8">
        <v>332280</v>
      </c>
      <c r="K29730" s="9">
        <v>65</v>
      </c>
      <c r="L29730" s="6" t="s">
        <v>14</v>
      </c>
    </row>
    <row r="29731" spans="1:12">
      <c r="A29731" s="6" t="s">
        <v>30866</v>
      </c>
      <c r="B29731" s="6"/>
      <c r="C29731" s="6" t="s">
        <v>30867</v>
      </c>
      <c r="D29731" s="6"/>
      <c r="E29731" s="6" t="s">
        <v>9</v>
      </c>
      <c r="F29731" s="7">
        <v>38657</v>
      </c>
      <c r="G29731" s="8">
        <v>357840</v>
      </c>
      <c r="H29731" s="8">
        <v>357840</v>
      </c>
      <c r="I29731" s="8">
        <v>0</v>
      </c>
      <c r="J29731" s="8">
        <v>357840</v>
      </c>
      <c r="K29731" s="9">
        <v>70</v>
      </c>
      <c r="L29731" s="6" t="s">
        <v>14</v>
      </c>
    </row>
    <row r="29732" spans="1:12">
      <c r="A29732" s="6" t="s">
        <v>30868</v>
      </c>
      <c r="B29732" s="6"/>
      <c r="C29732" s="6" t="s">
        <v>30869</v>
      </c>
      <c r="D29732" s="6"/>
      <c r="E29732" s="6" t="s">
        <v>9</v>
      </c>
      <c r="F29732" s="7">
        <v>38657</v>
      </c>
      <c r="G29732" s="8">
        <v>34297267</v>
      </c>
      <c r="H29732" s="8">
        <v>34297267</v>
      </c>
      <c r="I29732" s="8">
        <v>0</v>
      </c>
      <c r="J29732" s="8">
        <v>34297267</v>
      </c>
      <c r="K29732" s="9">
        <v>2301.83</v>
      </c>
      <c r="L29732" s="6" t="s">
        <v>10</v>
      </c>
    </row>
    <row r="29733" spans="1:12">
      <c r="A29733" s="6" t="s">
        <v>30868</v>
      </c>
      <c r="B29733" s="6"/>
      <c r="C29733" s="6" t="s">
        <v>30870</v>
      </c>
      <c r="D29733" s="6"/>
      <c r="E29733" s="6" t="s">
        <v>9</v>
      </c>
      <c r="F29733" s="7">
        <v>38657</v>
      </c>
      <c r="G29733" s="8">
        <v>761092</v>
      </c>
      <c r="H29733" s="8">
        <v>761092</v>
      </c>
      <c r="I29733" s="8">
        <v>0</v>
      </c>
      <c r="J29733" s="8">
        <v>761092</v>
      </c>
      <c r="K29733" s="9">
        <v>51.08</v>
      </c>
      <c r="L29733" s="6" t="s">
        <v>10</v>
      </c>
    </row>
    <row r="29734" spans="1:12">
      <c r="A29734" s="6" t="s">
        <v>30871</v>
      </c>
      <c r="B29734" s="6"/>
      <c r="C29734" s="6" t="s">
        <v>30872</v>
      </c>
      <c r="D29734" s="6"/>
      <c r="E29734" s="6" t="s">
        <v>9</v>
      </c>
      <c r="F29734" s="7">
        <v>38657</v>
      </c>
      <c r="G29734" s="8">
        <v>17319456</v>
      </c>
      <c r="H29734" s="8">
        <v>17319456</v>
      </c>
      <c r="I29734" s="8">
        <v>0</v>
      </c>
      <c r="J29734" s="8">
        <v>17319456</v>
      </c>
      <c r="K29734" s="9">
        <v>3388</v>
      </c>
      <c r="L29734" s="6" t="s">
        <v>23</v>
      </c>
    </row>
    <row r="29735" spans="1:12">
      <c r="A29735" s="6" t="s">
        <v>30871</v>
      </c>
      <c r="B29735" s="6"/>
      <c r="C29735" s="6" t="s">
        <v>30873</v>
      </c>
      <c r="D29735" s="6"/>
      <c r="E29735" s="6" t="s">
        <v>9</v>
      </c>
      <c r="F29735" s="7">
        <v>38657</v>
      </c>
      <c r="G29735" s="8">
        <v>12626</v>
      </c>
      <c r="H29735" s="8">
        <v>12626</v>
      </c>
      <c r="I29735" s="8">
        <v>0</v>
      </c>
      <c r="J29735" s="8">
        <v>12626</v>
      </c>
      <c r="K29735" s="9">
        <v>2.4700000000000002</v>
      </c>
      <c r="L29735" s="6" t="s">
        <v>23</v>
      </c>
    </row>
    <row r="29736" spans="1:12">
      <c r="A29736" s="6" t="s">
        <v>30871</v>
      </c>
      <c r="B29736" s="6"/>
      <c r="C29736" s="6" t="s">
        <v>30874</v>
      </c>
      <c r="D29736" s="6"/>
      <c r="E29736" s="6" t="s">
        <v>9</v>
      </c>
      <c r="F29736" s="7">
        <v>38657</v>
      </c>
      <c r="G29736" s="8">
        <v>1574496</v>
      </c>
      <c r="H29736" s="8">
        <v>1574496</v>
      </c>
      <c r="I29736" s="8">
        <v>0</v>
      </c>
      <c r="J29736" s="8">
        <v>1574496</v>
      </c>
      <c r="K29736" s="9">
        <v>308</v>
      </c>
      <c r="L29736" s="6" t="s">
        <v>23</v>
      </c>
    </row>
    <row r="29737" spans="1:12">
      <c r="A29737" s="6" t="s">
        <v>30871</v>
      </c>
      <c r="B29737" s="6"/>
      <c r="C29737" s="6" t="s">
        <v>30875</v>
      </c>
      <c r="D29737" s="6"/>
      <c r="E29737" s="6" t="s">
        <v>9</v>
      </c>
      <c r="F29737" s="7">
        <v>38657</v>
      </c>
      <c r="G29737" s="8">
        <v>1497816</v>
      </c>
      <c r="H29737" s="8">
        <v>1497816</v>
      </c>
      <c r="I29737" s="8">
        <v>0</v>
      </c>
      <c r="J29737" s="8">
        <v>1497816</v>
      </c>
      <c r="K29737" s="9">
        <v>293</v>
      </c>
      <c r="L29737" s="6" t="s">
        <v>23</v>
      </c>
    </row>
    <row r="29738" spans="1:12">
      <c r="A29738" s="6" t="s">
        <v>30871</v>
      </c>
      <c r="B29738" s="6"/>
      <c r="C29738" s="6" t="s">
        <v>30876</v>
      </c>
      <c r="D29738" s="6"/>
      <c r="E29738" s="6" t="s">
        <v>9</v>
      </c>
      <c r="F29738" s="7">
        <v>38657</v>
      </c>
      <c r="G29738" s="8">
        <v>9968</v>
      </c>
      <c r="H29738" s="8">
        <v>9968</v>
      </c>
      <c r="I29738" s="8">
        <v>0</v>
      </c>
      <c r="J29738" s="8">
        <v>9968</v>
      </c>
      <c r="K29738" s="9">
        <v>1.95</v>
      </c>
      <c r="L29738" s="6" t="s">
        <v>23</v>
      </c>
    </row>
    <row r="29739" spans="1:12">
      <c r="A29739" s="6" t="s">
        <v>30871</v>
      </c>
      <c r="B29739" s="6"/>
      <c r="C29739" s="6" t="s">
        <v>30877</v>
      </c>
      <c r="D29739" s="6"/>
      <c r="E29739" s="6" t="s">
        <v>9</v>
      </c>
      <c r="F29739" s="7">
        <v>38657</v>
      </c>
      <c r="G29739" s="8">
        <v>81792</v>
      </c>
      <c r="H29739" s="8">
        <v>81792</v>
      </c>
      <c r="I29739" s="8">
        <v>0</v>
      </c>
      <c r="J29739" s="8">
        <v>81792</v>
      </c>
      <c r="K29739" s="9">
        <v>16</v>
      </c>
      <c r="L29739" s="6" t="s">
        <v>23</v>
      </c>
    </row>
    <row r="29740" spans="1:12">
      <c r="A29740" s="6" t="s">
        <v>30878</v>
      </c>
      <c r="B29740" s="6"/>
      <c r="C29740" s="6" t="s">
        <v>30879</v>
      </c>
      <c r="D29740" s="6"/>
      <c r="E29740" s="6" t="s">
        <v>18740</v>
      </c>
      <c r="F29740" s="7">
        <v>38657</v>
      </c>
      <c r="G29740" s="8">
        <v>3690864</v>
      </c>
      <c r="H29740" s="8">
        <v>3690864</v>
      </c>
      <c r="I29740" s="8">
        <v>0</v>
      </c>
      <c r="J29740" s="8">
        <v>3690864</v>
      </c>
      <c r="K29740" s="9">
        <v>722</v>
      </c>
      <c r="L29740" s="6" t="s">
        <v>23</v>
      </c>
    </row>
    <row r="29741" spans="1:12">
      <c r="A29741" s="6" t="s">
        <v>30880</v>
      </c>
      <c r="B29741" s="6"/>
      <c r="C29741" s="6" t="s">
        <v>30881</v>
      </c>
      <c r="D29741" s="6"/>
      <c r="E29741" s="6" t="s">
        <v>9</v>
      </c>
      <c r="F29741" s="7">
        <v>38657</v>
      </c>
      <c r="G29741" s="8">
        <v>47797200</v>
      </c>
      <c r="H29741" s="8">
        <v>47797200</v>
      </c>
      <c r="I29741" s="8">
        <v>0</v>
      </c>
      <c r="J29741" s="8">
        <v>47797200</v>
      </c>
      <c r="K29741" s="9">
        <v>9350</v>
      </c>
      <c r="L29741" s="6" t="s">
        <v>14</v>
      </c>
    </row>
    <row r="29742" spans="1:12">
      <c r="A29742" s="6" t="s">
        <v>30882</v>
      </c>
      <c r="B29742" s="6"/>
      <c r="C29742" s="6" t="s">
        <v>30883</v>
      </c>
      <c r="D29742" s="6"/>
      <c r="E29742" s="6" t="s">
        <v>9</v>
      </c>
      <c r="F29742" s="7">
        <v>38657</v>
      </c>
      <c r="G29742" s="8">
        <v>10183104</v>
      </c>
      <c r="H29742" s="8">
        <v>10183104</v>
      </c>
      <c r="I29742" s="8">
        <v>0</v>
      </c>
      <c r="J29742" s="8">
        <v>10183104</v>
      </c>
      <c r="K29742" s="9">
        <v>1992</v>
      </c>
      <c r="L29742" s="6" t="s">
        <v>14</v>
      </c>
    </row>
    <row r="29743" spans="1:12">
      <c r="A29743" s="6" t="s">
        <v>30884</v>
      </c>
      <c r="B29743" s="6"/>
      <c r="C29743" s="6" t="s">
        <v>30885</v>
      </c>
      <c r="D29743" s="6"/>
      <c r="E29743" s="6" t="s">
        <v>9</v>
      </c>
      <c r="F29743" s="7">
        <v>38657</v>
      </c>
      <c r="G29743" s="8">
        <v>4089600</v>
      </c>
      <c r="H29743" s="8">
        <v>4089600</v>
      </c>
      <c r="I29743" s="8">
        <v>0</v>
      </c>
      <c r="J29743" s="8">
        <v>4089600</v>
      </c>
      <c r="K29743" s="9">
        <v>800</v>
      </c>
      <c r="L29743" s="6" t="s">
        <v>14</v>
      </c>
    </row>
    <row r="29744" spans="1:12">
      <c r="A29744" s="6" t="s">
        <v>30886</v>
      </c>
      <c r="B29744" s="6"/>
      <c r="C29744" s="6" t="s">
        <v>30887</v>
      </c>
      <c r="D29744" s="6"/>
      <c r="E29744" s="6" t="s">
        <v>9</v>
      </c>
      <c r="F29744" s="7">
        <v>38657</v>
      </c>
      <c r="G29744" s="8">
        <v>3110946</v>
      </c>
      <c r="H29744" s="8">
        <v>3110946</v>
      </c>
      <c r="I29744" s="8">
        <v>0</v>
      </c>
      <c r="J29744" s="8">
        <v>3110946</v>
      </c>
      <c r="K29744" s="9">
        <v>286</v>
      </c>
      <c r="L29744" s="6" t="s">
        <v>23</v>
      </c>
    </row>
    <row r="29745" spans="1:12">
      <c r="A29745" s="6" t="s">
        <v>30886</v>
      </c>
      <c r="B29745" s="6"/>
      <c r="C29745" s="6" t="s">
        <v>30888</v>
      </c>
      <c r="D29745" s="6"/>
      <c r="E29745" s="6" t="s">
        <v>9</v>
      </c>
      <c r="F29745" s="7">
        <v>38657</v>
      </c>
      <c r="G29745" s="8">
        <v>26101872</v>
      </c>
      <c r="H29745" s="8">
        <v>26101872</v>
      </c>
      <c r="I29745" s="8">
        <v>0</v>
      </c>
      <c r="J29745" s="8">
        <v>26101872</v>
      </c>
      <c r="K29745" s="9">
        <v>5106</v>
      </c>
      <c r="L29745" s="6" t="s">
        <v>23</v>
      </c>
    </row>
    <row r="29746" spans="1:12">
      <c r="A29746" s="6" t="s">
        <v>30886</v>
      </c>
      <c r="B29746" s="6"/>
      <c r="C29746" s="6" t="s">
        <v>30889</v>
      </c>
      <c r="D29746" s="6"/>
      <c r="E29746" s="6" t="s">
        <v>9</v>
      </c>
      <c r="F29746" s="7">
        <v>38657</v>
      </c>
      <c r="G29746" s="8">
        <v>13321872</v>
      </c>
      <c r="H29746" s="8">
        <v>13321872</v>
      </c>
      <c r="I29746" s="8">
        <v>0</v>
      </c>
      <c r="J29746" s="8">
        <v>13321872</v>
      </c>
      <c r="K29746" s="9">
        <v>2606</v>
      </c>
      <c r="L29746" s="6" t="s">
        <v>23</v>
      </c>
    </row>
    <row r="29747" spans="1:12">
      <c r="A29747" s="6" t="s">
        <v>30886</v>
      </c>
      <c r="B29747" s="6"/>
      <c r="C29747" s="6" t="s">
        <v>30890</v>
      </c>
      <c r="D29747" s="6"/>
      <c r="E29747" s="6" t="s">
        <v>9</v>
      </c>
      <c r="F29747" s="7">
        <v>38657</v>
      </c>
      <c r="G29747" s="8">
        <v>38605824</v>
      </c>
      <c r="H29747" s="8">
        <v>38605824</v>
      </c>
      <c r="I29747" s="8">
        <v>0</v>
      </c>
      <c r="J29747" s="8">
        <v>38605824</v>
      </c>
      <c r="K29747" s="9">
        <v>7552</v>
      </c>
      <c r="L29747" s="6" t="s">
        <v>23</v>
      </c>
    </row>
    <row r="29748" spans="1:12">
      <c r="A29748" s="6" t="s">
        <v>30886</v>
      </c>
      <c r="B29748" s="6"/>
      <c r="C29748" s="6" t="s">
        <v>30891</v>
      </c>
      <c r="D29748" s="6"/>
      <c r="E29748" s="6" t="s">
        <v>9</v>
      </c>
      <c r="F29748" s="7">
        <v>38657</v>
      </c>
      <c r="G29748" s="8">
        <v>39791808</v>
      </c>
      <c r="H29748" s="8">
        <v>39791808</v>
      </c>
      <c r="I29748" s="8">
        <v>0</v>
      </c>
      <c r="J29748" s="8">
        <v>39791808</v>
      </c>
      <c r="K29748" s="9">
        <v>7784</v>
      </c>
      <c r="L29748" s="6" t="s">
        <v>23</v>
      </c>
    </row>
    <row r="29749" spans="1:12">
      <c r="A29749" s="6" t="s">
        <v>30886</v>
      </c>
      <c r="B29749" s="6"/>
      <c r="C29749" s="6" t="s">
        <v>30892</v>
      </c>
      <c r="D29749" s="6"/>
      <c r="E29749" s="6" t="s">
        <v>9</v>
      </c>
      <c r="F29749" s="7">
        <v>38657</v>
      </c>
      <c r="G29749" s="8">
        <v>5991264</v>
      </c>
      <c r="H29749" s="8">
        <v>5991264</v>
      </c>
      <c r="I29749" s="8">
        <v>0</v>
      </c>
      <c r="J29749" s="8">
        <v>5991264</v>
      </c>
      <c r="K29749" s="9">
        <v>1172</v>
      </c>
      <c r="L29749" s="6" t="s">
        <v>23</v>
      </c>
    </row>
    <row r="29750" spans="1:12">
      <c r="A29750" s="6" t="s">
        <v>30886</v>
      </c>
      <c r="B29750" s="6"/>
      <c r="C29750" s="6" t="s">
        <v>30893</v>
      </c>
      <c r="D29750" s="6"/>
      <c r="E29750" s="6" t="s">
        <v>9</v>
      </c>
      <c r="F29750" s="7">
        <v>38657</v>
      </c>
      <c r="G29750" s="8">
        <v>4873090</v>
      </c>
      <c r="H29750" s="8">
        <v>4873090</v>
      </c>
      <c r="I29750" s="8">
        <v>0</v>
      </c>
      <c r="J29750" s="8">
        <v>4873090</v>
      </c>
      <c r="K29750" s="9">
        <v>448</v>
      </c>
      <c r="L29750" s="6" t="s">
        <v>23</v>
      </c>
    </row>
    <row r="29751" spans="1:12">
      <c r="A29751" s="6" t="s">
        <v>30886</v>
      </c>
      <c r="B29751" s="6"/>
      <c r="C29751" s="6" t="s">
        <v>30894</v>
      </c>
      <c r="D29751" s="6"/>
      <c r="E29751" s="6" t="s">
        <v>9</v>
      </c>
      <c r="F29751" s="7">
        <v>38657</v>
      </c>
      <c r="G29751" s="8">
        <v>17839</v>
      </c>
      <c r="H29751" s="8">
        <v>17839</v>
      </c>
      <c r="I29751" s="8">
        <v>0</v>
      </c>
      <c r="J29751" s="8">
        <v>17839</v>
      </c>
      <c r="K29751" s="9">
        <v>1.64</v>
      </c>
      <c r="L29751" s="6" t="s">
        <v>23</v>
      </c>
    </row>
    <row r="29752" spans="1:12">
      <c r="A29752" s="6" t="s">
        <v>30886</v>
      </c>
      <c r="B29752" s="6"/>
      <c r="C29752" s="6" t="s">
        <v>30895</v>
      </c>
      <c r="D29752" s="6"/>
      <c r="E29752" s="6" t="s">
        <v>9</v>
      </c>
      <c r="F29752" s="7">
        <v>38657</v>
      </c>
      <c r="G29752" s="8">
        <v>75381</v>
      </c>
      <c r="H29752" s="8">
        <v>75381</v>
      </c>
      <c r="I29752" s="8">
        <v>0</v>
      </c>
      <c r="J29752" s="8">
        <v>75381</v>
      </c>
      <c r="K29752" s="9">
        <v>6.93</v>
      </c>
      <c r="L29752" s="6" t="s">
        <v>23</v>
      </c>
    </row>
    <row r="29753" spans="1:12">
      <c r="A29753" s="6" t="s">
        <v>30886</v>
      </c>
      <c r="B29753" s="6"/>
      <c r="C29753" s="6" t="s">
        <v>30896</v>
      </c>
      <c r="D29753" s="6"/>
      <c r="E29753" s="6" t="s">
        <v>9</v>
      </c>
      <c r="F29753" s="7">
        <v>38657</v>
      </c>
      <c r="G29753" s="8">
        <v>11965</v>
      </c>
      <c r="H29753" s="8">
        <v>11965</v>
      </c>
      <c r="I29753" s="8">
        <v>0</v>
      </c>
      <c r="J29753" s="8">
        <v>11965</v>
      </c>
      <c r="K29753" s="9">
        <v>1.1000000000000001</v>
      </c>
      <c r="L29753" s="6" t="s">
        <v>23</v>
      </c>
    </row>
    <row r="29754" spans="1:12">
      <c r="A29754" s="6" t="s">
        <v>30886</v>
      </c>
      <c r="B29754" s="6"/>
      <c r="C29754" s="6" t="s">
        <v>30897</v>
      </c>
      <c r="D29754" s="6"/>
      <c r="E29754" s="6" t="s">
        <v>9</v>
      </c>
      <c r="F29754" s="7">
        <v>38657</v>
      </c>
      <c r="G29754" s="8">
        <v>194256</v>
      </c>
      <c r="H29754" s="8">
        <v>194256</v>
      </c>
      <c r="I29754" s="8">
        <v>0</v>
      </c>
      <c r="J29754" s="8">
        <v>194256</v>
      </c>
      <c r="K29754" s="9">
        <v>38</v>
      </c>
      <c r="L29754" s="6" t="s">
        <v>23</v>
      </c>
    </row>
    <row r="29755" spans="1:12">
      <c r="A29755" s="6" t="s">
        <v>30886</v>
      </c>
      <c r="B29755" s="6"/>
      <c r="C29755" s="6" t="s">
        <v>30898</v>
      </c>
      <c r="D29755" s="6"/>
      <c r="E29755" s="6" t="s">
        <v>9</v>
      </c>
      <c r="F29755" s="7">
        <v>38657</v>
      </c>
      <c r="G29755" s="8">
        <v>398736</v>
      </c>
      <c r="H29755" s="8">
        <v>398736</v>
      </c>
      <c r="I29755" s="8">
        <v>0</v>
      </c>
      <c r="J29755" s="8">
        <v>398736</v>
      </c>
      <c r="K29755" s="9">
        <v>78</v>
      </c>
      <c r="L29755" s="6" t="s">
        <v>23</v>
      </c>
    </row>
    <row r="29756" spans="1:12">
      <c r="A29756" s="6" t="s">
        <v>30886</v>
      </c>
      <c r="B29756" s="6"/>
      <c r="C29756" s="6" t="s">
        <v>30899</v>
      </c>
      <c r="D29756" s="6"/>
      <c r="E29756" s="6" t="s">
        <v>9</v>
      </c>
      <c r="F29756" s="7">
        <v>38657</v>
      </c>
      <c r="G29756" s="8">
        <v>48006792</v>
      </c>
      <c r="H29756" s="8">
        <v>48006792</v>
      </c>
      <c r="I29756" s="8">
        <v>0</v>
      </c>
      <c r="J29756" s="8">
        <v>48006792</v>
      </c>
      <c r="K29756" s="9">
        <v>9391</v>
      </c>
      <c r="L29756" s="6" t="s">
        <v>23</v>
      </c>
    </row>
    <row r="29757" spans="1:12">
      <c r="A29757" s="6" t="s">
        <v>30886</v>
      </c>
      <c r="B29757" s="6"/>
      <c r="C29757" s="6" t="s">
        <v>30900</v>
      </c>
      <c r="D29757" s="6"/>
      <c r="E29757" s="6" t="s">
        <v>9</v>
      </c>
      <c r="F29757" s="7">
        <v>38657</v>
      </c>
      <c r="G29757" s="8">
        <v>62673120</v>
      </c>
      <c r="H29757" s="8">
        <v>62673120</v>
      </c>
      <c r="I29757" s="8">
        <v>0</v>
      </c>
      <c r="J29757" s="8">
        <v>62673120</v>
      </c>
      <c r="K29757" s="9">
        <v>12260</v>
      </c>
      <c r="L29757" s="6" t="s">
        <v>23</v>
      </c>
    </row>
    <row r="29758" spans="1:12">
      <c r="A29758" s="6" t="s">
        <v>30901</v>
      </c>
      <c r="B29758" s="6"/>
      <c r="C29758" s="6" t="s">
        <v>30902</v>
      </c>
      <c r="D29758" s="6"/>
      <c r="E29758" s="6" t="s">
        <v>9</v>
      </c>
      <c r="F29758" s="7">
        <v>38657</v>
      </c>
      <c r="G29758" s="8">
        <v>11277072</v>
      </c>
      <c r="H29758" s="8">
        <v>11277072</v>
      </c>
      <c r="I29758" s="8">
        <v>0</v>
      </c>
      <c r="J29758" s="8">
        <v>11277072</v>
      </c>
      <c r="K29758" s="9">
        <v>2206</v>
      </c>
      <c r="L29758" s="6" t="s">
        <v>23</v>
      </c>
    </row>
    <row r="29759" spans="1:12">
      <c r="A29759" s="6" t="s">
        <v>30903</v>
      </c>
      <c r="B29759" s="6"/>
      <c r="C29759" s="6" t="s">
        <v>30904</v>
      </c>
      <c r="D29759" s="6"/>
      <c r="E29759" s="6" t="s">
        <v>9</v>
      </c>
      <c r="F29759" s="7">
        <v>38657</v>
      </c>
      <c r="G29759" s="8">
        <v>7616880</v>
      </c>
      <c r="H29759" s="8">
        <v>7616880</v>
      </c>
      <c r="I29759" s="8">
        <v>0</v>
      </c>
      <c r="J29759" s="8">
        <v>7616880</v>
      </c>
      <c r="K29759" s="9">
        <v>1490</v>
      </c>
      <c r="L29759" s="6" t="s">
        <v>14</v>
      </c>
    </row>
    <row r="29760" spans="1:12">
      <c r="A29760" s="6" t="s">
        <v>30905</v>
      </c>
      <c r="B29760" s="6"/>
      <c r="C29760" s="6" t="s">
        <v>30906</v>
      </c>
      <c r="D29760" s="6"/>
      <c r="E29760" s="6" t="s">
        <v>9</v>
      </c>
      <c r="F29760" s="7">
        <v>38657</v>
      </c>
      <c r="G29760" s="8">
        <v>142613530</v>
      </c>
      <c r="H29760" s="8">
        <v>142613530</v>
      </c>
      <c r="I29760" s="8">
        <v>0</v>
      </c>
      <c r="J29760" s="8">
        <v>142613530</v>
      </c>
      <c r="K29760" s="9">
        <v>3907.22</v>
      </c>
      <c r="L29760" s="6" t="s">
        <v>10</v>
      </c>
    </row>
    <row r="29761" spans="1:12">
      <c r="A29761" s="6" t="s">
        <v>30905</v>
      </c>
      <c r="B29761" s="6"/>
      <c r="C29761" s="6" t="s">
        <v>30907</v>
      </c>
      <c r="D29761" s="6"/>
      <c r="E29761" s="6" t="s">
        <v>9</v>
      </c>
      <c r="F29761" s="7">
        <v>38657</v>
      </c>
      <c r="G29761" s="8">
        <v>2889705</v>
      </c>
      <c r="H29761" s="8">
        <v>2889705</v>
      </c>
      <c r="I29761" s="8">
        <v>0</v>
      </c>
      <c r="J29761" s="8">
        <v>2889705</v>
      </c>
      <c r="K29761" s="9">
        <v>79.17</v>
      </c>
      <c r="L29761" s="6" t="s">
        <v>10</v>
      </c>
    </row>
    <row r="29762" spans="1:12">
      <c r="A29762" s="6" t="s">
        <v>30905</v>
      </c>
      <c r="B29762" s="6"/>
      <c r="C29762" s="6" t="s">
        <v>30908</v>
      </c>
      <c r="D29762" s="6"/>
      <c r="E29762" s="6" t="s">
        <v>9</v>
      </c>
      <c r="F29762" s="7">
        <v>38657</v>
      </c>
      <c r="G29762" s="8">
        <v>13060795</v>
      </c>
      <c r="H29762" s="8">
        <v>13060795</v>
      </c>
      <c r="I29762" s="8">
        <v>0</v>
      </c>
      <c r="J29762" s="8">
        <v>13060795</v>
      </c>
      <c r="K29762" s="9">
        <v>357.83</v>
      </c>
      <c r="L29762" s="6" t="s">
        <v>10</v>
      </c>
    </row>
    <row r="29763" spans="1:12">
      <c r="A29763" s="6" t="s">
        <v>30905</v>
      </c>
      <c r="B29763" s="6"/>
      <c r="C29763" s="6" t="s">
        <v>30909</v>
      </c>
      <c r="D29763" s="6"/>
      <c r="E29763" s="6" t="s">
        <v>9</v>
      </c>
      <c r="F29763" s="7">
        <v>38657</v>
      </c>
      <c r="G29763" s="8">
        <v>13423970</v>
      </c>
      <c r="H29763" s="8">
        <v>13423970</v>
      </c>
      <c r="I29763" s="8">
        <v>0</v>
      </c>
      <c r="J29763" s="8">
        <v>13423970</v>
      </c>
      <c r="K29763" s="9">
        <v>367.78</v>
      </c>
      <c r="L29763" s="6" t="s">
        <v>10</v>
      </c>
    </row>
    <row r="29764" spans="1:12">
      <c r="A29764" s="6" t="s">
        <v>30905</v>
      </c>
      <c r="B29764" s="6"/>
      <c r="C29764" s="6" t="s">
        <v>30910</v>
      </c>
      <c r="D29764" s="6"/>
      <c r="E29764" s="6" t="s">
        <v>9</v>
      </c>
      <c r="F29764" s="7">
        <v>38657</v>
      </c>
      <c r="G29764" s="8">
        <v>824535</v>
      </c>
      <c r="H29764" s="8">
        <v>824535</v>
      </c>
      <c r="I29764" s="8">
        <v>0</v>
      </c>
      <c r="J29764" s="8">
        <v>824535</v>
      </c>
      <c r="K29764" s="9">
        <v>22.59</v>
      </c>
      <c r="L29764" s="6" t="s">
        <v>10</v>
      </c>
    </row>
    <row r="29765" spans="1:12">
      <c r="A29765" s="6" t="s">
        <v>30911</v>
      </c>
      <c r="B29765" s="6"/>
      <c r="C29765" s="6" t="s">
        <v>30912</v>
      </c>
      <c r="D29765" s="6"/>
      <c r="E29765" s="6" t="s">
        <v>9</v>
      </c>
      <c r="F29765" s="7">
        <v>38657</v>
      </c>
      <c r="G29765" s="8">
        <v>8981784</v>
      </c>
      <c r="H29765" s="8">
        <v>8981784</v>
      </c>
      <c r="I29765" s="8">
        <v>0</v>
      </c>
      <c r="J29765" s="8">
        <v>8981784</v>
      </c>
      <c r="K29765" s="9">
        <v>1757</v>
      </c>
      <c r="L29765" s="6" t="s">
        <v>14</v>
      </c>
    </row>
    <row r="29766" spans="1:12">
      <c r="A29766" s="6" t="s">
        <v>30913</v>
      </c>
      <c r="B29766" s="6"/>
      <c r="C29766" s="6" t="s">
        <v>30914</v>
      </c>
      <c r="D29766" s="6"/>
      <c r="E29766" s="6" t="s">
        <v>9</v>
      </c>
      <c r="F29766" s="7">
        <v>38657</v>
      </c>
      <c r="G29766" s="8">
        <v>51120000</v>
      </c>
      <c r="H29766" s="8">
        <v>51120000</v>
      </c>
      <c r="I29766" s="8">
        <v>0</v>
      </c>
      <c r="J29766" s="8">
        <v>51120000</v>
      </c>
      <c r="K29766" s="9">
        <v>10000</v>
      </c>
      <c r="L29766" s="6" t="s">
        <v>14</v>
      </c>
    </row>
    <row r="29767" spans="1:12">
      <c r="A29767" s="6" t="s">
        <v>30915</v>
      </c>
      <c r="B29767" s="6"/>
      <c r="C29767" s="6" t="s">
        <v>30916</v>
      </c>
      <c r="D29767" s="6"/>
      <c r="E29767" s="6" t="s">
        <v>9</v>
      </c>
      <c r="F29767" s="7">
        <v>38657</v>
      </c>
      <c r="G29767" s="8">
        <v>8690400</v>
      </c>
      <c r="H29767" s="8">
        <v>8690400</v>
      </c>
      <c r="I29767" s="8">
        <v>0</v>
      </c>
      <c r="J29767" s="8">
        <v>8690400</v>
      </c>
      <c r="K29767" s="9">
        <v>1700</v>
      </c>
      <c r="L29767" s="6" t="s">
        <v>14</v>
      </c>
    </row>
    <row r="29768" spans="1:12">
      <c r="A29768" s="6" t="s">
        <v>30917</v>
      </c>
      <c r="B29768" s="6"/>
      <c r="C29768" s="6" t="s">
        <v>30918</v>
      </c>
      <c r="D29768" s="6"/>
      <c r="E29768" s="6" t="s">
        <v>18740</v>
      </c>
      <c r="F29768" s="7">
        <v>38657</v>
      </c>
      <c r="G29768" s="8">
        <v>6180915</v>
      </c>
      <c r="H29768" s="8">
        <v>6180915</v>
      </c>
      <c r="I29768" s="8">
        <v>0</v>
      </c>
      <c r="J29768" s="8">
        <v>6180915</v>
      </c>
      <c r="K29768" s="9">
        <v>426.27</v>
      </c>
      <c r="L29768" s="6" t="s">
        <v>10</v>
      </c>
    </row>
    <row r="29769" spans="1:12">
      <c r="A29769" s="6" t="s">
        <v>30919</v>
      </c>
      <c r="B29769" s="6"/>
      <c r="C29769" s="6" t="s">
        <v>30920</v>
      </c>
      <c r="D29769" s="6"/>
      <c r="E29769" s="6" t="s">
        <v>9</v>
      </c>
      <c r="F29769" s="7">
        <v>38657</v>
      </c>
      <c r="G29769" s="8">
        <v>3067200</v>
      </c>
      <c r="H29769" s="8">
        <v>3067200</v>
      </c>
      <c r="I29769" s="8">
        <v>0</v>
      </c>
      <c r="J29769" s="8">
        <v>3067200</v>
      </c>
      <c r="K29769" s="9">
        <v>600</v>
      </c>
      <c r="L29769" s="6" t="s">
        <v>14</v>
      </c>
    </row>
    <row r="29770" spans="1:12">
      <c r="A29770" s="6" t="s">
        <v>30921</v>
      </c>
      <c r="B29770" s="6"/>
      <c r="C29770" s="6" t="s">
        <v>30922</v>
      </c>
      <c r="D29770" s="6"/>
      <c r="E29770" s="6" t="s">
        <v>9</v>
      </c>
      <c r="F29770" s="7">
        <v>38657</v>
      </c>
      <c r="G29770" s="8">
        <v>37573200</v>
      </c>
      <c r="H29770" s="8">
        <v>37573200</v>
      </c>
      <c r="I29770" s="8">
        <v>0</v>
      </c>
      <c r="J29770" s="8">
        <v>37573200</v>
      </c>
      <c r="K29770" s="9">
        <v>7350</v>
      </c>
      <c r="L29770" s="6" t="s">
        <v>14</v>
      </c>
    </row>
    <row r="29771" spans="1:12">
      <c r="A29771" s="6" t="s">
        <v>30923</v>
      </c>
      <c r="B29771" s="6"/>
      <c r="C29771" s="6" t="s">
        <v>30924</v>
      </c>
      <c r="D29771" s="6"/>
      <c r="E29771" s="6" t="s">
        <v>9</v>
      </c>
      <c r="F29771" s="7">
        <v>38657</v>
      </c>
      <c r="G29771" s="8">
        <v>64666800</v>
      </c>
      <c r="H29771" s="8">
        <v>64666800</v>
      </c>
      <c r="I29771" s="8">
        <v>0</v>
      </c>
      <c r="J29771" s="8">
        <v>64666800</v>
      </c>
      <c r="K29771" s="9">
        <v>12650</v>
      </c>
      <c r="L29771" s="6" t="s">
        <v>14</v>
      </c>
    </row>
    <row r="29772" spans="1:12">
      <c r="A29772" s="6" t="s">
        <v>30925</v>
      </c>
      <c r="B29772" s="6"/>
      <c r="C29772" s="6" t="s">
        <v>30926</v>
      </c>
      <c r="D29772" s="6"/>
      <c r="E29772" s="6" t="s">
        <v>18740</v>
      </c>
      <c r="F29772" s="7">
        <v>38657</v>
      </c>
      <c r="G29772" s="8">
        <v>1609935</v>
      </c>
      <c r="H29772" s="8">
        <v>1609935</v>
      </c>
      <c r="I29772" s="8">
        <v>0</v>
      </c>
      <c r="J29772" s="8">
        <v>1609935</v>
      </c>
      <c r="K29772" s="9">
        <v>111.03</v>
      </c>
      <c r="L29772" s="6" t="s">
        <v>10</v>
      </c>
    </row>
    <row r="29773" spans="1:12">
      <c r="A29773" s="6" t="s">
        <v>30927</v>
      </c>
      <c r="B29773" s="6"/>
      <c r="C29773" s="6" t="s">
        <v>30928</v>
      </c>
      <c r="D29773" s="6"/>
      <c r="E29773" s="6" t="s">
        <v>18740</v>
      </c>
      <c r="F29773" s="7">
        <v>38657</v>
      </c>
      <c r="G29773" s="8">
        <v>2834260</v>
      </c>
      <c r="H29773" s="8">
        <v>2834260</v>
      </c>
      <c r="I29773" s="8">
        <v>0</v>
      </c>
      <c r="J29773" s="8">
        <v>2834260</v>
      </c>
      <c r="K29773" s="9">
        <v>218.02</v>
      </c>
      <c r="L29773" s="6" t="s">
        <v>10</v>
      </c>
    </row>
    <row r="29774" spans="1:12">
      <c r="A29774" s="6" t="s">
        <v>30929</v>
      </c>
      <c r="B29774" s="6"/>
      <c r="C29774" s="6" t="s">
        <v>30930</v>
      </c>
      <c r="D29774" s="6"/>
      <c r="E29774" s="6" t="s">
        <v>18740</v>
      </c>
      <c r="F29774" s="7">
        <v>38657</v>
      </c>
      <c r="G29774" s="8">
        <v>56232</v>
      </c>
      <c r="H29774" s="8">
        <v>56232</v>
      </c>
      <c r="I29774" s="8">
        <v>0</v>
      </c>
      <c r="J29774" s="8">
        <v>56232</v>
      </c>
      <c r="K29774" s="9">
        <v>11</v>
      </c>
      <c r="L29774" s="6" t="s">
        <v>23</v>
      </c>
    </row>
    <row r="29775" spans="1:12">
      <c r="A29775" s="6" t="s">
        <v>30931</v>
      </c>
      <c r="B29775" s="6"/>
      <c r="C29775" s="6" t="s">
        <v>30932</v>
      </c>
      <c r="D29775" s="6"/>
      <c r="E29775" s="6" t="s">
        <v>9</v>
      </c>
      <c r="F29775" s="7">
        <v>38657</v>
      </c>
      <c r="G29775" s="8">
        <v>552000</v>
      </c>
      <c r="H29775" s="8">
        <v>552000</v>
      </c>
      <c r="I29775" s="8">
        <v>0</v>
      </c>
      <c r="J29775" s="8">
        <v>552000</v>
      </c>
      <c r="K29775" s="9">
        <v>16</v>
      </c>
      <c r="L29775" s="6" t="s">
        <v>10</v>
      </c>
    </row>
    <row r="29776" spans="1:12">
      <c r="A29776" s="6" t="s">
        <v>30931</v>
      </c>
      <c r="B29776" s="6"/>
      <c r="C29776" s="6" t="s">
        <v>30933</v>
      </c>
      <c r="D29776" s="6"/>
      <c r="E29776" s="6" t="s">
        <v>9</v>
      </c>
      <c r="F29776" s="7">
        <v>38657</v>
      </c>
      <c r="G29776" s="8">
        <v>4105500</v>
      </c>
      <c r="H29776" s="8">
        <v>4105500</v>
      </c>
      <c r="I29776" s="8">
        <v>0</v>
      </c>
      <c r="J29776" s="8">
        <v>4105500</v>
      </c>
      <c r="K29776" s="9">
        <v>119</v>
      </c>
      <c r="L29776" s="6" t="s">
        <v>10</v>
      </c>
    </row>
    <row r="29777" spans="1:12">
      <c r="A29777" s="6" t="s">
        <v>30931</v>
      </c>
      <c r="B29777" s="6"/>
      <c r="C29777" s="6" t="s">
        <v>30934</v>
      </c>
      <c r="D29777" s="6"/>
      <c r="E29777" s="6" t="s">
        <v>9</v>
      </c>
      <c r="F29777" s="7">
        <v>38657</v>
      </c>
      <c r="G29777" s="8">
        <v>35708880</v>
      </c>
      <c r="H29777" s="8">
        <v>35708880</v>
      </c>
      <c r="I29777" s="8">
        <v>0</v>
      </c>
      <c r="J29777" s="8">
        <v>35708880</v>
      </c>
      <c r="K29777" s="9">
        <v>1035.04</v>
      </c>
      <c r="L29777" s="6" t="s">
        <v>10</v>
      </c>
    </row>
    <row r="29778" spans="1:12">
      <c r="A29778" s="6" t="s">
        <v>30935</v>
      </c>
      <c r="B29778" s="6"/>
      <c r="C29778" s="6" t="s">
        <v>30936</v>
      </c>
      <c r="D29778" s="6"/>
      <c r="E29778" s="6" t="s">
        <v>18740</v>
      </c>
      <c r="F29778" s="7">
        <v>38657</v>
      </c>
      <c r="G29778" s="8">
        <v>28729</v>
      </c>
      <c r="H29778" s="8">
        <v>28729</v>
      </c>
      <c r="I29778" s="8">
        <v>0</v>
      </c>
      <c r="J29778" s="8">
        <v>28729</v>
      </c>
      <c r="K29778" s="9">
        <v>5.62</v>
      </c>
      <c r="L29778" s="6" t="s">
        <v>23</v>
      </c>
    </row>
    <row r="29779" spans="1:12">
      <c r="A29779" s="6" t="s">
        <v>30937</v>
      </c>
      <c r="B29779" s="6"/>
      <c r="C29779" s="6" t="s">
        <v>30938</v>
      </c>
      <c r="D29779" s="6"/>
      <c r="E29779" s="6" t="s">
        <v>9</v>
      </c>
      <c r="F29779" s="7">
        <v>38657</v>
      </c>
      <c r="G29779" s="8">
        <v>1758528</v>
      </c>
      <c r="H29779" s="8">
        <v>1758528</v>
      </c>
      <c r="I29779" s="8">
        <v>0</v>
      </c>
      <c r="J29779" s="8">
        <v>1758528</v>
      </c>
      <c r="K29779" s="9">
        <v>344</v>
      </c>
      <c r="L29779" s="6" t="s">
        <v>14</v>
      </c>
    </row>
    <row r="29780" spans="1:12">
      <c r="A29780" s="6" t="s">
        <v>30939</v>
      </c>
      <c r="B29780" s="6"/>
      <c r="C29780" s="6" t="s">
        <v>30940</v>
      </c>
      <c r="D29780" s="6"/>
      <c r="E29780" s="6" t="s">
        <v>18740</v>
      </c>
      <c r="F29780" s="7">
        <v>38657</v>
      </c>
      <c r="G29780" s="8">
        <v>926035</v>
      </c>
      <c r="H29780" s="8">
        <v>926035</v>
      </c>
      <c r="I29780" s="8">
        <v>0</v>
      </c>
      <c r="J29780" s="8">
        <v>926035</v>
      </c>
      <c r="K29780" s="9">
        <v>81.95</v>
      </c>
      <c r="L29780" s="6" t="s">
        <v>10</v>
      </c>
    </row>
    <row r="29781" spans="1:12">
      <c r="A29781" s="6" t="s">
        <v>30939</v>
      </c>
      <c r="B29781" s="6"/>
      <c r="C29781" s="6" t="s">
        <v>30941</v>
      </c>
      <c r="D29781" s="6"/>
      <c r="E29781" s="6" t="s">
        <v>18740</v>
      </c>
      <c r="F29781" s="7">
        <v>38657</v>
      </c>
      <c r="G29781" s="8">
        <v>260465</v>
      </c>
      <c r="H29781" s="8">
        <v>260465</v>
      </c>
      <c r="I29781" s="8">
        <v>0</v>
      </c>
      <c r="J29781" s="8">
        <v>260465</v>
      </c>
      <c r="K29781" s="9">
        <v>23.05</v>
      </c>
      <c r="L29781" s="6" t="s">
        <v>10</v>
      </c>
    </row>
    <row r="29782" spans="1:12">
      <c r="A29782" s="6" t="s">
        <v>30942</v>
      </c>
      <c r="B29782" s="6"/>
      <c r="C29782" s="6" t="s">
        <v>30943</v>
      </c>
      <c r="D29782" s="6"/>
      <c r="E29782" s="6" t="s">
        <v>9</v>
      </c>
      <c r="F29782" s="7">
        <v>38657</v>
      </c>
      <c r="G29782" s="8">
        <v>14201136</v>
      </c>
      <c r="H29782" s="8">
        <v>14201136</v>
      </c>
      <c r="I29782" s="8">
        <v>0</v>
      </c>
      <c r="J29782" s="8">
        <v>14201136</v>
      </c>
      <c r="K29782" s="9">
        <v>2778</v>
      </c>
      <c r="L29782" s="6" t="s">
        <v>14</v>
      </c>
    </row>
    <row r="29783" spans="1:12">
      <c r="A29783" s="6" t="s">
        <v>30944</v>
      </c>
      <c r="B29783" s="6"/>
      <c r="C29783" s="6" t="s">
        <v>30945</v>
      </c>
      <c r="D29783" s="6"/>
      <c r="E29783" s="6" t="s">
        <v>18740</v>
      </c>
      <c r="F29783" s="7">
        <v>38657</v>
      </c>
      <c r="G29783" s="8">
        <v>71568</v>
      </c>
      <c r="H29783" s="8">
        <v>71568</v>
      </c>
      <c r="I29783" s="8">
        <v>0</v>
      </c>
      <c r="J29783" s="8">
        <v>71568</v>
      </c>
      <c r="K29783" s="9">
        <v>14</v>
      </c>
      <c r="L29783" s="6" t="s">
        <v>23</v>
      </c>
    </row>
    <row r="29784" spans="1:12">
      <c r="A29784" s="6" t="s">
        <v>30946</v>
      </c>
      <c r="B29784" s="6"/>
      <c r="C29784" s="6" t="s">
        <v>30947</v>
      </c>
      <c r="D29784" s="6"/>
      <c r="E29784" s="6" t="s">
        <v>18740</v>
      </c>
      <c r="F29784" s="7">
        <v>38657</v>
      </c>
      <c r="G29784" s="8">
        <v>86904</v>
      </c>
      <c r="H29784" s="8">
        <v>86904</v>
      </c>
      <c r="I29784" s="8">
        <v>0</v>
      </c>
      <c r="J29784" s="8">
        <v>86904</v>
      </c>
      <c r="K29784" s="9">
        <v>17</v>
      </c>
      <c r="L29784" s="6" t="s">
        <v>23</v>
      </c>
    </row>
    <row r="29785" spans="1:12">
      <c r="A29785" s="6" t="s">
        <v>30948</v>
      </c>
      <c r="B29785" s="6"/>
      <c r="C29785" s="6" t="s">
        <v>30949</v>
      </c>
      <c r="D29785" s="6"/>
      <c r="E29785" s="6" t="s">
        <v>18740</v>
      </c>
      <c r="F29785" s="7">
        <v>38657</v>
      </c>
      <c r="G29785" s="8">
        <v>99100</v>
      </c>
      <c r="H29785" s="8">
        <v>99100</v>
      </c>
      <c r="I29785" s="8">
        <v>0</v>
      </c>
      <c r="J29785" s="8">
        <v>99100</v>
      </c>
      <c r="K29785" s="9">
        <v>9.91</v>
      </c>
      <c r="L29785" s="6" t="s">
        <v>10</v>
      </c>
    </row>
    <row r="29786" spans="1:12">
      <c r="A29786" s="6" t="s">
        <v>30948</v>
      </c>
      <c r="B29786" s="6"/>
      <c r="C29786" s="6" t="s">
        <v>30950</v>
      </c>
      <c r="D29786" s="6"/>
      <c r="E29786" s="6" t="s">
        <v>18740</v>
      </c>
      <c r="F29786" s="7">
        <v>38657</v>
      </c>
      <c r="G29786" s="8">
        <v>2091700</v>
      </c>
      <c r="H29786" s="8">
        <v>2091700</v>
      </c>
      <c r="I29786" s="8">
        <v>0</v>
      </c>
      <c r="J29786" s="8">
        <v>2091700</v>
      </c>
      <c r="K29786" s="9">
        <v>209.17</v>
      </c>
      <c r="L29786" s="6" t="s">
        <v>10</v>
      </c>
    </row>
    <row r="29787" spans="1:12">
      <c r="A29787" s="6" t="s">
        <v>30951</v>
      </c>
      <c r="B29787" s="6"/>
      <c r="C29787" s="6" t="s">
        <v>30952</v>
      </c>
      <c r="D29787" s="6"/>
      <c r="E29787" s="6" t="s">
        <v>18740</v>
      </c>
      <c r="F29787" s="7">
        <v>38657</v>
      </c>
      <c r="G29787" s="8">
        <v>76680</v>
      </c>
      <c r="H29787" s="8">
        <v>76680</v>
      </c>
      <c r="I29787" s="8">
        <v>0</v>
      </c>
      <c r="J29787" s="8">
        <v>76680</v>
      </c>
      <c r="K29787" s="9">
        <v>15</v>
      </c>
      <c r="L29787" s="6" t="s">
        <v>23</v>
      </c>
    </row>
    <row r="29788" spans="1:12">
      <c r="A29788" s="6" t="s">
        <v>30953</v>
      </c>
      <c r="B29788" s="6"/>
      <c r="C29788" s="6" t="s">
        <v>30954</v>
      </c>
      <c r="D29788" s="6"/>
      <c r="E29788" s="6" t="s">
        <v>18740</v>
      </c>
      <c r="F29788" s="7">
        <v>38657</v>
      </c>
      <c r="G29788" s="8">
        <v>86904</v>
      </c>
      <c r="H29788" s="8">
        <v>86904</v>
      </c>
      <c r="I29788" s="8">
        <v>0</v>
      </c>
      <c r="J29788" s="8">
        <v>86904</v>
      </c>
      <c r="K29788" s="9">
        <v>17</v>
      </c>
      <c r="L29788" s="6" t="s">
        <v>23</v>
      </c>
    </row>
    <row r="29789" spans="1:12">
      <c r="A29789" s="6" t="s">
        <v>30955</v>
      </c>
      <c r="B29789" s="6"/>
      <c r="C29789" s="6" t="s">
        <v>30956</v>
      </c>
      <c r="D29789" s="6"/>
      <c r="E29789" s="6" t="s">
        <v>18740</v>
      </c>
      <c r="F29789" s="7">
        <v>38657</v>
      </c>
      <c r="G29789" s="8">
        <v>16562</v>
      </c>
      <c r="H29789" s="8">
        <v>16562</v>
      </c>
      <c r="I29789" s="8">
        <v>0</v>
      </c>
      <c r="J29789" s="8">
        <v>16562</v>
      </c>
      <c r="K29789" s="9">
        <v>3.24</v>
      </c>
      <c r="L29789" s="6" t="s">
        <v>23</v>
      </c>
    </row>
    <row r="29790" spans="1:12">
      <c r="A29790" s="6" t="s">
        <v>30955</v>
      </c>
      <c r="B29790" s="6"/>
      <c r="C29790" s="6" t="s">
        <v>30957</v>
      </c>
      <c r="D29790" s="6"/>
      <c r="E29790" s="6" t="s">
        <v>18740</v>
      </c>
      <c r="F29790" s="7">
        <v>38657</v>
      </c>
      <c r="G29790" s="8">
        <v>11655</v>
      </c>
      <c r="H29790" s="8">
        <v>11655</v>
      </c>
      <c r="I29790" s="8">
        <v>0</v>
      </c>
      <c r="J29790" s="8">
        <v>11655</v>
      </c>
      <c r="K29790" s="9">
        <v>2.27999999999999</v>
      </c>
      <c r="L29790" s="6" t="s">
        <v>23</v>
      </c>
    </row>
    <row r="29791" spans="1:12">
      <c r="A29791" s="6" t="s">
        <v>30958</v>
      </c>
      <c r="B29791" s="6"/>
      <c r="C29791" s="6" t="s">
        <v>30959</v>
      </c>
      <c r="D29791" s="6"/>
      <c r="E29791" s="6" t="s">
        <v>9</v>
      </c>
      <c r="F29791" s="7">
        <v>38657</v>
      </c>
      <c r="G29791" s="8">
        <v>22866000</v>
      </c>
      <c r="H29791" s="8">
        <v>22866000</v>
      </c>
      <c r="I29791" s="8">
        <v>0</v>
      </c>
      <c r="J29791" s="8">
        <v>22866000</v>
      </c>
      <c r="K29791" s="9">
        <v>1236</v>
      </c>
      <c r="L29791" s="6" t="s">
        <v>10</v>
      </c>
    </row>
    <row r="29792" spans="1:12">
      <c r="A29792" s="6" t="s">
        <v>30958</v>
      </c>
      <c r="B29792" s="6"/>
      <c r="C29792" s="6" t="s">
        <v>30960</v>
      </c>
      <c r="D29792" s="6"/>
      <c r="E29792" s="6" t="s">
        <v>9</v>
      </c>
      <c r="F29792" s="7">
        <v>38657</v>
      </c>
      <c r="G29792" s="8">
        <v>22866000</v>
      </c>
      <c r="H29792" s="8">
        <v>22866000</v>
      </c>
      <c r="I29792" s="8">
        <v>0</v>
      </c>
      <c r="J29792" s="8">
        <v>22866000</v>
      </c>
      <c r="K29792" s="9">
        <v>1236</v>
      </c>
      <c r="L29792" s="6" t="s">
        <v>10</v>
      </c>
    </row>
    <row r="29793" spans="1:12">
      <c r="A29793" s="6" t="s">
        <v>30958</v>
      </c>
      <c r="B29793" s="6"/>
      <c r="C29793" s="6" t="s">
        <v>30961</v>
      </c>
      <c r="D29793" s="6"/>
      <c r="E29793" s="6" t="s">
        <v>9</v>
      </c>
      <c r="F29793" s="7">
        <v>38657</v>
      </c>
      <c r="G29793" s="8">
        <v>22866000</v>
      </c>
      <c r="H29793" s="8">
        <v>22866000</v>
      </c>
      <c r="I29793" s="8">
        <v>0</v>
      </c>
      <c r="J29793" s="8">
        <v>22866000</v>
      </c>
      <c r="K29793" s="9">
        <v>1236</v>
      </c>
      <c r="L29793" s="6" t="s">
        <v>10</v>
      </c>
    </row>
    <row r="29794" spans="1:12">
      <c r="A29794" s="6" t="s">
        <v>30958</v>
      </c>
      <c r="B29794" s="6"/>
      <c r="C29794" s="6" t="s">
        <v>30962</v>
      </c>
      <c r="D29794" s="6"/>
      <c r="E29794" s="6" t="s">
        <v>9</v>
      </c>
      <c r="F29794" s="7">
        <v>38657</v>
      </c>
      <c r="G29794" s="8">
        <v>22884500</v>
      </c>
      <c r="H29794" s="8">
        <v>22884500</v>
      </c>
      <c r="I29794" s="8">
        <v>0</v>
      </c>
      <c r="J29794" s="8">
        <v>22884500</v>
      </c>
      <c r="K29794" s="9">
        <v>1237</v>
      </c>
      <c r="L29794" s="6" t="s">
        <v>10</v>
      </c>
    </row>
    <row r="29795" spans="1:12">
      <c r="A29795" s="6" t="s">
        <v>30958</v>
      </c>
      <c r="B29795" s="6"/>
      <c r="C29795" s="6" t="s">
        <v>30963</v>
      </c>
      <c r="D29795" s="6"/>
      <c r="E29795" s="6" t="s">
        <v>9</v>
      </c>
      <c r="F29795" s="7">
        <v>38657</v>
      </c>
      <c r="G29795" s="8">
        <v>22884500</v>
      </c>
      <c r="H29795" s="8">
        <v>22884500</v>
      </c>
      <c r="I29795" s="8">
        <v>0</v>
      </c>
      <c r="J29795" s="8">
        <v>22884500</v>
      </c>
      <c r="K29795" s="9">
        <v>1237</v>
      </c>
      <c r="L29795" s="6" t="s">
        <v>10</v>
      </c>
    </row>
    <row r="29796" spans="1:12">
      <c r="A29796" s="6" t="s">
        <v>30958</v>
      </c>
      <c r="B29796" s="6"/>
      <c r="C29796" s="6" t="s">
        <v>30964</v>
      </c>
      <c r="D29796" s="6"/>
      <c r="E29796" s="6" t="s">
        <v>9</v>
      </c>
      <c r="F29796" s="7">
        <v>38657</v>
      </c>
      <c r="G29796" s="8">
        <v>22884500</v>
      </c>
      <c r="H29796" s="8">
        <v>22884500</v>
      </c>
      <c r="I29796" s="8">
        <v>0</v>
      </c>
      <c r="J29796" s="8">
        <v>22884500</v>
      </c>
      <c r="K29796" s="9">
        <v>1237</v>
      </c>
      <c r="L29796" s="6" t="s">
        <v>10</v>
      </c>
    </row>
    <row r="29797" spans="1:12">
      <c r="A29797" s="6" t="s">
        <v>30958</v>
      </c>
      <c r="B29797" s="6"/>
      <c r="C29797" s="6" t="s">
        <v>30965</v>
      </c>
      <c r="D29797" s="6"/>
      <c r="E29797" s="6" t="s">
        <v>9</v>
      </c>
      <c r="F29797" s="7">
        <v>38657</v>
      </c>
      <c r="G29797" s="8">
        <v>22884500</v>
      </c>
      <c r="H29797" s="8">
        <v>22884500</v>
      </c>
      <c r="I29797" s="8">
        <v>0</v>
      </c>
      <c r="J29797" s="8">
        <v>22884500</v>
      </c>
      <c r="K29797" s="9">
        <v>1237</v>
      </c>
      <c r="L29797" s="6" t="s">
        <v>10</v>
      </c>
    </row>
    <row r="29798" spans="1:12">
      <c r="A29798" s="6" t="s">
        <v>30958</v>
      </c>
      <c r="B29798" s="6"/>
      <c r="C29798" s="6" t="s">
        <v>30966</v>
      </c>
      <c r="D29798" s="6"/>
      <c r="E29798" s="6" t="s">
        <v>9</v>
      </c>
      <c r="F29798" s="7">
        <v>38657</v>
      </c>
      <c r="G29798" s="8">
        <v>22884500</v>
      </c>
      <c r="H29798" s="8">
        <v>22884500</v>
      </c>
      <c r="I29798" s="8">
        <v>0</v>
      </c>
      <c r="J29798" s="8">
        <v>22884500</v>
      </c>
      <c r="K29798" s="9">
        <v>1237</v>
      </c>
      <c r="L29798" s="6" t="s">
        <v>10</v>
      </c>
    </row>
    <row r="29799" spans="1:12">
      <c r="A29799" s="6" t="s">
        <v>30967</v>
      </c>
      <c r="B29799" s="6"/>
      <c r="C29799" s="6" t="s">
        <v>30968</v>
      </c>
      <c r="D29799" s="6"/>
      <c r="E29799" s="6" t="s">
        <v>9</v>
      </c>
      <c r="F29799" s="7">
        <v>38657</v>
      </c>
      <c r="G29799" s="8">
        <v>14213000</v>
      </c>
      <c r="H29799" s="8">
        <v>14213000</v>
      </c>
      <c r="I29799" s="8">
        <v>0</v>
      </c>
      <c r="J29799" s="8">
        <v>14213000</v>
      </c>
      <c r="K29799" s="9">
        <v>1165</v>
      </c>
      <c r="L29799" s="6" t="s">
        <v>10</v>
      </c>
    </row>
    <row r="29800" spans="1:12">
      <c r="A29800" s="6" t="s">
        <v>30967</v>
      </c>
      <c r="B29800" s="6"/>
      <c r="C29800" s="6" t="s">
        <v>30969</v>
      </c>
      <c r="D29800" s="6"/>
      <c r="E29800" s="6" t="s">
        <v>9</v>
      </c>
      <c r="F29800" s="7">
        <v>38657</v>
      </c>
      <c r="G29800" s="8">
        <v>8344800</v>
      </c>
      <c r="H29800" s="8">
        <v>8344800</v>
      </c>
      <c r="I29800" s="8">
        <v>0</v>
      </c>
      <c r="J29800" s="8">
        <v>8344800</v>
      </c>
      <c r="K29800" s="9">
        <v>684</v>
      </c>
      <c r="L29800" s="6" t="s">
        <v>10</v>
      </c>
    </row>
    <row r="29801" spans="1:12">
      <c r="A29801" s="6" t="s">
        <v>30967</v>
      </c>
      <c r="B29801" s="6"/>
      <c r="C29801" s="6" t="s">
        <v>30970</v>
      </c>
      <c r="D29801" s="6"/>
      <c r="E29801" s="6" t="s">
        <v>9</v>
      </c>
      <c r="F29801" s="7">
        <v>38657</v>
      </c>
      <c r="G29801" s="8">
        <v>8137400</v>
      </c>
      <c r="H29801" s="8">
        <v>8137400</v>
      </c>
      <c r="I29801" s="8">
        <v>0</v>
      </c>
      <c r="J29801" s="8">
        <v>8137400</v>
      </c>
      <c r="K29801" s="9">
        <v>667</v>
      </c>
      <c r="L29801" s="6" t="s">
        <v>10</v>
      </c>
    </row>
    <row r="29802" spans="1:12">
      <c r="A29802" s="6" t="s">
        <v>30967</v>
      </c>
      <c r="B29802" s="6"/>
      <c r="C29802" s="6" t="s">
        <v>30971</v>
      </c>
      <c r="D29802" s="6"/>
      <c r="E29802" s="6" t="s">
        <v>9</v>
      </c>
      <c r="F29802" s="7">
        <v>38657</v>
      </c>
      <c r="G29802" s="8">
        <v>5782800</v>
      </c>
      <c r="H29802" s="8">
        <v>5782800</v>
      </c>
      <c r="I29802" s="8">
        <v>0</v>
      </c>
      <c r="J29802" s="8">
        <v>5782800</v>
      </c>
      <c r="K29802" s="9">
        <v>474</v>
      </c>
      <c r="L29802" s="6" t="s">
        <v>10</v>
      </c>
    </row>
    <row r="29803" spans="1:12">
      <c r="A29803" s="6" t="s">
        <v>30967</v>
      </c>
      <c r="B29803" s="6"/>
      <c r="C29803" s="6" t="s">
        <v>30972</v>
      </c>
      <c r="D29803" s="6"/>
      <c r="E29803" s="6" t="s">
        <v>9</v>
      </c>
      <c r="F29803" s="7">
        <v>38657</v>
      </c>
      <c r="G29803" s="8">
        <v>13310200</v>
      </c>
      <c r="H29803" s="8">
        <v>13310200</v>
      </c>
      <c r="I29803" s="8">
        <v>0</v>
      </c>
      <c r="J29803" s="8">
        <v>13310200</v>
      </c>
      <c r="K29803" s="9">
        <v>1091</v>
      </c>
      <c r="L29803" s="6" t="s">
        <v>10</v>
      </c>
    </row>
    <row r="29804" spans="1:12">
      <c r="A29804" s="6" t="s">
        <v>30973</v>
      </c>
      <c r="B29804" s="6"/>
      <c r="C29804" s="6" t="s">
        <v>30974</v>
      </c>
      <c r="D29804" s="6"/>
      <c r="E29804" s="6" t="s">
        <v>18740</v>
      </c>
      <c r="F29804" s="7">
        <v>38657</v>
      </c>
      <c r="G29804" s="8">
        <v>102240</v>
      </c>
      <c r="H29804" s="8">
        <v>102240</v>
      </c>
      <c r="I29804" s="8">
        <v>0</v>
      </c>
      <c r="J29804" s="8">
        <v>102240</v>
      </c>
      <c r="K29804" s="9">
        <v>20</v>
      </c>
      <c r="L29804" s="6" t="s">
        <v>23</v>
      </c>
    </row>
    <row r="29805" spans="1:12">
      <c r="A29805" s="6" t="s">
        <v>30975</v>
      </c>
      <c r="B29805" s="6"/>
      <c r="C29805" s="6" t="s">
        <v>30976</v>
      </c>
      <c r="D29805" s="6"/>
      <c r="E29805" s="6" t="s">
        <v>18740</v>
      </c>
      <c r="F29805" s="7">
        <v>38657</v>
      </c>
      <c r="G29805" s="8">
        <v>71568</v>
      </c>
      <c r="H29805" s="8">
        <v>71568</v>
      </c>
      <c r="I29805" s="8">
        <v>0</v>
      </c>
      <c r="J29805" s="8">
        <v>71568</v>
      </c>
      <c r="K29805" s="9">
        <v>14</v>
      </c>
      <c r="L29805" s="6" t="s">
        <v>23</v>
      </c>
    </row>
    <row r="29806" spans="1:12">
      <c r="A29806" s="6" t="s">
        <v>30977</v>
      </c>
      <c r="B29806" s="6"/>
      <c r="C29806" s="6" t="s">
        <v>30978</v>
      </c>
      <c r="D29806" s="6"/>
      <c r="E29806" s="6" t="s">
        <v>18740</v>
      </c>
      <c r="F29806" s="7">
        <v>38657</v>
      </c>
      <c r="G29806" s="8">
        <v>66456</v>
      </c>
      <c r="H29806" s="8">
        <v>66456</v>
      </c>
      <c r="I29806" s="8">
        <v>0</v>
      </c>
      <c r="J29806" s="8">
        <v>66456</v>
      </c>
      <c r="K29806" s="9">
        <v>13</v>
      </c>
      <c r="L29806" s="6" t="s">
        <v>23</v>
      </c>
    </row>
    <row r="29807" spans="1:12">
      <c r="A29807" s="6" t="s">
        <v>30979</v>
      </c>
      <c r="B29807" s="6"/>
      <c r="C29807" s="6" t="s">
        <v>30980</v>
      </c>
      <c r="D29807" s="6"/>
      <c r="E29807" s="6" t="s">
        <v>18740</v>
      </c>
      <c r="F29807" s="7">
        <v>38657</v>
      </c>
      <c r="G29807" s="8">
        <v>61344</v>
      </c>
      <c r="H29807" s="8">
        <v>61344</v>
      </c>
      <c r="I29807" s="8">
        <v>0</v>
      </c>
      <c r="J29807" s="8">
        <v>61344</v>
      </c>
      <c r="K29807" s="9">
        <v>12</v>
      </c>
      <c r="L29807" s="6" t="s">
        <v>23</v>
      </c>
    </row>
    <row r="29808" spans="1:12">
      <c r="A29808" s="6" t="s">
        <v>30981</v>
      </c>
      <c r="B29808" s="6"/>
      <c r="C29808" s="6" t="s">
        <v>30982</v>
      </c>
      <c r="D29808" s="6"/>
      <c r="E29808" s="6" t="s">
        <v>18740</v>
      </c>
      <c r="F29808" s="7">
        <v>38657</v>
      </c>
      <c r="G29808" s="8">
        <v>86904</v>
      </c>
      <c r="H29808" s="8">
        <v>86904</v>
      </c>
      <c r="I29808" s="8">
        <v>0</v>
      </c>
      <c r="J29808" s="8">
        <v>86904</v>
      </c>
      <c r="K29808" s="9">
        <v>17</v>
      </c>
      <c r="L29808" s="6" t="s">
        <v>23</v>
      </c>
    </row>
    <row r="29809" spans="1:12">
      <c r="A29809" s="6" t="s">
        <v>30983</v>
      </c>
      <c r="B29809" s="6"/>
      <c r="C29809" s="6" t="s">
        <v>30984</v>
      </c>
      <c r="D29809" s="6"/>
      <c r="E29809" s="6" t="s">
        <v>18740</v>
      </c>
      <c r="F29809" s="7">
        <v>38657</v>
      </c>
      <c r="G29809" s="8">
        <v>107352</v>
      </c>
      <c r="H29809" s="8">
        <v>107352</v>
      </c>
      <c r="I29809" s="8">
        <v>0</v>
      </c>
      <c r="J29809" s="8">
        <v>107352</v>
      </c>
      <c r="K29809" s="9">
        <v>21</v>
      </c>
      <c r="L29809" s="6" t="s">
        <v>23</v>
      </c>
    </row>
    <row r="29810" spans="1:12">
      <c r="A29810" s="6" t="s">
        <v>30985</v>
      </c>
      <c r="B29810" s="6"/>
      <c r="C29810" s="6" t="s">
        <v>30986</v>
      </c>
      <c r="D29810" s="6"/>
      <c r="E29810" s="6" t="s">
        <v>9</v>
      </c>
      <c r="F29810" s="7">
        <v>38657</v>
      </c>
      <c r="G29810" s="8">
        <v>2980296</v>
      </c>
      <c r="H29810" s="8">
        <v>2980296</v>
      </c>
      <c r="I29810" s="8">
        <v>0</v>
      </c>
      <c r="J29810" s="8">
        <v>2980296</v>
      </c>
      <c r="K29810" s="9">
        <v>583</v>
      </c>
      <c r="L29810" s="6" t="s">
        <v>23</v>
      </c>
    </row>
    <row r="29811" spans="1:12">
      <c r="A29811" s="6" t="s">
        <v>30987</v>
      </c>
      <c r="B29811" s="6"/>
      <c r="C29811" s="6" t="s">
        <v>30988</v>
      </c>
      <c r="D29811" s="6"/>
      <c r="E29811" s="6" t="s">
        <v>18740</v>
      </c>
      <c r="F29811" s="7">
        <v>38657</v>
      </c>
      <c r="G29811" s="8">
        <v>863928</v>
      </c>
      <c r="H29811" s="8">
        <v>863928</v>
      </c>
      <c r="I29811" s="8">
        <v>0</v>
      </c>
      <c r="J29811" s="8">
        <v>863928</v>
      </c>
      <c r="K29811" s="9">
        <v>169</v>
      </c>
      <c r="L29811" s="6" t="s">
        <v>23</v>
      </c>
    </row>
    <row r="29812" spans="1:12">
      <c r="A29812" s="6" t="s">
        <v>30989</v>
      </c>
      <c r="B29812" s="6"/>
      <c r="C29812" s="6" t="s">
        <v>30990</v>
      </c>
      <c r="D29812" s="6"/>
      <c r="E29812" s="6" t="s">
        <v>18740</v>
      </c>
      <c r="F29812" s="7">
        <v>38657</v>
      </c>
      <c r="G29812" s="8">
        <v>219816</v>
      </c>
      <c r="H29812" s="8">
        <v>219816</v>
      </c>
      <c r="I29812" s="8">
        <v>0</v>
      </c>
      <c r="J29812" s="8">
        <v>219816</v>
      </c>
      <c r="K29812" s="9">
        <v>43</v>
      </c>
      <c r="L29812" s="6" t="s">
        <v>23</v>
      </c>
    </row>
    <row r="29813" spans="1:12">
      <c r="A29813" s="6" t="s">
        <v>30991</v>
      </c>
      <c r="B29813" s="6"/>
      <c r="C29813" s="6" t="s">
        <v>30992</v>
      </c>
      <c r="D29813" s="6"/>
      <c r="E29813" s="6" t="s">
        <v>18740</v>
      </c>
      <c r="F29813" s="7">
        <v>38657</v>
      </c>
      <c r="G29813" s="8">
        <v>511200</v>
      </c>
      <c r="H29813" s="8">
        <v>511200</v>
      </c>
      <c r="I29813" s="8">
        <v>0</v>
      </c>
      <c r="J29813" s="8">
        <v>511200</v>
      </c>
      <c r="K29813" s="9">
        <v>100</v>
      </c>
      <c r="L29813" s="6" t="s">
        <v>23</v>
      </c>
    </row>
    <row r="29814" spans="1:12">
      <c r="A29814" s="6" t="s">
        <v>30993</v>
      </c>
      <c r="B29814" s="6"/>
      <c r="C29814" s="6" t="s">
        <v>30994</v>
      </c>
      <c r="D29814" s="6"/>
      <c r="E29814" s="6" t="s">
        <v>9</v>
      </c>
      <c r="F29814" s="7">
        <v>38657</v>
      </c>
      <c r="G29814" s="8">
        <v>8286552</v>
      </c>
      <c r="H29814" s="8">
        <v>8286552</v>
      </c>
      <c r="I29814" s="8">
        <v>0</v>
      </c>
      <c r="J29814" s="8">
        <v>8286552</v>
      </c>
      <c r="K29814" s="9">
        <v>1621</v>
      </c>
      <c r="L29814" s="6" t="s">
        <v>14</v>
      </c>
    </row>
    <row r="29815" spans="1:12">
      <c r="A29815" s="6" t="s">
        <v>30995</v>
      </c>
      <c r="B29815" s="6"/>
      <c r="C29815" s="6" t="s">
        <v>30996</v>
      </c>
      <c r="D29815" s="6"/>
      <c r="E29815" s="6" t="s">
        <v>18740</v>
      </c>
      <c r="F29815" s="7">
        <v>38657</v>
      </c>
      <c r="G29815" s="8">
        <v>581000</v>
      </c>
      <c r="H29815" s="8">
        <v>581000</v>
      </c>
      <c r="I29815" s="8">
        <v>0</v>
      </c>
      <c r="J29815" s="8">
        <v>581000</v>
      </c>
      <c r="K29815" s="9">
        <v>70</v>
      </c>
      <c r="L29815" s="6" t="s">
        <v>10</v>
      </c>
    </row>
    <row r="29816" spans="1:12">
      <c r="A29816" s="6" t="s">
        <v>30997</v>
      </c>
      <c r="B29816" s="6"/>
      <c r="C29816" s="6" t="s">
        <v>30998</v>
      </c>
      <c r="D29816" s="6"/>
      <c r="E29816" s="6" t="s">
        <v>18740</v>
      </c>
      <c r="F29816" s="7">
        <v>38657</v>
      </c>
      <c r="G29816" s="8">
        <v>356236</v>
      </c>
      <c r="H29816" s="8">
        <v>356236</v>
      </c>
      <c r="I29816" s="8">
        <v>0</v>
      </c>
      <c r="J29816" s="8">
        <v>356236</v>
      </c>
      <c r="K29816" s="9">
        <v>42.92</v>
      </c>
      <c r="L29816" s="6" t="s">
        <v>10</v>
      </c>
    </row>
    <row r="29817" spans="1:12">
      <c r="A29817" s="6" t="s">
        <v>30999</v>
      </c>
      <c r="B29817" s="6"/>
      <c r="C29817" s="6" t="s">
        <v>31000</v>
      </c>
      <c r="D29817" s="6"/>
      <c r="E29817" s="6" t="s">
        <v>18740</v>
      </c>
      <c r="F29817" s="7">
        <v>38657</v>
      </c>
      <c r="G29817" s="8">
        <v>1201320</v>
      </c>
      <c r="H29817" s="8">
        <v>1201320</v>
      </c>
      <c r="I29817" s="8">
        <v>0</v>
      </c>
      <c r="J29817" s="8">
        <v>1201320</v>
      </c>
      <c r="K29817" s="9">
        <v>235</v>
      </c>
      <c r="L29817" s="6" t="s">
        <v>23</v>
      </c>
    </row>
    <row r="29818" spans="1:12">
      <c r="A29818" s="6" t="s">
        <v>31001</v>
      </c>
      <c r="B29818" s="6"/>
      <c r="C29818" s="6" t="s">
        <v>31002</v>
      </c>
      <c r="D29818" s="6"/>
      <c r="E29818" s="6" t="s">
        <v>18740</v>
      </c>
      <c r="F29818" s="7">
        <v>38657</v>
      </c>
      <c r="G29818" s="8">
        <v>127800</v>
      </c>
      <c r="H29818" s="8">
        <v>127800</v>
      </c>
      <c r="I29818" s="8">
        <v>0</v>
      </c>
      <c r="J29818" s="8">
        <v>127800</v>
      </c>
      <c r="K29818" s="9">
        <v>25</v>
      </c>
      <c r="L29818" s="6" t="s">
        <v>23</v>
      </c>
    </row>
    <row r="29819" spans="1:12">
      <c r="A29819" s="6" t="s">
        <v>31003</v>
      </c>
      <c r="B29819" s="6"/>
      <c r="C29819" s="6" t="s">
        <v>31004</v>
      </c>
      <c r="D29819" s="6"/>
      <c r="E29819" s="6" t="s">
        <v>9</v>
      </c>
      <c r="F29819" s="7">
        <v>38657</v>
      </c>
      <c r="G29819" s="8">
        <v>654336</v>
      </c>
      <c r="H29819" s="8">
        <v>654336</v>
      </c>
      <c r="I29819" s="8">
        <v>0</v>
      </c>
      <c r="J29819" s="8">
        <v>654336</v>
      </c>
      <c r="K29819" s="9">
        <v>128</v>
      </c>
      <c r="L29819" s="6" t="s">
        <v>14</v>
      </c>
    </row>
    <row r="29820" spans="1:12">
      <c r="A29820" s="6" t="s">
        <v>31003</v>
      </c>
      <c r="B29820" s="6"/>
      <c r="C29820" s="6" t="s">
        <v>31005</v>
      </c>
      <c r="D29820" s="6"/>
      <c r="E29820" s="6" t="s">
        <v>9</v>
      </c>
      <c r="F29820" s="7">
        <v>38657</v>
      </c>
      <c r="G29820" s="8">
        <v>1860768</v>
      </c>
      <c r="H29820" s="8">
        <v>1860768</v>
      </c>
      <c r="I29820" s="8">
        <v>0</v>
      </c>
      <c r="J29820" s="8">
        <v>1860768</v>
      </c>
      <c r="K29820" s="9">
        <v>364</v>
      </c>
      <c r="L29820" s="6" t="s">
        <v>14</v>
      </c>
    </row>
    <row r="29821" spans="1:12">
      <c r="A29821" s="6" t="s">
        <v>31003</v>
      </c>
      <c r="B29821" s="6"/>
      <c r="C29821" s="6" t="s">
        <v>31006</v>
      </c>
      <c r="D29821" s="6"/>
      <c r="E29821" s="6" t="s">
        <v>9</v>
      </c>
      <c r="F29821" s="7">
        <v>38657</v>
      </c>
      <c r="G29821" s="8">
        <v>2484432</v>
      </c>
      <c r="H29821" s="8">
        <v>2484432</v>
      </c>
      <c r="I29821" s="8">
        <v>0</v>
      </c>
      <c r="J29821" s="8">
        <v>2484432</v>
      </c>
      <c r="K29821" s="9">
        <v>486</v>
      </c>
      <c r="L29821" s="6" t="s">
        <v>14</v>
      </c>
    </row>
    <row r="29822" spans="1:12">
      <c r="A29822" s="6" t="s">
        <v>31003</v>
      </c>
      <c r="B29822" s="6"/>
      <c r="C29822" s="6" t="s">
        <v>31007</v>
      </c>
      <c r="D29822" s="6"/>
      <c r="E29822" s="6" t="s">
        <v>9</v>
      </c>
      <c r="F29822" s="7">
        <v>38657</v>
      </c>
      <c r="G29822" s="8">
        <v>5306256</v>
      </c>
      <c r="H29822" s="8">
        <v>5306256</v>
      </c>
      <c r="I29822" s="8">
        <v>0</v>
      </c>
      <c r="J29822" s="8">
        <v>5306256</v>
      </c>
      <c r="K29822" s="9">
        <v>1038</v>
      </c>
      <c r="L29822" s="6" t="s">
        <v>14</v>
      </c>
    </row>
    <row r="29823" spans="1:12">
      <c r="A29823" s="6" t="s">
        <v>31008</v>
      </c>
      <c r="B29823" s="6"/>
      <c r="C29823" s="6" t="s">
        <v>31009</v>
      </c>
      <c r="D29823" s="6"/>
      <c r="E29823" s="6" t="s">
        <v>9</v>
      </c>
      <c r="F29823" s="7">
        <v>38657</v>
      </c>
      <c r="G29823" s="8">
        <v>10689192</v>
      </c>
      <c r="H29823" s="8">
        <v>10689192</v>
      </c>
      <c r="I29823" s="8">
        <v>0</v>
      </c>
      <c r="J29823" s="8">
        <v>10689192</v>
      </c>
      <c r="K29823" s="9">
        <v>2091</v>
      </c>
      <c r="L29823" s="6" t="s">
        <v>14</v>
      </c>
    </row>
    <row r="29824" spans="1:12">
      <c r="A29824" s="6" t="s">
        <v>31010</v>
      </c>
      <c r="B29824" s="6"/>
      <c r="C29824" s="6" t="s">
        <v>31011</v>
      </c>
      <c r="D29824" s="6"/>
      <c r="E29824" s="6" t="s">
        <v>18740</v>
      </c>
      <c r="F29824" s="7">
        <v>38657</v>
      </c>
      <c r="G29824" s="8">
        <v>13372992</v>
      </c>
      <c r="H29824" s="8">
        <v>13372992</v>
      </c>
      <c r="I29824" s="8">
        <v>0</v>
      </c>
      <c r="J29824" s="8">
        <v>13372992</v>
      </c>
      <c r="K29824" s="9">
        <v>2616</v>
      </c>
      <c r="L29824" s="6" t="s">
        <v>23</v>
      </c>
    </row>
    <row r="29825" spans="1:12">
      <c r="A29825" s="6" t="s">
        <v>31010</v>
      </c>
      <c r="B29825" s="6"/>
      <c r="C29825" s="6" t="s">
        <v>31012</v>
      </c>
      <c r="D29825" s="6"/>
      <c r="E29825" s="6" t="s">
        <v>18740</v>
      </c>
      <c r="F29825" s="7">
        <v>38657</v>
      </c>
      <c r="G29825" s="8">
        <v>311832</v>
      </c>
      <c r="H29825" s="8">
        <v>311832</v>
      </c>
      <c r="I29825" s="8">
        <v>0</v>
      </c>
      <c r="J29825" s="8">
        <v>311832</v>
      </c>
      <c r="K29825" s="9">
        <v>61</v>
      </c>
      <c r="L29825" s="6" t="s">
        <v>23</v>
      </c>
    </row>
    <row r="29826" spans="1:12">
      <c r="A29826" s="6" t="s">
        <v>31010</v>
      </c>
      <c r="B29826" s="6"/>
      <c r="C29826" s="6" t="s">
        <v>31013</v>
      </c>
      <c r="D29826" s="6"/>
      <c r="E29826" s="6" t="s">
        <v>18740</v>
      </c>
      <c r="F29826" s="7">
        <v>38657</v>
      </c>
      <c r="G29826" s="8">
        <v>383400</v>
      </c>
      <c r="H29826" s="8">
        <v>383400</v>
      </c>
      <c r="I29826" s="8">
        <v>0</v>
      </c>
      <c r="J29826" s="8">
        <v>383400</v>
      </c>
      <c r="K29826" s="9">
        <v>75</v>
      </c>
      <c r="L29826" s="6" t="s">
        <v>23</v>
      </c>
    </row>
    <row r="29827" spans="1:12">
      <c r="A29827" s="6" t="s">
        <v>31010</v>
      </c>
      <c r="B29827" s="6"/>
      <c r="C29827" s="6" t="s">
        <v>31014</v>
      </c>
      <c r="D29827" s="6"/>
      <c r="E29827" s="6" t="s">
        <v>18740</v>
      </c>
      <c r="F29827" s="7">
        <v>38657</v>
      </c>
      <c r="G29827" s="8">
        <v>194256</v>
      </c>
      <c r="H29827" s="8">
        <v>194256</v>
      </c>
      <c r="I29827" s="8">
        <v>0</v>
      </c>
      <c r="J29827" s="8">
        <v>194256</v>
      </c>
      <c r="K29827" s="9">
        <v>38</v>
      </c>
      <c r="L29827" s="6" t="s">
        <v>23</v>
      </c>
    </row>
    <row r="29828" spans="1:12">
      <c r="A29828" s="6" t="s">
        <v>31010</v>
      </c>
      <c r="B29828" s="6"/>
      <c r="C29828" s="6" t="s">
        <v>31015</v>
      </c>
      <c r="D29828" s="6"/>
      <c r="E29828" s="6" t="s">
        <v>18740</v>
      </c>
      <c r="F29828" s="7">
        <v>38657</v>
      </c>
      <c r="G29828" s="8">
        <v>1467144</v>
      </c>
      <c r="H29828" s="8">
        <v>1467144</v>
      </c>
      <c r="I29828" s="8">
        <v>0</v>
      </c>
      <c r="J29828" s="8">
        <v>1467144</v>
      </c>
      <c r="K29828" s="9">
        <v>287</v>
      </c>
      <c r="L29828" s="6" t="s">
        <v>23</v>
      </c>
    </row>
    <row r="29829" spans="1:12">
      <c r="A29829" s="6" t="s">
        <v>31010</v>
      </c>
      <c r="B29829" s="6"/>
      <c r="C29829" s="6" t="s">
        <v>31016</v>
      </c>
      <c r="D29829" s="6"/>
      <c r="E29829" s="6" t="s">
        <v>18740</v>
      </c>
      <c r="F29829" s="7">
        <v>38657</v>
      </c>
      <c r="G29829" s="8">
        <v>306720</v>
      </c>
      <c r="H29829" s="8">
        <v>306720</v>
      </c>
      <c r="I29829" s="8">
        <v>0</v>
      </c>
      <c r="J29829" s="8">
        <v>306720</v>
      </c>
      <c r="K29829" s="9">
        <v>60</v>
      </c>
      <c r="L29829" s="6" t="s">
        <v>23</v>
      </c>
    </row>
    <row r="29830" spans="1:12">
      <c r="A29830" s="6" t="s">
        <v>31010</v>
      </c>
      <c r="B29830" s="6"/>
      <c r="C29830" s="6" t="s">
        <v>31017</v>
      </c>
      <c r="D29830" s="6"/>
      <c r="E29830" s="6" t="s">
        <v>18740</v>
      </c>
      <c r="F29830" s="7">
        <v>38657</v>
      </c>
      <c r="G29830" s="8">
        <v>388512</v>
      </c>
      <c r="H29830" s="8">
        <v>388512</v>
      </c>
      <c r="I29830" s="8">
        <v>0</v>
      </c>
      <c r="J29830" s="8">
        <v>388512</v>
      </c>
      <c r="K29830" s="9">
        <v>76</v>
      </c>
      <c r="L29830" s="6" t="s">
        <v>23</v>
      </c>
    </row>
    <row r="29831" spans="1:12">
      <c r="A29831" s="6" t="s">
        <v>31010</v>
      </c>
      <c r="B29831" s="6"/>
      <c r="C29831" s="6" t="s">
        <v>31018</v>
      </c>
      <c r="D29831" s="6"/>
      <c r="E29831" s="6" t="s">
        <v>18740</v>
      </c>
      <c r="F29831" s="7">
        <v>38657</v>
      </c>
      <c r="G29831" s="8">
        <v>117576</v>
      </c>
      <c r="H29831" s="8">
        <v>117576</v>
      </c>
      <c r="I29831" s="8">
        <v>0</v>
      </c>
      <c r="J29831" s="8">
        <v>117576</v>
      </c>
      <c r="K29831" s="9">
        <v>23</v>
      </c>
      <c r="L29831" s="6" t="s">
        <v>23</v>
      </c>
    </row>
    <row r="29832" spans="1:12">
      <c r="A29832" s="6" t="s">
        <v>31010</v>
      </c>
      <c r="B29832" s="6"/>
      <c r="C29832" s="6" t="s">
        <v>31019</v>
      </c>
      <c r="D29832" s="6"/>
      <c r="E29832" s="6" t="s">
        <v>18740</v>
      </c>
      <c r="F29832" s="7">
        <v>38657</v>
      </c>
      <c r="G29832" s="8">
        <v>577656</v>
      </c>
      <c r="H29832" s="8">
        <v>577656</v>
      </c>
      <c r="I29832" s="8">
        <v>0</v>
      </c>
      <c r="J29832" s="8">
        <v>577656</v>
      </c>
      <c r="K29832" s="9">
        <v>113</v>
      </c>
      <c r="L29832" s="6" t="s">
        <v>23</v>
      </c>
    </row>
    <row r="29833" spans="1:12">
      <c r="A29833" s="6" t="s">
        <v>31010</v>
      </c>
      <c r="B29833" s="6"/>
      <c r="C29833" s="6" t="s">
        <v>31020</v>
      </c>
      <c r="D29833" s="6"/>
      <c r="E29833" s="6" t="s">
        <v>18740</v>
      </c>
      <c r="F29833" s="7">
        <v>38657</v>
      </c>
      <c r="G29833" s="8">
        <v>194256</v>
      </c>
      <c r="H29833" s="8">
        <v>194256</v>
      </c>
      <c r="I29833" s="8">
        <v>0</v>
      </c>
      <c r="J29833" s="8">
        <v>194256</v>
      </c>
      <c r="K29833" s="9">
        <v>38</v>
      </c>
      <c r="L29833" s="6" t="s">
        <v>23</v>
      </c>
    </row>
    <row r="29834" spans="1:12">
      <c r="A29834" s="6" t="s">
        <v>31010</v>
      </c>
      <c r="B29834" s="6"/>
      <c r="C29834" s="6" t="s">
        <v>31021</v>
      </c>
      <c r="D29834" s="6"/>
      <c r="E29834" s="6" t="s">
        <v>18740</v>
      </c>
      <c r="F29834" s="7">
        <v>38657</v>
      </c>
      <c r="G29834" s="8">
        <v>511200</v>
      </c>
      <c r="H29834" s="8">
        <v>511200</v>
      </c>
      <c r="I29834" s="8">
        <v>0</v>
      </c>
      <c r="J29834" s="8">
        <v>511200</v>
      </c>
      <c r="K29834" s="9">
        <v>100</v>
      </c>
      <c r="L29834" s="6" t="s">
        <v>23</v>
      </c>
    </row>
    <row r="29835" spans="1:12">
      <c r="A29835" s="6" t="s">
        <v>31010</v>
      </c>
      <c r="B29835" s="6"/>
      <c r="C29835" s="6" t="s">
        <v>31022</v>
      </c>
      <c r="D29835" s="6"/>
      <c r="E29835" s="6" t="s">
        <v>18740</v>
      </c>
      <c r="F29835" s="7">
        <v>38657</v>
      </c>
      <c r="G29835" s="8">
        <v>1252440</v>
      </c>
      <c r="H29835" s="8">
        <v>1252440</v>
      </c>
      <c r="I29835" s="8">
        <v>0</v>
      </c>
      <c r="J29835" s="8">
        <v>1252440</v>
      </c>
      <c r="K29835" s="9">
        <v>245</v>
      </c>
      <c r="L29835" s="6" t="s">
        <v>23</v>
      </c>
    </row>
    <row r="29836" spans="1:12">
      <c r="A29836" s="6" t="s">
        <v>31010</v>
      </c>
      <c r="B29836" s="6"/>
      <c r="C29836" s="6" t="s">
        <v>31023</v>
      </c>
      <c r="D29836" s="6"/>
      <c r="E29836" s="6" t="s">
        <v>18740</v>
      </c>
      <c r="F29836" s="7">
        <v>38657</v>
      </c>
      <c r="G29836" s="8">
        <v>153360</v>
      </c>
      <c r="H29836" s="8">
        <v>153360</v>
      </c>
      <c r="I29836" s="8">
        <v>0</v>
      </c>
      <c r="J29836" s="8">
        <v>153360</v>
      </c>
      <c r="K29836" s="9">
        <v>30</v>
      </c>
      <c r="L29836" s="6" t="s">
        <v>23</v>
      </c>
    </row>
    <row r="29837" spans="1:12">
      <c r="A29837" s="6" t="s">
        <v>31010</v>
      </c>
      <c r="B29837" s="6"/>
      <c r="C29837" s="6" t="s">
        <v>31024</v>
      </c>
      <c r="D29837" s="6"/>
      <c r="E29837" s="6" t="s">
        <v>18740</v>
      </c>
      <c r="F29837" s="7">
        <v>38657</v>
      </c>
      <c r="G29837" s="8">
        <v>485640</v>
      </c>
      <c r="H29837" s="8">
        <v>485640</v>
      </c>
      <c r="I29837" s="8">
        <v>0</v>
      </c>
      <c r="J29837" s="8">
        <v>485640</v>
      </c>
      <c r="K29837" s="9">
        <v>95</v>
      </c>
      <c r="L29837" s="6" t="s">
        <v>23</v>
      </c>
    </row>
    <row r="29838" spans="1:12">
      <c r="A29838" s="6" t="s">
        <v>31010</v>
      </c>
      <c r="B29838" s="6"/>
      <c r="C29838" s="6" t="s">
        <v>31025</v>
      </c>
      <c r="D29838" s="6"/>
      <c r="E29838" s="6" t="s">
        <v>18740</v>
      </c>
      <c r="F29838" s="7">
        <v>38657</v>
      </c>
      <c r="G29838" s="8">
        <v>541872</v>
      </c>
      <c r="H29838" s="8">
        <v>541872</v>
      </c>
      <c r="I29838" s="8">
        <v>0</v>
      </c>
      <c r="J29838" s="8">
        <v>541872</v>
      </c>
      <c r="K29838" s="9">
        <v>106</v>
      </c>
      <c r="L29838" s="6" t="s">
        <v>23</v>
      </c>
    </row>
    <row r="29839" spans="1:12">
      <c r="A29839" s="6" t="s">
        <v>31010</v>
      </c>
      <c r="B29839" s="6"/>
      <c r="C29839" s="6" t="s">
        <v>31026</v>
      </c>
      <c r="D29839" s="6"/>
      <c r="E29839" s="6" t="s">
        <v>18740</v>
      </c>
      <c r="F29839" s="7">
        <v>38657</v>
      </c>
      <c r="G29839" s="8">
        <v>97128</v>
      </c>
      <c r="H29839" s="8">
        <v>97128</v>
      </c>
      <c r="I29839" s="8">
        <v>0</v>
      </c>
      <c r="J29839" s="8">
        <v>97128</v>
      </c>
      <c r="K29839" s="9">
        <v>19</v>
      </c>
      <c r="L29839" s="6" t="s">
        <v>23</v>
      </c>
    </row>
    <row r="29840" spans="1:12">
      <c r="A29840" s="6" t="s">
        <v>31010</v>
      </c>
      <c r="B29840" s="6"/>
      <c r="C29840" s="6" t="s">
        <v>31027</v>
      </c>
      <c r="D29840" s="6"/>
      <c r="E29840" s="6" t="s">
        <v>18740</v>
      </c>
      <c r="F29840" s="7">
        <v>38657</v>
      </c>
      <c r="G29840" s="8">
        <v>800000</v>
      </c>
      <c r="H29840" s="8">
        <v>800000</v>
      </c>
      <c r="I29840" s="8">
        <v>0</v>
      </c>
      <c r="J29840" s="8">
        <v>800000</v>
      </c>
      <c r="K29840" s="9">
        <v>64</v>
      </c>
      <c r="L29840" s="6" t="s">
        <v>10</v>
      </c>
    </row>
    <row r="29841" spans="1:12">
      <c r="A29841" s="6" t="s">
        <v>31010</v>
      </c>
      <c r="B29841" s="6"/>
      <c r="C29841" s="6" t="s">
        <v>31028</v>
      </c>
      <c r="D29841" s="6"/>
      <c r="E29841" s="6" t="s">
        <v>18740</v>
      </c>
      <c r="F29841" s="7">
        <v>38657</v>
      </c>
      <c r="G29841" s="8">
        <v>1250000</v>
      </c>
      <c r="H29841" s="8">
        <v>1250000</v>
      </c>
      <c r="I29841" s="8">
        <v>0</v>
      </c>
      <c r="J29841" s="8">
        <v>1250000</v>
      </c>
      <c r="K29841" s="9">
        <v>100</v>
      </c>
      <c r="L29841" s="6" t="s">
        <v>10</v>
      </c>
    </row>
    <row r="29842" spans="1:12">
      <c r="A29842" s="6" t="s">
        <v>31010</v>
      </c>
      <c r="B29842" s="6"/>
      <c r="C29842" s="6" t="s">
        <v>31029</v>
      </c>
      <c r="D29842" s="6"/>
      <c r="E29842" s="6" t="s">
        <v>18740</v>
      </c>
      <c r="F29842" s="7">
        <v>38657</v>
      </c>
      <c r="G29842" s="8">
        <v>637500</v>
      </c>
      <c r="H29842" s="8">
        <v>637500</v>
      </c>
      <c r="I29842" s="8">
        <v>0</v>
      </c>
      <c r="J29842" s="8">
        <v>637500</v>
      </c>
      <c r="K29842" s="9">
        <v>51</v>
      </c>
      <c r="L29842" s="6" t="s">
        <v>10</v>
      </c>
    </row>
    <row r="29843" spans="1:12">
      <c r="A29843" s="6" t="s">
        <v>31010</v>
      </c>
      <c r="B29843" s="6"/>
      <c r="C29843" s="6" t="s">
        <v>31030</v>
      </c>
      <c r="D29843" s="6"/>
      <c r="E29843" s="6" t="s">
        <v>18740</v>
      </c>
      <c r="F29843" s="7">
        <v>38657</v>
      </c>
      <c r="G29843" s="8">
        <v>812500</v>
      </c>
      <c r="H29843" s="8">
        <v>812500</v>
      </c>
      <c r="I29843" s="8">
        <v>0</v>
      </c>
      <c r="J29843" s="8">
        <v>812500</v>
      </c>
      <c r="K29843" s="9">
        <v>65</v>
      </c>
      <c r="L29843" s="6" t="s">
        <v>10</v>
      </c>
    </row>
    <row r="29844" spans="1:12">
      <c r="A29844" s="6" t="s">
        <v>31010</v>
      </c>
      <c r="B29844" s="6"/>
      <c r="C29844" s="6" t="s">
        <v>31031</v>
      </c>
      <c r="D29844" s="6"/>
      <c r="E29844" s="6" t="s">
        <v>18740</v>
      </c>
      <c r="F29844" s="7">
        <v>38657</v>
      </c>
      <c r="G29844" s="8">
        <v>800000</v>
      </c>
      <c r="H29844" s="8">
        <v>800000</v>
      </c>
      <c r="I29844" s="8">
        <v>0</v>
      </c>
      <c r="J29844" s="8">
        <v>800000</v>
      </c>
      <c r="K29844" s="9">
        <v>64</v>
      </c>
      <c r="L29844" s="6" t="s">
        <v>10</v>
      </c>
    </row>
    <row r="29845" spans="1:12">
      <c r="A29845" s="6" t="s">
        <v>31010</v>
      </c>
      <c r="B29845" s="6"/>
      <c r="C29845" s="6" t="s">
        <v>31032</v>
      </c>
      <c r="D29845" s="6"/>
      <c r="E29845" s="6" t="s">
        <v>18740</v>
      </c>
      <c r="F29845" s="7">
        <v>38657</v>
      </c>
      <c r="G29845" s="8">
        <v>837500</v>
      </c>
      <c r="H29845" s="8">
        <v>837500</v>
      </c>
      <c r="I29845" s="8">
        <v>0</v>
      </c>
      <c r="J29845" s="8">
        <v>837500</v>
      </c>
      <c r="K29845" s="9">
        <v>67</v>
      </c>
      <c r="L29845" s="6" t="s">
        <v>10</v>
      </c>
    </row>
    <row r="29846" spans="1:12">
      <c r="A29846" s="6" t="s">
        <v>31010</v>
      </c>
      <c r="B29846" s="6"/>
      <c r="C29846" s="6" t="s">
        <v>31033</v>
      </c>
      <c r="D29846" s="6"/>
      <c r="E29846" s="6" t="s">
        <v>18740</v>
      </c>
      <c r="F29846" s="7">
        <v>38657</v>
      </c>
      <c r="G29846" s="8">
        <v>1068408</v>
      </c>
      <c r="H29846" s="8">
        <v>1068408</v>
      </c>
      <c r="I29846" s="8">
        <v>0</v>
      </c>
      <c r="J29846" s="8">
        <v>1068408</v>
      </c>
      <c r="K29846" s="9">
        <v>209</v>
      </c>
      <c r="L29846" s="6" t="s">
        <v>23</v>
      </c>
    </row>
    <row r="29847" spans="1:12">
      <c r="A29847" s="6" t="s">
        <v>31010</v>
      </c>
      <c r="B29847" s="6"/>
      <c r="C29847" s="6" t="s">
        <v>31034</v>
      </c>
      <c r="D29847" s="6"/>
      <c r="E29847" s="6" t="s">
        <v>18740</v>
      </c>
      <c r="F29847" s="7">
        <v>38657</v>
      </c>
      <c r="G29847" s="8">
        <v>837500</v>
      </c>
      <c r="H29847" s="8">
        <v>837500</v>
      </c>
      <c r="I29847" s="8">
        <v>0</v>
      </c>
      <c r="J29847" s="8">
        <v>837500</v>
      </c>
      <c r="K29847" s="9">
        <v>67</v>
      </c>
      <c r="L29847" s="6" t="s">
        <v>10</v>
      </c>
    </row>
    <row r="29848" spans="1:12">
      <c r="A29848" s="6" t="s">
        <v>31010</v>
      </c>
      <c r="B29848" s="6"/>
      <c r="C29848" s="6" t="s">
        <v>31035</v>
      </c>
      <c r="D29848" s="6"/>
      <c r="E29848" s="6" t="s">
        <v>18740</v>
      </c>
      <c r="F29848" s="7">
        <v>38657</v>
      </c>
      <c r="G29848" s="8">
        <v>837500</v>
      </c>
      <c r="H29848" s="8">
        <v>837500</v>
      </c>
      <c r="I29848" s="8">
        <v>0</v>
      </c>
      <c r="J29848" s="8">
        <v>837500</v>
      </c>
      <c r="K29848" s="9">
        <v>67</v>
      </c>
      <c r="L29848" s="6" t="s">
        <v>10</v>
      </c>
    </row>
    <row r="29849" spans="1:12">
      <c r="A29849" s="6" t="s">
        <v>31010</v>
      </c>
      <c r="B29849" s="6"/>
      <c r="C29849" s="6" t="s">
        <v>31036</v>
      </c>
      <c r="D29849" s="6"/>
      <c r="E29849" s="6" t="s">
        <v>18740</v>
      </c>
      <c r="F29849" s="7">
        <v>38657</v>
      </c>
      <c r="G29849" s="8">
        <v>3062500</v>
      </c>
      <c r="H29849" s="8">
        <v>3062500</v>
      </c>
      <c r="I29849" s="8">
        <v>0</v>
      </c>
      <c r="J29849" s="8">
        <v>3062500</v>
      </c>
      <c r="K29849" s="9">
        <v>245</v>
      </c>
      <c r="L29849" s="6" t="s">
        <v>10</v>
      </c>
    </row>
    <row r="29850" spans="1:12">
      <c r="A29850" s="6" t="s">
        <v>31010</v>
      </c>
      <c r="B29850" s="6"/>
      <c r="C29850" s="6" t="s">
        <v>31037</v>
      </c>
      <c r="D29850" s="6"/>
      <c r="E29850" s="6" t="s">
        <v>18740</v>
      </c>
      <c r="F29850" s="7">
        <v>38657</v>
      </c>
      <c r="G29850" s="8">
        <v>1165536</v>
      </c>
      <c r="H29850" s="8">
        <v>1165536</v>
      </c>
      <c r="I29850" s="8">
        <v>0</v>
      </c>
      <c r="J29850" s="8">
        <v>1165536</v>
      </c>
      <c r="K29850" s="9">
        <v>228</v>
      </c>
      <c r="L29850" s="6" t="s">
        <v>23</v>
      </c>
    </row>
    <row r="29851" spans="1:12">
      <c r="A29851" s="6" t="s">
        <v>31010</v>
      </c>
      <c r="B29851" s="6"/>
      <c r="C29851" s="6" t="s">
        <v>31038</v>
      </c>
      <c r="D29851" s="6"/>
      <c r="E29851" s="6" t="s">
        <v>18740</v>
      </c>
      <c r="F29851" s="7">
        <v>38657</v>
      </c>
      <c r="G29851" s="8">
        <v>552096</v>
      </c>
      <c r="H29851" s="8">
        <v>552096</v>
      </c>
      <c r="I29851" s="8">
        <v>0</v>
      </c>
      <c r="J29851" s="8">
        <v>552096</v>
      </c>
      <c r="K29851" s="9">
        <v>108</v>
      </c>
      <c r="L29851" s="6" t="s">
        <v>23</v>
      </c>
    </row>
    <row r="29852" spans="1:12">
      <c r="A29852" s="6" t="s">
        <v>31010</v>
      </c>
      <c r="B29852" s="6"/>
      <c r="C29852" s="6" t="s">
        <v>31039</v>
      </c>
      <c r="D29852" s="6"/>
      <c r="E29852" s="6" t="s">
        <v>18740</v>
      </c>
      <c r="F29852" s="7">
        <v>38657</v>
      </c>
      <c r="G29852" s="8">
        <v>204480</v>
      </c>
      <c r="H29852" s="8">
        <v>204480</v>
      </c>
      <c r="I29852" s="8">
        <v>0</v>
      </c>
      <c r="J29852" s="8">
        <v>204480</v>
      </c>
      <c r="K29852" s="9">
        <v>40</v>
      </c>
      <c r="L29852" s="6" t="s">
        <v>23</v>
      </c>
    </row>
    <row r="29853" spans="1:12">
      <c r="A29853" s="6" t="s">
        <v>31010</v>
      </c>
      <c r="B29853" s="6"/>
      <c r="C29853" s="6" t="s">
        <v>31040</v>
      </c>
      <c r="D29853" s="6"/>
      <c r="E29853" s="6" t="s">
        <v>18740</v>
      </c>
      <c r="F29853" s="7">
        <v>38657</v>
      </c>
      <c r="G29853" s="8">
        <v>301608</v>
      </c>
      <c r="H29853" s="8">
        <v>301608</v>
      </c>
      <c r="I29853" s="8">
        <v>0</v>
      </c>
      <c r="J29853" s="8">
        <v>301608</v>
      </c>
      <c r="K29853" s="9">
        <v>59</v>
      </c>
      <c r="L29853" s="6" t="s">
        <v>23</v>
      </c>
    </row>
    <row r="29854" spans="1:12">
      <c r="A29854" s="6" t="s">
        <v>31010</v>
      </c>
      <c r="B29854" s="6"/>
      <c r="C29854" s="6" t="s">
        <v>31041</v>
      </c>
      <c r="D29854" s="6"/>
      <c r="E29854" s="6" t="s">
        <v>18740</v>
      </c>
      <c r="F29854" s="7">
        <v>38657</v>
      </c>
      <c r="G29854" s="8">
        <v>327168</v>
      </c>
      <c r="H29854" s="8">
        <v>327168</v>
      </c>
      <c r="I29854" s="8">
        <v>0</v>
      </c>
      <c r="J29854" s="8">
        <v>327168</v>
      </c>
      <c r="K29854" s="9">
        <v>64</v>
      </c>
      <c r="L29854" s="6" t="s">
        <v>23</v>
      </c>
    </row>
    <row r="29855" spans="1:12">
      <c r="A29855" s="6" t="s">
        <v>31010</v>
      </c>
      <c r="B29855" s="6"/>
      <c r="C29855" s="6" t="s">
        <v>31042</v>
      </c>
      <c r="D29855" s="6"/>
      <c r="E29855" s="6" t="s">
        <v>18740</v>
      </c>
      <c r="F29855" s="7">
        <v>38657</v>
      </c>
      <c r="G29855" s="8">
        <v>245376</v>
      </c>
      <c r="H29855" s="8">
        <v>245376</v>
      </c>
      <c r="I29855" s="8">
        <v>0</v>
      </c>
      <c r="J29855" s="8">
        <v>245376</v>
      </c>
      <c r="K29855" s="9">
        <v>48</v>
      </c>
      <c r="L29855" s="6" t="s">
        <v>23</v>
      </c>
    </row>
    <row r="29856" spans="1:12">
      <c r="A29856" s="6" t="s">
        <v>31010</v>
      </c>
      <c r="B29856" s="6"/>
      <c r="C29856" s="6" t="s">
        <v>31043</v>
      </c>
      <c r="D29856" s="6"/>
      <c r="E29856" s="6" t="s">
        <v>18740</v>
      </c>
      <c r="F29856" s="7">
        <v>38657</v>
      </c>
      <c r="G29856" s="8">
        <v>531648</v>
      </c>
      <c r="H29856" s="8">
        <v>531648</v>
      </c>
      <c r="I29856" s="8">
        <v>0</v>
      </c>
      <c r="J29856" s="8">
        <v>531648</v>
      </c>
      <c r="K29856" s="9">
        <v>104</v>
      </c>
      <c r="L29856" s="6" t="s">
        <v>23</v>
      </c>
    </row>
    <row r="29857" spans="1:12">
      <c r="A29857" s="6" t="s">
        <v>31010</v>
      </c>
      <c r="B29857" s="6"/>
      <c r="C29857" s="6" t="s">
        <v>31044</v>
      </c>
      <c r="D29857" s="6"/>
      <c r="E29857" s="6" t="s">
        <v>18740</v>
      </c>
      <c r="F29857" s="7">
        <v>38657</v>
      </c>
      <c r="G29857" s="8">
        <v>33790</v>
      </c>
      <c r="H29857" s="8">
        <v>33790</v>
      </c>
      <c r="I29857" s="8">
        <v>0</v>
      </c>
      <c r="J29857" s="8">
        <v>33790</v>
      </c>
      <c r="K29857" s="9">
        <v>6.61</v>
      </c>
      <c r="L29857" s="6" t="s">
        <v>23</v>
      </c>
    </row>
    <row r="29858" spans="1:12">
      <c r="A29858" s="6" t="s">
        <v>31010</v>
      </c>
      <c r="B29858" s="6"/>
      <c r="C29858" s="6" t="s">
        <v>31045</v>
      </c>
      <c r="D29858" s="6"/>
      <c r="E29858" s="6" t="s">
        <v>18740</v>
      </c>
      <c r="F29858" s="7">
        <v>38657</v>
      </c>
      <c r="G29858" s="8">
        <v>414072</v>
      </c>
      <c r="H29858" s="8">
        <v>414072</v>
      </c>
      <c r="I29858" s="8">
        <v>0</v>
      </c>
      <c r="J29858" s="8">
        <v>414072</v>
      </c>
      <c r="K29858" s="9">
        <v>81</v>
      </c>
      <c r="L29858" s="6" t="s">
        <v>23</v>
      </c>
    </row>
    <row r="29859" spans="1:12">
      <c r="A29859" s="6" t="s">
        <v>31010</v>
      </c>
      <c r="B29859" s="6"/>
      <c r="C29859" s="6" t="s">
        <v>31046</v>
      </c>
      <c r="D29859" s="6"/>
      <c r="E29859" s="6" t="s">
        <v>18740</v>
      </c>
      <c r="F29859" s="7">
        <v>38657</v>
      </c>
      <c r="G29859" s="8">
        <v>613440</v>
      </c>
      <c r="H29859" s="8">
        <v>613440</v>
      </c>
      <c r="I29859" s="8">
        <v>0</v>
      </c>
      <c r="J29859" s="8">
        <v>613440</v>
      </c>
      <c r="K29859" s="9">
        <v>120</v>
      </c>
      <c r="L29859" s="6" t="s">
        <v>23</v>
      </c>
    </row>
    <row r="29860" spans="1:12">
      <c r="A29860" s="6" t="s">
        <v>31010</v>
      </c>
      <c r="B29860" s="6"/>
      <c r="C29860" s="6" t="s">
        <v>31047</v>
      </c>
      <c r="D29860" s="6"/>
      <c r="E29860" s="6" t="s">
        <v>18740</v>
      </c>
      <c r="F29860" s="7">
        <v>38657</v>
      </c>
      <c r="G29860" s="8">
        <v>506088</v>
      </c>
      <c r="H29860" s="8">
        <v>506088</v>
      </c>
      <c r="I29860" s="8">
        <v>0</v>
      </c>
      <c r="J29860" s="8">
        <v>506088</v>
      </c>
      <c r="K29860" s="9">
        <v>99</v>
      </c>
      <c r="L29860" s="6" t="s">
        <v>23</v>
      </c>
    </row>
    <row r="29861" spans="1:12">
      <c r="A29861" s="6" t="s">
        <v>31010</v>
      </c>
      <c r="B29861" s="6"/>
      <c r="C29861" s="6" t="s">
        <v>31048</v>
      </c>
      <c r="D29861" s="6"/>
      <c r="E29861" s="6" t="s">
        <v>18740</v>
      </c>
      <c r="F29861" s="7">
        <v>38657</v>
      </c>
      <c r="G29861" s="8">
        <v>10415291</v>
      </c>
      <c r="H29861" s="8">
        <v>10415291</v>
      </c>
      <c r="I29861" s="8">
        <v>0</v>
      </c>
      <c r="J29861" s="8">
        <v>10415291</v>
      </c>
      <c r="K29861" s="9">
        <v>2037.42</v>
      </c>
      <c r="L29861" s="6" t="s">
        <v>23</v>
      </c>
    </row>
    <row r="29862" spans="1:12">
      <c r="A29862" s="6" t="s">
        <v>31010</v>
      </c>
      <c r="B29862" s="6"/>
      <c r="C29862" s="6" t="s">
        <v>31049</v>
      </c>
      <c r="D29862" s="6"/>
      <c r="E29862" s="6" t="s">
        <v>18740</v>
      </c>
      <c r="F29862" s="7">
        <v>38657</v>
      </c>
      <c r="G29862" s="8">
        <v>14119804</v>
      </c>
      <c r="H29862" s="8">
        <v>14119804</v>
      </c>
      <c r="I29862" s="8">
        <v>0</v>
      </c>
      <c r="J29862" s="8">
        <v>14119804</v>
      </c>
      <c r="K29862" s="9">
        <v>2762.09</v>
      </c>
      <c r="L29862" s="6" t="s">
        <v>23</v>
      </c>
    </row>
    <row r="29863" spans="1:12">
      <c r="A29863" s="6" t="s">
        <v>31010</v>
      </c>
      <c r="B29863" s="6"/>
      <c r="C29863" s="6" t="s">
        <v>31050</v>
      </c>
      <c r="D29863" s="6"/>
      <c r="E29863" s="6" t="s">
        <v>18740</v>
      </c>
      <c r="F29863" s="7">
        <v>38657</v>
      </c>
      <c r="G29863" s="8">
        <v>21530414</v>
      </c>
      <c r="H29863" s="8">
        <v>21530414</v>
      </c>
      <c r="I29863" s="8">
        <v>0</v>
      </c>
      <c r="J29863" s="8">
        <v>21530414</v>
      </c>
      <c r="K29863" s="9">
        <v>4211.74</v>
      </c>
      <c r="L29863" s="6" t="s">
        <v>23</v>
      </c>
    </row>
    <row r="29864" spans="1:12">
      <c r="A29864" s="6" t="s">
        <v>31010</v>
      </c>
      <c r="B29864" s="6"/>
      <c r="C29864" s="6" t="s">
        <v>31051</v>
      </c>
      <c r="D29864" s="6"/>
      <c r="E29864" s="6" t="s">
        <v>18740</v>
      </c>
      <c r="F29864" s="7">
        <v>38657</v>
      </c>
      <c r="G29864" s="8">
        <v>50598064</v>
      </c>
      <c r="H29864" s="8">
        <v>50598064</v>
      </c>
      <c r="I29864" s="8">
        <v>0</v>
      </c>
      <c r="J29864" s="8">
        <v>50598064</v>
      </c>
      <c r="K29864" s="9">
        <v>9897.9</v>
      </c>
      <c r="L29864" s="6" t="s">
        <v>23</v>
      </c>
    </row>
    <row r="29865" spans="1:12">
      <c r="A29865" s="6" t="s">
        <v>31010</v>
      </c>
      <c r="B29865" s="6"/>
      <c r="C29865" s="6" t="s">
        <v>31052</v>
      </c>
      <c r="D29865" s="6"/>
      <c r="E29865" s="6" t="s">
        <v>18740</v>
      </c>
      <c r="F29865" s="7">
        <v>38657</v>
      </c>
      <c r="G29865" s="8">
        <v>117022625</v>
      </c>
      <c r="H29865" s="8">
        <v>117022625</v>
      </c>
      <c r="I29865" s="8">
        <v>0</v>
      </c>
      <c r="J29865" s="8">
        <v>117022625</v>
      </c>
      <c r="K29865" s="9">
        <v>9361.81</v>
      </c>
      <c r="L29865" s="6" t="s">
        <v>10</v>
      </c>
    </row>
    <row r="29866" spans="1:12">
      <c r="A29866" s="6" t="s">
        <v>31010</v>
      </c>
      <c r="B29866" s="6"/>
      <c r="C29866" s="6" t="s">
        <v>31053</v>
      </c>
      <c r="D29866" s="6"/>
      <c r="E29866" s="6" t="s">
        <v>18740</v>
      </c>
      <c r="F29866" s="7">
        <v>38657</v>
      </c>
      <c r="G29866" s="8">
        <v>49065250</v>
      </c>
      <c r="H29866" s="8">
        <v>49065250</v>
      </c>
      <c r="I29866" s="8">
        <v>0</v>
      </c>
      <c r="J29866" s="8">
        <v>49065250</v>
      </c>
      <c r="K29866" s="9">
        <v>3925.22</v>
      </c>
      <c r="L29866" s="6" t="s">
        <v>10</v>
      </c>
    </row>
    <row r="29867" spans="1:12">
      <c r="A29867" s="6" t="s">
        <v>31010</v>
      </c>
      <c r="B29867" s="6"/>
      <c r="C29867" s="6" t="s">
        <v>31054</v>
      </c>
      <c r="D29867" s="6"/>
      <c r="E29867" s="6" t="s">
        <v>18740</v>
      </c>
      <c r="F29867" s="7">
        <v>38657</v>
      </c>
      <c r="G29867" s="8">
        <v>35456125</v>
      </c>
      <c r="H29867" s="8">
        <v>35456125</v>
      </c>
      <c r="I29867" s="8">
        <v>0</v>
      </c>
      <c r="J29867" s="8">
        <v>35456125</v>
      </c>
      <c r="K29867" s="9">
        <v>2836.49</v>
      </c>
      <c r="L29867" s="6" t="s">
        <v>10</v>
      </c>
    </row>
    <row r="29868" spans="1:12">
      <c r="A29868" s="6" t="s">
        <v>31010</v>
      </c>
      <c r="B29868" s="6"/>
      <c r="C29868" s="6" t="s">
        <v>31055</v>
      </c>
      <c r="D29868" s="6"/>
      <c r="E29868" s="6" t="s">
        <v>18740</v>
      </c>
      <c r="F29868" s="7">
        <v>38657</v>
      </c>
      <c r="G29868" s="8">
        <v>322056</v>
      </c>
      <c r="H29868" s="8">
        <v>322056</v>
      </c>
      <c r="I29868" s="8">
        <v>0</v>
      </c>
      <c r="J29868" s="8">
        <v>322056</v>
      </c>
      <c r="K29868" s="9">
        <v>63</v>
      </c>
      <c r="L29868" s="6" t="s">
        <v>23</v>
      </c>
    </row>
    <row r="29869" spans="1:12">
      <c r="A29869" s="6" t="s">
        <v>31010</v>
      </c>
      <c r="B29869" s="6"/>
      <c r="C29869" s="6" t="s">
        <v>31056</v>
      </c>
      <c r="D29869" s="6"/>
      <c r="E29869" s="6" t="s">
        <v>18740</v>
      </c>
      <c r="F29869" s="7">
        <v>38657</v>
      </c>
      <c r="G29869" s="8">
        <v>17462500</v>
      </c>
      <c r="H29869" s="8">
        <v>17462500</v>
      </c>
      <c r="I29869" s="8">
        <v>0</v>
      </c>
      <c r="J29869" s="8">
        <v>17462500</v>
      </c>
      <c r="K29869" s="9">
        <v>1397</v>
      </c>
      <c r="L29869" s="6" t="s">
        <v>10</v>
      </c>
    </row>
    <row r="29870" spans="1:12">
      <c r="A29870" s="6" t="s">
        <v>31010</v>
      </c>
      <c r="B29870" s="6"/>
      <c r="C29870" s="6" t="s">
        <v>31057</v>
      </c>
      <c r="D29870" s="6"/>
      <c r="E29870" s="6" t="s">
        <v>18740</v>
      </c>
      <c r="F29870" s="7">
        <v>38657</v>
      </c>
      <c r="G29870" s="8">
        <v>1825000</v>
      </c>
      <c r="H29870" s="8">
        <v>1825000</v>
      </c>
      <c r="I29870" s="8">
        <v>0</v>
      </c>
      <c r="J29870" s="8">
        <v>1825000</v>
      </c>
      <c r="K29870" s="9">
        <v>146</v>
      </c>
      <c r="L29870" s="6" t="s">
        <v>10</v>
      </c>
    </row>
    <row r="29871" spans="1:12">
      <c r="A29871" s="6" t="s">
        <v>31010</v>
      </c>
      <c r="B29871" s="6"/>
      <c r="C29871" s="6" t="s">
        <v>31058</v>
      </c>
      <c r="D29871" s="6"/>
      <c r="E29871" s="6" t="s">
        <v>18740</v>
      </c>
      <c r="F29871" s="7">
        <v>38657</v>
      </c>
      <c r="G29871" s="8">
        <v>912500</v>
      </c>
      <c r="H29871" s="8">
        <v>912500</v>
      </c>
      <c r="I29871" s="8">
        <v>0</v>
      </c>
      <c r="J29871" s="8">
        <v>912500</v>
      </c>
      <c r="K29871" s="9">
        <v>73</v>
      </c>
      <c r="L29871" s="6" t="s">
        <v>10</v>
      </c>
    </row>
    <row r="29872" spans="1:12">
      <c r="A29872" s="6" t="s">
        <v>31010</v>
      </c>
      <c r="B29872" s="6"/>
      <c r="C29872" s="6" t="s">
        <v>31059</v>
      </c>
      <c r="D29872" s="6"/>
      <c r="E29872" s="6" t="s">
        <v>18740</v>
      </c>
      <c r="F29872" s="7">
        <v>38657</v>
      </c>
      <c r="G29872" s="8">
        <v>725000</v>
      </c>
      <c r="H29872" s="8">
        <v>725000</v>
      </c>
      <c r="I29872" s="8">
        <v>0</v>
      </c>
      <c r="J29872" s="8">
        <v>725000</v>
      </c>
      <c r="K29872" s="9">
        <v>58</v>
      </c>
      <c r="L29872" s="6" t="s">
        <v>10</v>
      </c>
    </row>
    <row r="29873" spans="1:12">
      <c r="A29873" s="6" t="s">
        <v>31010</v>
      </c>
      <c r="B29873" s="6"/>
      <c r="C29873" s="6" t="s">
        <v>31060</v>
      </c>
      <c r="D29873" s="6"/>
      <c r="E29873" s="6" t="s">
        <v>18740</v>
      </c>
      <c r="F29873" s="7">
        <v>38657</v>
      </c>
      <c r="G29873" s="8">
        <v>1412500</v>
      </c>
      <c r="H29873" s="8">
        <v>1412500</v>
      </c>
      <c r="I29873" s="8">
        <v>0</v>
      </c>
      <c r="J29873" s="8">
        <v>1412500</v>
      </c>
      <c r="K29873" s="9">
        <v>113</v>
      </c>
      <c r="L29873" s="6" t="s">
        <v>10</v>
      </c>
    </row>
    <row r="29874" spans="1:12">
      <c r="A29874" s="6" t="s">
        <v>31010</v>
      </c>
      <c r="B29874" s="6"/>
      <c r="C29874" s="6" t="s">
        <v>31061</v>
      </c>
      <c r="D29874" s="6"/>
      <c r="E29874" s="6" t="s">
        <v>18740</v>
      </c>
      <c r="F29874" s="7">
        <v>38657</v>
      </c>
      <c r="G29874" s="8">
        <v>300000</v>
      </c>
      <c r="H29874" s="8">
        <v>300000</v>
      </c>
      <c r="I29874" s="8">
        <v>0</v>
      </c>
      <c r="J29874" s="8">
        <v>300000</v>
      </c>
      <c r="K29874" s="9">
        <v>24</v>
      </c>
      <c r="L29874" s="6" t="s">
        <v>10</v>
      </c>
    </row>
    <row r="29875" spans="1:12">
      <c r="A29875" s="6" t="s">
        <v>31010</v>
      </c>
      <c r="B29875" s="6"/>
      <c r="C29875" s="6" t="s">
        <v>31062</v>
      </c>
      <c r="D29875" s="6"/>
      <c r="E29875" s="6" t="s">
        <v>18740</v>
      </c>
      <c r="F29875" s="7">
        <v>38657</v>
      </c>
      <c r="G29875" s="8">
        <v>1275000</v>
      </c>
      <c r="H29875" s="8">
        <v>1275000</v>
      </c>
      <c r="I29875" s="8">
        <v>0</v>
      </c>
      <c r="J29875" s="8">
        <v>1275000</v>
      </c>
      <c r="K29875" s="9">
        <v>102</v>
      </c>
      <c r="L29875" s="6" t="s">
        <v>10</v>
      </c>
    </row>
    <row r="29876" spans="1:12">
      <c r="A29876" s="6" t="s">
        <v>31010</v>
      </c>
      <c r="B29876" s="6"/>
      <c r="C29876" s="6" t="s">
        <v>31063</v>
      </c>
      <c r="D29876" s="6"/>
      <c r="E29876" s="6" t="s">
        <v>18740</v>
      </c>
      <c r="F29876" s="7">
        <v>38657</v>
      </c>
      <c r="G29876" s="8">
        <v>662500</v>
      </c>
      <c r="H29876" s="8">
        <v>662500</v>
      </c>
      <c r="I29876" s="8">
        <v>0</v>
      </c>
      <c r="J29876" s="8">
        <v>662500</v>
      </c>
      <c r="K29876" s="9">
        <v>53</v>
      </c>
      <c r="L29876" s="6" t="s">
        <v>10</v>
      </c>
    </row>
    <row r="29877" spans="1:12">
      <c r="A29877" s="6" t="s">
        <v>31010</v>
      </c>
      <c r="B29877" s="6"/>
      <c r="C29877" s="6" t="s">
        <v>31064</v>
      </c>
      <c r="D29877" s="6"/>
      <c r="E29877" s="6" t="s">
        <v>18740</v>
      </c>
      <c r="F29877" s="7">
        <v>38657</v>
      </c>
      <c r="G29877" s="8">
        <v>837500</v>
      </c>
      <c r="H29877" s="8">
        <v>837500</v>
      </c>
      <c r="I29877" s="8">
        <v>0</v>
      </c>
      <c r="J29877" s="8">
        <v>837500</v>
      </c>
      <c r="K29877" s="9">
        <v>67</v>
      </c>
      <c r="L29877" s="6" t="s">
        <v>10</v>
      </c>
    </row>
    <row r="29878" spans="1:12">
      <c r="A29878" s="6" t="s">
        <v>31010</v>
      </c>
      <c r="B29878" s="6"/>
      <c r="C29878" s="6" t="s">
        <v>31065</v>
      </c>
      <c r="D29878" s="6"/>
      <c r="E29878" s="6" t="s">
        <v>18740</v>
      </c>
      <c r="F29878" s="7">
        <v>38657</v>
      </c>
      <c r="G29878" s="8">
        <v>887500</v>
      </c>
      <c r="H29878" s="8">
        <v>887500</v>
      </c>
      <c r="I29878" s="8">
        <v>0</v>
      </c>
      <c r="J29878" s="8">
        <v>887500</v>
      </c>
      <c r="K29878" s="9">
        <v>71</v>
      </c>
      <c r="L29878" s="6" t="s">
        <v>10</v>
      </c>
    </row>
    <row r="29879" spans="1:12">
      <c r="A29879" s="6" t="s">
        <v>31010</v>
      </c>
      <c r="B29879" s="6"/>
      <c r="C29879" s="6" t="s">
        <v>31066</v>
      </c>
      <c r="D29879" s="6"/>
      <c r="E29879" s="6" t="s">
        <v>18740</v>
      </c>
      <c r="F29879" s="7">
        <v>38657</v>
      </c>
      <c r="G29879" s="8">
        <v>347616</v>
      </c>
      <c r="H29879" s="8">
        <v>347616</v>
      </c>
      <c r="I29879" s="8">
        <v>0</v>
      </c>
      <c r="J29879" s="8">
        <v>347616</v>
      </c>
      <c r="K29879" s="9">
        <v>68</v>
      </c>
      <c r="L29879" s="6" t="s">
        <v>23</v>
      </c>
    </row>
    <row r="29880" spans="1:12">
      <c r="A29880" s="6" t="s">
        <v>31010</v>
      </c>
      <c r="B29880" s="6"/>
      <c r="C29880" s="6" t="s">
        <v>31067</v>
      </c>
      <c r="D29880" s="6"/>
      <c r="E29880" s="6" t="s">
        <v>18740</v>
      </c>
      <c r="F29880" s="7">
        <v>38657</v>
      </c>
      <c r="G29880" s="8">
        <v>1512500</v>
      </c>
      <c r="H29880" s="8">
        <v>1512500</v>
      </c>
      <c r="I29880" s="8">
        <v>0</v>
      </c>
      <c r="J29880" s="8">
        <v>1512500</v>
      </c>
      <c r="K29880" s="9">
        <v>121</v>
      </c>
      <c r="L29880" s="6" t="s">
        <v>10</v>
      </c>
    </row>
    <row r="29881" spans="1:12">
      <c r="A29881" s="6" t="s">
        <v>31010</v>
      </c>
      <c r="B29881" s="6"/>
      <c r="C29881" s="6" t="s">
        <v>31068</v>
      </c>
      <c r="D29881" s="6"/>
      <c r="E29881" s="6" t="s">
        <v>18740</v>
      </c>
      <c r="F29881" s="7">
        <v>38657</v>
      </c>
      <c r="G29881" s="8">
        <v>132912</v>
      </c>
      <c r="H29881" s="8">
        <v>132912</v>
      </c>
      <c r="I29881" s="8">
        <v>0</v>
      </c>
      <c r="J29881" s="8">
        <v>132912</v>
      </c>
      <c r="K29881" s="9">
        <v>26</v>
      </c>
      <c r="L29881" s="6" t="s">
        <v>23</v>
      </c>
    </row>
    <row r="29882" spans="1:12">
      <c r="A29882" s="6" t="s">
        <v>31010</v>
      </c>
      <c r="B29882" s="6"/>
      <c r="C29882" s="6" t="s">
        <v>31069</v>
      </c>
      <c r="D29882" s="6"/>
      <c r="E29882" s="6" t="s">
        <v>18740</v>
      </c>
      <c r="F29882" s="7">
        <v>38657</v>
      </c>
      <c r="G29882" s="8">
        <v>296496</v>
      </c>
      <c r="H29882" s="8">
        <v>296496</v>
      </c>
      <c r="I29882" s="8">
        <v>0</v>
      </c>
      <c r="J29882" s="8">
        <v>296496</v>
      </c>
      <c r="K29882" s="9">
        <v>58</v>
      </c>
      <c r="L29882" s="6" t="s">
        <v>23</v>
      </c>
    </row>
    <row r="29883" spans="1:12">
      <c r="A29883" s="6" t="s">
        <v>31010</v>
      </c>
      <c r="B29883" s="6"/>
      <c r="C29883" s="6" t="s">
        <v>31070</v>
      </c>
      <c r="D29883" s="6"/>
      <c r="E29883" s="6" t="s">
        <v>18740</v>
      </c>
      <c r="F29883" s="7">
        <v>38657</v>
      </c>
      <c r="G29883" s="8">
        <v>1671624</v>
      </c>
      <c r="H29883" s="8">
        <v>1671624</v>
      </c>
      <c r="I29883" s="8">
        <v>0</v>
      </c>
      <c r="J29883" s="8">
        <v>1671624</v>
      </c>
      <c r="K29883" s="9">
        <v>327</v>
      </c>
      <c r="L29883" s="6" t="s">
        <v>23</v>
      </c>
    </row>
    <row r="29884" spans="1:12">
      <c r="A29884" s="6" t="s">
        <v>31010</v>
      </c>
      <c r="B29884" s="6"/>
      <c r="C29884" s="6" t="s">
        <v>31071</v>
      </c>
      <c r="D29884" s="6"/>
      <c r="E29884" s="6" t="s">
        <v>18740</v>
      </c>
      <c r="F29884" s="7">
        <v>38657</v>
      </c>
      <c r="G29884" s="8">
        <v>1700000</v>
      </c>
      <c r="H29884" s="8">
        <v>1700000</v>
      </c>
      <c r="I29884" s="8">
        <v>0</v>
      </c>
      <c r="J29884" s="8">
        <v>1700000</v>
      </c>
      <c r="K29884" s="9">
        <v>136</v>
      </c>
      <c r="L29884" s="6" t="s">
        <v>10</v>
      </c>
    </row>
    <row r="29885" spans="1:12">
      <c r="A29885" s="6" t="s">
        <v>31010</v>
      </c>
      <c r="B29885" s="6"/>
      <c r="C29885" s="6" t="s">
        <v>31072</v>
      </c>
      <c r="D29885" s="6"/>
      <c r="E29885" s="6" t="s">
        <v>18740</v>
      </c>
      <c r="F29885" s="7">
        <v>38657</v>
      </c>
      <c r="G29885" s="8">
        <v>850000</v>
      </c>
      <c r="H29885" s="8">
        <v>850000</v>
      </c>
      <c r="I29885" s="8">
        <v>0</v>
      </c>
      <c r="J29885" s="8">
        <v>850000</v>
      </c>
      <c r="K29885" s="9">
        <v>68</v>
      </c>
      <c r="L29885" s="6" t="s">
        <v>10</v>
      </c>
    </row>
    <row r="29886" spans="1:12">
      <c r="A29886" s="6" t="s">
        <v>31010</v>
      </c>
      <c r="B29886" s="6"/>
      <c r="C29886" s="6" t="s">
        <v>31073</v>
      </c>
      <c r="D29886" s="6"/>
      <c r="E29886" s="6" t="s">
        <v>18740</v>
      </c>
      <c r="F29886" s="7">
        <v>38657</v>
      </c>
      <c r="G29886" s="8">
        <v>700000</v>
      </c>
      <c r="H29886" s="8">
        <v>700000</v>
      </c>
      <c r="I29886" s="8">
        <v>0</v>
      </c>
      <c r="J29886" s="8">
        <v>700000</v>
      </c>
      <c r="K29886" s="9">
        <v>56</v>
      </c>
      <c r="L29886" s="6" t="s">
        <v>10</v>
      </c>
    </row>
    <row r="29887" spans="1:12">
      <c r="A29887" s="6" t="s">
        <v>31010</v>
      </c>
      <c r="B29887" s="6"/>
      <c r="C29887" s="6" t="s">
        <v>31074</v>
      </c>
      <c r="D29887" s="6"/>
      <c r="E29887" s="6" t="s">
        <v>18740</v>
      </c>
      <c r="F29887" s="7">
        <v>38657</v>
      </c>
      <c r="G29887" s="8">
        <v>912500</v>
      </c>
      <c r="H29887" s="8">
        <v>912500</v>
      </c>
      <c r="I29887" s="8">
        <v>0</v>
      </c>
      <c r="J29887" s="8">
        <v>912500</v>
      </c>
      <c r="K29887" s="9">
        <v>73</v>
      </c>
      <c r="L29887" s="6" t="s">
        <v>10</v>
      </c>
    </row>
    <row r="29888" spans="1:12">
      <c r="A29888" s="6" t="s">
        <v>31010</v>
      </c>
      <c r="B29888" s="6"/>
      <c r="C29888" s="6" t="s">
        <v>31075</v>
      </c>
      <c r="D29888" s="6"/>
      <c r="E29888" s="6" t="s">
        <v>18740</v>
      </c>
      <c r="F29888" s="7">
        <v>38657</v>
      </c>
      <c r="G29888" s="8">
        <v>2225000</v>
      </c>
      <c r="H29888" s="8">
        <v>2225000</v>
      </c>
      <c r="I29888" s="8">
        <v>0</v>
      </c>
      <c r="J29888" s="8">
        <v>2225000</v>
      </c>
      <c r="K29888" s="9">
        <v>178</v>
      </c>
      <c r="L29888" s="6" t="s">
        <v>10</v>
      </c>
    </row>
    <row r="29889" spans="1:12">
      <c r="A29889" s="6" t="s">
        <v>31010</v>
      </c>
      <c r="B29889" s="6"/>
      <c r="C29889" s="6" t="s">
        <v>31076</v>
      </c>
      <c r="D29889" s="6"/>
      <c r="E29889" s="6" t="s">
        <v>18740</v>
      </c>
      <c r="F29889" s="7">
        <v>38657</v>
      </c>
      <c r="G29889" s="8">
        <v>2147040</v>
      </c>
      <c r="H29889" s="8">
        <v>2147040</v>
      </c>
      <c r="I29889" s="8">
        <v>0</v>
      </c>
      <c r="J29889" s="8">
        <v>2147040</v>
      </c>
      <c r="K29889" s="9">
        <v>420</v>
      </c>
      <c r="L29889" s="6" t="s">
        <v>23</v>
      </c>
    </row>
    <row r="29890" spans="1:12">
      <c r="A29890" s="6" t="s">
        <v>31010</v>
      </c>
      <c r="B29890" s="6"/>
      <c r="C29890" s="6" t="s">
        <v>31077</v>
      </c>
      <c r="D29890" s="6"/>
      <c r="E29890" s="6" t="s">
        <v>18740</v>
      </c>
      <c r="F29890" s="7">
        <v>38657</v>
      </c>
      <c r="G29890" s="8">
        <v>71568</v>
      </c>
      <c r="H29890" s="8">
        <v>71568</v>
      </c>
      <c r="I29890" s="8">
        <v>0</v>
      </c>
      <c r="J29890" s="8">
        <v>71568</v>
      </c>
      <c r="K29890" s="9">
        <v>14</v>
      </c>
      <c r="L29890" s="6" t="s">
        <v>23</v>
      </c>
    </row>
    <row r="29891" spans="1:12">
      <c r="A29891" s="6" t="s">
        <v>31010</v>
      </c>
      <c r="B29891" s="6"/>
      <c r="C29891" s="6" t="s">
        <v>31078</v>
      </c>
      <c r="D29891" s="6"/>
      <c r="E29891" s="6" t="s">
        <v>18740</v>
      </c>
      <c r="F29891" s="7">
        <v>38657</v>
      </c>
      <c r="G29891" s="8">
        <v>541872</v>
      </c>
      <c r="H29891" s="8">
        <v>541872</v>
      </c>
      <c r="I29891" s="8">
        <v>0</v>
      </c>
      <c r="J29891" s="8">
        <v>541872</v>
      </c>
      <c r="K29891" s="9">
        <v>106</v>
      </c>
      <c r="L29891" s="6" t="s">
        <v>23</v>
      </c>
    </row>
    <row r="29892" spans="1:12">
      <c r="A29892" s="6" t="s">
        <v>31010</v>
      </c>
      <c r="B29892" s="6"/>
      <c r="C29892" s="6" t="s">
        <v>31079</v>
      </c>
      <c r="D29892" s="6"/>
      <c r="E29892" s="6" t="s">
        <v>18740</v>
      </c>
      <c r="F29892" s="7">
        <v>38657</v>
      </c>
      <c r="G29892" s="8">
        <v>639000</v>
      </c>
      <c r="H29892" s="8">
        <v>639000</v>
      </c>
      <c r="I29892" s="8">
        <v>0</v>
      </c>
      <c r="J29892" s="8">
        <v>639000</v>
      </c>
      <c r="K29892" s="9">
        <v>125</v>
      </c>
      <c r="L29892" s="6" t="s">
        <v>23</v>
      </c>
    </row>
    <row r="29893" spans="1:12">
      <c r="A29893" s="6" t="s">
        <v>31010</v>
      </c>
      <c r="B29893" s="6"/>
      <c r="C29893" s="6" t="s">
        <v>31080</v>
      </c>
      <c r="D29893" s="6"/>
      <c r="E29893" s="6" t="s">
        <v>18740</v>
      </c>
      <c r="F29893" s="7">
        <v>38657</v>
      </c>
      <c r="G29893" s="8">
        <v>86904</v>
      </c>
      <c r="H29893" s="8">
        <v>86904</v>
      </c>
      <c r="I29893" s="8">
        <v>0</v>
      </c>
      <c r="J29893" s="8">
        <v>86904</v>
      </c>
      <c r="K29893" s="9">
        <v>17</v>
      </c>
      <c r="L29893" s="6" t="s">
        <v>23</v>
      </c>
    </row>
    <row r="29894" spans="1:12">
      <c r="A29894" s="6" t="s">
        <v>31010</v>
      </c>
      <c r="B29894" s="6"/>
      <c r="C29894" s="6" t="s">
        <v>31081</v>
      </c>
      <c r="D29894" s="6"/>
      <c r="E29894" s="6" t="s">
        <v>18740</v>
      </c>
      <c r="F29894" s="7">
        <v>38657</v>
      </c>
      <c r="G29894" s="8">
        <v>690120</v>
      </c>
      <c r="H29894" s="8">
        <v>690120</v>
      </c>
      <c r="I29894" s="8">
        <v>0</v>
      </c>
      <c r="J29894" s="8">
        <v>690120</v>
      </c>
      <c r="K29894" s="9">
        <v>135</v>
      </c>
      <c r="L29894" s="6" t="s">
        <v>23</v>
      </c>
    </row>
    <row r="29895" spans="1:12">
      <c r="A29895" s="6" t="s">
        <v>31010</v>
      </c>
      <c r="B29895" s="6"/>
      <c r="C29895" s="6" t="s">
        <v>31082</v>
      </c>
      <c r="D29895" s="6"/>
      <c r="E29895" s="6" t="s">
        <v>18740</v>
      </c>
      <c r="F29895" s="7">
        <v>38657</v>
      </c>
      <c r="G29895" s="8">
        <v>511200</v>
      </c>
      <c r="H29895" s="8">
        <v>511200</v>
      </c>
      <c r="I29895" s="8">
        <v>0</v>
      </c>
      <c r="J29895" s="8">
        <v>511200</v>
      </c>
      <c r="K29895" s="9">
        <v>100</v>
      </c>
      <c r="L29895" s="6" t="s">
        <v>23</v>
      </c>
    </row>
    <row r="29896" spans="1:12">
      <c r="A29896" s="6" t="s">
        <v>31010</v>
      </c>
      <c r="B29896" s="6"/>
      <c r="C29896" s="6" t="s">
        <v>31083</v>
      </c>
      <c r="D29896" s="6"/>
      <c r="E29896" s="6" t="s">
        <v>18740</v>
      </c>
      <c r="F29896" s="7">
        <v>38657</v>
      </c>
      <c r="G29896" s="8">
        <v>531648</v>
      </c>
      <c r="H29896" s="8">
        <v>531648</v>
      </c>
      <c r="I29896" s="8">
        <v>0</v>
      </c>
      <c r="J29896" s="8">
        <v>531648</v>
      </c>
      <c r="K29896" s="9">
        <v>104</v>
      </c>
      <c r="L29896" s="6" t="s">
        <v>23</v>
      </c>
    </row>
    <row r="29897" spans="1:12">
      <c r="A29897" s="6" t="s">
        <v>31010</v>
      </c>
      <c r="B29897" s="6"/>
      <c r="C29897" s="6" t="s">
        <v>31084</v>
      </c>
      <c r="D29897" s="6"/>
      <c r="E29897" s="6" t="s">
        <v>18740</v>
      </c>
      <c r="F29897" s="7">
        <v>38657</v>
      </c>
      <c r="G29897" s="8">
        <v>316944</v>
      </c>
      <c r="H29897" s="8">
        <v>316944</v>
      </c>
      <c r="I29897" s="8">
        <v>0</v>
      </c>
      <c r="J29897" s="8">
        <v>316944</v>
      </c>
      <c r="K29897" s="9">
        <v>62</v>
      </c>
      <c r="L29897" s="6" t="s">
        <v>23</v>
      </c>
    </row>
    <row r="29898" spans="1:12">
      <c r="A29898" s="6" t="s">
        <v>31010</v>
      </c>
      <c r="B29898" s="6"/>
      <c r="C29898" s="6" t="s">
        <v>31085</v>
      </c>
      <c r="D29898" s="6"/>
      <c r="E29898" s="6" t="s">
        <v>18740</v>
      </c>
      <c r="F29898" s="7">
        <v>38657</v>
      </c>
      <c r="G29898" s="8">
        <v>387500</v>
      </c>
      <c r="H29898" s="8">
        <v>387500</v>
      </c>
      <c r="I29898" s="8">
        <v>0</v>
      </c>
      <c r="J29898" s="8">
        <v>387500</v>
      </c>
      <c r="K29898" s="9">
        <v>31</v>
      </c>
      <c r="L29898" s="6" t="s">
        <v>10</v>
      </c>
    </row>
    <row r="29899" spans="1:12">
      <c r="A29899" s="6" t="s">
        <v>31010</v>
      </c>
      <c r="B29899" s="6"/>
      <c r="C29899" s="6" t="s">
        <v>31086</v>
      </c>
      <c r="D29899" s="6"/>
      <c r="E29899" s="6" t="s">
        <v>18740</v>
      </c>
      <c r="F29899" s="7">
        <v>38657</v>
      </c>
      <c r="G29899" s="8">
        <v>46154375</v>
      </c>
      <c r="H29899" s="8">
        <v>46154375</v>
      </c>
      <c r="I29899" s="8">
        <v>0</v>
      </c>
      <c r="J29899" s="8">
        <v>46154375</v>
      </c>
      <c r="K29899" s="9">
        <v>3692.35</v>
      </c>
      <c r="L29899" s="6" t="s">
        <v>10</v>
      </c>
    </row>
    <row r="29900" spans="1:12">
      <c r="A29900" s="6" t="s">
        <v>31010</v>
      </c>
      <c r="B29900" s="6"/>
      <c r="C29900" s="6" t="s">
        <v>31087</v>
      </c>
      <c r="D29900" s="6"/>
      <c r="E29900" s="6" t="s">
        <v>18740</v>
      </c>
      <c r="F29900" s="7">
        <v>38657</v>
      </c>
      <c r="G29900" s="8">
        <v>28863375</v>
      </c>
      <c r="H29900" s="8">
        <v>28863375</v>
      </c>
      <c r="I29900" s="8">
        <v>0</v>
      </c>
      <c r="J29900" s="8">
        <v>28863375</v>
      </c>
      <c r="K29900" s="9">
        <v>2309.0700000000002</v>
      </c>
      <c r="L29900" s="6" t="s">
        <v>10</v>
      </c>
    </row>
    <row r="29901" spans="1:12">
      <c r="A29901" s="6" t="s">
        <v>31010</v>
      </c>
      <c r="B29901" s="6"/>
      <c r="C29901" s="6" t="s">
        <v>31088</v>
      </c>
      <c r="D29901" s="6"/>
      <c r="E29901" s="6" t="s">
        <v>18740</v>
      </c>
      <c r="F29901" s="7">
        <v>38657</v>
      </c>
      <c r="G29901" s="8">
        <v>194256</v>
      </c>
      <c r="H29901" s="8">
        <v>194256</v>
      </c>
      <c r="I29901" s="8">
        <v>0</v>
      </c>
      <c r="J29901" s="8">
        <v>194256</v>
      </c>
      <c r="K29901" s="9">
        <v>38</v>
      </c>
      <c r="L29901" s="6" t="s">
        <v>23</v>
      </c>
    </row>
    <row r="29902" spans="1:12">
      <c r="A29902" s="6" t="s">
        <v>31010</v>
      </c>
      <c r="B29902" s="6"/>
      <c r="C29902" s="6" t="s">
        <v>31089</v>
      </c>
      <c r="D29902" s="6"/>
      <c r="E29902" s="6" t="s">
        <v>18740</v>
      </c>
      <c r="F29902" s="7">
        <v>38657</v>
      </c>
      <c r="G29902" s="8">
        <v>5275584</v>
      </c>
      <c r="H29902" s="8">
        <v>5275584</v>
      </c>
      <c r="I29902" s="8">
        <v>0</v>
      </c>
      <c r="J29902" s="8">
        <v>5275584</v>
      </c>
      <c r="K29902" s="9">
        <v>1032</v>
      </c>
      <c r="L29902" s="6" t="s">
        <v>23</v>
      </c>
    </row>
    <row r="29903" spans="1:12">
      <c r="A29903" s="6" t="s">
        <v>31010</v>
      </c>
      <c r="B29903" s="6"/>
      <c r="C29903" s="6" t="s">
        <v>31090</v>
      </c>
      <c r="D29903" s="6"/>
      <c r="E29903" s="6" t="s">
        <v>18740</v>
      </c>
      <c r="F29903" s="7">
        <v>38657</v>
      </c>
      <c r="G29903" s="8">
        <v>766800</v>
      </c>
      <c r="H29903" s="8">
        <v>766800</v>
      </c>
      <c r="I29903" s="8">
        <v>0</v>
      </c>
      <c r="J29903" s="8">
        <v>766800</v>
      </c>
      <c r="K29903" s="9">
        <v>150</v>
      </c>
      <c r="L29903" s="6" t="s">
        <v>23</v>
      </c>
    </row>
    <row r="29904" spans="1:12">
      <c r="A29904" s="6" t="s">
        <v>31091</v>
      </c>
      <c r="B29904" s="6"/>
      <c r="C29904" s="6" t="s">
        <v>31092</v>
      </c>
      <c r="D29904" s="6"/>
      <c r="E29904" s="6" t="s">
        <v>9</v>
      </c>
      <c r="F29904" s="7">
        <v>38657</v>
      </c>
      <c r="G29904" s="8">
        <v>13296312</v>
      </c>
      <c r="H29904" s="8">
        <v>13296312</v>
      </c>
      <c r="I29904" s="8">
        <v>0</v>
      </c>
      <c r="J29904" s="8">
        <v>13296312</v>
      </c>
      <c r="K29904" s="9">
        <v>2601</v>
      </c>
      <c r="L29904" s="6" t="s">
        <v>14</v>
      </c>
    </row>
    <row r="29905" spans="1:12">
      <c r="A29905" s="6" t="s">
        <v>31093</v>
      </c>
      <c r="B29905" s="6"/>
      <c r="C29905" s="6" t="s">
        <v>31094</v>
      </c>
      <c r="D29905" s="6"/>
      <c r="E29905" s="6" t="s">
        <v>18740</v>
      </c>
      <c r="F29905" s="7">
        <v>38657</v>
      </c>
      <c r="G29905" s="8">
        <v>40947</v>
      </c>
      <c r="H29905" s="8">
        <v>40947</v>
      </c>
      <c r="I29905" s="8">
        <v>0</v>
      </c>
      <c r="J29905" s="8">
        <v>40947</v>
      </c>
      <c r="K29905" s="9">
        <v>8.01</v>
      </c>
      <c r="L29905" s="6" t="s">
        <v>23</v>
      </c>
    </row>
    <row r="29906" spans="1:12">
      <c r="A29906" s="6" t="s">
        <v>31095</v>
      </c>
      <c r="B29906" s="6"/>
      <c r="C29906" s="6" t="s">
        <v>31096</v>
      </c>
      <c r="D29906" s="6"/>
      <c r="E29906" s="6" t="s">
        <v>18740</v>
      </c>
      <c r="F29906" s="7">
        <v>38657</v>
      </c>
      <c r="G29906" s="8">
        <v>13238000</v>
      </c>
      <c r="H29906" s="8">
        <v>13238000</v>
      </c>
      <c r="I29906" s="8">
        <v>0</v>
      </c>
      <c r="J29906" s="8">
        <v>13238000</v>
      </c>
      <c r="K29906" s="9">
        <v>312.97000000000003</v>
      </c>
      <c r="L29906" s="6" t="s">
        <v>10</v>
      </c>
    </row>
    <row r="29907" spans="1:12">
      <c r="A29907" s="6" t="s">
        <v>31097</v>
      </c>
      <c r="B29907" s="6"/>
      <c r="C29907" s="6" t="s">
        <v>31098</v>
      </c>
      <c r="D29907" s="6"/>
      <c r="E29907" s="6" t="s">
        <v>9</v>
      </c>
      <c r="F29907" s="7">
        <v>38657</v>
      </c>
      <c r="G29907" s="8">
        <v>2561112</v>
      </c>
      <c r="H29907" s="8">
        <v>2561112</v>
      </c>
      <c r="I29907" s="8">
        <v>0</v>
      </c>
      <c r="J29907" s="8">
        <v>2561112</v>
      </c>
      <c r="K29907" s="9">
        <v>501</v>
      </c>
      <c r="L29907" s="6" t="s">
        <v>14</v>
      </c>
    </row>
    <row r="29908" spans="1:12">
      <c r="A29908" s="6" t="s">
        <v>31097</v>
      </c>
      <c r="B29908" s="6"/>
      <c r="C29908" s="6" t="s">
        <v>31099</v>
      </c>
      <c r="D29908" s="6"/>
      <c r="E29908" s="6" t="s">
        <v>9</v>
      </c>
      <c r="F29908" s="7">
        <v>38657</v>
      </c>
      <c r="G29908" s="8">
        <v>511</v>
      </c>
      <c r="H29908" s="8">
        <v>511</v>
      </c>
      <c r="I29908" s="8">
        <v>0</v>
      </c>
      <c r="J29908" s="8">
        <v>511</v>
      </c>
      <c r="K29908" s="9">
        <v>0.1</v>
      </c>
      <c r="L29908" s="6" t="s">
        <v>14</v>
      </c>
    </row>
    <row r="29909" spans="1:12">
      <c r="A29909" s="6" t="s">
        <v>31100</v>
      </c>
      <c r="B29909" s="6"/>
      <c r="C29909" s="6" t="s">
        <v>31101</v>
      </c>
      <c r="D29909" s="6"/>
      <c r="E29909" s="6" t="s">
        <v>9</v>
      </c>
      <c r="F29909" s="7">
        <v>38657</v>
      </c>
      <c r="G29909" s="8">
        <v>61344</v>
      </c>
      <c r="H29909" s="8">
        <v>61344</v>
      </c>
      <c r="I29909" s="8">
        <v>0</v>
      </c>
      <c r="J29909" s="8">
        <v>61344</v>
      </c>
      <c r="K29909" s="9">
        <v>12</v>
      </c>
      <c r="L29909" s="6" t="s">
        <v>14</v>
      </c>
    </row>
    <row r="29910" spans="1:12">
      <c r="A29910" s="6" t="s">
        <v>31100</v>
      </c>
      <c r="B29910" s="6"/>
      <c r="C29910" s="6" t="s">
        <v>31102</v>
      </c>
      <c r="D29910" s="6"/>
      <c r="E29910" s="6" t="s">
        <v>9</v>
      </c>
      <c r="F29910" s="7">
        <v>38657</v>
      </c>
      <c r="G29910" s="8">
        <v>5577192</v>
      </c>
      <c r="H29910" s="8">
        <v>5577192</v>
      </c>
      <c r="I29910" s="8">
        <v>0</v>
      </c>
      <c r="J29910" s="8">
        <v>5577192</v>
      </c>
      <c r="K29910" s="9">
        <v>1091</v>
      </c>
      <c r="L29910" s="6" t="s">
        <v>14</v>
      </c>
    </row>
    <row r="29911" spans="1:12">
      <c r="A29911" s="6" t="s">
        <v>31103</v>
      </c>
      <c r="B29911" s="6"/>
      <c r="C29911" s="6" t="s">
        <v>31104</v>
      </c>
      <c r="D29911" s="6"/>
      <c r="E29911" s="6" t="s">
        <v>9</v>
      </c>
      <c r="F29911" s="7">
        <v>38657</v>
      </c>
      <c r="G29911" s="8">
        <v>3246120</v>
      </c>
      <c r="H29911" s="8">
        <v>3246120</v>
      </c>
      <c r="I29911" s="8">
        <v>0</v>
      </c>
      <c r="J29911" s="8">
        <v>3246120</v>
      </c>
      <c r="K29911" s="9">
        <v>635</v>
      </c>
      <c r="L29911" s="6" t="s">
        <v>14</v>
      </c>
    </row>
    <row r="29912" spans="1:12">
      <c r="A29912" s="6" t="s">
        <v>31103</v>
      </c>
      <c r="B29912" s="6"/>
      <c r="C29912" s="6" t="s">
        <v>31105</v>
      </c>
      <c r="D29912" s="6"/>
      <c r="E29912" s="6" t="s">
        <v>9</v>
      </c>
      <c r="F29912" s="7">
        <v>38657</v>
      </c>
      <c r="G29912" s="8">
        <v>61344</v>
      </c>
      <c r="H29912" s="8">
        <v>61344</v>
      </c>
      <c r="I29912" s="8">
        <v>0</v>
      </c>
      <c r="J29912" s="8">
        <v>61344</v>
      </c>
      <c r="K29912" s="9">
        <v>12</v>
      </c>
      <c r="L29912" s="6" t="s">
        <v>14</v>
      </c>
    </row>
    <row r="29913" spans="1:12">
      <c r="A29913" s="6" t="s">
        <v>31106</v>
      </c>
      <c r="B29913" s="6"/>
      <c r="C29913" s="6" t="s">
        <v>31107</v>
      </c>
      <c r="D29913" s="6"/>
      <c r="E29913" s="6" t="s">
        <v>18740</v>
      </c>
      <c r="F29913" s="7">
        <v>38657</v>
      </c>
      <c r="G29913" s="8">
        <v>122688</v>
      </c>
      <c r="H29913" s="8">
        <v>122688</v>
      </c>
      <c r="I29913" s="8">
        <v>0</v>
      </c>
      <c r="J29913" s="8">
        <v>122688</v>
      </c>
      <c r="K29913" s="9">
        <v>24</v>
      </c>
      <c r="L29913" s="6" t="s">
        <v>23</v>
      </c>
    </row>
    <row r="29914" spans="1:12">
      <c r="A29914" s="6" t="s">
        <v>31108</v>
      </c>
      <c r="B29914" s="6"/>
      <c r="C29914" s="6" t="s">
        <v>31109</v>
      </c>
      <c r="D29914" s="6"/>
      <c r="E29914" s="6" t="s">
        <v>9</v>
      </c>
      <c r="F29914" s="7">
        <v>38657</v>
      </c>
      <c r="G29914" s="8">
        <v>613440</v>
      </c>
      <c r="H29914" s="8">
        <v>613440</v>
      </c>
      <c r="I29914" s="8">
        <v>0</v>
      </c>
      <c r="J29914" s="8">
        <v>613440</v>
      </c>
      <c r="K29914" s="9">
        <v>120</v>
      </c>
      <c r="L29914" s="6" t="s">
        <v>14</v>
      </c>
    </row>
    <row r="29915" spans="1:12">
      <c r="A29915" s="6" t="s">
        <v>31110</v>
      </c>
      <c r="B29915" s="6"/>
      <c r="C29915" s="6" t="s">
        <v>31111</v>
      </c>
      <c r="D29915" s="6"/>
      <c r="E29915" s="6" t="s">
        <v>18740</v>
      </c>
      <c r="F29915" s="7">
        <v>38657</v>
      </c>
      <c r="G29915" s="8">
        <v>2464410</v>
      </c>
      <c r="H29915" s="8">
        <v>2464410</v>
      </c>
      <c r="I29915" s="8">
        <v>0</v>
      </c>
      <c r="J29915" s="8">
        <v>2464410</v>
      </c>
      <c r="K29915" s="9">
        <v>69.42</v>
      </c>
      <c r="L29915" s="6" t="s">
        <v>10</v>
      </c>
    </row>
    <row r="29916" spans="1:12">
      <c r="A29916" s="6" t="s">
        <v>31112</v>
      </c>
      <c r="B29916" s="6"/>
      <c r="C29916" s="6" t="s">
        <v>31113</v>
      </c>
      <c r="D29916" s="6"/>
      <c r="E29916" s="6" t="s">
        <v>9</v>
      </c>
      <c r="F29916" s="7">
        <v>38657</v>
      </c>
      <c r="G29916" s="8">
        <v>1303560</v>
      </c>
      <c r="H29916" s="8">
        <v>1303560</v>
      </c>
      <c r="I29916" s="8">
        <v>0</v>
      </c>
      <c r="J29916" s="8">
        <v>1303560</v>
      </c>
      <c r="K29916" s="9">
        <v>255</v>
      </c>
      <c r="L29916" s="6" t="s">
        <v>14</v>
      </c>
    </row>
    <row r="29917" spans="1:12">
      <c r="A29917" s="6" t="s">
        <v>31114</v>
      </c>
      <c r="B29917" s="6"/>
      <c r="C29917" s="6" t="s">
        <v>31115</v>
      </c>
      <c r="D29917" s="6"/>
      <c r="E29917" s="6" t="s">
        <v>18740</v>
      </c>
      <c r="F29917" s="7">
        <v>38657</v>
      </c>
      <c r="G29917" s="8">
        <v>473000</v>
      </c>
      <c r="H29917" s="8">
        <v>473000</v>
      </c>
      <c r="I29917" s="8">
        <v>0</v>
      </c>
      <c r="J29917" s="8">
        <v>473000</v>
      </c>
      <c r="K29917" s="9">
        <v>18.920000000000002</v>
      </c>
      <c r="L29917" s="6" t="s">
        <v>10</v>
      </c>
    </row>
    <row r="29918" spans="1:12">
      <c r="A29918" s="6" t="s">
        <v>31116</v>
      </c>
      <c r="B29918" s="6"/>
      <c r="C29918" s="6" t="s">
        <v>31117</v>
      </c>
      <c r="D29918" s="6"/>
      <c r="E29918" s="6" t="s">
        <v>9</v>
      </c>
      <c r="F29918" s="7">
        <v>38657</v>
      </c>
      <c r="G29918" s="8">
        <v>899712</v>
      </c>
      <c r="H29918" s="8">
        <v>899712</v>
      </c>
      <c r="I29918" s="8">
        <v>0</v>
      </c>
      <c r="J29918" s="8">
        <v>899712</v>
      </c>
      <c r="K29918" s="9">
        <v>176</v>
      </c>
      <c r="L29918" s="6" t="s">
        <v>14</v>
      </c>
    </row>
    <row r="29919" spans="1:12">
      <c r="A29919" s="6" t="s">
        <v>31116</v>
      </c>
      <c r="B29919" s="6"/>
      <c r="C29919" s="6" t="s">
        <v>31118</v>
      </c>
      <c r="D29919" s="6"/>
      <c r="E29919" s="6" t="s">
        <v>9</v>
      </c>
      <c r="F29919" s="7">
        <v>38657</v>
      </c>
      <c r="G29919" s="8">
        <v>322056</v>
      </c>
      <c r="H29919" s="8">
        <v>322056</v>
      </c>
      <c r="I29919" s="8">
        <v>0</v>
      </c>
      <c r="J29919" s="8">
        <v>322056</v>
      </c>
      <c r="K29919" s="9">
        <v>63</v>
      </c>
      <c r="L29919" s="6" t="s">
        <v>14</v>
      </c>
    </row>
    <row r="29920" spans="1:12">
      <c r="A29920" s="6" t="s">
        <v>31116</v>
      </c>
      <c r="B29920" s="6"/>
      <c r="C29920" s="6" t="s">
        <v>31119</v>
      </c>
      <c r="D29920" s="6"/>
      <c r="E29920" s="6" t="s">
        <v>9</v>
      </c>
      <c r="F29920" s="7">
        <v>38657</v>
      </c>
      <c r="G29920" s="8">
        <v>240264</v>
      </c>
      <c r="H29920" s="8">
        <v>240264</v>
      </c>
      <c r="I29920" s="8">
        <v>0</v>
      </c>
      <c r="J29920" s="8">
        <v>240264</v>
      </c>
      <c r="K29920" s="9">
        <v>47</v>
      </c>
      <c r="L29920" s="6" t="s">
        <v>14</v>
      </c>
    </row>
    <row r="29921" spans="1:12">
      <c r="A29921" s="6" t="s">
        <v>31120</v>
      </c>
      <c r="B29921" s="6"/>
      <c r="C29921" s="6" t="s">
        <v>31121</v>
      </c>
      <c r="D29921" s="6"/>
      <c r="E29921" s="6" t="s">
        <v>18740</v>
      </c>
      <c r="F29921" s="7">
        <v>38657</v>
      </c>
      <c r="G29921" s="8">
        <v>7450528</v>
      </c>
      <c r="H29921" s="8">
        <v>7450528</v>
      </c>
      <c r="I29921" s="8">
        <v>0</v>
      </c>
      <c r="J29921" s="8">
        <v>7450528</v>
      </c>
      <c r="K29921" s="9">
        <v>195.04</v>
      </c>
      <c r="L29921" s="6" t="s">
        <v>10</v>
      </c>
    </row>
    <row r="29922" spans="1:12">
      <c r="A29922" s="6" t="s">
        <v>31120</v>
      </c>
      <c r="B29922" s="6"/>
      <c r="C29922" s="6" t="s">
        <v>31122</v>
      </c>
      <c r="D29922" s="6"/>
      <c r="E29922" s="6" t="s">
        <v>18740</v>
      </c>
      <c r="F29922" s="7">
        <v>38657</v>
      </c>
      <c r="G29922" s="8">
        <v>2003972</v>
      </c>
      <c r="H29922" s="8">
        <v>2003972</v>
      </c>
      <c r="I29922" s="8">
        <v>0</v>
      </c>
      <c r="J29922" s="8">
        <v>2003972</v>
      </c>
      <c r="K29922" s="9">
        <v>52.46</v>
      </c>
      <c r="L29922" s="6" t="s">
        <v>10</v>
      </c>
    </row>
    <row r="29923" spans="1:12">
      <c r="A29923" s="6" t="s">
        <v>31123</v>
      </c>
      <c r="B29923" s="6"/>
      <c r="C29923" s="6" t="s">
        <v>31124</v>
      </c>
      <c r="D29923" s="6"/>
      <c r="E29923" s="6" t="s">
        <v>18740</v>
      </c>
      <c r="F29923" s="7">
        <v>38657</v>
      </c>
      <c r="G29923" s="8">
        <v>148248</v>
      </c>
      <c r="H29923" s="8">
        <v>148248</v>
      </c>
      <c r="I29923" s="8">
        <v>0</v>
      </c>
      <c r="J29923" s="8">
        <v>148248</v>
      </c>
      <c r="K29923" s="9">
        <v>29</v>
      </c>
      <c r="L29923" s="6" t="s">
        <v>23</v>
      </c>
    </row>
    <row r="29924" spans="1:12">
      <c r="A29924" s="6" t="s">
        <v>31125</v>
      </c>
      <c r="B29924" s="6"/>
      <c r="C29924" s="6" t="s">
        <v>31126</v>
      </c>
      <c r="D29924" s="6"/>
      <c r="E29924" s="6" t="s">
        <v>18740</v>
      </c>
      <c r="F29924" s="7">
        <v>38657</v>
      </c>
      <c r="G29924" s="8">
        <v>9661</v>
      </c>
      <c r="H29924" s="8">
        <v>9661</v>
      </c>
      <c r="I29924" s="8">
        <v>0</v>
      </c>
      <c r="J29924" s="8">
        <v>9661</v>
      </c>
      <c r="K29924" s="9">
        <v>1.89</v>
      </c>
      <c r="L29924" s="6" t="s">
        <v>23</v>
      </c>
    </row>
    <row r="29925" spans="1:12">
      <c r="A29925" s="6" t="s">
        <v>31127</v>
      </c>
      <c r="B29925" s="6"/>
      <c r="C29925" s="6" t="s">
        <v>31128</v>
      </c>
      <c r="D29925" s="6"/>
      <c r="E29925" s="6" t="s">
        <v>18740</v>
      </c>
      <c r="F29925" s="7">
        <v>38657</v>
      </c>
      <c r="G29925" s="8">
        <v>1377600</v>
      </c>
      <c r="H29925" s="8">
        <v>1377600</v>
      </c>
      <c r="I29925" s="8">
        <v>0</v>
      </c>
      <c r="J29925" s="8">
        <v>1377600</v>
      </c>
      <c r="K29925" s="9">
        <v>42</v>
      </c>
      <c r="L29925" s="6" t="s">
        <v>10</v>
      </c>
    </row>
    <row r="29926" spans="1:12">
      <c r="A29926" s="6" t="s">
        <v>31129</v>
      </c>
      <c r="B29926" s="6"/>
      <c r="C29926" s="6" t="s">
        <v>31130</v>
      </c>
      <c r="D29926" s="6"/>
      <c r="E29926" s="6" t="s">
        <v>9</v>
      </c>
      <c r="F29926" s="7">
        <v>38657</v>
      </c>
      <c r="G29926" s="8">
        <v>1681848</v>
      </c>
      <c r="H29926" s="8">
        <v>1681848</v>
      </c>
      <c r="I29926" s="8">
        <v>0</v>
      </c>
      <c r="J29926" s="8">
        <v>1681848</v>
      </c>
      <c r="K29926" s="9">
        <v>329</v>
      </c>
      <c r="L29926" s="6" t="s">
        <v>14</v>
      </c>
    </row>
    <row r="29927" spans="1:12">
      <c r="A29927" s="6" t="s">
        <v>31131</v>
      </c>
      <c r="B29927" s="6"/>
      <c r="C29927" s="6" t="s">
        <v>31132</v>
      </c>
      <c r="D29927" s="6"/>
      <c r="E29927" s="6" t="s">
        <v>18740</v>
      </c>
      <c r="F29927" s="7">
        <v>38657</v>
      </c>
      <c r="G29927" s="8">
        <v>276048</v>
      </c>
      <c r="H29927" s="8">
        <v>276048</v>
      </c>
      <c r="I29927" s="8">
        <v>0</v>
      </c>
      <c r="J29927" s="8">
        <v>276048</v>
      </c>
      <c r="K29927" s="9">
        <v>54</v>
      </c>
      <c r="L29927" s="6" t="s">
        <v>23</v>
      </c>
    </row>
    <row r="29928" spans="1:12">
      <c r="A29928" s="6" t="s">
        <v>31133</v>
      </c>
      <c r="B29928" s="6"/>
      <c r="C29928" s="6" t="s">
        <v>31134</v>
      </c>
      <c r="D29928" s="6"/>
      <c r="E29928" s="6" t="s">
        <v>18740</v>
      </c>
      <c r="F29928" s="7">
        <v>38657</v>
      </c>
      <c r="G29928" s="8">
        <v>56232</v>
      </c>
      <c r="H29928" s="8">
        <v>56232</v>
      </c>
      <c r="I29928" s="8">
        <v>0</v>
      </c>
      <c r="J29928" s="8">
        <v>56232</v>
      </c>
      <c r="K29928" s="9">
        <v>11</v>
      </c>
      <c r="L29928" s="6" t="s">
        <v>23</v>
      </c>
    </row>
    <row r="29929" spans="1:12">
      <c r="A29929" s="6" t="s">
        <v>31133</v>
      </c>
      <c r="B29929" s="6"/>
      <c r="C29929" s="6" t="s">
        <v>31135</v>
      </c>
      <c r="D29929" s="6"/>
      <c r="E29929" s="6" t="s">
        <v>18740</v>
      </c>
      <c r="F29929" s="7">
        <v>38657</v>
      </c>
      <c r="G29929" s="8">
        <v>51120</v>
      </c>
      <c r="H29929" s="8">
        <v>51120</v>
      </c>
      <c r="I29929" s="8">
        <v>0</v>
      </c>
      <c r="J29929" s="8">
        <v>51120</v>
      </c>
      <c r="K29929" s="9">
        <v>10</v>
      </c>
      <c r="L29929" s="6" t="s">
        <v>23</v>
      </c>
    </row>
    <row r="29930" spans="1:12">
      <c r="A29930" s="6" t="s">
        <v>31136</v>
      </c>
      <c r="B29930" s="6"/>
      <c r="C29930" s="6" t="s">
        <v>31137</v>
      </c>
      <c r="D29930" s="6"/>
      <c r="E29930" s="6" t="s">
        <v>18740</v>
      </c>
      <c r="F29930" s="7">
        <v>38657</v>
      </c>
      <c r="G29930" s="8">
        <v>36346</v>
      </c>
      <c r="H29930" s="8">
        <v>36346</v>
      </c>
      <c r="I29930" s="8">
        <v>0</v>
      </c>
      <c r="J29930" s="8">
        <v>36346</v>
      </c>
      <c r="K29930" s="9">
        <v>7.11</v>
      </c>
      <c r="L29930" s="6" t="s">
        <v>23</v>
      </c>
    </row>
    <row r="29931" spans="1:12">
      <c r="A29931" s="6" t="s">
        <v>31138</v>
      </c>
      <c r="B29931" s="6"/>
      <c r="C29931" s="6" t="s">
        <v>31139</v>
      </c>
      <c r="D29931" s="6"/>
      <c r="E29931" s="6" t="s">
        <v>18740</v>
      </c>
      <c r="F29931" s="7">
        <v>38657</v>
      </c>
      <c r="G29931" s="8">
        <v>40180</v>
      </c>
      <c r="H29931" s="8">
        <v>40180</v>
      </c>
      <c r="I29931" s="8">
        <v>0</v>
      </c>
      <c r="J29931" s="8">
        <v>40180</v>
      </c>
      <c r="K29931" s="9">
        <v>7.86</v>
      </c>
      <c r="L29931" s="6" t="s">
        <v>23</v>
      </c>
    </row>
    <row r="29932" spans="1:12">
      <c r="A29932" s="6" t="s">
        <v>31138</v>
      </c>
      <c r="B29932" s="6"/>
      <c r="C29932" s="6" t="s">
        <v>31140</v>
      </c>
      <c r="D29932" s="6"/>
      <c r="E29932" s="6" t="s">
        <v>18740</v>
      </c>
      <c r="F29932" s="7">
        <v>38657</v>
      </c>
      <c r="G29932" s="8">
        <v>449856</v>
      </c>
      <c r="H29932" s="8">
        <v>449856</v>
      </c>
      <c r="I29932" s="8">
        <v>0</v>
      </c>
      <c r="J29932" s="8">
        <v>449856</v>
      </c>
      <c r="K29932" s="9">
        <v>88</v>
      </c>
      <c r="L29932" s="6" t="s">
        <v>23</v>
      </c>
    </row>
    <row r="29933" spans="1:12">
      <c r="A29933" s="6" t="s">
        <v>31138</v>
      </c>
      <c r="B29933" s="6"/>
      <c r="C29933" s="6" t="s">
        <v>31141</v>
      </c>
      <c r="D29933" s="6"/>
      <c r="E29933" s="6" t="s">
        <v>18740</v>
      </c>
      <c r="F29933" s="7">
        <v>38657</v>
      </c>
      <c r="G29933" s="8">
        <v>265824</v>
      </c>
      <c r="H29933" s="8">
        <v>265824</v>
      </c>
      <c r="I29933" s="8">
        <v>0</v>
      </c>
      <c r="J29933" s="8">
        <v>265824</v>
      </c>
      <c r="K29933" s="9">
        <v>52</v>
      </c>
      <c r="L29933" s="6" t="s">
        <v>23</v>
      </c>
    </row>
    <row r="29934" spans="1:12">
      <c r="A29934" s="6" t="s">
        <v>31138</v>
      </c>
      <c r="B29934" s="6"/>
      <c r="C29934" s="6" t="s">
        <v>31142</v>
      </c>
      <c r="D29934" s="6"/>
      <c r="E29934" s="6" t="s">
        <v>18740</v>
      </c>
      <c r="F29934" s="7">
        <v>38657</v>
      </c>
      <c r="G29934" s="8">
        <v>102240</v>
      </c>
      <c r="H29934" s="8">
        <v>102240</v>
      </c>
      <c r="I29934" s="8">
        <v>0</v>
      </c>
      <c r="J29934" s="8">
        <v>102240</v>
      </c>
      <c r="K29934" s="9">
        <v>20</v>
      </c>
      <c r="L29934" s="6" t="s">
        <v>23</v>
      </c>
    </row>
    <row r="29935" spans="1:12">
      <c r="A29935" s="6" t="s">
        <v>31138</v>
      </c>
      <c r="B29935" s="6"/>
      <c r="C29935" s="6" t="s">
        <v>31143</v>
      </c>
      <c r="D29935" s="6"/>
      <c r="E29935" s="6" t="s">
        <v>18740</v>
      </c>
      <c r="F29935" s="7">
        <v>38657</v>
      </c>
      <c r="G29935" s="8">
        <v>112464</v>
      </c>
      <c r="H29935" s="8">
        <v>112464</v>
      </c>
      <c r="I29935" s="8">
        <v>0</v>
      </c>
      <c r="J29935" s="8">
        <v>112464</v>
      </c>
      <c r="K29935" s="9">
        <v>22</v>
      </c>
      <c r="L29935" s="6" t="s">
        <v>23</v>
      </c>
    </row>
    <row r="29936" spans="1:12">
      <c r="A29936" s="6" t="s">
        <v>31144</v>
      </c>
      <c r="B29936" s="6"/>
      <c r="C29936" s="6" t="s">
        <v>31145</v>
      </c>
      <c r="D29936" s="6"/>
      <c r="E29936" s="6" t="s">
        <v>18740</v>
      </c>
      <c r="F29936" s="7">
        <v>38657</v>
      </c>
      <c r="G29936" s="8">
        <v>51120</v>
      </c>
      <c r="H29936" s="8">
        <v>51120</v>
      </c>
      <c r="I29936" s="8">
        <v>0</v>
      </c>
      <c r="J29936" s="8">
        <v>51120</v>
      </c>
      <c r="K29936" s="9">
        <v>10</v>
      </c>
      <c r="L29936" s="6" t="s">
        <v>23</v>
      </c>
    </row>
    <row r="29937" spans="1:12">
      <c r="A29937" s="6" t="s">
        <v>31146</v>
      </c>
      <c r="B29937" s="6"/>
      <c r="C29937" s="6" t="s">
        <v>31147</v>
      </c>
      <c r="D29937" s="6"/>
      <c r="E29937" s="6" t="s">
        <v>18740</v>
      </c>
      <c r="F29937" s="7">
        <v>38657</v>
      </c>
      <c r="G29937" s="8">
        <v>148248</v>
      </c>
      <c r="H29937" s="8">
        <v>148248</v>
      </c>
      <c r="I29937" s="8">
        <v>0</v>
      </c>
      <c r="J29937" s="8">
        <v>148248</v>
      </c>
      <c r="K29937" s="9">
        <v>29</v>
      </c>
      <c r="L29937" s="6" t="s">
        <v>23</v>
      </c>
    </row>
    <row r="29938" spans="1:12">
      <c r="A29938" s="6" t="s">
        <v>31146</v>
      </c>
      <c r="B29938" s="6"/>
      <c r="C29938" s="6" t="s">
        <v>31148</v>
      </c>
      <c r="D29938" s="6"/>
      <c r="E29938" s="6" t="s">
        <v>18740</v>
      </c>
      <c r="F29938" s="7">
        <v>38657</v>
      </c>
      <c r="G29938" s="8">
        <v>51120</v>
      </c>
      <c r="H29938" s="8">
        <v>51120</v>
      </c>
      <c r="I29938" s="8">
        <v>0</v>
      </c>
      <c r="J29938" s="8">
        <v>51120</v>
      </c>
      <c r="K29938" s="9">
        <v>10</v>
      </c>
      <c r="L29938" s="6" t="s">
        <v>23</v>
      </c>
    </row>
    <row r="29939" spans="1:12">
      <c r="A29939" s="6" t="s">
        <v>31146</v>
      </c>
      <c r="B29939" s="6"/>
      <c r="C29939" s="6" t="s">
        <v>31149</v>
      </c>
      <c r="D29939" s="6"/>
      <c r="E29939" s="6" t="s">
        <v>18740</v>
      </c>
      <c r="F29939" s="7">
        <v>38657</v>
      </c>
      <c r="G29939" s="8">
        <v>204480</v>
      </c>
      <c r="H29939" s="8">
        <v>204480</v>
      </c>
      <c r="I29939" s="8">
        <v>0</v>
      </c>
      <c r="J29939" s="8">
        <v>204480</v>
      </c>
      <c r="K29939" s="9">
        <v>40</v>
      </c>
      <c r="L29939" s="6" t="s">
        <v>23</v>
      </c>
    </row>
    <row r="29940" spans="1:12">
      <c r="A29940" s="6" t="s">
        <v>31146</v>
      </c>
      <c r="B29940" s="6"/>
      <c r="C29940" s="6" t="s">
        <v>31150</v>
      </c>
      <c r="D29940" s="6"/>
      <c r="E29940" s="6" t="s">
        <v>18740</v>
      </c>
      <c r="F29940" s="7">
        <v>38657</v>
      </c>
      <c r="G29940" s="8">
        <v>362952</v>
      </c>
      <c r="H29940" s="8">
        <v>362952</v>
      </c>
      <c r="I29940" s="8">
        <v>0</v>
      </c>
      <c r="J29940" s="8">
        <v>362952</v>
      </c>
      <c r="K29940" s="9">
        <v>71</v>
      </c>
      <c r="L29940" s="6" t="s">
        <v>23</v>
      </c>
    </row>
    <row r="29941" spans="1:12">
      <c r="A29941" s="6" t="s">
        <v>31151</v>
      </c>
      <c r="B29941" s="6"/>
      <c r="C29941" s="6" t="s">
        <v>31152</v>
      </c>
      <c r="D29941" s="6"/>
      <c r="E29941" s="6" t="s">
        <v>9</v>
      </c>
      <c r="F29941" s="7">
        <v>38657</v>
      </c>
      <c r="G29941" s="8">
        <v>1053072</v>
      </c>
      <c r="H29941" s="8">
        <v>1053072</v>
      </c>
      <c r="I29941" s="8">
        <v>0</v>
      </c>
      <c r="J29941" s="8">
        <v>1053072</v>
      </c>
      <c r="K29941" s="9">
        <v>206</v>
      </c>
      <c r="L29941" s="6" t="s">
        <v>14</v>
      </c>
    </row>
    <row r="29942" spans="1:12">
      <c r="A29942" s="6" t="s">
        <v>31151</v>
      </c>
      <c r="B29942" s="6"/>
      <c r="C29942" s="6" t="s">
        <v>31153</v>
      </c>
      <c r="D29942" s="6"/>
      <c r="E29942" s="6" t="s">
        <v>9</v>
      </c>
      <c r="F29942" s="7">
        <v>38657</v>
      </c>
      <c r="G29942" s="8">
        <v>1579608</v>
      </c>
      <c r="H29942" s="8">
        <v>1579608</v>
      </c>
      <c r="I29942" s="8">
        <v>0</v>
      </c>
      <c r="J29942" s="8">
        <v>1579608</v>
      </c>
      <c r="K29942" s="9">
        <v>309</v>
      </c>
      <c r="L29942" s="6" t="s">
        <v>14</v>
      </c>
    </row>
    <row r="29943" spans="1:12">
      <c r="A29943" s="6" t="s">
        <v>31154</v>
      </c>
      <c r="B29943" s="6"/>
      <c r="C29943" s="6" t="s">
        <v>31155</v>
      </c>
      <c r="D29943" s="6"/>
      <c r="E29943" s="6" t="s">
        <v>9</v>
      </c>
      <c r="F29943" s="7">
        <v>38657</v>
      </c>
      <c r="G29943" s="8">
        <v>685008</v>
      </c>
      <c r="H29943" s="8">
        <v>685008</v>
      </c>
      <c r="I29943" s="8">
        <v>0</v>
      </c>
      <c r="J29943" s="8">
        <v>685008</v>
      </c>
      <c r="K29943" s="9">
        <v>134</v>
      </c>
      <c r="L29943" s="6" t="s">
        <v>23</v>
      </c>
    </row>
    <row r="29944" spans="1:12">
      <c r="A29944" s="6" t="s">
        <v>31154</v>
      </c>
      <c r="B29944" s="6"/>
      <c r="C29944" s="6" t="s">
        <v>31156</v>
      </c>
      <c r="D29944" s="6"/>
      <c r="E29944" s="6" t="s">
        <v>9</v>
      </c>
      <c r="F29944" s="7">
        <v>38657</v>
      </c>
      <c r="G29944" s="8">
        <v>92016</v>
      </c>
      <c r="H29944" s="8">
        <v>92016</v>
      </c>
      <c r="I29944" s="8">
        <v>0</v>
      </c>
      <c r="J29944" s="8">
        <v>92016</v>
      </c>
      <c r="K29944" s="9">
        <v>18</v>
      </c>
      <c r="L29944" s="6" t="s">
        <v>23</v>
      </c>
    </row>
    <row r="29945" spans="1:12">
      <c r="A29945" s="6" t="s">
        <v>31157</v>
      </c>
      <c r="B29945" s="6"/>
      <c r="C29945" s="6" t="s">
        <v>31158</v>
      </c>
      <c r="D29945" s="6"/>
      <c r="E29945" s="6" t="s">
        <v>18740</v>
      </c>
      <c r="F29945" s="7">
        <v>38657</v>
      </c>
      <c r="G29945" s="8">
        <v>168696</v>
      </c>
      <c r="H29945" s="8">
        <v>168696</v>
      </c>
      <c r="I29945" s="8">
        <v>0</v>
      </c>
      <c r="J29945" s="8">
        <v>168696</v>
      </c>
      <c r="K29945" s="9">
        <v>33</v>
      </c>
      <c r="L29945" s="6" t="s">
        <v>23</v>
      </c>
    </row>
    <row r="29946" spans="1:12">
      <c r="A29946" s="6" t="s">
        <v>31159</v>
      </c>
      <c r="B29946" s="6"/>
      <c r="C29946" s="6" t="s">
        <v>31160</v>
      </c>
      <c r="D29946" s="6"/>
      <c r="E29946" s="6" t="s">
        <v>18740</v>
      </c>
      <c r="F29946" s="7">
        <v>38657</v>
      </c>
      <c r="G29946" s="8">
        <v>33790</v>
      </c>
      <c r="H29946" s="8">
        <v>33790</v>
      </c>
      <c r="I29946" s="8">
        <v>0</v>
      </c>
      <c r="J29946" s="8">
        <v>33790</v>
      </c>
      <c r="K29946" s="9">
        <v>6.61</v>
      </c>
      <c r="L29946" s="6" t="s">
        <v>23</v>
      </c>
    </row>
    <row r="29947" spans="1:12">
      <c r="A29947" s="6" t="s">
        <v>31161</v>
      </c>
      <c r="B29947" s="6"/>
      <c r="C29947" s="6" t="s">
        <v>31162</v>
      </c>
      <c r="D29947" s="6"/>
      <c r="E29947" s="6" t="s">
        <v>18740</v>
      </c>
      <c r="F29947" s="7">
        <v>38657</v>
      </c>
      <c r="G29947" s="8">
        <v>1296000</v>
      </c>
      <c r="H29947" s="8">
        <v>1296000</v>
      </c>
      <c r="I29947" s="8">
        <v>0</v>
      </c>
      <c r="J29947" s="8">
        <v>1296000</v>
      </c>
      <c r="K29947" s="9">
        <v>48</v>
      </c>
      <c r="L29947" s="6" t="s">
        <v>10</v>
      </c>
    </row>
    <row r="29948" spans="1:12">
      <c r="A29948" s="6" t="s">
        <v>31163</v>
      </c>
      <c r="B29948" s="6"/>
      <c r="C29948" s="6" t="s">
        <v>31164</v>
      </c>
      <c r="D29948" s="6"/>
      <c r="E29948" s="6" t="s">
        <v>9</v>
      </c>
      <c r="F29948" s="7">
        <v>38657</v>
      </c>
      <c r="G29948" s="8">
        <v>598104</v>
      </c>
      <c r="H29948" s="8">
        <v>598104</v>
      </c>
      <c r="I29948" s="8">
        <v>0</v>
      </c>
      <c r="J29948" s="8">
        <v>598104</v>
      </c>
      <c r="K29948" s="9">
        <v>117</v>
      </c>
      <c r="L29948" s="6" t="s">
        <v>14</v>
      </c>
    </row>
    <row r="29949" spans="1:12">
      <c r="A29949" s="6" t="s">
        <v>31165</v>
      </c>
      <c r="B29949" s="6"/>
      <c r="C29949" s="6" t="s">
        <v>31166</v>
      </c>
      <c r="D29949" s="6"/>
      <c r="E29949" s="6" t="s">
        <v>9</v>
      </c>
      <c r="F29949" s="7">
        <v>38657</v>
      </c>
      <c r="G29949" s="8">
        <v>2239056</v>
      </c>
      <c r="H29949" s="8">
        <v>2239056</v>
      </c>
      <c r="I29949" s="8">
        <v>0</v>
      </c>
      <c r="J29949" s="8">
        <v>2239056</v>
      </c>
      <c r="K29949" s="9">
        <v>438</v>
      </c>
      <c r="L29949" s="6" t="s">
        <v>14</v>
      </c>
    </row>
    <row r="29950" spans="1:12">
      <c r="A29950" s="6" t="s">
        <v>31167</v>
      </c>
      <c r="B29950" s="6"/>
      <c r="C29950" s="6" t="s">
        <v>31168</v>
      </c>
      <c r="D29950" s="6"/>
      <c r="E29950" s="6" t="s">
        <v>18740</v>
      </c>
      <c r="F29950" s="7">
        <v>38657</v>
      </c>
      <c r="G29950" s="8">
        <v>388512</v>
      </c>
      <c r="H29950" s="8">
        <v>388512</v>
      </c>
      <c r="I29950" s="8">
        <v>0</v>
      </c>
      <c r="J29950" s="8">
        <v>388512</v>
      </c>
      <c r="K29950" s="9">
        <v>76</v>
      </c>
      <c r="L29950" s="6" t="s">
        <v>23</v>
      </c>
    </row>
    <row r="29951" spans="1:12">
      <c r="A29951" s="6" t="s">
        <v>31169</v>
      </c>
      <c r="B29951" s="6"/>
      <c r="C29951" s="6" t="s">
        <v>31170</v>
      </c>
      <c r="D29951" s="6"/>
      <c r="E29951" s="6" t="s">
        <v>18740</v>
      </c>
      <c r="F29951" s="7">
        <v>38657</v>
      </c>
      <c r="G29951" s="8">
        <v>2313575</v>
      </c>
      <c r="H29951" s="8">
        <v>2313575</v>
      </c>
      <c r="I29951" s="8">
        <v>0</v>
      </c>
      <c r="J29951" s="8">
        <v>2313575</v>
      </c>
      <c r="K29951" s="9">
        <v>84.13</v>
      </c>
      <c r="L29951" s="6" t="s">
        <v>10</v>
      </c>
    </row>
    <row r="29952" spans="1:12">
      <c r="A29952" s="6" t="s">
        <v>31169</v>
      </c>
      <c r="B29952" s="6"/>
      <c r="C29952" s="6" t="s">
        <v>31171</v>
      </c>
      <c r="D29952" s="6"/>
      <c r="E29952" s="6" t="s">
        <v>18740</v>
      </c>
      <c r="F29952" s="7">
        <v>38657</v>
      </c>
      <c r="G29952" s="8">
        <v>1005400</v>
      </c>
      <c r="H29952" s="8">
        <v>1005400</v>
      </c>
      <c r="I29952" s="8">
        <v>0</v>
      </c>
      <c r="J29952" s="8">
        <v>1005400</v>
      </c>
      <c r="K29952" s="9">
        <v>36.56</v>
      </c>
      <c r="L29952" s="6" t="s">
        <v>10</v>
      </c>
    </row>
    <row r="29953" spans="1:12">
      <c r="A29953" s="6" t="s">
        <v>31169</v>
      </c>
      <c r="B29953" s="6"/>
      <c r="C29953" s="6" t="s">
        <v>31172</v>
      </c>
      <c r="D29953" s="6"/>
      <c r="E29953" s="6" t="s">
        <v>18740</v>
      </c>
      <c r="F29953" s="7">
        <v>38657</v>
      </c>
      <c r="G29953" s="8">
        <v>1929950</v>
      </c>
      <c r="H29953" s="8">
        <v>1929950</v>
      </c>
      <c r="I29953" s="8">
        <v>0</v>
      </c>
      <c r="J29953" s="8">
        <v>1929950</v>
      </c>
      <c r="K29953" s="9">
        <v>70.180000000000007</v>
      </c>
      <c r="L29953" s="6" t="s">
        <v>10</v>
      </c>
    </row>
    <row r="29954" spans="1:12">
      <c r="A29954" s="6" t="s">
        <v>31169</v>
      </c>
      <c r="B29954" s="6"/>
      <c r="C29954" s="6" t="s">
        <v>31173</v>
      </c>
      <c r="D29954" s="6"/>
      <c r="E29954" s="6" t="s">
        <v>18740</v>
      </c>
      <c r="F29954" s="7">
        <v>38657</v>
      </c>
      <c r="G29954" s="8">
        <v>2463450</v>
      </c>
      <c r="H29954" s="8">
        <v>2463450</v>
      </c>
      <c r="I29954" s="8">
        <v>0</v>
      </c>
      <c r="J29954" s="8">
        <v>2463450</v>
      </c>
      <c r="K29954" s="9">
        <v>89.58</v>
      </c>
      <c r="L29954" s="6" t="s">
        <v>10</v>
      </c>
    </row>
    <row r="29955" spans="1:12">
      <c r="A29955" s="6" t="s">
        <v>31174</v>
      </c>
      <c r="B29955" s="6"/>
      <c r="C29955" s="6" t="s">
        <v>31175</v>
      </c>
      <c r="D29955" s="6"/>
      <c r="E29955" s="6" t="s">
        <v>18740</v>
      </c>
      <c r="F29955" s="7">
        <v>38657</v>
      </c>
      <c r="G29955" s="8">
        <v>454968</v>
      </c>
      <c r="H29955" s="8">
        <v>454968</v>
      </c>
      <c r="I29955" s="8">
        <v>0</v>
      </c>
      <c r="J29955" s="8">
        <v>454968</v>
      </c>
      <c r="K29955" s="9">
        <v>89</v>
      </c>
      <c r="L29955" s="6" t="s">
        <v>23</v>
      </c>
    </row>
    <row r="29956" spans="1:12">
      <c r="A29956" s="6" t="s">
        <v>31176</v>
      </c>
      <c r="B29956" s="6"/>
      <c r="C29956" s="6" t="s">
        <v>31177</v>
      </c>
      <c r="D29956" s="6"/>
      <c r="E29956" s="6" t="s">
        <v>18740</v>
      </c>
      <c r="F29956" s="7">
        <v>38657</v>
      </c>
      <c r="G29956" s="8">
        <v>2603792</v>
      </c>
      <c r="H29956" s="8">
        <v>2603792</v>
      </c>
      <c r="I29956" s="8">
        <v>0</v>
      </c>
      <c r="J29956" s="8">
        <v>2603792</v>
      </c>
      <c r="K29956" s="9">
        <v>59.72</v>
      </c>
      <c r="L29956" s="6" t="s">
        <v>10</v>
      </c>
    </row>
    <row r="29957" spans="1:12">
      <c r="A29957" s="6" t="s">
        <v>31178</v>
      </c>
      <c r="B29957" s="6"/>
      <c r="C29957" s="6" t="s">
        <v>31179</v>
      </c>
      <c r="D29957" s="6"/>
      <c r="E29957" s="6" t="s">
        <v>9</v>
      </c>
      <c r="F29957" s="7">
        <v>38657</v>
      </c>
      <c r="G29957" s="8">
        <v>2326608</v>
      </c>
      <c r="H29957" s="8">
        <v>2326608</v>
      </c>
      <c r="I29957" s="8">
        <v>0</v>
      </c>
      <c r="J29957" s="8">
        <v>2326608</v>
      </c>
      <c r="K29957" s="9">
        <v>51.36</v>
      </c>
      <c r="L29957" s="6" t="s">
        <v>10</v>
      </c>
    </row>
    <row r="29958" spans="1:12">
      <c r="A29958" s="6" t="s">
        <v>31180</v>
      </c>
      <c r="B29958" s="6"/>
      <c r="C29958" s="6" t="s">
        <v>31181</v>
      </c>
      <c r="D29958" s="6"/>
      <c r="E29958" s="6" t="s">
        <v>18740</v>
      </c>
      <c r="F29958" s="7">
        <v>38657</v>
      </c>
      <c r="G29958" s="8">
        <v>240264</v>
      </c>
      <c r="H29958" s="8">
        <v>240264</v>
      </c>
      <c r="I29958" s="8">
        <v>0</v>
      </c>
      <c r="J29958" s="8">
        <v>240264</v>
      </c>
      <c r="K29958" s="9">
        <v>47</v>
      </c>
      <c r="L29958" s="6" t="s">
        <v>23</v>
      </c>
    </row>
    <row r="29959" spans="1:12">
      <c r="A29959" s="6" t="s">
        <v>31182</v>
      </c>
      <c r="B29959" s="6"/>
      <c r="C29959" s="6" t="s">
        <v>31183</v>
      </c>
      <c r="D29959" s="6"/>
      <c r="E29959" s="6" t="s">
        <v>18740</v>
      </c>
      <c r="F29959" s="7">
        <v>38657</v>
      </c>
      <c r="G29959" s="8">
        <v>7793192</v>
      </c>
      <c r="H29959" s="8">
        <v>7793192</v>
      </c>
      <c r="I29959" s="8">
        <v>0</v>
      </c>
      <c r="J29959" s="8">
        <v>7793192</v>
      </c>
      <c r="K29959" s="9">
        <v>165.11</v>
      </c>
      <c r="L29959" s="6" t="s">
        <v>10</v>
      </c>
    </row>
    <row r="29960" spans="1:12">
      <c r="A29960" s="6" t="s">
        <v>31184</v>
      </c>
      <c r="B29960" s="6"/>
      <c r="C29960" s="6" t="s">
        <v>31185</v>
      </c>
      <c r="D29960" s="6"/>
      <c r="E29960" s="6" t="s">
        <v>9</v>
      </c>
      <c r="F29960" s="7">
        <v>38657</v>
      </c>
      <c r="G29960" s="8">
        <v>639000</v>
      </c>
      <c r="H29960" s="8">
        <v>639000</v>
      </c>
      <c r="I29960" s="8">
        <v>0</v>
      </c>
      <c r="J29960" s="8">
        <v>639000</v>
      </c>
      <c r="K29960" s="9">
        <v>125</v>
      </c>
      <c r="L29960" s="6" t="s">
        <v>14</v>
      </c>
    </row>
    <row r="29961" spans="1:12">
      <c r="A29961" s="6" t="s">
        <v>31186</v>
      </c>
      <c r="B29961" s="6"/>
      <c r="C29961" s="6" t="s">
        <v>31187</v>
      </c>
      <c r="D29961" s="6"/>
      <c r="E29961" s="6" t="s">
        <v>9</v>
      </c>
      <c r="F29961" s="7">
        <v>38657</v>
      </c>
      <c r="G29961" s="8">
        <v>1196208</v>
      </c>
      <c r="H29961" s="8">
        <v>1196208</v>
      </c>
      <c r="I29961" s="8">
        <v>0</v>
      </c>
      <c r="J29961" s="8">
        <v>1196208</v>
      </c>
      <c r="K29961" s="9">
        <v>234</v>
      </c>
      <c r="L29961" s="6" t="s">
        <v>14</v>
      </c>
    </row>
    <row r="29962" spans="1:12">
      <c r="A29962" s="6" t="s">
        <v>31188</v>
      </c>
      <c r="B29962" s="6"/>
      <c r="C29962" s="6" t="s">
        <v>31189</v>
      </c>
      <c r="D29962" s="6"/>
      <c r="E29962" s="6" t="s">
        <v>18740</v>
      </c>
      <c r="F29962" s="7">
        <v>38657</v>
      </c>
      <c r="G29962" s="8">
        <v>92944</v>
      </c>
      <c r="H29962" s="8">
        <v>92944</v>
      </c>
      <c r="I29962" s="8">
        <v>0</v>
      </c>
      <c r="J29962" s="8">
        <v>92944</v>
      </c>
      <c r="K29962" s="9">
        <v>3.14</v>
      </c>
      <c r="L29962" s="6" t="s">
        <v>10</v>
      </c>
    </row>
    <row r="29963" spans="1:12">
      <c r="A29963" s="6" t="s">
        <v>31190</v>
      </c>
      <c r="B29963" s="6"/>
      <c r="C29963" s="6" t="s">
        <v>31191</v>
      </c>
      <c r="D29963" s="6"/>
      <c r="E29963" s="6" t="s">
        <v>18740</v>
      </c>
      <c r="F29963" s="7">
        <v>38657</v>
      </c>
      <c r="G29963" s="8">
        <v>3926144</v>
      </c>
      <c r="H29963" s="8">
        <v>3926144</v>
      </c>
      <c r="I29963" s="8">
        <v>0</v>
      </c>
      <c r="J29963" s="8">
        <v>3926144</v>
      </c>
      <c r="K29963" s="9">
        <v>132.63999999999899</v>
      </c>
      <c r="L29963" s="6" t="s">
        <v>10</v>
      </c>
    </row>
    <row r="29964" spans="1:12">
      <c r="A29964" s="6" t="s">
        <v>31192</v>
      </c>
      <c r="B29964" s="6"/>
      <c r="C29964" s="6" t="s">
        <v>31193</v>
      </c>
      <c r="D29964" s="6"/>
      <c r="E29964" s="6" t="s">
        <v>18740</v>
      </c>
      <c r="F29964" s="7">
        <v>38657</v>
      </c>
      <c r="G29964" s="8">
        <v>132912</v>
      </c>
      <c r="H29964" s="8">
        <v>132912</v>
      </c>
      <c r="I29964" s="8">
        <v>0</v>
      </c>
      <c r="J29964" s="8">
        <v>132912</v>
      </c>
      <c r="K29964" s="9">
        <v>26</v>
      </c>
      <c r="L29964" s="6" t="s">
        <v>23</v>
      </c>
    </row>
    <row r="29965" spans="1:12">
      <c r="A29965" s="6" t="s">
        <v>31194</v>
      </c>
      <c r="B29965" s="6"/>
      <c r="C29965" s="6" t="s">
        <v>31195</v>
      </c>
      <c r="D29965" s="6"/>
      <c r="E29965" s="6" t="s">
        <v>18740</v>
      </c>
      <c r="F29965" s="7">
        <v>38657</v>
      </c>
      <c r="G29965" s="8">
        <v>1330776</v>
      </c>
      <c r="H29965" s="8">
        <v>1330776</v>
      </c>
      <c r="I29965" s="8">
        <v>0</v>
      </c>
      <c r="J29965" s="8">
        <v>1330776</v>
      </c>
      <c r="K29965" s="9">
        <v>72.72</v>
      </c>
      <c r="L29965" s="6" t="s">
        <v>10</v>
      </c>
    </row>
    <row r="29966" spans="1:12">
      <c r="A29966" s="6" t="s">
        <v>31196</v>
      </c>
      <c r="B29966" s="6"/>
      <c r="C29966" s="6" t="s">
        <v>31197</v>
      </c>
      <c r="D29966" s="6"/>
      <c r="E29966" s="6" t="s">
        <v>18740</v>
      </c>
      <c r="F29966" s="7">
        <v>38657</v>
      </c>
      <c r="G29966" s="8">
        <v>536760</v>
      </c>
      <c r="H29966" s="8">
        <v>536760</v>
      </c>
      <c r="I29966" s="8">
        <v>0</v>
      </c>
      <c r="J29966" s="8">
        <v>536760</v>
      </c>
      <c r="K29966" s="9">
        <v>105</v>
      </c>
      <c r="L29966" s="6" t="s">
        <v>23</v>
      </c>
    </row>
    <row r="29967" spans="1:12">
      <c r="A29967" s="6" t="s">
        <v>31198</v>
      </c>
      <c r="B29967" s="6"/>
      <c r="C29967" s="6" t="s">
        <v>31199</v>
      </c>
      <c r="D29967" s="6"/>
      <c r="E29967" s="6" t="s">
        <v>18740</v>
      </c>
      <c r="F29967" s="7">
        <v>38657</v>
      </c>
      <c r="G29967" s="8">
        <v>311832</v>
      </c>
      <c r="H29967" s="8">
        <v>311832</v>
      </c>
      <c r="I29967" s="8">
        <v>0</v>
      </c>
      <c r="J29967" s="8">
        <v>311832</v>
      </c>
      <c r="K29967" s="9">
        <v>61</v>
      </c>
      <c r="L29967" s="6" t="s">
        <v>2193</v>
      </c>
    </row>
    <row r="29968" spans="1:12">
      <c r="A29968" s="6" t="s">
        <v>31198</v>
      </c>
      <c r="B29968" s="6"/>
      <c r="C29968" s="6" t="s">
        <v>31200</v>
      </c>
      <c r="D29968" s="6"/>
      <c r="E29968" s="6" t="s">
        <v>18740</v>
      </c>
      <c r="F29968" s="7">
        <v>38657</v>
      </c>
      <c r="G29968" s="8">
        <v>623664</v>
      </c>
      <c r="H29968" s="8">
        <v>623664</v>
      </c>
      <c r="I29968" s="8">
        <v>0</v>
      </c>
      <c r="J29968" s="8">
        <v>623664</v>
      </c>
      <c r="K29968" s="9">
        <v>122</v>
      </c>
      <c r="L29968" s="6" t="s">
        <v>2193</v>
      </c>
    </row>
    <row r="29969" spans="1:12">
      <c r="A29969" s="6" t="s">
        <v>31198</v>
      </c>
      <c r="B29969" s="6"/>
      <c r="C29969" s="6" t="s">
        <v>31201</v>
      </c>
      <c r="D29969" s="6"/>
      <c r="E29969" s="6" t="s">
        <v>18740</v>
      </c>
      <c r="F29969" s="7">
        <v>38657</v>
      </c>
      <c r="G29969" s="8">
        <v>368064</v>
      </c>
      <c r="H29969" s="8">
        <v>368064</v>
      </c>
      <c r="I29969" s="8">
        <v>0</v>
      </c>
      <c r="J29969" s="8">
        <v>368064</v>
      </c>
      <c r="K29969" s="9">
        <v>72</v>
      </c>
      <c r="L29969" s="6" t="s">
        <v>2193</v>
      </c>
    </row>
    <row r="29970" spans="1:12">
      <c r="A29970" s="6" t="s">
        <v>31202</v>
      </c>
      <c r="B29970" s="6"/>
      <c r="C29970" s="6" t="s">
        <v>31203</v>
      </c>
      <c r="D29970" s="6"/>
      <c r="E29970" s="6" t="s">
        <v>9</v>
      </c>
      <c r="F29970" s="7">
        <v>38657</v>
      </c>
      <c r="G29970" s="8">
        <v>228097</v>
      </c>
      <c r="H29970" s="8">
        <v>228097</v>
      </c>
      <c r="I29970" s="8">
        <v>0</v>
      </c>
      <c r="J29970" s="8">
        <v>228097</v>
      </c>
      <c r="K29970" s="9">
        <v>44.62</v>
      </c>
      <c r="L29970" s="6" t="s">
        <v>14</v>
      </c>
    </row>
    <row r="29971" spans="1:12">
      <c r="A29971" s="6" t="s">
        <v>31202</v>
      </c>
      <c r="B29971" s="6"/>
      <c r="C29971" s="6" t="s">
        <v>31204</v>
      </c>
      <c r="D29971" s="6"/>
      <c r="E29971" s="6" t="s">
        <v>9</v>
      </c>
      <c r="F29971" s="7">
        <v>38657</v>
      </c>
      <c r="G29971" s="8">
        <v>50659</v>
      </c>
      <c r="H29971" s="8">
        <v>50659</v>
      </c>
      <c r="I29971" s="8">
        <v>0</v>
      </c>
      <c r="J29971" s="8">
        <v>50659</v>
      </c>
      <c r="K29971" s="9">
        <v>9.91</v>
      </c>
      <c r="L29971" s="6" t="s">
        <v>14</v>
      </c>
    </row>
    <row r="29972" spans="1:12">
      <c r="A29972" s="6" t="s">
        <v>31202</v>
      </c>
      <c r="B29972" s="6"/>
      <c r="C29972" s="6" t="s">
        <v>31205</v>
      </c>
      <c r="D29972" s="6"/>
      <c r="E29972" s="6" t="s">
        <v>9</v>
      </c>
      <c r="F29972" s="7">
        <v>38657</v>
      </c>
      <c r="G29972" s="8">
        <v>25304</v>
      </c>
      <c r="H29972" s="8">
        <v>25304</v>
      </c>
      <c r="I29972" s="8">
        <v>0</v>
      </c>
      <c r="J29972" s="8">
        <v>25304</v>
      </c>
      <c r="K29972" s="9">
        <v>4.95</v>
      </c>
      <c r="L29972" s="6" t="s">
        <v>14</v>
      </c>
    </row>
    <row r="29973" spans="1:12">
      <c r="A29973" s="6" t="s">
        <v>31202</v>
      </c>
      <c r="B29973" s="6"/>
      <c r="C29973" s="6" t="s">
        <v>31206</v>
      </c>
      <c r="D29973" s="6"/>
      <c r="E29973" s="6" t="s">
        <v>9</v>
      </c>
      <c r="F29973" s="7">
        <v>38657</v>
      </c>
      <c r="G29973" s="8">
        <v>1274319</v>
      </c>
      <c r="H29973" s="8">
        <v>1274319</v>
      </c>
      <c r="I29973" s="8">
        <v>0</v>
      </c>
      <c r="J29973" s="8">
        <v>1274319</v>
      </c>
      <c r="K29973" s="9">
        <v>249.28</v>
      </c>
      <c r="L29973" s="6" t="s">
        <v>14</v>
      </c>
    </row>
    <row r="29974" spans="1:12">
      <c r="A29974" s="6" t="s">
        <v>31202</v>
      </c>
      <c r="B29974" s="6"/>
      <c r="C29974" s="6" t="s">
        <v>31207</v>
      </c>
      <c r="D29974" s="6"/>
      <c r="E29974" s="6" t="s">
        <v>9</v>
      </c>
      <c r="F29974" s="7">
        <v>38657</v>
      </c>
      <c r="G29974" s="8">
        <v>1217934</v>
      </c>
      <c r="H29974" s="8">
        <v>1217934</v>
      </c>
      <c r="I29974" s="8">
        <v>0</v>
      </c>
      <c r="J29974" s="8">
        <v>1217934</v>
      </c>
      <c r="K29974" s="9">
        <v>238.25</v>
      </c>
      <c r="L29974" s="6" t="s">
        <v>14</v>
      </c>
    </row>
    <row r="29975" spans="1:12">
      <c r="A29975" s="6" t="s">
        <v>31208</v>
      </c>
      <c r="B29975" s="6"/>
      <c r="C29975" s="6" t="s">
        <v>31209</v>
      </c>
      <c r="D29975" s="6"/>
      <c r="E29975" s="6" t="s">
        <v>18740</v>
      </c>
      <c r="F29975" s="7">
        <v>38657</v>
      </c>
      <c r="G29975" s="8">
        <v>14766648</v>
      </c>
      <c r="H29975" s="8">
        <v>14766648</v>
      </c>
      <c r="I29975" s="8">
        <v>0</v>
      </c>
      <c r="J29975" s="8">
        <v>14766648</v>
      </c>
      <c r="K29975" s="9">
        <v>647.66</v>
      </c>
      <c r="L29975" s="6" t="s">
        <v>23</v>
      </c>
    </row>
    <row r="29976" spans="1:12">
      <c r="A29976" s="6" t="s">
        <v>31208</v>
      </c>
      <c r="B29976" s="6"/>
      <c r="C29976" s="6" t="s">
        <v>31210</v>
      </c>
      <c r="D29976" s="6"/>
      <c r="E29976" s="6" t="s">
        <v>18740</v>
      </c>
      <c r="F29976" s="7">
        <v>38657</v>
      </c>
      <c r="G29976" s="8">
        <v>1574796</v>
      </c>
      <c r="H29976" s="8">
        <v>1574796</v>
      </c>
      <c r="I29976" s="8">
        <v>0</v>
      </c>
      <c r="J29976" s="8">
        <v>1574796</v>
      </c>
      <c r="K29976" s="9">
        <v>69.069999999999894</v>
      </c>
      <c r="L29976" s="6" t="s">
        <v>23</v>
      </c>
    </row>
    <row r="29977" spans="1:12">
      <c r="A29977" s="6" t="s">
        <v>31208</v>
      </c>
      <c r="B29977" s="6"/>
      <c r="C29977" s="6" t="s">
        <v>31211</v>
      </c>
      <c r="D29977" s="6"/>
      <c r="E29977" s="6" t="s">
        <v>18740</v>
      </c>
      <c r="F29977" s="7">
        <v>41625</v>
      </c>
      <c r="G29977" s="8">
        <v>1040094</v>
      </c>
      <c r="H29977" s="8">
        <v>1040094</v>
      </c>
      <c r="I29977" s="8">
        <v>0</v>
      </c>
      <c r="J29977" s="8">
        <v>1040094</v>
      </c>
      <c r="K29977" s="9">
        <v>33.99</v>
      </c>
      <c r="L29977" s="6" t="s">
        <v>10</v>
      </c>
    </row>
    <row r="29978" spans="1:12">
      <c r="A29978" s="6" t="s">
        <v>31208</v>
      </c>
      <c r="B29978" s="6"/>
      <c r="C29978" s="6" t="s">
        <v>31212</v>
      </c>
      <c r="D29978" s="6"/>
      <c r="E29978" s="6" t="s">
        <v>18740</v>
      </c>
      <c r="F29978" s="7">
        <v>41625</v>
      </c>
      <c r="G29978" s="8">
        <v>1</v>
      </c>
      <c r="H29978" s="8">
        <v>1</v>
      </c>
      <c r="I29978" s="8">
        <v>0</v>
      </c>
      <c r="J29978" s="8">
        <v>1</v>
      </c>
      <c r="K29978" s="9">
        <v>10.95</v>
      </c>
      <c r="L29978" s="6" t="s">
        <v>51</v>
      </c>
    </row>
    <row r="29979" spans="1:12">
      <c r="A29979" s="6" t="s">
        <v>31213</v>
      </c>
      <c r="B29979" s="6"/>
      <c r="C29979" s="6" t="s">
        <v>31214</v>
      </c>
      <c r="D29979" s="6"/>
      <c r="E29979" s="6" t="s">
        <v>18740</v>
      </c>
      <c r="F29979" s="7">
        <v>38657</v>
      </c>
      <c r="G29979" s="8">
        <v>827400</v>
      </c>
      <c r="H29979" s="8">
        <v>827400</v>
      </c>
      <c r="I29979" s="8">
        <v>0</v>
      </c>
      <c r="J29979" s="8">
        <v>827400</v>
      </c>
      <c r="K29979" s="9">
        <v>27.58</v>
      </c>
      <c r="L29979" s="6" t="s">
        <v>10</v>
      </c>
    </row>
    <row r="29980" spans="1:12">
      <c r="A29980" s="6" t="s">
        <v>31215</v>
      </c>
      <c r="B29980" s="6"/>
      <c r="C29980" s="6" t="s">
        <v>31216</v>
      </c>
      <c r="D29980" s="6"/>
      <c r="E29980" s="6" t="s">
        <v>18740</v>
      </c>
      <c r="F29980" s="7">
        <v>38657</v>
      </c>
      <c r="G29980" s="8">
        <v>18350447</v>
      </c>
      <c r="H29980" s="8">
        <v>18350447</v>
      </c>
      <c r="I29980" s="8">
        <v>0</v>
      </c>
      <c r="J29980" s="8">
        <v>18350447</v>
      </c>
      <c r="K29980" s="9">
        <v>376.16</v>
      </c>
      <c r="L29980" s="6" t="s">
        <v>10</v>
      </c>
    </row>
    <row r="29981" spans="1:12">
      <c r="A29981" s="6" t="s">
        <v>31215</v>
      </c>
      <c r="B29981" s="6"/>
      <c r="C29981" s="6" t="s">
        <v>31216</v>
      </c>
      <c r="D29981" s="6" t="s">
        <v>31217</v>
      </c>
      <c r="E29981" s="6" t="s">
        <v>18740</v>
      </c>
      <c r="F29981" s="7"/>
      <c r="G29981" s="8">
        <v>0</v>
      </c>
      <c r="H29981" s="8">
        <v>0</v>
      </c>
      <c r="I29981" s="8">
        <v>0</v>
      </c>
      <c r="J29981" s="8">
        <v>-18350447</v>
      </c>
      <c r="K29981" s="9"/>
      <c r="L29981" s="6"/>
    </row>
    <row r="29982" spans="1:12">
      <c r="A29982" s="6" t="s">
        <v>31215</v>
      </c>
      <c r="B29982" s="6"/>
      <c r="C29982" s="6" t="s">
        <v>31218</v>
      </c>
      <c r="D29982" s="6"/>
      <c r="E29982" s="6" t="s">
        <v>18740</v>
      </c>
      <c r="F29982" s="7">
        <v>38657</v>
      </c>
      <c r="G29982" s="8">
        <v>8425119</v>
      </c>
      <c r="H29982" s="8">
        <v>8425119</v>
      </c>
      <c r="I29982" s="8">
        <v>0</v>
      </c>
      <c r="J29982" s="8">
        <v>8425119</v>
      </c>
      <c r="K29982" s="9">
        <v>153.58000000000001</v>
      </c>
      <c r="L29982" s="6" t="s">
        <v>10</v>
      </c>
    </row>
    <row r="29983" spans="1:12">
      <c r="A29983" s="6" t="s">
        <v>31215</v>
      </c>
      <c r="B29983" s="6"/>
      <c r="C29983" s="6" t="s">
        <v>31218</v>
      </c>
      <c r="D29983" s="6" t="s">
        <v>31219</v>
      </c>
      <c r="E29983" s="6" t="s">
        <v>18740</v>
      </c>
      <c r="F29983" s="7"/>
      <c r="G29983" s="8">
        <v>0</v>
      </c>
      <c r="H29983" s="8">
        <v>0</v>
      </c>
      <c r="I29983" s="8">
        <v>0</v>
      </c>
      <c r="J29983" s="8">
        <v>-8425119</v>
      </c>
      <c r="K29983" s="9"/>
      <c r="L29983" s="6"/>
    </row>
    <row r="29984" spans="1:12">
      <c r="A29984" s="6" t="s">
        <v>31215</v>
      </c>
      <c r="B29984" s="6"/>
      <c r="C29984" s="6" t="s">
        <v>31220</v>
      </c>
      <c r="D29984" s="6"/>
      <c r="E29984" s="6" t="s">
        <v>18740</v>
      </c>
      <c r="F29984" s="7">
        <v>38657</v>
      </c>
      <c r="G29984" s="8">
        <v>792000</v>
      </c>
      <c r="H29984" s="8">
        <v>792000</v>
      </c>
      <c r="I29984" s="8">
        <v>0</v>
      </c>
      <c r="J29984" s="8">
        <v>792000</v>
      </c>
      <c r="K29984" s="9">
        <v>18</v>
      </c>
      <c r="L29984" s="6" t="s">
        <v>10</v>
      </c>
    </row>
    <row r="29985" spans="1:12">
      <c r="A29985" s="6" t="s">
        <v>31215</v>
      </c>
      <c r="B29985" s="6"/>
      <c r="C29985" s="6" t="s">
        <v>31221</v>
      </c>
      <c r="D29985" s="6"/>
      <c r="E29985" s="6" t="s">
        <v>18740</v>
      </c>
      <c r="F29985" s="7">
        <v>38657</v>
      </c>
      <c r="G29985" s="8">
        <v>2113898</v>
      </c>
      <c r="H29985" s="8">
        <v>2113898</v>
      </c>
      <c r="I29985" s="8">
        <v>0</v>
      </c>
      <c r="J29985" s="8">
        <v>2113898</v>
      </c>
      <c r="K29985" s="9">
        <v>43.33</v>
      </c>
      <c r="L29985" s="6" t="s">
        <v>10</v>
      </c>
    </row>
    <row r="29986" spans="1:12">
      <c r="A29986" s="6" t="s">
        <v>31215</v>
      </c>
      <c r="B29986" s="6"/>
      <c r="C29986" s="6" t="s">
        <v>31222</v>
      </c>
      <c r="D29986" s="6"/>
      <c r="E29986" s="6" t="s">
        <v>18740</v>
      </c>
      <c r="F29986" s="7">
        <v>38657</v>
      </c>
      <c r="G29986" s="8">
        <v>6914591</v>
      </c>
      <c r="H29986" s="8">
        <v>6914591</v>
      </c>
      <c r="I29986" s="8">
        <v>0</v>
      </c>
      <c r="J29986" s="8">
        <v>6914591</v>
      </c>
      <c r="K29986" s="9">
        <v>141.74</v>
      </c>
      <c r="L29986" s="6" t="s">
        <v>10</v>
      </c>
    </row>
    <row r="29987" spans="1:12">
      <c r="A29987" s="6" t="s">
        <v>31223</v>
      </c>
      <c r="B29987" s="6"/>
      <c r="C29987" s="6" t="s">
        <v>31224</v>
      </c>
      <c r="D29987" s="6"/>
      <c r="E29987" s="6" t="s">
        <v>18740</v>
      </c>
      <c r="F29987" s="7">
        <v>38657</v>
      </c>
      <c r="G29987" s="8">
        <v>362952</v>
      </c>
      <c r="H29987" s="8">
        <v>362952</v>
      </c>
      <c r="I29987" s="8">
        <v>0</v>
      </c>
      <c r="J29987" s="8">
        <v>362952</v>
      </c>
      <c r="K29987" s="9">
        <v>71</v>
      </c>
      <c r="L29987" s="6" t="s">
        <v>23</v>
      </c>
    </row>
    <row r="29988" spans="1:12">
      <c r="A29988" s="6" t="s">
        <v>31223</v>
      </c>
      <c r="B29988" s="6"/>
      <c r="C29988" s="6" t="s">
        <v>31225</v>
      </c>
      <c r="D29988" s="6"/>
      <c r="E29988" s="6" t="s">
        <v>18740</v>
      </c>
      <c r="F29988" s="7">
        <v>38657</v>
      </c>
      <c r="G29988" s="8">
        <v>138024</v>
      </c>
      <c r="H29988" s="8">
        <v>138024</v>
      </c>
      <c r="I29988" s="8">
        <v>0</v>
      </c>
      <c r="J29988" s="8">
        <v>138024</v>
      </c>
      <c r="K29988" s="9">
        <v>27</v>
      </c>
      <c r="L29988" s="6" t="s">
        <v>23</v>
      </c>
    </row>
    <row r="29989" spans="1:12">
      <c r="A29989" s="6" t="s">
        <v>31226</v>
      </c>
      <c r="B29989" s="6"/>
      <c r="C29989" s="6" t="s">
        <v>31227</v>
      </c>
      <c r="D29989" s="6"/>
      <c r="E29989" s="6" t="s">
        <v>9</v>
      </c>
      <c r="F29989" s="7">
        <v>38657</v>
      </c>
      <c r="G29989" s="8">
        <v>6466680</v>
      </c>
      <c r="H29989" s="8">
        <v>6466680</v>
      </c>
      <c r="I29989" s="8">
        <v>0</v>
      </c>
      <c r="J29989" s="8">
        <v>6466680</v>
      </c>
      <c r="K29989" s="9">
        <v>1265</v>
      </c>
      <c r="L29989" s="6" t="s">
        <v>23</v>
      </c>
    </row>
    <row r="29990" spans="1:12">
      <c r="A29990" s="6" t="s">
        <v>31228</v>
      </c>
      <c r="B29990" s="6"/>
      <c r="C29990" s="6" t="s">
        <v>31229</v>
      </c>
      <c r="D29990" s="6"/>
      <c r="E29990" s="6" t="s">
        <v>18740</v>
      </c>
      <c r="F29990" s="7">
        <v>38657</v>
      </c>
      <c r="G29990" s="8">
        <v>59400</v>
      </c>
      <c r="H29990" s="8">
        <v>59400</v>
      </c>
      <c r="I29990" s="8">
        <v>0</v>
      </c>
      <c r="J29990" s="8">
        <v>59400</v>
      </c>
      <c r="K29990" s="9">
        <v>1.98</v>
      </c>
      <c r="L29990" s="6" t="s">
        <v>10</v>
      </c>
    </row>
    <row r="29991" spans="1:12">
      <c r="A29991" s="6" t="s">
        <v>31230</v>
      </c>
      <c r="B29991" s="6"/>
      <c r="C29991" s="6" t="s">
        <v>31231</v>
      </c>
      <c r="D29991" s="6"/>
      <c r="E29991" s="6" t="s">
        <v>9</v>
      </c>
      <c r="F29991" s="7">
        <v>38657</v>
      </c>
      <c r="G29991" s="8">
        <v>185872</v>
      </c>
      <c r="H29991" s="8">
        <v>185872</v>
      </c>
      <c r="I29991" s="8">
        <v>0</v>
      </c>
      <c r="J29991" s="8">
        <v>185872</v>
      </c>
      <c r="K29991" s="9">
        <v>36.36</v>
      </c>
      <c r="L29991" s="6" t="s">
        <v>23</v>
      </c>
    </row>
    <row r="29992" spans="1:12">
      <c r="A29992" s="6" t="s">
        <v>31230</v>
      </c>
      <c r="B29992" s="6"/>
      <c r="C29992" s="6" t="s">
        <v>31232</v>
      </c>
      <c r="D29992" s="6"/>
      <c r="E29992" s="6" t="s">
        <v>9</v>
      </c>
      <c r="F29992" s="7">
        <v>38657</v>
      </c>
      <c r="G29992" s="8">
        <v>1571582</v>
      </c>
      <c r="H29992" s="8">
        <v>1571582</v>
      </c>
      <c r="I29992" s="8">
        <v>0</v>
      </c>
      <c r="J29992" s="8">
        <v>1571582</v>
      </c>
      <c r="K29992" s="9">
        <v>307.43</v>
      </c>
      <c r="L29992" s="6" t="s">
        <v>23</v>
      </c>
    </row>
    <row r="29993" spans="1:12">
      <c r="A29993" s="6" t="s">
        <v>31230</v>
      </c>
      <c r="B29993" s="6"/>
      <c r="C29993" s="6" t="s">
        <v>31233</v>
      </c>
      <c r="D29993" s="6"/>
      <c r="E29993" s="6" t="s">
        <v>9</v>
      </c>
      <c r="F29993" s="7">
        <v>38657</v>
      </c>
      <c r="G29993" s="8">
        <v>980123</v>
      </c>
      <c r="H29993" s="8">
        <v>980123</v>
      </c>
      <c r="I29993" s="8">
        <v>0</v>
      </c>
      <c r="J29993" s="8">
        <v>980123</v>
      </c>
      <c r="K29993" s="9">
        <v>191.73</v>
      </c>
      <c r="L29993" s="6" t="s">
        <v>23</v>
      </c>
    </row>
    <row r="29994" spans="1:12">
      <c r="A29994" s="6" t="s">
        <v>31230</v>
      </c>
      <c r="B29994" s="6"/>
      <c r="C29994" s="6" t="s">
        <v>31234</v>
      </c>
      <c r="D29994" s="6"/>
      <c r="E29994" s="6" t="s">
        <v>9</v>
      </c>
      <c r="F29994" s="7">
        <v>38657</v>
      </c>
      <c r="G29994" s="8">
        <v>1126480</v>
      </c>
      <c r="H29994" s="8">
        <v>1126480</v>
      </c>
      <c r="I29994" s="8">
        <v>0</v>
      </c>
      <c r="J29994" s="8">
        <v>1126480</v>
      </c>
      <c r="K29994" s="9">
        <v>220.36</v>
      </c>
      <c r="L29994" s="6" t="s">
        <v>23</v>
      </c>
    </row>
    <row r="29995" spans="1:12">
      <c r="A29995" s="6" t="s">
        <v>31230</v>
      </c>
      <c r="B29995" s="6"/>
      <c r="C29995" s="6" t="s">
        <v>31235</v>
      </c>
      <c r="D29995" s="6"/>
      <c r="E29995" s="6" t="s">
        <v>9</v>
      </c>
      <c r="F29995" s="7">
        <v>38657</v>
      </c>
      <c r="G29995" s="8">
        <v>807696</v>
      </c>
      <c r="H29995" s="8">
        <v>807696</v>
      </c>
      <c r="I29995" s="8">
        <v>0</v>
      </c>
      <c r="J29995" s="8">
        <v>807696</v>
      </c>
      <c r="K29995" s="9">
        <v>158</v>
      </c>
      <c r="L29995" s="6" t="s">
        <v>23</v>
      </c>
    </row>
    <row r="29996" spans="1:12">
      <c r="A29996" s="6" t="s">
        <v>31236</v>
      </c>
      <c r="B29996" s="6"/>
      <c r="C29996" s="6" t="s">
        <v>31237</v>
      </c>
      <c r="D29996" s="6"/>
      <c r="E29996" s="6" t="s">
        <v>9</v>
      </c>
      <c r="F29996" s="7">
        <v>38657</v>
      </c>
      <c r="G29996" s="8">
        <v>5647200</v>
      </c>
      <c r="H29996" s="8">
        <v>5647200</v>
      </c>
      <c r="I29996" s="8">
        <v>0</v>
      </c>
      <c r="J29996" s="8">
        <v>5647200</v>
      </c>
      <c r="K29996" s="9">
        <v>181</v>
      </c>
      <c r="L29996" s="6" t="s">
        <v>10</v>
      </c>
    </row>
    <row r="29997" spans="1:12">
      <c r="A29997" s="6" t="s">
        <v>31236</v>
      </c>
      <c r="B29997" s="6"/>
      <c r="C29997" s="6" t="s">
        <v>31238</v>
      </c>
      <c r="D29997" s="6"/>
      <c r="E29997" s="6" t="s">
        <v>9</v>
      </c>
      <c r="F29997" s="7">
        <v>38657</v>
      </c>
      <c r="G29997" s="8">
        <v>1883700</v>
      </c>
      <c r="H29997" s="8">
        <v>1883700</v>
      </c>
      <c r="I29997" s="8">
        <v>0</v>
      </c>
      <c r="J29997" s="8">
        <v>1883700</v>
      </c>
      <c r="K29997" s="9">
        <v>69</v>
      </c>
      <c r="L29997" s="6" t="s">
        <v>10</v>
      </c>
    </row>
    <row r="29998" spans="1:12">
      <c r="A29998" s="6" t="s">
        <v>31236</v>
      </c>
      <c r="B29998" s="6"/>
      <c r="C29998" s="6" t="s">
        <v>31239</v>
      </c>
      <c r="D29998" s="6"/>
      <c r="E29998" s="6" t="s">
        <v>9</v>
      </c>
      <c r="F29998" s="7">
        <v>38657</v>
      </c>
      <c r="G29998" s="8">
        <v>7671027</v>
      </c>
      <c r="H29998" s="8">
        <v>7671027</v>
      </c>
      <c r="I29998" s="8">
        <v>0</v>
      </c>
      <c r="J29998" s="8">
        <v>7671027</v>
      </c>
      <c r="K29998" s="9">
        <v>280.99</v>
      </c>
      <c r="L29998" s="6" t="s">
        <v>10</v>
      </c>
    </row>
    <row r="29999" spans="1:12">
      <c r="A29999" s="6" t="s">
        <v>31236</v>
      </c>
      <c r="B29999" s="6"/>
      <c r="C29999" s="6" t="s">
        <v>31240</v>
      </c>
      <c r="D29999" s="6"/>
      <c r="E29999" s="6" t="s">
        <v>9</v>
      </c>
      <c r="F29999" s="7">
        <v>38657</v>
      </c>
      <c r="G29999" s="8">
        <v>11280906</v>
      </c>
      <c r="H29999" s="8">
        <v>11280906</v>
      </c>
      <c r="I29999" s="8">
        <v>0</v>
      </c>
      <c r="J29999" s="8">
        <v>11280906</v>
      </c>
      <c r="K29999" s="9">
        <v>413.22</v>
      </c>
      <c r="L29999" s="6" t="s">
        <v>10</v>
      </c>
    </row>
    <row r="30000" spans="1:12">
      <c r="A30000" s="6" t="s">
        <v>31236</v>
      </c>
      <c r="B30000" s="6"/>
      <c r="C30000" s="6" t="s">
        <v>31241</v>
      </c>
      <c r="D30000" s="6"/>
      <c r="E30000" s="6" t="s">
        <v>9</v>
      </c>
      <c r="F30000" s="7">
        <v>38657</v>
      </c>
      <c r="G30000" s="8">
        <v>6312180</v>
      </c>
      <c r="H30000" s="8">
        <v>6312180</v>
      </c>
      <c r="I30000" s="8">
        <v>0</v>
      </c>
      <c r="J30000" s="8">
        <v>6312180</v>
      </c>
      <c r="K30000" s="9">
        <v>221.48</v>
      </c>
      <c r="L30000" s="6" t="s">
        <v>10</v>
      </c>
    </row>
    <row r="30001" spans="1:12">
      <c r="A30001" s="6" t="s">
        <v>31236</v>
      </c>
      <c r="B30001" s="6"/>
      <c r="C30001" s="6" t="s">
        <v>31242</v>
      </c>
      <c r="D30001" s="6"/>
      <c r="E30001" s="6" t="s">
        <v>9</v>
      </c>
      <c r="F30001" s="7">
        <v>38657</v>
      </c>
      <c r="G30001" s="8">
        <v>5087535</v>
      </c>
      <c r="H30001" s="8">
        <v>5087535</v>
      </c>
      <c r="I30001" s="8">
        <v>0</v>
      </c>
      <c r="J30001" s="8">
        <v>5087535</v>
      </c>
      <c r="K30001" s="9">
        <v>178.51</v>
      </c>
      <c r="L30001" s="6" t="s">
        <v>10</v>
      </c>
    </row>
    <row r="30002" spans="1:12">
      <c r="A30002" s="6" t="s">
        <v>31236</v>
      </c>
      <c r="B30002" s="6"/>
      <c r="C30002" s="6" t="s">
        <v>31243</v>
      </c>
      <c r="D30002" s="6"/>
      <c r="E30002" s="6" t="s">
        <v>9</v>
      </c>
      <c r="F30002" s="7">
        <v>38657</v>
      </c>
      <c r="G30002" s="8">
        <v>1978470</v>
      </c>
      <c r="H30002" s="8">
        <v>1978470</v>
      </c>
      <c r="I30002" s="8">
        <v>0</v>
      </c>
      <c r="J30002" s="8">
        <v>1978470</v>
      </c>
      <c r="K30002" s="9">
        <v>69.42</v>
      </c>
      <c r="L30002" s="6" t="s">
        <v>10</v>
      </c>
    </row>
    <row r="30003" spans="1:12">
      <c r="A30003" s="6" t="s">
        <v>31244</v>
      </c>
      <c r="B30003" s="6"/>
      <c r="C30003" s="6" t="s">
        <v>31245</v>
      </c>
      <c r="D30003" s="6"/>
      <c r="E30003" s="6" t="s">
        <v>18740</v>
      </c>
      <c r="F30003" s="7">
        <v>38657</v>
      </c>
      <c r="G30003" s="8">
        <v>2046000</v>
      </c>
      <c r="H30003" s="8">
        <v>2046000</v>
      </c>
      <c r="I30003" s="8">
        <v>0</v>
      </c>
      <c r="J30003" s="8">
        <v>2046000</v>
      </c>
      <c r="K30003" s="9">
        <v>66</v>
      </c>
      <c r="L30003" s="6" t="s">
        <v>10</v>
      </c>
    </row>
    <row r="30004" spans="1:12">
      <c r="A30004" s="6" t="s">
        <v>31246</v>
      </c>
      <c r="B30004" s="6"/>
      <c r="C30004" s="6" t="s">
        <v>31247</v>
      </c>
      <c r="D30004" s="6"/>
      <c r="E30004" s="6" t="s">
        <v>18740</v>
      </c>
      <c r="F30004" s="7">
        <v>38657</v>
      </c>
      <c r="G30004" s="8">
        <v>112464</v>
      </c>
      <c r="H30004" s="8">
        <v>112464</v>
      </c>
      <c r="I30004" s="8">
        <v>0</v>
      </c>
      <c r="J30004" s="8">
        <v>112464</v>
      </c>
      <c r="K30004" s="9">
        <v>22</v>
      </c>
      <c r="L30004" s="6" t="s">
        <v>23</v>
      </c>
    </row>
    <row r="30005" spans="1:12">
      <c r="A30005" s="6" t="s">
        <v>31246</v>
      </c>
      <c r="B30005" s="6"/>
      <c r="C30005" s="6" t="s">
        <v>31248</v>
      </c>
      <c r="D30005" s="6"/>
      <c r="E30005" s="6" t="s">
        <v>18740</v>
      </c>
      <c r="F30005" s="7">
        <v>38657</v>
      </c>
      <c r="G30005" s="8">
        <v>112464</v>
      </c>
      <c r="H30005" s="8">
        <v>112464</v>
      </c>
      <c r="I30005" s="8">
        <v>0</v>
      </c>
      <c r="J30005" s="8">
        <v>112464</v>
      </c>
      <c r="K30005" s="9">
        <v>22</v>
      </c>
      <c r="L30005" s="6" t="s">
        <v>23</v>
      </c>
    </row>
    <row r="30006" spans="1:12">
      <c r="A30006" s="6" t="s">
        <v>31249</v>
      </c>
      <c r="B30006" s="6"/>
      <c r="C30006" s="6" t="s">
        <v>31250</v>
      </c>
      <c r="D30006" s="6"/>
      <c r="E30006" s="6" t="s">
        <v>18740</v>
      </c>
      <c r="F30006" s="7">
        <v>38657</v>
      </c>
      <c r="G30006" s="8">
        <v>6584256</v>
      </c>
      <c r="H30006" s="8">
        <v>6584256</v>
      </c>
      <c r="I30006" s="8">
        <v>0</v>
      </c>
      <c r="J30006" s="8">
        <v>6584256</v>
      </c>
      <c r="K30006" s="9">
        <v>1288</v>
      </c>
      <c r="L30006" s="6" t="s">
        <v>23</v>
      </c>
    </row>
    <row r="30007" spans="1:12">
      <c r="A30007" s="6" t="s">
        <v>31249</v>
      </c>
      <c r="B30007" s="6"/>
      <c r="C30007" s="6" t="s">
        <v>31251</v>
      </c>
      <c r="D30007" s="6"/>
      <c r="E30007" s="6" t="s">
        <v>18740</v>
      </c>
      <c r="F30007" s="7">
        <v>38657</v>
      </c>
      <c r="G30007" s="8">
        <v>1661400</v>
      </c>
      <c r="H30007" s="8">
        <v>1661400</v>
      </c>
      <c r="I30007" s="8">
        <v>0</v>
      </c>
      <c r="J30007" s="8">
        <v>1661400</v>
      </c>
      <c r="K30007" s="9">
        <v>325</v>
      </c>
      <c r="L30007" s="6" t="s">
        <v>23</v>
      </c>
    </row>
    <row r="30008" spans="1:12">
      <c r="A30008" s="6" t="s">
        <v>31249</v>
      </c>
      <c r="B30008" s="6"/>
      <c r="C30008" s="6" t="s">
        <v>31252</v>
      </c>
      <c r="D30008" s="6"/>
      <c r="E30008" s="6" t="s">
        <v>18740</v>
      </c>
      <c r="F30008" s="7">
        <v>38657</v>
      </c>
      <c r="G30008" s="8">
        <v>27185616</v>
      </c>
      <c r="H30008" s="8">
        <v>27185616</v>
      </c>
      <c r="I30008" s="8">
        <v>0</v>
      </c>
      <c r="J30008" s="8">
        <v>27185616</v>
      </c>
      <c r="K30008" s="9">
        <v>5318</v>
      </c>
      <c r="L30008" s="6" t="s">
        <v>23</v>
      </c>
    </row>
    <row r="30009" spans="1:12">
      <c r="A30009" s="6" t="s">
        <v>31249</v>
      </c>
      <c r="B30009" s="6"/>
      <c r="C30009" s="6" t="s">
        <v>31253</v>
      </c>
      <c r="D30009" s="6"/>
      <c r="E30009" s="6" t="s">
        <v>18740</v>
      </c>
      <c r="F30009" s="7">
        <v>38657</v>
      </c>
      <c r="G30009" s="8">
        <v>5418720</v>
      </c>
      <c r="H30009" s="8">
        <v>5418720</v>
      </c>
      <c r="I30009" s="8">
        <v>0</v>
      </c>
      <c r="J30009" s="8">
        <v>5418720</v>
      </c>
      <c r="K30009" s="9">
        <v>1060</v>
      </c>
      <c r="L30009" s="6" t="s">
        <v>23</v>
      </c>
    </row>
    <row r="30010" spans="1:12">
      <c r="A30010" s="6" t="s">
        <v>31254</v>
      </c>
      <c r="B30010" s="6"/>
      <c r="C30010" s="6" t="s">
        <v>31255</v>
      </c>
      <c r="D30010" s="6"/>
      <c r="E30010" s="6" t="s">
        <v>9</v>
      </c>
      <c r="F30010" s="7">
        <v>38657</v>
      </c>
      <c r="G30010" s="8">
        <v>1738080</v>
      </c>
      <c r="H30010" s="8">
        <v>1738080</v>
      </c>
      <c r="I30010" s="8">
        <v>0</v>
      </c>
      <c r="J30010" s="8">
        <v>1738080</v>
      </c>
      <c r="K30010" s="9">
        <v>340</v>
      </c>
      <c r="L30010" s="6" t="s">
        <v>14</v>
      </c>
    </row>
    <row r="30011" spans="1:12">
      <c r="A30011" s="6" t="s">
        <v>31254</v>
      </c>
      <c r="B30011" s="6"/>
      <c r="C30011" s="6" t="s">
        <v>31256</v>
      </c>
      <c r="D30011" s="6"/>
      <c r="E30011" s="6" t="s">
        <v>9</v>
      </c>
      <c r="F30011" s="7">
        <v>38657</v>
      </c>
      <c r="G30011" s="8">
        <v>10121</v>
      </c>
      <c r="H30011" s="8">
        <v>10121</v>
      </c>
      <c r="I30011" s="8">
        <v>0</v>
      </c>
      <c r="J30011" s="8">
        <v>10121</v>
      </c>
      <c r="K30011" s="9">
        <v>1.98</v>
      </c>
      <c r="L30011" s="6" t="s">
        <v>14</v>
      </c>
    </row>
    <row r="30012" spans="1:12">
      <c r="A30012" s="6" t="s">
        <v>31257</v>
      </c>
      <c r="B30012" s="6"/>
      <c r="C30012" s="6" t="s">
        <v>31258</v>
      </c>
      <c r="D30012" s="6"/>
      <c r="E30012" s="6" t="s">
        <v>9</v>
      </c>
      <c r="F30012" s="7">
        <v>38657</v>
      </c>
      <c r="G30012" s="8">
        <v>7090344</v>
      </c>
      <c r="H30012" s="8">
        <v>7090344</v>
      </c>
      <c r="I30012" s="8">
        <v>0</v>
      </c>
      <c r="J30012" s="8">
        <v>7090344</v>
      </c>
      <c r="K30012" s="9">
        <v>1387</v>
      </c>
      <c r="L30012" s="6" t="s">
        <v>14</v>
      </c>
    </row>
    <row r="30013" spans="1:12">
      <c r="A30013" s="6" t="s">
        <v>31257</v>
      </c>
      <c r="B30013" s="6"/>
      <c r="C30013" s="6" t="s">
        <v>31259</v>
      </c>
      <c r="D30013" s="6"/>
      <c r="E30013" s="6" t="s">
        <v>9</v>
      </c>
      <c r="F30013" s="7">
        <v>38657</v>
      </c>
      <c r="G30013" s="8">
        <v>4498560</v>
      </c>
      <c r="H30013" s="8">
        <v>4498560</v>
      </c>
      <c r="I30013" s="8">
        <v>0</v>
      </c>
      <c r="J30013" s="8">
        <v>4498560</v>
      </c>
      <c r="K30013" s="9">
        <v>880</v>
      </c>
      <c r="L30013" s="6" t="s">
        <v>14</v>
      </c>
    </row>
    <row r="30014" spans="1:12">
      <c r="A30014" s="6" t="s">
        <v>31257</v>
      </c>
      <c r="B30014" s="6"/>
      <c r="C30014" s="6" t="s">
        <v>31260</v>
      </c>
      <c r="D30014" s="6"/>
      <c r="E30014" s="6" t="s">
        <v>9</v>
      </c>
      <c r="F30014" s="7">
        <v>38657</v>
      </c>
      <c r="G30014" s="8">
        <v>51120</v>
      </c>
      <c r="H30014" s="8">
        <v>51120</v>
      </c>
      <c r="I30014" s="8">
        <v>0</v>
      </c>
      <c r="J30014" s="8">
        <v>51120</v>
      </c>
      <c r="K30014" s="9">
        <v>10</v>
      </c>
      <c r="L30014" s="6" t="s">
        <v>14</v>
      </c>
    </row>
    <row r="30015" spans="1:12">
      <c r="A30015" s="6" t="s">
        <v>31261</v>
      </c>
      <c r="B30015" s="6"/>
      <c r="C30015" s="6" t="s">
        <v>31262</v>
      </c>
      <c r="D30015" s="6"/>
      <c r="E30015" s="6" t="s">
        <v>9</v>
      </c>
      <c r="F30015" s="7">
        <v>38657</v>
      </c>
      <c r="G30015" s="8">
        <v>235152</v>
      </c>
      <c r="H30015" s="8">
        <v>235152</v>
      </c>
      <c r="I30015" s="8">
        <v>0</v>
      </c>
      <c r="J30015" s="8">
        <v>235152</v>
      </c>
      <c r="K30015" s="9">
        <v>46</v>
      </c>
      <c r="L30015" s="6" t="s">
        <v>14</v>
      </c>
    </row>
    <row r="30016" spans="1:12">
      <c r="A30016" s="6" t="s">
        <v>31261</v>
      </c>
      <c r="B30016" s="6"/>
      <c r="C30016" s="6" t="s">
        <v>31263</v>
      </c>
      <c r="D30016" s="6"/>
      <c r="E30016" s="6" t="s">
        <v>9</v>
      </c>
      <c r="F30016" s="7">
        <v>38657</v>
      </c>
      <c r="G30016" s="8">
        <v>408960</v>
      </c>
      <c r="H30016" s="8">
        <v>408960</v>
      </c>
      <c r="I30016" s="8">
        <v>0</v>
      </c>
      <c r="J30016" s="8">
        <v>408960</v>
      </c>
      <c r="K30016" s="9">
        <v>80</v>
      </c>
      <c r="L30016" s="6" t="s">
        <v>14</v>
      </c>
    </row>
    <row r="30017" spans="1:12">
      <c r="A30017" s="6" t="s">
        <v>31261</v>
      </c>
      <c r="B30017" s="6"/>
      <c r="C30017" s="6" t="s">
        <v>31264</v>
      </c>
      <c r="D30017" s="6"/>
      <c r="E30017" s="6" t="s">
        <v>9</v>
      </c>
      <c r="F30017" s="7">
        <v>38657</v>
      </c>
      <c r="G30017" s="8">
        <v>3046752</v>
      </c>
      <c r="H30017" s="8">
        <v>3046752</v>
      </c>
      <c r="I30017" s="8">
        <v>0</v>
      </c>
      <c r="J30017" s="8">
        <v>3046752</v>
      </c>
      <c r="K30017" s="9">
        <v>596</v>
      </c>
      <c r="L30017" s="6" t="s">
        <v>14</v>
      </c>
    </row>
    <row r="30018" spans="1:12">
      <c r="A30018" s="6" t="s">
        <v>31261</v>
      </c>
      <c r="B30018" s="6"/>
      <c r="C30018" s="6" t="s">
        <v>31265</v>
      </c>
      <c r="D30018" s="6"/>
      <c r="E30018" s="6" t="s">
        <v>9</v>
      </c>
      <c r="F30018" s="7">
        <v>38657</v>
      </c>
      <c r="G30018" s="8">
        <v>342504</v>
      </c>
      <c r="H30018" s="8">
        <v>342504</v>
      </c>
      <c r="I30018" s="8">
        <v>0</v>
      </c>
      <c r="J30018" s="8">
        <v>342504</v>
      </c>
      <c r="K30018" s="9">
        <v>67</v>
      </c>
      <c r="L30018" s="6" t="s">
        <v>14</v>
      </c>
    </row>
    <row r="30019" spans="1:12">
      <c r="A30019" s="6" t="s">
        <v>31261</v>
      </c>
      <c r="B30019" s="6"/>
      <c r="C30019" s="6" t="s">
        <v>31266</v>
      </c>
      <c r="D30019" s="6"/>
      <c r="E30019" s="6" t="s">
        <v>9</v>
      </c>
      <c r="F30019" s="7">
        <v>38657</v>
      </c>
      <c r="G30019" s="8">
        <v>5607864</v>
      </c>
      <c r="H30019" s="8">
        <v>5607864</v>
      </c>
      <c r="I30019" s="8">
        <v>0</v>
      </c>
      <c r="J30019" s="8">
        <v>5607864</v>
      </c>
      <c r="K30019" s="9">
        <v>1097</v>
      </c>
      <c r="L30019" s="6" t="s">
        <v>14</v>
      </c>
    </row>
    <row r="30020" spans="1:12">
      <c r="A30020" s="6" t="s">
        <v>31267</v>
      </c>
      <c r="B30020" s="6"/>
      <c r="C30020" s="6" t="s">
        <v>31268</v>
      </c>
      <c r="D30020" s="6"/>
      <c r="E30020" s="6" t="s">
        <v>9</v>
      </c>
      <c r="F30020" s="7">
        <v>38657</v>
      </c>
      <c r="G30020" s="8">
        <v>240264</v>
      </c>
      <c r="H30020" s="8">
        <v>240264</v>
      </c>
      <c r="I30020" s="8">
        <v>0</v>
      </c>
      <c r="J30020" s="8">
        <v>240264</v>
      </c>
      <c r="K30020" s="9">
        <v>47</v>
      </c>
      <c r="L30020" s="6" t="s">
        <v>14</v>
      </c>
    </row>
    <row r="30021" spans="1:12">
      <c r="A30021" s="6" t="s">
        <v>31269</v>
      </c>
      <c r="B30021" s="6"/>
      <c r="C30021" s="6" t="s">
        <v>31270</v>
      </c>
      <c r="D30021" s="6"/>
      <c r="E30021" s="6" t="s">
        <v>9</v>
      </c>
      <c r="F30021" s="7">
        <v>38657</v>
      </c>
      <c r="G30021" s="8">
        <v>1870992</v>
      </c>
      <c r="H30021" s="8">
        <v>1870992</v>
      </c>
      <c r="I30021" s="8">
        <v>0</v>
      </c>
      <c r="J30021" s="8">
        <v>1870992</v>
      </c>
      <c r="K30021" s="9">
        <v>366</v>
      </c>
      <c r="L30021" s="6" t="s">
        <v>14</v>
      </c>
    </row>
    <row r="30022" spans="1:12">
      <c r="A30022" s="6" t="s">
        <v>31271</v>
      </c>
      <c r="B30022" s="6"/>
      <c r="C30022" s="6" t="s">
        <v>31272</v>
      </c>
      <c r="D30022" s="6"/>
      <c r="E30022" s="6" t="s">
        <v>9</v>
      </c>
      <c r="F30022" s="7">
        <v>38657</v>
      </c>
      <c r="G30022" s="8">
        <v>230040</v>
      </c>
      <c r="H30022" s="8">
        <v>230040</v>
      </c>
      <c r="I30022" s="8">
        <v>0</v>
      </c>
      <c r="J30022" s="8">
        <v>230040</v>
      </c>
      <c r="K30022" s="9">
        <v>45</v>
      </c>
      <c r="L30022" s="6" t="s">
        <v>14</v>
      </c>
    </row>
    <row r="30023" spans="1:12">
      <c r="A30023" s="6" t="s">
        <v>31273</v>
      </c>
      <c r="B30023" s="6"/>
      <c r="C30023" s="6" t="s">
        <v>31274</v>
      </c>
      <c r="D30023" s="6"/>
      <c r="E30023" s="6" t="s">
        <v>18740</v>
      </c>
      <c r="F30023" s="7">
        <v>38657</v>
      </c>
      <c r="G30023" s="8">
        <v>27899800</v>
      </c>
      <c r="H30023" s="8">
        <v>27899800</v>
      </c>
      <c r="I30023" s="8">
        <v>0</v>
      </c>
      <c r="J30023" s="8">
        <v>27899800</v>
      </c>
      <c r="K30023" s="9">
        <v>701</v>
      </c>
      <c r="L30023" s="6" t="s">
        <v>10</v>
      </c>
    </row>
    <row r="30024" spans="1:12">
      <c r="A30024" s="6" t="s">
        <v>31273</v>
      </c>
      <c r="B30024" s="6"/>
      <c r="C30024" s="6" t="s">
        <v>31275</v>
      </c>
      <c r="D30024" s="6"/>
      <c r="E30024" s="6" t="s">
        <v>18740</v>
      </c>
      <c r="F30024" s="7">
        <v>38657</v>
      </c>
      <c r="G30024" s="8">
        <v>9233600</v>
      </c>
      <c r="H30024" s="8">
        <v>9233600</v>
      </c>
      <c r="I30024" s="8">
        <v>0</v>
      </c>
      <c r="J30024" s="8">
        <v>9233600</v>
      </c>
      <c r="K30024" s="9">
        <v>232</v>
      </c>
      <c r="L30024" s="6" t="s">
        <v>10</v>
      </c>
    </row>
    <row r="30025" spans="1:12">
      <c r="A30025" s="6" t="s">
        <v>31273</v>
      </c>
      <c r="B30025" s="6"/>
      <c r="C30025" s="6" t="s">
        <v>31276</v>
      </c>
      <c r="D30025" s="6"/>
      <c r="E30025" s="6" t="s">
        <v>18740</v>
      </c>
      <c r="F30025" s="7">
        <v>40150</v>
      </c>
      <c r="G30025" s="8">
        <v>6320240</v>
      </c>
      <c r="H30025" s="8">
        <v>6320240</v>
      </c>
      <c r="I30025" s="8">
        <v>0</v>
      </c>
      <c r="J30025" s="8">
        <v>6320240</v>
      </c>
      <c r="K30025" s="9">
        <v>158.80000000000001</v>
      </c>
      <c r="L30025" s="6" t="s">
        <v>10</v>
      </c>
    </row>
    <row r="30026" spans="1:12">
      <c r="A30026" s="6" t="s">
        <v>31277</v>
      </c>
      <c r="B30026" s="6"/>
      <c r="C30026" s="6" t="s">
        <v>31278</v>
      </c>
      <c r="D30026" s="6"/>
      <c r="E30026" s="6" t="s">
        <v>9</v>
      </c>
      <c r="F30026" s="7">
        <v>38657</v>
      </c>
      <c r="G30026" s="8">
        <v>49658400</v>
      </c>
      <c r="H30026" s="8">
        <v>49658400</v>
      </c>
      <c r="I30026" s="8">
        <v>0</v>
      </c>
      <c r="J30026" s="8">
        <v>49658400</v>
      </c>
      <c r="K30026" s="9">
        <v>1188</v>
      </c>
      <c r="L30026" s="6" t="s">
        <v>10</v>
      </c>
    </row>
    <row r="30027" spans="1:12">
      <c r="A30027" s="6" t="s">
        <v>31277</v>
      </c>
      <c r="B30027" s="6"/>
      <c r="C30027" s="6" t="s">
        <v>31279</v>
      </c>
      <c r="D30027" s="6"/>
      <c r="E30027" s="6" t="s">
        <v>9</v>
      </c>
      <c r="F30027" s="7">
        <v>40709</v>
      </c>
      <c r="G30027" s="8">
        <v>10758000</v>
      </c>
      <c r="H30027" s="8">
        <v>10758000</v>
      </c>
      <c r="I30027" s="8">
        <v>0</v>
      </c>
      <c r="J30027" s="8">
        <v>10758000</v>
      </c>
      <c r="K30027" s="9">
        <v>330</v>
      </c>
      <c r="L30027" s="6" t="s">
        <v>10</v>
      </c>
    </row>
    <row r="30028" spans="1:12">
      <c r="A30028" s="6" t="s">
        <v>31277</v>
      </c>
      <c r="B30028" s="6"/>
      <c r="C30028" s="6" t="s">
        <v>31280</v>
      </c>
      <c r="D30028" s="6"/>
      <c r="E30028" s="6" t="s">
        <v>9</v>
      </c>
      <c r="F30028" s="7">
        <v>40709</v>
      </c>
      <c r="G30028" s="8">
        <v>5281526</v>
      </c>
      <c r="H30028" s="8">
        <v>5281526</v>
      </c>
      <c r="I30028" s="8">
        <v>0</v>
      </c>
      <c r="J30028" s="8">
        <v>5281526</v>
      </c>
      <c r="K30028" s="9">
        <v>162.01</v>
      </c>
      <c r="L30028" s="6" t="s">
        <v>10</v>
      </c>
    </row>
    <row r="30029" spans="1:12">
      <c r="A30029" s="6" t="s">
        <v>31281</v>
      </c>
      <c r="B30029" s="6"/>
      <c r="C30029" s="6" t="s">
        <v>31282</v>
      </c>
      <c r="D30029" s="6"/>
      <c r="E30029" s="6" t="s">
        <v>18740</v>
      </c>
      <c r="F30029" s="7">
        <v>38657</v>
      </c>
      <c r="G30029" s="8">
        <v>349763</v>
      </c>
      <c r="H30029" s="8">
        <v>349763</v>
      </c>
      <c r="I30029" s="8">
        <v>0</v>
      </c>
      <c r="J30029" s="8">
        <v>349763</v>
      </c>
      <c r="K30029" s="9">
        <v>68.42</v>
      </c>
      <c r="L30029" s="6" t="s">
        <v>23</v>
      </c>
    </row>
    <row r="30030" spans="1:12">
      <c r="A30030" s="6" t="s">
        <v>31281</v>
      </c>
      <c r="B30030" s="6"/>
      <c r="C30030" s="6" t="s">
        <v>31283</v>
      </c>
      <c r="D30030" s="6"/>
      <c r="E30030" s="6" t="s">
        <v>18740</v>
      </c>
      <c r="F30030" s="7">
        <v>38657</v>
      </c>
      <c r="G30030" s="8">
        <v>1348443</v>
      </c>
      <c r="H30030" s="8">
        <v>1348443</v>
      </c>
      <c r="I30030" s="8">
        <v>0</v>
      </c>
      <c r="J30030" s="8">
        <v>1348443</v>
      </c>
      <c r="K30030" s="9">
        <v>263.77999999999901</v>
      </c>
      <c r="L30030" s="6" t="s">
        <v>23</v>
      </c>
    </row>
    <row r="30031" spans="1:12">
      <c r="A30031" s="6" t="s">
        <v>31284</v>
      </c>
      <c r="B30031" s="6"/>
      <c r="C30031" s="6" t="s">
        <v>31285</v>
      </c>
      <c r="D30031" s="6"/>
      <c r="E30031" s="6" t="s">
        <v>9</v>
      </c>
      <c r="F30031" s="7">
        <v>38657</v>
      </c>
      <c r="G30031" s="8">
        <v>2106144</v>
      </c>
      <c r="H30031" s="8">
        <v>2106144</v>
      </c>
      <c r="I30031" s="8">
        <v>0</v>
      </c>
      <c r="J30031" s="8">
        <v>2106144</v>
      </c>
      <c r="K30031" s="9">
        <v>412</v>
      </c>
      <c r="L30031" s="6" t="s">
        <v>14</v>
      </c>
    </row>
    <row r="30032" spans="1:12">
      <c r="A30032" s="6" t="s">
        <v>31286</v>
      </c>
      <c r="B30032" s="6"/>
      <c r="C30032" s="6" t="s">
        <v>31287</v>
      </c>
      <c r="D30032" s="6"/>
      <c r="E30032" s="6" t="s">
        <v>9</v>
      </c>
      <c r="F30032" s="7">
        <v>38657</v>
      </c>
      <c r="G30032" s="8">
        <v>1646064</v>
      </c>
      <c r="H30032" s="8">
        <v>1646064</v>
      </c>
      <c r="I30032" s="8">
        <v>0</v>
      </c>
      <c r="J30032" s="8">
        <v>1646064</v>
      </c>
      <c r="K30032" s="9">
        <v>322</v>
      </c>
      <c r="L30032" s="6" t="s">
        <v>14</v>
      </c>
    </row>
    <row r="30033" spans="1:12">
      <c r="A30033" s="6" t="s">
        <v>31288</v>
      </c>
      <c r="B30033" s="6"/>
      <c r="C30033" s="6" t="s">
        <v>31289</v>
      </c>
      <c r="D30033" s="6"/>
      <c r="E30033" s="6" t="s">
        <v>18740</v>
      </c>
      <c r="F30033" s="7">
        <v>38657</v>
      </c>
      <c r="G30033" s="8">
        <v>1974544</v>
      </c>
      <c r="H30033" s="8">
        <v>1974544</v>
      </c>
      <c r="I30033" s="8">
        <v>0</v>
      </c>
      <c r="J30033" s="8">
        <v>1974544</v>
      </c>
      <c r="K30033" s="9">
        <v>112.19</v>
      </c>
      <c r="L30033" s="6" t="s">
        <v>10</v>
      </c>
    </row>
    <row r="30034" spans="1:12">
      <c r="A30034" s="6" t="s">
        <v>31290</v>
      </c>
      <c r="B30034" s="6"/>
      <c r="C30034" s="6" t="s">
        <v>31291</v>
      </c>
      <c r="D30034" s="6"/>
      <c r="E30034" s="6" t="s">
        <v>18740</v>
      </c>
      <c r="F30034" s="7">
        <v>38657</v>
      </c>
      <c r="G30034" s="8">
        <v>97504</v>
      </c>
      <c r="H30034" s="8">
        <v>97504</v>
      </c>
      <c r="I30034" s="8">
        <v>0</v>
      </c>
      <c r="J30034" s="8">
        <v>97504</v>
      </c>
      <c r="K30034" s="9">
        <v>5.54</v>
      </c>
      <c r="L30034" s="6" t="s">
        <v>10</v>
      </c>
    </row>
    <row r="30035" spans="1:12">
      <c r="A30035" s="6" t="s">
        <v>31292</v>
      </c>
      <c r="B30035" s="6"/>
      <c r="C30035" s="6" t="s">
        <v>31293</v>
      </c>
      <c r="D30035" s="6"/>
      <c r="E30035" s="6" t="s">
        <v>18740</v>
      </c>
      <c r="F30035" s="7">
        <v>38657</v>
      </c>
      <c r="G30035" s="8">
        <v>273328</v>
      </c>
      <c r="H30035" s="8">
        <v>273328</v>
      </c>
      <c r="I30035" s="8">
        <v>0</v>
      </c>
      <c r="J30035" s="8">
        <v>273328</v>
      </c>
      <c r="K30035" s="9">
        <v>15.53</v>
      </c>
      <c r="L30035" s="6" t="s">
        <v>10</v>
      </c>
    </row>
    <row r="30036" spans="1:12">
      <c r="A30036" s="6" t="s">
        <v>31294</v>
      </c>
      <c r="B30036" s="6"/>
      <c r="C30036" s="6" t="s">
        <v>31295</v>
      </c>
      <c r="D30036" s="6"/>
      <c r="E30036" s="6" t="s">
        <v>18740</v>
      </c>
      <c r="F30036" s="7">
        <v>38657</v>
      </c>
      <c r="G30036" s="8">
        <v>510400</v>
      </c>
      <c r="H30036" s="8">
        <v>510400</v>
      </c>
      <c r="I30036" s="8">
        <v>0</v>
      </c>
      <c r="J30036" s="8">
        <v>510400</v>
      </c>
      <c r="K30036" s="9">
        <v>29</v>
      </c>
      <c r="L30036" s="6" t="s">
        <v>10</v>
      </c>
    </row>
    <row r="30037" spans="1:12">
      <c r="A30037" s="6" t="s">
        <v>31296</v>
      </c>
      <c r="B30037" s="6"/>
      <c r="C30037" s="6" t="s">
        <v>31297</v>
      </c>
      <c r="D30037" s="6"/>
      <c r="E30037" s="6" t="s">
        <v>9</v>
      </c>
      <c r="F30037" s="7">
        <v>38657</v>
      </c>
      <c r="G30037" s="8">
        <v>1114416</v>
      </c>
      <c r="H30037" s="8">
        <v>1114416</v>
      </c>
      <c r="I30037" s="8">
        <v>0</v>
      </c>
      <c r="J30037" s="8">
        <v>1114416</v>
      </c>
      <c r="K30037" s="9">
        <v>218</v>
      </c>
      <c r="L30037" s="6" t="s">
        <v>14</v>
      </c>
    </row>
    <row r="30038" spans="1:12">
      <c r="A30038" s="6" t="s">
        <v>31298</v>
      </c>
      <c r="B30038" s="6"/>
      <c r="C30038" s="6" t="s">
        <v>31299</v>
      </c>
      <c r="D30038" s="6"/>
      <c r="E30038" s="6" t="s">
        <v>18740</v>
      </c>
      <c r="F30038" s="7">
        <v>38657</v>
      </c>
      <c r="G30038" s="8">
        <v>1777470</v>
      </c>
      <c r="H30038" s="8">
        <v>1777470</v>
      </c>
      <c r="I30038" s="8">
        <v>0</v>
      </c>
      <c r="J30038" s="8">
        <v>1777470</v>
      </c>
      <c r="K30038" s="9">
        <v>49.65</v>
      </c>
      <c r="L30038" s="6" t="s">
        <v>10</v>
      </c>
    </row>
    <row r="30039" spans="1:12">
      <c r="A30039" s="6" t="s">
        <v>31298</v>
      </c>
      <c r="B30039" s="6"/>
      <c r="C30039" s="6" t="s">
        <v>31300</v>
      </c>
      <c r="D30039" s="6"/>
      <c r="E30039" s="6" t="s">
        <v>18740</v>
      </c>
      <c r="F30039" s="7">
        <v>38657</v>
      </c>
      <c r="G30039" s="8">
        <v>1580570</v>
      </c>
      <c r="H30039" s="8">
        <v>1580570</v>
      </c>
      <c r="I30039" s="8">
        <v>0</v>
      </c>
      <c r="J30039" s="8">
        <v>1580570</v>
      </c>
      <c r="K30039" s="9">
        <v>44.15</v>
      </c>
      <c r="L30039" s="6" t="s">
        <v>10</v>
      </c>
    </row>
    <row r="30040" spans="1:12">
      <c r="A30040" s="6" t="s">
        <v>31298</v>
      </c>
      <c r="B30040" s="6"/>
      <c r="C30040" s="6" t="s">
        <v>31301</v>
      </c>
      <c r="D30040" s="6"/>
      <c r="E30040" s="6" t="s">
        <v>18740</v>
      </c>
      <c r="F30040" s="7">
        <v>38657</v>
      </c>
      <c r="G30040" s="8">
        <v>8090800</v>
      </c>
      <c r="H30040" s="8">
        <v>8090800</v>
      </c>
      <c r="I30040" s="8">
        <v>0</v>
      </c>
      <c r="J30040" s="8">
        <v>8090800</v>
      </c>
      <c r="K30040" s="9">
        <v>226</v>
      </c>
      <c r="L30040" s="6" t="s">
        <v>10</v>
      </c>
    </row>
    <row r="30041" spans="1:12">
      <c r="A30041" s="6" t="s">
        <v>31302</v>
      </c>
      <c r="B30041" s="6"/>
      <c r="C30041" s="6" t="s">
        <v>31303</v>
      </c>
      <c r="D30041" s="6"/>
      <c r="E30041" s="6" t="s">
        <v>9</v>
      </c>
      <c r="F30041" s="7">
        <v>38657</v>
      </c>
      <c r="G30041" s="8">
        <v>50560</v>
      </c>
      <c r="H30041" s="8">
        <v>50560</v>
      </c>
      <c r="I30041" s="8">
        <v>0</v>
      </c>
      <c r="J30041" s="8">
        <v>50560</v>
      </c>
      <c r="K30041" s="9">
        <v>3.16</v>
      </c>
      <c r="L30041" s="6" t="s">
        <v>10</v>
      </c>
    </row>
    <row r="30042" spans="1:12">
      <c r="A30042" s="6" t="s">
        <v>31302</v>
      </c>
      <c r="B30042" s="6"/>
      <c r="C30042" s="6" t="s">
        <v>31304</v>
      </c>
      <c r="D30042" s="6"/>
      <c r="E30042" s="6" t="s">
        <v>9</v>
      </c>
      <c r="F30042" s="7">
        <v>38657</v>
      </c>
      <c r="G30042" s="8">
        <v>1857280</v>
      </c>
      <c r="H30042" s="8">
        <v>1857280</v>
      </c>
      <c r="I30042" s="8">
        <v>0</v>
      </c>
      <c r="J30042" s="8">
        <v>1857280</v>
      </c>
      <c r="K30042" s="9">
        <v>116.08</v>
      </c>
      <c r="L30042" s="6" t="s">
        <v>10</v>
      </c>
    </row>
    <row r="30043" spans="1:12">
      <c r="A30043" s="6" t="s">
        <v>31302</v>
      </c>
      <c r="B30043" s="6"/>
      <c r="C30043" s="6" t="s">
        <v>31305</v>
      </c>
      <c r="D30043" s="6"/>
      <c r="E30043" s="6" t="s">
        <v>9</v>
      </c>
      <c r="F30043" s="7">
        <v>38657</v>
      </c>
      <c r="G30043" s="8">
        <v>49600</v>
      </c>
      <c r="H30043" s="8">
        <v>49600</v>
      </c>
      <c r="I30043" s="8">
        <v>0</v>
      </c>
      <c r="J30043" s="8">
        <v>49600</v>
      </c>
      <c r="K30043" s="9">
        <v>3.1</v>
      </c>
      <c r="L30043" s="6" t="s">
        <v>10</v>
      </c>
    </row>
    <row r="30044" spans="1:12">
      <c r="A30044" s="6" t="s">
        <v>31302</v>
      </c>
      <c r="B30044" s="6"/>
      <c r="C30044" s="6" t="s">
        <v>31306</v>
      </c>
      <c r="D30044" s="6"/>
      <c r="E30044" s="6" t="s">
        <v>9</v>
      </c>
      <c r="F30044" s="7">
        <v>38657</v>
      </c>
      <c r="G30044" s="8">
        <v>456602</v>
      </c>
      <c r="H30044" s="8">
        <v>456602</v>
      </c>
      <c r="I30044" s="8">
        <v>0</v>
      </c>
      <c r="J30044" s="8">
        <v>456602</v>
      </c>
      <c r="K30044" s="9">
        <v>19.829999999999899</v>
      </c>
      <c r="L30044" s="6" t="s">
        <v>10</v>
      </c>
    </row>
    <row r="30045" spans="1:12">
      <c r="A30045" s="6" t="s">
        <v>31302</v>
      </c>
      <c r="B30045" s="6"/>
      <c r="C30045" s="6" t="s">
        <v>31307</v>
      </c>
      <c r="D30045" s="6"/>
      <c r="E30045" s="6" t="s">
        <v>9</v>
      </c>
      <c r="F30045" s="7">
        <v>38657</v>
      </c>
      <c r="G30045" s="8">
        <v>967085</v>
      </c>
      <c r="H30045" s="8">
        <v>967085</v>
      </c>
      <c r="I30045" s="8">
        <v>0</v>
      </c>
      <c r="J30045" s="8">
        <v>967085</v>
      </c>
      <c r="K30045" s="9">
        <v>42</v>
      </c>
      <c r="L30045" s="6" t="s">
        <v>10</v>
      </c>
    </row>
    <row r="30046" spans="1:12">
      <c r="A30046" s="6" t="s">
        <v>31302</v>
      </c>
      <c r="B30046" s="6"/>
      <c r="C30046" s="6" t="s">
        <v>31308</v>
      </c>
      <c r="D30046" s="6"/>
      <c r="E30046" s="6" t="s">
        <v>9</v>
      </c>
      <c r="F30046" s="7">
        <v>38657</v>
      </c>
      <c r="G30046" s="8">
        <v>3269667</v>
      </c>
      <c r="H30046" s="8">
        <v>3269667</v>
      </c>
      <c r="I30046" s="8">
        <v>0</v>
      </c>
      <c r="J30046" s="8">
        <v>3269667</v>
      </c>
      <c r="K30046" s="9">
        <v>142</v>
      </c>
      <c r="L30046" s="6" t="s">
        <v>10</v>
      </c>
    </row>
    <row r="30047" spans="1:12">
      <c r="A30047" s="6" t="s">
        <v>31302</v>
      </c>
      <c r="B30047" s="6"/>
      <c r="C30047" s="6" t="s">
        <v>31309</v>
      </c>
      <c r="D30047" s="6"/>
      <c r="E30047" s="6" t="s">
        <v>9</v>
      </c>
      <c r="F30047" s="7">
        <v>38657</v>
      </c>
      <c r="G30047" s="8">
        <v>4397933</v>
      </c>
      <c r="H30047" s="8">
        <v>4397933</v>
      </c>
      <c r="I30047" s="8">
        <v>0</v>
      </c>
      <c r="J30047" s="8">
        <v>4397933</v>
      </c>
      <c r="K30047" s="9">
        <v>191</v>
      </c>
      <c r="L30047" s="6" t="s">
        <v>10</v>
      </c>
    </row>
    <row r="30048" spans="1:12">
      <c r="A30048" s="6" t="s">
        <v>31302</v>
      </c>
      <c r="B30048" s="6"/>
      <c r="C30048" s="6" t="s">
        <v>31310</v>
      </c>
      <c r="D30048" s="6"/>
      <c r="E30048" s="6" t="s">
        <v>9</v>
      </c>
      <c r="F30048" s="7">
        <v>38657</v>
      </c>
      <c r="G30048" s="8">
        <v>5249888</v>
      </c>
      <c r="H30048" s="8">
        <v>5249888</v>
      </c>
      <c r="I30048" s="8">
        <v>0</v>
      </c>
      <c r="J30048" s="8">
        <v>5249888</v>
      </c>
      <c r="K30048" s="9">
        <v>228</v>
      </c>
      <c r="L30048" s="6" t="s">
        <v>10</v>
      </c>
    </row>
    <row r="30049" spans="1:12">
      <c r="A30049" s="6" t="s">
        <v>31302</v>
      </c>
      <c r="B30049" s="6"/>
      <c r="C30049" s="6" t="s">
        <v>31311</v>
      </c>
      <c r="D30049" s="6"/>
      <c r="E30049" s="6" t="s">
        <v>9</v>
      </c>
      <c r="F30049" s="7">
        <v>38657</v>
      </c>
      <c r="G30049" s="8">
        <v>2740073</v>
      </c>
      <c r="H30049" s="8">
        <v>2740073</v>
      </c>
      <c r="I30049" s="8">
        <v>0</v>
      </c>
      <c r="J30049" s="8">
        <v>2740073</v>
      </c>
      <c r="K30049" s="9">
        <v>119</v>
      </c>
      <c r="L30049" s="6" t="s">
        <v>10</v>
      </c>
    </row>
    <row r="30050" spans="1:12">
      <c r="A30050" s="6" t="s">
        <v>31302</v>
      </c>
      <c r="B30050" s="6"/>
      <c r="C30050" s="6" t="s">
        <v>31312</v>
      </c>
      <c r="D30050" s="6"/>
      <c r="E30050" s="6" t="s">
        <v>9</v>
      </c>
      <c r="F30050" s="7">
        <v>38657</v>
      </c>
      <c r="G30050" s="8">
        <v>3937416</v>
      </c>
      <c r="H30050" s="8">
        <v>3937416</v>
      </c>
      <c r="I30050" s="8">
        <v>0</v>
      </c>
      <c r="J30050" s="8">
        <v>3937416</v>
      </c>
      <c r="K30050" s="9">
        <v>171</v>
      </c>
      <c r="L30050" s="6" t="s">
        <v>10</v>
      </c>
    </row>
    <row r="30051" spans="1:12">
      <c r="A30051" s="6" t="s">
        <v>31302</v>
      </c>
      <c r="B30051" s="6"/>
      <c r="C30051" s="6" t="s">
        <v>31313</v>
      </c>
      <c r="D30051" s="6"/>
      <c r="E30051" s="6" t="s">
        <v>9</v>
      </c>
      <c r="F30051" s="7">
        <v>38657</v>
      </c>
      <c r="G30051" s="8">
        <v>8601297</v>
      </c>
      <c r="H30051" s="8">
        <v>8601297</v>
      </c>
      <c r="I30051" s="8">
        <v>0</v>
      </c>
      <c r="J30051" s="8">
        <v>8601297</v>
      </c>
      <c r="K30051" s="9">
        <v>373.55</v>
      </c>
      <c r="L30051" s="6" t="s">
        <v>10</v>
      </c>
    </row>
    <row r="30052" spans="1:12">
      <c r="A30052" s="6" t="s">
        <v>31302</v>
      </c>
      <c r="B30052" s="6"/>
      <c r="C30052" s="6" t="s">
        <v>31314</v>
      </c>
      <c r="D30052" s="6"/>
      <c r="E30052" s="6" t="s">
        <v>9</v>
      </c>
      <c r="F30052" s="7">
        <v>38657</v>
      </c>
      <c r="G30052" s="8">
        <v>26868605</v>
      </c>
      <c r="H30052" s="8">
        <v>26868605</v>
      </c>
      <c r="I30052" s="8">
        <v>0</v>
      </c>
      <c r="J30052" s="8">
        <v>26868605</v>
      </c>
      <c r="K30052" s="9">
        <v>1166.8900000000001</v>
      </c>
      <c r="L30052" s="6" t="s">
        <v>10</v>
      </c>
    </row>
    <row r="30053" spans="1:12">
      <c r="A30053" s="6" t="s">
        <v>31302</v>
      </c>
      <c r="B30053" s="6"/>
      <c r="C30053" s="6" t="s">
        <v>31315</v>
      </c>
      <c r="D30053" s="6"/>
      <c r="E30053" s="6" t="s">
        <v>9</v>
      </c>
      <c r="F30053" s="7">
        <v>38657</v>
      </c>
      <c r="G30053" s="8">
        <v>3937416</v>
      </c>
      <c r="H30053" s="8">
        <v>3937416</v>
      </c>
      <c r="I30053" s="8">
        <v>0</v>
      </c>
      <c r="J30053" s="8">
        <v>3937416</v>
      </c>
      <c r="K30053" s="9">
        <v>171</v>
      </c>
      <c r="L30053" s="6" t="s">
        <v>10</v>
      </c>
    </row>
    <row r="30054" spans="1:12">
      <c r="A30054" s="6" t="s">
        <v>31302</v>
      </c>
      <c r="B30054" s="6"/>
      <c r="C30054" s="6" t="s">
        <v>31316</v>
      </c>
      <c r="D30054" s="6"/>
      <c r="E30054" s="6" t="s">
        <v>9</v>
      </c>
      <c r="F30054" s="7">
        <v>38657</v>
      </c>
      <c r="G30054" s="8">
        <v>2809151</v>
      </c>
      <c r="H30054" s="8">
        <v>2809151</v>
      </c>
      <c r="I30054" s="8">
        <v>0</v>
      </c>
      <c r="J30054" s="8">
        <v>2809151</v>
      </c>
      <c r="K30054" s="9">
        <v>122</v>
      </c>
      <c r="L30054" s="6" t="s">
        <v>10</v>
      </c>
    </row>
    <row r="30055" spans="1:12">
      <c r="A30055" s="6" t="s">
        <v>31302</v>
      </c>
      <c r="B30055" s="6"/>
      <c r="C30055" s="6" t="s">
        <v>31317</v>
      </c>
      <c r="D30055" s="6"/>
      <c r="E30055" s="6" t="s">
        <v>9</v>
      </c>
      <c r="F30055" s="7">
        <v>38657</v>
      </c>
      <c r="G30055" s="8">
        <v>4795358</v>
      </c>
      <c r="H30055" s="8">
        <v>4795358</v>
      </c>
      <c r="I30055" s="8">
        <v>0</v>
      </c>
      <c r="J30055" s="8">
        <v>4795358</v>
      </c>
      <c r="K30055" s="9">
        <v>208.26</v>
      </c>
      <c r="L30055" s="6" t="s">
        <v>10</v>
      </c>
    </row>
    <row r="30056" spans="1:12">
      <c r="A30056" s="6" t="s">
        <v>31302</v>
      </c>
      <c r="B30056" s="6"/>
      <c r="C30056" s="6" t="s">
        <v>31318</v>
      </c>
      <c r="D30056" s="6"/>
      <c r="E30056" s="6" t="s">
        <v>9</v>
      </c>
      <c r="F30056" s="7">
        <v>38657</v>
      </c>
      <c r="G30056" s="8">
        <v>3653508</v>
      </c>
      <c r="H30056" s="8">
        <v>3653508</v>
      </c>
      <c r="I30056" s="8">
        <v>0</v>
      </c>
      <c r="J30056" s="8">
        <v>3653508</v>
      </c>
      <c r="K30056" s="9">
        <v>158.66999999999899</v>
      </c>
      <c r="L30056" s="6" t="s">
        <v>10</v>
      </c>
    </row>
    <row r="30057" spans="1:12">
      <c r="A30057" s="6" t="s">
        <v>31302</v>
      </c>
      <c r="B30057" s="6"/>
      <c r="C30057" s="6" t="s">
        <v>31319</v>
      </c>
      <c r="D30057" s="6"/>
      <c r="E30057" s="6" t="s">
        <v>9</v>
      </c>
      <c r="F30057" s="7">
        <v>38657</v>
      </c>
      <c r="G30057" s="8">
        <v>5099760</v>
      </c>
      <c r="H30057" s="8">
        <v>5099760</v>
      </c>
      <c r="I30057" s="8">
        <v>0</v>
      </c>
      <c r="J30057" s="8">
        <v>5099760</v>
      </c>
      <c r="K30057" s="9">
        <v>221.48</v>
      </c>
      <c r="L30057" s="6" t="s">
        <v>10</v>
      </c>
    </row>
    <row r="30058" spans="1:12">
      <c r="A30058" s="6" t="s">
        <v>31302</v>
      </c>
      <c r="B30058" s="6"/>
      <c r="C30058" s="6" t="s">
        <v>31320</v>
      </c>
      <c r="D30058" s="6"/>
      <c r="E30058" s="6" t="s">
        <v>9</v>
      </c>
      <c r="F30058" s="7">
        <v>38657</v>
      </c>
      <c r="G30058" s="8">
        <v>3177564</v>
      </c>
      <c r="H30058" s="8">
        <v>3177564</v>
      </c>
      <c r="I30058" s="8">
        <v>0</v>
      </c>
      <c r="J30058" s="8">
        <v>3177564</v>
      </c>
      <c r="K30058" s="9">
        <v>138</v>
      </c>
      <c r="L30058" s="6" t="s">
        <v>10</v>
      </c>
    </row>
    <row r="30059" spans="1:12">
      <c r="A30059" s="6" t="s">
        <v>31302</v>
      </c>
      <c r="B30059" s="6"/>
      <c r="C30059" s="6" t="s">
        <v>31321</v>
      </c>
      <c r="D30059" s="6"/>
      <c r="E30059" s="6" t="s">
        <v>9</v>
      </c>
      <c r="F30059" s="7">
        <v>38657</v>
      </c>
      <c r="G30059" s="8">
        <v>2112000</v>
      </c>
      <c r="H30059" s="8">
        <v>2112000</v>
      </c>
      <c r="I30059" s="8">
        <v>0</v>
      </c>
      <c r="J30059" s="8">
        <v>2112000</v>
      </c>
      <c r="K30059" s="9">
        <v>165</v>
      </c>
      <c r="L30059" s="6" t="s">
        <v>10</v>
      </c>
    </row>
    <row r="30060" spans="1:12">
      <c r="A30060" s="6" t="s">
        <v>31302</v>
      </c>
      <c r="B30060" s="6"/>
      <c r="C30060" s="6" t="s">
        <v>31322</v>
      </c>
      <c r="D30060" s="6"/>
      <c r="E30060" s="6" t="s">
        <v>9</v>
      </c>
      <c r="F30060" s="7">
        <v>38657</v>
      </c>
      <c r="G30060" s="8">
        <v>1984000</v>
      </c>
      <c r="H30060" s="8">
        <v>1984000</v>
      </c>
      <c r="I30060" s="8">
        <v>0</v>
      </c>
      <c r="J30060" s="8">
        <v>1984000</v>
      </c>
      <c r="K30060" s="9">
        <v>155</v>
      </c>
      <c r="L30060" s="6" t="s">
        <v>10</v>
      </c>
    </row>
    <row r="30061" spans="1:12">
      <c r="A30061" s="6" t="s">
        <v>31302</v>
      </c>
      <c r="B30061" s="6"/>
      <c r="C30061" s="6" t="s">
        <v>31323</v>
      </c>
      <c r="D30061" s="6"/>
      <c r="E30061" s="6" t="s">
        <v>9</v>
      </c>
      <c r="F30061" s="7">
        <v>38657</v>
      </c>
      <c r="G30061" s="8">
        <v>844800</v>
      </c>
      <c r="H30061" s="8">
        <v>844800</v>
      </c>
      <c r="I30061" s="8">
        <v>0</v>
      </c>
      <c r="J30061" s="8">
        <v>844800</v>
      </c>
      <c r="K30061" s="9">
        <v>66</v>
      </c>
      <c r="L30061" s="6" t="s">
        <v>10</v>
      </c>
    </row>
    <row r="30062" spans="1:12">
      <c r="A30062" s="6" t="s">
        <v>31302</v>
      </c>
      <c r="B30062" s="6"/>
      <c r="C30062" s="6" t="s">
        <v>31324</v>
      </c>
      <c r="D30062" s="6"/>
      <c r="E30062" s="6" t="s">
        <v>9</v>
      </c>
      <c r="F30062" s="7">
        <v>38657</v>
      </c>
      <c r="G30062" s="8">
        <v>4185600</v>
      </c>
      <c r="H30062" s="8">
        <v>4185600</v>
      </c>
      <c r="I30062" s="8">
        <v>0</v>
      </c>
      <c r="J30062" s="8">
        <v>4185600</v>
      </c>
      <c r="K30062" s="9">
        <v>327</v>
      </c>
      <c r="L30062" s="6" t="s">
        <v>10</v>
      </c>
    </row>
    <row r="30063" spans="1:12">
      <c r="A30063" s="6" t="s">
        <v>31302</v>
      </c>
      <c r="B30063" s="6"/>
      <c r="C30063" s="6" t="s">
        <v>31325</v>
      </c>
      <c r="D30063" s="6"/>
      <c r="E30063" s="6" t="s">
        <v>9</v>
      </c>
      <c r="F30063" s="7"/>
      <c r="G30063" s="8">
        <v>1</v>
      </c>
      <c r="H30063" s="8">
        <v>1</v>
      </c>
      <c r="I30063" s="8">
        <v>0</v>
      </c>
      <c r="J30063" s="8">
        <v>1</v>
      </c>
      <c r="K30063" s="9">
        <v>324.87</v>
      </c>
      <c r="L30063" s="6" t="s">
        <v>10</v>
      </c>
    </row>
    <row r="30064" spans="1:12">
      <c r="A30064" s="6" t="s">
        <v>31302</v>
      </c>
      <c r="B30064" s="6"/>
      <c r="C30064" s="6" t="s">
        <v>31326</v>
      </c>
      <c r="D30064" s="6"/>
      <c r="E30064" s="6" t="s">
        <v>9</v>
      </c>
      <c r="F30064" s="7">
        <v>38657</v>
      </c>
      <c r="G30064" s="8">
        <v>5687379</v>
      </c>
      <c r="H30064" s="8">
        <v>5687379</v>
      </c>
      <c r="I30064" s="8">
        <v>0</v>
      </c>
      <c r="J30064" s="8">
        <v>5687379</v>
      </c>
      <c r="K30064" s="9">
        <v>247</v>
      </c>
      <c r="L30064" s="6" t="s">
        <v>10</v>
      </c>
    </row>
    <row r="30065" spans="1:12">
      <c r="A30065" s="6" t="s">
        <v>31302</v>
      </c>
      <c r="B30065" s="6"/>
      <c r="C30065" s="6" t="s">
        <v>31327</v>
      </c>
      <c r="D30065" s="6"/>
      <c r="E30065" s="6" t="s">
        <v>9</v>
      </c>
      <c r="F30065" s="7">
        <v>38657</v>
      </c>
      <c r="G30065" s="8">
        <v>499200</v>
      </c>
      <c r="H30065" s="8">
        <v>499200</v>
      </c>
      <c r="I30065" s="8">
        <v>0</v>
      </c>
      <c r="J30065" s="8">
        <v>499200</v>
      </c>
      <c r="K30065" s="9">
        <v>39</v>
      </c>
      <c r="L30065" s="6" t="s">
        <v>10</v>
      </c>
    </row>
    <row r="30066" spans="1:12">
      <c r="A30066" s="6" t="s">
        <v>31302</v>
      </c>
      <c r="B30066" s="6"/>
      <c r="C30066" s="6" t="s">
        <v>31328</v>
      </c>
      <c r="D30066" s="6"/>
      <c r="E30066" s="6" t="s">
        <v>9</v>
      </c>
      <c r="F30066" s="7">
        <v>38657</v>
      </c>
      <c r="G30066" s="8">
        <v>2279557</v>
      </c>
      <c r="H30066" s="8">
        <v>2279557</v>
      </c>
      <c r="I30066" s="8">
        <v>0</v>
      </c>
      <c r="J30066" s="8">
        <v>2279557</v>
      </c>
      <c r="K30066" s="9">
        <v>99</v>
      </c>
      <c r="L30066" s="6" t="s">
        <v>10</v>
      </c>
    </row>
    <row r="30067" spans="1:12">
      <c r="A30067" s="6" t="s">
        <v>31302</v>
      </c>
      <c r="B30067" s="6"/>
      <c r="C30067" s="6" t="s">
        <v>31329</v>
      </c>
      <c r="D30067" s="6"/>
      <c r="E30067" s="6" t="s">
        <v>9</v>
      </c>
      <c r="F30067" s="7">
        <v>38657</v>
      </c>
      <c r="G30067" s="8">
        <v>5779482</v>
      </c>
      <c r="H30067" s="8">
        <v>5779482</v>
      </c>
      <c r="I30067" s="8">
        <v>0</v>
      </c>
      <c r="J30067" s="8">
        <v>5779482</v>
      </c>
      <c r="K30067" s="9">
        <v>251</v>
      </c>
      <c r="L30067" s="6" t="s">
        <v>10</v>
      </c>
    </row>
    <row r="30068" spans="1:12">
      <c r="A30068" s="6" t="s">
        <v>31302</v>
      </c>
      <c r="B30068" s="6"/>
      <c r="C30068" s="6" t="s">
        <v>31330</v>
      </c>
      <c r="D30068" s="6"/>
      <c r="E30068" s="6" t="s">
        <v>9</v>
      </c>
      <c r="F30068" s="7">
        <v>38657</v>
      </c>
      <c r="G30068" s="8">
        <v>9362531</v>
      </c>
      <c r="H30068" s="8">
        <v>9362531</v>
      </c>
      <c r="I30068" s="8">
        <v>0</v>
      </c>
      <c r="J30068" s="8">
        <v>9362531</v>
      </c>
      <c r="K30068" s="9">
        <v>406.61</v>
      </c>
      <c r="L30068" s="6" t="s">
        <v>10</v>
      </c>
    </row>
    <row r="30069" spans="1:12">
      <c r="A30069" s="6" t="s">
        <v>31302</v>
      </c>
      <c r="B30069" s="6"/>
      <c r="C30069" s="6" t="s">
        <v>31331</v>
      </c>
      <c r="D30069" s="6"/>
      <c r="E30069" s="6" t="s">
        <v>9</v>
      </c>
      <c r="F30069" s="7">
        <v>38657</v>
      </c>
      <c r="G30069" s="8">
        <v>2740073</v>
      </c>
      <c r="H30069" s="8">
        <v>2740073</v>
      </c>
      <c r="I30069" s="8">
        <v>0</v>
      </c>
      <c r="J30069" s="8">
        <v>2740073</v>
      </c>
      <c r="K30069" s="9">
        <v>119</v>
      </c>
      <c r="L30069" s="6" t="s">
        <v>10</v>
      </c>
    </row>
    <row r="30070" spans="1:12">
      <c r="A30070" s="6" t="s">
        <v>31302</v>
      </c>
      <c r="B30070" s="6"/>
      <c r="C30070" s="6" t="s">
        <v>31332</v>
      </c>
      <c r="D30070" s="6"/>
      <c r="E30070" s="6" t="s">
        <v>9</v>
      </c>
      <c r="F30070" s="7">
        <v>38657</v>
      </c>
      <c r="G30070" s="8">
        <v>1336480</v>
      </c>
      <c r="H30070" s="8">
        <v>1336480</v>
      </c>
      <c r="I30070" s="8">
        <v>0</v>
      </c>
      <c r="J30070" s="8">
        <v>1336480</v>
      </c>
      <c r="K30070" s="9">
        <v>83.53</v>
      </c>
      <c r="L30070" s="6" t="s">
        <v>10</v>
      </c>
    </row>
    <row r="30071" spans="1:12">
      <c r="A30071" s="6" t="s">
        <v>31302</v>
      </c>
      <c r="B30071" s="6"/>
      <c r="C30071" s="6" t="s">
        <v>31333</v>
      </c>
      <c r="D30071" s="6"/>
      <c r="E30071" s="6" t="s">
        <v>9</v>
      </c>
      <c r="F30071" s="7">
        <v>38657</v>
      </c>
      <c r="G30071" s="8">
        <v>2207256</v>
      </c>
      <c r="H30071" s="8">
        <v>2207256</v>
      </c>
      <c r="I30071" s="8">
        <v>0</v>
      </c>
      <c r="J30071" s="8">
        <v>2207256</v>
      </c>
      <c r="K30071" s="9">
        <v>95.86</v>
      </c>
      <c r="L30071" s="6" t="s">
        <v>10</v>
      </c>
    </row>
    <row r="30072" spans="1:12">
      <c r="A30072" s="6" t="s">
        <v>31302</v>
      </c>
      <c r="B30072" s="6"/>
      <c r="C30072" s="6" t="s">
        <v>31334</v>
      </c>
      <c r="D30072" s="6"/>
      <c r="E30072" s="6" t="s">
        <v>9</v>
      </c>
      <c r="F30072" s="7">
        <v>38657</v>
      </c>
      <c r="G30072" s="8">
        <v>5556592</v>
      </c>
      <c r="H30072" s="8">
        <v>5556592</v>
      </c>
      <c r="I30072" s="8">
        <v>0</v>
      </c>
      <c r="J30072" s="8">
        <v>5556592</v>
      </c>
      <c r="K30072" s="9">
        <v>241.32</v>
      </c>
      <c r="L30072" s="6" t="s">
        <v>10</v>
      </c>
    </row>
    <row r="30073" spans="1:12">
      <c r="A30073" s="6" t="s">
        <v>31302</v>
      </c>
      <c r="B30073" s="6"/>
      <c r="C30073" s="6" t="s">
        <v>31335</v>
      </c>
      <c r="D30073" s="6"/>
      <c r="E30073" s="6" t="s">
        <v>9</v>
      </c>
      <c r="F30073" s="7">
        <v>38657</v>
      </c>
      <c r="G30073" s="8">
        <v>2055055</v>
      </c>
      <c r="H30073" s="8">
        <v>2055055</v>
      </c>
      <c r="I30073" s="8">
        <v>0</v>
      </c>
      <c r="J30073" s="8">
        <v>2055055</v>
      </c>
      <c r="K30073" s="9">
        <v>89.25</v>
      </c>
      <c r="L30073" s="6" t="s">
        <v>10</v>
      </c>
    </row>
    <row r="30074" spans="1:12">
      <c r="A30074" s="6" t="s">
        <v>31336</v>
      </c>
      <c r="B30074" s="6"/>
      <c r="C30074" s="6" t="s">
        <v>31337</v>
      </c>
      <c r="D30074" s="6"/>
      <c r="E30074" s="6" t="s">
        <v>18740</v>
      </c>
      <c r="F30074" s="7">
        <v>38657</v>
      </c>
      <c r="G30074" s="8">
        <v>4684125</v>
      </c>
      <c r="H30074" s="8">
        <v>4684125</v>
      </c>
      <c r="I30074" s="8">
        <v>0</v>
      </c>
      <c r="J30074" s="8">
        <v>4684125</v>
      </c>
      <c r="K30074" s="9">
        <v>124.91</v>
      </c>
      <c r="L30074" s="6" t="s">
        <v>10</v>
      </c>
    </row>
    <row r="30075" spans="1:12">
      <c r="A30075" s="6" t="s">
        <v>31336</v>
      </c>
      <c r="B30075" s="6"/>
      <c r="C30075" s="6" t="s">
        <v>31338</v>
      </c>
      <c r="D30075" s="6"/>
      <c r="E30075" s="6" t="s">
        <v>18740</v>
      </c>
      <c r="F30075" s="7">
        <v>38657</v>
      </c>
      <c r="G30075" s="8">
        <v>7712250</v>
      </c>
      <c r="H30075" s="8">
        <v>7712250</v>
      </c>
      <c r="I30075" s="8">
        <v>0</v>
      </c>
      <c r="J30075" s="8">
        <v>7712250</v>
      </c>
      <c r="K30075" s="9">
        <v>205.66</v>
      </c>
      <c r="L30075" s="6" t="s">
        <v>10</v>
      </c>
    </row>
    <row r="30076" spans="1:12">
      <c r="A30076" s="6" t="s">
        <v>31339</v>
      </c>
      <c r="B30076" s="6"/>
      <c r="C30076" s="6" t="s">
        <v>31340</v>
      </c>
      <c r="D30076" s="6"/>
      <c r="E30076" s="6" t="s">
        <v>18740</v>
      </c>
      <c r="F30076" s="7">
        <v>38657</v>
      </c>
      <c r="G30076" s="8">
        <v>8672363</v>
      </c>
      <c r="H30076" s="8">
        <v>8672363</v>
      </c>
      <c r="I30076" s="8">
        <v>0</v>
      </c>
      <c r="J30076" s="8">
        <v>8672363</v>
      </c>
      <c r="K30076" s="9">
        <v>241.57</v>
      </c>
      <c r="L30076" s="6" t="s">
        <v>10</v>
      </c>
    </row>
    <row r="30077" spans="1:12">
      <c r="A30077" s="6" t="s">
        <v>31341</v>
      </c>
      <c r="B30077" s="6"/>
      <c r="C30077" s="6" t="s">
        <v>31342</v>
      </c>
      <c r="D30077" s="6"/>
      <c r="E30077" s="6" t="s">
        <v>9</v>
      </c>
      <c r="F30077" s="7">
        <v>38657</v>
      </c>
      <c r="G30077" s="8">
        <v>2166107</v>
      </c>
      <c r="H30077" s="8">
        <v>2166107</v>
      </c>
      <c r="I30077" s="8">
        <v>0</v>
      </c>
      <c r="J30077" s="8">
        <v>2166107</v>
      </c>
      <c r="K30077" s="9">
        <v>423.73</v>
      </c>
      <c r="L30077" s="6" t="s">
        <v>14</v>
      </c>
    </row>
    <row r="30078" spans="1:12">
      <c r="A30078" s="6" t="s">
        <v>31343</v>
      </c>
      <c r="B30078" s="6"/>
      <c r="C30078" s="6" t="s">
        <v>31344</v>
      </c>
      <c r="D30078" s="6"/>
      <c r="E30078" s="6" t="s">
        <v>18740</v>
      </c>
      <c r="F30078" s="7">
        <v>38657</v>
      </c>
      <c r="G30078" s="8">
        <v>281160</v>
      </c>
      <c r="H30078" s="8">
        <v>281160</v>
      </c>
      <c r="I30078" s="8">
        <v>0</v>
      </c>
      <c r="J30078" s="8">
        <v>281160</v>
      </c>
      <c r="K30078" s="9">
        <v>55</v>
      </c>
      <c r="L30078" s="6" t="s">
        <v>23</v>
      </c>
    </row>
    <row r="30079" spans="1:12">
      <c r="A30079" s="6" t="s">
        <v>31345</v>
      </c>
      <c r="B30079" s="6"/>
      <c r="C30079" s="6" t="s">
        <v>31346</v>
      </c>
      <c r="D30079" s="6"/>
      <c r="E30079" s="6" t="s">
        <v>18740</v>
      </c>
      <c r="F30079" s="7">
        <v>38657</v>
      </c>
      <c r="G30079" s="8">
        <v>878600</v>
      </c>
      <c r="H30079" s="8">
        <v>878600</v>
      </c>
      <c r="I30079" s="8">
        <v>0</v>
      </c>
      <c r="J30079" s="8">
        <v>878600</v>
      </c>
      <c r="K30079" s="9">
        <v>23</v>
      </c>
      <c r="L30079" s="6" t="s">
        <v>10</v>
      </c>
    </row>
    <row r="30080" spans="1:12">
      <c r="A30080" s="6" t="s">
        <v>31345</v>
      </c>
      <c r="B30080" s="6"/>
      <c r="C30080" s="6" t="s">
        <v>31347</v>
      </c>
      <c r="D30080" s="6"/>
      <c r="E30080" s="6" t="s">
        <v>18740</v>
      </c>
      <c r="F30080" s="7">
        <v>38657</v>
      </c>
      <c r="G30080" s="8">
        <v>649400</v>
      </c>
      <c r="H30080" s="8">
        <v>649400</v>
      </c>
      <c r="I30080" s="8">
        <v>0</v>
      </c>
      <c r="J30080" s="8">
        <v>649400</v>
      </c>
      <c r="K30080" s="9">
        <v>17</v>
      </c>
      <c r="L30080" s="6" t="s">
        <v>10</v>
      </c>
    </row>
    <row r="30081" spans="1:12">
      <c r="A30081" s="6" t="s">
        <v>31348</v>
      </c>
      <c r="B30081" s="6"/>
      <c r="C30081" s="6" t="s">
        <v>31349</v>
      </c>
      <c r="D30081" s="6"/>
      <c r="E30081" s="6" t="s">
        <v>18740</v>
      </c>
      <c r="F30081" s="7">
        <v>38657</v>
      </c>
      <c r="G30081" s="8">
        <v>37573</v>
      </c>
      <c r="H30081" s="8">
        <v>37573</v>
      </c>
      <c r="I30081" s="8">
        <v>0</v>
      </c>
      <c r="J30081" s="8">
        <v>37573</v>
      </c>
      <c r="K30081" s="9">
        <v>7.35</v>
      </c>
      <c r="L30081" s="6" t="s">
        <v>23</v>
      </c>
    </row>
    <row r="30082" spans="1:12">
      <c r="A30082" s="6" t="s">
        <v>31350</v>
      </c>
      <c r="B30082" s="6"/>
      <c r="C30082" s="6" t="s">
        <v>31351</v>
      </c>
      <c r="D30082" s="6"/>
      <c r="E30082" s="6" t="s">
        <v>9</v>
      </c>
      <c r="F30082" s="7">
        <v>38657</v>
      </c>
      <c r="G30082" s="8">
        <v>853346</v>
      </c>
      <c r="H30082" s="8">
        <v>853346</v>
      </c>
      <c r="I30082" s="8">
        <v>0</v>
      </c>
      <c r="J30082" s="8">
        <v>853346</v>
      </c>
      <c r="K30082" s="9">
        <v>166.93</v>
      </c>
      <c r="L30082" s="6" t="s">
        <v>14</v>
      </c>
    </row>
    <row r="30083" spans="1:12">
      <c r="A30083" s="6" t="s">
        <v>31350</v>
      </c>
      <c r="B30083" s="6"/>
      <c r="C30083" s="6" t="s">
        <v>31352</v>
      </c>
      <c r="D30083" s="6"/>
      <c r="E30083" s="6" t="s">
        <v>9</v>
      </c>
      <c r="F30083" s="7">
        <v>38657</v>
      </c>
      <c r="G30083" s="8">
        <v>159647</v>
      </c>
      <c r="H30083" s="8">
        <v>159647</v>
      </c>
      <c r="I30083" s="8">
        <v>0</v>
      </c>
      <c r="J30083" s="8">
        <v>159647</v>
      </c>
      <c r="K30083" s="9">
        <v>31.23</v>
      </c>
      <c r="L30083" s="6" t="s">
        <v>14</v>
      </c>
    </row>
    <row r="30084" spans="1:12">
      <c r="A30084" s="6" t="s">
        <v>31350</v>
      </c>
      <c r="B30084" s="6"/>
      <c r="C30084" s="6" t="s">
        <v>31353</v>
      </c>
      <c r="D30084" s="6"/>
      <c r="E30084" s="6" t="s">
        <v>9</v>
      </c>
      <c r="F30084" s="7"/>
      <c r="G30084" s="8">
        <v>342504</v>
      </c>
      <c r="H30084" s="8">
        <v>342504</v>
      </c>
      <c r="I30084" s="8">
        <v>0</v>
      </c>
      <c r="J30084" s="8">
        <v>342504</v>
      </c>
      <c r="K30084" s="9">
        <v>67</v>
      </c>
      <c r="L30084" s="6" t="s">
        <v>1842</v>
      </c>
    </row>
    <row r="30085" spans="1:12">
      <c r="A30085" s="6" t="s">
        <v>31354</v>
      </c>
      <c r="B30085" s="6"/>
      <c r="C30085" s="6" t="s">
        <v>31355</v>
      </c>
      <c r="D30085" s="6"/>
      <c r="E30085" s="6" t="s">
        <v>9</v>
      </c>
      <c r="F30085" s="7">
        <v>38657</v>
      </c>
      <c r="G30085" s="8">
        <v>541872</v>
      </c>
      <c r="H30085" s="8">
        <v>541872</v>
      </c>
      <c r="I30085" s="8">
        <v>0</v>
      </c>
      <c r="J30085" s="8">
        <v>541872</v>
      </c>
      <c r="K30085" s="9">
        <v>106</v>
      </c>
      <c r="L30085" s="6" t="s">
        <v>14</v>
      </c>
    </row>
    <row r="30086" spans="1:12">
      <c r="A30086" s="6" t="s">
        <v>31354</v>
      </c>
      <c r="B30086" s="6"/>
      <c r="C30086" s="6" t="s">
        <v>31356</v>
      </c>
      <c r="D30086" s="6"/>
      <c r="E30086" s="6" t="s">
        <v>9</v>
      </c>
      <c r="F30086" s="7">
        <v>38657</v>
      </c>
      <c r="G30086" s="8">
        <v>71568</v>
      </c>
      <c r="H30086" s="8">
        <v>71568</v>
      </c>
      <c r="I30086" s="8">
        <v>0</v>
      </c>
      <c r="J30086" s="8">
        <v>71568</v>
      </c>
      <c r="K30086" s="9">
        <v>14</v>
      </c>
      <c r="L30086" s="6" t="s">
        <v>14</v>
      </c>
    </row>
    <row r="30087" spans="1:12">
      <c r="A30087" s="6" t="s">
        <v>31354</v>
      </c>
      <c r="B30087" s="6"/>
      <c r="C30087" s="6" t="s">
        <v>31357</v>
      </c>
      <c r="D30087" s="6"/>
      <c r="E30087" s="6" t="s">
        <v>9</v>
      </c>
      <c r="F30087" s="7">
        <v>38657</v>
      </c>
      <c r="G30087" s="8">
        <v>30978</v>
      </c>
      <c r="H30087" s="8">
        <v>30978</v>
      </c>
      <c r="I30087" s="8">
        <v>0</v>
      </c>
      <c r="J30087" s="8">
        <v>30978</v>
      </c>
      <c r="K30087" s="9">
        <v>6.06</v>
      </c>
      <c r="L30087" s="6" t="s">
        <v>14</v>
      </c>
    </row>
    <row r="30088" spans="1:12">
      <c r="A30088" s="6" t="s">
        <v>31354</v>
      </c>
      <c r="B30088" s="6"/>
      <c r="C30088" s="6" t="s">
        <v>31358</v>
      </c>
      <c r="D30088" s="6"/>
      <c r="E30088" s="6" t="s">
        <v>9</v>
      </c>
      <c r="F30088" s="7">
        <v>38657</v>
      </c>
      <c r="G30088" s="8">
        <v>163584</v>
      </c>
      <c r="H30088" s="8">
        <v>163584</v>
      </c>
      <c r="I30088" s="8">
        <v>0</v>
      </c>
      <c r="J30088" s="8">
        <v>163584</v>
      </c>
      <c r="K30088" s="9">
        <v>32</v>
      </c>
      <c r="L30088" s="6" t="s">
        <v>14</v>
      </c>
    </row>
    <row r="30089" spans="1:12">
      <c r="A30089" s="6" t="s">
        <v>31359</v>
      </c>
      <c r="B30089" s="6"/>
      <c r="C30089" s="6" t="s">
        <v>31360</v>
      </c>
      <c r="D30089" s="6"/>
      <c r="E30089" s="6" t="s">
        <v>18740</v>
      </c>
      <c r="F30089" s="7">
        <v>38657</v>
      </c>
      <c r="G30089" s="8">
        <v>25099</v>
      </c>
      <c r="H30089" s="8">
        <v>25099</v>
      </c>
      <c r="I30089" s="8">
        <v>0</v>
      </c>
      <c r="J30089" s="8">
        <v>25099</v>
      </c>
      <c r="K30089" s="9">
        <v>4.91</v>
      </c>
      <c r="L30089" s="6" t="s">
        <v>23</v>
      </c>
    </row>
    <row r="30090" spans="1:12">
      <c r="A30090" s="6" t="s">
        <v>31359</v>
      </c>
      <c r="B30090" s="6"/>
      <c r="C30090" s="6" t="s">
        <v>31361</v>
      </c>
      <c r="D30090" s="6"/>
      <c r="E30090" s="6" t="s">
        <v>18740</v>
      </c>
      <c r="F30090" s="7">
        <v>38657</v>
      </c>
      <c r="G30090" s="8">
        <v>66456</v>
      </c>
      <c r="H30090" s="8">
        <v>66456</v>
      </c>
      <c r="I30090" s="8">
        <v>0</v>
      </c>
      <c r="J30090" s="8">
        <v>66456</v>
      </c>
      <c r="K30090" s="9">
        <v>13</v>
      </c>
      <c r="L30090" s="6" t="s">
        <v>23</v>
      </c>
    </row>
    <row r="30091" spans="1:12">
      <c r="A30091" s="6" t="s">
        <v>31362</v>
      </c>
      <c r="B30091" s="6"/>
      <c r="C30091" s="6" t="s">
        <v>31363</v>
      </c>
      <c r="D30091" s="6"/>
      <c r="E30091" s="6" t="s">
        <v>18740</v>
      </c>
      <c r="F30091" s="7">
        <v>38657</v>
      </c>
      <c r="G30091" s="8">
        <v>834438</v>
      </c>
      <c r="H30091" s="8">
        <v>834438</v>
      </c>
      <c r="I30091" s="8">
        <v>0</v>
      </c>
      <c r="J30091" s="8">
        <v>834438</v>
      </c>
      <c r="K30091" s="9">
        <v>29.59</v>
      </c>
      <c r="L30091" s="6" t="s">
        <v>10</v>
      </c>
    </row>
    <row r="30092" spans="1:12">
      <c r="A30092" s="6" t="s">
        <v>31364</v>
      </c>
      <c r="B30092" s="6"/>
      <c r="C30092" s="6" t="s">
        <v>31365</v>
      </c>
      <c r="D30092" s="6"/>
      <c r="E30092" s="6" t="s">
        <v>18740</v>
      </c>
      <c r="F30092" s="7">
        <v>38657</v>
      </c>
      <c r="G30092" s="8">
        <v>690000</v>
      </c>
      <c r="H30092" s="8">
        <v>690000</v>
      </c>
      <c r="I30092" s="8">
        <v>0</v>
      </c>
      <c r="J30092" s="8">
        <v>690000</v>
      </c>
      <c r="K30092" s="9">
        <v>23</v>
      </c>
      <c r="L30092" s="6" t="s">
        <v>10</v>
      </c>
    </row>
    <row r="30093" spans="1:12">
      <c r="A30093" s="6" t="s">
        <v>31366</v>
      </c>
      <c r="B30093" s="6"/>
      <c r="C30093" s="6" t="s">
        <v>31367</v>
      </c>
      <c r="D30093" s="6"/>
      <c r="E30093" s="6" t="s">
        <v>9</v>
      </c>
      <c r="F30093" s="7">
        <v>38657</v>
      </c>
      <c r="G30093" s="8">
        <v>1099080</v>
      </c>
      <c r="H30093" s="8">
        <v>1099080</v>
      </c>
      <c r="I30093" s="8">
        <v>0</v>
      </c>
      <c r="J30093" s="8">
        <v>1099080</v>
      </c>
      <c r="K30093" s="9">
        <v>215</v>
      </c>
      <c r="L30093" s="6" t="s">
        <v>14</v>
      </c>
    </row>
    <row r="30094" spans="1:12">
      <c r="A30094" s="6" t="s">
        <v>31368</v>
      </c>
      <c r="B30094" s="6"/>
      <c r="C30094" s="6" t="s">
        <v>31369</v>
      </c>
      <c r="D30094" s="6"/>
      <c r="E30094" s="6" t="s">
        <v>9</v>
      </c>
      <c r="F30094" s="7">
        <v>38657</v>
      </c>
      <c r="G30094" s="8">
        <v>3346008</v>
      </c>
      <c r="H30094" s="8">
        <v>3346008</v>
      </c>
      <c r="I30094" s="8">
        <v>0</v>
      </c>
      <c r="J30094" s="8">
        <v>3346008</v>
      </c>
      <c r="K30094" s="9">
        <v>654.54</v>
      </c>
      <c r="L30094" s="6" t="s">
        <v>14</v>
      </c>
    </row>
    <row r="30095" spans="1:12">
      <c r="A30095" s="6" t="s">
        <v>31368</v>
      </c>
      <c r="B30095" s="6"/>
      <c r="C30095" s="6" t="s">
        <v>31370</v>
      </c>
      <c r="D30095" s="6"/>
      <c r="E30095" s="6" t="s">
        <v>9</v>
      </c>
      <c r="F30095" s="7">
        <v>38657</v>
      </c>
      <c r="G30095" s="8">
        <v>3148583</v>
      </c>
      <c r="H30095" s="8">
        <v>3148583</v>
      </c>
      <c r="I30095" s="8">
        <v>0</v>
      </c>
      <c r="J30095" s="8">
        <v>3148583</v>
      </c>
      <c r="K30095" s="9">
        <v>615.91999999999905</v>
      </c>
      <c r="L30095" s="6" t="s">
        <v>14</v>
      </c>
    </row>
    <row r="30096" spans="1:12">
      <c r="A30096" s="6" t="s">
        <v>31371</v>
      </c>
      <c r="B30096" s="6"/>
      <c r="C30096" s="6" t="s">
        <v>31372</v>
      </c>
      <c r="D30096" s="6"/>
      <c r="E30096" s="6" t="s">
        <v>18740</v>
      </c>
      <c r="F30096" s="7">
        <v>38657</v>
      </c>
      <c r="G30096" s="8">
        <v>2121237</v>
      </c>
      <c r="H30096" s="8">
        <v>2121237</v>
      </c>
      <c r="I30096" s="8">
        <v>0</v>
      </c>
      <c r="J30096" s="8">
        <v>2121237</v>
      </c>
      <c r="K30096" s="9">
        <v>76.03</v>
      </c>
      <c r="L30096" s="6" t="s">
        <v>10</v>
      </c>
    </row>
    <row r="30097" spans="1:12">
      <c r="A30097" s="6" t="s">
        <v>31373</v>
      </c>
      <c r="B30097" s="6"/>
      <c r="C30097" s="6" t="s">
        <v>31374</v>
      </c>
      <c r="D30097" s="6"/>
      <c r="E30097" s="6" t="s">
        <v>18740</v>
      </c>
      <c r="F30097" s="7">
        <v>38657</v>
      </c>
      <c r="G30097" s="8">
        <v>219816</v>
      </c>
      <c r="H30097" s="8">
        <v>219816</v>
      </c>
      <c r="I30097" s="8">
        <v>0</v>
      </c>
      <c r="J30097" s="8">
        <v>219816</v>
      </c>
      <c r="K30097" s="9">
        <v>43</v>
      </c>
      <c r="L30097" s="6" t="s">
        <v>23</v>
      </c>
    </row>
    <row r="30098" spans="1:12">
      <c r="A30098" s="6" t="s">
        <v>31375</v>
      </c>
      <c r="B30098" s="6"/>
      <c r="C30098" s="6" t="s">
        <v>31376</v>
      </c>
      <c r="D30098" s="6"/>
      <c r="E30098" s="6" t="s">
        <v>18740</v>
      </c>
      <c r="F30098" s="7">
        <v>38657</v>
      </c>
      <c r="G30098" s="8">
        <v>5505304</v>
      </c>
      <c r="H30098" s="8">
        <v>5505304</v>
      </c>
      <c r="I30098" s="8">
        <v>0</v>
      </c>
      <c r="J30098" s="8">
        <v>5505304</v>
      </c>
      <c r="K30098" s="9">
        <v>185.99</v>
      </c>
      <c r="L30098" s="6" t="s">
        <v>10</v>
      </c>
    </row>
    <row r="30099" spans="1:12">
      <c r="A30099" s="6" t="s">
        <v>31377</v>
      </c>
      <c r="B30099" s="6"/>
      <c r="C30099" s="6" t="s">
        <v>31378</v>
      </c>
      <c r="D30099" s="6"/>
      <c r="E30099" s="6" t="s">
        <v>18740</v>
      </c>
      <c r="F30099" s="7">
        <v>38657</v>
      </c>
      <c r="G30099" s="8">
        <v>613440</v>
      </c>
      <c r="H30099" s="8">
        <v>613440</v>
      </c>
      <c r="I30099" s="8">
        <v>0</v>
      </c>
      <c r="J30099" s="8">
        <v>613440</v>
      </c>
      <c r="K30099" s="9">
        <v>120</v>
      </c>
      <c r="L30099" s="6" t="s">
        <v>23</v>
      </c>
    </row>
    <row r="30100" spans="1:12">
      <c r="A30100" s="6" t="s">
        <v>31379</v>
      </c>
      <c r="B30100" s="6"/>
      <c r="C30100" s="6" t="s">
        <v>31380</v>
      </c>
      <c r="D30100" s="6"/>
      <c r="E30100" s="6" t="s">
        <v>18740</v>
      </c>
      <c r="F30100" s="7">
        <v>38657</v>
      </c>
      <c r="G30100" s="8">
        <v>2055552</v>
      </c>
      <c r="H30100" s="8">
        <v>2055552</v>
      </c>
      <c r="I30100" s="8">
        <v>0</v>
      </c>
      <c r="J30100" s="8">
        <v>2055552</v>
      </c>
      <c r="K30100" s="9">
        <v>67.84</v>
      </c>
      <c r="L30100" s="6" t="s">
        <v>10</v>
      </c>
    </row>
    <row r="30101" spans="1:12">
      <c r="A30101" s="6" t="s">
        <v>31381</v>
      </c>
      <c r="B30101" s="6"/>
      <c r="C30101" s="6" t="s">
        <v>31382</v>
      </c>
      <c r="D30101" s="6"/>
      <c r="E30101" s="6" t="s">
        <v>18740</v>
      </c>
      <c r="F30101" s="7">
        <v>28641</v>
      </c>
      <c r="G30101" s="8">
        <v>13157500</v>
      </c>
      <c r="H30101" s="8">
        <v>13157500</v>
      </c>
      <c r="I30101" s="8">
        <v>0</v>
      </c>
      <c r="J30101" s="8">
        <v>13157500</v>
      </c>
      <c r="K30101" s="9">
        <v>1385</v>
      </c>
      <c r="L30101" s="6" t="s">
        <v>10</v>
      </c>
    </row>
    <row r="30102" spans="1:12">
      <c r="A30102" s="6" t="s">
        <v>31383</v>
      </c>
      <c r="B30102" s="6"/>
      <c r="C30102" s="6" t="s">
        <v>31384</v>
      </c>
      <c r="D30102" s="6"/>
      <c r="E30102" s="6" t="s">
        <v>18740</v>
      </c>
      <c r="F30102" s="7">
        <v>38657</v>
      </c>
      <c r="G30102" s="8">
        <v>15366720</v>
      </c>
      <c r="H30102" s="8">
        <v>15366720</v>
      </c>
      <c r="I30102" s="8">
        <v>0</v>
      </c>
      <c r="J30102" s="8">
        <v>15366720</v>
      </c>
      <c r="K30102" s="9">
        <v>98.08</v>
      </c>
      <c r="L30102" s="6" t="s">
        <v>23</v>
      </c>
    </row>
    <row r="30103" spans="1:12">
      <c r="A30103" s="6" t="s">
        <v>31383</v>
      </c>
      <c r="B30103" s="6"/>
      <c r="C30103" s="6" t="s">
        <v>31385</v>
      </c>
      <c r="D30103" s="6"/>
      <c r="E30103" s="6" t="s">
        <v>18740</v>
      </c>
      <c r="F30103" s="7">
        <v>38657</v>
      </c>
      <c r="G30103" s="8">
        <v>3647402</v>
      </c>
      <c r="H30103" s="8">
        <v>3647402</v>
      </c>
      <c r="I30103" s="8">
        <v>0</v>
      </c>
      <c r="J30103" s="8">
        <v>3647402</v>
      </c>
      <c r="K30103" s="9">
        <v>23.28</v>
      </c>
      <c r="L30103" s="6" t="s">
        <v>23</v>
      </c>
    </row>
    <row r="30104" spans="1:12">
      <c r="A30104" s="6" t="s">
        <v>31386</v>
      </c>
      <c r="B30104" s="6"/>
      <c r="C30104" s="6" t="s">
        <v>31387</v>
      </c>
      <c r="D30104" s="6"/>
      <c r="E30104" s="6" t="s">
        <v>18740</v>
      </c>
      <c r="F30104" s="7">
        <v>38657</v>
      </c>
      <c r="G30104" s="8">
        <v>59759</v>
      </c>
      <c r="H30104" s="8">
        <v>59759</v>
      </c>
      <c r="I30104" s="8">
        <v>0</v>
      </c>
      <c r="J30104" s="8">
        <v>59759</v>
      </c>
      <c r="K30104" s="9">
        <v>11.69</v>
      </c>
      <c r="L30104" s="6" t="s">
        <v>14</v>
      </c>
    </row>
    <row r="30105" spans="1:12">
      <c r="A30105" s="6" t="s">
        <v>31386</v>
      </c>
      <c r="B30105" s="6"/>
      <c r="C30105" s="6" t="s">
        <v>31388</v>
      </c>
      <c r="D30105" s="6"/>
      <c r="E30105" s="6" t="s">
        <v>18740</v>
      </c>
      <c r="F30105" s="7">
        <v>38657</v>
      </c>
      <c r="G30105" s="8">
        <v>151008</v>
      </c>
      <c r="H30105" s="8">
        <v>151008</v>
      </c>
      <c r="I30105" s="8">
        <v>0</v>
      </c>
      <c r="J30105" s="8">
        <v>151008</v>
      </c>
      <c r="K30105" s="9">
        <v>29.54</v>
      </c>
      <c r="L30105" s="6" t="s">
        <v>14</v>
      </c>
    </row>
    <row r="30106" spans="1:12">
      <c r="A30106" s="6" t="s">
        <v>31389</v>
      </c>
      <c r="B30106" s="6"/>
      <c r="C30106" s="6" t="s">
        <v>31390</v>
      </c>
      <c r="D30106" s="6"/>
      <c r="E30106" s="6" t="s">
        <v>9</v>
      </c>
      <c r="F30106" s="7">
        <v>38657</v>
      </c>
      <c r="G30106" s="8">
        <v>490752</v>
      </c>
      <c r="H30106" s="8">
        <v>490752</v>
      </c>
      <c r="I30106" s="8">
        <v>0</v>
      </c>
      <c r="J30106" s="8">
        <v>490752</v>
      </c>
      <c r="K30106" s="9">
        <v>96</v>
      </c>
      <c r="L30106" s="6" t="s">
        <v>14</v>
      </c>
    </row>
    <row r="30107" spans="1:12">
      <c r="A30107" s="6" t="s">
        <v>31391</v>
      </c>
      <c r="B30107" s="6"/>
      <c r="C30107" s="6" t="s">
        <v>31392</v>
      </c>
      <c r="D30107" s="6"/>
      <c r="E30107" s="6" t="s">
        <v>9</v>
      </c>
      <c r="F30107" s="7">
        <v>38657</v>
      </c>
      <c r="G30107" s="8">
        <v>3327912</v>
      </c>
      <c r="H30107" s="8">
        <v>3327912</v>
      </c>
      <c r="I30107" s="8">
        <v>0</v>
      </c>
      <c r="J30107" s="8">
        <v>3327912</v>
      </c>
      <c r="K30107" s="9">
        <v>651</v>
      </c>
      <c r="L30107" s="6" t="s">
        <v>14</v>
      </c>
    </row>
    <row r="30108" spans="1:12">
      <c r="A30108" s="6" t="s">
        <v>31393</v>
      </c>
      <c r="B30108" s="6"/>
      <c r="C30108" s="6" t="s">
        <v>31394</v>
      </c>
      <c r="D30108" s="6"/>
      <c r="E30108" s="6" t="s">
        <v>18740</v>
      </c>
      <c r="F30108" s="7">
        <v>38657</v>
      </c>
      <c r="G30108" s="8">
        <v>4915680</v>
      </c>
      <c r="H30108" s="8">
        <v>4915680</v>
      </c>
      <c r="I30108" s="8">
        <v>0</v>
      </c>
      <c r="J30108" s="8">
        <v>4915680</v>
      </c>
      <c r="K30108" s="9">
        <v>148.96</v>
      </c>
      <c r="L30108" s="6" t="s">
        <v>10</v>
      </c>
    </row>
    <row r="30109" spans="1:12">
      <c r="A30109" s="6" t="s">
        <v>31393</v>
      </c>
      <c r="B30109" s="6"/>
      <c r="C30109" s="6" t="s">
        <v>31395</v>
      </c>
      <c r="D30109" s="6"/>
      <c r="E30109" s="6" t="s">
        <v>18740</v>
      </c>
      <c r="F30109" s="7">
        <v>38657</v>
      </c>
      <c r="G30109" s="8">
        <v>572880</v>
      </c>
      <c r="H30109" s="8">
        <v>572880</v>
      </c>
      <c r="I30109" s="8">
        <v>0</v>
      </c>
      <c r="J30109" s="8">
        <v>572880</v>
      </c>
      <c r="K30109" s="9">
        <v>17.36</v>
      </c>
      <c r="L30109" s="6" t="s">
        <v>10</v>
      </c>
    </row>
    <row r="30110" spans="1:12">
      <c r="A30110" s="6" t="s">
        <v>31393</v>
      </c>
      <c r="B30110" s="6"/>
      <c r="C30110" s="6" t="s">
        <v>31396</v>
      </c>
      <c r="D30110" s="6"/>
      <c r="E30110" s="6" t="s">
        <v>18740</v>
      </c>
      <c r="F30110" s="7">
        <v>38657</v>
      </c>
      <c r="G30110" s="8">
        <v>3973200</v>
      </c>
      <c r="H30110" s="8">
        <v>3973200</v>
      </c>
      <c r="I30110" s="8">
        <v>0</v>
      </c>
      <c r="J30110" s="8">
        <v>3973200</v>
      </c>
      <c r="K30110" s="9">
        <v>120.4</v>
      </c>
      <c r="L30110" s="6" t="s">
        <v>10</v>
      </c>
    </row>
    <row r="30111" spans="1:12">
      <c r="A30111" s="6" t="s">
        <v>31393</v>
      </c>
      <c r="B30111" s="6"/>
      <c r="C30111" s="6" t="s">
        <v>31397</v>
      </c>
      <c r="D30111" s="6"/>
      <c r="E30111" s="6" t="s">
        <v>18740</v>
      </c>
      <c r="F30111" s="7">
        <v>38657</v>
      </c>
      <c r="G30111" s="8">
        <v>572880</v>
      </c>
      <c r="H30111" s="8">
        <v>572880</v>
      </c>
      <c r="I30111" s="8">
        <v>0</v>
      </c>
      <c r="J30111" s="8">
        <v>572880</v>
      </c>
      <c r="K30111" s="9">
        <v>17.36</v>
      </c>
      <c r="L30111" s="6" t="s">
        <v>10</v>
      </c>
    </row>
    <row r="30112" spans="1:12">
      <c r="A30112" s="6" t="s">
        <v>31398</v>
      </c>
      <c r="B30112" s="6"/>
      <c r="C30112" s="6" t="s">
        <v>31399</v>
      </c>
      <c r="D30112" s="6"/>
      <c r="E30112" s="6" t="s">
        <v>18740</v>
      </c>
      <c r="F30112" s="7">
        <v>38657</v>
      </c>
      <c r="G30112" s="8">
        <v>323280</v>
      </c>
      <c r="H30112" s="8">
        <v>323280</v>
      </c>
      <c r="I30112" s="8">
        <v>0</v>
      </c>
      <c r="J30112" s="8">
        <v>323280</v>
      </c>
      <c r="K30112" s="9">
        <v>8.98</v>
      </c>
      <c r="L30112" s="6" t="s">
        <v>10</v>
      </c>
    </row>
    <row r="30113" spans="1:12">
      <c r="A30113" s="6" t="s">
        <v>31400</v>
      </c>
      <c r="B30113" s="6"/>
      <c r="C30113" s="6" t="s">
        <v>31401</v>
      </c>
      <c r="D30113" s="6"/>
      <c r="E30113" s="6" t="s">
        <v>18740</v>
      </c>
      <c r="F30113" s="7">
        <v>38657</v>
      </c>
      <c r="G30113" s="8">
        <v>168696</v>
      </c>
      <c r="H30113" s="8">
        <v>168696</v>
      </c>
      <c r="I30113" s="8">
        <v>0</v>
      </c>
      <c r="J30113" s="8">
        <v>168696</v>
      </c>
      <c r="K30113" s="9">
        <v>33</v>
      </c>
      <c r="L30113" s="6" t="s">
        <v>23</v>
      </c>
    </row>
    <row r="30114" spans="1:12">
      <c r="A30114" s="6" t="s">
        <v>31402</v>
      </c>
      <c r="B30114" s="6"/>
      <c r="C30114" s="6" t="s">
        <v>31403</v>
      </c>
      <c r="D30114" s="6"/>
      <c r="E30114" s="6" t="s">
        <v>18740</v>
      </c>
      <c r="F30114" s="7">
        <v>38657</v>
      </c>
      <c r="G30114" s="8">
        <v>16869</v>
      </c>
      <c r="H30114" s="8">
        <v>16869</v>
      </c>
      <c r="I30114" s="8">
        <v>0</v>
      </c>
      <c r="J30114" s="8">
        <v>16869</v>
      </c>
      <c r="K30114" s="9">
        <v>3.3</v>
      </c>
      <c r="L30114" s="6" t="s">
        <v>2193</v>
      </c>
    </row>
    <row r="30115" spans="1:12">
      <c r="A30115" s="6" t="s">
        <v>31404</v>
      </c>
      <c r="B30115" s="6"/>
      <c r="C30115" s="6" t="s">
        <v>31405</v>
      </c>
      <c r="D30115" s="6"/>
      <c r="E30115" s="6" t="s">
        <v>18740</v>
      </c>
      <c r="F30115" s="7">
        <v>38657</v>
      </c>
      <c r="G30115" s="8">
        <v>86904</v>
      </c>
      <c r="H30115" s="8">
        <v>86904</v>
      </c>
      <c r="I30115" s="8">
        <v>0</v>
      </c>
      <c r="J30115" s="8">
        <v>86904</v>
      </c>
      <c r="K30115" s="9">
        <v>17</v>
      </c>
      <c r="L30115" s="6" t="s">
        <v>23</v>
      </c>
    </row>
    <row r="30116" spans="1:12">
      <c r="A30116" s="6" t="s">
        <v>31404</v>
      </c>
      <c r="B30116" s="6"/>
      <c r="C30116" s="6" t="s">
        <v>31406</v>
      </c>
      <c r="D30116" s="6"/>
      <c r="E30116" s="6" t="s">
        <v>18740</v>
      </c>
      <c r="F30116" s="7">
        <v>38657</v>
      </c>
      <c r="G30116" s="8">
        <v>143136</v>
      </c>
      <c r="H30116" s="8">
        <v>143136</v>
      </c>
      <c r="I30116" s="8">
        <v>0</v>
      </c>
      <c r="J30116" s="8">
        <v>143136</v>
      </c>
      <c r="K30116" s="9">
        <v>28</v>
      </c>
      <c r="L30116" s="6" t="s">
        <v>23</v>
      </c>
    </row>
    <row r="30117" spans="1:12">
      <c r="A30117" s="6" t="s">
        <v>31407</v>
      </c>
      <c r="B30117" s="6"/>
      <c r="C30117" s="6" t="s">
        <v>31408</v>
      </c>
      <c r="D30117" s="6"/>
      <c r="E30117" s="6" t="s">
        <v>18740</v>
      </c>
      <c r="F30117" s="7">
        <v>38657</v>
      </c>
      <c r="G30117" s="8">
        <v>2378000</v>
      </c>
      <c r="H30117" s="8">
        <v>2378000</v>
      </c>
      <c r="I30117" s="8">
        <v>0</v>
      </c>
      <c r="J30117" s="8">
        <v>2378000</v>
      </c>
      <c r="K30117" s="9">
        <v>82</v>
      </c>
      <c r="L30117" s="6" t="s">
        <v>10</v>
      </c>
    </row>
    <row r="30118" spans="1:12">
      <c r="A30118" s="6" t="s">
        <v>31409</v>
      </c>
      <c r="B30118" s="6"/>
      <c r="C30118" s="6" t="s">
        <v>31410</v>
      </c>
      <c r="D30118" s="6"/>
      <c r="E30118" s="6" t="s">
        <v>9</v>
      </c>
      <c r="F30118" s="7">
        <v>38657</v>
      </c>
      <c r="G30118" s="8">
        <v>914500</v>
      </c>
      <c r="H30118" s="8">
        <v>914500</v>
      </c>
      <c r="I30118" s="8">
        <v>0</v>
      </c>
      <c r="J30118" s="8">
        <v>914500</v>
      </c>
      <c r="K30118" s="9">
        <v>59</v>
      </c>
      <c r="L30118" s="6" t="s">
        <v>10</v>
      </c>
    </row>
    <row r="30119" spans="1:12">
      <c r="A30119" s="6" t="s">
        <v>31409</v>
      </c>
      <c r="B30119" s="6"/>
      <c r="C30119" s="6" t="s">
        <v>31411</v>
      </c>
      <c r="D30119" s="6"/>
      <c r="E30119" s="6" t="s">
        <v>9</v>
      </c>
      <c r="F30119" s="7"/>
      <c r="G30119" s="8">
        <v>651000</v>
      </c>
      <c r="H30119" s="8">
        <v>651000</v>
      </c>
      <c r="I30119" s="8">
        <v>0</v>
      </c>
      <c r="J30119" s="8">
        <v>651000</v>
      </c>
      <c r="K30119" s="9">
        <v>42</v>
      </c>
      <c r="L30119" s="6" t="s">
        <v>10</v>
      </c>
    </row>
    <row r="30120" spans="1:12">
      <c r="A30120" s="6" t="s">
        <v>31409</v>
      </c>
      <c r="B30120" s="6"/>
      <c r="C30120" s="6" t="s">
        <v>31412</v>
      </c>
      <c r="D30120" s="6"/>
      <c r="E30120" s="6" t="s">
        <v>9</v>
      </c>
      <c r="F30120" s="7">
        <v>38657</v>
      </c>
      <c r="G30120" s="8">
        <v>1426000</v>
      </c>
      <c r="H30120" s="8">
        <v>1426000</v>
      </c>
      <c r="I30120" s="8">
        <v>0</v>
      </c>
      <c r="J30120" s="8">
        <v>1426000</v>
      </c>
      <c r="K30120" s="9">
        <v>92</v>
      </c>
      <c r="L30120" s="6" t="s">
        <v>10</v>
      </c>
    </row>
    <row r="30121" spans="1:12">
      <c r="A30121" s="6" t="s">
        <v>31409</v>
      </c>
      <c r="B30121" s="6"/>
      <c r="C30121" s="6" t="s">
        <v>31413</v>
      </c>
      <c r="D30121" s="6"/>
      <c r="E30121" s="6" t="s">
        <v>9</v>
      </c>
      <c r="F30121" s="7">
        <v>38657</v>
      </c>
      <c r="G30121" s="8">
        <v>3689000</v>
      </c>
      <c r="H30121" s="8">
        <v>3689000</v>
      </c>
      <c r="I30121" s="8">
        <v>0</v>
      </c>
      <c r="J30121" s="8">
        <v>3689000</v>
      </c>
      <c r="K30121" s="9">
        <v>238</v>
      </c>
      <c r="L30121" s="6" t="s">
        <v>10</v>
      </c>
    </row>
    <row r="30122" spans="1:12">
      <c r="A30122" s="6" t="s">
        <v>31409</v>
      </c>
      <c r="B30122" s="6"/>
      <c r="C30122" s="6" t="s">
        <v>31414</v>
      </c>
      <c r="D30122" s="6"/>
      <c r="E30122" s="6" t="s">
        <v>9</v>
      </c>
      <c r="F30122" s="7"/>
      <c r="G30122" s="8">
        <v>294500</v>
      </c>
      <c r="H30122" s="8">
        <v>294500</v>
      </c>
      <c r="I30122" s="8">
        <v>0</v>
      </c>
      <c r="J30122" s="8">
        <v>294500</v>
      </c>
      <c r="K30122" s="9">
        <v>19</v>
      </c>
      <c r="L30122" s="6" t="s">
        <v>10</v>
      </c>
    </row>
    <row r="30123" spans="1:12">
      <c r="A30123" s="6" t="s">
        <v>31409</v>
      </c>
      <c r="B30123" s="6"/>
      <c r="C30123" s="6" t="s">
        <v>31415</v>
      </c>
      <c r="D30123" s="6"/>
      <c r="E30123" s="6" t="s">
        <v>9</v>
      </c>
      <c r="F30123" s="7"/>
      <c r="G30123" s="8">
        <v>201500</v>
      </c>
      <c r="H30123" s="8">
        <v>201500</v>
      </c>
      <c r="I30123" s="8">
        <v>0</v>
      </c>
      <c r="J30123" s="8">
        <v>201500</v>
      </c>
      <c r="K30123" s="9">
        <v>13</v>
      </c>
      <c r="L30123" s="6" t="s">
        <v>10</v>
      </c>
    </row>
    <row r="30124" spans="1:12">
      <c r="A30124" s="6" t="s">
        <v>31409</v>
      </c>
      <c r="B30124" s="6"/>
      <c r="C30124" s="6" t="s">
        <v>31416</v>
      </c>
      <c r="D30124" s="6"/>
      <c r="E30124" s="6" t="s">
        <v>9</v>
      </c>
      <c r="F30124" s="7">
        <v>38657</v>
      </c>
      <c r="G30124" s="8">
        <v>1891000</v>
      </c>
      <c r="H30124" s="8">
        <v>1891000</v>
      </c>
      <c r="I30124" s="8">
        <v>0</v>
      </c>
      <c r="J30124" s="8">
        <v>1891000</v>
      </c>
      <c r="K30124" s="9">
        <v>122</v>
      </c>
      <c r="L30124" s="6" t="s">
        <v>10</v>
      </c>
    </row>
    <row r="30125" spans="1:12">
      <c r="A30125" s="6" t="s">
        <v>31409</v>
      </c>
      <c r="B30125" s="6"/>
      <c r="C30125" s="6" t="s">
        <v>31417</v>
      </c>
      <c r="D30125" s="6"/>
      <c r="E30125" s="6" t="s">
        <v>9</v>
      </c>
      <c r="F30125" s="7">
        <v>38657</v>
      </c>
      <c r="G30125" s="8">
        <v>2914000</v>
      </c>
      <c r="H30125" s="8">
        <v>2914000</v>
      </c>
      <c r="I30125" s="8">
        <v>0</v>
      </c>
      <c r="J30125" s="8">
        <v>2914000</v>
      </c>
      <c r="K30125" s="9">
        <v>188</v>
      </c>
      <c r="L30125" s="6" t="s">
        <v>10</v>
      </c>
    </row>
    <row r="30126" spans="1:12">
      <c r="A30126" s="6" t="s">
        <v>31409</v>
      </c>
      <c r="B30126" s="6"/>
      <c r="C30126" s="6" t="s">
        <v>31418</v>
      </c>
      <c r="D30126" s="6"/>
      <c r="E30126" s="6" t="s">
        <v>9</v>
      </c>
      <c r="F30126" s="7">
        <v>38657</v>
      </c>
      <c r="G30126" s="8">
        <v>1116000</v>
      </c>
      <c r="H30126" s="8">
        <v>1116000</v>
      </c>
      <c r="I30126" s="8">
        <v>0</v>
      </c>
      <c r="J30126" s="8">
        <v>1116000</v>
      </c>
      <c r="K30126" s="9">
        <v>72</v>
      </c>
      <c r="L30126" s="6" t="s">
        <v>10</v>
      </c>
    </row>
    <row r="30127" spans="1:12">
      <c r="A30127" s="6" t="s">
        <v>31409</v>
      </c>
      <c r="B30127" s="6"/>
      <c r="C30127" s="6" t="s">
        <v>31419</v>
      </c>
      <c r="D30127" s="6"/>
      <c r="E30127" s="6" t="s">
        <v>9</v>
      </c>
      <c r="F30127" s="7">
        <v>38657</v>
      </c>
      <c r="G30127" s="8">
        <v>2201000</v>
      </c>
      <c r="H30127" s="8">
        <v>2201000</v>
      </c>
      <c r="I30127" s="8">
        <v>0</v>
      </c>
      <c r="J30127" s="8">
        <v>2201000</v>
      </c>
      <c r="K30127" s="9">
        <v>142</v>
      </c>
      <c r="L30127" s="6" t="s">
        <v>10</v>
      </c>
    </row>
    <row r="30128" spans="1:12">
      <c r="A30128" s="6" t="s">
        <v>31409</v>
      </c>
      <c r="B30128" s="6"/>
      <c r="C30128" s="6" t="s">
        <v>31420</v>
      </c>
      <c r="D30128" s="6"/>
      <c r="E30128" s="6" t="s">
        <v>9</v>
      </c>
      <c r="F30128" s="7">
        <v>38657</v>
      </c>
      <c r="G30128" s="8">
        <v>1271000</v>
      </c>
      <c r="H30128" s="8">
        <v>1271000</v>
      </c>
      <c r="I30128" s="8">
        <v>0</v>
      </c>
      <c r="J30128" s="8">
        <v>1271000</v>
      </c>
      <c r="K30128" s="9">
        <v>82</v>
      </c>
      <c r="L30128" s="6" t="s">
        <v>10</v>
      </c>
    </row>
    <row r="30129" spans="1:12">
      <c r="A30129" s="6" t="s">
        <v>31409</v>
      </c>
      <c r="B30129" s="6"/>
      <c r="C30129" s="6" t="s">
        <v>31421</v>
      </c>
      <c r="D30129" s="6"/>
      <c r="E30129" s="6" t="s">
        <v>9</v>
      </c>
      <c r="F30129" s="7">
        <v>38657</v>
      </c>
      <c r="G30129" s="8">
        <v>1534500</v>
      </c>
      <c r="H30129" s="8">
        <v>1534500</v>
      </c>
      <c r="I30129" s="8">
        <v>0</v>
      </c>
      <c r="J30129" s="8">
        <v>1534500</v>
      </c>
      <c r="K30129" s="9">
        <v>99</v>
      </c>
      <c r="L30129" s="6" t="s">
        <v>10</v>
      </c>
    </row>
    <row r="30130" spans="1:12">
      <c r="A30130" s="6" t="s">
        <v>31409</v>
      </c>
      <c r="B30130" s="6"/>
      <c r="C30130" s="6" t="s">
        <v>31422</v>
      </c>
      <c r="D30130" s="6"/>
      <c r="E30130" s="6" t="s">
        <v>9</v>
      </c>
      <c r="F30130" s="7">
        <v>38657</v>
      </c>
      <c r="G30130" s="8">
        <v>1</v>
      </c>
      <c r="H30130" s="8">
        <v>1</v>
      </c>
      <c r="I30130" s="8">
        <v>0</v>
      </c>
      <c r="J30130" s="8">
        <v>1</v>
      </c>
      <c r="K30130" s="9">
        <v>221</v>
      </c>
      <c r="L30130" s="6" t="s">
        <v>51</v>
      </c>
    </row>
    <row r="30131" spans="1:12">
      <c r="A30131" s="6" t="s">
        <v>31409</v>
      </c>
      <c r="B30131" s="6"/>
      <c r="C30131" s="6" t="s">
        <v>31423</v>
      </c>
      <c r="D30131" s="6"/>
      <c r="E30131" s="6" t="s">
        <v>9</v>
      </c>
      <c r="F30131" s="7">
        <v>38657</v>
      </c>
      <c r="G30131" s="8">
        <v>868000</v>
      </c>
      <c r="H30131" s="8">
        <v>868000</v>
      </c>
      <c r="I30131" s="8">
        <v>0</v>
      </c>
      <c r="J30131" s="8">
        <v>868000</v>
      </c>
      <c r="K30131" s="9">
        <v>56</v>
      </c>
      <c r="L30131" s="6" t="s">
        <v>10</v>
      </c>
    </row>
    <row r="30132" spans="1:12">
      <c r="A30132" s="6" t="s">
        <v>31409</v>
      </c>
      <c r="B30132" s="6"/>
      <c r="C30132" s="6" t="s">
        <v>31424</v>
      </c>
      <c r="D30132" s="6"/>
      <c r="E30132" s="6" t="s">
        <v>9</v>
      </c>
      <c r="F30132" s="7">
        <v>38657</v>
      </c>
      <c r="G30132" s="8">
        <v>2650500</v>
      </c>
      <c r="H30132" s="8">
        <v>2650500</v>
      </c>
      <c r="I30132" s="8">
        <v>0</v>
      </c>
      <c r="J30132" s="8">
        <v>2650500</v>
      </c>
      <c r="K30132" s="9">
        <v>171</v>
      </c>
      <c r="L30132" s="6" t="s">
        <v>10</v>
      </c>
    </row>
    <row r="30133" spans="1:12">
      <c r="A30133" s="6" t="s">
        <v>31409</v>
      </c>
      <c r="B30133" s="6"/>
      <c r="C30133" s="6" t="s">
        <v>31425</v>
      </c>
      <c r="D30133" s="6"/>
      <c r="E30133" s="6" t="s">
        <v>9</v>
      </c>
      <c r="F30133" s="7">
        <v>38657</v>
      </c>
      <c r="G30133" s="8">
        <v>1</v>
      </c>
      <c r="H30133" s="8">
        <v>1</v>
      </c>
      <c r="I30133" s="8">
        <v>0</v>
      </c>
      <c r="J30133" s="8">
        <v>1</v>
      </c>
      <c r="K30133" s="9">
        <v>211</v>
      </c>
      <c r="L30133" s="6" t="s">
        <v>51</v>
      </c>
    </row>
    <row r="30134" spans="1:12">
      <c r="A30134" s="6" t="s">
        <v>31409</v>
      </c>
      <c r="B30134" s="6"/>
      <c r="C30134" s="6" t="s">
        <v>31426</v>
      </c>
      <c r="D30134" s="6"/>
      <c r="E30134" s="6" t="s">
        <v>9</v>
      </c>
      <c r="F30134" s="7"/>
      <c r="G30134" s="8">
        <v>376770</v>
      </c>
      <c r="H30134" s="8">
        <v>376770</v>
      </c>
      <c r="I30134" s="8">
        <v>0</v>
      </c>
      <c r="J30134" s="8">
        <v>376770</v>
      </c>
      <c r="K30134" s="9">
        <v>19.829999999999899</v>
      </c>
      <c r="L30134" s="6" t="s">
        <v>10</v>
      </c>
    </row>
    <row r="30135" spans="1:12">
      <c r="A30135" s="6" t="s">
        <v>31409</v>
      </c>
      <c r="B30135" s="6"/>
      <c r="C30135" s="6" t="s">
        <v>31426</v>
      </c>
      <c r="D30135" s="6" t="s">
        <v>31427</v>
      </c>
      <c r="E30135" s="6" t="s">
        <v>9</v>
      </c>
      <c r="F30135" s="7"/>
      <c r="G30135" s="8">
        <v>0</v>
      </c>
      <c r="H30135" s="8">
        <v>0</v>
      </c>
      <c r="I30135" s="8">
        <v>0</v>
      </c>
      <c r="J30135" s="8">
        <v>-376770</v>
      </c>
      <c r="K30135" s="9"/>
      <c r="L30135" s="6"/>
    </row>
    <row r="30136" spans="1:12">
      <c r="A30136" s="6" t="s">
        <v>31409</v>
      </c>
      <c r="B30136" s="6"/>
      <c r="C30136" s="6" t="s">
        <v>31428</v>
      </c>
      <c r="D30136" s="6"/>
      <c r="E30136" s="6" t="s">
        <v>9</v>
      </c>
      <c r="F30136" s="7">
        <v>38657</v>
      </c>
      <c r="G30136" s="8">
        <v>248000</v>
      </c>
      <c r="H30136" s="8">
        <v>248000</v>
      </c>
      <c r="I30136" s="8">
        <v>0</v>
      </c>
      <c r="J30136" s="8">
        <v>248000</v>
      </c>
      <c r="K30136" s="9">
        <v>16</v>
      </c>
      <c r="L30136" s="6" t="s">
        <v>10</v>
      </c>
    </row>
    <row r="30137" spans="1:12">
      <c r="A30137" s="6" t="s">
        <v>31409</v>
      </c>
      <c r="B30137" s="6"/>
      <c r="C30137" s="6" t="s">
        <v>31429</v>
      </c>
      <c r="D30137" s="6"/>
      <c r="E30137" s="6" t="s">
        <v>9</v>
      </c>
      <c r="F30137" s="7">
        <v>38657</v>
      </c>
      <c r="G30137" s="8">
        <v>511500</v>
      </c>
      <c r="H30137" s="8">
        <v>511500</v>
      </c>
      <c r="I30137" s="8">
        <v>0</v>
      </c>
      <c r="J30137" s="8">
        <v>511500</v>
      </c>
      <c r="K30137" s="9">
        <v>33</v>
      </c>
      <c r="L30137" s="6" t="s">
        <v>10</v>
      </c>
    </row>
    <row r="30138" spans="1:12">
      <c r="A30138" s="6" t="s">
        <v>31409</v>
      </c>
      <c r="B30138" s="6"/>
      <c r="C30138" s="6" t="s">
        <v>31430</v>
      </c>
      <c r="D30138" s="6"/>
      <c r="E30138" s="6" t="s">
        <v>9</v>
      </c>
      <c r="F30138" s="7">
        <v>38657</v>
      </c>
      <c r="G30138" s="8">
        <v>558000</v>
      </c>
      <c r="H30138" s="8">
        <v>558000</v>
      </c>
      <c r="I30138" s="8">
        <v>0</v>
      </c>
      <c r="J30138" s="8">
        <v>558000</v>
      </c>
      <c r="K30138" s="9">
        <v>36</v>
      </c>
      <c r="L30138" s="6" t="s">
        <v>10</v>
      </c>
    </row>
    <row r="30139" spans="1:12">
      <c r="A30139" s="6" t="s">
        <v>31409</v>
      </c>
      <c r="B30139" s="6"/>
      <c r="C30139" s="6" t="s">
        <v>31431</v>
      </c>
      <c r="D30139" s="6"/>
      <c r="E30139" s="6" t="s">
        <v>9</v>
      </c>
      <c r="F30139" s="7">
        <v>38657</v>
      </c>
      <c r="G30139" s="8">
        <v>18383000</v>
      </c>
      <c r="H30139" s="8">
        <v>18383000</v>
      </c>
      <c r="I30139" s="8">
        <v>0</v>
      </c>
      <c r="J30139" s="8">
        <v>18383000</v>
      </c>
      <c r="K30139" s="9">
        <v>1186</v>
      </c>
      <c r="L30139" s="6" t="s">
        <v>10</v>
      </c>
    </row>
    <row r="30140" spans="1:12">
      <c r="A30140" s="6" t="s">
        <v>31409</v>
      </c>
      <c r="B30140" s="6"/>
      <c r="C30140" s="6" t="s">
        <v>31432</v>
      </c>
      <c r="D30140" s="6"/>
      <c r="E30140" s="6" t="s">
        <v>9</v>
      </c>
      <c r="F30140" s="7">
        <v>38657</v>
      </c>
      <c r="G30140" s="8">
        <v>11689635</v>
      </c>
      <c r="H30140" s="8">
        <v>11689635</v>
      </c>
      <c r="I30140" s="8">
        <v>0</v>
      </c>
      <c r="J30140" s="8">
        <v>11689635</v>
      </c>
      <c r="K30140" s="9">
        <v>754.17</v>
      </c>
      <c r="L30140" s="6" t="s">
        <v>10</v>
      </c>
    </row>
    <row r="30141" spans="1:12">
      <c r="A30141" s="6" t="s">
        <v>31409</v>
      </c>
      <c r="B30141" s="6"/>
      <c r="C30141" s="6" t="s">
        <v>31433</v>
      </c>
      <c r="D30141" s="6"/>
      <c r="E30141" s="6" t="s">
        <v>9</v>
      </c>
      <c r="F30141" s="7">
        <v>38657</v>
      </c>
      <c r="G30141" s="8">
        <v>3069000</v>
      </c>
      <c r="H30141" s="8">
        <v>3069000</v>
      </c>
      <c r="I30141" s="8">
        <v>0</v>
      </c>
      <c r="J30141" s="8">
        <v>3069000</v>
      </c>
      <c r="K30141" s="9">
        <v>198</v>
      </c>
      <c r="L30141" s="6" t="s">
        <v>10</v>
      </c>
    </row>
    <row r="30142" spans="1:12">
      <c r="A30142" s="6" t="s">
        <v>31409</v>
      </c>
      <c r="B30142" s="6"/>
      <c r="C30142" s="6" t="s">
        <v>31434</v>
      </c>
      <c r="D30142" s="6"/>
      <c r="E30142" s="6" t="s">
        <v>9</v>
      </c>
      <c r="F30142" s="7"/>
      <c r="G30142" s="8">
        <v>294500</v>
      </c>
      <c r="H30142" s="8">
        <v>294500</v>
      </c>
      <c r="I30142" s="8">
        <v>0</v>
      </c>
      <c r="J30142" s="8">
        <v>294500</v>
      </c>
      <c r="K30142" s="9">
        <v>19</v>
      </c>
      <c r="L30142" s="6" t="s">
        <v>10</v>
      </c>
    </row>
    <row r="30143" spans="1:12">
      <c r="A30143" s="6" t="s">
        <v>31435</v>
      </c>
      <c r="B30143" s="6"/>
      <c r="C30143" s="6" t="s">
        <v>31436</v>
      </c>
      <c r="D30143" s="6"/>
      <c r="E30143" s="6" t="s">
        <v>18740</v>
      </c>
      <c r="F30143" s="7">
        <v>38657</v>
      </c>
      <c r="G30143" s="8">
        <v>17022</v>
      </c>
      <c r="H30143" s="8">
        <v>17022</v>
      </c>
      <c r="I30143" s="8">
        <v>0</v>
      </c>
      <c r="J30143" s="8">
        <v>17022</v>
      </c>
      <c r="K30143" s="9">
        <v>3.33</v>
      </c>
      <c r="L30143" s="6" t="s">
        <v>23</v>
      </c>
    </row>
    <row r="30144" spans="1:12">
      <c r="A30144" s="6" t="s">
        <v>31435</v>
      </c>
      <c r="B30144" s="6"/>
      <c r="C30144" s="6" t="s">
        <v>31437</v>
      </c>
      <c r="D30144" s="6"/>
      <c r="E30144" s="6" t="s">
        <v>18740</v>
      </c>
      <c r="F30144" s="7">
        <v>38657</v>
      </c>
      <c r="G30144" s="8">
        <v>184032</v>
      </c>
      <c r="H30144" s="8">
        <v>184032</v>
      </c>
      <c r="I30144" s="8">
        <v>0</v>
      </c>
      <c r="J30144" s="8">
        <v>184032</v>
      </c>
      <c r="K30144" s="9">
        <v>36</v>
      </c>
      <c r="L30144" s="6" t="s">
        <v>23</v>
      </c>
    </row>
    <row r="30145" spans="1:12">
      <c r="A30145" s="6" t="s">
        <v>31435</v>
      </c>
      <c r="B30145" s="6"/>
      <c r="C30145" s="6" t="s">
        <v>31438</v>
      </c>
      <c r="D30145" s="6"/>
      <c r="E30145" s="6" t="s">
        <v>18740</v>
      </c>
      <c r="F30145" s="7">
        <v>38657</v>
      </c>
      <c r="G30145" s="8">
        <v>71568</v>
      </c>
      <c r="H30145" s="8">
        <v>71568</v>
      </c>
      <c r="I30145" s="8">
        <v>0</v>
      </c>
      <c r="J30145" s="8">
        <v>71568</v>
      </c>
      <c r="K30145" s="9">
        <v>14</v>
      </c>
      <c r="L30145" s="6" t="s">
        <v>23</v>
      </c>
    </row>
    <row r="30146" spans="1:12">
      <c r="A30146" s="6" t="s">
        <v>31435</v>
      </c>
      <c r="B30146" s="6"/>
      <c r="C30146" s="6" t="s">
        <v>31439</v>
      </c>
      <c r="D30146" s="6"/>
      <c r="E30146" s="6" t="s">
        <v>18740</v>
      </c>
      <c r="F30146" s="7">
        <v>38657</v>
      </c>
      <c r="G30146" s="8">
        <v>18607</v>
      </c>
      <c r="H30146" s="8">
        <v>18607</v>
      </c>
      <c r="I30146" s="8">
        <v>0</v>
      </c>
      <c r="J30146" s="8">
        <v>18607</v>
      </c>
      <c r="K30146" s="9">
        <v>3.64</v>
      </c>
      <c r="L30146" s="6" t="s">
        <v>23</v>
      </c>
    </row>
    <row r="30147" spans="1:12">
      <c r="A30147" s="6" t="s">
        <v>31440</v>
      </c>
      <c r="B30147" s="6"/>
      <c r="C30147" s="6" t="s">
        <v>31441</v>
      </c>
      <c r="D30147" s="6"/>
      <c r="E30147" s="6" t="s">
        <v>9</v>
      </c>
      <c r="F30147" s="7">
        <v>38657</v>
      </c>
      <c r="G30147" s="8">
        <v>628776</v>
      </c>
      <c r="H30147" s="8">
        <v>628776</v>
      </c>
      <c r="I30147" s="8">
        <v>0</v>
      </c>
      <c r="J30147" s="8">
        <v>628776</v>
      </c>
      <c r="K30147" s="9">
        <v>123</v>
      </c>
      <c r="L30147" s="6" t="s">
        <v>14</v>
      </c>
    </row>
    <row r="30148" spans="1:12">
      <c r="A30148" s="6" t="s">
        <v>31442</v>
      </c>
      <c r="B30148" s="6"/>
      <c r="C30148" s="6" t="s">
        <v>31443</v>
      </c>
      <c r="D30148" s="6"/>
      <c r="E30148" s="6" t="s">
        <v>18740</v>
      </c>
      <c r="F30148" s="7">
        <v>38657</v>
      </c>
      <c r="G30148" s="8">
        <v>25099</v>
      </c>
      <c r="H30148" s="8">
        <v>25099</v>
      </c>
      <c r="I30148" s="8">
        <v>0</v>
      </c>
      <c r="J30148" s="8">
        <v>25099</v>
      </c>
      <c r="K30148" s="9">
        <v>4.91</v>
      </c>
      <c r="L30148" s="6" t="s">
        <v>23</v>
      </c>
    </row>
    <row r="30149" spans="1:12">
      <c r="A30149" s="6" t="s">
        <v>31444</v>
      </c>
      <c r="B30149" s="6"/>
      <c r="C30149" s="6" t="s">
        <v>31445</v>
      </c>
      <c r="D30149" s="6"/>
      <c r="E30149" s="6" t="s">
        <v>9</v>
      </c>
      <c r="F30149" s="7">
        <v>38657</v>
      </c>
      <c r="G30149" s="8">
        <v>598104</v>
      </c>
      <c r="H30149" s="8">
        <v>598104</v>
      </c>
      <c r="I30149" s="8">
        <v>0</v>
      </c>
      <c r="J30149" s="8">
        <v>598104</v>
      </c>
      <c r="K30149" s="9">
        <v>117</v>
      </c>
      <c r="L30149" s="6" t="s">
        <v>14</v>
      </c>
    </row>
    <row r="30150" spans="1:12">
      <c r="A30150" s="6" t="s">
        <v>31446</v>
      </c>
      <c r="B30150" s="6"/>
      <c r="C30150" s="6" t="s">
        <v>31447</v>
      </c>
      <c r="D30150" s="6"/>
      <c r="E30150" s="6" t="s">
        <v>18740</v>
      </c>
      <c r="F30150" s="7">
        <v>38657</v>
      </c>
      <c r="G30150" s="8">
        <v>15233</v>
      </c>
      <c r="H30150" s="8">
        <v>15233</v>
      </c>
      <c r="I30150" s="8">
        <v>0</v>
      </c>
      <c r="J30150" s="8">
        <v>15233</v>
      </c>
      <c r="K30150" s="9">
        <v>2.98</v>
      </c>
      <c r="L30150" s="6" t="s">
        <v>23</v>
      </c>
    </row>
    <row r="30151" spans="1:12">
      <c r="A30151" s="6" t="s">
        <v>31448</v>
      </c>
      <c r="B30151" s="6"/>
      <c r="C30151" s="6" t="s">
        <v>31449</v>
      </c>
      <c r="D30151" s="6"/>
      <c r="E30151" s="6" t="s">
        <v>18740</v>
      </c>
      <c r="F30151" s="7">
        <v>38657</v>
      </c>
      <c r="G30151" s="8">
        <v>3018690</v>
      </c>
      <c r="H30151" s="8">
        <v>3018690</v>
      </c>
      <c r="I30151" s="8">
        <v>0</v>
      </c>
      <c r="J30151" s="8">
        <v>3018690</v>
      </c>
      <c r="K30151" s="9">
        <v>118.38</v>
      </c>
      <c r="L30151" s="6" t="s">
        <v>10</v>
      </c>
    </row>
    <row r="30152" spans="1:12">
      <c r="A30152" s="6" t="s">
        <v>31450</v>
      </c>
      <c r="B30152" s="6"/>
      <c r="C30152" s="6" t="s">
        <v>31451</v>
      </c>
      <c r="D30152" s="6"/>
      <c r="E30152" s="6" t="s">
        <v>18740</v>
      </c>
      <c r="F30152" s="7">
        <v>38657</v>
      </c>
      <c r="G30152" s="8">
        <v>1548330</v>
      </c>
      <c r="H30152" s="8">
        <v>1548330</v>
      </c>
      <c r="I30152" s="8">
        <v>0</v>
      </c>
      <c r="J30152" s="8">
        <v>1548330</v>
      </c>
      <c r="K30152" s="9">
        <v>106.05</v>
      </c>
      <c r="L30152" s="6" t="s">
        <v>10</v>
      </c>
    </row>
    <row r="30153" spans="1:12">
      <c r="A30153" s="6" t="s">
        <v>31452</v>
      </c>
      <c r="B30153" s="6"/>
      <c r="C30153" s="6" t="s">
        <v>31453</v>
      </c>
      <c r="D30153" s="6"/>
      <c r="E30153" s="6" t="s">
        <v>18740</v>
      </c>
      <c r="F30153" s="7">
        <v>38657</v>
      </c>
      <c r="G30153" s="8">
        <v>209592</v>
      </c>
      <c r="H30153" s="8">
        <v>209592</v>
      </c>
      <c r="I30153" s="8">
        <v>0</v>
      </c>
      <c r="J30153" s="8">
        <v>209592</v>
      </c>
      <c r="K30153" s="9">
        <v>41</v>
      </c>
      <c r="L30153" s="6" t="s">
        <v>23</v>
      </c>
    </row>
    <row r="30154" spans="1:12">
      <c r="A30154" s="6" t="s">
        <v>31454</v>
      </c>
      <c r="B30154" s="6"/>
      <c r="C30154" s="6" t="s">
        <v>31455</v>
      </c>
      <c r="D30154" s="6"/>
      <c r="E30154" s="6" t="s">
        <v>18740</v>
      </c>
      <c r="F30154" s="7">
        <v>38657</v>
      </c>
      <c r="G30154" s="8">
        <v>6457500</v>
      </c>
      <c r="H30154" s="8">
        <v>6457500</v>
      </c>
      <c r="I30154" s="8">
        <v>0</v>
      </c>
      <c r="J30154" s="8">
        <v>6457500</v>
      </c>
      <c r="K30154" s="9">
        <v>129.15</v>
      </c>
      <c r="L30154" s="6" t="s">
        <v>10</v>
      </c>
    </row>
    <row r="30155" spans="1:12">
      <c r="A30155" s="6" t="s">
        <v>31456</v>
      </c>
      <c r="B30155" s="6"/>
      <c r="C30155" s="6" t="s">
        <v>31457</v>
      </c>
      <c r="D30155" s="6"/>
      <c r="E30155" s="6" t="s">
        <v>9</v>
      </c>
      <c r="F30155" s="7">
        <v>38657</v>
      </c>
      <c r="G30155" s="8">
        <v>157500</v>
      </c>
      <c r="H30155" s="8">
        <v>157500</v>
      </c>
      <c r="I30155" s="8">
        <v>0</v>
      </c>
      <c r="J30155" s="8">
        <v>157500</v>
      </c>
      <c r="K30155" s="9">
        <v>21</v>
      </c>
      <c r="L30155" s="6" t="s">
        <v>10</v>
      </c>
    </row>
    <row r="30156" spans="1:12">
      <c r="A30156" s="6" t="s">
        <v>31456</v>
      </c>
      <c r="B30156" s="6"/>
      <c r="C30156" s="6" t="s">
        <v>31458</v>
      </c>
      <c r="D30156" s="6"/>
      <c r="E30156" s="6" t="s">
        <v>9</v>
      </c>
      <c r="F30156" s="7">
        <v>38657</v>
      </c>
      <c r="G30156" s="8">
        <v>465000</v>
      </c>
      <c r="H30156" s="8">
        <v>465000</v>
      </c>
      <c r="I30156" s="8">
        <v>0</v>
      </c>
      <c r="J30156" s="8">
        <v>465000</v>
      </c>
      <c r="K30156" s="9">
        <v>62</v>
      </c>
      <c r="L30156" s="6" t="s">
        <v>10</v>
      </c>
    </row>
    <row r="30157" spans="1:12">
      <c r="A30157" s="6" t="s">
        <v>31456</v>
      </c>
      <c r="B30157" s="6"/>
      <c r="C30157" s="6" t="s">
        <v>31459</v>
      </c>
      <c r="D30157" s="6"/>
      <c r="E30157" s="6" t="s">
        <v>9</v>
      </c>
      <c r="F30157" s="7">
        <v>38657</v>
      </c>
      <c r="G30157" s="8">
        <v>570000</v>
      </c>
      <c r="H30157" s="8">
        <v>570000</v>
      </c>
      <c r="I30157" s="8">
        <v>0</v>
      </c>
      <c r="J30157" s="8">
        <v>570000</v>
      </c>
      <c r="K30157" s="9">
        <v>76</v>
      </c>
      <c r="L30157" s="6" t="s">
        <v>10</v>
      </c>
    </row>
    <row r="30158" spans="1:12">
      <c r="A30158" s="6" t="s">
        <v>31456</v>
      </c>
      <c r="B30158" s="6"/>
      <c r="C30158" s="6" t="s">
        <v>31460</v>
      </c>
      <c r="D30158" s="6"/>
      <c r="E30158" s="6" t="s">
        <v>9</v>
      </c>
      <c r="F30158" s="7">
        <v>38657</v>
      </c>
      <c r="G30158" s="8">
        <v>172500</v>
      </c>
      <c r="H30158" s="8">
        <v>172500</v>
      </c>
      <c r="I30158" s="8">
        <v>0</v>
      </c>
      <c r="J30158" s="8">
        <v>172500</v>
      </c>
      <c r="K30158" s="9">
        <v>23</v>
      </c>
      <c r="L30158" s="6" t="s">
        <v>10</v>
      </c>
    </row>
    <row r="30159" spans="1:12">
      <c r="A30159" s="6" t="s">
        <v>31456</v>
      </c>
      <c r="B30159" s="6"/>
      <c r="C30159" s="6" t="s">
        <v>31461</v>
      </c>
      <c r="D30159" s="6"/>
      <c r="E30159" s="6" t="s">
        <v>9</v>
      </c>
      <c r="F30159" s="7">
        <v>38657</v>
      </c>
      <c r="G30159" s="8">
        <v>315000</v>
      </c>
      <c r="H30159" s="8">
        <v>315000</v>
      </c>
      <c r="I30159" s="8">
        <v>0</v>
      </c>
      <c r="J30159" s="8">
        <v>315000</v>
      </c>
      <c r="K30159" s="9">
        <v>42</v>
      </c>
      <c r="L30159" s="6" t="s">
        <v>10</v>
      </c>
    </row>
    <row r="30160" spans="1:12">
      <c r="A30160" s="6" t="s">
        <v>31456</v>
      </c>
      <c r="B30160" s="6"/>
      <c r="C30160" s="6" t="s">
        <v>31462</v>
      </c>
      <c r="D30160" s="6"/>
      <c r="E30160" s="6" t="s">
        <v>9</v>
      </c>
      <c r="F30160" s="7">
        <v>38657</v>
      </c>
      <c r="G30160" s="8">
        <v>1282500</v>
      </c>
      <c r="H30160" s="8">
        <v>1282500</v>
      </c>
      <c r="I30160" s="8">
        <v>0</v>
      </c>
      <c r="J30160" s="8">
        <v>1282500</v>
      </c>
      <c r="K30160" s="9">
        <v>171</v>
      </c>
      <c r="L30160" s="6" t="s">
        <v>10</v>
      </c>
    </row>
    <row r="30161" spans="1:12">
      <c r="A30161" s="6" t="s">
        <v>31456</v>
      </c>
      <c r="B30161" s="6"/>
      <c r="C30161" s="6" t="s">
        <v>31463</v>
      </c>
      <c r="D30161" s="6"/>
      <c r="E30161" s="6" t="s">
        <v>9</v>
      </c>
      <c r="F30161" s="7">
        <v>38657</v>
      </c>
      <c r="G30161" s="8">
        <v>877500</v>
      </c>
      <c r="H30161" s="8">
        <v>877500</v>
      </c>
      <c r="I30161" s="8">
        <v>0</v>
      </c>
      <c r="J30161" s="8">
        <v>877500</v>
      </c>
      <c r="K30161" s="9">
        <v>117</v>
      </c>
      <c r="L30161" s="6" t="s">
        <v>10</v>
      </c>
    </row>
    <row r="30162" spans="1:12">
      <c r="A30162" s="6" t="s">
        <v>31456</v>
      </c>
      <c r="B30162" s="6"/>
      <c r="C30162" s="6" t="s">
        <v>31464</v>
      </c>
      <c r="D30162" s="6"/>
      <c r="E30162" s="6" t="s">
        <v>9</v>
      </c>
      <c r="F30162" s="7">
        <v>38657</v>
      </c>
      <c r="G30162" s="8">
        <v>480000</v>
      </c>
      <c r="H30162" s="8">
        <v>480000</v>
      </c>
      <c r="I30162" s="8">
        <v>0</v>
      </c>
      <c r="J30162" s="8">
        <v>480000</v>
      </c>
      <c r="K30162" s="9">
        <v>64</v>
      </c>
      <c r="L30162" s="6" t="s">
        <v>10</v>
      </c>
    </row>
    <row r="30163" spans="1:12">
      <c r="A30163" s="6" t="s">
        <v>31456</v>
      </c>
      <c r="B30163" s="6"/>
      <c r="C30163" s="6" t="s">
        <v>31465</v>
      </c>
      <c r="D30163" s="6"/>
      <c r="E30163" s="6" t="s">
        <v>9</v>
      </c>
      <c r="F30163" s="7">
        <v>38657</v>
      </c>
      <c r="G30163" s="8">
        <v>165000</v>
      </c>
      <c r="H30163" s="8">
        <v>165000</v>
      </c>
      <c r="I30163" s="8">
        <v>0</v>
      </c>
      <c r="J30163" s="8">
        <v>165000</v>
      </c>
      <c r="K30163" s="9">
        <v>22</v>
      </c>
      <c r="L30163" s="6" t="s">
        <v>10</v>
      </c>
    </row>
    <row r="30164" spans="1:12">
      <c r="A30164" s="6" t="s">
        <v>31456</v>
      </c>
      <c r="B30164" s="6"/>
      <c r="C30164" s="6" t="s">
        <v>31466</v>
      </c>
      <c r="D30164" s="6"/>
      <c r="E30164" s="6" t="s">
        <v>9</v>
      </c>
      <c r="F30164" s="7">
        <v>38657</v>
      </c>
      <c r="G30164" s="8">
        <v>1035000</v>
      </c>
      <c r="H30164" s="8">
        <v>1035000</v>
      </c>
      <c r="I30164" s="8">
        <v>0</v>
      </c>
      <c r="J30164" s="8">
        <v>1035000</v>
      </c>
      <c r="K30164" s="9">
        <v>138</v>
      </c>
      <c r="L30164" s="6" t="s">
        <v>10</v>
      </c>
    </row>
    <row r="30165" spans="1:12">
      <c r="A30165" s="6" t="s">
        <v>31456</v>
      </c>
      <c r="B30165" s="6"/>
      <c r="C30165" s="6" t="s">
        <v>31467</v>
      </c>
      <c r="D30165" s="6"/>
      <c r="E30165" s="6" t="s">
        <v>9</v>
      </c>
      <c r="F30165" s="7">
        <v>38657</v>
      </c>
      <c r="G30165" s="8">
        <v>1485000</v>
      </c>
      <c r="H30165" s="8">
        <v>1485000</v>
      </c>
      <c r="I30165" s="8">
        <v>0</v>
      </c>
      <c r="J30165" s="8">
        <v>1485000</v>
      </c>
      <c r="K30165" s="9">
        <v>198</v>
      </c>
      <c r="L30165" s="6" t="s">
        <v>10</v>
      </c>
    </row>
    <row r="30166" spans="1:12">
      <c r="A30166" s="6" t="s">
        <v>31456</v>
      </c>
      <c r="B30166" s="6"/>
      <c r="C30166" s="6" t="s">
        <v>31468</v>
      </c>
      <c r="D30166" s="6"/>
      <c r="E30166" s="6" t="s">
        <v>9</v>
      </c>
      <c r="F30166" s="7">
        <v>38657</v>
      </c>
      <c r="G30166" s="8">
        <v>75000</v>
      </c>
      <c r="H30166" s="8">
        <v>75000</v>
      </c>
      <c r="I30166" s="8">
        <v>0</v>
      </c>
      <c r="J30166" s="8">
        <v>75000</v>
      </c>
      <c r="K30166" s="9">
        <v>10</v>
      </c>
      <c r="L30166" s="6" t="s">
        <v>10</v>
      </c>
    </row>
    <row r="30167" spans="1:12">
      <c r="A30167" s="6" t="s">
        <v>31456</v>
      </c>
      <c r="B30167" s="6"/>
      <c r="C30167" s="6" t="s">
        <v>31469</v>
      </c>
      <c r="D30167" s="6"/>
      <c r="E30167" s="6" t="s">
        <v>9</v>
      </c>
      <c r="F30167" s="7">
        <v>38657</v>
      </c>
      <c r="G30167" s="8">
        <v>1432500</v>
      </c>
      <c r="H30167" s="8">
        <v>1432500</v>
      </c>
      <c r="I30167" s="8">
        <v>0</v>
      </c>
      <c r="J30167" s="8">
        <v>1432500</v>
      </c>
      <c r="K30167" s="9">
        <v>191</v>
      </c>
      <c r="L30167" s="6" t="s">
        <v>10</v>
      </c>
    </row>
    <row r="30168" spans="1:12">
      <c r="A30168" s="6" t="s">
        <v>31456</v>
      </c>
      <c r="B30168" s="6"/>
      <c r="C30168" s="6" t="s">
        <v>31470</v>
      </c>
      <c r="D30168" s="6"/>
      <c r="E30168" s="6" t="s">
        <v>9</v>
      </c>
      <c r="F30168" s="7">
        <v>38657</v>
      </c>
      <c r="G30168" s="8">
        <v>1110000</v>
      </c>
      <c r="H30168" s="8">
        <v>1110000</v>
      </c>
      <c r="I30168" s="8">
        <v>0</v>
      </c>
      <c r="J30168" s="8">
        <v>1110000</v>
      </c>
      <c r="K30168" s="9">
        <v>148</v>
      </c>
      <c r="L30168" s="6" t="s">
        <v>10</v>
      </c>
    </row>
    <row r="30169" spans="1:12">
      <c r="A30169" s="6" t="s">
        <v>31456</v>
      </c>
      <c r="B30169" s="6"/>
      <c r="C30169" s="6" t="s">
        <v>31471</v>
      </c>
      <c r="D30169" s="6"/>
      <c r="E30169" s="6" t="s">
        <v>9</v>
      </c>
      <c r="F30169" s="7">
        <v>38657</v>
      </c>
      <c r="G30169" s="8">
        <v>12799500</v>
      </c>
      <c r="H30169" s="8">
        <v>12799500</v>
      </c>
      <c r="I30169" s="8">
        <v>0</v>
      </c>
      <c r="J30169" s="8">
        <v>12799500</v>
      </c>
      <c r="K30169" s="9">
        <v>1113</v>
      </c>
      <c r="L30169" s="6" t="s">
        <v>10</v>
      </c>
    </row>
    <row r="30170" spans="1:12">
      <c r="A30170" s="6" t="s">
        <v>31456</v>
      </c>
      <c r="B30170" s="6"/>
      <c r="C30170" s="6" t="s">
        <v>31472</v>
      </c>
      <c r="D30170" s="6"/>
      <c r="E30170" s="6" t="s">
        <v>9</v>
      </c>
      <c r="F30170" s="7">
        <v>38657</v>
      </c>
      <c r="G30170" s="8">
        <v>1417500</v>
      </c>
      <c r="H30170" s="8">
        <v>1417500</v>
      </c>
      <c r="I30170" s="8">
        <v>0</v>
      </c>
      <c r="J30170" s="8">
        <v>1417500</v>
      </c>
      <c r="K30170" s="9">
        <v>189</v>
      </c>
      <c r="L30170" s="6" t="s">
        <v>10</v>
      </c>
    </row>
    <row r="30171" spans="1:12">
      <c r="A30171" s="6" t="s">
        <v>31456</v>
      </c>
      <c r="B30171" s="6"/>
      <c r="C30171" s="6" t="s">
        <v>31473</v>
      </c>
      <c r="D30171" s="6"/>
      <c r="E30171" s="6" t="s">
        <v>9</v>
      </c>
      <c r="F30171" s="7">
        <v>38657</v>
      </c>
      <c r="G30171" s="8">
        <v>39900</v>
      </c>
      <c r="H30171" s="8">
        <v>39900</v>
      </c>
      <c r="I30171" s="8">
        <v>0</v>
      </c>
      <c r="J30171" s="8">
        <v>39900</v>
      </c>
      <c r="K30171" s="9">
        <v>5.32</v>
      </c>
      <c r="L30171" s="6" t="s">
        <v>10</v>
      </c>
    </row>
    <row r="30172" spans="1:12">
      <c r="A30172" s="6" t="s">
        <v>31456</v>
      </c>
      <c r="B30172" s="6"/>
      <c r="C30172" s="6" t="s">
        <v>31474</v>
      </c>
      <c r="D30172" s="6"/>
      <c r="E30172" s="6" t="s">
        <v>9</v>
      </c>
      <c r="F30172" s="7">
        <v>38657</v>
      </c>
      <c r="G30172" s="8">
        <v>1455000</v>
      </c>
      <c r="H30172" s="8">
        <v>1455000</v>
      </c>
      <c r="I30172" s="8">
        <v>0</v>
      </c>
      <c r="J30172" s="8">
        <v>1455000</v>
      </c>
      <c r="K30172" s="9">
        <v>194</v>
      </c>
      <c r="L30172" s="6" t="s">
        <v>10</v>
      </c>
    </row>
    <row r="30173" spans="1:12">
      <c r="A30173" s="6" t="s">
        <v>31456</v>
      </c>
      <c r="B30173" s="6"/>
      <c r="C30173" s="6" t="s">
        <v>31475</v>
      </c>
      <c r="D30173" s="6"/>
      <c r="E30173" s="6" t="s">
        <v>9</v>
      </c>
      <c r="F30173" s="7">
        <v>38657</v>
      </c>
      <c r="G30173" s="8">
        <v>66300</v>
      </c>
      <c r="H30173" s="8">
        <v>66300</v>
      </c>
      <c r="I30173" s="8">
        <v>0</v>
      </c>
      <c r="J30173" s="8">
        <v>66300</v>
      </c>
      <c r="K30173" s="9">
        <v>8.84</v>
      </c>
      <c r="L30173" s="6" t="s">
        <v>10</v>
      </c>
    </row>
    <row r="30174" spans="1:12">
      <c r="A30174" s="6" t="s">
        <v>31456</v>
      </c>
      <c r="B30174" s="6"/>
      <c r="C30174" s="6" t="s">
        <v>31476</v>
      </c>
      <c r="D30174" s="6"/>
      <c r="E30174" s="6" t="s">
        <v>9</v>
      </c>
      <c r="F30174" s="7">
        <v>38657</v>
      </c>
      <c r="G30174" s="8">
        <v>150000</v>
      </c>
      <c r="H30174" s="8">
        <v>150000</v>
      </c>
      <c r="I30174" s="8">
        <v>0</v>
      </c>
      <c r="J30174" s="8">
        <v>150000</v>
      </c>
      <c r="K30174" s="9">
        <v>20</v>
      </c>
      <c r="L30174" s="6" t="s">
        <v>10</v>
      </c>
    </row>
    <row r="30175" spans="1:12">
      <c r="A30175" s="6" t="s">
        <v>31456</v>
      </c>
      <c r="B30175" s="6"/>
      <c r="C30175" s="6" t="s">
        <v>31477</v>
      </c>
      <c r="D30175" s="6"/>
      <c r="E30175" s="6" t="s">
        <v>9</v>
      </c>
      <c r="F30175" s="7">
        <v>38657</v>
      </c>
      <c r="G30175" s="8">
        <v>1012500</v>
      </c>
      <c r="H30175" s="8">
        <v>1012500</v>
      </c>
      <c r="I30175" s="8">
        <v>0</v>
      </c>
      <c r="J30175" s="8">
        <v>1012500</v>
      </c>
      <c r="K30175" s="9">
        <v>135</v>
      </c>
      <c r="L30175" s="6" t="s">
        <v>10</v>
      </c>
    </row>
    <row r="30176" spans="1:12">
      <c r="A30176" s="6" t="s">
        <v>31456</v>
      </c>
      <c r="B30176" s="6"/>
      <c r="C30176" s="6" t="s">
        <v>31478</v>
      </c>
      <c r="D30176" s="6"/>
      <c r="E30176" s="6" t="s">
        <v>9</v>
      </c>
      <c r="F30176" s="7">
        <v>38657</v>
      </c>
      <c r="G30176" s="8">
        <v>592500</v>
      </c>
      <c r="H30176" s="8">
        <v>592500</v>
      </c>
      <c r="I30176" s="8">
        <v>0</v>
      </c>
      <c r="J30176" s="8">
        <v>592500</v>
      </c>
      <c r="K30176" s="9">
        <v>79</v>
      </c>
      <c r="L30176" s="6" t="s">
        <v>10</v>
      </c>
    </row>
    <row r="30177" spans="1:12">
      <c r="A30177" s="6" t="s">
        <v>31456</v>
      </c>
      <c r="B30177" s="6"/>
      <c r="C30177" s="6" t="s">
        <v>31479</v>
      </c>
      <c r="D30177" s="6"/>
      <c r="E30177" s="6" t="s">
        <v>9</v>
      </c>
      <c r="F30177" s="7">
        <v>38657</v>
      </c>
      <c r="G30177" s="8">
        <v>24750</v>
      </c>
      <c r="H30177" s="8">
        <v>24750</v>
      </c>
      <c r="I30177" s="8">
        <v>0</v>
      </c>
      <c r="J30177" s="8">
        <v>24750</v>
      </c>
      <c r="K30177" s="9">
        <v>3.3</v>
      </c>
      <c r="L30177" s="6" t="s">
        <v>10</v>
      </c>
    </row>
    <row r="30178" spans="1:12">
      <c r="A30178" s="6" t="s">
        <v>31456</v>
      </c>
      <c r="B30178" s="6"/>
      <c r="C30178" s="6" t="s">
        <v>31480</v>
      </c>
      <c r="D30178" s="6"/>
      <c r="E30178" s="6" t="s">
        <v>9</v>
      </c>
      <c r="F30178" s="7">
        <v>38657</v>
      </c>
      <c r="G30178" s="8">
        <v>465000</v>
      </c>
      <c r="H30178" s="8">
        <v>465000</v>
      </c>
      <c r="I30178" s="8">
        <v>0</v>
      </c>
      <c r="J30178" s="8">
        <v>465000</v>
      </c>
      <c r="K30178" s="9">
        <v>62</v>
      </c>
      <c r="L30178" s="6" t="s">
        <v>10</v>
      </c>
    </row>
    <row r="30179" spans="1:12">
      <c r="A30179" s="6" t="s">
        <v>31456</v>
      </c>
      <c r="B30179" s="6"/>
      <c r="C30179" s="6" t="s">
        <v>31481</v>
      </c>
      <c r="D30179" s="6"/>
      <c r="E30179" s="6" t="s">
        <v>9</v>
      </c>
      <c r="F30179" s="7">
        <v>38657</v>
      </c>
      <c r="G30179" s="8">
        <v>4830000</v>
      </c>
      <c r="H30179" s="8">
        <v>4830000</v>
      </c>
      <c r="I30179" s="8">
        <v>0</v>
      </c>
      <c r="J30179" s="8">
        <v>4830000</v>
      </c>
      <c r="K30179" s="9">
        <v>644</v>
      </c>
      <c r="L30179" s="6" t="s">
        <v>10</v>
      </c>
    </row>
    <row r="30180" spans="1:12">
      <c r="A30180" s="6" t="s">
        <v>31456</v>
      </c>
      <c r="B30180" s="6"/>
      <c r="C30180" s="6" t="s">
        <v>31482</v>
      </c>
      <c r="D30180" s="6"/>
      <c r="E30180" s="6" t="s">
        <v>9</v>
      </c>
      <c r="F30180" s="7">
        <v>38657</v>
      </c>
      <c r="G30180" s="8">
        <v>2925000</v>
      </c>
      <c r="H30180" s="8">
        <v>2925000</v>
      </c>
      <c r="I30180" s="8">
        <v>0</v>
      </c>
      <c r="J30180" s="8">
        <v>2925000</v>
      </c>
      <c r="K30180" s="9">
        <v>390</v>
      </c>
      <c r="L30180" s="6" t="s">
        <v>10</v>
      </c>
    </row>
    <row r="30181" spans="1:12">
      <c r="A30181" s="6" t="s">
        <v>31456</v>
      </c>
      <c r="B30181" s="6"/>
      <c r="C30181" s="6" t="s">
        <v>31483</v>
      </c>
      <c r="D30181" s="6"/>
      <c r="E30181" s="6" t="s">
        <v>9</v>
      </c>
      <c r="F30181" s="7">
        <v>38657</v>
      </c>
      <c r="G30181" s="8">
        <v>4507500</v>
      </c>
      <c r="H30181" s="8">
        <v>4507500</v>
      </c>
      <c r="I30181" s="8">
        <v>0</v>
      </c>
      <c r="J30181" s="8">
        <v>4507500</v>
      </c>
      <c r="K30181" s="9">
        <v>601</v>
      </c>
      <c r="L30181" s="6" t="s">
        <v>10</v>
      </c>
    </row>
    <row r="30182" spans="1:12">
      <c r="A30182" s="6" t="s">
        <v>31456</v>
      </c>
      <c r="B30182" s="6"/>
      <c r="C30182" s="6" t="s">
        <v>31484</v>
      </c>
      <c r="D30182" s="6"/>
      <c r="E30182" s="6" t="s">
        <v>9</v>
      </c>
      <c r="F30182" s="7">
        <v>38657</v>
      </c>
      <c r="G30182" s="8">
        <v>112500</v>
      </c>
      <c r="H30182" s="8">
        <v>112500</v>
      </c>
      <c r="I30182" s="8">
        <v>0</v>
      </c>
      <c r="J30182" s="8">
        <v>112500</v>
      </c>
      <c r="K30182" s="9">
        <v>15</v>
      </c>
      <c r="L30182" s="6" t="s">
        <v>10</v>
      </c>
    </row>
    <row r="30183" spans="1:12">
      <c r="A30183" s="6" t="s">
        <v>31456</v>
      </c>
      <c r="B30183" s="6"/>
      <c r="C30183" s="6" t="s">
        <v>31485</v>
      </c>
      <c r="D30183" s="6"/>
      <c r="E30183" s="6" t="s">
        <v>9</v>
      </c>
      <c r="F30183" s="7">
        <v>38657</v>
      </c>
      <c r="G30183" s="8">
        <v>2377500</v>
      </c>
      <c r="H30183" s="8">
        <v>2377500</v>
      </c>
      <c r="I30183" s="8">
        <v>0</v>
      </c>
      <c r="J30183" s="8">
        <v>2377500</v>
      </c>
      <c r="K30183" s="9">
        <v>317</v>
      </c>
      <c r="L30183" s="6" t="s">
        <v>10</v>
      </c>
    </row>
    <row r="30184" spans="1:12">
      <c r="A30184" s="6" t="s">
        <v>31456</v>
      </c>
      <c r="B30184" s="6"/>
      <c r="C30184" s="6" t="s">
        <v>31486</v>
      </c>
      <c r="D30184" s="6"/>
      <c r="E30184" s="6" t="s">
        <v>9</v>
      </c>
      <c r="F30184" s="7">
        <v>38657</v>
      </c>
      <c r="G30184" s="8">
        <v>1927500</v>
      </c>
      <c r="H30184" s="8">
        <v>1927500</v>
      </c>
      <c r="I30184" s="8">
        <v>0</v>
      </c>
      <c r="J30184" s="8">
        <v>1927500</v>
      </c>
      <c r="K30184" s="9">
        <v>257</v>
      </c>
      <c r="L30184" s="6" t="s">
        <v>10</v>
      </c>
    </row>
    <row r="30185" spans="1:12">
      <c r="A30185" s="6" t="s">
        <v>31456</v>
      </c>
      <c r="B30185" s="6"/>
      <c r="C30185" s="6" t="s">
        <v>31487</v>
      </c>
      <c r="D30185" s="6"/>
      <c r="E30185" s="6" t="s">
        <v>9</v>
      </c>
      <c r="F30185" s="7">
        <v>38657</v>
      </c>
      <c r="G30185" s="8">
        <v>828000</v>
      </c>
      <c r="H30185" s="8">
        <v>828000</v>
      </c>
      <c r="I30185" s="8">
        <v>0</v>
      </c>
      <c r="J30185" s="8">
        <v>828000</v>
      </c>
      <c r="K30185" s="9">
        <v>72</v>
      </c>
      <c r="L30185" s="6" t="s">
        <v>10</v>
      </c>
    </row>
    <row r="30186" spans="1:12">
      <c r="A30186" s="6" t="s">
        <v>31456</v>
      </c>
      <c r="B30186" s="6"/>
      <c r="C30186" s="6" t="s">
        <v>31488</v>
      </c>
      <c r="D30186" s="6"/>
      <c r="E30186" s="6" t="s">
        <v>9</v>
      </c>
      <c r="F30186" s="7">
        <v>38657</v>
      </c>
      <c r="G30186" s="8">
        <v>828000</v>
      </c>
      <c r="H30186" s="8">
        <v>828000</v>
      </c>
      <c r="I30186" s="8">
        <v>0</v>
      </c>
      <c r="J30186" s="8">
        <v>828000</v>
      </c>
      <c r="K30186" s="9">
        <v>72</v>
      </c>
      <c r="L30186" s="6" t="s">
        <v>10</v>
      </c>
    </row>
    <row r="30187" spans="1:12">
      <c r="A30187" s="6" t="s">
        <v>31456</v>
      </c>
      <c r="B30187" s="6"/>
      <c r="C30187" s="6" t="s">
        <v>31489</v>
      </c>
      <c r="D30187" s="6"/>
      <c r="E30187" s="6" t="s">
        <v>9</v>
      </c>
      <c r="F30187" s="7">
        <v>38657</v>
      </c>
      <c r="G30187" s="8">
        <v>292500</v>
      </c>
      <c r="H30187" s="8">
        <v>292500</v>
      </c>
      <c r="I30187" s="8">
        <v>0</v>
      </c>
      <c r="J30187" s="8">
        <v>292500</v>
      </c>
      <c r="K30187" s="9">
        <v>39</v>
      </c>
      <c r="L30187" s="6" t="s">
        <v>10</v>
      </c>
    </row>
    <row r="30188" spans="1:12">
      <c r="A30188" s="6" t="s">
        <v>31456</v>
      </c>
      <c r="B30188" s="6"/>
      <c r="C30188" s="6" t="s">
        <v>31490</v>
      </c>
      <c r="D30188" s="6"/>
      <c r="E30188" s="6" t="s">
        <v>9</v>
      </c>
      <c r="F30188" s="7">
        <v>38657</v>
      </c>
      <c r="G30188" s="8">
        <v>232500</v>
      </c>
      <c r="H30188" s="8">
        <v>232500</v>
      </c>
      <c r="I30188" s="8">
        <v>0</v>
      </c>
      <c r="J30188" s="8">
        <v>232500</v>
      </c>
      <c r="K30188" s="9">
        <v>31</v>
      </c>
      <c r="L30188" s="6" t="s">
        <v>10</v>
      </c>
    </row>
    <row r="30189" spans="1:12">
      <c r="A30189" s="6" t="s">
        <v>31456</v>
      </c>
      <c r="B30189" s="6"/>
      <c r="C30189" s="6" t="s">
        <v>31491</v>
      </c>
      <c r="D30189" s="6"/>
      <c r="E30189" s="6" t="s">
        <v>9</v>
      </c>
      <c r="F30189" s="7">
        <v>38657</v>
      </c>
      <c r="G30189" s="8">
        <v>592500</v>
      </c>
      <c r="H30189" s="8">
        <v>592500</v>
      </c>
      <c r="I30189" s="8">
        <v>0</v>
      </c>
      <c r="J30189" s="8">
        <v>592500</v>
      </c>
      <c r="K30189" s="9">
        <v>79</v>
      </c>
      <c r="L30189" s="6" t="s">
        <v>10</v>
      </c>
    </row>
    <row r="30190" spans="1:12">
      <c r="A30190" s="6" t="s">
        <v>31456</v>
      </c>
      <c r="B30190" s="6"/>
      <c r="C30190" s="6" t="s">
        <v>31492</v>
      </c>
      <c r="D30190" s="6"/>
      <c r="E30190" s="6" t="s">
        <v>9</v>
      </c>
      <c r="F30190" s="7">
        <v>38657</v>
      </c>
      <c r="G30190" s="8">
        <v>74325</v>
      </c>
      <c r="H30190" s="8">
        <v>74325</v>
      </c>
      <c r="I30190" s="8">
        <v>0</v>
      </c>
      <c r="J30190" s="8">
        <v>74325</v>
      </c>
      <c r="K30190" s="9">
        <v>9.91</v>
      </c>
      <c r="L30190" s="6" t="s">
        <v>10</v>
      </c>
    </row>
    <row r="30191" spans="1:12">
      <c r="A30191" s="6" t="s">
        <v>31456</v>
      </c>
      <c r="B30191" s="6"/>
      <c r="C30191" s="6" t="s">
        <v>31493</v>
      </c>
      <c r="D30191" s="6"/>
      <c r="E30191" s="6" t="s">
        <v>9</v>
      </c>
      <c r="F30191" s="7">
        <v>38657</v>
      </c>
      <c r="G30191" s="8">
        <v>390000</v>
      </c>
      <c r="H30191" s="8">
        <v>390000</v>
      </c>
      <c r="I30191" s="8">
        <v>0</v>
      </c>
      <c r="J30191" s="8">
        <v>390000</v>
      </c>
      <c r="K30191" s="9">
        <v>52</v>
      </c>
      <c r="L30191" s="6" t="s">
        <v>10</v>
      </c>
    </row>
    <row r="30192" spans="1:12">
      <c r="A30192" s="6" t="s">
        <v>31456</v>
      </c>
      <c r="B30192" s="6"/>
      <c r="C30192" s="6" t="s">
        <v>31494</v>
      </c>
      <c r="D30192" s="6"/>
      <c r="E30192" s="6" t="s">
        <v>9</v>
      </c>
      <c r="F30192" s="7">
        <v>38657</v>
      </c>
      <c r="G30192" s="8">
        <v>540000</v>
      </c>
      <c r="H30192" s="8">
        <v>540000</v>
      </c>
      <c r="I30192" s="8">
        <v>0</v>
      </c>
      <c r="J30192" s="8">
        <v>540000</v>
      </c>
      <c r="K30192" s="9">
        <v>72</v>
      </c>
      <c r="L30192" s="6" t="s">
        <v>10</v>
      </c>
    </row>
    <row r="30193" spans="1:12">
      <c r="A30193" s="6" t="s">
        <v>31495</v>
      </c>
      <c r="B30193" s="6"/>
      <c r="C30193" s="6" t="s">
        <v>31496</v>
      </c>
      <c r="D30193" s="6"/>
      <c r="E30193" s="6" t="s">
        <v>18740</v>
      </c>
      <c r="F30193" s="7">
        <v>38657</v>
      </c>
      <c r="G30193" s="8">
        <v>5320350</v>
      </c>
      <c r="H30193" s="8">
        <v>5320350</v>
      </c>
      <c r="I30193" s="8">
        <v>0</v>
      </c>
      <c r="J30193" s="8">
        <v>5320350</v>
      </c>
      <c r="K30193" s="9">
        <v>197.05</v>
      </c>
      <c r="L30193" s="6" t="s">
        <v>10</v>
      </c>
    </row>
    <row r="30194" spans="1:12">
      <c r="A30194" s="6" t="s">
        <v>31495</v>
      </c>
      <c r="B30194" s="6"/>
      <c r="C30194" s="6" t="s">
        <v>31497</v>
      </c>
      <c r="D30194" s="6"/>
      <c r="E30194" s="6" t="s">
        <v>18740</v>
      </c>
      <c r="F30194" s="7">
        <v>38657</v>
      </c>
      <c r="G30194" s="8">
        <v>1817213</v>
      </c>
      <c r="H30194" s="8">
        <v>1817213</v>
      </c>
      <c r="I30194" s="8">
        <v>0</v>
      </c>
      <c r="J30194" s="8">
        <v>1817213</v>
      </c>
      <c r="K30194" s="9">
        <v>355.48</v>
      </c>
      <c r="L30194" s="6" t="s">
        <v>23</v>
      </c>
    </row>
    <row r="30195" spans="1:12">
      <c r="A30195" s="6" t="s">
        <v>31498</v>
      </c>
      <c r="B30195" s="6"/>
      <c r="C30195" s="6" t="s">
        <v>31499</v>
      </c>
      <c r="D30195" s="6"/>
      <c r="E30195" s="6" t="s">
        <v>18740</v>
      </c>
      <c r="F30195" s="7">
        <v>38657</v>
      </c>
      <c r="G30195" s="8">
        <v>434520</v>
      </c>
      <c r="H30195" s="8">
        <v>434520</v>
      </c>
      <c r="I30195" s="8">
        <v>0</v>
      </c>
      <c r="J30195" s="8">
        <v>434520</v>
      </c>
      <c r="K30195" s="9">
        <v>85</v>
      </c>
      <c r="L30195" s="6" t="s">
        <v>23</v>
      </c>
    </row>
    <row r="30196" spans="1:12">
      <c r="A30196" s="6" t="s">
        <v>31500</v>
      </c>
      <c r="B30196" s="6"/>
      <c r="C30196" s="6" t="s">
        <v>31501</v>
      </c>
      <c r="D30196" s="6"/>
      <c r="E30196" s="6" t="s">
        <v>18740</v>
      </c>
      <c r="F30196" s="7">
        <v>38657</v>
      </c>
      <c r="G30196" s="8">
        <v>14569</v>
      </c>
      <c r="H30196" s="8">
        <v>14569</v>
      </c>
      <c r="I30196" s="8">
        <v>0</v>
      </c>
      <c r="J30196" s="8">
        <v>14569</v>
      </c>
      <c r="K30196" s="9">
        <v>2.85</v>
      </c>
      <c r="L30196" s="6" t="s">
        <v>23</v>
      </c>
    </row>
    <row r="30197" spans="1:12">
      <c r="A30197" s="6" t="s">
        <v>31500</v>
      </c>
      <c r="B30197" s="6"/>
      <c r="C30197" s="6" t="s">
        <v>31502</v>
      </c>
      <c r="D30197" s="6"/>
      <c r="E30197" s="6" t="s">
        <v>18740</v>
      </c>
      <c r="F30197" s="7">
        <v>38657</v>
      </c>
      <c r="G30197" s="8">
        <v>112464</v>
      </c>
      <c r="H30197" s="8">
        <v>112464</v>
      </c>
      <c r="I30197" s="8">
        <v>0</v>
      </c>
      <c r="J30197" s="8">
        <v>112464</v>
      </c>
      <c r="K30197" s="9">
        <v>22</v>
      </c>
      <c r="L30197" s="6" t="s">
        <v>23</v>
      </c>
    </row>
    <row r="30198" spans="1:12">
      <c r="A30198" s="6" t="s">
        <v>31503</v>
      </c>
      <c r="B30198" s="6"/>
      <c r="C30198" s="6" t="s">
        <v>31504</v>
      </c>
      <c r="D30198" s="6"/>
      <c r="E30198" s="6" t="s">
        <v>18740</v>
      </c>
      <c r="F30198" s="7">
        <v>38657</v>
      </c>
      <c r="G30198" s="8">
        <v>97128</v>
      </c>
      <c r="H30198" s="8">
        <v>97128</v>
      </c>
      <c r="I30198" s="8">
        <v>0</v>
      </c>
      <c r="J30198" s="8">
        <v>97128</v>
      </c>
      <c r="K30198" s="9">
        <v>19</v>
      </c>
      <c r="L30198" s="6" t="s">
        <v>23</v>
      </c>
    </row>
    <row r="30199" spans="1:12">
      <c r="A30199" s="6" t="s">
        <v>31505</v>
      </c>
      <c r="B30199" s="6"/>
      <c r="C30199" s="6" t="s">
        <v>31506</v>
      </c>
      <c r="D30199" s="6"/>
      <c r="E30199" s="6" t="s">
        <v>18740</v>
      </c>
      <c r="F30199" s="7">
        <v>38657</v>
      </c>
      <c r="G30199" s="8">
        <v>42838</v>
      </c>
      <c r="H30199" s="8">
        <v>42838</v>
      </c>
      <c r="I30199" s="8">
        <v>0</v>
      </c>
      <c r="J30199" s="8">
        <v>42838</v>
      </c>
      <c r="K30199" s="9">
        <v>8.3800000000000008</v>
      </c>
      <c r="L30199" s="6" t="s">
        <v>23</v>
      </c>
    </row>
    <row r="30200" spans="1:12">
      <c r="A30200" s="6" t="s">
        <v>31507</v>
      </c>
      <c r="B30200" s="6"/>
      <c r="C30200" s="6" t="s">
        <v>31508</v>
      </c>
      <c r="D30200" s="6"/>
      <c r="E30200" s="6" t="s">
        <v>18740</v>
      </c>
      <c r="F30200" s="7">
        <v>38657</v>
      </c>
      <c r="G30200" s="8">
        <v>311832</v>
      </c>
      <c r="H30200" s="8">
        <v>311832</v>
      </c>
      <c r="I30200" s="8">
        <v>0</v>
      </c>
      <c r="J30200" s="8">
        <v>311832</v>
      </c>
      <c r="K30200" s="9">
        <v>61</v>
      </c>
      <c r="L30200" s="6" t="s">
        <v>23</v>
      </c>
    </row>
    <row r="30201" spans="1:12">
      <c r="A30201" s="6" t="s">
        <v>31509</v>
      </c>
      <c r="B30201" s="6"/>
      <c r="C30201" s="6" t="s">
        <v>31510</v>
      </c>
      <c r="D30201" s="6"/>
      <c r="E30201" s="6" t="s">
        <v>18740</v>
      </c>
      <c r="F30201" s="7">
        <v>38657</v>
      </c>
      <c r="G30201" s="8">
        <v>260712</v>
      </c>
      <c r="H30201" s="8">
        <v>260712</v>
      </c>
      <c r="I30201" s="8">
        <v>0</v>
      </c>
      <c r="J30201" s="8">
        <v>260712</v>
      </c>
      <c r="K30201" s="9">
        <v>51</v>
      </c>
      <c r="L30201" s="6" t="s">
        <v>23</v>
      </c>
    </row>
    <row r="30202" spans="1:12">
      <c r="A30202" s="6" t="s">
        <v>31511</v>
      </c>
      <c r="B30202" s="6"/>
      <c r="C30202" s="6" t="s">
        <v>31512</v>
      </c>
      <c r="D30202" s="6"/>
      <c r="E30202" s="6" t="s">
        <v>18740</v>
      </c>
      <c r="F30202" s="7">
        <v>38657</v>
      </c>
      <c r="G30202" s="8">
        <v>1727160</v>
      </c>
      <c r="H30202" s="8">
        <v>1727160</v>
      </c>
      <c r="I30202" s="8">
        <v>0</v>
      </c>
      <c r="J30202" s="8">
        <v>1727160</v>
      </c>
      <c r="K30202" s="9">
        <v>143.93</v>
      </c>
      <c r="L30202" s="6" t="s">
        <v>10</v>
      </c>
    </row>
    <row r="30203" spans="1:12">
      <c r="A30203" s="6" t="s">
        <v>31511</v>
      </c>
      <c r="B30203" s="6"/>
      <c r="C30203" s="6" t="s">
        <v>31513</v>
      </c>
      <c r="D30203" s="6"/>
      <c r="E30203" s="6" t="s">
        <v>18740</v>
      </c>
      <c r="F30203" s="7">
        <v>38657</v>
      </c>
      <c r="G30203" s="8">
        <v>1431360</v>
      </c>
      <c r="H30203" s="8">
        <v>1431360</v>
      </c>
      <c r="I30203" s="8">
        <v>0</v>
      </c>
      <c r="J30203" s="8">
        <v>1431360</v>
      </c>
      <c r="K30203" s="9">
        <v>119.28</v>
      </c>
      <c r="L30203" s="6" t="s">
        <v>10</v>
      </c>
    </row>
    <row r="30204" spans="1:12">
      <c r="A30204" s="6" t="s">
        <v>31514</v>
      </c>
      <c r="B30204" s="6"/>
      <c r="C30204" s="6" t="s">
        <v>31515</v>
      </c>
      <c r="D30204" s="6"/>
      <c r="E30204" s="6" t="s">
        <v>18740</v>
      </c>
      <c r="F30204" s="7">
        <v>38657</v>
      </c>
      <c r="G30204" s="8">
        <v>485640</v>
      </c>
      <c r="H30204" s="8">
        <v>485640</v>
      </c>
      <c r="I30204" s="8">
        <v>0</v>
      </c>
      <c r="J30204" s="8">
        <v>485640</v>
      </c>
      <c r="K30204" s="9">
        <v>95</v>
      </c>
      <c r="L30204" s="6" t="s">
        <v>23</v>
      </c>
    </row>
    <row r="30205" spans="1:12">
      <c r="A30205" s="6" t="s">
        <v>31516</v>
      </c>
      <c r="B30205" s="6"/>
      <c r="C30205" s="6" t="s">
        <v>31517</v>
      </c>
      <c r="D30205" s="6"/>
      <c r="E30205" s="6" t="s">
        <v>9</v>
      </c>
      <c r="F30205" s="7">
        <v>38657</v>
      </c>
      <c r="G30205" s="8">
        <v>15500000</v>
      </c>
      <c r="H30205" s="8">
        <v>15500000</v>
      </c>
      <c r="I30205" s="8">
        <v>0</v>
      </c>
      <c r="J30205" s="8">
        <v>15500000</v>
      </c>
      <c r="K30205" s="9">
        <v>1550</v>
      </c>
      <c r="L30205" s="6" t="s">
        <v>10</v>
      </c>
    </row>
    <row r="30206" spans="1:12">
      <c r="A30206" s="6" t="s">
        <v>31516</v>
      </c>
      <c r="B30206" s="6"/>
      <c r="C30206" s="6" t="s">
        <v>31518</v>
      </c>
      <c r="D30206" s="6"/>
      <c r="E30206" s="6" t="s">
        <v>9</v>
      </c>
      <c r="F30206" s="7">
        <v>38657</v>
      </c>
      <c r="G30206" s="8">
        <v>5970000</v>
      </c>
      <c r="H30206" s="8">
        <v>5970000</v>
      </c>
      <c r="I30206" s="8">
        <v>0</v>
      </c>
      <c r="J30206" s="8">
        <v>5970000</v>
      </c>
      <c r="K30206" s="9">
        <v>597</v>
      </c>
      <c r="L30206" s="6" t="s">
        <v>10</v>
      </c>
    </row>
    <row r="30207" spans="1:12">
      <c r="A30207" s="6" t="s">
        <v>31519</v>
      </c>
      <c r="B30207" s="6"/>
      <c r="C30207" s="6" t="s">
        <v>31520</v>
      </c>
      <c r="D30207" s="6"/>
      <c r="E30207" s="6" t="s">
        <v>18740</v>
      </c>
      <c r="F30207" s="7">
        <v>38657</v>
      </c>
      <c r="G30207" s="8">
        <v>2265600</v>
      </c>
      <c r="H30207" s="8">
        <v>2265600</v>
      </c>
      <c r="I30207" s="8">
        <v>0</v>
      </c>
      <c r="J30207" s="8">
        <v>2265600</v>
      </c>
      <c r="K30207" s="9">
        <v>177</v>
      </c>
      <c r="L30207" s="6" t="s">
        <v>10</v>
      </c>
    </row>
    <row r="30208" spans="1:12">
      <c r="A30208" s="6" t="s">
        <v>31519</v>
      </c>
      <c r="B30208" s="6"/>
      <c r="C30208" s="6" t="s">
        <v>31521</v>
      </c>
      <c r="D30208" s="6"/>
      <c r="E30208" s="6" t="s">
        <v>18740</v>
      </c>
      <c r="F30208" s="7">
        <v>38657</v>
      </c>
      <c r="G30208" s="8">
        <v>1945600</v>
      </c>
      <c r="H30208" s="8">
        <v>1945600</v>
      </c>
      <c r="I30208" s="8">
        <v>0</v>
      </c>
      <c r="J30208" s="8">
        <v>1945600</v>
      </c>
      <c r="K30208" s="9">
        <v>152</v>
      </c>
      <c r="L30208" s="6" t="s">
        <v>10</v>
      </c>
    </row>
    <row r="30209" spans="1:12">
      <c r="A30209" s="6" t="s">
        <v>31522</v>
      </c>
      <c r="B30209" s="6"/>
      <c r="C30209" s="6" t="s">
        <v>31523</v>
      </c>
      <c r="D30209" s="6"/>
      <c r="E30209" s="6" t="s">
        <v>18740</v>
      </c>
      <c r="F30209" s="7">
        <v>38657</v>
      </c>
      <c r="G30209" s="8">
        <v>296496</v>
      </c>
      <c r="H30209" s="8">
        <v>296496</v>
      </c>
      <c r="I30209" s="8">
        <v>0</v>
      </c>
      <c r="J30209" s="8">
        <v>296496</v>
      </c>
      <c r="K30209" s="9">
        <v>58</v>
      </c>
      <c r="L30209" s="6" t="s">
        <v>23</v>
      </c>
    </row>
    <row r="30210" spans="1:12">
      <c r="A30210" s="6" t="s">
        <v>31524</v>
      </c>
      <c r="B30210" s="6"/>
      <c r="C30210" s="6" t="s">
        <v>31525</v>
      </c>
      <c r="D30210" s="6"/>
      <c r="E30210" s="6" t="s">
        <v>18740</v>
      </c>
      <c r="F30210" s="7">
        <v>38657</v>
      </c>
      <c r="G30210" s="8">
        <v>327168</v>
      </c>
      <c r="H30210" s="8">
        <v>327168</v>
      </c>
      <c r="I30210" s="8">
        <v>0</v>
      </c>
      <c r="J30210" s="8">
        <v>327168</v>
      </c>
      <c r="K30210" s="9">
        <v>64</v>
      </c>
      <c r="L30210" s="6" t="s">
        <v>23</v>
      </c>
    </row>
    <row r="30211" spans="1:12">
      <c r="A30211" s="6" t="s">
        <v>31526</v>
      </c>
      <c r="B30211" s="6"/>
      <c r="C30211" s="6" t="s">
        <v>31527</v>
      </c>
      <c r="D30211" s="6"/>
      <c r="E30211" s="6" t="s">
        <v>18740</v>
      </c>
      <c r="F30211" s="7">
        <v>38657</v>
      </c>
      <c r="G30211" s="8">
        <v>265824</v>
      </c>
      <c r="H30211" s="8">
        <v>265824</v>
      </c>
      <c r="I30211" s="8">
        <v>0</v>
      </c>
      <c r="J30211" s="8">
        <v>265824</v>
      </c>
      <c r="K30211" s="9">
        <v>52</v>
      </c>
      <c r="L30211" s="6" t="s">
        <v>23</v>
      </c>
    </row>
    <row r="30212" spans="1:12">
      <c r="A30212" s="6" t="s">
        <v>31528</v>
      </c>
      <c r="B30212" s="6"/>
      <c r="C30212" s="6" t="s">
        <v>31529</v>
      </c>
      <c r="D30212" s="6"/>
      <c r="E30212" s="6" t="s">
        <v>18740</v>
      </c>
      <c r="F30212" s="7">
        <v>38657</v>
      </c>
      <c r="G30212" s="8">
        <v>322056</v>
      </c>
      <c r="H30212" s="8">
        <v>322056</v>
      </c>
      <c r="I30212" s="8">
        <v>0</v>
      </c>
      <c r="J30212" s="8">
        <v>322056</v>
      </c>
      <c r="K30212" s="9">
        <v>63</v>
      </c>
      <c r="L30212" s="6" t="s">
        <v>23</v>
      </c>
    </row>
    <row r="30213" spans="1:12">
      <c r="A30213" s="6" t="s">
        <v>31530</v>
      </c>
      <c r="B30213" s="6"/>
      <c r="C30213" s="6" t="s">
        <v>31531</v>
      </c>
      <c r="D30213" s="6"/>
      <c r="E30213" s="6" t="s">
        <v>9</v>
      </c>
      <c r="F30213" s="7">
        <v>38657</v>
      </c>
      <c r="G30213" s="8">
        <v>1850544</v>
      </c>
      <c r="H30213" s="8">
        <v>1850544</v>
      </c>
      <c r="I30213" s="8">
        <v>0</v>
      </c>
      <c r="J30213" s="8">
        <v>1850544</v>
      </c>
      <c r="K30213" s="9">
        <v>362</v>
      </c>
      <c r="L30213" s="6" t="s">
        <v>14</v>
      </c>
    </row>
    <row r="30214" spans="1:12">
      <c r="A30214" s="6" t="s">
        <v>31530</v>
      </c>
      <c r="B30214" s="6"/>
      <c r="C30214" s="6" t="s">
        <v>31532</v>
      </c>
      <c r="D30214" s="6"/>
      <c r="E30214" s="6" t="s">
        <v>9</v>
      </c>
      <c r="F30214" s="7">
        <v>38657</v>
      </c>
      <c r="G30214" s="8">
        <v>6430896</v>
      </c>
      <c r="H30214" s="8">
        <v>6430896</v>
      </c>
      <c r="I30214" s="8">
        <v>0</v>
      </c>
      <c r="J30214" s="8">
        <v>6430896</v>
      </c>
      <c r="K30214" s="9">
        <v>1258</v>
      </c>
      <c r="L30214" s="6" t="s">
        <v>14</v>
      </c>
    </row>
    <row r="30215" spans="1:12">
      <c r="A30215" s="6" t="s">
        <v>31530</v>
      </c>
      <c r="B30215" s="6"/>
      <c r="C30215" s="6" t="s">
        <v>31533</v>
      </c>
      <c r="D30215" s="6"/>
      <c r="E30215" s="6" t="s">
        <v>9</v>
      </c>
      <c r="F30215" s="7">
        <v>38657</v>
      </c>
      <c r="G30215" s="8">
        <v>138024</v>
      </c>
      <c r="H30215" s="8">
        <v>138024</v>
      </c>
      <c r="I30215" s="8">
        <v>0</v>
      </c>
      <c r="J30215" s="8">
        <v>138024</v>
      </c>
      <c r="K30215" s="9">
        <v>27</v>
      </c>
      <c r="L30215" s="6" t="s">
        <v>14</v>
      </c>
    </row>
    <row r="30216" spans="1:12">
      <c r="A30216" s="6" t="s">
        <v>31530</v>
      </c>
      <c r="B30216" s="6"/>
      <c r="C30216" s="6" t="s">
        <v>31534</v>
      </c>
      <c r="D30216" s="6"/>
      <c r="E30216" s="6" t="s">
        <v>9</v>
      </c>
      <c r="F30216" s="7">
        <v>38657</v>
      </c>
      <c r="G30216" s="8">
        <v>812808</v>
      </c>
      <c r="H30216" s="8">
        <v>812808</v>
      </c>
      <c r="I30216" s="8">
        <v>0</v>
      </c>
      <c r="J30216" s="8">
        <v>812808</v>
      </c>
      <c r="K30216" s="9">
        <v>159</v>
      </c>
      <c r="L30216" s="6" t="s">
        <v>14</v>
      </c>
    </row>
    <row r="30217" spans="1:12">
      <c r="A30217" s="6" t="s">
        <v>31530</v>
      </c>
      <c r="B30217" s="6"/>
      <c r="C30217" s="6" t="s">
        <v>31535</v>
      </c>
      <c r="D30217" s="6"/>
      <c r="E30217" s="6" t="s">
        <v>9</v>
      </c>
      <c r="F30217" s="7">
        <v>38657</v>
      </c>
      <c r="G30217" s="8">
        <v>690120</v>
      </c>
      <c r="H30217" s="8">
        <v>690120</v>
      </c>
      <c r="I30217" s="8">
        <v>0</v>
      </c>
      <c r="J30217" s="8">
        <v>690120</v>
      </c>
      <c r="K30217" s="9">
        <v>135</v>
      </c>
      <c r="L30217" s="6" t="s">
        <v>14</v>
      </c>
    </row>
    <row r="30218" spans="1:12">
      <c r="A30218" s="6" t="s">
        <v>31530</v>
      </c>
      <c r="B30218" s="6"/>
      <c r="C30218" s="6" t="s">
        <v>31536</v>
      </c>
      <c r="D30218" s="6"/>
      <c r="E30218" s="6" t="s">
        <v>9</v>
      </c>
      <c r="F30218" s="7">
        <v>38657</v>
      </c>
      <c r="G30218" s="8">
        <v>557208</v>
      </c>
      <c r="H30218" s="8">
        <v>557208</v>
      </c>
      <c r="I30218" s="8">
        <v>0</v>
      </c>
      <c r="J30218" s="8">
        <v>557208</v>
      </c>
      <c r="K30218" s="9">
        <v>109</v>
      </c>
      <c r="L30218" s="6" t="s">
        <v>14</v>
      </c>
    </row>
    <row r="30219" spans="1:12">
      <c r="A30219" s="6" t="s">
        <v>31530</v>
      </c>
      <c r="B30219" s="6"/>
      <c r="C30219" s="6" t="s">
        <v>31537</v>
      </c>
      <c r="D30219" s="6"/>
      <c r="E30219" s="6" t="s">
        <v>9</v>
      </c>
      <c r="F30219" s="7">
        <v>38657</v>
      </c>
      <c r="G30219" s="8">
        <v>2003904</v>
      </c>
      <c r="H30219" s="8">
        <v>2003904</v>
      </c>
      <c r="I30219" s="8">
        <v>0</v>
      </c>
      <c r="J30219" s="8">
        <v>2003904</v>
      </c>
      <c r="K30219" s="9">
        <v>392</v>
      </c>
      <c r="L30219" s="6" t="s">
        <v>14</v>
      </c>
    </row>
    <row r="30220" spans="1:12">
      <c r="A30220" s="6" t="s">
        <v>31530</v>
      </c>
      <c r="B30220" s="6"/>
      <c r="C30220" s="6" t="s">
        <v>31538</v>
      </c>
      <c r="D30220" s="6"/>
      <c r="E30220" s="6" t="s">
        <v>9</v>
      </c>
      <c r="F30220" s="7">
        <v>38657</v>
      </c>
      <c r="G30220" s="8">
        <v>690120</v>
      </c>
      <c r="H30220" s="8">
        <v>690120</v>
      </c>
      <c r="I30220" s="8">
        <v>0</v>
      </c>
      <c r="J30220" s="8">
        <v>690120</v>
      </c>
      <c r="K30220" s="9">
        <v>135</v>
      </c>
      <c r="L30220" s="6" t="s">
        <v>14</v>
      </c>
    </row>
    <row r="30221" spans="1:12">
      <c r="A30221" s="6" t="s">
        <v>31530</v>
      </c>
      <c r="B30221" s="6"/>
      <c r="C30221" s="6" t="s">
        <v>31539</v>
      </c>
      <c r="D30221" s="6"/>
      <c r="E30221" s="6" t="s">
        <v>9</v>
      </c>
      <c r="F30221" s="7">
        <v>38657</v>
      </c>
      <c r="G30221" s="8">
        <v>3041640</v>
      </c>
      <c r="H30221" s="8">
        <v>3041640</v>
      </c>
      <c r="I30221" s="8">
        <v>0</v>
      </c>
      <c r="J30221" s="8">
        <v>3041640</v>
      </c>
      <c r="K30221" s="9">
        <v>595</v>
      </c>
      <c r="L30221" s="6" t="s">
        <v>14</v>
      </c>
    </row>
    <row r="30222" spans="1:12">
      <c r="A30222" s="6" t="s">
        <v>31530</v>
      </c>
      <c r="B30222" s="6"/>
      <c r="C30222" s="6" t="s">
        <v>31540</v>
      </c>
      <c r="D30222" s="6"/>
      <c r="E30222" s="6" t="s">
        <v>9</v>
      </c>
      <c r="F30222" s="7">
        <v>38657</v>
      </c>
      <c r="G30222" s="8">
        <v>10208664</v>
      </c>
      <c r="H30222" s="8">
        <v>10208664</v>
      </c>
      <c r="I30222" s="8">
        <v>0</v>
      </c>
      <c r="J30222" s="8">
        <v>10208664</v>
      </c>
      <c r="K30222" s="9">
        <v>1997</v>
      </c>
      <c r="L30222" s="6" t="s">
        <v>14</v>
      </c>
    </row>
    <row r="30223" spans="1:12">
      <c r="A30223" s="6" t="s">
        <v>31541</v>
      </c>
      <c r="B30223" s="6"/>
      <c r="C30223" s="6" t="s">
        <v>31542</v>
      </c>
      <c r="D30223" s="6"/>
      <c r="E30223" s="6" t="s">
        <v>18740</v>
      </c>
      <c r="F30223" s="7">
        <v>38657</v>
      </c>
      <c r="G30223" s="8">
        <v>2763000</v>
      </c>
      <c r="H30223" s="8">
        <v>2763000</v>
      </c>
      <c r="I30223" s="8">
        <v>0</v>
      </c>
      <c r="J30223" s="8">
        <v>2763000</v>
      </c>
      <c r="K30223" s="9">
        <v>307</v>
      </c>
      <c r="L30223" s="6" t="s">
        <v>10</v>
      </c>
    </row>
    <row r="30224" spans="1:12">
      <c r="A30224" s="6" t="s">
        <v>31541</v>
      </c>
      <c r="B30224" s="6"/>
      <c r="C30224" s="6" t="s">
        <v>31543</v>
      </c>
      <c r="D30224" s="6"/>
      <c r="E30224" s="6" t="s">
        <v>18740</v>
      </c>
      <c r="F30224" s="7">
        <v>38657</v>
      </c>
      <c r="G30224" s="8">
        <v>4365000</v>
      </c>
      <c r="H30224" s="8">
        <v>4365000</v>
      </c>
      <c r="I30224" s="8">
        <v>0</v>
      </c>
      <c r="J30224" s="8">
        <v>4365000</v>
      </c>
      <c r="K30224" s="9">
        <v>485</v>
      </c>
      <c r="L30224" s="6" t="s">
        <v>10</v>
      </c>
    </row>
    <row r="30225" spans="1:12">
      <c r="A30225" s="6" t="s">
        <v>31541</v>
      </c>
      <c r="B30225" s="6"/>
      <c r="C30225" s="6" t="s">
        <v>31544</v>
      </c>
      <c r="D30225" s="6"/>
      <c r="E30225" s="6" t="s">
        <v>18740</v>
      </c>
      <c r="F30225" s="7">
        <v>38657</v>
      </c>
      <c r="G30225" s="8">
        <v>2691000</v>
      </c>
      <c r="H30225" s="8">
        <v>2691000</v>
      </c>
      <c r="I30225" s="8">
        <v>0</v>
      </c>
      <c r="J30225" s="8">
        <v>2691000</v>
      </c>
      <c r="K30225" s="9">
        <v>299</v>
      </c>
      <c r="L30225" s="6" t="s">
        <v>10</v>
      </c>
    </row>
    <row r="30226" spans="1:12">
      <c r="A30226" s="6" t="s">
        <v>31541</v>
      </c>
      <c r="B30226" s="6"/>
      <c r="C30226" s="6" t="s">
        <v>31545</v>
      </c>
      <c r="D30226" s="6"/>
      <c r="E30226" s="6" t="s">
        <v>18740</v>
      </c>
      <c r="F30226" s="7">
        <v>38657</v>
      </c>
      <c r="G30226" s="8">
        <v>4365000</v>
      </c>
      <c r="H30226" s="8">
        <v>4365000</v>
      </c>
      <c r="I30226" s="8">
        <v>0</v>
      </c>
      <c r="J30226" s="8">
        <v>4365000</v>
      </c>
      <c r="K30226" s="9">
        <v>485</v>
      </c>
      <c r="L30226" s="6" t="s">
        <v>10</v>
      </c>
    </row>
    <row r="30227" spans="1:12">
      <c r="A30227" s="6" t="s">
        <v>31546</v>
      </c>
      <c r="B30227" s="6"/>
      <c r="C30227" s="6" t="s">
        <v>31547</v>
      </c>
      <c r="D30227" s="6"/>
      <c r="E30227" s="6" t="s">
        <v>18740</v>
      </c>
      <c r="F30227" s="7">
        <v>38657</v>
      </c>
      <c r="G30227" s="8">
        <v>81360</v>
      </c>
      <c r="H30227" s="8">
        <v>81360</v>
      </c>
      <c r="I30227" s="8">
        <v>0</v>
      </c>
      <c r="J30227" s="8">
        <v>81360</v>
      </c>
      <c r="K30227" s="9">
        <v>9.0399999999999903</v>
      </c>
      <c r="L30227" s="6" t="s">
        <v>10</v>
      </c>
    </row>
    <row r="30228" spans="1:12">
      <c r="A30228" s="6" t="s">
        <v>31546</v>
      </c>
      <c r="B30228" s="6"/>
      <c r="C30228" s="6" t="s">
        <v>31548</v>
      </c>
      <c r="D30228" s="6"/>
      <c r="E30228" s="6" t="s">
        <v>18740</v>
      </c>
      <c r="F30228" s="7">
        <v>38657</v>
      </c>
      <c r="G30228" s="8">
        <v>32850</v>
      </c>
      <c r="H30228" s="8">
        <v>32850</v>
      </c>
      <c r="I30228" s="8">
        <v>0</v>
      </c>
      <c r="J30228" s="8">
        <v>32850</v>
      </c>
      <c r="K30228" s="9">
        <v>3.65</v>
      </c>
      <c r="L30228" s="6" t="s">
        <v>10</v>
      </c>
    </row>
    <row r="30229" spans="1:12">
      <c r="A30229" s="6" t="s">
        <v>31546</v>
      </c>
      <c r="B30229" s="6"/>
      <c r="C30229" s="6" t="s">
        <v>31549</v>
      </c>
      <c r="D30229" s="6"/>
      <c r="E30229" s="6" t="s">
        <v>18740</v>
      </c>
      <c r="F30229" s="7">
        <v>38657</v>
      </c>
      <c r="G30229" s="8">
        <v>45900</v>
      </c>
      <c r="H30229" s="8">
        <v>45900</v>
      </c>
      <c r="I30229" s="8">
        <v>0</v>
      </c>
      <c r="J30229" s="8">
        <v>45900</v>
      </c>
      <c r="K30229" s="9">
        <v>5.0999999999999899</v>
      </c>
      <c r="L30229" s="6" t="s">
        <v>10</v>
      </c>
    </row>
    <row r="30230" spans="1:12">
      <c r="A30230" s="6" t="s">
        <v>31546</v>
      </c>
      <c r="B30230" s="6"/>
      <c r="C30230" s="6" t="s">
        <v>31550</v>
      </c>
      <c r="D30230" s="6"/>
      <c r="E30230" s="6" t="s">
        <v>18740</v>
      </c>
      <c r="F30230" s="7">
        <v>38657</v>
      </c>
      <c r="G30230" s="8">
        <v>171000</v>
      </c>
      <c r="H30230" s="8">
        <v>171000</v>
      </c>
      <c r="I30230" s="8">
        <v>0</v>
      </c>
      <c r="J30230" s="8">
        <v>171000</v>
      </c>
      <c r="K30230" s="9">
        <v>19</v>
      </c>
      <c r="L30230" s="6" t="s">
        <v>10</v>
      </c>
    </row>
    <row r="30231" spans="1:12">
      <c r="A30231" s="6" t="s">
        <v>31551</v>
      </c>
      <c r="B30231" s="6"/>
      <c r="C30231" s="6" t="s">
        <v>31552</v>
      </c>
      <c r="D30231" s="6"/>
      <c r="E30231" s="6" t="s">
        <v>9</v>
      </c>
      <c r="F30231" s="7">
        <v>38657</v>
      </c>
      <c r="G30231" s="8">
        <v>224386800</v>
      </c>
      <c r="H30231" s="8">
        <v>224386800</v>
      </c>
      <c r="I30231" s="8">
        <v>0</v>
      </c>
      <c r="J30231" s="8">
        <v>224386800</v>
      </c>
      <c r="K30231" s="9">
        <v>5874</v>
      </c>
      <c r="L30231" s="6" t="s">
        <v>10</v>
      </c>
    </row>
    <row r="30232" spans="1:12">
      <c r="A30232" s="6" t="s">
        <v>31553</v>
      </c>
      <c r="B30232" s="6"/>
      <c r="C30232" s="6" t="s">
        <v>31554</v>
      </c>
      <c r="D30232" s="6"/>
      <c r="E30232" s="6" t="s">
        <v>18740</v>
      </c>
      <c r="F30232" s="7">
        <v>38657</v>
      </c>
      <c r="G30232" s="8">
        <v>117576</v>
      </c>
      <c r="H30232" s="8">
        <v>117576</v>
      </c>
      <c r="I30232" s="8">
        <v>0</v>
      </c>
      <c r="J30232" s="8">
        <v>117576</v>
      </c>
      <c r="K30232" s="9">
        <v>23</v>
      </c>
      <c r="L30232" s="6" t="s">
        <v>23</v>
      </c>
    </row>
    <row r="30233" spans="1:12">
      <c r="A30233" s="6" t="s">
        <v>31555</v>
      </c>
      <c r="B30233" s="6"/>
      <c r="C30233" s="6" t="s">
        <v>31556</v>
      </c>
      <c r="D30233" s="6"/>
      <c r="E30233" s="6" t="s">
        <v>18740</v>
      </c>
      <c r="F30233" s="7">
        <v>38657</v>
      </c>
      <c r="G30233" s="8">
        <v>143136</v>
      </c>
      <c r="H30233" s="8">
        <v>143136</v>
      </c>
      <c r="I30233" s="8">
        <v>0</v>
      </c>
      <c r="J30233" s="8">
        <v>143136</v>
      </c>
      <c r="K30233" s="9">
        <v>28</v>
      </c>
      <c r="L30233" s="6" t="s">
        <v>23</v>
      </c>
    </row>
    <row r="30234" spans="1:12">
      <c r="A30234" s="6" t="s">
        <v>31557</v>
      </c>
      <c r="B30234" s="6"/>
      <c r="C30234" s="6" t="s">
        <v>31558</v>
      </c>
      <c r="D30234" s="6"/>
      <c r="E30234" s="6" t="s">
        <v>18740</v>
      </c>
      <c r="F30234" s="7">
        <v>38657</v>
      </c>
      <c r="G30234" s="8">
        <v>16869</v>
      </c>
      <c r="H30234" s="8">
        <v>16869</v>
      </c>
      <c r="I30234" s="8">
        <v>0</v>
      </c>
      <c r="J30234" s="8">
        <v>16869</v>
      </c>
      <c r="K30234" s="9">
        <v>3.3</v>
      </c>
      <c r="L30234" s="6" t="s">
        <v>23</v>
      </c>
    </row>
    <row r="30235" spans="1:12">
      <c r="A30235" s="6" t="s">
        <v>31559</v>
      </c>
      <c r="B30235" s="6"/>
      <c r="C30235" s="6" t="s">
        <v>31560</v>
      </c>
      <c r="D30235" s="6"/>
      <c r="E30235" s="6" t="s">
        <v>18740</v>
      </c>
      <c r="F30235" s="7">
        <v>38657</v>
      </c>
      <c r="G30235" s="8">
        <v>56232</v>
      </c>
      <c r="H30235" s="8">
        <v>56232</v>
      </c>
      <c r="I30235" s="8">
        <v>0</v>
      </c>
      <c r="J30235" s="8">
        <v>56232</v>
      </c>
      <c r="K30235" s="9">
        <v>11</v>
      </c>
      <c r="L30235" s="6" t="s">
        <v>23</v>
      </c>
    </row>
    <row r="30236" spans="1:12">
      <c r="A30236" s="6" t="s">
        <v>31559</v>
      </c>
      <c r="B30236" s="6"/>
      <c r="C30236" s="6" t="s">
        <v>31561</v>
      </c>
      <c r="D30236" s="6"/>
      <c r="E30236" s="6" t="s">
        <v>18740</v>
      </c>
      <c r="F30236" s="7">
        <v>38657</v>
      </c>
      <c r="G30236" s="8">
        <v>56232</v>
      </c>
      <c r="H30236" s="8">
        <v>56232</v>
      </c>
      <c r="I30236" s="8">
        <v>0</v>
      </c>
      <c r="J30236" s="8">
        <v>56232</v>
      </c>
      <c r="K30236" s="9">
        <v>11</v>
      </c>
      <c r="L30236" s="6" t="s">
        <v>23</v>
      </c>
    </row>
    <row r="30237" spans="1:12">
      <c r="A30237" s="6" t="s">
        <v>31562</v>
      </c>
      <c r="B30237" s="6"/>
      <c r="C30237" s="6" t="s">
        <v>31563</v>
      </c>
      <c r="D30237" s="6"/>
      <c r="E30237" s="6" t="s">
        <v>18740</v>
      </c>
      <c r="F30237" s="7">
        <v>38657</v>
      </c>
      <c r="G30237" s="8">
        <v>347616</v>
      </c>
      <c r="H30237" s="8">
        <v>347616</v>
      </c>
      <c r="I30237" s="8">
        <v>0</v>
      </c>
      <c r="J30237" s="8">
        <v>347616</v>
      </c>
      <c r="K30237" s="9">
        <v>68</v>
      </c>
      <c r="L30237" s="6" t="s">
        <v>23</v>
      </c>
    </row>
    <row r="30238" spans="1:12">
      <c r="A30238" s="6" t="s">
        <v>31564</v>
      </c>
      <c r="B30238" s="6"/>
      <c r="C30238" s="6" t="s">
        <v>31565</v>
      </c>
      <c r="D30238" s="6"/>
      <c r="E30238" s="6" t="s">
        <v>18740</v>
      </c>
      <c r="F30238" s="7">
        <v>38657</v>
      </c>
      <c r="G30238" s="8">
        <v>51120</v>
      </c>
      <c r="H30238" s="8">
        <v>51120</v>
      </c>
      <c r="I30238" s="8">
        <v>0</v>
      </c>
      <c r="J30238" s="8">
        <v>51120</v>
      </c>
      <c r="K30238" s="9">
        <v>10</v>
      </c>
      <c r="L30238" s="6" t="s">
        <v>23</v>
      </c>
    </row>
    <row r="30239" spans="1:12">
      <c r="A30239" s="6" t="s">
        <v>31566</v>
      </c>
      <c r="B30239" s="6"/>
      <c r="C30239" s="6" t="s">
        <v>31567</v>
      </c>
      <c r="D30239" s="6"/>
      <c r="E30239" s="6" t="s">
        <v>18740</v>
      </c>
      <c r="F30239" s="7">
        <v>38657</v>
      </c>
      <c r="G30239" s="8">
        <v>4730400</v>
      </c>
      <c r="H30239" s="8">
        <v>4730400</v>
      </c>
      <c r="I30239" s="8">
        <v>0</v>
      </c>
      <c r="J30239" s="8">
        <v>4730400</v>
      </c>
      <c r="K30239" s="9">
        <v>648</v>
      </c>
      <c r="L30239" s="6" t="s">
        <v>10</v>
      </c>
    </row>
    <row r="30240" spans="1:12">
      <c r="A30240" s="6" t="s">
        <v>31566</v>
      </c>
      <c r="B30240" s="6"/>
      <c r="C30240" s="6" t="s">
        <v>31568</v>
      </c>
      <c r="D30240" s="6"/>
      <c r="E30240" s="6" t="s">
        <v>18740</v>
      </c>
      <c r="F30240" s="7">
        <v>38657</v>
      </c>
      <c r="G30240" s="8">
        <v>6869300</v>
      </c>
      <c r="H30240" s="8">
        <v>6869300</v>
      </c>
      <c r="I30240" s="8">
        <v>0</v>
      </c>
      <c r="J30240" s="8">
        <v>6869300</v>
      </c>
      <c r="K30240" s="9">
        <v>941</v>
      </c>
      <c r="L30240" s="6" t="s">
        <v>10</v>
      </c>
    </row>
    <row r="30241" spans="1:12">
      <c r="A30241" s="6" t="s">
        <v>31569</v>
      </c>
      <c r="B30241" s="6"/>
      <c r="C30241" s="6" t="s">
        <v>31570</v>
      </c>
      <c r="D30241" s="6"/>
      <c r="E30241" s="6" t="s">
        <v>18740</v>
      </c>
      <c r="F30241" s="7">
        <v>38657</v>
      </c>
      <c r="G30241" s="8">
        <v>270936</v>
      </c>
      <c r="H30241" s="8">
        <v>270936</v>
      </c>
      <c r="I30241" s="8">
        <v>0</v>
      </c>
      <c r="J30241" s="8">
        <v>270936</v>
      </c>
      <c r="K30241" s="9">
        <v>53</v>
      </c>
      <c r="L30241" s="6" t="s">
        <v>23</v>
      </c>
    </row>
    <row r="30242" spans="1:12">
      <c r="A30242" s="6" t="s">
        <v>31571</v>
      </c>
      <c r="B30242" s="6"/>
      <c r="C30242" s="6" t="s">
        <v>31572</v>
      </c>
      <c r="D30242" s="6"/>
      <c r="E30242" s="6" t="s">
        <v>18740</v>
      </c>
      <c r="F30242" s="7">
        <v>38657</v>
      </c>
      <c r="G30242" s="8">
        <v>158472</v>
      </c>
      <c r="H30242" s="8">
        <v>158472</v>
      </c>
      <c r="I30242" s="8">
        <v>0</v>
      </c>
      <c r="J30242" s="8">
        <v>158472</v>
      </c>
      <c r="K30242" s="9">
        <v>31</v>
      </c>
      <c r="L30242" s="6" t="s">
        <v>23</v>
      </c>
    </row>
    <row r="30243" spans="1:12">
      <c r="A30243" s="6" t="s">
        <v>31573</v>
      </c>
      <c r="B30243" s="6"/>
      <c r="C30243" s="6" t="s">
        <v>31574</v>
      </c>
      <c r="D30243" s="6"/>
      <c r="E30243" s="6" t="s">
        <v>18740</v>
      </c>
      <c r="F30243" s="7">
        <v>38657</v>
      </c>
      <c r="G30243" s="8">
        <v>24090</v>
      </c>
      <c r="H30243" s="8">
        <v>24090</v>
      </c>
      <c r="I30243" s="8">
        <v>0</v>
      </c>
      <c r="J30243" s="8">
        <v>24090</v>
      </c>
      <c r="K30243" s="9">
        <v>3.3</v>
      </c>
      <c r="L30243" s="6" t="s">
        <v>10</v>
      </c>
    </row>
    <row r="30244" spans="1:12">
      <c r="A30244" s="6" t="s">
        <v>31575</v>
      </c>
      <c r="B30244" s="6"/>
      <c r="C30244" s="6" t="s">
        <v>31576</v>
      </c>
      <c r="D30244" s="6"/>
      <c r="E30244" s="6" t="s">
        <v>18740</v>
      </c>
      <c r="F30244" s="7">
        <v>38657</v>
      </c>
      <c r="G30244" s="8">
        <v>158472</v>
      </c>
      <c r="H30244" s="8">
        <v>158472</v>
      </c>
      <c r="I30244" s="8">
        <v>0</v>
      </c>
      <c r="J30244" s="8">
        <v>158472</v>
      </c>
      <c r="K30244" s="9">
        <v>31</v>
      </c>
      <c r="L30244" s="6" t="s">
        <v>23</v>
      </c>
    </row>
    <row r="30245" spans="1:12">
      <c r="A30245" s="6" t="s">
        <v>31577</v>
      </c>
      <c r="B30245" s="6"/>
      <c r="C30245" s="6" t="s">
        <v>31578</v>
      </c>
      <c r="D30245" s="6"/>
      <c r="E30245" s="6" t="s">
        <v>18740</v>
      </c>
      <c r="F30245" s="7">
        <v>38657</v>
      </c>
      <c r="G30245" s="8">
        <v>168696</v>
      </c>
      <c r="H30245" s="8">
        <v>168696</v>
      </c>
      <c r="I30245" s="8">
        <v>0</v>
      </c>
      <c r="J30245" s="8">
        <v>168696</v>
      </c>
      <c r="K30245" s="9">
        <v>33</v>
      </c>
      <c r="L30245" s="6" t="s">
        <v>23</v>
      </c>
    </row>
    <row r="30246" spans="1:12">
      <c r="A30246" s="6" t="s">
        <v>31579</v>
      </c>
      <c r="B30246" s="6"/>
      <c r="C30246" s="6" t="s">
        <v>31580</v>
      </c>
      <c r="D30246" s="6"/>
      <c r="E30246" s="6" t="s">
        <v>18740</v>
      </c>
      <c r="F30246" s="7">
        <v>38657</v>
      </c>
      <c r="G30246" s="8">
        <v>41026</v>
      </c>
      <c r="H30246" s="8">
        <v>41026</v>
      </c>
      <c r="I30246" s="8">
        <v>0</v>
      </c>
      <c r="J30246" s="8">
        <v>41026</v>
      </c>
      <c r="K30246" s="9">
        <v>5.62</v>
      </c>
      <c r="L30246" s="6" t="s">
        <v>10</v>
      </c>
    </row>
    <row r="30247" spans="1:12">
      <c r="A30247" s="6" t="s">
        <v>31579</v>
      </c>
      <c r="B30247" s="6"/>
      <c r="C30247" s="6" t="s">
        <v>31581</v>
      </c>
      <c r="D30247" s="6"/>
      <c r="E30247" s="6" t="s">
        <v>18740</v>
      </c>
      <c r="F30247" s="7">
        <v>38657</v>
      </c>
      <c r="G30247" s="8">
        <v>146000</v>
      </c>
      <c r="H30247" s="8">
        <v>146000</v>
      </c>
      <c r="I30247" s="8">
        <v>0</v>
      </c>
      <c r="J30247" s="8">
        <v>146000</v>
      </c>
      <c r="K30247" s="9">
        <v>20</v>
      </c>
      <c r="L30247" s="6" t="s">
        <v>10</v>
      </c>
    </row>
    <row r="30248" spans="1:12">
      <c r="A30248" s="6" t="s">
        <v>31582</v>
      </c>
      <c r="B30248" s="6"/>
      <c r="C30248" s="6" t="s">
        <v>31583</v>
      </c>
      <c r="D30248" s="6"/>
      <c r="E30248" s="6" t="s">
        <v>18740</v>
      </c>
      <c r="F30248" s="7">
        <v>38657</v>
      </c>
      <c r="G30248" s="8">
        <v>189297</v>
      </c>
      <c r="H30248" s="8">
        <v>189297</v>
      </c>
      <c r="I30248" s="8">
        <v>0</v>
      </c>
      <c r="J30248" s="8">
        <v>189297</v>
      </c>
      <c r="K30248" s="9">
        <v>37.03</v>
      </c>
      <c r="L30248" s="6" t="s">
        <v>23</v>
      </c>
    </row>
    <row r="30249" spans="1:12">
      <c r="A30249" s="6" t="s">
        <v>31584</v>
      </c>
      <c r="B30249" s="6"/>
      <c r="C30249" s="6" t="s">
        <v>31585</v>
      </c>
      <c r="D30249" s="6"/>
      <c r="E30249" s="6" t="s">
        <v>18740</v>
      </c>
      <c r="F30249" s="7">
        <v>38657</v>
      </c>
      <c r="G30249" s="8">
        <v>132912</v>
      </c>
      <c r="H30249" s="8">
        <v>132912</v>
      </c>
      <c r="I30249" s="8">
        <v>0</v>
      </c>
      <c r="J30249" s="8">
        <v>132912</v>
      </c>
      <c r="K30249" s="9">
        <v>26</v>
      </c>
      <c r="L30249" s="6" t="s">
        <v>23</v>
      </c>
    </row>
    <row r="30250" spans="1:12">
      <c r="A30250" s="6" t="s">
        <v>31586</v>
      </c>
      <c r="B30250" s="6"/>
      <c r="C30250" s="6" t="s">
        <v>31587</v>
      </c>
      <c r="D30250" s="6"/>
      <c r="E30250" s="6" t="s">
        <v>18740</v>
      </c>
      <c r="F30250" s="7">
        <v>38657</v>
      </c>
      <c r="G30250" s="8">
        <v>148248</v>
      </c>
      <c r="H30250" s="8">
        <v>148248</v>
      </c>
      <c r="I30250" s="8">
        <v>0</v>
      </c>
      <c r="J30250" s="8">
        <v>148248</v>
      </c>
      <c r="K30250" s="9">
        <v>29</v>
      </c>
      <c r="L30250" s="6" t="s">
        <v>23</v>
      </c>
    </row>
    <row r="30251" spans="1:12">
      <c r="A30251" s="6" t="s">
        <v>31588</v>
      </c>
      <c r="B30251" s="6"/>
      <c r="C30251" s="6" t="s">
        <v>31589</v>
      </c>
      <c r="D30251" s="6"/>
      <c r="E30251" s="6" t="s">
        <v>18740</v>
      </c>
      <c r="F30251" s="7">
        <v>38657</v>
      </c>
      <c r="G30251" s="8">
        <v>347616</v>
      </c>
      <c r="H30251" s="8">
        <v>347616</v>
      </c>
      <c r="I30251" s="8">
        <v>0</v>
      </c>
      <c r="J30251" s="8">
        <v>347616</v>
      </c>
      <c r="K30251" s="9">
        <v>68</v>
      </c>
      <c r="L30251" s="6" t="s">
        <v>23</v>
      </c>
    </row>
    <row r="30252" spans="1:12">
      <c r="A30252" s="6" t="s">
        <v>31588</v>
      </c>
      <c r="B30252" s="6"/>
      <c r="C30252" s="6" t="s">
        <v>31590</v>
      </c>
      <c r="D30252" s="6"/>
      <c r="E30252" s="6" t="s">
        <v>18740</v>
      </c>
      <c r="F30252" s="7">
        <v>38657</v>
      </c>
      <c r="G30252" s="8">
        <v>194256</v>
      </c>
      <c r="H30252" s="8">
        <v>194256</v>
      </c>
      <c r="I30252" s="8">
        <v>0</v>
      </c>
      <c r="J30252" s="8">
        <v>194256</v>
      </c>
      <c r="K30252" s="9">
        <v>38</v>
      </c>
      <c r="L30252" s="6" t="s">
        <v>23</v>
      </c>
    </row>
    <row r="30253" spans="1:12">
      <c r="A30253" s="6" t="s">
        <v>31588</v>
      </c>
      <c r="B30253" s="6"/>
      <c r="C30253" s="6" t="s">
        <v>31591</v>
      </c>
      <c r="D30253" s="6"/>
      <c r="E30253" s="6" t="s">
        <v>18740</v>
      </c>
      <c r="F30253" s="7">
        <v>38657</v>
      </c>
      <c r="G30253" s="8">
        <v>194256</v>
      </c>
      <c r="H30253" s="8">
        <v>194256</v>
      </c>
      <c r="I30253" s="8">
        <v>0</v>
      </c>
      <c r="J30253" s="8">
        <v>194256</v>
      </c>
      <c r="K30253" s="9">
        <v>38</v>
      </c>
      <c r="L30253" s="6" t="s">
        <v>23</v>
      </c>
    </row>
    <row r="30254" spans="1:12">
      <c r="A30254" s="6" t="s">
        <v>31592</v>
      </c>
      <c r="B30254" s="6"/>
      <c r="C30254" s="6" t="s">
        <v>31593</v>
      </c>
      <c r="D30254" s="6"/>
      <c r="E30254" s="6" t="s">
        <v>18740</v>
      </c>
      <c r="F30254" s="7">
        <v>38657</v>
      </c>
      <c r="G30254" s="8">
        <v>27758</v>
      </c>
      <c r="H30254" s="8">
        <v>27758</v>
      </c>
      <c r="I30254" s="8">
        <v>0</v>
      </c>
      <c r="J30254" s="8">
        <v>27758</v>
      </c>
      <c r="K30254" s="9">
        <v>5.43</v>
      </c>
      <c r="L30254" s="6" t="s">
        <v>23</v>
      </c>
    </row>
    <row r="30255" spans="1:12">
      <c r="A30255" s="6" t="s">
        <v>31594</v>
      </c>
      <c r="B30255" s="6"/>
      <c r="C30255" s="6" t="s">
        <v>31595</v>
      </c>
      <c r="D30255" s="6"/>
      <c r="E30255" s="6" t="s">
        <v>18740</v>
      </c>
      <c r="F30255" s="7">
        <v>32233</v>
      </c>
      <c r="G30255" s="8">
        <v>1</v>
      </c>
      <c r="H30255" s="8">
        <v>1</v>
      </c>
      <c r="I30255" s="8">
        <v>0</v>
      </c>
      <c r="J30255" s="8">
        <v>1</v>
      </c>
      <c r="K30255" s="9">
        <v>2259</v>
      </c>
      <c r="L30255" s="6" t="s">
        <v>16860</v>
      </c>
    </row>
    <row r="30256" spans="1:12">
      <c r="A30256" s="6" t="s">
        <v>31596</v>
      </c>
      <c r="B30256" s="6"/>
      <c r="C30256" s="6" t="s">
        <v>31597</v>
      </c>
      <c r="D30256" s="6"/>
      <c r="E30256" s="6" t="s">
        <v>18740</v>
      </c>
      <c r="F30256" s="7">
        <v>38657</v>
      </c>
      <c r="G30256" s="8">
        <v>383400</v>
      </c>
      <c r="H30256" s="8">
        <v>383400</v>
      </c>
      <c r="I30256" s="8">
        <v>0</v>
      </c>
      <c r="J30256" s="8">
        <v>383400</v>
      </c>
      <c r="K30256" s="9">
        <v>75</v>
      </c>
      <c r="L30256" s="6" t="s">
        <v>23</v>
      </c>
    </row>
    <row r="30257" spans="1:12">
      <c r="A30257" s="6" t="s">
        <v>31598</v>
      </c>
      <c r="B30257" s="6"/>
      <c r="C30257" s="6" t="s">
        <v>31599</v>
      </c>
      <c r="D30257" s="6"/>
      <c r="E30257" s="6" t="s">
        <v>18740</v>
      </c>
      <c r="F30257" s="7">
        <v>38657</v>
      </c>
      <c r="G30257" s="8">
        <v>50250</v>
      </c>
      <c r="H30257" s="8">
        <v>50250</v>
      </c>
      <c r="I30257" s="8">
        <v>0</v>
      </c>
      <c r="J30257" s="8">
        <v>50250</v>
      </c>
      <c r="K30257" s="9">
        <v>9.83</v>
      </c>
      <c r="L30257" s="6" t="s">
        <v>23</v>
      </c>
    </row>
    <row r="30258" spans="1:12">
      <c r="A30258" s="6" t="s">
        <v>31598</v>
      </c>
      <c r="B30258" s="6"/>
      <c r="C30258" s="6" t="s">
        <v>31600</v>
      </c>
      <c r="D30258" s="6"/>
      <c r="E30258" s="6" t="s">
        <v>18740</v>
      </c>
      <c r="F30258" s="7">
        <v>38657</v>
      </c>
      <c r="G30258" s="8">
        <v>930384</v>
      </c>
      <c r="H30258" s="8">
        <v>930384</v>
      </c>
      <c r="I30258" s="8">
        <v>0</v>
      </c>
      <c r="J30258" s="8">
        <v>930384</v>
      </c>
      <c r="K30258" s="9">
        <v>182</v>
      </c>
      <c r="L30258" s="6" t="s">
        <v>23</v>
      </c>
    </row>
    <row r="30259" spans="1:12">
      <c r="A30259" s="6" t="s">
        <v>31598</v>
      </c>
      <c r="B30259" s="6"/>
      <c r="C30259" s="6" t="s">
        <v>31601</v>
      </c>
      <c r="D30259" s="6"/>
      <c r="E30259" s="6" t="s">
        <v>18740</v>
      </c>
      <c r="F30259" s="7">
        <v>38657</v>
      </c>
      <c r="G30259" s="8">
        <v>43656</v>
      </c>
      <c r="H30259" s="8">
        <v>43656</v>
      </c>
      <c r="I30259" s="8">
        <v>0</v>
      </c>
      <c r="J30259" s="8">
        <v>43656</v>
      </c>
      <c r="K30259" s="9">
        <v>8.5399999999999903</v>
      </c>
      <c r="L30259" s="6" t="s">
        <v>23</v>
      </c>
    </row>
    <row r="30260" spans="1:12">
      <c r="A30260" s="6" t="s">
        <v>31598</v>
      </c>
      <c r="B30260" s="6"/>
      <c r="C30260" s="6" t="s">
        <v>31602</v>
      </c>
      <c r="D30260" s="6"/>
      <c r="E30260" s="6" t="s">
        <v>18740</v>
      </c>
      <c r="F30260" s="7">
        <v>38657</v>
      </c>
      <c r="G30260" s="8">
        <v>403848</v>
      </c>
      <c r="H30260" s="8">
        <v>403848</v>
      </c>
      <c r="I30260" s="8">
        <v>0</v>
      </c>
      <c r="J30260" s="8">
        <v>403848</v>
      </c>
      <c r="K30260" s="9">
        <v>79</v>
      </c>
      <c r="L30260" s="6" t="s">
        <v>23</v>
      </c>
    </row>
    <row r="30261" spans="1:12">
      <c r="A30261" s="6" t="s">
        <v>31598</v>
      </c>
      <c r="B30261" s="6"/>
      <c r="C30261" s="6" t="s">
        <v>31603</v>
      </c>
      <c r="D30261" s="6"/>
      <c r="E30261" s="6" t="s">
        <v>18740</v>
      </c>
      <c r="F30261" s="7">
        <v>38657</v>
      </c>
      <c r="G30261" s="8">
        <v>470304</v>
      </c>
      <c r="H30261" s="8">
        <v>470304</v>
      </c>
      <c r="I30261" s="8">
        <v>0</v>
      </c>
      <c r="J30261" s="8">
        <v>470304</v>
      </c>
      <c r="K30261" s="9">
        <v>92</v>
      </c>
      <c r="L30261" s="6" t="s">
        <v>23</v>
      </c>
    </row>
    <row r="30262" spans="1:12">
      <c r="A30262" s="6" t="s">
        <v>31598</v>
      </c>
      <c r="B30262" s="6"/>
      <c r="C30262" s="6" t="s">
        <v>31604</v>
      </c>
      <c r="D30262" s="6"/>
      <c r="E30262" s="6" t="s">
        <v>18740</v>
      </c>
      <c r="F30262" s="7">
        <v>38657</v>
      </c>
      <c r="G30262" s="8">
        <v>10070</v>
      </c>
      <c r="H30262" s="8">
        <v>10070</v>
      </c>
      <c r="I30262" s="8">
        <v>0</v>
      </c>
      <c r="J30262" s="8">
        <v>10070</v>
      </c>
      <c r="K30262" s="9">
        <v>1.97</v>
      </c>
      <c r="L30262" s="6" t="s">
        <v>23</v>
      </c>
    </row>
    <row r="30263" spans="1:12">
      <c r="A30263" s="6" t="s">
        <v>31605</v>
      </c>
      <c r="B30263" s="6"/>
      <c r="C30263" s="6" t="s">
        <v>31606</v>
      </c>
      <c r="D30263" s="6"/>
      <c r="E30263" s="6" t="s">
        <v>25121</v>
      </c>
      <c r="F30263" s="7">
        <v>38657</v>
      </c>
      <c r="G30263" s="8">
        <v>14989736</v>
      </c>
      <c r="H30263" s="8">
        <v>14989736</v>
      </c>
      <c r="I30263" s="8">
        <v>0</v>
      </c>
      <c r="J30263" s="8">
        <v>14989736</v>
      </c>
      <c r="K30263" s="9">
        <v>421.06</v>
      </c>
      <c r="L30263" s="6" t="s">
        <v>10</v>
      </c>
    </row>
    <row r="30264" spans="1:12">
      <c r="A30264" s="6" t="s">
        <v>31607</v>
      </c>
      <c r="B30264" s="6"/>
      <c r="C30264" s="6" t="s">
        <v>31608</v>
      </c>
      <c r="D30264" s="6"/>
      <c r="E30264" s="6" t="s">
        <v>9</v>
      </c>
      <c r="F30264" s="7">
        <v>38657</v>
      </c>
      <c r="G30264" s="8">
        <v>7709100</v>
      </c>
      <c r="H30264" s="8">
        <v>7709100</v>
      </c>
      <c r="I30264" s="8">
        <v>0</v>
      </c>
      <c r="J30264" s="8">
        <v>7709100</v>
      </c>
      <c r="K30264" s="9">
        <v>513.94000000000005</v>
      </c>
      <c r="L30264" s="6" t="s">
        <v>10</v>
      </c>
    </row>
    <row r="30265" spans="1:12">
      <c r="A30265" s="6" t="s">
        <v>31607</v>
      </c>
      <c r="B30265" s="6"/>
      <c r="C30265" s="6" t="s">
        <v>31609</v>
      </c>
      <c r="D30265" s="6"/>
      <c r="E30265" s="6" t="s">
        <v>9</v>
      </c>
      <c r="F30265" s="7">
        <v>38657</v>
      </c>
      <c r="G30265" s="8">
        <v>854100</v>
      </c>
      <c r="H30265" s="8">
        <v>854100</v>
      </c>
      <c r="I30265" s="8">
        <v>0</v>
      </c>
      <c r="J30265" s="8">
        <v>854100</v>
      </c>
      <c r="K30265" s="9">
        <v>56.94</v>
      </c>
      <c r="L30265" s="6" t="s">
        <v>10</v>
      </c>
    </row>
    <row r="30266" spans="1:12">
      <c r="A30266" s="6" t="s">
        <v>31607</v>
      </c>
      <c r="B30266" s="6"/>
      <c r="C30266" s="6" t="s">
        <v>31610</v>
      </c>
      <c r="D30266" s="6"/>
      <c r="E30266" s="6" t="s">
        <v>9</v>
      </c>
      <c r="F30266" s="7">
        <v>38657</v>
      </c>
      <c r="G30266" s="8">
        <v>511050</v>
      </c>
      <c r="H30266" s="8">
        <v>511050</v>
      </c>
      <c r="I30266" s="8">
        <v>0</v>
      </c>
      <c r="J30266" s="8">
        <v>511050</v>
      </c>
      <c r="K30266" s="9">
        <v>34.07</v>
      </c>
      <c r="L30266" s="6" t="s">
        <v>10</v>
      </c>
    </row>
    <row r="30267" spans="1:12">
      <c r="A30267" s="6" t="s">
        <v>31607</v>
      </c>
      <c r="B30267" s="6"/>
      <c r="C30267" s="6" t="s">
        <v>31611</v>
      </c>
      <c r="D30267" s="6"/>
      <c r="E30267" s="6" t="s">
        <v>9</v>
      </c>
      <c r="F30267" s="7">
        <v>38657</v>
      </c>
      <c r="G30267" s="8">
        <v>509550</v>
      </c>
      <c r="H30267" s="8">
        <v>509550</v>
      </c>
      <c r="I30267" s="8">
        <v>0</v>
      </c>
      <c r="J30267" s="8">
        <v>509550</v>
      </c>
      <c r="K30267" s="9">
        <v>33.97</v>
      </c>
      <c r="L30267" s="6" t="s">
        <v>10</v>
      </c>
    </row>
    <row r="30268" spans="1:12">
      <c r="A30268" s="6" t="s">
        <v>31607</v>
      </c>
      <c r="B30268" s="6"/>
      <c r="C30268" s="6" t="s">
        <v>31612</v>
      </c>
      <c r="D30268" s="6"/>
      <c r="E30268" s="6" t="s">
        <v>9</v>
      </c>
      <c r="F30268" s="7">
        <v>38657</v>
      </c>
      <c r="G30268" s="8">
        <v>2447775</v>
      </c>
      <c r="H30268" s="8">
        <v>2447775</v>
      </c>
      <c r="I30268" s="8">
        <v>0</v>
      </c>
      <c r="J30268" s="8">
        <v>2447775</v>
      </c>
      <c r="K30268" s="9">
        <v>212.85</v>
      </c>
      <c r="L30268" s="6" t="s">
        <v>10</v>
      </c>
    </row>
    <row r="30269" spans="1:12">
      <c r="A30269" s="6" t="s">
        <v>31607</v>
      </c>
      <c r="B30269" s="6"/>
      <c r="C30269" s="6" t="s">
        <v>31613</v>
      </c>
      <c r="D30269" s="6"/>
      <c r="E30269" s="6" t="s">
        <v>9</v>
      </c>
      <c r="F30269" s="7">
        <v>40184</v>
      </c>
      <c r="G30269" s="8">
        <v>12743472</v>
      </c>
      <c r="H30269" s="8">
        <v>12743472</v>
      </c>
      <c r="I30269" s="8">
        <v>0</v>
      </c>
      <c r="J30269" s="8">
        <v>12743472</v>
      </c>
      <c r="K30269" s="9">
        <v>923.44</v>
      </c>
      <c r="L30269" s="6" t="s">
        <v>10</v>
      </c>
    </row>
    <row r="30270" spans="1:12">
      <c r="A30270" s="6" t="s">
        <v>31607</v>
      </c>
      <c r="B30270" s="6"/>
      <c r="C30270" s="6" t="s">
        <v>31614</v>
      </c>
      <c r="D30270" s="6"/>
      <c r="E30270" s="6" t="s">
        <v>9</v>
      </c>
      <c r="F30270" s="7">
        <v>38657</v>
      </c>
      <c r="G30270" s="8">
        <v>99820</v>
      </c>
      <c r="H30270" s="8">
        <v>99820</v>
      </c>
      <c r="I30270" s="8">
        <v>0</v>
      </c>
      <c r="J30270" s="8">
        <v>99820</v>
      </c>
      <c r="K30270" s="9">
        <v>8.68</v>
      </c>
      <c r="L30270" s="6" t="s">
        <v>10</v>
      </c>
    </row>
    <row r="30271" spans="1:12">
      <c r="A30271" s="6" t="s">
        <v>31607</v>
      </c>
      <c r="B30271" s="6"/>
      <c r="C30271" s="6" t="s">
        <v>31615</v>
      </c>
      <c r="D30271" s="6"/>
      <c r="E30271" s="6" t="s">
        <v>9</v>
      </c>
      <c r="F30271" s="7">
        <v>38657</v>
      </c>
      <c r="G30271" s="8">
        <v>80960</v>
      </c>
      <c r="H30271" s="8">
        <v>80960</v>
      </c>
      <c r="I30271" s="8">
        <v>0</v>
      </c>
      <c r="J30271" s="8">
        <v>80960</v>
      </c>
      <c r="K30271" s="9">
        <v>7.04</v>
      </c>
      <c r="L30271" s="6" t="s">
        <v>10</v>
      </c>
    </row>
    <row r="30272" spans="1:12">
      <c r="A30272" s="6" t="s">
        <v>31616</v>
      </c>
      <c r="B30272" s="6"/>
      <c r="C30272" s="6" t="s">
        <v>31617</v>
      </c>
      <c r="D30272" s="6"/>
      <c r="E30272" s="6" t="s">
        <v>18740</v>
      </c>
      <c r="F30272" s="7">
        <v>38657</v>
      </c>
      <c r="G30272" s="8">
        <v>923000</v>
      </c>
      <c r="H30272" s="8">
        <v>923000</v>
      </c>
      <c r="I30272" s="8">
        <v>0</v>
      </c>
      <c r="J30272" s="8">
        <v>923000</v>
      </c>
      <c r="K30272" s="9">
        <v>71</v>
      </c>
      <c r="L30272" s="6" t="s">
        <v>10</v>
      </c>
    </row>
    <row r="30273" spans="1:12">
      <c r="A30273" s="6" t="s">
        <v>31618</v>
      </c>
      <c r="B30273" s="6"/>
      <c r="C30273" s="6" t="s">
        <v>31619</v>
      </c>
      <c r="D30273" s="6"/>
      <c r="E30273" s="6" t="s">
        <v>18740</v>
      </c>
      <c r="F30273" s="7">
        <v>38657</v>
      </c>
      <c r="G30273" s="8">
        <v>234000</v>
      </c>
      <c r="H30273" s="8">
        <v>234000</v>
      </c>
      <c r="I30273" s="8">
        <v>0</v>
      </c>
      <c r="J30273" s="8">
        <v>234000</v>
      </c>
      <c r="K30273" s="9">
        <v>18</v>
      </c>
      <c r="L30273" s="6" t="s">
        <v>10</v>
      </c>
    </row>
    <row r="30274" spans="1:12">
      <c r="A30274" s="6" t="s">
        <v>31620</v>
      </c>
      <c r="B30274" s="6"/>
      <c r="C30274" s="6" t="s">
        <v>31621</v>
      </c>
      <c r="D30274" s="6"/>
      <c r="E30274" s="6" t="s">
        <v>18740</v>
      </c>
      <c r="F30274" s="7">
        <v>38657</v>
      </c>
      <c r="G30274" s="8">
        <v>32205</v>
      </c>
      <c r="H30274" s="8">
        <v>32205</v>
      </c>
      <c r="I30274" s="8">
        <v>0</v>
      </c>
      <c r="J30274" s="8">
        <v>32205</v>
      </c>
      <c r="K30274" s="9">
        <v>6.3</v>
      </c>
      <c r="L30274" s="6" t="s">
        <v>23</v>
      </c>
    </row>
    <row r="30275" spans="1:12">
      <c r="A30275" s="6" t="s">
        <v>31622</v>
      </c>
      <c r="B30275" s="6"/>
      <c r="C30275" s="6" t="s">
        <v>31623</v>
      </c>
      <c r="D30275" s="6"/>
      <c r="E30275" s="6" t="s">
        <v>18740</v>
      </c>
      <c r="F30275" s="7">
        <v>38657</v>
      </c>
      <c r="G30275" s="8">
        <v>214704</v>
      </c>
      <c r="H30275" s="8">
        <v>214704</v>
      </c>
      <c r="I30275" s="8">
        <v>0</v>
      </c>
      <c r="J30275" s="8">
        <v>214704</v>
      </c>
      <c r="K30275" s="9">
        <v>42</v>
      </c>
      <c r="L30275" s="6" t="s">
        <v>23</v>
      </c>
    </row>
    <row r="30276" spans="1:12">
      <c r="A30276" s="6" t="s">
        <v>31622</v>
      </c>
      <c r="B30276" s="6"/>
      <c r="C30276" s="6" t="s">
        <v>31624</v>
      </c>
      <c r="D30276" s="6"/>
      <c r="E30276" s="6" t="s">
        <v>18740</v>
      </c>
      <c r="F30276" s="7">
        <v>38657</v>
      </c>
      <c r="G30276" s="8">
        <v>731016</v>
      </c>
      <c r="H30276" s="8">
        <v>731016</v>
      </c>
      <c r="I30276" s="8">
        <v>0</v>
      </c>
      <c r="J30276" s="8">
        <v>731016</v>
      </c>
      <c r="K30276" s="9">
        <v>143</v>
      </c>
      <c r="L30276" s="6" t="s">
        <v>23</v>
      </c>
    </row>
    <row r="30277" spans="1:12">
      <c r="A30277" s="6" t="s">
        <v>31622</v>
      </c>
      <c r="B30277" s="6"/>
      <c r="C30277" s="6" t="s">
        <v>31625</v>
      </c>
      <c r="D30277" s="6"/>
      <c r="E30277" s="6" t="s">
        <v>18740</v>
      </c>
      <c r="F30277" s="7">
        <v>38657</v>
      </c>
      <c r="G30277" s="8">
        <v>592992</v>
      </c>
      <c r="H30277" s="8">
        <v>592992</v>
      </c>
      <c r="I30277" s="8">
        <v>0</v>
      </c>
      <c r="J30277" s="8">
        <v>592992</v>
      </c>
      <c r="K30277" s="9">
        <v>116</v>
      </c>
      <c r="L30277" s="6" t="s">
        <v>23</v>
      </c>
    </row>
    <row r="30278" spans="1:12">
      <c r="A30278" s="6" t="s">
        <v>31626</v>
      </c>
      <c r="B30278" s="6"/>
      <c r="C30278" s="6" t="s">
        <v>31627</v>
      </c>
      <c r="D30278" s="6"/>
      <c r="E30278" s="6" t="s">
        <v>18740</v>
      </c>
      <c r="F30278" s="7">
        <v>38657</v>
      </c>
      <c r="G30278" s="8">
        <v>736128</v>
      </c>
      <c r="H30278" s="8">
        <v>736128</v>
      </c>
      <c r="I30278" s="8">
        <v>0</v>
      </c>
      <c r="J30278" s="8">
        <v>736128</v>
      </c>
      <c r="K30278" s="9">
        <v>144</v>
      </c>
      <c r="L30278" s="6" t="s">
        <v>23</v>
      </c>
    </row>
    <row r="30279" spans="1:12">
      <c r="A30279" s="6" t="s">
        <v>31628</v>
      </c>
      <c r="B30279" s="6"/>
      <c r="C30279" s="6" t="s">
        <v>31629</v>
      </c>
      <c r="D30279" s="6"/>
      <c r="E30279" s="6" t="s">
        <v>18740</v>
      </c>
      <c r="F30279" s="7">
        <v>38657</v>
      </c>
      <c r="G30279" s="8">
        <v>51120</v>
      </c>
      <c r="H30279" s="8">
        <v>51120</v>
      </c>
      <c r="I30279" s="8">
        <v>0</v>
      </c>
      <c r="J30279" s="8">
        <v>51120</v>
      </c>
      <c r="K30279" s="9">
        <v>10</v>
      </c>
      <c r="L30279" s="6" t="s">
        <v>23</v>
      </c>
    </row>
    <row r="30280" spans="1:12">
      <c r="A30280" s="6" t="s">
        <v>31628</v>
      </c>
      <c r="B30280" s="6"/>
      <c r="C30280" s="6" t="s">
        <v>31630</v>
      </c>
      <c r="D30280" s="6"/>
      <c r="E30280" s="6" t="s">
        <v>18740</v>
      </c>
      <c r="F30280" s="7">
        <v>38657</v>
      </c>
      <c r="G30280" s="8">
        <v>18198</v>
      </c>
      <c r="H30280" s="8">
        <v>18198</v>
      </c>
      <c r="I30280" s="8">
        <v>0</v>
      </c>
      <c r="J30280" s="8">
        <v>18198</v>
      </c>
      <c r="K30280" s="9">
        <v>3.56</v>
      </c>
      <c r="L30280" s="6" t="s">
        <v>23</v>
      </c>
    </row>
    <row r="30281" spans="1:12">
      <c r="A30281" s="6" t="s">
        <v>31631</v>
      </c>
      <c r="B30281" s="6"/>
      <c r="C30281" s="6" t="s">
        <v>31632</v>
      </c>
      <c r="D30281" s="6"/>
      <c r="E30281" s="6" t="s">
        <v>18740</v>
      </c>
      <c r="F30281" s="7">
        <v>38657</v>
      </c>
      <c r="G30281" s="8">
        <v>945720</v>
      </c>
      <c r="H30281" s="8">
        <v>945720</v>
      </c>
      <c r="I30281" s="8">
        <v>0</v>
      </c>
      <c r="J30281" s="8">
        <v>945720</v>
      </c>
      <c r="K30281" s="9">
        <v>185</v>
      </c>
      <c r="L30281" s="6" t="s">
        <v>23</v>
      </c>
    </row>
    <row r="30282" spans="1:12">
      <c r="A30282" s="6" t="s">
        <v>31633</v>
      </c>
      <c r="B30282" s="6"/>
      <c r="C30282" s="6" t="s">
        <v>31634</v>
      </c>
      <c r="D30282" s="6"/>
      <c r="E30282" s="6" t="s">
        <v>18740</v>
      </c>
      <c r="F30282" s="7">
        <v>38657</v>
      </c>
      <c r="G30282" s="8">
        <v>429408</v>
      </c>
      <c r="H30282" s="8">
        <v>429408</v>
      </c>
      <c r="I30282" s="8">
        <v>0</v>
      </c>
      <c r="J30282" s="8">
        <v>429408</v>
      </c>
      <c r="K30282" s="9">
        <v>84</v>
      </c>
      <c r="L30282" s="6" t="s">
        <v>23</v>
      </c>
    </row>
    <row r="30283" spans="1:12">
      <c r="A30283" s="6" t="s">
        <v>31635</v>
      </c>
      <c r="B30283" s="6"/>
      <c r="C30283" s="6" t="s">
        <v>31636</v>
      </c>
      <c r="D30283" s="6"/>
      <c r="E30283" s="6" t="s">
        <v>18740</v>
      </c>
      <c r="F30283" s="7">
        <v>38657</v>
      </c>
      <c r="G30283" s="8">
        <v>14518</v>
      </c>
      <c r="H30283" s="8">
        <v>14518</v>
      </c>
      <c r="I30283" s="8">
        <v>0</v>
      </c>
      <c r="J30283" s="8">
        <v>14518</v>
      </c>
      <c r="K30283" s="9">
        <v>2.84</v>
      </c>
      <c r="L30283" s="6" t="s">
        <v>23</v>
      </c>
    </row>
    <row r="30284" spans="1:12">
      <c r="A30284" s="6" t="s">
        <v>31635</v>
      </c>
      <c r="B30284" s="6"/>
      <c r="C30284" s="6" t="s">
        <v>31637</v>
      </c>
      <c r="D30284" s="6"/>
      <c r="E30284" s="6" t="s">
        <v>18740</v>
      </c>
      <c r="F30284" s="7">
        <v>38657</v>
      </c>
      <c r="G30284" s="8">
        <v>13904</v>
      </c>
      <c r="H30284" s="8">
        <v>13904</v>
      </c>
      <c r="I30284" s="8">
        <v>0</v>
      </c>
      <c r="J30284" s="8">
        <v>13904</v>
      </c>
      <c r="K30284" s="9">
        <v>2.72</v>
      </c>
      <c r="L30284" s="6" t="s">
        <v>23</v>
      </c>
    </row>
    <row r="30285" spans="1:12">
      <c r="A30285" s="6" t="s">
        <v>31638</v>
      </c>
      <c r="B30285" s="6"/>
      <c r="C30285" s="6" t="s">
        <v>31639</v>
      </c>
      <c r="D30285" s="6"/>
      <c r="E30285" s="6" t="s">
        <v>18740</v>
      </c>
      <c r="F30285" s="7">
        <v>38657</v>
      </c>
      <c r="G30285" s="8">
        <v>572544</v>
      </c>
      <c r="H30285" s="8">
        <v>572544</v>
      </c>
      <c r="I30285" s="8">
        <v>0</v>
      </c>
      <c r="J30285" s="8">
        <v>572544</v>
      </c>
      <c r="K30285" s="9">
        <v>112</v>
      </c>
      <c r="L30285" s="6" t="s">
        <v>23</v>
      </c>
    </row>
    <row r="30286" spans="1:12">
      <c r="A30286" s="6" t="s">
        <v>31640</v>
      </c>
      <c r="B30286" s="6"/>
      <c r="C30286" s="6" t="s">
        <v>31641</v>
      </c>
      <c r="D30286" s="6"/>
      <c r="E30286" s="6" t="s">
        <v>9</v>
      </c>
      <c r="F30286" s="7">
        <v>38657</v>
      </c>
      <c r="G30286" s="8">
        <v>44210190</v>
      </c>
      <c r="H30286" s="8">
        <v>44210190</v>
      </c>
      <c r="I30286" s="8">
        <v>0</v>
      </c>
      <c r="J30286" s="8">
        <v>44210190</v>
      </c>
      <c r="K30286" s="9">
        <v>1194.8699999999899</v>
      </c>
      <c r="L30286" s="6" t="s">
        <v>10</v>
      </c>
    </row>
    <row r="30287" spans="1:12">
      <c r="A30287" s="6" t="s">
        <v>31642</v>
      </c>
      <c r="B30287" s="6"/>
      <c r="C30287" s="6" t="s">
        <v>31643</v>
      </c>
      <c r="D30287" s="6"/>
      <c r="E30287" s="6" t="s">
        <v>9</v>
      </c>
      <c r="F30287" s="7">
        <v>38657</v>
      </c>
      <c r="G30287" s="8">
        <v>917757</v>
      </c>
      <c r="H30287" s="8">
        <v>917757</v>
      </c>
      <c r="I30287" s="8">
        <v>0</v>
      </c>
      <c r="J30287" s="8">
        <v>917757</v>
      </c>
      <c r="K30287" s="9">
        <v>179.53</v>
      </c>
      <c r="L30287" s="6" t="s">
        <v>23</v>
      </c>
    </row>
    <row r="30288" spans="1:12">
      <c r="A30288" s="6" t="s">
        <v>31644</v>
      </c>
      <c r="B30288" s="6"/>
      <c r="C30288" s="6" t="s">
        <v>31645</v>
      </c>
      <c r="D30288" s="6"/>
      <c r="E30288" s="6" t="s">
        <v>18740</v>
      </c>
      <c r="F30288" s="7">
        <v>38657</v>
      </c>
      <c r="G30288" s="8">
        <v>690835</v>
      </c>
      <c r="H30288" s="8">
        <v>690835</v>
      </c>
      <c r="I30288" s="8">
        <v>0</v>
      </c>
      <c r="J30288" s="8">
        <v>690835</v>
      </c>
      <c r="K30288" s="9">
        <v>135.13999999999899</v>
      </c>
      <c r="L30288" s="6" t="s">
        <v>23</v>
      </c>
    </row>
    <row r="30289" spans="1:12">
      <c r="A30289" s="6" t="s">
        <v>31646</v>
      </c>
      <c r="B30289" s="6"/>
      <c r="C30289" s="6" t="s">
        <v>31647</v>
      </c>
      <c r="D30289" s="6"/>
      <c r="E30289" s="6" t="s">
        <v>18740</v>
      </c>
      <c r="F30289" s="7">
        <v>38657</v>
      </c>
      <c r="G30289" s="8">
        <v>301608</v>
      </c>
      <c r="H30289" s="8">
        <v>301608</v>
      </c>
      <c r="I30289" s="8">
        <v>0</v>
      </c>
      <c r="J30289" s="8">
        <v>301608</v>
      </c>
      <c r="K30289" s="9">
        <v>59</v>
      </c>
      <c r="L30289" s="6" t="s">
        <v>23</v>
      </c>
    </row>
    <row r="30290" spans="1:12">
      <c r="A30290" s="6" t="s">
        <v>31646</v>
      </c>
      <c r="B30290" s="6"/>
      <c r="C30290" s="6" t="s">
        <v>31648</v>
      </c>
      <c r="D30290" s="6"/>
      <c r="E30290" s="6" t="s">
        <v>18740</v>
      </c>
      <c r="F30290" s="7">
        <v>38657</v>
      </c>
      <c r="G30290" s="8">
        <v>107352</v>
      </c>
      <c r="H30290" s="8">
        <v>107352</v>
      </c>
      <c r="I30290" s="8">
        <v>0</v>
      </c>
      <c r="J30290" s="8">
        <v>107352</v>
      </c>
      <c r="K30290" s="9">
        <v>21</v>
      </c>
      <c r="L30290" s="6" t="s">
        <v>23</v>
      </c>
    </row>
    <row r="30291" spans="1:12">
      <c r="A30291" s="6" t="s">
        <v>31649</v>
      </c>
      <c r="B30291" s="6"/>
      <c r="C30291" s="6" t="s">
        <v>31650</v>
      </c>
      <c r="D30291" s="6"/>
      <c r="E30291" s="6" t="s">
        <v>18740</v>
      </c>
      <c r="F30291" s="7">
        <v>38657</v>
      </c>
      <c r="G30291" s="8">
        <v>214704</v>
      </c>
      <c r="H30291" s="8">
        <v>214704</v>
      </c>
      <c r="I30291" s="8">
        <v>0</v>
      </c>
      <c r="J30291" s="8">
        <v>214704</v>
      </c>
      <c r="K30291" s="9">
        <v>42</v>
      </c>
      <c r="L30291" s="6" t="s">
        <v>23</v>
      </c>
    </row>
    <row r="30292" spans="1:12">
      <c r="A30292" s="6" t="s">
        <v>31651</v>
      </c>
      <c r="B30292" s="6"/>
      <c r="C30292" s="6" t="s">
        <v>31652</v>
      </c>
      <c r="D30292" s="6"/>
      <c r="E30292" s="6" t="s">
        <v>18740</v>
      </c>
      <c r="F30292" s="7">
        <v>38657</v>
      </c>
      <c r="G30292" s="8">
        <v>199368</v>
      </c>
      <c r="H30292" s="8">
        <v>199368</v>
      </c>
      <c r="I30292" s="8">
        <v>0</v>
      </c>
      <c r="J30292" s="8">
        <v>199368</v>
      </c>
      <c r="K30292" s="9">
        <v>39</v>
      </c>
      <c r="L30292" s="6" t="s">
        <v>23</v>
      </c>
    </row>
    <row r="30293" spans="1:12">
      <c r="A30293" s="6" t="s">
        <v>31653</v>
      </c>
      <c r="B30293" s="6"/>
      <c r="C30293" s="6" t="s">
        <v>31654</v>
      </c>
      <c r="D30293" s="6"/>
      <c r="E30293" s="6" t="s">
        <v>18740</v>
      </c>
      <c r="F30293" s="7">
        <v>38657</v>
      </c>
      <c r="G30293" s="8">
        <v>184032</v>
      </c>
      <c r="H30293" s="8">
        <v>184032</v>
      </c>
      <c r="I30293" s="8">
        <v>0</v>
      </c>
      <c r="J30293" s="8">
        <v>184032</v>
      </c>
      <c r="K30293" s="9">
        <v>36</v>
      </c>
      <c r="L30293" s="6" t="s">
        <v>23</v>
      </c>
    </row>
    <row r="30294" spans="1:12">
      <c r="A30294" s="6" t="s">
        <v>31655</v>
      </c>
      <c r="B30294" s="6"/>
      <c r="C30294" s="6" t="s">
        <v>31656</v>
      </c>
      <c r="D30294" s="6"/>
      <c r="E30294" s="6" t="s">
        <v>18740</v>
      </c>
      <c r="F30294" s="7">
        <v>38657</v>
      </c>
      <c r="G30294" s="8">
        <v>235152</v>
      </c>
      <c r="H30294" s="8">
        <v>235152</v>
      </c>
      <c r="I30294" s="8">
        <v>0</v>
      </c>
      <c r="J30294" s="8">
        <v>235152</v>
      </c>
      <c r="K30294" s="9">
        <v>46</v>
      </c>
      <c r="L30294" s="6" t="s">
        <v>23</v>
      </c>
    </row>
    <row r="30295" spans="1:12">
      <c r="A30295" s="6" t="s">
        <v>31657</v>
      </c>
      <c r="B30295" s="6"/>
      <c r="C30295" s="6" t="s">
        <v>31658</v>
      </c>
      <c r="D30295" s="6"/>
      <c r="E30295" s="6" t="s">
        <v>9</v>
      </c>
      <c r="F30295" s="7">
        <v>38657</v>
      </c>
      <c r="G30295" s="8">
        <v>38145130</v>
      </c>
      <c r="H30295" s="8">
        <v>38145130</v>
      </c>
      <c r="I30295" s="8">
        <v>0</v>
      </c>
      <c r="J30295" s="8">
        <v>38145130</v>
      </c>
      <c r="K30295" s="9">
        <v>1250.6600000000001</v>
      </c>
      <c r="L30295" s="6" t="s">
        <v>10</v>
      </c>
    </row>
    <row r="30296" spans="1:12">
      <c r="A30296" s="6" t="s">
        <v>31657</v>
      </c>
      <c r="B30296" s="6"/>
      <c r="C30296" s="6" t="s">
        <v>31659</v>
      </c>
      <c r="D30296" s="6"/>
      <c r="E30296" s="6" t="s">
        <v>9</v>
      </c>
      <c r="F30296" s="7">
        <v>38657</v>
      </c>
      <c r="G30296" s="8">
        <v>1982500</v>
      </c>
      <c r="H30296" s="8">
        <v>1982500</v>
      </c>
      <c r="I30296" s="8">
        <v>0</v>
      </c>
      <c r="J30296" s="8">
        <v>1982500</v>
      </c>
      <c r="K30296" s="9">
        <v>65</v>
      </c>
      <c r="L30296" s="6" t="s">
        <v>10</v>
      </c>
    </row>
    <row r="30297" spans="1:12">
      <c r="A30297" s="6" t="s">
        <v>31660</v>
      </c>
      <c r="B30297" s="6"/>
      <c r="C30297" s="6" t="s">
        <v>31661</v>
      </c>
      <c r="D30297" s="6"/>
      <c r="E30297" s="6" t="s">
        <v>18740</v>
      </c>
      <c r="F30297" s="7">
        <v>38657</v>
      </c>
      <c r="G30297" s="8">
        <v>163584</v>
      </c>
      <c r="H30297" s="8">
        <v>163584</v>
      </c>
      <c r="I30297" s="8">
        <v>0</v>
      </c>
      <c r="J30297" s="8">
        <v>163584</v>
      </c>
      <c r="K30297" s="9">
        <v>32</v>
      </c>
      <c r="L30297" s="6" t="s">
        <v>23</v>
      </c>
    </row>
    <row r="30298" spans="1:12">
      <c r="A30298" s="6" t="s">
        <v>31662</v>
      </c>
      <c r="B30298" s="6"/>
      <c r="C30298" s="6" t="s">
        <v>31663</v>
      </c>
      <c r="D30298" s="6"/>
      <c r="E30298" s="6" t="s">
        <v>18740</v>
      </c>
      <c r="F30298" s="7">
        <v>38657</v>
      </c>
      <c r="G30298" s="8">
        <v>1078632</v>
      </c>
      <c r="H30298" s="8">
        <v>1078632</v>
      </c>
      <c r="I30298" s="8">
        <v>0</v>
      </c>
      <c r="J30298" s="8">
        <v>1078632</v>
      </c>
      <c r="K30298" s="9">
        <v>211</v>
      </c>
      <c r="L30298" s="6" t="s">
        <v>14</v>
      </c>
    </row>
    <row r="30299" spans="1:12">
      <c r="A30299" s="6" t="s">
        <v>31664</v>
      </c>
      <c r="B30299" s="6"/>
      <c r="C30299" s="6" t="s">
        <v>31665</v>
      </c>
      <c r="D30299" s="6"/>
      <c r="E30299" s="6" t="s">
        <v>9</v>
      </c>
      <c r="F30299" s="7">
        <v>38657</v>
      </c>
      <c r="G30299" s="8">
        <v>1139976</v>
      </c>
      <c r="H30299" s="8">
        <v>1139976</v>
      </c>
      <c r="I30299" s="8">
        <v>0</v>
      </c>
      <c r="J30299" s="8">
        <v>1139976</v>
      </c>
      <c r="K30299" s="9">
        <v>223</v>
      </c>
      <c r="L30299" s="6" t="s">
        <v>14</v>
      </c>
    </row>
    <row r="30300" spans="1:12">
      <c r="A30300" s="6" t="s">
        <v>31666</v>
      </c>
      <c r="B30300" s="6"/>
      <c r="C30300" s="6" t="s">
        <v>31667</v>
      </c>
      <c r="D30300" s="6"/>
      <c r="E30300" s="6" t="s">
        <v>18740</v>
      </c>
      <c r="F30300" s="7">
        <v>38657</v>
      </c>
      <c r="G30300" s="8">
        <v>168696</v>
      </c>
      <c r="H30300" s="8">
        <v>168696</v>
      </c>
      <c r="I30300" s="8">
        <v>0</v>
      </c>
      <c r="J30300" s="8">
        <v>168696</v>
      </c>
      <c r="K30300" s="9">
        <v>33</v>
      </c>
      <c r="L30300" s="6" t="s">
        <v>23</v>
      </c>
    </row>
    <row r="30301" spans="1:12">
      <c r="A30301" s="6" t="s">
        <v>31666</v>
      </c>
      <c r="B30301" s="6"/>
      <c r="C30301" s="6" t="s">
        <v>31668</v>
      </c>
      <c r="D30301" s="6"/>
      <c r="E30301" s="6" t="s">
        <v>18740</v>
      </c>
      <c r="F30301" s="7">
        <v>38657</v>
      </c>
      <c r="G30301" s="8">
        <v>3885</v>
      </c>
      <c r="H30301" s="8">
        <v>3885</v>
      </c>
      <c r="I30301" s="8">
        <v>0</v>
      </c>
      <c r="J30301" s="8">
        <v>3885</v>
      </c>
      <c r="K30301" s="9">
        <v>0.76</v>
      </c>
      <c r="L30301" s="6" t="s">
        <v>23</v>
      </c>
    </row>
    <row r="30302" spans="1:12">
      <c r="A30302" s="6" t="s">
        <v>31669</v>
      </c>
      <c r="B30302" s="6"/>
      <c r="C30302" s="6" t="s">
        <v>31670</v>
      </c>
      <c r="D30302" s="6"/>
      <c r="E30302" s="6" t="s">
        <v>9</v>
      </c>
      <c r="F30302" s="7">
        <v>38657</v>
      </c>
      <c r="G30302" s="8">
        <v>1139976</v>
      </c>
      <c r="H30302" s="8">
        <v>1139976</v>
      </c>
      <c r="I30302" s="8">
        <v>0</v>
      </c>
      <c r="J30302" s="8">
        <v>1139976</v>
      </c>
      <c r="K30302" s="9">
        <v>223</v>
      </c>
      <c r="L30302" s="6" t="s">
        <v>14</v>
      </c>
    </row>
    <row r="30303" spans="1:12">
      <c r="A30303" s="6" t="s">
        <v>31671</v>
      </c>
      <c r="B30303" s="6"/>
      <c r="C30303" s="6" t="s">
        <v>31672</v>
      </c>
      <c r="D30303" s="6"/>
      <c r="E30303" s="6" t="s">
        <v>9</v>
      </c>
      <c r="F30303" s="7">
        <v>38657</v>
      </c>
      <c r="G30303" s="8">
        <v>480528</v>
      </c>
      <c r="H30303" s="8">
        <v>480528</v>
      </c>
      <c r="I30303" s="8">
        <v>0</v>
      </c>
      <c r="J30303" s="8">
        <v>480528</v>
      </c>
      <c r="K30303" s="9">
        <v>94</v>
      </c>
      <c r="L30303" s="6" t="s">
        <v>14</v>
      </c>
    </row>
    <row r="30304" spans="1:12">
      <c r="A30304" s="6" t="s">
        <v>31673</v>
      </c>
      <c r="B30304" s="6"/>
      <c r="C30304" s="6" t="s">
        <v>31674</v>
      </c>
      <c r="D30304" s="6"/>
      <c r="E30304" s="6" t="s">
        <v>9</v>
      </c>
      <c r="F30304" s="7">
        <v>38657</v>
      </c>
      <c r="G30304" s="8">
        <v>2297230</v>
      </c>
      <c r="H30304" s="8">
        <v>2297230</v>
      </c>
      <c r="I30304" s="8">
        <v>0</v>
      </c>
      <c r="J30304" s="8">
        <v>2297230</v>
      </c>
      <c r="K30304" s="9">
        <v>449.38</v>
      </c>
      <c r="L30304" s="6" t="s">
        <v>14</v>
      </c>
    </row>
    <row r="30305" spans="1:12">
      <c r="A30305" s="6" t="s">
        <v>31673</v>
      </c>
      <c r="B30305" s="6"/>
      <c r="C30305" s="6" t="s">
        <v>31675</v>
      </c>
      <c r="D30305" s="6"/>
      <c r="E30305" s="6" t="s">
        <v>9</v>
      </c>
      <c r="F30305" s="7">
        <v>38657</v>
      </c>
      <c r="G30305" s="8">
        <v>495864</v>
      </c>
      <c r="H30305" s="8">
        <v>495864</v>
      </c>
      <c r="I30305" s="8">
        <v>0</v>
      </c>
      <c r="J30305" s="8">
        <v>495864</v>
      </c>
      <c r="K30305" s="9">
        <v>97</v>
      </c>
      <c r="L30305" s="6" t="s">
        <v>14</v>
      </c>
    </row>
    <row r="30306" spans="1:12">
      <c r="A30306" s="6" t="s">
        <v>31673</v>
      </c>
      <c r="B30306" s="6"/>
      <c r="C30306" s="6" t="s">
        <v>31676</v>
      </c>
      <c r="D30306" s="6"/>
      <c r="E30306" s="6" t="s">
        <v>9</v>
      </c>
      <c r="F30306" s="7">
        <v>38657</v>
      </c>
      <c r="G30306" s="8">
        <v>100041</v>
      </c>
      <c r="H30306" s="8">
        <v>100041</v>
      </c>
      <c r="I30306" s="8">
        <v>0</v>
      </c>
      <c r="J30306" s="8">
        <v>100041</v>
      </c>
      <c r="K30306" s="9">
        <v>19.57</v>
      </c>
      <c r="L30306" s="6" t="s">
        <v>14</v>
      </c>
    </row>
    <row r="30307" spans="1:12">
      <c r="A30307" s="6" t="s">
        <v>31673</v>
      </c>
      <c r="B30307" s="6"/>
      <c r="C30307" s="6" t="s">
        <v>31677</v>
      </c>
      <c r="D30307" s="6"/>
      <c r="E30307" s="6" t="s">
        <v>9</v>
      </c>
      <c r="F30307" s="7">
        <v>38657</v>
      </c>
      <c r="G30307" s="8">
        <v>142164</v>
      </c>
      <c r="H30307" s="8">
        <v>142164</v>
      </c>
      <c r="I30307" s="8">
        <v>0</v>
      </c>
      <c r="J30307" s="8">
        <v>142164</v>
      </c>
      <c r="K30307" s="9">
        <v>27.81</v>
      </c>
      <c r="L30307" s="6" t="s">
        <v>14</v>
      </c>
    </row>
    <row r="30308" spans="1:12">
      <c r="A30308" s="6" t="s">
        <v>31673</v>
      </c>
      <c r="B30308" s="6"/>
      <c r="C30308" s="6" t="s">
        <v>31678</v>
      </c>
      <c r="D30308" s="6"/>
      <c r="E30308" s="6" t="s">
        <v>9</v>
      </c>
      <c r="F30308" s="7">
        <v>38657</v>
      </c>
      <c r="G30308" s="8">
        <v>142164</v>
      </c>
      <c r="H30308" s="8">
        <v>142164</v>
      </c>
      <c r="I30308" s="8">
        <v>0</v>
      </c>
      <c r="J30308" s="8">
        <v>142164</v>
      </c>
      <c r="K30308" s="9">
        <v>27.81</v>
      </c>
      <c r="L30308" s="6" t="s">
        <v>14</v>
      </c>
    </row>
    <row r="30309" spans="1:12">
      <c r="A30309" s="6" t="s">
        <v>31673</v>
      </c>
      <c r="B30309" s="6"/>
      <c r="C30309" s="6" t="s">
        <v>31679</v>
      </c>
      <c r="D30309" s="6"/>
      <c r="E30309" s="6" t="s">
        <v>9</v>
      </c>
      <c r="F30309" s="7">
        <v>38657</v>
      </c>
      <c r="G30309" s="8">
        <v>4117204</v>
      </c>
      <c r="H30309" s="8">
        <v>4117204</v>
      </c>
      <c r="I30309" s="8">
        <v>0</v>
      </c>
      <c r="J30309" s="8">
        <v>4117204</v>
      </c>
      <c r="K30309" s="9">
        <v>805.4</v>
      </c>
      <c r="L30309" s="6" t="s">
        <v>14</v>
      </c>
    </row>
    <row r="30310" spans="1:12">
      <c r="A30310" s="6" t="s">
        <v>31673</v>
      </c>
      <c r="B30310" s="6"/>
      <c r="C30310" s="6" t="s">
        <v>31680</v>
      </c>
      <c r="D30310" s="6"/>
      <c r="E30310" s="6" t="s">
        <v>9</v>
      </c>
      <c r="F30310" s="7">
        <v>38657</v>
      </c>
      <c r="G30310" s="8">
        <v>254577</v>
      </c>
      <c r="H30310" s="8">
        <v>254577</v>
      </c>
      <c r="I30310" s="8">
        <v>0</v>
      </c>
      <c r="J30310" s="8">
        <v>254577</v>
      </c>
      <c r="K30310" s="9">
        <v>49.8</v>
      </c>
      <c r="L30310" s="6" t="s">
        <v>14</v>
      </c>
    </row>
    <row r="30311" spans="1:12">
      <c r="A30311" s="6" t="s">
        <v>31673</v>
      </c>
      <c r="B30311" s="6"/>
      <c r="C30311" s="6" t="s">
        <v>31681</v>
      </c>
      <c r="D30311" s="6"/>
      <c r="E30311" s="6" t="s">
        <v>9</v>
      </c>
      <c r="F30311" s="7">
        <v>38657</v>
      </c>
      <c r="G30311" s="8">
        <v>254577</v>
      </c>
      <c r="H30311" s="8">
        <v>254577</v>
      </c>
      <c r="I30311" s="8">
        <v>0</v>
      </c>
      <c r="J30311" s="8">
        <v>254577</v>
      </c>
      <c r="K30311" s="9">
        <v>49.8</v>
      </c>
      <c r="L30311" s="6" t="s">
        <v>14</v>
      </c>
    </row>
    <row r="30312" spans="1:12">
      <c r="A30312" s="6" t="s">
        <v>31673</v>
      </c>
      <c r="B30312" s="6"/>
      <c r="C30312" s="6" t="s">
        <v>31682</v>
      </c>
      <c r="D30312" s="6"/>
      <c r="E30312" s="6" t="s">
        <v>9</v>
      </c>
      <c r="F30312" s="7">
        <v>38657</v>
      </c>
      <c r="G30312" s="8">
        <v>3200112</v>
      </c>
      <c r="H30312" s="8">
        <v>3200112</v>
      </c>
      <c r="I30312" s="8">
        <v>0</v>
      </c>
      <c r="J30312" s="8">
        <v>3200112</v>
      </c>
      <c r="K30312" s="9">
        <v>626</v>
      </c>
      <c r="L30312" s="6" t="s">
        <v>14</v>
      </c>
    </row>
    <row r="30313" spans="1:12">
      <c r="A30313" s="6" t="s">
        <v>31673</v>
      </c>
      <c r="B30313" s="6"/>
      <c r="C30313" s="6" t="s">
        <v>31683</v>
      </c>
      <c r="D30313" s="6"/>
      <c r="E30313" s="6" t="s">
        <v>9</v>
      </c>
      <c r="F30313" s="7">
        <v>38657</v>
      </c>
      <c r="G30313" s="8">
        <v>197987</v>
      </c>
      <c r="H30313" s="8">
        <v>197987</v>
      </c>
      <c r="I30313" s="8">
        <v>0</v>
      </c>
      <c r="J30313" s="8">
        <v>197987</v>
      </c>
      <c r="K30313" s="9">
        <v>38.729999999999897</v>
      </c>
      <c r="L30313" s="6" t="s">
        <v>14</v>
      </c>
    </row>
    <row r="30314" spans="1:12">
      <c r="A30314" s="6" t="s">
        <v>31673</v>
      </c>
      <c r="B30314" s="6"/>
      <c r="C30314" s="6" t="s">
        <v>31684</v>
      </c>
      <c r="D30314" s="6"/>
      <c r="E30314" s="6" t="s">
        <v>9</v>
      </c>
      <c r="F30314" s="7">
        <v>38657</v>
      </c>
      <c r="G30314" s="8">
        <v>197987</v>
      </c>
      <c r="H30314" s="8">
        <v>197987</v>
      </c>
      <c r="I30314" s="8">
        <v>0</v>
      </c>
      <c r="J30314" s="8">
        <v>197987</v>
      </c>
      <c r="K30314" s="9">
        <v>38.729999999999897</v>
      </c>
      <c r="L30314" s="6" t="s">
        <v>14</v>
      </c>
    </row>
    <row r="30315" spans="1:12">
      <c r="A30315" s="6" t="s">
        <v>31685</v>
      </c>
      <c r="B30315" s="6"/>
      <c r="C30315" s="6" t="s">
        <v>31686</v>
      </c>
      <c r="D30315" s="6"/>
      <c r="E30315" s="6" t="s">
        <v>18740</v>
      </c>
      <c r="F30315" s="7">
        <v>38657</v>
      </c>
      <c r="G30315" s="8">
        <v>3667000</v>
      </c>
      <c r="H30315" s="8">
        <v>3667000</v>
      </c>
      <c r="I30315" s="8">
        <v>0</v>
      </c>
      <c r="J30315" s="8">
        <v>3667000</v>
      </c>
      <c r="K30315" s="9">
        <v>386</v>
      </c>
      <c r="L30315" s="6" t="s">
        <v>10</v>
      </c>
    </row>
    <row r="30316" spans="1:12">
      <c r="A30316" s="6" t="s">
        <v>31685</v>
      </c>
      <c r="B30316" s="6"/>
      <c r="C30316" s="6" t="s">
        <v>31687</v>
      </c>
      <c r="D30316" s="6"/>
      <c r="E30316" s="6" t="s">
        <v>18740</v>
      </c>
      <c r="F30316" s="7">
        <v>38657</v>
      </c>
      <c r="G30316" s="8">
        <v>2071000</v>
      </c>
      <c r="H30316" s="8">
        <v>2071000</v>
      </c>
      <c r="I30316" s="8">
        <v>0</v>
      </c>
      <c r="J30316" s="8">
        <v>2071000</v>
      </c>
      <c r="K30316" s="9">
        <v>218</v>
      </c>
      <c r="L30316" s="6" t="s">
        <v>10</v>
      </c>
    </row>
    <row r="30317" spans="1:12">
      <c r="A30317" s="6" t="s">
        <v>31688</v>
      </c>
      <c r="B30317" s="6"/>
      <c r="C30317" s="6" t="s">
        <v>31689</v>
      </c>
      <c r="D30317" s="6"/>
      <c r="E30317" s="6" t="s">
        <v>18740</v>
      </c>
      <c r="F30317" s="7">
        <v>38657</v>
      </c>
      <c r="G30317" s="8">
        <v>158472</v>
      </c>
      <c r="H30317" s="8">
        <v>158472</v>
      </c>
      <c r="I30317" s="8">
        <v>0</v>
      </c>
      <c r="J30317" s="8">
        <v>158472</v>
      </c>
      <c r="K30317" s="9">
        <v>31</v>
      </c>
      <c r="L30317" s="6" t="s">
        <v>23</v>
      </c>
    </row>
    <row r="30318" spans="1:12">
      <c r="A30318" s="6" t="s">
        <v>31690</v>
      </c>
      <c r="B30318" s="6"/>
      <c r="C30318" s="6" t="s">
        <v>31691</v>
      </c>
      <c r="D30318" s="6"/>
      <c r="E30318" s="6" t="s">
        <v>18740</v>
      </c>
      <c r="F30318" s="7">
        <v>41960</v>
      </c>
      <c r="G30318" s="8">
        <v>1140</v>
      </c>
      <c r="H30318" s="8">
        <v>1140</v>
      </c>
      <c r="I30318" s="8">
        <v>0</v>
      </c>
      <c r="J30318" s="8">
        <v>1140</v>
      </c>
      <c r="K30318" s="9">
        <v>10</v>
      </c>
      <c r="L30318" s="6" t="s">
        <v>4773</v>
      </c>
    </row>
    <row r="30319" spans="1:12">
      <c r="A30319" s="6" t="s">
        <v>31690</v>
      </c>
      <c r="B30319" s="6"/>
      <c r="C30319" s="6" t="s">
        <v>31692</v>
      </c>
      <c r="D30319" s="6"/>
      <c r="E30319" s="6" t="s">
        <v>18740</v>
      </c>
      <c r="F30319" s="7">
        <v>41960</v>
      </c>
      <c r="G30319" s="8">
        <v>8664</v>
      </c>
      <c r="H30319" s="8">
        <v>8664</v>
      </c>
      <c r="I30319" s="8">
        <v>0</v>
      </c>
      <c r="J30319" s="8">
        <v>8664</v>
      </c>
      <c r="K30319" s="9">
        <v>76</v>
      </c>
      <c r="L30319" s="6" t="s">
        <v>4773</v>
      </c>
    </row>
    <row r="30320" spans="1:12">
      <c r="A30320" s="6" t="s">
        <v>31690</v>
      </c>
      <c r="B30320" s="6"/>
      <c r="C30320" s="6" t="s">
        <v>31693</v>
      </c>
      <c r="D30320" s="6"/>
      <c r="E30320" s="6" t="s">
        <v>18740</v>
      </c>
      <c r="F30320" s="7">
        <v>38657</v>
      </c>
      <c r="G30320" s="8">
        <v>168696</v>
      </c>
      <c r="H30320" s="8">
        <v>168696</v>
      </c>
      <c r="I30320" s="8">
        <v>0</v>
      </c>
      <c r="J30320" s="8">
        <v>168696</v>
      </c>
      <c r="K30320" s="9">
        <v>33</v>
      </c>
      <c r="L30320" s="6" t="s">
        <v>23</v>
      </c>
    </row>
    <row r="30321" spans="1:12">
      <c r="A30321" s="6" t="s">
        <v>31690</v>
      </c>
      <c r="B30321" s="6"/>
      <c r="C30321" s="6" t="s">
        <v>31694</v>
      </c>
      <c r="D30321" s="6"/>
      <c r="E30321" s="6" t="s">
        <v>18740</v>
      </c>
      <c r="F30321" s="7">
        <v>41960</v>
      </c>
      <c r="G30321" s="8">
        <v>4332</v>
      </c>
      <c r="H30321" s="8">
        <v>4332</v>
      </c>
      <c r="I30321" s="8">
        <v>0</v>
      </c>
      <c r="J30321" s="8">
        <v>4332</v>
      </c>
      <c r="K30321" s="9">
        <v>38</v>
      </c>
      <c r="L30321" s="6" t="s">
        <v>4773</v>
      </c>
    </row>
    <row r="30322" spans="1:12">
      <c r="A30322" s="6" t="s">
        <v>31695</v>
      </c>
      <c r="B30322" s="6"/>
      <c r="C30322" s="6" t="s">
        <v>31696</v>
      </c>
      <c r="D30322" s="6"/>
      <c r="E30322" s="6" t="s">
        <v>9</v>
      </c>
      <c r="F30322" s="7">
        <v>38657</v>
      </c>
      <c r="G30322" s="8">
        <v>6016261</v>
      </c>
      <c r="H30322" s="8">
        <v>6016261</v>
      </c>
      <c r="I30322" s="8">
        <v>0</v>
      </c>
      <c r="J30322" s="8">
        <v>6016261</v>
      </c>
      <c r="K30322" s="9">
        <v>1176.8900000000001</v>
      </c>
      <c r="L30322" s="6" t="s">
        <v>23</v>
      </c>
    </row>
    <row r="30323" spans="1:12">
      <c r="A30323" s="6" t="s">
        <v>31695</v>
      </c>
      <c r="B30323" s="6"/>
      <c r="C30323" s="6" t="s">
        <v>31697</v>
      </c>
      <c r="D30323" s="6"/>
      <c r="E30323" s="6" t="s">
        <v>9</v>
      </c>
      <c r="F30323" s="7">
        <v>38657</v>
      </c>
      <c r="G30323" s="8">
        <v>27908572</v>
      </c>
      <c r="H30323" s="8">
        <v>27908572</v>
      </c>
      <c r="I30323" s="8">
        <v>0</v>
      </c>
      <c r="J30323" s="8">
        <v>27908572</v>
      </c>
      <c r="K30323" s="9">
        <v>723.02</v>
      </c>
      <c r="L30323" s="6" t="s">
        <v>10</v>
      </c>
    </row>
    <row r="30324" spans="1:12">
      <c r="A30324" s="6" t="s">
        <v>31698</v>
      </c>
      <c r="B30324" s="6"/>
      <c r="C30324" s="6" t="s">
        <v>31699</v>
      </c>
      <c r="D30324" s="6"/>
      <c r="E30324" s="6" t="s">
        <v>18740</v>
      </c>
      <c r="F30324" s="7">
        <v>38657</v>
      </c>
      <c r="G30324" s="8">
        <v>28780</v>
      </c>
      <c r="H30324" s="8">
        <v>28780</v>
      </c>
      <c r="I30324" s="8">
        <v>0</v>
      </c>
      <c r="J30324" s="8">
        <v>28780</v>
      </c>
      <c r="K30324" s="9">
        <v>5.63</v>
      </c>
      <c r="L30324" s="6" t="s">
        <v>23</v>
      </c>
    </row>
    <row r="30325" spans="1:12">
      <c r="A30325" s="6" t="s">
        <v>31700</v>
      </c>
      <c r="B30325" s="6"/>
      <c r="C30325" s="6" t="s">
        <v>31701</v>
      </c>
      <c r="D30325" s="6"/>
      <c r="E30325" s="6" t="s">
        <v>18740</v>
      </c>
      <c r="F30325" s="7">
        <v>38657</v>
      </c>
      <c r="G30325" s="8">
        <v>654336</v>
      </c>
      <c r="H30325" s="8">
        <v>654336</v>
      </c>
      <c r="I30325" s="8">
        <v>0</v>
      </c>
      <c r="J30325" s="8">
        <v>654336</v>
      </c>
      <c r="K30325" s="9">
        <v>128</v>
      </c>
      <c r="L30325" s="6" t="s">
        <v>23</v>
      </c>
    </row>
    <row r="30326" spans="1:12">
      <c r="A30326" s="6" t="s">
        <v>31702</v>
      </c>
      <c r="B30326" s="6"/>
      <c r="C30326" s="6" t="s">
        <v>31703</v>
      </c>
      <c r="D30326" s="6"/>
      <c r="E30326" s="6" t="s">
        <v>18740</v>
      </c>
      <c r="F30326" s="7">
        <v>38657</v>
      </c>
      <c r="G30326" s="8">
        <v>97128</v>
      </c>
      <c r="H30326" s="8">
        <v>97128</v>
      </c>
      <c r="I30326" s="8">
        <v>0</v>
      </c>
      <c r="J30326" s="8">
        <v>97128</v>
      </c>
      <c r="K30326" s="9">
        <v>19</v>
      </c>
      <c r="L30326" s="6" t="s">
        <v>23</v>
      </c>
    </row>
    <row r="30327" spans="1:12">
      <c r="A30327" s="6" t="s">
        <v>31702</v>
      </c>
      <c r="B30327" s="6"/>
      <c r="C30327" s="6" t="s">
        <v>31704</v>
      </c>
      <c r="D30327" s="6"/>
      <c r="E30327" s="6" t="s">
        <v>18740</v>
      </c>
      <c r="F30327" s="7">
        <v>38657</v>
      </c>
      <c r="G30327" s="8">
        <v>393624</v>
      </c>
      <c r="H30327" s="8">
        <v>393624</v>
      </c>
      <c r="I30327" s="8">
        <v>0</v>
      </c>
      <c r="J30327" s="8">
        <v>393624</v>
      </c>
      <c r="K30327" s="9">
        <v>77</v>
      </c>
      <c r="L30327" s="6" t="s">
        <v>23</v>
      </c>
    </row>
    <row r="30328" spans="1:12">
      <c r="A30328" s="6" t="s">
        <v>31705</v>
      </c>
      <c r="B30328" s="6"/>
      <c r="C30328" s="6" t="s">
        <v>31706</v>
      </c>
      <c r="D30328" s="6"/>
      <c r="E30328" s="6" t="s">
        <v>18740</v>
      </c>
      <c r="F30328" s="7">
        <v>38657</v>
      </c>
      <c r="G30328" s="8">
        <v>184032</v>
      </c>
      <c r="H30328" s="8">
        <v>184032</v>
      </c>
      <c r="I30328" s="8">
        <v>0</v>
      </c>
      <c r="J30328" s="8">
        <v>184032</v>
      </c>
      <c r="K30328" s="9">
        <v>36</v>
      </c>
      <c r="L30328" s="6" t="s">
        <v>23</v>
      </c>
    </row>
    <row r="30329" spans="1:12">
      <c r="A30329" s="6" t="s">
        <v>31705</v>
      </c>
      <c r="B30329" s="6"/>
      <c r="C30329" s="6" t="s">
        <v>31707</v>
      </c>
      <c r="D30329" s="6"/>
      <c r="E30329" s="6" t="s">
        <v>18740</v>
      </c>
      <c r="F30329" s="7">
        <v>38657</v>
      </c>
      <c r="G30329" s="8">
        <v>102188</v>
      </c>
      <c r="H30329" s="8">
        <v>102188</v>
      </c>
      <c r="I30329" s="8">
        <v>0</v>
      </c>
      <c r="J30329" s="8">
        <v>102188</v>
      </c>
      <c r="K30329" s="9">
        <v>19.989999999999899</v>
      </c>
      <c r="L30329" s="6" t="s">
        <v>23</v>
      </c>
    </row>
    <row r="30330" spans="1:12">
      <c r="A30330" s="6" t="s">
        <v>31708</v>
      </c>
      <c r="B30330" s="6"/>
      <c r="C30330" s="6" t="s">
        <v>31709</v>
      </c>
      <c r="D30330" s="6"/>
      <c r="E30330" s="6" t="s">
        <v>18740</v>
      </c>
      <c r="F30330" s="7">
        <v>38657</v>
      </c>
      <c r="G30330" s="8">
        <v>807696</v>
      </c>
      <c r="H30330" s="8">
        <v>807696</v>
      </c>
      <c r="I30330" s="8">
        <v>0</v>
      </c>
      <c r="J30330" s="8">
        <v>807696</v>
      </c>
      <c r="K30330" s="9">
        <v>158</v>
      </c>
      <c r="L30330" s="6" t="s">
        <v>23</v>
      </c>
    </row>
    <row r="30331" spans="1:12">
      <c r="A30331" s="6" t="s">
        <v>31710</v>
      </c>
      <c r="B30331" s="6"/>
      <c r="C30331" s="6" t="s">
        <v>31711</v>
      </c>
      <c r="D30331" s="6"/>
      <c r="E30331" s="6" t="s">
        <v>9</v>
      </c>
      <c r="F30331" s="7">
        <v>38657</v>
      </c>
      <c r="G30331" s="8">
        <v>11691144</v>
      </c>
      <c r="H30331" s="8">
        <v>11691144</v>
      </c>
      <c r="I30331" s="8">
        <v>0</v>
      </c>
      <c r="J30331" s="8">
        <v>11691144</v>
      </c>
      <c r="K30331" s="9">
        <v>2287</v>
      </c>
      <c r="L30331" s="6" t="s">
        <v>14</v>
      </c>
    </row>
    <row r="30332" spans="1:12">
      <c r="A30332" s="6" t="s">
        <v>31712</v>
      </c>
      <c r="B30332" s="6"/>
      <c r="C30332" s="6" t="s">
        <v>31713</v>
      </c>
      <c r="D30332" s="6"/>
      <c r="E30332" s="6" t="s">
        <v>18740</v>
      </c>
      <c r="F30332" s="7">
        <v>38657</v>
      </c>
      <c r="G30332" s="8">
        <v>1487592</v>
      </c>
      <c r="H30332" s="8">
        <v>1487592</v>
      </c>
      <c r="I30332" s="8">
        <v>0</v>
      </c>
      <c r="J30332" s="8">
        <v>1487592</v>
      </c>
      <c r="K30332" s="9">
        <v>291</v>
      </c>
      <c r="L30332" s="6" t="s">
        <v>23</v>
      </c>
    </row>
    <row r="30333" spans="1:12">
      <c r="A30333" s="6" t="s">
        <v>31714</v>
      </c>
      <c r="B30333" s="6"/>
      <c r="C30333" s="6" t="s">
        <v>31715</v>
      </c>
      <c r="D30333" s="6"/>
      <c r="E30333" s="6" t="s">
        <v>18740</v>
      </c>
      <c r="F30333" s="7">
        <v>38657</v>
      </c>
      <c r="G30333" s="8">
        <v>316944</v>
      </c>
      <c r="H30333" s="8">
        <v>316944</v>
      </c>
      <c r="I30333" s="8">
        <v>0</v>
      </c>
      <c r="J30333" s="8">
        <v>316944</v>
      </c>
      <c r="K30333" s="9">
        <v>62</v>
      </c>
      <c r="L30333" s="6" t="s">
        <v>23</v>
      </c>
    </row>
    <row r="30334" spans="1:12">
      <c r="A30334" s="6" t="s">
        <v>31716</v>
      </c>
      <c r="B30334" s="6"/>
      <c r="C30334" s="6" t="s">
        <v>31717</v>
      </c>
      <c r="D30334" s="6"/>
      <c r="E30334" s="6" t="s">
        <v>9</v>
      </c>
      <c r="F30334" s="7">
        <v>38657</v>
      </c>
      <c r="G30334" s="8">
        <v>243378825</v>
      </c>
      <c r="H30334" s="8">
        <v>243378825</v>
      </c>
      <c r="I30334" s="8">
        <v>0</v>
      </c>
      <c r="J30334" s="8">
        <v>243378825</v>
      </c>
      <c r="K30334" s="9">
        <v>5864.55</v>
      </c>
      <c r="L30334" s="6" t="s">
        <v>10</v>
      </c>
    </row>
    <row r="30335" spans="1:12">
      <c r="A30335" s="6" t="s">
        <v>31718</v>
      </c>
      <c r="B30335" s="6"/>
      <c r="C30335" s="6" t="s">
        <v>31719</v>
      </c>
      <c r="D30335" s="6"/>
      <c r="E30335" s="6" t="s">
        <v>18740</v>
      </c>
      <c r="F30335" s="7">
        <v>38657</v>
      </c>
      <c r="G30335" s="8">
        <v>58368</v>
      </c>
      <c r="H30335" s="8">
        <v>58368</v>
      </c>
      <c r="I30335" s="8">
        <v>0</v>
      </c>
      <c r="J30335" s="8">
        <v>58368</v>
      </c>
      <c r="K30335" s="9">
        <v>6.08</v>
      </c>
      <c r="L30335" s="6" t="s">
        <v>10</v>
      </c>
    </row>
    <row r="30336" spans="1:12">
      <c r="A30336" s="6" t="s">
        <v>31720</v>
      </c>
      <c r="B30336" s="6"/>
      <c r="C30336" s="6" t="s">
        <v>31721</v>
      </c>
      <c r="D30336" s="6"/>
      <c r="E30336" s="6" t="s">
        <v>18740</v>
      </c>
      <c r="F30336" s="7">
        <v>38657</v>
      </c>
      <c r="G30336" s="8">
        <v>172900</v>
      </c>
      <c r="H30336" s="8">
        <v>172900</v>
      </c>
      <c r="I30336" s="8">
        <v>0</v>
      </c>
      <c r="J30336" s="8">
        <v>172900</v>
      </c>
      <c r="K30336" s="9">
        <v>13</v>
      </c>
      <c r="L30336" s="6" t="s">
        <v>10</v>
      </c>
    </row>
    <row r="30337" spans="1:12">
      <c r="A30337" s="6" t="s">
        <v>31722</v>
      </c>
      <c r="B30337" s="6"/>
      <c r="C30337" s="6" t="s">
        <v>31723</v>
      </c>
      <c r="D30337" s="6"/>
      <c r="E30337" s="6" t="s">
        <v>18740</v>
      </c>
      <c r="F30337" s="7">
        <v>38657</v>
      </c>
      <c r="G30337" s="8">
        <v>214704</v>
      </c>
      <c r="H30337" s="8">
        <v>214704</v>
      </c>
      <c r="I30337" s="8">
        <v>0</v>
      </c>
      <c r="J30337" s="8">
        <v>214704</v>
      </c>
      <c r="K30337" s="9">
        <v>42</v>
      </c>
      <c r="L30337" s="6" t="s">
        <v>23</v>
      </c>
    </row>
    <row r="30338" spans="1:12">
      <c r="A30338" s="6" t="s">
        <v>31724</v>
      </c>
      <c r="B30338" s="6"/>
      <c r="C30338" s="6" t="s">
        <v>31725</v>
      </c>
      <c r="D30338" s="6"/>
      <c r="E30338" s="6" t="s">
        <v>18740</v>
      </c>
      <c r="F30338" s="7">
        <v>38657</v>
      </c>
      <c r="G30338" s="8">
        <v>127800</v>
      </c>
      <c r="H30338" s="8">
        <v>127800</v>
      </c>
      <c r="I30338" s="8">
        <v>0</v>
      </c>
      <c r="J30338" s="8">
        <v>127800</v>
      </c>
      <c r="K30338" s="9">
        <v>25</v>
      </c>
      <c r="L30338" s="6" t="s">
        <v>23</v>
      </c>
    </row>
    <row r="30339" spans="1:12">
      <c r="A30339" s="6" t="s">
        <v>31724</v>
      </c>
      <c r="B30339" s="6"/>
      <c r="C30339" s="6" t="s">
        <v>31726</v>
      </c>
      <c r="D30339" s="6"/>
      <c r="E30339" s="6" t="s">
        <v>18740</v>
      </c>
      <c r="F30339" s="7">
        <v>38657</v>
      </c>
      <c r="G30339" s="8">
        <v>143136</v>
      </c>
      <c r="H30339" s="8">
        <v>143136</v>
      </c>
      <c r="I30339" s="8">
        <v>0</v>
      </c>
      <c r="J30339" s="8">
        <v>143136</v>
      </c>
      <c r="K30339" s="9">
        <v>28</v>
      </c>
      <c r="L30339" s="6" t="s">
        <v>23</v>
      </c>
    </row>
    <row r="30340" spans="1:12">
      <c r="A30340" s="6" t="s">
        <v>31727</v>
      </c>
      <c r="B30340" s="6"/>
      <c r="C30340" s="6" t="s">
        <v>31728</v>
      </c>
      <c r="D30340" s="6"/>
      <c r="E30340" s="6" t="s">
        <v>18740</v>
      </c>
      <c r="F30340" s="7">
        <v>38657</v>
      </c>
      <c r="G30340" s="8">
        <v>148248</v>
      </c>
      <c r="H30340" s="8">
        <v>148248</v>
      </c>
      <c r="I30340" s="8">
        <v>0</v>
      </c>
      <c r="J30340" s="8">
        <v>148248</v>
      </c>
      <c r="K30340" s="9">
        <v>29</v>
      </c>
      <c r="L30340" s="6" t="s">
        <v>23</v>
      </c>
    </row>
    <row r="30341" spans="1:12">
      <c r="A30341" s="6" t="s">
        <v>31729</v>
      </c>
      <c r="B30341" s="6"/>
      <c r="C30341" s="6" t="s">
        <v>31730</v>
      </c>
      <c r="D30341" s="6"/>
      <c r="E30341" s="6" t="s">
        <v>18740</v>
      </c>
      <c r="F30341" s="7">
        <v>38657</v>
      </c>
      <c r="G30341" s="8">
        <v>362952</v>
      </c>
      <c r="H30341" s="8">
        <v>362952</v>
      </c>
      <c r="I30341" s="8">
        <v>0</v>
      </c>
      <c r="J30341" s="8">
        <v>362952</v>
      </c>
      <c r="K30341" s="9">
        <v>71</v>
      </c>
      <c r="L30341" s="6" t="s">
        <v>23</v>
      </c>
    </row>
    <row r="30342" spans="1:12">
      <c r="A30342" s="6" t="s">
        <v>31731</v>
      </c>
      <c r="B30342" s="6"/>
      <c r="C30342" s="6" t="s">
        <v>31732</v>
      </c>
      <c r="D30342" s="6"/>
      <c r="E30342" s="6" t="s">
        <v>18740</v>
      </c>
      <c r="F30342" s="7">
        <v>38657</v>
      </c>
      <c r="G30342" s="8">
        <v>31350</v>
      </c>
      <c r="H30342" s="8">
        <v>31350</v>
      </c>
      <c r="I30342" s="8">
        <v>0</v>
      </c>
      <c r="J30342" s="8">
        <v>31350</v>
      </c>
      <c r="K30342" s="9">
        <v>3.3</v>
      </c>
      <c r="L30342" s="6" t="s">
        <v>10</v>
      </c>
    </row>
    <row r="30343" spans="1:12">
      <c r="A30343" s="6" t="s">
        <v>31733</v>
      </c>
      <c r="B30343" s="6"/>
      <c r="C30343" s="6" t="s">
        <v>31734</v>
      </c>
      <c r="D30343" s="6"/>
      <c r="E30343" s="6" t="s">
        <v>18740</v>
      </c>
      <c r="F30343" s="7">
        <v>38657</v>
      </c>
      <c r="G30343" s="8">
        <v>291384</v>
      </c>
      <c r="H30343" s="8">
        <v>291384</v>
      </c>
      <c r="I30343" s="8">
        <v>0</v>
      </c>
      <c r="J30343" s="8">
        <v>291384</v>
      </c>
      <c r="K30343" s="9">
        <v>57</v>
      </c>
      <c r="L30343" s="6" t="s">
        <v>23</v>
      </c>
    </row>
    <row r="30344" spans="1:12">
      <c r="A30344" s="6" t="s">
        <v>31735</v>
      </c>
      <c r="B30344" s="6"/>
      <c r="C30344" s="6" t="s">
        <v>31736</v>
      </c>
      <c r="D30344" s="6"/>
      <c r="E30344" s="6" t="s">
        <v>18740</v>
      </c>
      <c r="F30344" s="7">
        <v>38657</v>
      </c>
      <c r="G30344" s="8">
        <v>1104192</v>
      </c>
      <c r="H30344" s="8">
        <v>1104192</v>
      </c>
      <c r="I30344" s="8">
        <v>0</v>
      </c>
      <c r="J30344" s="8">
        <v>1104192</v>
      </c>
      <c r="K30344" s="9">
        <v>216</v>
      </c>
      <c r="L30344" s="6" t="s">
        <v>23</v>
      </c>
    </row>
    <row r="30345" spans="1:12">
      <c r="A30345" s="6" t="s">
        <v>31737</v>
      </c>
      <c r="B30345" s="6"/>
      <c r="C30345" s="6" t="s">
        <v>31738</v>
      </c>
      <c r="D30345" s="6"/>
      <c r="E30345" s="6" t="s">
        <v>18740</v>
      </c>
      <c r="F30345" s="7">
        <v>38657</v>
      </c>
      <c r="G30345" s="8">
        <v>192620</v>
      </c>
      <c r="H30345" s="8">
        <v>192620</v>
      </c>
      <c r="I30345" s="8">
        <v>0</v>
      </c>
      <c r="J30345" s="8">
        <v>192620</v>
      </c>
      <c r="K30345" s="9">
        <v>37.68</v>
      </c>
      <c r="L30345" s="6" t="s">
        <v>23</v>
      </c>
    </row>
    <row r="30346" spans="1:12">
      <c r="A30346" s="6" t="s">
        <v>31739</v>
      </c>
      <c r="B30346" s="6"/>
      <c r="C30346" s="6" t="s">
        <v>31740</v>
      </c>
      <c r="D30346" s="6"/>
      <c r="E30346" s="6" t="s">
        <v>18740</v>
      </c>
      <c r="F30346" s="7">
        <v>38657</v>
      </c>
      <c r="G30346" s="8">
        <v>168696</v>
      </c>
      <c r="H30346" s="8">
        <v>168696</v>
      </c>
      <c r="I30346" s="8">
        <v>0</v>
      </c>
      <c r="J30346" s="8">
        <v>168696</v>
      </c>
      <c r="K30346" s="9">
        <v>33</v>
      </c>
      <c r="L30346" s="6" t="s">
        <v>23</v>
      </c>
    </row>
    <row r="30347" spans="1:12">
      <c r="A30347" s="6" t="s">
        <v>31741</v>
      </c>
      <c r="B30347" s="6"/>
      <c r="C30347" s="6" t="s">
        <v>31742</v>
      </c>
      <c r="D30347" s="6"/>
      <c r="E30347" s="6" t="s">
        <v>18740</v>
      </c>
      <c r="F30347" s="7">
        <v>38657</v>
      </c>
      <c r="G30347" s="8">
        <v>30825</v>
      </c>
      <c r="H30347" s="8">
        <v>30825</v>
      </c>
      <c r="I30347" s="8">
        <v>0</v>
      </c>
      <c r="J30347" s="8">
        <v>30825</v>
      </c>
      <c r="K30347" s="9">
        <v>6.03</v>
      </c>
      <c r="L30347" s="6" t="s">
        <v>23</v>
      </c>
    </row>
    <row r="30348" spans="1:12">
      <c r="A30348" s="6" t="s">
        <v>31743</v>
      </c>
      <c r="B30348" s="6"/>
      <c r="C30348" s="6" t="s">
        <v>31744</v>
      </c>
      <c r="D30348" s="6"/>
      <c r="E30348" s="6" t="s">
        <v>18740</v>
      </c>
      <c r="F30348" s="7">
        <v>38657</v>
      </c>
      <c r="G30348" s="8">
        <v>15029</v>
      </c>
      <c r="H30348" s="8">
        <v>15029</v>
      </c>
      <c r="I30348" s="8">
        <v>0</v>
      </c>
      <c r="J30348" s="8">
        <v>15029</v>
      </c>
      <c r="K30348" s="9">
        <v>2.94</v>
      </c>
      <c r="L30348" s="6" t="s">
        <v>23</v>
      </c>
    </row>
    <row r="30349" spans="1:12">
      <c r="A30349" s="6" t="s">
        <v>31745</v>
      </c>
      <c r="B30349" s="6"/>
      <c r="C30349" s="6" t="s">
        <v>31746</v>
      </c>
      <c r="D30349" s="6"/>
      <c r="E30349" s="6" t="s">
        <v>9</v>
      </c>
      <c r="F30349" s="7">
        <v>38657</v>
      </c>
      <c r="G30349" s="8">
        <v>700344</v>
      </c>
      <c r="H30349" s="8">
        <v>700344</v>
      </c>
      <c r="I30349" s="8">
        <v>0</v>
      </c>
      <c r="J30349" s="8">
        <v>700344</v>
      </c>
      <c r="K30349" s="9">
        <v>137</v>
      </c>
      <c r="L30349" s="6" t="s">
        <v>14</v>
      </c>
    </row>
    <row r="30350" spans="1:12">
      <c r="A30350" s="6" t="s">
        <v>31747</v>
      </c>
      <c r="B30350" s="6"/>
      <c r="C30350" s="6" t="s">
        <v>31748</v>
      </c>
      <c r="D30350" s="6"/>
      <c r="E30350" s="6" t="s">
        <v>18740</v>
      </c>
      <c r="F30350" s="7">
        <v>38657</v>
      </c>
      <c r="G30350" s="8">
        <v>92016</v>
      </c>
      <c r="H30350" s="8">
        <v>92016</v>
      </c>
      <c r="I30350" s="8">
        <v>0</v>
      </c>
      <c r="J30350" s="8">
        <v>92016</v>
      </c>
      <c r="K30350" s="9">
        <v>18</v>
      </c>
      <c r="L30350" s="6" t="s">
        <v>23</v>
      </c>
    </row>
    <row r="30351" spans="1:12">
      <c r="A30351" s="6" t="s">
        <v>31749</v>
      </c>
      <c r="B30351" s="6"/>
      <c r="C30351" s="6" t="s">
        <v>31750</v>
      </c>
      <c r="D30351" s="6"/>
      <c r="E30351" s="6" t="s">
        <v>9</v>
      </c>
      <c r="F30351" s="7">
        <v>38657</v>
      </c>
      <c r="G30351" s="8">
        <v>925272</v>
      </c>
      <c r="H30351" s="8">
        <v>925272</v>
      </c>
      <c r="I30351" s="8">
        <v>0</v>
      </c>
      <c r="J30351" s="8">
        <v>925272</v>
      </c>
      <c r="K30351" s="9">
        <v>181</v>
      </c>
      <c r="L30351" s="6" t="s">
        <v>23</v>
      </c>
    </row>
    <row r="30352" spans="1:12">
      <c r="A30352" s="6" t="s">
        <v>31749</v>
      </c>
      <c r="B30352" s="6"/>
      <c r="C30352" s="6" t="s">
        <v>31751</v>
      </c>
      <c r="D30352" s="6"/>
      <c r="E30352" s="6" t="s">
        <v>9</v>
      </c>
      <c r="F30352" s="7">
        <v>38657</v>
      </c>
      <c r="G30352" s="8">
        <v>1231992</v>
      </c>
      <c r="H30352" s="8">
        <v>1231992</v>
      </c>
      <c r="I30352" s="8">
        <v>0</v>
      </c>
      <c r="J30352" s="8">
        <v>1231992</v>
      </c>
      <c r="K30352" s="9">
        <v>241</v>
      </c>
      <c r="L30352" s="6" t="s">
        <v>23</v>
      </c>
    </row>
    <row r="30353" spans="1:12">
      <c r="A30353" s="6" t="s">
        <v>31749</v>
      </c>
      <c r="B30353" s="6"/>
      <c r="C30353" s="6" t="s">
        <v>31752</v>
      </c>
      <c r="D30353" s="6"/>
      <c r="E30353" s="6" t="s">
        <v>9</v>
      </c>
      <c r="F30353" s="7">
        <v>38657</v>
      </c>
      <c r="G30353" s="8">
        <v>2044800</v>
      </c>
      <c r="H30353" s="8">
        <v>2044800</v>
      </c>
      <c r="I30353" s="8">
        <v>0</v>
      </c>
      <c r="J30353" s="8">
        <v>2044800</v>
      </c>
      <c r="K30353" s="9">
        <v>400</v>
      </c>
      <c r="L30353" s="6" t="s">
        <v>23</v>
      </c>
    </row>
    <row r="30354" spans="1:12">
      <c r="A30354" s="6" t="s">
        <v>31749</v>
      </c>
      <c r="B30354" s="6"/>
      <c r="C30354" s="6" t="s">
        <v>31753</v>
      </c>
      <c r="D30354" s="6"/>
      <c r="E30354" s="6" t="s">
        <v>9</v>
      </c>
      <c r="F30354" s="7">
        <v>39616</v>
      </c>
      <c r="G30354" s="8">
        <v>1</v>
      </c>
      <c r="H30354" s="8">
        <v>1</v>
      </c>
      <c r="I30354" s="8">
        <v>0</v>
      </c>
      <c r="J30354" s="8">
        <v>1</v>
      </c>
      <c r="K30354" s="9">
        <v>1175</v>
      </c>
      <c r="L30354" s="6" t="s">
        <v>23</v>
      </c>
    </row>
    <row r="30355" spans="1:12">
      <c r="A30355" s="6" t="s">
        <v>31754</v>
      </c>
      <c r="B30355" s="6"/>
      <c r="C30355" s="6" t="s">
        <v>31755</v>
      </c>
      <c r="D30355" s="6"/>
      <c r="E30355" s="6" t="s">
        <v>18740</v>
      </c>
      <c r="F30355" s="7">
        <v>38657</v>
      </c>
      <c r="G30355" s="8">
        <v>1226</v>
      </c>
      <c r="H30355" s="8">
        <v>1226</v>
      </c>
      <c r="I30355" s="8">
        <v>0</v>
      </c>
      <c r="J30355" s="8">
        <v>1226</v>
      </c>
      <c r="K30355" s="9">
        <v>0.24</v>
      </c>
      <c r="L30355" s="6" t="s">
        <v>23</v>
      </c>
    </row>
    <row r="30356" spans="1:12">
      <c r="A30356" s="6" t="s">
        <v>31754</v>
      </c>
      <c r="B30356" s="6"/>
      <c r="C30356" s="6" t="s">
        <v>31756</v>
      </c>
      <c r="D30356" s="6"/>
      <c r="E30356" s="6" t="s">
        <v>18740</v>
      </c>
      <c r="F30356" s="7">
        <v>38657</v>
      </c>
      <c r="G30356" s="8">
        <v>86904</v>
      </c>
      <c r="H30356" s="8">
        <v>86904</v>
      </c>
      <c r="I30356" s="8">
        <v>0</v>
      </c>
      <c r="J30356" s="8">
        <v>86904</v>
      </c>
      <c r="K30356" s="9">
        <v>17</v>
      </c>
      <c r="L30356" s="6" t="s">
        <v>23</v>
      </c>
    </row>
    <row r="30357" spans="1:12">
      <c r="A30357" s="6" t="s">
        <v>31754</v>
      </c>
      <c r="B30357" s="6"/>
      <c r="C30357" s="6" t="s">
        <v>31757</v>
      </c>
      <c r="D30357" s="6"/>
      <c r="E30357" s="6" t="s">
        <v>18740</v>
      </c>
      <c r="F30357" s="7">
        <v>38657</v>
      </c>
      <c r="G30357" s="8">
        <v>102240</v>
      </c>
      <c r="H30357" s="8">
        <v>102240</v>
      </c>
      <c r="I30357" s="8">
        <v>0</v>
      </c>
      <c r="J30357" s="8">
        <v>102240</v>
      </c>
      <c r="K30357" s="9">
        <v>20</v>
      </c>
      <c r="L30357" s="6" t="s">
        <v>23</v>
      </c>
    </row>
    <row r="30358" spans="1:12">
      <c r="A30358" s="6" t="s">
        <v>31758</v>
      </c>
      <c r="B30358" s="6"/>
      <c r="C30358" s="6" t="s">
        <v>31759</v>
      </c>
      <c r="D30358" s="6"/>
      <c r="E30358" s="6" t="s">
        <v>9</v>
      </c>
      <c r="F30358" s="7">
        <v>38657</v>
      </c>
      <c r="G30358" s="8">
        <v>318831800</v>
      </c>
      <c r="H30358" s="8">
        <v>318831800</v>
      </c>
      <c r="I30358" s="8">
        <v>0</v>
      </c>
      <c r="J30358" s="8">
        <v>318831800</v>
      </c>
      <c r="K30358" s="9">
        <v>7853</v>
      </c>
      <c r="L30358" s="6" t="s">
        <v>1694</v>
      </c>
    </row>
    <row r="30359" spans="1:12">
      <c r="A30359" s="6" t="s">
        <v>31758</v>
      </c>
      <c r="B30359" s="6"/>
      <c r="C30359" s="6" t="s">
        <v>31760</v>
      </c>
      <c r="D30359" s="6"/>
      <c r="E30359" s="6" t="s">
        <v>9</v>
      </c>
      <c r="F30359" s="7">
        <v>38657</v>
      </c>
      <c r="G30359" s="8">
        <v>118491506</v>
      </c>
      <c r="H30359" s="8">
        <v>118491506</v>
      </c>
      <c r="I30359" s="8">
        <v>0</v>
      </c>
      <c r="J30359" s="8">
        <v>118491506</v>
      </c>
      <c r="K30359" s="9">
        <v>2918.51</v>
      </c>
      <c r="L30359" s="6" t="s">
        <v>1694</v>
      </c>
    </row>
    <row r="30360" spans="1:12">
      <c r="A30360" s="6" t="s">
        <v>31758</v>
      </c>
      <c r="B30360" s="6"/>
      <c r="C30360" s="6" t="s">
        <v>31761</v>
      </c>
      <c r="D30360" s="6"/>
      <c r="E30360" s="6" t="s">
        <v>9</v>
      </c>
      <c r="F30360" s="7">
        <v>38657</v>
      </c>
      <c r="G30360" s="8">
        <v>12667200</v>
      </c>
      <c r="H30360" s="8">
        <v>12667200</v>
      </c>
      <c r="I30360" s="8">
        <v>0</v>
      </c>
      <c r="J30360" s="8">
        <v>12667200</v>
      </c>
      <c r="K30360" s="9">
        <v>312</v>
      </c>
      <c r="L30360" s="6" t="s">
        <v>1694</v>
      </c>
    </row>
    <row r="30361" spans="1:12">
      <c r="A30361" s="6" t="s">
        <v>31758</v>
      </c>
      <c r="B30361" s="6"/>
      <c r="C30361" s="6" t="s">
        <v>31762</v>
      </c>
      <c r="D30361" s="6"/>
      <c r="E30361" s="6" t="s">
        <v>9</v>
      </c>
      <c r="F30361" s="7">
        <v>38657</v>
      </c>
      <c r="G30361" s="8">
        <v>619718400</v>
      </c>
      <c r="H30361" s="8">
        <v>619718400</v>
      </c>
      <c r="I30361" s="8">
        <v>0</v>
      </c>
      <c r="J30361" s="8">
        <v>619718400</v>
      </c>
      <c r="K30361" s="9">
        <v>15264</v>
      </c>
      <c r="L30361" s="6" t="s">
        <v>1694</v>
      </c>
    </row>
    <row r="30362" spans="1:12">
      <c r="A30362" s="6" t="s">
        <v>31758</v>
      </c>
      <c r="B30362" s="6"/>
      <c r="C30362" s="6" t="s">
        <v>31763</v>
      </c>
      <c r="D30362" s="6"/>
      <c r="E30362" s="6" t="s">
        <v>9</v>
      </c>
      <c r="F30362" s="7">
        <v>38657</v>
      </c>
      <c r="G30362" s="8">
        <v>7226800</v>
      </c>
      <c r="H30362" s="8">
        <v>7226800</v>
      </c>
      <c r="I30362" s="8">
        <v>0</v>
      </c>
      <c r="J30362" s="8">
        <v>7226800</v>
      </c>
      <c r="K30362" s="9">
        <v>178</v>
      </c>
      <c r="L30362" s="6" t="s">
        <v>1694</v>
      </c>
    </row>
    <row r="30363" spans="1:12">
      <c r="A30363" s="6" t="s">
        <v>31758</v>
      </c>
      <c r="B30363" s="6"/>
      <c r="C30363" s="6" t="s">
        <v>31764</v>
      </c>
      <c r="D30363" s="6"/>
      <c r="E30363" s="6" t="s">
        <v>9</v>
      </c>
      <c r="F30363" s="7">
        <v>38657</v>
      </c>
      <c r="G30363" s="8">
        <v>152453000</v>
      </c>
      <c r="H30363" s="8">
        <v>152453000</v>
      </c>
      <c r="I30363" s="8">
        <v>0</v>
      </c>
      <c r="J30363" s="8">
        <v>152453000</v>
      </c>
      <c r="K30363" s="9">
        <v>3755</v>
      </c>
      <c r="L30363" s="6" t="s">
        <v>1694</v>
      </c>
    </row>
    <row r="30364" spans="1:12">
      <c r="A30364" s="6" t="s">
        <v>31758</v>
      </c>
      <c r="B30364" s="6"/>
      <c r="C30364" s="6" t="s">
        <v>31765</v>
      </c>
      <c r="D30364" s="6"/>
      <c r="E30364" s="6" t="s">
        <v>9</v>
      </c>
      <c r="F30364" s="7">
        <v>38657</v>
      </c>
      <c r="G30364" s="8">
        <v>18391800</v>
      </c>
      <c r="H30364" s="8">
        <v>18391800</v>
      </c>
      <c r="I30364" s="8">
        <v>0</v>
      </c>
      <c r="J30364" s="8">
        <v>18391800</v>
      </c>
      <c r="K30364" s="9">
        <v>453</v>
      </c>
      <c r="L30364" s="6" t="s">
        <v>1694</v>
      </c>
    </row>
    <row r="30365" spans="1:12">
      <c r="A30365" s="6" t="s">
        <v>31766</v>
      </c>
      <c r="B30365" s="6"/>
      <c r="C30365" s="6" t="s">
        <v>31767</v>
      </c>
      <c r="D30365" s="6"/>
      <c r="E30365" s="6" t="s">
        <v>18740</v>
      </c>
      <c r="F30365" s="7">
        <v>38657</v>
      </c>
      <c r="G30365" s="8">
        <v>260712</v>
      </c>
      <c r="H30365" s="8">
        <v>260712</v>
      </c>
      <c r="I30365" s="8">
        <v>0</v>
      </c>
      <c r="J30365" s="8">
        <v>260712</v>
      </c>
      <c r="K30365" s="9">
        <v>51</v>
      </c>
      <c r="L30365" s="6" t="s">
        <v>23</v>
      </c>
    </row>
    <row r="30366" spans="1:12">
      <c r="A30366" s="6" t="s">
        <v>31768</v>
      </c>
      <c r="B30366" s="6"/>
      <c r="C30366" s="6" t="s">
        <v>31769</v>
      </c>
      <c r="D30366" s="6"/>
      <c r="E30366" s="6" t="s">
        <v>18740</v>
      </c>
      <c r="F30366" s="7">
        <v>38657</v>
      </c>
      <c r="G30366" s="8">
        <v>1127160</v>
      </c>
      <c r="H30366" s="8">
        <v>1127160</v>
      </c>
      <c r="I30366" s="8">
        <v>0</v>
      </c>
      <c r="J30366" s="8">
        <v>1127160</v>
      </c>
      <c r="K30366" s="9">
        <v>72.72</v>
      </c>
      <c r="L30366" s="6" t="s">
        <v>10</v>
      </c>
    </row>
    <row r="30367" spans="1:12">
      <c r="A30367" s="6" t="s">
        <v>31770</v>
      </c>
      <c r="B30367" s="6"/>
      <c r="C30367" s="6" t="s">
        <v>31771</v>
      </c>
      <c r="D30367" s="6"/>
      <c r="E30367" s="6" t="s">
        <v>18740</v>
      </c>
      <c r="F30367" s="7">
        <v>38657</v>
      </c>
      <c r="G30367" s="8">
        <v>450895</v>
      </c>
      <c r="H30367" s="8">
        <v>450895</v>
      </c>
      <c r="I30367" s="8">
        <v>0</v>
      </c>
      <c r="J30367" s="8">
        <v>450895</v>
      </c>
      <c r="K30367" s="9">
        <v>29.09</v>
      </c>
      <c r="L30367" s="6" t="s">
        <v>10</v>
      </c>
    </row>
    <row r="30368" spans="1:12">
      <c r="A30368" s="6" t="s">
        <v>31770</v>
      </c>
      <c r="B30368" s="6"/>
      <c r="C30368" s="6" t="s">
        <v>31772</v>
      </c>
      <c r="D30368" s="6"/>
      <c r="E30368" s="6" t="s">
        <v>18740</v>
      </c>
      <c r="F30368" s="7">
        <v>38657</v>
      </c>
      <c r="G30368" s="8">
        <v>625115</v>
      </c>
      <c r="H30368" s="8">
        <v>625115</v>
      </c>
      <c r="I30368" s="8">
        <v>0</v>
      </c>
      <c r="J30368" s="8">
        <v>625115</v>
      </c>
      <c r="K30368" s="9">
        <v>40.33</v>
      </c>
      <c r="L30368" s="6" t="s">
        <v>10</v>
      </c>
    </row>
    <row r="30369" spans="1:12">
      <c r="A30369" s="6" t="s">
        <v>31773</v>
      </c>
      <c r="B30369" s="6"/>
      <c r="C30369" s="6" t="s">
        <v>31774</v>
      </c>
      <c r="D30369" s="6"/>
      <c r="E30369" s="6" t="s">
        <v>18740</v>
      </c>
      <c r="F30369" s="7">
        <v>38657</v>
      </c>
      <c r="G30369" s="8">
        <v>404320</v>
      </c>
      <c r="H30369" s="8">
        <v>404320</v>
      </c>
      <c r="I30369" s="8">
        <v>0</v>
      </c>
      <c r="J30369" s="8">
        <v>404320</v>
      </c>
      <c r="K30369" s="9">
        <v>21.28</v>
      </c>
      <c r="L30369" s="6" t="s">
        <v>10</v>
      </c>
    </row>
    <row r="30370" spans="1:12">
      <c r="A30370" s="6" t="s">
        <v>31775</v>
      </c>
      <c r="B30370" s="6"/>
      <c r="C30370" s="6" t="s">
        <v>31776</v>
      </c>
      <c r="D30370" s="6"/>
      <c r="E30370" s="6" t="s">
        <v>18740</v>
      </c>
      <c r="F30370" s="7">
        <v>38657</v>
      </c>
      <c r="G30370" s="8">
        <v>286000</v>
      </c>
      <c r="H30370" s="8">
        <v>286000</v>
      </c>
      <c r="I30370" s="8">
        <v>0</v>
      </c>
      <c r="J30370" s="8">
        <v>286000</v>
      </c>
      <c r="K30370" s="9">
        <v>13</v>
      </c>
      <c r="L30370" s="6" t="s">
        <v>10</v>
      </c>
    </row>
    <row r="30371" spans="1:12">
      <c r="A30371" s="6" t="s">
        <v>31775</v>
      </c>
      <c r="B30371" s="6"/>
      <c r="C30371" s="6" t="s">
        <v>31777</v>
      </c>
      <c r="D30371" s="6"/>
      <c r="E30371" s="6" t="s">
        <v>18740</v>
      </c>
      <c r="F30371" s="7">
        <v>38657</v>
      </c>
      <c r="G30371" s="8">
        <v>352000</v>
      </c>
      <c r="H30371" s="8">
        <v>352000</v>
      </c>
      <c r="I30371" s="8">
        <v>0</v>
      </c>
      <c r="J30371" s="8">
        <v>352000</v>
      </c>
      <c r="K30371" s="9">
        <v>16</v>
      </c>
      <c r="L30371" s="6" t="s">
        <v>10</v>
      </c>
    </row>
    <row r="30372" spans="1:12">
      <c r="A30372" s="6" t="s">
        <v>31775</v>
      </c>
      <c r="B30372" s="6"/>
      <c r="C30372" s="6" t="s">
        <v>31778</v>
      </c>
      <c r="D30372" s="6"/>
      <c r="E30372" s="6" t="s">
        <v>18740</v>
      </c>
      <c r="F30372" s="7">
        <v>38657</v>
      </c>
      <c r="G30372" s="8">
        <v>72600</v>
      </c>
      <c r="H30372" s="8">
        <v>72600</v>
      </c>
      <c r="I30372" s="8">
        <v>0</v>
      </c>
      <c r="J30372" s="8">
        <v>72600</v>
      </c>
      <c r="K30372" s="9">
        <v>3.3</v>
      </c>
      <c r="L30372" s="6" t="s">
        <v>10</v>
      </c>
    </row>
    <row r="30373" spans="1:12">
      <c r="A30373" s="6" t="s">
        <v>31779</v>
      </c>
      <c r="B30373" s="6"/>
      <c r="C30373" s="6" t="s">
        <v>31780</v>
      </c>
      <c r="D30373" s="6"/>
      <c r="E30373" s="6" t="s">
        <v>18740</v>
      </c>
      <c r="F30373" s="7">
        <v>38657</v>
      </c>
      <c r="G30373" s="8">
        <v>17994</v>
      </c>
      <c r="H30373" s="8">
        <v>17994</v>
      </c>
      <c r="I30373" s="8">
        <v>0</v>
      </c>
      <c r="J30373" s="8">
        <v>17994</v>
      </c>
      <c r="K30373" s="9">
        <v>3.52</v>
      </c>
      <c r="L30373" s="6" t="s">
        <v>23</v>
      </c>
    </row>
    <row r="30374" spans="1:12">
      <c r="A30374" s="6" t="s">
        <v>31781</v>
      </c>
      <c r="B30374" s="6"/>
      <c r="C30374" s="6" t="s">
        <v>31782</v>
      </c>
      <c r="D30374" s="6"/>
      <c r="E30374" s="6" t="s">
        <v>18740</v>
      </c>
      <c r="F30374" s="7">
        <v>38657</v>
      </c>
      <c r="G30374" s="8">
        <v>2382192</v>
      </c>
      <c r="H30374" s="8">
        <v>2382192</v>
      </c>
      <c r="I30374" s="8">
        <v>0</v>
      </c>
      <c r="J30374" s="8">
        <v>2382192</v>
      </c>
      <c r="K30374" s="9">
        <v>466</v>
      </c>
      <c r="L30374" s="6" t="s">
        <v>14</v>
      </c>
    </row>
    <row r="30375" spans="1:12">
      <c r="A30375" s="6" t="s">
        <v>31781</v>
      </c>
      <c r="B30375" s="6"/>
      <c r="C30375" s="6" t="s">
        <v>31783</v>
      </c>
      <c r="D30375" s="6"/>
      <c r="E30375" s="6" t="s">
        <v>18740</v>
      </c>
      <c r="F30375" s="7">
        <v>38657</v>
      </c>
      <c r="G30375" s="8">
        <v>725904</v>
      </c>
      <c r="H30375" s="8">
        <v>725904</v>
      </c>
      <c r="I30375" s="8">
        <v>0</v>
      </c>
      <c r="J30375" s="8">
        <v>725904</v>
      </c>
      <c r="K30375" s="9">
        <v>142</v>
      </c>
      <c r="L30375" s="6" t="s">
        <v>14</v>
      </c>
    </row>
    <row r="30376" spans="1:12">
      <c r="A30376" s="6" t="s">
        <v>31781</v>
      </c>
      <c r="B30376" s="6"/>
      <c r="C30376" s="6" t="s">
        <v>31784</v>
      </c>
      <c r="D30376" s="6"/>
      <c r="E30376" s="6" t="s">
        <v>18740</v>
      </c>
      <c r="F30376" s="7">
        <v>38657</v>
      </c>
      <c r="G30376" s="8">
        <v>316944</v>
      </c>
      <c r="H30376" s="8">
        <v>316944</v>
      </c>
      <c r="I30376" s="8">
        <v>0</v>
      </c>
      <c r="J30376" s="8">
        <v>316944</v>
      </c>
      <c r="K30376" s="9">
        <v>62</v>
      </c>
      <c r="L30376" s="6" t="s">
        <v>14</v>
      </c>
    </row>
    <row r="30377" spans="1:12">
      <c r="A30377" s="6" t="s">
        <v>31781</v>
      </c>
      <c r="B30377" s="6"/>
      <c r="C30377" s="6" t="s">
        <v>31785</v>
      </c>
      <c r="D30377" s="6"/>
      <c r="E30377" s="6" t="s">
        <v>18740</v>
      </c>
      <c r="F30377" s="7">
        <v>38657</v>
      </c>
      <c r="G30377" s="8">
        <v>1262664</v>
      </c>
      <c r="H30377" s="8">
        <v>1262664</v>
      </c>
      <c r="I30377" s="8">
        <v>0</v>
      </c>
      <c r="J30377" s="8">
        <v>1262664</v>
      </c>
      <c r="K30377" s="9">
        <v>247</v>
      </c>
      <c r="L30377" s="6" t="s">
        <v>14</v>
      </c>
    </row>
    <row r="30378" spans="1:12">
      <c r="A30378" s="6" t="s">
        <v>31781</v>
      </c>
      <c r="B30378" s="6"/>
      <c r="C30378" s="6" t="s">
        <v>31786</v>
      </c>
      <c r="D30378" s="6"/>
      <c r="E30378" s="6" t="s">
        <v>18740</v>
      </c>
      <c r="F30378" s="7">
        <v>38657</v>
      </c>
      <c r="G30378" s="8">
        <v>894600</v>
      </c>
      <c r="H30378" s="8">
        <v>894600</v>
      </c>
      <c r="I30378" s="8">
        <v>0</v>
      </c>
      <c r="J30378" s="8">
        <v>894600</v>
      </c>
      <c r="K30378" s="9">
        <v>175</v>
      </c>
      <c r="L30378" s="6" t="s">
        <v>14</v>
      </c>
    </row>
    <row r="30379" spans="1:12">
      <c r="A30379" s="6" t="s">
        <v>31781</v>
      </c>
      <c r="B30379" s="6"/>
      <c r="C30379" s="6" t="s">
        <v>31787</v>
      </c>
      <c r="D30379" s="6"/>
      <c r="E30379" s="6" t="s">
        <v>18740</v>
      </c>
      <c r="F30379" s="7">
        <v>38657</v>
      </c>
      <c r="G30379" s="8">
        <v>2602008</v>
      </c>
      <c r="H30379" s="8">
        <v>2602008</v>
      </c>
      <c r="I30379" s="8">
        <v>0</v>
      </c>
      <c r="J30379" s="8">
        <v>2602008</v>
      </c>
      <c r="K30379" s="9">
        <v>509</v>
      </c>
      <c r="L30379" s="6" t="s">
        <v>14</v>
      </c>
    </row>
    <row r="30380" spans="1:12">
      <c r="A30380" s="6" t="s">
        <v>31781</v>
      </c>
      <c r="B30380" s="6"/>
      <c r="C30380" s="6" t="s">
        <v>31788</v>
      </c>
      <c r="D30380" s="6"/>
      <c r="E30380" s="6" t="s">
        <v>18740</v>
      </c>
      <c r="F30380" s="7">
        <v>38657</v>
      </c>
      <c r="G30380" s="8">
        <v>536760</v>
      </c>
      <c r="H30380" s="8">
        <v>536760</v>
      </c>
      <c r="I30380" s="8">
        <v>0</v>
      </c>
      <c r="J30380" s="8">
        <v>536760</v>
      </c>
      <c r="K30380" s="9">
        <v>105</v>
      </c>
      <c r="L30380" s="6" t="s">
        <v>14</v>
      </c>
    </row>
    <row r="30381" spans="1:12">
      <c r="A30381" s="6" t="s">
        <v>31781</v>
      </c>
      <c r="B30381" s="6"/>
      <c r="C30381" s="6" t="s">
        <v>31789</v>
      </c>
      <c r="D30381" s="6"/>
      <c r="E30381" s="6" t="s">
        <v>18740</v>
      </c>
      <c r="F30381" s="7">
        <v>38657</v>
      </c>
      <c r="G30381" s="8">
        <v>1467144</v>
      </c>
      <c r="H30381" s="8">
        <v>1467144</v>
      </c>
      <c r="I30381" s="8">
        <v>0</v>
      </c>
      <c r="J30381" s="8">
        <v>1467144</v>
      </c>
      <c r="K30381" s="9">
        <v>287</v>
      </c>
      <c r="L30381" s="6" t="s">
        <v>14</v>
      </c>
    </row>
    <row r="30382" spans="1:12">
      <c r="A30382" s="6" t="s">
        <v>31781</v>
      </c>
      <c r="B30382" s="6"/>
      <c r="C30382" s="6" t="s">
        <v>31790</v>
      </c>
      <c r="D30382" s="6"/>
      <c r="E30382" s="6" t="s">
        <v>18740</v>
      </c>
      <c r="F30382" s="7">
        <v>38657</v>
      </c>
      <c r="G30382" s="8">
        <v>1283112</v>
      </c>
      <c r="H30382" s="8">
        <v>1283112</v>
      </c>
      <c r="I30382" s="8">
        <v>0</v>
      </c>
      <c r="J30382" s="8">
        <v>1283112</v>
      </c>
      <c r="K30382" s="9">
        <v>251</v>
      </c>
      <c r="L30382" s="6" t="s">
        <v>14</v>
      </c>
    </row>
    <row r="30383" spans="1:12">
      <c r="A30383" s="6" t="s">
        <v>31781</v>
      </c>
      <c r="B30383" s="6"/>
      <c r="C30383" s="6" t="s">
        <v>31791</v>
      </c>
      <c r="D30383" s="6"/>
      <c r="E30383" s="6" t="s">
        <v>18740</v>
      </c>
      <c r="F30383" s="7">
        <v>38657</v>
      </c>
      <c r="G30383" s="8">
        <v>1129752</v>
      </c>
      <c r="H30383" s="8">
        <v>1129752</v>
      </c>
      <c r="I30383" s="8">
        <v>0</v>
      </c>
      <c r="J30383" s="8">
        <v>1129752</v>
      </c>
      <c r="K30383" s="9">
        <v>221</v>
      </c>
      <c r="L30383" s="6" t="s">
        <v>14</v>
      </c>
    </row>
    <row r="30384" spans="1:12">
      <c r="A30384" s="6" t="s">
        <v>31781</v>
      </c>
      <c r="B30384" s="6"/>
      <c r="C30384" s="6" t="s">
        <v>31792</v>
      </c>
      <c r="D30384" s="6"/>
      <c r="E30384" s="6" t="s">
        <v>18740</v>
      </c>
      <c r="F30384" s="7">
        <v>38657</v>
      </c>
      <c r="G30384" s="8">
        <v>1313784</v>
      </c>
      <c r="H30384" s="8">
        <v>1313784</v>
      </c>
      <c r="I30384" s="8">
        <v>0</v>
      </c>
      <c r="J30384" s="8">
        <v>1313784</v>
      </c>
      <c r="K30384" s="9">
        <v>257</v>
      </c>
      <c r="L30384" s="6" t="s">
        <v>14</v>
      </c>
    </row>
    <row r="30385" spans="1:12">
      <c r="A30385" s="6" t="s">
        <v>31793</v>
      </c>
      <c r="B30385" s="6"/>
      <c r="C30385" s="6" t="s">
        <v>31794</v>
      </c>
      <c r="D30385" s="6"/>
      <c r="E30385" s="6" t="s">
        <v>18740</v>
      </c>
      <c r="F30385" s="7">
        <v>38657</v>
      </c>
      <c r="G30385" s="8">
        <v>9184800</v>
      </c>
      <c r="H30385" s="8">
        <v>9184800</v>
      </c>
      <c r="I30385" s="8">
        <v>0</v>
      </c>
      <c r="J30385" s="8">
        <v>9184800</v>
      </c>
      <c r="K30385" s="9">
        <v>258</v>
      </c>
      <c r="L30385" s="6" t="s">
        <v>1694</v>
      </c>
    </row>
    <row r="30386" spans="1:12">
      <c r="A30386" s="6" t="s">
        <v>31793</v>
      </c>
      <c r="B30386" s="6"/>
      <c r="C30386" s="6" t="s">
        <v>31795</v>
      </c>
      <c r="D30386" s="6"/>
      <c r="E30386" s="6" t="s">
        <v>18740</v>
      </c>
      <c r="F30386" s="7">
        <v>38657</v>
      </c>
      <c r="G30386" s="8">
        <v>15155414</v>
      </c>
      <c r="H30386" s="8">
        <v>15155414</v>
      </c>
      <c r="I30386" s="8">
        <v>0</v>
      </c>
      <c r="J30386" s="8">
        <v>15155414</v>
      </c>
      <c r="K30386" s="9">
        <v>464.89</v>
      </c>
      <c r="L30386" s="6" t="s">
        <v>1694</v>
      </c>
    </row>
    <row r="30387" spans="1:12">
      <c r="A30387" s="6" t="s">
        <v>31793</v>
      </c>
      <c r="B30387" s="6"/>
      <c r="C30387" s="6" t="s">
        <v>31796</v>
      </c>
      <c r="D30387" s="6"/>
      <c r="E30387" s="6" t="s">
        <v>18740</v>
      </c>
      <c r="F30387" s="7">
        <v>38657</v>
      </c>
      <c r="G30387" s="8">
        <v>7465400</v>
      </c>
      <c r="H30387" s="8">
        <v>7465400</v>
      </c>
      <c r="I30387" s="8">
        <v>0</v>
      </c>
      <c r="J30387" s="8">
        <v>7465400</v>
      </c>
      <c r="K30387" s="9">
        <v>229</v>
      </c>
      <c r="L30387" s="6" t="s">
        <v>1694</v>
      </c>
    </row>
    <row r="30388" spans="1:12">
      <c r="A30388" s="6" t="s">
        <v>31793</v>
      </c>
      <c r="B30388" s="6"/>
      <c r="C30388" s="6" t="s">
        <v>31797</v>
      </c>
      <c r="D30388" s="6"/>
      <c r="E30388" s="6" t="s">
        <v>18740</v>
      </c>
      <c r="F30388" s="7">
        <v>38657</v>
      </c>
      <c r="G30388" s="8">
        <v>3325200</v>
      </c>
      <c r="H30388" s="8">
        <v>3325200</v>
      </c>
      <c r="I30388" s="8">
        <v>0</v>
      </c>
      <c r="J30388" s="8">
        <v>3325200</v>
      </c>
      <c r="K30388" s="9">
        <v>102</v>
      </c>
      <c r="L30388" s="6" t="s">
        <v>1694</v>
      </c>
    </row>
    <row r="30389" spans="1:12">
      <c r="A30389" s="6" t="s">
        <v>31793</v>
      </c>
      <c r="B30389" s="6"/>
      <c r="C30389" s="6" t="s">
        <v>31798</v>
      </c>
      <c r="D30389" s="6"/>
      <c r="E30389" s="6" t="s">
        <v>18740</v>
      </c>
      <c r="F30389" s="7">
        <v>38657</v>
      </c>
      <c r="G30389" s="8">
        <v>17017200</v>
      </c>
      <c r="H30389" s="8">
        <v>17017200</v>
      </c>
      <c r="I30389" s="8">
        <v>0</v>
      </c>
      <c r="J30389" s="8">
        <v>17017200</v>
      </c>
      <c r="K30389" s="9">
        <v>522</v>
      </c>
      <c r="L30389" s="6" t="s">
        <v>1694</v>
      </c>
    </row>
    <row r="30390" spans="1:12">
      <c r="A30390" s="6" t="s">
        <v>31799</v>
      </c>
      <c r="B30390" s="6"/>
      <c r="C30390" s="6" t="s">
        <v>31800</v>
      </c>
      <c r="D30390" s="6"/>
      <c r="E30390" s="6" t="s">
        <v>9</v>
      </c>
      <c r="F30390" s="7">
        <v>38657</v>
      </c>
      <c r="G30390" s="8">
        <v>13308225</v>
      </c>
      <c r="H30390" s="8">
        <v>13308225</v>
      </c>
      <c r="I30390" s="8">
        <v>0</v>
      </c>
      <c r="J30390" s="8">
        <v>13308225</v>
      </c>
      <c r="K30390" s="9">
        <v>760.47</v>
      </c>
      <c r="L30390" s="6" t="s">
        <v>10</v>
      </c>
    </row>
    <row r="30391" spans="1:12">
      <c r="A30391" s="6" t="s">
        <v>31799</v>
      </c>
      <c r="B30391" s="6"/>
      <c r="C30391" s="6" t="s">
        <v>31801</v>
      </c>
      <c r="D30391" s="6"/>
      <c r="E30391" s="6" t="s">
        <v>9</v>
      </c>
      <c r="F30391" s="7">
        <v>38657</v>
      </c>
      <c r="G30391" s="8">
        <v>7149625</v>
      </c>
      <c r="H30391" s="8">
        <v>7149625</v>
      </c>
      <c r="I30391" s="8">
        <v>0</v>
      </c>
      <c r="J30391" s="8">
        <v>7149625</v>
      </c>
      <c r="K30391" s="9">
        <v>408.55</v>
      </c>
      <c r="L30391" s="6" t="s">
        <v>10</v>
      </c>
    </row>
    <row r="30392" spans="1:12">
      <c r="A30392" s="6" t="s">
        <v>31799</v>
      </c>
      <c r="B30392" s="6"/>
      <c r="C30392" s="6" t="s">
        <v>31802</v>
      </c>
      <c r="D30392" s="6"/>
      <c r="E30392" s="6" t="s">
        <v>9</v>
      </c>
      <c r="F30392" s="7">
        <v>38657</v>
      </c>
      <c r="G30392" s="8">
        <v>7150500</v>
      </c>
      <c r="H30392" s="8">
        <v>7150500</v>
      </c>
      <c r="I30392" s="8">
        <v>0</v>
      </c>
      <c r="J30392" s="8">
        <v>7150500</v>
      </c>
      <c r="K30392" s="9">
        <v>408.6</v>
      </c>
      <c r="L30392" s="6" t="s">
        <v>10</v>
      </c>
    </row>
    <row r="30393" spans="1:12">
      <c r="A30393" s="6" t="s">
        <v>31799</v>
      </c>
      <c r="B30393" s="6"/>
      <c r="C30393" s="6" t="s">
        <v>31803</v>
      </c>
      <c r="D30393" s="6"/>
      <c r="E30393" s="6" t="s">
        <v>9</v>
      </c>
      <c r="F30393" s="7">
        <v>38657</v>
      </c>
      <c r="G30393" s="8">
        <v>14320075</v>
      </c>
      <c r="H30393" s="8">
        <v>14320075</v>
      </c>
      <c r="I30393" s="8">
        <v>0</v>
      </c>
      <c r="J30393" s="8">
        <v>14320075</v>
      </c>
      <c r="K30393" s="9">
        <v>818.29</v>
      </c>
      <c r="L30393" s="6" t="s">
        <v>10</v>
      </c>
    </row>
    <row r="30394" spans="1:12">
      <c r="A30394" s="6" t="s">
        <v>31799</v>
      </c>
      <c r="B30394" s="6"/>
      <c r="C30394" s="6" t="s">
        <v>31804</v>
      </c>
      <c r="D30394" s="6"/>
      <c r="E30394" s="6" t="s">
        <v>9</v>
      </c>
      <c r="F30394" s="7">
        <v>38657</v>
      </c>
      <c r="G30394" s="8">
        <v>14323575</v>
      </c>
      <c r="H30394" s="8">
        <v>14323575</v>
      </c>
      <c r="I30394" s="8">
        <v>0</v>
      </c>
      <c r="J30394" s="8">
        <v>14323575</v>
      </c>
      <c r="K30394" s="9">
        <v>818.49</v>
      </c>
      <c r="L30394" s="6" t="s">
        <v>10</v>
      </c>
    </row>
    <row r="30395" spans="1:12">
      <c r="A30395" s="6" t="s">
        <v>31799</v>
      </c>
      <c r="B30395" s="6"/>
      <c r="C30395" s="6" t="s">
        <v>31805</v>
      </c>
      <c r="D30395" s="6"/>
      <c r="E30395" s="6" t="s">
        <v>9</v>
      </c>
      <c r="F30395" s="7">
        <v>38657</v>
      </c>
      <c r="G30395" s="8">
        <v>14326900</v>
      </c>
      <c r="H30395" s="8">
        <v>14326900</v>
      </c>
      <c r="I30395" s="8">
        <v>0</v>
      </c>
      <c r="J30395" s="8">
        <v>14326900</v>
      </c>
      <c r="K30395" s="9">
        <v>818.68</v>
      </c>
      <c r="L30395" s="6" t="s">
        <v>10</v>
      </c>
    </row>
    <row r="30396" spans="1:12">
      <c r="A30396" s="6" t="s">
        <v>31799</v>
      </c>
      <c r="B30396" s="6"/>
      <c r="C30396" s="6" t="s">
        <v>31806</v>
      </c>
      <c r="D30396" s="6"/>
      <c r="E30396" s="6" t="s">
        <v>9</v>
      </c>
      <c r="F30396" s="7">
        <v>38657</v>
      </c>
      <c r="G30396" s="8">
        <v>14331450</v>
      </c>
      <c r="H30396" s="8">
        <v>14331450</v>
      </c>
      <c r="I30396" s="8">
        <v>0</v>
      </c>
      <c r="J30396" s="8">
        <v>14331450</v>
      </c>
      <c r="K30396" s="9">
        <v>818.94</v>
      </c>
      <c r="L30396" s="6" t="s">
        <v>10</v>
      </c>
    </row>
    <row r="30397" spans="1:12">
      <c r="A30397" s="6" t="s">
        <v>31799</v>
      </c>
      <c r="B30397" s="6"/>
      <c r="C30397" s="6" t="s">
        <v>31807</v>
      </c>
      <c r="D30397" s="6"/>
      <c r="E30397" s="6" t="s">
        <v>9</v>
      </c>
      <c r="F30397" s="7">
        <v>38657</v>
      </c>
      <c r="G30397" s="8">
        <v>29079470</v>
      </c>
      <c r="H30397" s="8">
        <v>29079470</v>
      </c>
      <c r="I30397" s="8">
        <v>0</v>
      </c>
      <c r="J30397" s="8">
        <v>29079470</v>
      </c>
      <c r="K30397" s="9">
        <v>819.14</v>
      </c>
      <c r="L30397" s="6" t="s">
        <v>10</v>
      </c>
    </row>
    <row r="30398" spans="1:12">
      <c r="A30398" s="6" t="s">
        <v>31799</v>
      </c>
      <c r="B30398" s="6"/>
      <c r="C30398" s="6" t="s">
        <v>31808</v>
      </c>
      <c r="D30398" s="6"/>
      <c r="E30398" s="6" t="s">
        <v>9</v>
      </c>
      <c r="F30398" s="7">
        <v>38657</v>
      </c>
      <c r="G30398" s="8">
        <v>12553510</v>
      </c>
      <c r="H30398" s="8">
        <v>12553510</v>
      </c>
      <c r="I30398" s="8">
        <v>0</v>
      </c>
      <c r="J30398" s="8">
        <v>12553510</v>
      </c>
      <c r="K30398" s="9">
        <v>353.62</v>
      </c>
      <c r="L30398" s="6" t="s">
        <v>10</v>
      </c>
    </row>
    <row r="30399" spans="1:12">
      <c r="A30399" s="6" t="s">
        <v>31809</v>
      </c>
      <c r="B30399" s="6"/>
      <c r="C30399" s="6" t="s">
        <v>31810</v>
      </c>
      <c r="D30399" s="6"/>
      <c r="E30399" s="6" t="s">
        <v>18740</v>
      </c>
      <c r="F30399" s="7">
        <v>38657</v>
      </c>
      <c r="G30399" s="8">
        <v>43145</v>
      </c>
      <c r="H30399" s="8">
        <v>43145</v>
      </c>
      <c r="I30399" s="8">
        <v>0</v>
      </c>
      <c r="J30399" s="8">
        <v>43145</v>
      </c>
      <c r="K30399" s="9">
        <v>8.44</v>
      </c>
      <c r="L30399" s="6" t="s">
        <v>23</v>
      </c>
    </row>
    <row r="30400" spans="1:12">
      <c r="A30400" s="6" t="s">
        <v>31811</v>
      </c>
      <c r="B30400" s="6"/>
      <c r="C30400" s="6" t="s">
        <v>31812</v>
      </c>
      <c r="D30400" s="6"/>
      <c r="E30400" s="6" t="s">
        <v>18740</v>
      </c>
      <c r="F30400" s="7">
        <v>38657</v>
      </c>
      <c r="G30400" s="8">
        <v>356500</v>
      </c>
      <c r="H30400" s="8">
        <v>356500</v>
      </c>
      <c r="I30400" s="8">
        <v>0</v>
      </c>
      <c r="J30400" s="8">
        <v>356500</v>
      </c>
      <c r="K30400" s="9">
        <v>23</v>
      </c>
      <c r="L30400" s="6" t="s">
        <v>10</v>
      </c>
    </row>
    <row r="30401" spans="1:12">
      <c r="A30401" s="6" t="s">
        <v>31813</v>
      </c>
      <c r="B30401" s="6"/>
      <c r="C30401" s="6" t="s">
        <v>31814</v>
      </c>
      <c r="D30401" s="6"/>
      <c r="E30401" s="6" t="s">
        <v>18740</v>
      </c>
      <c r="F30401" s="7">
        <v>38657</v>
      </c>
      <c r="G30401" s="8">
        <v>50608</v>
      </c>
      <c r="H30401" s="8">
        <v>50608</v>
      </c>
      <c r="I30401" s="8">
        <v>0</v>
      </c>
      <c r="J30401" s="8">
        <v>50608</v>
      </c>
      <c r="K30401" s="9">
        <v>9.9</v>
      </c>
      <c r="L30401" s="6" t="s">
        <v>2193</v>
      </c>
    </row>
    <row r="30402" spans="1:12">
      <c r="A30402" s="6" t="s">
        <v>31813</v>
      </c>
      <c r="B30402" s="6"/>
      <c r="C30402" s="6" t="s">
        <v>31815</v>
      </c>
      <c r="D30402" s="6"/>
      <c r="E30402" s="6" t="s">
        <v>18740</v>
      </c>
      <c r="F30402" s="7">
        <v>38657</v>
      </c>
      <c r="G30402" s="8">
        <v>195329</v>
      </c>
      <c r="H30402" s="8">
        <v>195329</v>
      </c>
      <c r="I30402" s="8">
        <v>0</v>
      </c>
      <c r="J30402" s="8">
        <v>195329</v>
      </c>
      <c r="K30402" s="9">
        <v>38.21</v>
      </c>
      <c r="L30402" s="6" t="s">
        <v>2193</v>
      </c>
    </row>
    <row r="30403" spans="1:12">
      <c r="A30403" s="6" t="s">
        <v>31813</v>
      </c>
      <c r="B30403" s="6"/>
      <c r="C30403" s="6" t="s">
        <v>31816</v>
      </c>
      <c r="D30403" s="6"/>
      <c r="E30403" s="6" t="s">
        <v>18740</v>
      </c>
      <c r="F30403" s="7">
        <v>38657</v>
      </c>
      <c r="G30403" s="8">
        <v>490752</v>
      </c>
      <c r="H30403" s="8">
        <v>490752</v>
      </c>
      <c r="I30403" s="8">
        <v>0</v>
      </c>
      <c r="J30403" s="8">
        <v>490752</v>
      </c>
      <c r="K30403" s="9">
        <v>96</v>
      </c>
      <c r="L30403" s="6" t="s">
        <v>2193</v>
      </c>
    </row>
    <row r="30404" spans="1:12">
      <c r="A30404" s="6" t="s">
        <v>31817</v>
      </c>
      <c r="B30404" s="6"/>
      <c r="C30404" s="6" t="s">
        <v>31818</v>
      </c>
      <c r="D30404" s="6"/>
      <c r="E30404" s="6" t="s">
        <v>18740</v>
      </c>
      <c r="F30404" s="7">
        <v>38657</v>
      </c>
      <c r="G30404" s="8">
        <v>260712</v>
      </c>
      <c r="H30404" s="8">
        <v>260712</v>
      </c>
      <c r="I30404" s="8">
        <v>0</v>
      </c>
      <c r="J30404" s="8">
        <v>260712</v>
      </c>
      <c r="K30404" s="9">
        <v>51</v>
      </c>
      <c r="L30404" s="6" t="s">
        <v>23</v>
      </c>
    </row>
    <row r="30405" spans="1:12">
      <c r="A30405" s="6" t="s">
        <v>31817</v>
      </c>
      <c r="B30405" s="6"/>
      <c r="C30405" s="6" t="s">
        <v>31819</v>
      </c>
      <c r="D30405" s="6"/>
      <c r="E30405" s="6" t="s">
        <v>18740</v>
      </c>
      <c r="F30405" s="7">
        <v>38657</v>
      </c>
      <c r="G30405" s="8">
        <v>81792</v>
      </c>
      <c r="H30405" s="8">
        <v>81792</v>
      </c>
      <c r="I30405" s="8">
        <v>0</v>
      </c>
      <c r="J30405" s="8">
        <v>81792</v>
      </c>
      <c r="K30405" s="9">
        <v>16</v>
      </c>
      <c r="L30405" s="6" t="s">
        <v>23</v>
      </c>
    </row>
    <row r="30406" spans="1:12">
      <c r="A30406" s="6" t="s">
        <v>31820</v>
      </c>
      <c r="B30406" s="6"/>
      <c r="C30406" s="6" t="s">
        <v>31821</v>
      </c>
      <c r="D30406" s="6"/>
      <c r="E30406" s="6" t="s">
        <v>9</v>
      </c>
      <c r="F30406" s="7">
        <v>38657</v>
      </c>
      <c r="G30406" s="8">
        <v>4680978</v>
      </c>
      <c r="H30406" s="8">
        <v>4680978</v>
      </c>
      <c r="I30406" s="8">
        <v>0</v>
      </c>
      <c r="J30406" s="8">
        <v>4680978</v>
      </c>
      <c r="K30406" s="9">
        <v>297.79000000000002</v>
      </c>
      <c r="L30406" s="6" t="s">
        <v>10</v>
      </c>
    </row>
    <row r="30407" spans="1:12">
      <c r="A30407" s="6" t="s">
        <v>31820</v>
      </c>
      <c r="B30407" s="6"/>
      <c r="C30407" s="6" t="s">
        <v>31822</v>
      </c>
      <c r="D30407" s="6"/>
      <c r="E30407" s="6" t="s">
        <v>9</v>
      </c>
      <c r="F30407" s="7">
        <v>38657</v>
      </c>
      <c r="G30407" s="8">
        <v>7482271</v>
      </c>
      <c r="H30407" s="8">
        <v>7482271</v>
      </c>
      <c r="I30407" s="8">
        <v>0</v>
      </c>
      <c r="J30407" s="8">
        <v>7482271</v>
      </c>
      <c r="K30407" s="9">
        <v>476</v>
      </c>
      <c r="L30407" s="6" t="s">
        <v>10</v>
      </c>
    </row>
    <row r="30408" spans="1:12">
      <c r="A30408" s="6" t="s">
        <v>31820</v>
      </c>
      <c r="B30408" s="6"/>
      <c r="C30408" s="6" t="s">
        <v>31823</v>
      </c>
      <c r="D30408" s="6"/>
      <c r="E30408" s="6" t="s">
        <v>9</v>
      </c>
      <c r="F30408" s="7">
        <v>38657</v>
      </c>
      <c r="G30408" s="8">
        <v>10280263</v>
      </c>
      <c r="H30408" s="8">
        <v>10280263</v>
      </c>
      <c r="I30408" s="8">
        <v>0</v>
      </c>
      <c r="J30408" s="8">
        <v>10280263</v>
      </c>
      <c r="K30408" s="9">
        <v>654</v>
      </c>
      <c r="L30408" s="6" t="s">
        <v>10</v>
      </c>
    </row>
    <row r="30409" spans="1:12">
      <c r="A30409" s="6" t="s">
        <v>31820</v>
      </c>
      <c r="B30409" s="6"/>
      <c r="C30409" s="6" t="s">
        <v>31824</v>
      </c>
      <c r="D30409" s="6"/>
      <c r="E30409" s="6" t="s">
        <v>9</v>
      </c>
      <c r="F30409" s="7">
        <v>38657</v>
      </c>
      <c r="G30409" s="8">
        <v>15734776</v>
      </c>
      <c r="H30409" s="8">
        <v>15734776</v>
      </c>
      <c r="I30409" s="8">
        <v>0</v>
      </c>
      <c r="J30409" s="8">
        <v>15734776</v>
      </c>
      <c r="K30409" s="9">
        <v>1001</v>
      </c>
      <c r="L30409" s="6" t="s">
        <v>10</v>
      </c>
    </row>
    <row r="30410" spans="1:12">
      <c r="A30410" s="6" t="s">
        <v>31820</v>
      </c>
      <c r="B30410" s="6"/>
      <c r="C30410" s="6" t="s">
        <v>31825</v>
      </c>
      <c r="D30410" s="6"/>
      <c r="E30410" s="6" t="s">
        <v>9</v>
      </c>
      <c r="F30410" s="7">
        <v>38657</v>
      </c>
      <c r="G30410" s="8">
        <v>16049157</v>
      </c>
      <c r="H30410" s="8">
        <v>16049157</v>
      </c>
      <c r="I30410" s="8">
        <v>0</v>
      </c>
      <c r="J30410" s="8">
        <v>16049157</v>
      </c>
      <c r="K30410" s="9">
        <v>1021</v>
      </c>
      <c r="L30410" s="6" t="s">
        <v>10</v>
      </c>
    </row>
    <row r="30411" spans="1:12">
      <c r="A30411" s="6" t="s">
        <v>31820</v>
      </c>
      <c r="B30411" s="6"/>
      <c r="C30411" s="6" t="s">
        <v>31826</v>
      </c>
      <c r="D30411" s="6"/>
      <c r="E30411" s="6" t="s">
        <v>9</v>
      </c>
      <c r="F30411" s="7">
        <v>38657</v>
      </c>
      <c r="G30411" s="8">
        <v>18889277</v>
      </c>
      <c r="H30411" s="8">
        <v>18889277</v>
      </c>
      <c r="I30411" s="8">
        <v>0</v>
      </c>
      <c r="J30411" s="8">
        <v>18889277</v>
      </c>
      <c r="K30411" s="9">
        <v>1201.68</v>
      </c>
      <c r="L30411" s="6" t="s">
        <v>10</v>
      </c>
    </row>
    <row r="30412" spans="1:12">
      <c r="A30412" s="6" t="s">
        <v>31827</v>
      </c>
      <c r="B30412" s="6"/>
      <c r="C30412" s="6" t="s">
        <v>31828</v>
      </c>
      <c r="D30412" s="6"/>
      <c r="E30412" s="6" t="s">
        <v>9</v>
      </c>
      <c r="F30412" s="7">
        <v>38657</v>
      </c>
      <c r="G30412" s="8">
        <v>771912</v>
      </c>
      <c r="H30412" s="8">
        <v>771912</v>
      </c>
      <c r="I30412" s="8">
        <v>0</v>
      </c>
      <c r="J30412" s="8">
        <v>771912</v>
      </c>
      <c r="K30412" s="9">
        <v>151</v>
      </c>
      <c r="L30412" s="6" t="s">
        <v>14</v>
      </c>
    </row>
    <row r="30413" spans="1:12">
      <c r="A30413" s="6" t="s">
        <v>31829</v>
      </c>
      <c r="B30413" s="6"/>
      <c r="C30413" s="6" t="s">
        <v>31830</v>
      </c>
      <c r="D30413" s="6"/>
      <c r="E30413" s="6" t="s">
        <v>9</v>
      </c>
      <c r="F30413" s="7">
        <v>38657</v>
      </c>
      <c r="G30413" s="8">
        <v>2305512</v>
      </c>
      <c r="H30413" s="8">
        <v>2305512</v>
      </c>
      <c r="I30413" s="8">
        <v>0</v>
      </c>
      <c r="J30413" s="8">
        <v>2305512</v>
      </c>
      <c r="K30413" s="9">
        <v>451</v>
      </c>
      <c r="L30413" s="6" t="s">
        <v>14</v>
      </c>
    </row>
    <row r="30414" spans="1:12">
      <c r="A30414" s="6" t="s">
        <v>31831</v>
      </c>
      <c r="B30414" s="6"/>
      <c r="C30414" s="6" t="s">
        <v>31832</v>
      </c>
      <c r="D30414" s="6"/>
      <c r="E30414" s="6" t="s">
        <v>18740</v>
      </c>
      <c r="F30414" s="7">
        <v>38657</v>
      </c>
      <c r="G30414" s="8">
        <v>1876400</v>
      </c>
      <c r="H30414" s="8">
        <v>1876400</v>
      </c>
      <c r="I30414" s="8">
        <v>0</v>
      </c>
      <c r="J30414" s="8">
        <v>1876400</v>
      </c>
      <c r="K30414" s="9">
        <v>93.82</v>
      </c>
      <c r="L30414" s="6" t="s">
        <v>10</v>
      </c>
    </row>
    <row r="30415" spans="1:12">
      <c r="A30415" s="6" t="s">
        <v>31833</v>
      </c>
      <c r="B30415" s="6"/>
      <c r="C30415" s="6" t="s">
        <v>31834</v>
      </c>
      <c r="D30415" s="6"/>
      <c r="E30415" s="6" t="s">
        <v>18740</v>
      </c>
      <c r="F30415" s="7">
        <v>38657</v>
      </c>
      <c r="G30415" s="8">
        <v>274600</v>
      </c>
      <c r="H30415" s="8">
        <v>274600</v>
      </c>
      <c r="I30415" s="8">
        <v>0</v>
      </c>
      <c r="J30415" s="8">
        <v>274600</v>
      </c>
      <c r="K30415" s="9">
        <v>13.73</v>
      </c>
      <c r="L30415" s="6" t="s">
        <v>10</v>
      </c>
    </row>
    <row r="30416" spans="1:12">
      <c r="A30416" s="6" t="s">
        <v>31835</v>
      </c>
      <c r="B30416" s="6"/>
      <c r="C30416" s="6" t="s">
        <v>31836</v>
      </c>
      <c r="D30416" s="6"/>
      <c r="E30416" s="6" t="s">
        <v>18740</v>
      </c>
      <c r="F30416" s="7">
        <v>38657</v>
      </c>
      <c r="G30416" s="8">
        <v>489800</v>
      </c>
      <c r="H30416" s="8">
        <v>489800</v>
      </c>
      <c r="I30416" s="8">
        <v>0</v>
      </c>
      <c r="J30416" s="8">
        <v>489800</v>
      </c>
      <c r="K30416" s="9">
        <v>24.49</v>
      </c>
      <c r="L30416" s="6" t="s">
        <v>10</v>
      </c>
    </row>
    <row r="30417" spans="1:12">
      <c r="A30417" s="6" t="s">
        <v>31837</v>
      </c>
      <c r="B30417" s="6"/>
      <c r="C30417" s="6" t="s">
        <v>31838</v>
      </c>
      <c r="D30417" s="6"/>
      <c r="E30417" s="6" t="s">
        <v>18740</v>
      </c>
      <c r="F30417" s="7">
        <v>38657</v>
      </c>
      <c r="G30417" s="8">
        <v>1500000</v>
      </c>
      <c r="H30417" s="8">
        <v>1500000</v>
      </c>
      <c r="I30417" s="8">
        <v>0</v>
      </c>
      <c r="J30417" s="8">
        <v>1500000</v>
      </c>
      <c r="K30417" s="9">
        <v>544.41</v>
      </c>
      <c r="L30417" s="6" t="s">
        <v>23</v>
      </c>
    </row>
    <row r="30418" spans="1:12">
      <c r="A30418" s="6" t="s">
        <v>31839</v>
      </c>
      <c r="B30418" s="6"/>
      <c r="C30418" s="6" t="s">
        <v>31840</v>
      </c>
      <c r="D30418" s="6"/>
      <c r="E30418" s="6" t="s">
        <v>18740</v>
      </c>
      <c r="F30418" s="7">
        <v>38657</v>
      </c>
      <c r="G30418" s="8">
        <v>659448</v>
      </c>
      <c r="H30418" s="8">
        <v>659448</v>
      </c>
      <c r="I30418" s="8">
        <v>0</v>
      </c>
      <c r="J30418" s="8">
        <v>659448</v>
      </c>
      <c r="K30418" s="9">
        <v>129</v>
      </c>
      <c r="L30418" s="6" t="s">
        <v>23</v>
      </c>
    </row>
    <row r="30419" spans="1:12">
      <c r="A30419" s="6" t="s">
        <v>31841</v>
      </c>
      <c r="B30419" s="6"/>
      <c r="C30419" s="6" t="s">
        <v>31842</v>
      </c>
      <c r="D30419" s="6"/>
      <c r="E30419" s="6" t="s">
        <v>18740</v>
      </c>
      <c r="F30419" s="7">
        <v>38657</v>
      </c>
      <c r="G30419" s="8">
        <v>18518100</v>
      </c>
      <c r="H30419" s="8">
        <v>18518100</v>
      </c>
      <c r="I30419" s="8">
        <v>0</v>
      </c>
      <c r="J30419" s="8">
        <v>18518100</v>
      </c>
      <c r="K30419" s="9">
        <v>1851.81</v>
      </c>
      <c r="L30419" s="6" t="s">
        <v>10</v>
      </c>
    </row>
    <row r="30420" spans="1:12">
      <c r="A30420" s="6" t="s">
        <v>31841</v>
      </c>
      <c r="B30420" s="6"/>
      <c r="C30420" s="6" t="s">
        <v>31843</v>
      </c>
      <c r="D30420" s="6"/>
      <c r="E30420" s="6" t="s">
        <v>18740</v>
      </c>
      <c r="F30420" s="7">
        <v>38657</v>
      </c>
      <c r="G30420" s="8">
        <v>1578200</v>
      </c>
      <c r="H30420" s="8">
        <v>1578200</v>
      </c>
      <c r="I30420" s="8">
        <v>0</v>
      </c>
      <c r="J30420" s="8">
        <v>1578200</v>
      </c>
      <c r="K30420" s="9">
        <v>157.82</v>
      </c>
      <c r="L30420" s="6" t="s">
        <v>10</v>
      </c>
    </row>
    <row r="30421" spans="1:12">
      <c r="A30421" s="6" t="s">
        <v>31844</v>
      </c>
      <c r="B30421" s="6"/>
      <c r="C30421" s="6" t="s">
        <v>31845</v>
      </c>
      <c r="D30421" s="6"/>
      <c r="E30421" s="6" t="s">
        <v>25121</v>
      </c>
      <c r="F30421" s="7">
        <v>38657</v>
      </c>
      <c r="G30421" s="8">
        <v>71568</v>
      </c>
      <c r="H30421" s="8">
        <v>71568</v>
      </c>
      <c r="I30421" s="8">
        <v>0</v>
      </c>
      <c r="J30421" s="8">
        <v>71568</v>
      </c>
      <c r="K30421" s="9">
        <v>14</v>
      </c>
      <c r="L30421" s="6" t="s">
        <v>23</v>
      </c>
    </row>
    <row r="30422" spans="1:12">
      <c r="A30422" s="6" t="s">
        <v>31844</v>
      </c>
      <c r="B30422" s="6"/>
      <c r="C30422" s="6" t="s">
        <v>31846</v>
      </c>
      <c r="D30422" s="6"/>
      <c r="E30422" s="6" t="s">
        <v>25121</v>
      </c>
      <c r="F30422" s="7">
        <v>38657</v>
      </c>
      <c r="G30422" s="8">
        <v>148248</v>
      </c>
      <c r="H30422" s="8">
        <v>148248</v>
      </c>
      <c r="I30422" s="8">
        <v>0</v>
      </c>
      <c r="J30422" s="8">
        <v>148248</v>
      </c>
      <c r="K30422" s="9">
        <v>29</v>
      </c>
      <c r="L30422" s="6" t="s">
        <v>23</v>
      </c>
    </row>
    <row r="30423" spans="1:12">
      <c r="A30423" s="6" t="s">
        <v>31847</v>
      </c>
      <c r="B30423" s="6"/>
      <c r="C30423" s="6" t="s">
        <v>31848</v>
      </c>
      <c r="D30423" s="6"/>
      <c r="E30423" s="6" t="s">
        <v>18740</v>
      </c>
      <c r="F30423" s="7">
        <v>38657</v>
      </c>
      <c r="G30423" s="8">
        <v>224928</v>
      </c>
      <c r="H30423" s="8">
        <v>224928</v>
      </c>
      <c r="I30423" s="8">
        <v>0</v>
      </c>
      <c r="J30423" s="8">
        <v>224928</v>
      </c>
      <c r="K30423" s="9">
        <v>44</v>
      </c>
      <c r="L30423" s="6" t="s">
        <v>23</v>
      </c>
    </row>
    <row r="30424" spans="1:12">
      <c r="A30424" s="6" t="s">
        <v>31849</v>
      </c>
      <c r="B30424" s="6"/>
      <c r="C30424" s="6" t="s">
        <v>31850</v>
      </c>
      <c r="D30424" s="6"/>
      <c r="E30424" s="6" t="s">
        <v>18740</v>
      </c>
      <c r="F30424" s="7">
        <v>38657</v>
      </c>
      <c r="G30424" s="8">
        <v>7351056</v>
      </c>
      <c r="H30424" s="8">
        <v>7351056</v>
      </c>
      <c r="I30424" s="8">
        <v>0</v>
      </c>
      <c r="J30424" s="8">
        <v>7351056</v>
      </c>
      <c r="K30424" s="9">
        <v>1438</v>
      </c>
      <c r="L30424" s="6" t="s">
        <v>14</v>
      </c>
    </row>
    <row r="30425" spans="1:12">
      <c r="A30425" s="6" t="s">
        <v>31849</v>
      </c>
      <c r="B30425" s="6"/>
      <c r="C30425" s="6" t="s">
        <v>31851</v>
      </c>
      <c r="D30425" s="6"/>
      <c r="E30425" s="6" t="s">
        <v>18740</v>
      </c>
      <c r="F30425" s="7">
        <v>38657</v>
      </c>
      <c r="G30425" s="8">
        <v>1390464</v>
      </c>
      <c r="H30425" s="8">
        <v>1390464</v>
      </c>
      <c r="I30425" s="8">
        <v>0</v>
      </c>
      <c r="J30425" s="8">
        <v>1390464</v>
      </c>
      <c r="K30425" s="9">
        <v>272</v>
      </c>
      <c r="L30425" s="6" t="s">
        <v>23</v>
      </c>
    </row>
    <row r="30426" spans="1:12">
      <c r="A30426" s="6" t="s">
        <v>31849</v>
      </c>
      <c r="B30426" s="6"/>
      <c r="C30426" s="6" t="s">
        <v>31852</v>
      </c>
      <c r="D30426" s="6"/>
      <c r="E30426" s="6" t="s">
        <v>18740</v>
      </c>
      <c r="F30426" s="7">
        <v>38657</v>
      </c>
      <c r="G30426" s="8">
        <v>3670416</v>
      </c>
      <c r="H30426" s="8">
        <v>3670416</v>
      </c>
      <c r="I30426" s="8">
        <v>0</v>
      </c>
      <c r="J30426" s="8">
        <v>3670416</v>
      </c>
      <c r="K30426" s="9">
        <v>718</v>
      </c>
      <c r="L30426" s="6" t="s">
        <v>23</v>
      </c>
    </row>
    <row r="30427" spans="1:12">
      <c r="A30427" s="6" t="s">
        <v>31853</v>
      </c>
      <c r="B30427" s="6"/>
      <c r="C30427" s="6" t="s">
        <v>31854</v>
      </c>
      <c r="D30427" s="6"/>
      <c r="E30427" s="6" t="s">
        <v>18740</v>
      </c>
      <c r="F30427" s="7">
        <v>38657</v>
      </c>
      <c r="G30427" s="8">
        <v>81792</v>
      </c>
      <c r="H30427" s="8">
        <v>81792</v>
      </c>
      <c r="I30427" s="8">
        <v>0</v>
      </c>
      <c r="J30427" s="8">
        <v>81792</v>
      </c>
      <c r="K30427" s="9">
        <v>16</v>
      </c>
      <c r="L30427" s="6" t="s">
        <v>23</v>
      </c>
    </row>
    <row r="30428" spans="1:12">
      <c r="A30428" s="6" t="s">
        <v>31855</v>
      </c>
      <c r="B30428" s="6"/>
      <c r="C30428" s="6" t="s">
        <v>31856</v>
      </c>
      <c r="D30428" s="6"/>
      <c r="E30428" s="6" t="s">
        <v>18740</v>
      </c>
      <c r="F30428" s="7">
        <v>38657</v>
      </c>
      <c r="G30428" s="8">
        <v>102240</v>
      </c>
      <c r="H30428" s="8">
        <v>102240</v>
      </c>
      <c r="I30428" s="8">
        <v>0</v>
      </c>
      <c r="J30428" s="8">
        <v>102240</v>
      </c>
      <c r="K30428" s="9">
        <v>20</v>
      </c>
      <c r="L30428" s="6" t="s">
        <v>23</v>
      </c>
    </row>
    <row r="30429" spans="1:12">
      <c r="A30429" s="6" t="s">
        <v>31857</v>
      </c>
      <c r="B30429" s="6"/>
      <c r="C30429" s="6" t="s">
        <v>31858</v>
      </c>
      <c r="D30429" s="6"/>
      <c r="E30429" s="6" t="s">
        <v>18740</v>
      </c>
      <c r="F30429" s="7">
        <v>38657</v>
      </c>
      <c r="G30429" s="8">
        <v>199368</v>
      </c>
      <c r="H30429" s="8">
        <v>199368</v>
      </c>
      <c r="I30429" s="8">
        <v>0</v>
      </c>
      <c r="J30429" s="8">
        <v>199368</v>
      </c>
      <c r="K30429" s="9">
        <v>39</v>
      </c>
      <c r="L30429" s="6" t="s">
        <v>23</v>
      </c>
    </row>
    <row r="30430" spans="1:12">
      <c r="A30430" s="6" t="s">
        <v>31859</v>
      </c>
      <c r="B30430" s="6"/>
      <c r="C30430" s="6" t="s">
        <v>31860</v>
      </c>
      <c r="D30430" s="6"/>
      <c r="E30430" s="6" t="s">
        <v>25121</v>
      </c>
      <c r="F30430" s="7">
        <v>38657</v>
      </c>
      <c r="G30430" s="8">
        <v>4712000</v>
      </c>
      <c r="H30430" s="8">
        <v>4712000</v>
      </c>
      <c r="I30430" s="8">
        <v>0</v>
      </c>
      <c r="J30430" s="8">
        <v>4712000</v>
      </c>
      <c r="K30430" s="9">
        <v>152</v>
      </c>
      <c r="L30430" s="6" t="s">
        <v>10</v>
      </c>
    </row>
    <row r="30431" spans="1:12">
      <c r="A30431" s="6" t="s">
        <v>31859</v>
      </c>
      <c r="B30431" s="6"/>
      <c r="C30431" s="6" t="s">
        <v>31861</v>
      </c>
      <c r="D30431" s="6"/>
      <c r="E30431" s="6" t="s">
        <v>25121</v>
      </c>
      <c r="F30431" s="7">
        <v>38657</v>
      </c>
      <c r="G30431" s="8">
        <v>14731400</v>
      </c>
      <c r="H30431" s="8">
        <v>14731400</v>
      </c>
      <c r="I30431" s="8">
        <v>0</v>
      </c>
      <c r="J30431" s="8">
        <v>14731400</v>
      </c>
      <c r="K30431" s="9">
        <v>1009</v>
      </c>
      <c r="L30431" s="6" t="s">
        <v>10</v>
      </c>
    </row>
    <row r="30432" spans="1:12">
      <c r="A30432" s="6" t="s">
        <v>31859</v>
      </c>
      <c r="B30432" s="6"/>
      <c r="C30432" s="6" t="s">
        <v>31862</v>
      </c>
      <c r="D30432" s="6"/>
      <c r="E30432" s="6" t="s">
        <v>25121</v>
      </c>
      <c r="F30432" s="7">
        <v>38657</v>
      </c>
      <c r="G30432" s="8">
        <v>4217400</v>
      </c>
      <c r="H30432" s="8">
        <v>4217400</v>
      </c>
      <c r="I30432" s="8">
        <v>0</v>
      </c>
      <c r="J30432" s="8">
        <v>4217400</v>
      </c>
      <c r="K30432" s="9">
        <v>825</v>
      </c>
      <c r="L30432" s="6" t="s">
        <v>23</v>
      </c>
    </row>
    <row r="30433" spans="1:12">
      <c r="A30433" s="6" t="s">
        <v>31859</v>
      </c>
      <c r="B30433" s="6"/>
      <c r="C30433" s="6" t="s">
        <v>31863</v>
      </c>
      <c r="D30433" s="6"/>
      <c r="E30433" s="6" t="s">
        <v>25121</v>
      </c>
      <c r="F30433" s="7">
        <v>38657</v>
      </c>
      <c r="G30433" s="8">
        <v>460744</v>
      </c>
      <c r="H30433" s="8">
        <v>460744</v>
      </c>
      <c r="I30433" s="8">
        <v>0</v>
      </c>
      <c r="J30433" s="8">
        <v>460744</v>
      </c>
      <c r="K30433" s="9">
        <v>90.13</v>
      </c>
      <c r="L30433" s="6" t="s">
        <v>23</v>
      </c>
    </row>
    <row r="30434" spans="1:12">
      <c r="A30434" s="6" t="s">
        <v>31859</v>
      </c>
      <c r="B30434" s="6"/>
      <c r="C30434" s="6" t="s">
        <v>31864</v>
      </c>
      <c r="D30434" s="6"/>
      <c r="E30434" s="6" t="s">
        <v>25121</v>
      </c>
      <c r="F30434" s="7">
        <v>38657</v>
      </c>
      <c r="G30434" s="8">
        <v>4002696</v>
      </c>
      <c r="H30434" s="8">
        <v>4002696</v>
      </c>
      <c r="I30434" s="8">
        <v>0</v>
      </c>
      <c r="J30434" s="8">
        <v>4002696</v>
      </c>
      <c r="K30434" s="9">
        <v>783</v>
      </c>
      <c r="L30434" s="6" t="s">
        <v>23</v>
      </c>
    </row>
    <row r="30435" spans="1:12">
      <c r="A30435" s="6" t="s">
        <v>31859</v>
      </c>
      <c r="B30435" s="6"/>
      <c r="C30435" s="6" t="s">
        <v>31865</v>
      </c>
      <c r="D30435" s="6"/>
      <c r="E30435" s="6" t="s">
        <v>25121</v>
      </c>
      <c r="F30435" s="7">
        <v>38657</v>
      </c>
      <c r="G30435" s="8">
        <v>3404592</v>
      </c>
      <c r="H30435" s="8">
        <v>3404592</v>
      </c>
      <c r="I30435" s="8">
        <v>0</v>
      </c>
      <c r="J30435" s="8">
        <v>3404592</v>
      </c>
      <c r="K30435" s="9">
        <v>666</v>
      </c>
      <c r="L30435" s="6" t="s">
        <v>23</v>
      </c>
    </row>
    <row r="30436" spans="1:12">
      <c r="A30436" s="6" t="s">
        <v>31859</v>
      </c>
      <c r="B30436" s="6"/>
      <c r="C30436" s="6" t="s">
        <v>31866</v>
      </c>
      <c r="D30436" s="6"/>
      <c r="E30436" s="6" t="s">
        <v>25121</v>
      </c>
      <c r="F30436" s="7">
        <v>38657</v>
      </c>
      <c r="G30436" s="8">
        <v>1201320</v>
      </c>
      <c r="H30436" s="8">
        <v>1201320</v>
      </c>
      <c r="I30436" s="8">
        <v>0</v>
      </c>
      <c r="J30436" s="8">
        <v>1201320</v>
      </c>
      <c r="K30436" s="9">
        <v>235</v>
      </c>
      <c r="L30436" s="6" t="s">
        <v>23</v>
      </c>
    </row>
    <row r="30437" spans="1:12">
      <c r="A30437" s="6" t="s">
        <v>31859</v>
      </c>
      <c r="B30437" s="6"/>
      <c r="C30437" s="6" t="s">
        <v>31867</v>
      </c>
      <c r="D30437" s="6"/>
      <c r="E30437" s="6" t="s">
        <v>25121</v>
      </c>
      <c r="F30437" s="7">
        <v>38657</v>
      </c>
      <c r="G30437" s="8">
        <v>2157264</v>
      </c>
      <c r="H30437" s="8">
        <v>2157264</v>
      </c>
      <c r="I30437" s="8">
        <v>0</v>
      </c>
      <c r="J30437" s="8">
        <v>2157264</v>
      </c>
      <c r="K30437" s="9">
        <v>422</v>
      </c>
      <c r="L30437" s="6" t="s">
        <v>23</v>
      </c>
    </row>
    <row r="30438" spans="1:12">
      <c r="A30438" s="6" t="s">
        <v>31859</v>
      </c>
      <c r="B30438" s="6"/>
      <c r="C30438" s="6" t="s">
        <v>31868</v>
      </c>
      <c r="D30438" s="6"/>
      <c r="E30438" s="6" t="s">
        <v>25121</v>
      </c>
      <c r="F30438" s="7">
        <v>38657</v>
      </c>
      <c r="G30438" s="8">
        <v>746863</v>
      </c>
      <c r="H30438" s="8">
        <v>746863</v>
      </c>
      <c r="I30438" s="8">
        <v>0</v>
      </c>
      <c r="J30438" s="8">
        <v>746863</v>
      </c>
      <c r="K30438" s="9">
        <v>146.1</v>
      </c>
      <c r="L30438" s="6" t="s">
        <v>23</v>
      </c>
    </row>
    <row r="30439" spans="1:12">
      <c r="A30439" s="6" t="s">
        <v>31859</v>
      </c>
      <c r="B30439" s="6"/>
      <c r="C30439" s="6" t="s">
        <v>31869</v>
      </c>
      <c r="D30439" s="6"/>
      <c r="E30439" s="6" t="s">
        <v>25121</v>
      </c>
      <c r="F30439" s="7">
        <v>38657</v>
      </c>
      <c r="G30439" s="8">
        <v>492132</v>
      </c>
      <c r="H30439" s="8">
        <v>492132</v>
      </c>
      <c r="I30439" s="8">
        <v>0</v>
      </c>
      <c r="J30439" s="8">
        <v>492132</v>
      </c>
      <c r="K30439" s="9">
        <v>96.27</v>
      </c>
      <c r="L30439" s="6" t="s">
        <v>23</v>
      </c>
    </row>
    <row r="30440" spans="1:12">
      <c r="A30440" s="6" t="s">
        <v>31859</v>
      </c>
      <c r="B30440" s="6"/>
      <c r="C30440" s="6" t="s">
        <v>31870</v>
      </c>
      <c r="D30440" s="6"/>
      <c r="E30440" s="6" t="s">
        <v>25121</v>
      </c>
      <c r="F30440" s="7">
        <v>38657</v>
      </c>
      <c r="G30440" s="8">
        <v>2341296</v>
      </c>
      <c r="H30440" s="8">
        <v>2341296</v>
      </c>
      <c r="I30440" s="8">
        <v>0</v>
      </c>
      <c r="J30440" s="8">
        <v>2341296</v>
      </c>
      <c r="K30440" s="9">
        <v>458</v>
      </c>
      <c r="L30440" s="6" t="s">
        <v>23</v>
      </c>
    </row>
    <row r="30441" spans="1:12">
      <c r="A30441" s="6" t="s">
        <v>31859</v>
      </c>
      <c r="B30441" s="6"/>
      <c r="C30441" s="6" t="s">
        <v>31871</v>
      </c>
      <c r="D30441" s="6"/>
      <c r="E30441" s="6" t="s">
        <v>25121</v>
      </c>
      <c r="F30441" s="7">
        <v>38657</v>
      </c>
      <c r="G30441" s="8">
        <v>4191820</v>
      </c>
      <c r="H30441" s="8">
        <v>4191820</v>
      </c>
      <c r="I30441" s="8">
        <v>0</v>
      </c>
      <c r="J30441" s="8">
        <v>4191820</v>
      </c>
      <c r="K30441" s="9">
        <v>135.22</v>
      </c>
      <c r="L30441" s="6" t="s">
        <v>10</v>
      </c>
    </row>
    <row r="30442" spans="1:12">
      <c r="A30442" s="6" t="s">
        <v>31859</v>
      </c>
      <c r="B30442" s="6"/>
      <c r="C30442" s="6" t="s">
        <v>31872</v>
      </c>
      <c r="D30442" s="6"/>
      <c r="E30442" s="6" t="s">
        <v>25121</v>
      </c>
      <c r="F30442" s="7">
        <v>38657</v>
      </c>
      <c r="G30442" s="8">
        <v>7990056</v>
      </c>
      <c r="H30442" s="8">
        <v>7990056</v>
      </c>
      <c r="I30442" s="8">
        <v>0</v>
      </c>
      <c r="J30442" s="8">
        <v>7990056</v>
      </c>
      <c r="K30442" s="9">
        <v>1563</v>
      </c>
      <c r="L30442" s="6" t="s">
        <v>23</v>
      </c>
    </row>
    <row r="30443" spans="1:12">
      <c r="A30443" s="6" t="s">
        <v>31859</v>
      </c>
      <c r="B30443" s="6"/>
      <c r="C30443" s="6" t="s">
        <v>31873</v>
      </c>
      <c r="D30443" s="6"/>
      <c r="E30443" s="6" t="s">
        <v>25121</v>
      </c>
      <c r="F30443" s="7">
        <v>38657</v>
      </c>
      <c r="G30443" s="8">
        <v>5828000</v>
      </c>
      <c r="H30443" s="8">
        <v>5828000</v>
      </c>
      <c r="I30443" s="8">
        <v>0</v>
      </c>
      <c r="J30443" s="8">
        <v>5828000</v>
      </c>
      <c r="K30443" s="9">
        <v>188</v>
      </c>
      <c r="L30443" s="6" t="s">
        <v>10</v>
      </c>
    </row>
    <row r="30444" spans="1:12">
      <c r="A30444" s="6" t="s">
        <v>31859</v>
      </c>
      <c r="B30444" s="6"/>
      <c r="C30444" s="6" t="s">
        <v>31874</v>
      </c>
      <c r="D30444" s="6"/>
      <c r="E30444" s="6" t="s">
        <v>25121</v>
      </c>
      <c r="F30444" s="7">
        <v>38657</v>
      </c>
      <c r="G30444" s="8">
        <v>1147000</v>
      </c>
      <c r="H30444" s="8">
        <v>1147000</v>
      </c>
      <c r="I30444" s="8">
        <v>0</v>
      </c>
      <c r="J30444" s="8">
        <v>1147000</v>
      </c>
      <c r="K30444" s="9">
        <v>37</v>
      </c>
      <c r="L30444" s="6" t="s">
        <v>10</v>
      </c>
    </row>
    <row r="30445" spans="1:12">
      <c r="A30445" s="6" t="s">
        <v>31859</v>
      </c>
      <c r="B30445" s="6"/>
      <c r="C30445" s="6" t="s">
        <v>31875</v>
      </c>
      <c r="D30445" s="6"/>
      <c r="E30445" s="6" t="s">
        <v>25121</v>
      </c>
      <c r="F30445" s="7">
        <v>38657</v>
      </c>
      <c r="G30445" s="8">
        <v>15344600</v>
      </c>
      <c r="H30445" s="8">
        <v>15344600</v>
      </c>
      <c r="I30445" s="8">
        <v>0</v>
      </c>
      <c r="J30445" s="8">
        <v>15344600</v>
      </c>
      <c r="K30445" s="9">
        <v>1051</v>
      </c>
      <c r="L30445" s="6" t="s">
        <v>10</v>
      </c>
    </row>
    <row r="30446" spans="1:12">
      <c r="A30446" s="6" t="s">
        <v>31859</v>
      </c>
      <c r="B30446" s="6"/>
      <c r="C30446" s="6" t="s">
        <v>31876</v>
      </c>
      <c r="D30446" s="6"/>
      <c r="E30446" s="6" t="s">
        <v>25121</v>
      </c>
      <c r="F30446" s="7">
        <v>38657</v>
      </c>
      <c r="G30446" s="8">
        <v>6840770</v>
      </c>
      <c r="H30446" s="8">
        <v>6840770</v>
      </c>
      <c r="I30446" s="8">
        <v>0</v>
      </c>
      <c r="J30446" s="8">
        <v>6840770</v>
      </c>
      <c r="K30446" s="9">
        <v>220.67</v>
      </c>
      <c r="L30446" s="6" t="s">
        <v>10</v>
      </c>
    </row>
    <row r="30447" spans="1:12">
      <c r="A30447" s="6" t="s">
        <v>31859</v>
      </c>
      <c r="B30447" s="6"/>
      <c r="C30447" s="6" t="s">
        <v>31877</v>
      </c>
      <c r="D30447" s="6"/>
      <c r="E30447" s="6" t="s">
        <v>25121</v>
      </c>
      <c r="F30447" s="7">
        <v>38657</v>
      </c>
      <c r="G30447" s="8">
        <v>4538400</v>
      </c>
      <c r="H30447" s="8">
        <v>4538400</v>
      </c>
      <c r="I30447" s="8">
        <v>0</v>
      </c>
      <c r="J30447" s="8">
        <v>4538400</v>
      </c>
      <c r="K30447" s="9">
        <v>146.4</v>
      </c>
      <c r="L30447" s="6" t="s">
        <v>10</v>
      </c>
    </row>
    <row r="30448" spans="1:12">
      <c r="A30448" s="6" t="s">
        <v>31859</v>
      </c>
      <c r="B30448" s="6"/>
      <c r="C30448" s="6" t="s">
        <v>31878</v>
      </c>
      <c r="D30448" s="6"/>
      <c r="E30448" s="6" t="s">
        <v>25121</v>
      </c>
      <c r="F30448" s="7">
        <v>38657</v>
      </c>
      <c r="G30448" s="8">
        <v>14760600</v>
      </c>
      <c r="H30448" s="8">
        <v>14760600</v>
      </c>
      <c r="I30448" s="8">
        <v>0</v>
      </c>
      <c r="J30448" s="8">
        <v>14760600</v>
      </c>
      <c r="K30448" s="9">
        <v>1011</v>
      </c>
      <c r="L30448" s="6" t="s">
        <v>10</v>
      </c>
    </row>
    <row r="30449" spans="1:12">
      <c r="A30449" s="6" t="s">
        <v>31859</v>
      </c>
      <c r="B30449" s="6"/>
      <c r="C30449" s="6" t="s">
        <v>31879</v>
      </c>
      <c r="D30449" s="6"/>
      <c r="E30449" s="6" t="s">
        <v>25121</v>
      </c>
      <c r="F30449" s="7">
        <v>38657</v>
      </c>
      <c r="G30449" s="8">
        <v>14760600</v>
      </c>
      <c r="H30449" s="8">
        <v>14760600</v>
      </c>
      <c r="I30449" s="8">
        <v>0</v>
      </c>
      <c r="J30449" s="8">
        <v>14760600</v>
      </c>
      <c r="K30449" s="9">
        <v>1011</v>
      </c>
      <c r="L30449" s="6" t="s">
        <v>10</v>
      </c>
    </row>
    <row r="30450" spans="1:12">
      <c r="A30450" s="6" t="s">
        <v>31880</v>
      </c>
      <c r="B30450" s="6"/>
      <c r="C30450" s="6" t="s">
        <v>31881</v>
      </c>
      <c r="D30450" s="6"/>
      <c r="E30450" s="6" t="s">
        <v>9</v>
      </c>
      <c r="F30450" s="7">
        <v>38657</v>
      </c>
      <c r="G30450" s="8">
        <v>18709920</v>
      </c>
      <c r="H30450" s="8">
        <v>18709920</v>
      </c>
      <c r="I30450" s="8">
        <v>0</v>
      </c>
      <c r="J30450" s="8">
        <v>18709920</v>
      </c>
      <c r="K30450" s="9">
        <v>3660</v>
      </c>
      <c r="L30450" s="6" t="s">
        <v>14</v>
      </c>
    </row>
    <row r="30451" spans="1:12">
      <c r="A30451" s="6" t="s">
        <v>31882</v>
      </c>
      <c r="B30451" s="6"/>
      <c r="C30451" s="6" t="s">
        <v>31883</v>
      </c>
      <c r="D30451" s="6"/>
      <c r="E30451" s="6" t="s">
        <v>18740</v>
      </c>
      <c r="F30451" s="7">
        <v>38657</v>
      </c>
      <c r="G30451" s="8">
        <v>270000</v>
      </c>
      <c r="H30451" s="8">
        <v>270000</v>
      </c>
      <c r="I30451" s="8">
        <v>0</v>
      </c>
      <c r="J30451" s="8">
        <v>270000</v>
      </c>
      <c r="K30451" s="9">
        <v>27</v>
      </c>
      <c r="L30451" s="6" t="s">
        <v>10</v>
      </c>
    </row>
    <row r="30452" spans="1:12">
      <c r="A30452" s="6" t="s">
        <v>31882</v>
      </c>
      <c r="B30452" s="6"/>
      <c r="C30452" s="6" t="s">
        <v>31884</v>
      </c>
      <c r="D30452" s="6"/>
      <c r="E30452" s="6" t="s">
        <v>18740</v>
      </c>
      <c r="F30452" s="7">
        <v>38657</v>
      </c>
      <c r="G30452" s="8">
        <v>1480000</v>
      </c>
      <c r="H30452" s="8">
        <v>1480000</v>
      </c>
      <c r="I30452" s="8">
        <v>0</v>
      </c>
      <c r="J30452" s="8">
        <v>1480000</v>
      </c>
      <c r="K30452" s="9">
        <v>148</v>
      </c>
      <c r="L30452" s="6" t="s">
        <v>10</v>
      </c>
    </row>
    <row r="30453" spans="1:12">
      <c r="A30453" s="6" t="s">
        <v>31882</v>
      </c>
      <c r="B30453" s="6"/>
      <c r="C30453" s="6" t="s">
        <v>31885</v>
      </c>
      <c r="D30453" s="6"/>
      <c r="E30453" s="6" t="s">
        <v>18740</v>
      </c>
      <c r="F30453" s="7">
        <v>38657</v>
      </c>
      <c r="G30453" s="8">
        <v>470000</v>
      </c>
      <c r="H30453" s="8">
        <v>470000</v>
      </c>
      <c r="I30453" s="8">
        <v>0</v>
      </c>
      <c r="J30453" s="8">
        <v>470000</v>
      </c>
      <c r="K30453" s="9">
        <v>47</v>
      </c>
      <c r="L30453" s="6" t="s">
        <v>10</v>
      </c>
    </row>
    <row r="30454" spans="1:12">
      <c r="A30454" s="6" t="s">
        <v>31886</v>
      </c>
      <c r="B30454" s="6"/>
      <c r="C30454" s="6" t="s">
        <v>31887</v>
      </c>
      <c r="D30454" s="6"/>
      <c r="E30454" s="6" t="s">
        <v>18740</v>
      </c>
      <c r="F30454" s="7">
        <v>38657</v>
      </c>
      <c r="G30454" s="8">
        <v>1881216</v>
      </c>
      <c r="H30454" s="8">
        <v>1881216</v>
      </c>
      <c r="I30454" s="8">
        <v>0</v>
      </c>
      <c r="J30454" s="8">
        <v>1881216</v>
      </c>
      <c r="K30454" s="9">
        <v>368</v>
      </c>
      <c r="L30454" s="6" t="s">
        <v>23</v>
      </c>
    </row>
    <row r="30455" spans="1:12">
      <c r="A30455" s="6" t="s">
        <v>31886</v>
      </c>
      <c r="B30455" s="6"/>
      <c r="C30455" s="6" t="s">
        <v>31888</v>
      </c>
      <c r="D30455" s="6"/>
      <c r="E30455" s="6" t="s">
        <v>18740</v>
      </c>
      <c r="F30455" s="7">
        <v>38657</v>
      </c>
      <c r="G30455" s="8">
        <v>475416</v>
      </c>
      <c r="H30455" s="8">
        <v>475416</v>
      </c>
      <c r="I30455" s="8">
        <v>0</v>
      </c>
      <c r="J30455" s="8">
        <v>475416</v>
      </c>
      <c r="K30455" s="9">
        <v>93</v>
      </c>
      <c r="L30455" s="6" t="s">
        <v>23</v>
      </c>
    </row>
    <row r="30456" spans="1:12">
      <c r="A30456" s="6" t="s">
        <v>31886</v>
      </c>
      <c r="B30456" s="6"/>
      <c r="C30456" s="6" t="s">
        <v>31889</v>
      </c>
      <c r="D30456" s="6"/>
      <c r="E30456" s="6" t="s">
        <v>18740</v>
      </c>
      <c r="F30456" s="7">
        <v>38657</v>
      </c>
      <c r="G30456" s="8">
        <v>1462032</v>
      </c>
      <c r="H30456" s="8">
        <v>1462032</v>
      </c>
      <c r="I30456" s="8">
        <v>0</v>
      </c>
      <c r="J30456" s="8">
        <v>1462032</v>
      </c>
      <c r="K30456" s="9">
        <v>286</v>
      </c>
      <c r="L30456" s="6" t="s">
        <v>23</v>
      </c>
    </row>
    <row r="30457" spans="1:12">
      <c r="A30457" s="6" t="s">
        <v>31886</v>
      </c>
      <c r="B30457" s="6"/>
      <c r="C30457" s="6" t="s">
        <v>31890</v>
      </c>
      <c r="D30457" s="6"/>
      <c r="E30457" s="6" t="s">
        <v>18740</v>
      </c>
      <c r="F30457" s="7">
        <v>38657</v>
      </c>
      <c r="G30457" s="8">
        <v>235152</v>
      </c>
      <c r="H30457" s="8">
        <v>235152</v>
      </c>
      <c r="I30457" s="8">
        <v>0</v>
      </c>
      <c r="J30457" s="8">
        <v>235152</v>
      </c>
      <c r="K30457" s="9">
        <v>46</v>
      </c>
      <c r="L30457" s="6" t="s">
        <v>23</v>
      </c>
    </row>
    <row r="30458" spans="1:12">
      <c r="A30458" s="6" t="s">
        <v>31886</v>
      </c>
      <c r="B30458" s="6"/>
      <c r="C30458" s="6" t="s">
        <v>31891</v>
      </c>
      <c r="D30458" s="6"/>
      <c r="E30458" s="6" t="s">
        <v>18740</v>
      </c>
      <c r="F30458" s="7">
        <v>38657</v>
      </c>
      <c r="G30458" s="8">
        <v>1891440</v>
      </c>
      <c r="H30458" s="8">
        <v>1891440</v>
      </c>
      <c r="I30458" s="8">
        <v>0</v>
      </c>
      <c r="J30458" s="8">
        <v>1891440</v>
      </c>
      <c r="K30458" s="9">
        <v>370</v>
      </c>
      <c r="L30458" s="6" t="s">
        <v>23</v>
      </c>
    </row>
    <row r="30459" spans="1:12">
      <c r="A30459" s="6" t="s">
        <v>31886</v>
      </c>
      <c r="B30459" s="6"/>
      <c r="C30459" s="6" t="s">
        <v>31892</v>
      </c>
      <c r="D30459" s="6"/>
      <c r="E30459" s="6" t="s">
        <v>18740</v>
      </c>
      <c r="F30459" s="7">
        <v>38657</v>
      </c>
      <c r="G30459" s="8">
        <v>245376</v>
      </c>
      <c r="H30459" s="8">
        <v>245376</v>
      </c>
      <c r="I30459" s="8">
        <v>0</v>
      </c>
      <c r="J30459" s="8">
        <v>245376</v>
      </c>
      <c r="K30459" s="9">
        <v>48</v>
      </c>
      <c r="L30459" s="6" t="s">
        <v>23</v>
      </c>
    </row>
    <row r="30460" spans="1:12">
      <c r="A30460" s="6" t="s">
        <v>31893</v>
      </c>
      <c r="B30460" s="6"/>
      <c r="C30460" s="6" t="s">
        <v>31894</v>
      </c>
      <c r="D30460" s="6"/>
      <c r="E30460" s="6" t="s">
        <v>18740</v>
      </c>
      <c r="F30460" s="7">
        <v>38657</v>
      </c>
      <c r="G30460" s="8">
        <v>609625</v>
      </c>
      <c r="H30460" s="8">
        <v>609625</v>
      </c>
      <c r="I30460" s="8">
        <v>0</v>
      </c>
      <c r="J30460" s="8">
        <v>609625</v>
      </c>
      <c r="K30460" s="9">
        <v>48.77</v>
      </c>
      <c r="L30460" s="6" t="s">
        <v>10</v>
      </c>
    </row>
    <row r="30461" spans="1:12">
      <c r="A30461" s="6" t="s">
        <v>31895</v>
      </c>
      <c r="B30461" s="6"/>
      <c r="C30461" s="6" t="s">
        <v>31896</v>
      </c>
      <c r="D30461" s="6"/>
      <c r="E30461" s="6" t="s">
        <v>18740</v>
      </c>
      <c r="F30461" s="7">
        <v>38657</v>
      </c>
      <c r="G30461" s="8">
        <v>1385352</v>
      </c>
      <c r="H30461" s="8">
        <v>1385352</v>
      </c>
      <c r="I30461" s="8">
        <v>0</v>
      </c>
      <c r="J30461" s="8">
        <v>1385352</v>
      </c>
      <c r="K30461" s="9">
        <v>271</v>
      </c>
      <c r="L30461" s="6" t="s">
        <v>23</v>
      </c>
    </row>
    <row r="30462" spans="1:12">
      <c r="A30462" s="6" t="s">
        <v>31897</v>
      </c>
      <c r="B30462" s="6"/>
      <c r="C30462" s="6" t="s">
        <v>31898</v>
      </c>
      <c r="D30462" s="6"/>
      <c r="E30462" s="6" t="s">
        <v>18740</v>
      </c>
      <c r="F30462" s="7">
        <v>38657</v>
      </c>
      <c r="G30462" s="8">
        <v>184032</v>
      </c>
      <c r="H30462" s="8">
        <v>184032</v>
      </c>
      <c r="I30462" s="8">
        <v>0</v>
      </c>
      <c r="J30462" s="8">
        <v>184032</v>
      </c>
      <c r="K30462" s="9">
        <v>36</v>
      </c>
      <c r="L30462" s="6" t="s">
        <v>23</v>
      </c>
    </row>
    <row r="30463" spans="1:12">
      <c r="A30463" s="6" t="s">
        <v>31899</v>
      </c>
      <c r="B30463" s="6"/>
      <c r="C30463" s="6" t="s">
        <v>31900</v>
      </c>
      <c r="D30463" s="6"/>
      <c r="E30463" s="6" t="s">
        <v>18740</v>
      </c>
      <c r="F30463" s="7">
        <v>38657</v>
      </c>
      <c r="G30463" s="8">
        <v>276048</v>
      </c>
      <c r="H30463" s="8">
        <v>276048</v>
      </c>
      <c r="I30463" s="8">
        <v>0</v>
      </c>
      <c r="J30463" s="8">
        <v>276048</v>
      </c>
      <c r="K30463" s="9">
        <v>54</v>
      </c>
      <c r="L30463" s="6" t="s">
        <v>23</v>
      </c>
    </row>
    <row r="30464" spans="1:12">
      <c r="A30464" s="6" t="s">
        <v>31901</v>
      </c>
      <c r="B30464" s="6"/>
      <c r="C30464" s="6" t="s">
        <v>31902</v>
      </c>
      <c r="D30464" s="6"/>
      <c r="E30464" s="6" t="s">
        <v>18740</v>
      </c>
      <c r="F30464" s="7">
        <v>38657</v>
      </c>
      <c r="G30464" s="8">
        <v>370000</v>
      </c>
      <c r="H30464" s="8">
        <v>370000</v>
      </c>
      <c r="I30464" s="8">
        <v>0</v>
      </c>
      <c r="J30464" s="8">
        <v>370000</v>
      </c>
      <c r="K30464" s="9">
        <v>37</v>
      </c>
      <c r="L30464" s="6" t="s">
        <v>10</v>
      </c>
    </row>
    <row r="30465" spans="1:12">
      <c r="A30465" s="6" t="s">
        <v>31901</v>
      </c>
      <c r="B30465" s="6"/>
      <c r="C30465" s="6" t="s">
        <v>31903</v>
      </c>
      <c r="D30465" s="6"/>
      <c r="E30465" s="6" t="s">
        <v>18740</v>
      </c>
      <c r="F30465" s="7">
        <v>38657</v>
      </c>
      <c r="G30465" s="8">
        <v>100000</v>
      </c>
      <c r="H30465" s="8">
        <v>100000</v>
      </c>
      <c r="I30465" s="8">
        <v>0</v>
      </c>
      <c r="J30465" s="8">
        <v>100000</v>
      </c>
      <c r="K30465" s="9">
        <v>10</v>
      </c>
      <c r="L30465" s="6" t="s">
        <v>10</v>
      </c>
    </row>
    <row r="30466" spans="1:12">
      <c r="A30466" s="6" t="s">
        <v>31901</v>
      </c>
      <c r="B30466" s="6"/>
      <c r="C30466" s="6" t="s">
        <v>31904</v>
      </c>
      <c r="D30466" s="6"/>
      <c r="E30466" s="6" t="s">
        <v>18740</v>
      </c>
      <c r="F30466" s="7">
        <v>38657</v>
      </c>
      <c r="G30466" s="8">
        <v>7700</v>
      </c>
      <c r="H30466" s="8">
        <v>7700</v>
      </c>
      <c r="I30466" s="8">
        <v>0</v>
      </c>
      <c r="J30466" s="8">
        <v>7700</v>
      </c>
      <c r="K30466" s="9">
        <v>0.77</v>
      </c>
      <c r="L30466" s="6" t="s">
        <v>10</v>
      </c>
    </row>
    <row r="30467" spans="1:12">
      <c r="A30467" s="6" t="s">
        <v>31905</v>
      </c>
      <c r="B30467" s="6"/>
      <c r="C30467" s="6" t="s">
        <v>31906</v>
      </c>
      <c r="D30467" s="6"/>
      <c r="E30467" s="6" t="s">
        <v>9</v>
      </c>
      <c r="F30467" s="7">
        <v>38657</v>
      </c>
      <c r="G30467" s="8">
        <v>37946376</v>
      </c>
      <c r="H30467" s="8">
        <v>37946376</v>
      </c>
      <c r="I30467" s="8">
        <v>0</v>
      </c>
      <c r="J30467" s="8">
        <v>37946376</v>
      </c>
      <c r="K30467" s="9">
        <v>7423</v>
      </c>
      <c r="L30467" s="6" t="s">
        <v>14</v>
      </c>
    </row>
    <row r="30468" spans="1:12">
      <c r="A30468" s="6" t="s">
        <v>31907</v>
      </c>
      <c r="B30468" s="6"/>
      <c r="C30468" s="6" t="s">
        <v>31908</v>
      </c>
      <c r="D30468" s="6"/>
      <c r="E30468" s="6" t="s">
        <v>18740</v>
      </c>
      <c r="F30468" s="7">
        <v>38657</v>
      </c>
      <c r="G30468" s="8">
        <v>362952</v>
      </c>
      <c r="H30468" s="8">
        <v>362952</v>
      </c>
      <c r="I30468" s="8">
        <v>0</v>
      </c>
      <c r="J30468" s="8">
        <v>362952</v>
      </c>
      <c r="K30468" s="9">
        <v>71</v>
      </c>
      <c r="L30468" s="6" t="s">
        <v>23</v>
      </c>
    </row>
    <row r="30469" spans="1:12">
      <c r="A30469" s="6" t="s">
        <v>31907</v>
      </c>
      <c r="B30469" s="6"/>
      <c r="C30469" s="6" t="s">
        <v>31909</v>
      </c>
      <c r="D30469" s="6"/>
      <c r="E30469" s="6" t="s">
        <v>18740</v>
      </c>
      <c r="F30469" s="7">
        <v>38657</v>
      </c>
      <c r="G30469" s="8">
        <v>168696</v>
      </c>
      <c r="H30469" s="8">
        <v>168696</v>
      </c>
      <c r="I30469" s="8">
        <v>0</v>
      </c>
      <c r="J30469" s="8">
        <v>168696</v>
      </c>
      <c r="K30469" s="9">
        <v>33</v>
      </c>
      <c r="L30469" s="6" t="s">
        <v>23</v>
      </c>
    </row>
    <row r="30470" spans="1:12">
      <c r="A30470" s="6" t="s">
        <v>31907</v>
      </c>
      <c r="B30470" s="6"/>
      <c r="C30470" s="6" t="s">
        <v>31910</v>
      </c>
      <c r="D30470" s="6"/>
      <c r="E30470" s="6" t="s">
        <v>18740</v>
      </c>
      <c r="F30470" s="7">
        <v>38657</v>
      </c>
      <c r="G30470" s="8">
        <v>230040</v>
      </c>
      <c r="H30470" s="8">
        <v>230040</v>
      </c>
      <c r="I30470" s="8">
        <v>0</v>
      </c>
      <c r="J30470" s="8">
        <v>230040</v>
      </c>
      <c r="K30470" s="9">
        <v>45</v>
      </c>
      <c r="L30470" s="6" t="s">
        <v>23</v>
      </c>
    </row>
    <row r="30471" spans="1:12">
      <c r="A30471" s="6" t="s">
        <v>31907</v>
      </c>
      <c r="B30471" s="6"/>
      <c r="C30471" s="6" t="s">
        <v>31911</v>
      </c>
      <c r="D30471" s="6"/>
      <c r="E30471" s="6" t="s">
        <v>18740</v>
      </c>
      <c r="F30471" s="7">
        <v>38657</v>
      </c>
      <c r="G30471" s="8">
        <v>16153920</v>
      </c>
      <c r="H30471" s="8">
        <v>16153920</v>
      </c>
      <c r="I30471" s="8">
        <v>0</v>
      </c>
      <c r="J30471" s="8">
        <v>16153920</v>
      </c>
      <c r="K30471" s="9">
        <v>3160</v>
      </c>
      <c r="L30471" s="6" t="s">
        <v>23</v>
      </c>
    </row>
    <row r="30472" spans="1:12">
      <c r="A30472" s="6" t="s">
        <v>31907</v>
      </c>
      <c r="B30472" s="6"/>
      <c r="C30472" s="6" t="s">
        <v>31912</v>
      </c>
      <c r="D30472" s="6"/>
      <c r="E30472" s="6" t="s">
        <v>18740</v>
      </c>
      <c r="F30472" s="7">
        <v>38657</v>
      </c>
      <c r="G30472" s="8">
        <v>6865416</v>
      </c>
      <c r="H30472" s="8">
        <v>6865416</v>
      </c>
      <c r="I30472" s="8">
        <v>0</v>
      </c>
      <c r="J30472" s="8">
        <v>6865416</v>
      </c>
      <c r="K30472" s="9">
        <v>1343</v>
      </c>
      <c r="L30472" s="6" t="s">
        <v>23</v>
      </c>
    </row>
    <row r="30473" spans="1:12">
      <c r="A30473" s="6" t="s">
        <v>31907</v>
      </c>
      <c r="B30473" s="6"/>
      <c r="C30473" s="6" t="s">
        <v>31913</v>
      </c>
      <c r="D30473" s="6"/>
      <c r="E30473" s="6" t="s">
        <v>18740</v>
      </c>
      <c r="F30473" s="7">
        <v>38657</v>
      </c>
      <c r="G30473" s="8">
        <v>11016360</v>
      </c>
      <c r="H30473" s="8">
        <v>11016360</v>
      </c>
      <c r="I30473" s="8">
        <v>0</v>
      </c>
      <c r="J30473" s="8">
        <v>11016360</v>
      </c>
      <c r="K30473" s="9">
        <v>2155</v>
      </c>
      <c r="L30473" s="6" t="s">
        <v>23</v>
      </c>
    </row>
    <row r="30474" spans="1:12">
      <c r="A30474" s="6" t="s">
        <v>31914</v>
      </c>
      <c r="B30474" s="6"/>
      <c r="C30474" s="6" t="s">
        <v>31915</v>
      </c>
      <c r="D30474" s="6"/>
      <c r="E30474" s="6" t="s">
        <v>18740</v>
      </c>
      <c r="F30474" s="7">
        <v>38657</v>
      </c>
      <c r="G30474" s="8">
        <v>768000</v>
      </c>
      <c r="H30474" s="8">
        <v>768000</v>
      </c>
      <c r="I30474" s="8">
        <v>0</v>
      </c>
      <c r="J30474" s="8">
        <v>768000</v>
      </c>
      <c r="K30474" s="9">
        <v>24</v>
      </c>
      <c r="L30474" s="6" t="s">
        <v>10</v>
      </c>
    </row>
    <row r="30475" spans="1:12">
      <c r="A30475" s="6" t="s">
        <v>31914</v>
      </c>
      <c r="B30475" s="6"/>
      <c r="C30475" s="6" t="s">
        <v>31916</v>
      </c>
      <c r="D30475" s="6"/>
      <c r="E30475" s="6" t="s">
        <v>18740</v>
      </c>
      <c r="F30475" s="7">
        <v>38657</v>
      </c>
      <c r="G30475" s="8">
        <v>320000</v>
      </c>
      <c r="H30475" s="8">
        <v>320000</v>
      </c>
      <c r="I30475" s="8">
        <v>0</v>
      </c>
      <c r="J30475" s="8">
        <v>320000</v>
      </c>
      <c r="K30475" s="9">
        <v>10</v>
      </c>
      <c r="L30475" s="6" t="s">
        <v>10</v>
      </c>
    </row>
    <row r="30476" spans="1:12">
      <c r="A30476" s="6" t="s">
        <v>31914</v>
      </c>
      <c r="B30476" s="6"/>
      <c r="C30476" s="6" t="s">
        <v>31917</v>
      </c>
      <c r="D30476" s="6"/>
      <c r="E30476" s="6" t="s">
        <v>18740</v>
      </c>
      <c r="F30476" s="7">
        <v>38657</v>
      </c>
      <c r="G30476" s="8">
        <v>258240</v>
      </c>
      <c r="H30476" s="8">
        <v>258240</v>
      </c>
      <c r="I30476" s="8">
        <v>0</v>
      </c>
      <c r="J30476" s="8">
        <v>258240</v>
      </c>
      <c r="K30476" s="9">
        <v>8.07</v>
      </c>
      <c r="L30476" s="6" t="s">
        <v>10</v>
      </c>
    </row>
    <row r="30477" spans="1:12">
      <c r="A30477" s="6" t="s">
        <v>31918</v>
      </c>
      <c r="B30477" s="6"/>
      <c r="C30477" s="6" t="s">
        <v>31919</v>
      </c>
      <c r="D30477" s="6"/>
      <c r="E30477" s="6" t="s">
        <v>18740</v>
      </c>
      <c r="F30477" s="7">
        <v>38657</v>
      </c>
      <c r="G30477" s="8">
        <v>137280</v>
      </c>
      <c r="H30477" s="8">
        <v>137280</v>
      </c>
      <c r="I30477" s="8">
        <v>0</v>
      </c>
      <c r="J30477" s="8">
        <v>137280</v>
      </c>
      <c r="K30477" s="9">
        <v>4.29</v>
      </c>
      <c r="L30477" s="6" t="s">
        <v>10</v>
      </c>
    </row>
    <row r="30478" spans="1:12">
      <c r="A30478" s="6" t="s">
        <v>31918</v>
      </c>
      <c r="B30478" s="6"/>
      <c r="C30478" s="6" t="s">
        <v>31920</v>
      </c>
      <c r="D30478" s="6"/>
      <c r="E30478" s="6" t="s">
        <v>18740</v>
      </c>
      <c r="F30478" s="7">
        <v>38657</v>
      </c>
      <c r="G30478" s="8">
        <v>1056000</v>
      </c>
      <c r="H30478" s="8">
        <v>1056000</v>
      </c>
      <c r="I30478" s="8">
        <v>0</v>
      </c>
      <c r="J30478" s="8">
        <v>1056000</v>
      </c>
      <c r="K30478" s="9">
        <v>33</v>
      </c>
      <c r="L30478" s="6" t="s">
        <v>10</v>
      </c>
    </row>
    <row r="30479" spans="1:12">
      <c r="A30479" s="6" t="s">
        <v>31921</v>
      </c>
      <c r="B30479" s="6"/>
      <c r="C30479" s="6" t="s">
        <v>31922</v>
      </c>
      <c r="D30479" s="6"/>
      <c r="E30479" s="6" t="s">
        <v>9</v>
      </c>
      <c r="F30479" s="7">
        <v>38657</v>
      </c>
      <c r="G30479" s="8">
        <v>889488</v>
      </c>
      <c r="H30479" s="8">
        <v>889488</v>
      </c>
      <c r="I30479" s="8">
        <v>0</v>
      </c>
      <c r="J30479" s="8">
        <v>889488</v>
      </c>
      <c r="K30479" s="9">
        <v>174</v>
      </c>
      <c r="L30479" s="6" t="s">
        <v>14</v>
      </c>
    </row>
    <row r="30480" spans="1:12">
      <c r="A30480" s="6" t="s">
        <v>31923</v>
      </c>
      <c r="B30480" s="6"/>
      <c r="C30480" s="6" t="s">
        <v>31924</v>
      </c>
      <c r="D30480" s="6"/>
      <c r="E30480" s="6" t="s">
        <v>9</v>
      </c>
      <c r="F30480" s="7">
        <v>38657</v>
      </c>
      <c r="G30480" s="8">
        <v>62284608</v>
      </c>
      <c r="H30480" s="8">
        <v>62284608</v>
      </c>
      <c r="I30480" s="8">
        <v>0</v>
      </c>
      <c r="J30480" s="8">
        <v>62284608</v>
      </c>
      <c r="K30480" s="9">
        <v>12184</v>
      </c>
      <c r="L30480" s="6" t="s">
        <v>14</v>
      </c>
    </row>
    <row r="30481" spans="1:12">
      <c r="A30481" s="6" t="s">
        <v>31925</v>
      </c>
      <c r="B30481" s="6"/>
      <c r="C30481" s="6" t="s">
        <v>31926</v>
      </c>
      <c r="D30481" s="6"/>
      <c r="E30481" s="6" t="s">
        <v>18740</v>
      </c>
      <c r="F30481" s="7">
        <v>38657</v>
      </c>
      <c r="G30481" s="8">
        <v>581400</v>
      </c>
      <c r="H30481" s="8">
        <v>581400</v>
      </c>
      <c r="I30481" s="8">
        <v>0</v>
      </c>
      <c r="J30481" s="8">
        <v>581400</v>
      </c>
      <c r="K30481" s="9">
        <v>18</v>
      </c>
      <c r="L30481" s="6" t="s">
        <v>10</v>
      </c>
    </row>
    <row r="30482" spans="1:12">
      <c r="A30482" s="6" t="s">
        <v>31927</v>
      </c>
      <c r="B30482" s="6"/>
      <c r="C30482" s="6" t="s">
        <v>31928</v>
      </c>
      <c r="D30482" s="6"/>
      <c r="E30482" s="6" t="s">
        <v>18740</v>
      </c>
      <c r="F30482" s="7">
        <v>38657</v>
      </c>
      <c r="G30482" s="8">
        <v>3573288</v>
      </c>
      <c r="H30482" s="8">
        <v>3573288</v>
      </c>
      <c r="I30482" s="8">
        <v>0</v>
      </c>
      <c r="J30482" s="8">
        <v>3573288</v>
      </c>
      <c r="K30482" s="9">
        <v>699</v>
      </c>
      <c r="L30482" s="6" t="s">
        <v>14</v>
      </c>
    </row>
    <row r="30483" spans="1:12">
      <c r="A30483" s="6" t="s">
        <v>31929</v>
      </c>
      <c r="B30483" s="6"/>
      <c r="C30483" s="6" t="s">
        <v>31930</v>
      </c>
      <c r="D30483" s="6"/>
      <c r="E30483" s="6" t="s">
        <v>18740</v>
      </c>
      <c r="F30483" s="7">
        <v>38657</v>
      </c>
      <c r="G30483" s="8">
        <v>3617600</v>
      </c>
      <c r="H30483" s="8">
        <v>3617600</v>
      </c>
      <c r="I30483" s="8">
        <v>0</v>
      </c>
      <c r="J30483" s="8">
        <v>3617600</v>
      </c>
      <c r="K30483" s="9">
        <v>112</v>
      </c>
      <c r="L30483" s="6" t="s">
        <v>10</v>
      </c>
    </row>
    <row r="30484" spans="1:12">
      <c r="A30484" s="6" t="s">
        <v>31929</v>
      </c>
      <c r="B30484" s="6"/>
      <c r="C30484" s="6" t="s">
        <v>31931</v>
      </c>
      <c r="D30484" s="6"/>
      <c r="E30484" s="6" t="s">
        <v>18740</v>
      </c>
      <c r="F30484" s="7">
        <v>38657</v>
      </c>
      <c r="G30484" s="8">
        <v>1624044</v>
      </c>
      <c r="H30484" s="8">
        <v>1624044</v>
      </c>
      <c r="I30484" s="8">
        <v>0</v>
      </c>
      <c r="J30484" s="8">
        <v>1624044</v>
      </c>
      <c r="K30484" s="9">
        <v>50.28</v>
      </c>
      <c r="L30484" s="6" t="s">
        <v>10</v>
      </c>
    </row>
    <row r="30485" spans="1:12">
      <c r="A30485" s="6" t="s">
        <v>31932</v>
      </c>
      <c r="B30485" s="6"/>
      <c r="C30485" s="6" t="s">
        <v>31933</v>
      </c>
      <c r="D30485" s="6"/>
      <c r="E30485" s="6" t="s">
        <v>18740</v>
      </c>
      <c r="F30485" s="7">
        <v>38657</v>
      </c>
      <c r="G30485" s="8">
        <v>1687317</v>
      </c>
      <c r="H30485" s="8">
        <v>1687317</v>
      </c>
      <c r="I30485" s="8">
        <v>0</v>
      </c>
      <c r="J30485" s="8">
        <v>1687317</v>
      </c>
      <c r="K30485" s="9">
        <v>330.07</v>
      </c>
      <c r="L30485" s="6" t="s">
        <v>23</v>
      </c>
    </row>
    <row r="30486" spans="1:12">
      <c r="A30486" s="6" t="s">
        <v>31934</v>
      </c>
      <c r="B30486" s="6"/>
      <c r="C30486" s="6" t="s">
        <v>31935</v>
      </c>
      <c r="D30486" s="6"/>
      <c r="E30486" s="6" t="s">
        <v>9</v>
      </c>
      <c r="F30486" s="7">
        <v>38657</v>
      </c>
      <c r="G30486" s="8">
        <v>5296032</v>
      </c>
      <c r="H30486" s="8">
        <v>5296032</v>
      </c>
      <c r="I30486" s="8">
        <v>0</v>
      </c>
      <c r="J30486" s="8">
        <v>5296032</v>
      </c>
      <c r="K30486" s="9">
        <v>1036</v>
      </c>
      <c r="L30486" s="6" t="s">
        <v>14</v>
      </c>
    </row>
    <row r="30487" spans="1:12">
      <c r="A30487" s="6" t="s">
        <v>31936</v>
      </c>
      <c r="B30487" s="6"/>
      <c r="C30487" s="6" t="s">
        <v>31937</v>
      </c>
      <c r="D30487" s="6"/>
      <c r="E30487" s="6" t="s">
        <v>18740</v>
      </c>
      <c r="F30487" s="7">
        <v>38657</v>
      </c>
      <c r="G30487" s="8">
        <v>990501</v>
      </c>
      <c r="H30487" s="8">
        <v>990501</v>
      </c>
      <c r="I30487" s="8">
        <v>0</v>
      </c>
      <c r="J30487" s="8">
        <v>990501</v>
      </c>
      <c r="K30487" s="9">
        <v>193.76</v>
      </c>
      <c r="L30487" s="6" t="s">
        <v>23</v>
      </c>
    </row>
    <row r="30488" spans="1:12">
      <c r="A30488" s="6" t="s">
        <v>31936</v>
      </c>
      <c r="B30488" s="6"/>
      <c r="C30488" s="6" t="s">
        <v>31938</v>
      </c>
      <c r="D30488" s="6"/>
      <c r="E30488" s="6" t="s">
        <v>18740</v>
      </c>
      <c r="F30488" s="7">
        <v>38657</v>
      </c>
      <c r="G30488" s="8">
        <v>1058490</v>
      </c>
      <c r="H30488" s="8">
        <v>1058490</v>
      </c>
      <c r="I30488" s="8">
        <v>0</v>
      </c>
      <c r="J30488" s="8">
        <v>1058490</v>
      </c>
      <c r="K30488" s="9">
        <v>207.06</v>
      </c>
      <c r="L30488" s="6" t="s">
        <v>23</v>
      </c>
    </row>
    <row r="30489" spans="1:12">
      <c r="A30489" s="6" t="s">
        <v>31936</v>
      </c>
      <c r="B30489" s="6"/>
      <c r="C30489" s="6" t="s">
        <v>31939</v>
      </c>
      <c r="D30489" s="6"/>
      <c r="E30489" s="6" t="s">
        <v>18740</v>
      </c>
      <c r="F30489" s="7">
        <v>38657</v>
      </c>
      <c r="G30489" s="8">
        <v>1073059</v>
      </c>
      <c r="H30489" s="8">
        <v>1073059</v>
      </c>
      <c r="I30489" s="8">
        <v>0</v>
      </c>
      <c r="J30489" s="8">
        <v>1073059</v>
      </c>
      <c r="K30489" s="9">
        <v>209.91</v>
      </c>
      <c r="L30489" s="6" t="s">
        <v>23</v>
      </c>
    </row>
    <row r="30490" spans="1:12">
      <c r="A30490" s="6" t="s">
        <v>31936</v>
      </c>
      <c r="B30490" s="6"/>
      <c r="C30490" s="6" t="s">
        <v>31940</v>
      </c>
      <c r="D30490" s="6"/>
      <c r="E30490" s="6" t="s">
        <v>18740</v>
      </c>
      <c r="F30490" s="7">
        <v>38657</v>
      </c>
      <c r="G30490" s="8">
        <v>1049442</v>
      </c>
      <c r="H30490" s="8">
        <v>1049442</v>
      </c>
      <c r="I30490" s="8">
        <v>0</v>
      </c>
      <c r="J30490" s="8">
        <v>1049442</v>
      </c>
      <c r="K30490" s="9">
        <v>205.29</v>
      </c>
      <c r="L30490" s="6" t="s">
        <v>23</v>
      </c>
    </row>
    <row r="30491" spans="1:12">
      <c r="A30491" s="6" t="s">
        <v>31936</v>
      </c>
      <c r="B30491" s="6"/>
      <c r="C30491" s="6" t="s">
        <v>31941</v>
      </c>
      <c r="D30491" s="6"/>
      <c r="E30491" s="6" t="s">
        <v>18740</v>
      </c>
      <c r="F30491" s="7">
        <v>38657</v>
      </c>
      <c r="G30491" s="8">
        <v>1298294</v>
      </c>
      <c r="H30491" s="8">
        <v>1298294</v>
      </c>
      <c r="I30491" s="8">
        <v>0</v>
      </c>
      <c r="J30491" s="8">
        <v>1298294</v>
      </c>
      <c r="K30491" s="9">
        <v>253.97</v>
      </c>
      <c r="L30491" s="6" t="s">
        <v>23</v>
      </c>
    </row>
    <row r="30492" spans="1:12">
      <c r="A30492" s="6" t="s">
        <v>31936</v>
      </c>
      <c r="B30492" s="6"/>
      <c r="C30492" s="6" t="s">
        <v>31942</v>
      </c>
      <c r="D30492" s="6"/>
      <c r="E30492" s="6" t="s">
        <v>18740</v>
      </c>
      <c r="F30492" s="7">
        <v>38657</v>
      </c>
      <c r="G30492" s="8">
        <v>1690845</v>
      </c>
      <c r="H30492" s="8">
        <v>1690845</v>
      </c>
      <c r="I30492" s="8">
        <v>0</v>
      </c>
      <c r="J30492" s="8">
        <v>1690845</v>
      </c>
      <c r="K30492" s="9">
        <v>330.76</v>
      </c>
      <c r="L30492" s="6" t="s">
        <v>23</v>
      </c>
    </row>
    <row r="30493" spans="1:12">
      <c r="A30493" s="6" t="s">
        <v>31936</v>
      </c>
      <c r="B30493" s="6"/>
      <c r="C30493" s="6" t="s">
        <v>31943</v>
      </c>
      <c r="D30493" s="6"/>
      <c r="E30493" s="6" t="s">
        <v>18740</v>
      </c>
      <c r="F30493" s="7">
        <v>38657</v>
      </c>
      <c r="G30493" s="8">
        <v>1032981</v>
      </c>
      <c r="H30493" s="8">
        <v>1032981</v>
      </c>
      <c r="I30493" s="8">
        <v>0</v>
      </c>
      <c r="J30493" s="8">
        <v>1032981</v>
      </c>
      <c r="K30493" s="9">
        <v>202.07</v>
      </c>
      <c r="L30493" s="6" t="s">
        <v>23</v>
      </c>
    </row>
    <row r="30494" spans="1:12">
      <c r="A30494" s="6" t="s">
        <v>31936</v>
      </c>
      <c r="B30494" s="6"/>
      <c r="C30494" s="6" t="s">
        <v>31944</v>
      </c>
      <c r="D30494" s="6"/>
      <c r="E30494" s="6" t="s">
        <v>18740</v>
      </c>
      <c r="F30494" s="7">
        <v>38657</v>
      </c>
      <c r="G30494" s="8">
        <v>1218036</v>
      </c>
      <c r="H30494" s="8">
        <v>1218036</v>
      </c>
      <c r="I30494" s="8">
        <v>0</v>
      </c>
      <c r="J30494" s="8">
        <v>1218036</v>
      </c>
      <c r="K30494" s="9">
        <v>238.27</v>
      </c>
      <c r="L30494" s="6" t="s">
        <v>23</v>
      </c>
    </row>
    <row r="30495" spans="1:12">
      <c r="A30495" s="6" t="s">
        <v>31936</v>
      </c>
      <c r="B30495" s="6"/>
      <c r="C30495" s="6" t="s">
        <v>31945</v>
      </c>
      <c r="D30495" s="6"/>
      <c r="E30495" s="6" t="s">
        <v>18740</v>
      </c>
      <c r="F30495" s="7">
        <v>38657</v>
      </c>
      <c r="G30495" s="8">
        <v>1417659</v>
      </c>
      <c r="H30495" s="8">
        <v>1417659</v>
      </c>
      <c r="I30495" s="8">
        <v>0</v>
      </c>
      <c r="J30495" s="8">
        <v>1417659</v>
      </c>
      <c r="K30495" s="9">
        <v>277.32</v>
      </c>
      <c r="L30495" s="6" t="s">
        <v>23</v>
      </c>
    </row>
    <row r="30496" spans="1:12">
      <c r="A30496" s="6" t="s">
        <v>31936</v>
      </c>
      <c r="B30496" s="6"/>
      <c r="C30496" s="6" t="s">
        <v>31946</v>
      </c>
      <c r="D30496" s="6"/>
      <c r="E30496" s="6" t="s">
        <v>18740</v>
      </c>
      <c r="F30496" s="7">
        <v>38657</v>
      </c>
      <c r="G30496" s="8">
        <v>1000111</v>
      </c>
      <c r="H30496" s="8">
        <v>1000111</v>
      </c>
      <c r="I30496" s="8">
        <v>0</v>
      </c>
      <c r="J30496" s="8">
        <v>1000111</v>
      </c>
      <c r="K30496" s="9">
        <v>195.64</v>
      </c>
      <c r="L30496" s="6" t="s">
        <v>23</v>
      </c>
    </row>
    <row r="30497" spans="1:12">
      <c r="A30497" s="6" t="s">
        <v>31936</v>
      </c>
      <c r="B30497" s="6"/>
      <c r="C30497" s="6" t="s">
        <v>31947</v>
      </c>
      <c r="D30497" s="6"/>
      <c r="E30497" s="6" t="s">
        <v>18740</v>
      </c>
      <c r="F30497" s="7">
        <v>38657</v>
      </c>
      <c r="G30497" s="8">
        <v>997555</v>
      </c>
      <c r="H30497" s="8">
        <v>997555</v>
      </c>
      <c r="I30497" s="8">
        <v>0</v>
      </c>
      <c r="J30497" s="8">
        <v>997555</v>
      </c>
      <c r="K30497" s="9">
        <v>195.14</v>
      </c>
      <c r="L30497" s="6" t="s">
        <v>23</v>
      </c>
    </row>
    <row r="30498" spans="1:12">
      <c r="A30498" s="6" t="s">
        <v>31936</v>
      </c>
      <c r="B30498" s="6"/>
      <c r="C30498" s="6" t="s">
        <v>31948</v>
      </c>
      <c r="D30498" s="6"/>
      <c r="E30498" s="6" t="s">
        <v>18740</v>
      </c>
      <c r="F30498" s="7">
        <v>38657</v>
      </c>
      <c r="G30498" s="8">
        <v>1047039</v>
      </c>
      <c r="H30498" s="8">
        <v>1047039</v>
      </c>
      <c r="I30498" s="8">
        <v>0</v>
      </c>
      <c r="J30498" s="8">
        <v>1047039</v>
      </c>
      <c r="K30498" s="9">
        <v>204.82</v>
      </c>
      <c r="L30498" s="6" t="s">
        <v>23</v>
      </c>
    </row>
    <row r="30499" spans="1:12">
      <c r="A30499" s="6" t="s">
        <v>31936</v>
      </c>
      <c r="B30499" s="6"/>
      <c r="C30499" s="6" t="s">
        <v>31949</v>
      </c>
      <c r="D30499" s="6"/>
      <c r="E30499" s="6" t="s">
        <v>18740</v>
      </c>
      <c r="F30499" s="7">
        <v>38657</v>
      </c>
      <c r="G30499" s="8">
        <v>1335867</v>
      </c>
      <c r="H30499" s="8">
        <v>1335867</v>
      </c>
      <c r="I30499" s="8">
        <v>0</v>
      </c>
      <c r="J30499" s="8">
        <v>1335867</v>
      </c>
      <c r="K30499" s="9">
        <v>261.32</v>
      </c>
      <c r="L30499" s="6" t="s">
        <v>23</v>
      </c>
    </row>
    <row r="30500" spans="1:12">
      <c r="A30500" s="6" t="s">
        <v>31936</v>
      </c>
      <c r="B30500" s="6"/>
      <c r="C30500" s="6" t="s">
        <v>31950</v>
      </c>
      <c r="D30500" s="6"/>
      <c r="E30500" s="6" t="s">
        <v>18740</v>
      </c>
      <c r="F30500" s="7">
        <v>38657</v>
      </c>
      <c r="G30500" s="8">
        <v>1792369</v>
      </c>
      <c r="H30500" s="8">
        <v>1792369</v>
      </c>
      <c r="I30500" s="8">
        <v>0</v>
      </c>
      <c r="J30500" s="8">
        <v>1792369</v>
      </c>
      <c r="K30500" s="9">
        <v>350.62</v>
      </c>
      <c r="L30500" s="6" t="s">
        <v>23</v>
      </c>
    </row>
    <row r="30501" spans="1:12">
      <c r="A30501" s="6" t="s">
        <v>31936</v>
      </c>
      <c r="B30501" s="6"/>
      <c r="C30501" s="6" t="s">
        <v>31951</v>
      </c>
      <c r="D30501" s="6"/>
      <c r="E30501" s="6" t="s">
        <v>18740</v>
      </c>
      <c r="F30501" s="7">
        <v>38657</v>
      </c>
      <c r="G30501" s="8">
        <v>1328353</v>
      </c>
      <c r="H30501" s="8">
        <v>1328353</v>
      </c>
      <c r="I30501" s="8">
        <v>0</v>
      </c>
      <c r="J30501" s="8">
        <v>1328353</v>
      </c>
      <c r="K30501" s="9">
        <v>259.85000000000002</v>
      </c>
      <c r="L30501" s="6" t="s">
        <v>23</v>
      </c>
    </row>
    <row r="30502" spans="1:12">
      <c r="A30502" s="6" t="s">
        <v>31936</v>
      </c>
      <c r="B30502" s="6"/>
      <c r="C30502" s="6" t="s">
        <v>31952</v>
      </c>
      <c r="D30502" s="6"/>
      <c r="E30502" s="6" t="s">
        <v>18740</v>
      </c>
      <c r="F30502" s="7">
        <v>38657</v>
      </c>
      <c r="G30502" s="8">
        <v>1038502</v>
      </c>
      <c r="H30502" s="8">
        <v>1038502</v>
      </c>
      <c r="I30502" s="8">
        <v>0</v>
      </c>
      <c r="J30502" s="8">
        <v>1038502</v>
      </c>
      <c r="K30502" s="9">
        <v>203.15</v>
      </c>
      <c r="L30502" s="6" t="s">
        <v>23</v>
      </c>
    </row>
    <row r="30503" spans="1:12">
      <c r="A30503" s="6" t="s">
        <v>31936</v>
      </c>
      <c r="B30503" s="6"/>
      <c r="C30503" s="6" t="s">
        <v>31953</v>
      </c>
      <c r="D30503" s="6"/>
      <c r="E30503" s="6" t="s">
        <v>18740</v>
      </c>
      <c r="F30503" s="7">
        <v>38657</v>
      </c>
      <c r="G30503" s="8">
        <v>1039780</v>
      </c>
      <c r="H30503" s="8">
        <v>1039780</v>
      </c>
      <c r="I30503" s="8">
        <v>0</v>
      </c>
      <c r="J30503" s="8">
        <v>1039780</v>
      </c>
      <c r="K30503" s="9">
        <v>203.4</v>
      </c>
      <c r="L30503" s="6" t="s">
        <v>23</v>
      </c>
    </row>
    <row r="30504" spans="1:12">
      <c r="A30504" s="6" t="s">
        <v>31936</v>
      </c>
      <c r="B30504" s="6"/>
      <c r="C30504" s="6" t="s">
        <v>31954</v>
      </c>
      <c r="D30504" s="6"/>
      <c r="E30504" s="6" t="s">
        <v>18740</v>
      </c>
      <c r="F30504" s="7">
        <v>38657</v>
      </c>
      <c r="G30504" s="8">
        <v>1055628</v>
      </c>
      <c r="H30504" s="8">
        <v>1055628</v>
      </c>
      <c r="I30504" s="8">
        <v>0</v>
      </c>
      <c r="J30504" s="8">
        <v>1055628</v>
      </c>
      <c r="K30504" s="9">
        <v>206.5</v>
      </c>
      <c r="L30504" s="6" t="s">
        <v>23</v>
      </c>
    </row>
    <row r="30505" spans="1:12">
      <c r="A30505" s="6" t="s">
        <v>31936</v>
      </c>
      <c r="B30505" s="6"/>
      <c r="C30505" s="6" t="s">
        <v>31955</v>
      </c>
      <c r="D30505" s="6"/>
      <c r="E30505" s="6" t="s">
        <v>18740</v>
      </c>
      <c r="F30505" s="7">
        <v>38657</v>
      </c>
      <c r="G30505" s="8">
        <v>1036611</v>
      </c>
      <c r="H30505" s="8">
        <v>1036611</v>
      </c>
      <c r="I30505" s="8">
        <v>0</v>
      </c>
      <c r="J30505" s="8">
        <v>1036611</v>
      </c>
      <c r="K30505" s="9">
        <v>202.78</v>
      </c>
      <c r="L30505" s="6" t="s">
        <v>23</v>
      </c>
    </row>
    <row r="30506" spans="1:12">
      <c r="A30506" s="6" t="s">
        <v>31936</v>
      </c>
      <c r="B30506" s="6"/>
      <c r="C30506" s="6" t="s">
        <v>31956</v>
      </c>
      <c r="D30506" s="6"/>
      <c r="E30506" s="6" t="s">
        <v>18740</v>
      </c>
      <c r="F30506" s="7">
        <v>38657</v>
      </c>
      <c r="G30506" s="8">
        <v>993568</v>
      </c>
      <c r="H30506" s="8">
        <v>993568</v>
      </c>
      <c r="I30506" s="8">
        <v>0</v>
      </c>
      <c r="J30506" s="8">
        <v>993568</v>
      </c>
      <c r="K30506" s="9">
        <v>194.36</v>
      </c>
      <c r="L30506" s="6" t="s">
        <v>23</v>
      </c>
    </row>
    <row r="30507" spans="1:12">
      <c r="A30507" s="6" t="s">
        <v>31936</v>
      </c>
      <c r="B30507" s="6"/>
      <c r="C30507" s="6" t="s">
        <v>31957</v>
      </c>
      <c r="D30507" s="6"/>
      <c r="E30507" s="6" t="s">
        <v>18740</v>
      </c>
      <c r="F30507" s="7">
        <v>38657</v>
      </c>
      <c r="G30507" s="8">
        <v>985491</v>
      </c>
      <c r="H30507" s="8">
        <v>985491</v>
      </c>
      <c r="I30507" s="8">
        <v>0</v>
      </c>
      <c r="J30507" s="8">
        <v>985491</v>
      </c>
      <c r="K30507" s="9">
        <v>192.78</v>
      </c>
      <c r="L30507" s="6" t="s">
        <v>23</v>
      </c>
    </row>
    <row r="30508" spans="1:12">
      <c r="A30508" s="6" t="s">
        <v>31936</v>
      </c>
      <c r="B30508" s="6"/>
      <c r="C30508" s="6" t="s">
        <v>31958</v>
      </c>
      <c r="D30508" s="6"/>
      <c r="E30508" s="6" t="s">
        <v>18740</v>
      </c>
      <c r="F30508" s="7">
        <v>38657</v>
      </c>
      <c r="G30508" s="8">
        <v>1035588</v>
      </c>
      <c r="H30508" s="8">
        <v>1035588</v>
      </c>
      <c r="I30508" s="8">
        <v>0</v>
      </c>
      <c r="J30508" s="8">
        <v>1035588</v>
      </c>
      <c r="K30508" s="9">
        <v>202.58</v>
      </c>
      <c r="L30508" s="6" t="s">
        <v>23</v>
      </c>
    </row>
    <row r="30509" spans="1:12">
      <c r="A30509" s="6" t="s">
        <v>31936</v>
      </c>
      <c r="B30509" s="6"/>
      <c r="C30509" s="6" t="s">
        <v>31959</v>
      </c>
      <c r="D30509" s="6"/>
      <c r="E30509" s="6" t="s">
        <v>18740</v>
      </c>
      <c r="F30509" s="7">
        <v>38657</v>
      </c>
      <c r="G30509" s="8">
        <v>1088753</v>
      </c>
      <c r="H30509" s="8">
        <v>1088753</v>
      </c>
      <c r="I30509" s="8">
        <v>0</v>
      </c>
      <c r="J30509" s="8">
        <v>1088753</v>
      </c>
      <c r="K30509" s="9">
        <v>212.98</v>
      </c>
      <c r="L30509" s="6" t="s">
        <v>23</v>
      </c>
    </row>
    <row r="30510" spans="1:12">
      <c r="A30510" s="6" t="s">
        <v>31960</v>
      </c>
      <c r="B30510" s="6"/>
      <c r="C30510" s="6" t="s">
        <v>31961</v>
      </c>
      <c r="D30510" s="6"/>
      <c r="E30510" s="6" t="s">
        <v>18740</v>
      </c>
      <c r="F30510" s="7">
        <v>38657</v>
      </c>
      <c r="G30510" s="8">
        <v>7227500</v>
      </c>
      <c r="H30510" s="8">
        <v>7227500</v>
      </c>
      <c r="I30510" s="8">
        <v>0</v>
      </c>
      <c r="J30510" s="8">
        <v>7227500</v>
      </c>
      <c r="K30510" s="9">
        <v>206.5</v>
      </c>
      <c r="L30510" s="6" t="s">
        <v>10</v>
      </c>
    </row>
    <row r="30511" spans="1:12">
      <c r="A30511" s="6" t="s">
        <v>31962</v>
      </c>
      <c r="B30511" s="6"/>
      <c r="C30511" s="6" t="s">
        <v>31963</v>
      </c>
      <c r="D30511" s="6"/>
      <c r="E30511" s="6" t="s">
        <v>9</v>
      </c>
      <c r="F30511" s="7">
        <v>38657</v>
      </c>
      <c r="G30511" s="8">
        <v>4304304</v>
      </c>
      <c r="H30511" s="8">
        <v>4304304</v>
      </c>
      <c r="I30511" s="8">
        <v>0</v>
      </c>
      <c r="J30511" s="8">
        <v>4304304</v>
      </c>
      <c r="K30511" s="9">
        <v>842</v>
      </c>
      <c r="L30511" s="6" t="s">
        <v>14</v>
      </c>
    </row>
    <row r="30512" spans="1:12">
      <c r="A30512" s="6" t="s">
        <v>31964</v>
      </c>
      <c r="B30512" s="6"/>
      <c r="C30512" s="6" t="s">
        <v>31965</v>
      </c>
      <c r="D30512" s="6"/>
      <c r="E30512" s="6" t="s">
        <v>18740</v>
      </c>
      <c r="F30512" s="7">
        <v>38657</v>
      </c>
      <c r="G30512" s="8">
        <v>6169979</v>
      </c>
      <c r="H30512" s="8">
        <v>6169979</v>
      </c>
      <c r="I30512" s="8">
        <v>0</v>
      </c>
      <c r="J30512" s="8">
        <v>6169979</v>
      </c>
      <c r="K30512" s="9">
        <v>1206.96</v>
      </c>
      <c r="L30512" s="6" t="s">
        <v>23</v>
      </c>
    </row>
    <row r="30513" spans="1:12">
      <c r="A30513" s="6" t="s">
        <v>31966</v>
      </c>
      <c r="B30513" s="6"/>
      <c r="C30513" s="6" t="s">
        <v>31967</v>
      </c>
      <c r="D30513" s="6"/>
      <c r="E30513" s="6" t="s">
        <v>9</v>
      </c>
      <c r="F30513" s="7">
        <v>38657</v>
      </c>
      <c r="G30513" s="8">
        <v>51503400</v>
      </c>
      <c r="H30513" s="8">
        <v>51503400</v>
      </c>
      <c r="I30513" s="8">
        <v>0</v>
      </c>
      <c r="J30513" s="8">
        <v>51503400</v>
      </c>
      <c r="K30513" s="9">
        <v>10075</v>
      </c>
      <c r="L30513" s="6" t="s">
        <v>14</v>
      </c>
    </row>
    <row r="30514" spans="1:12">
      <c r="A30514" s="6" t="s">
        <v>31968</v>
      </c>
      <c r="B30514" s="6"/>
      <c r="C30514" s="6" t="s">
        <v>31969</v>
      </c>
      <c r="D30514" s="6"/>
      <c r="E30514" s="6" t="s">
        <v>18740</v>
      </c>
      <c r="F30514" s="7">
        <v>38657</v>
      </c>
      <c r="G30514" s="8">
        <v>37777</v>
      </c>
      <c r="H30514" s="8">
        <v>37777</v>
      </c>
      <c r="I30514" s="8">
        <v>0</v>
      </c>
      <c r="J30514" s="8">
        <v>37777</v>
      </c>
      <c r="K30514" s="9">
        <v>7.39</v>
      </c>
      <c r="L30514" s="6" t="s">
        <v>23</v>
      </c>
    </row>
    <row r="30515" spans="1:12">
      <c r="A30515" s="6" t="s">
        <v>31970</v>
      </c>
      <c r="B30515" s="6"/>
      <c r="C30515" s="6" t="s">
        <v>31971</v>
      </c>
      <c r="D30515" s="6"/>
      <c r="E30515" s="6" t="s">
        <v>9</v>
      </c>
      <c r="F30515" s="7">
        <v>38657</v>
      </c>
      <c r="G30515" s="8">
        <v>819658</v>
      </c>
      <c r="H30515" s="8">
        <v>819658</v>
      </c>
      <c r="I30515" s="8">
        <v>0</v>
      </c>
      <c r="J30515" s="8">
        <v>819658</v>
      </c>
      <c r="K30515" s="9">
        <v>160.34</v>
      </c>
      <c r="L30515" s="6" t="s">
        <v>23</v>
      </c>
    </row>
    <row r="30516" spans="1:12">
      <c r="A30516" s="6" t="s">
        <v>31970</v>
      </c>
      <c r="B30516" s="6"/>
      <c r="C30516" s="6" t="s">
        <v>31972</v>
      </c>
      <c r="D30516" s="6"/>
      <c r="E30516" s="6" t="s">
        <v>9</v>
      </c>
      <c r="F30516" s="7">
        <v>38657</v>
      </c>
      <c r="G30516" s="8">
        <v>21424392</v>
      </c>
      <c r="H30516" s="8">
        <v>21424392</v>
      </c>
      <c r="I30516" s="8">
        <v>0</v>
      </c>
      <c r="J30516" s="8">
        <v>21424392</v>
      </c>
      <c r="K30516" s="9">
        <v>4191</v>
      </c>
      <c r="L30516" s="6" t="s">
        <v>23</v>
      </c>
    </row>
    <row r="30517" spans="1:12">
      <c r="A30517" s="6" t="s">
        <v>31970</v>
      </c>
      <c r="B30517" s="6"/>
      <c r="C30517" s="6" t="s">
        <v>31973</v>
      </c>
      <c r="D30517" s="6"/>
      <c r="E30517" s="6" t="s">
        <v>9</v>
      </c>
      <c r="F30517" s="7">
        <v>38657</v>
      </c>
      <c r="G30517" s="8">
        <v>456092</v>
      </c>
      <c r="H30517" s="8">
        <v>456092</v>
      </c>
      <c r="I30517" s="8">
        <v>0</v>
      </c>
      <c r="J30517" s="8">
        <v>456092</v>
      </c>
      <c r="K30517" s="9">
        <v>89.22</v>
      </c>
      <c r="L30517" s="6" t="s">
        <v>23</v>
      </c>
    </row>
    <row r="30518" spans="1:12">
      <c r="A30518" s="6" t="s">
        <v>31974</v>
      </c>
      <c r="B30518" s="6"/>
      <c r="C30518" s="6" t="s">
        <v>31975</v>
      </c>
      <c r="D30518" s="6"/>
      <c r="E30518" s="6" t="s">
        <v>18740</v>
      </c>
      <c r="F30518" s="7">
        <v>38657</v>
      </c>
      <c r="G30518" s="8">
        <v>248647</v>
      </c>
      <c r="H30518" s="8">
        <v>248647</v>
      </c>
      <c r="I30518" s="8">
        <v>0</v>
      </c>
      <c r="J30518" s="8">
        <v>248647</v>
      </c>
      <c r="K30518" s="9">
        <v>48.64</v>
      </c>
      <c r="L30518" s="6" t="s">
        <v>23</v>
      </c>
    </row>
    <row r="30519" spans="1:12">
      <c r="A30519" s="6" t="s">
        <v>31976</v>
      </c>
      <c r="B30519" s="6"/>
      <c r="C30519" s="6" t="s">
        <v>31977</v>
      </c>
      <c r="D30519" s="6"/>
      <c r="E30519" s="6" t="s">
        <v>9</v>
      </c>
      <c r="F30519" s="7">
        <v>38657</v>
      </c>
      <c r="G30519" s="8">
        <v>8092296</v>
      </c>
      <c r="H30519" s="8">
        <v>8092296</v>
      </c>
      <c r="I30519" s="8">
        <v>0</v>
      </c>
      <c r="J30519" s="8">
        <v>8092296</v>
      </c>
      <c r="K30519" s="9">
        <v>1583</v>
      </c>
      <c r="L30519" s="6" t="s">
        <v>23</v>
      </c>
    </row>
    <row r="30520" spans="1:12">
      <c r="A30520" s="6" t="s">
        <v>31978</v>
      </c>
      <c r="B30520" s="6"/>
      <c r="C30520" s="6" t="s">
        <v>31979</v>
      </c>
      <c r="D30520" s="6"/>
      <c r="E30520" s="6" t="s">
        <v>9</v>
      </c>
      <c r="F30520" s="7">
        <v>38657</v>
      </c>
      <c r="G30520" s="8">
        <v>46943496</v>
      </c>
      <c r="H30520" s="8">
        <v>46943496</v>
      </c>
      <c r="I30520" s="8">
        <v>0</v>
      </c>
      <c r="J30520" s="8">
        <v>46943496</v>
      </c>
      <c r="K30520" s="9">
        <v>9183</v>
      </c>
      <c r="L30520" s="6" t="s">
        <v>23</v>
      </c>
    </row>
    <row r="30521" spans="1:12">
      <c r="A30521" s="6" t="s">
        <v>31980</v>
      </c>
      <c r="B30521" s="6"/>
      <c r="C30521" s="6" t="s">
        <v>31981</v>
      </c>
      <c r="D30521" s="6"/>
      <c r="E30521" s="6" t="s">
        <v>9</v>
      </c>
      <c r="F30521" s="7">
        <v>38657</v>
      </c>
      <c r="G30521" s="8">
        <v>23147136</v>
      </c>
      <c r="H30521" s="8">
        <v>23147136</v>
      </c>
      <c r="I30521" s="8">
        <v>0</v>
      </c>
      <c r="J30521" s="8">
        <v>23147136</v>
      </c>
      <c r="K30521" s="9">
        <v>4528</v>
      </c>
      <c r="L30521" s="6" t="s">
        <v>23</v>
      </c>
    </row>
    <row r="30522" spans="1:12">
      <c r="A30522" s="6" t="s">
        <v>31980</v>
      </c>
      <c r="B30522" s="6"/>
      <c r="C30522" s="6" t="s">
        <v>31982</v>
      </c>
      <c r="D30522" s="6"/>
      <c r="E30522" s="6" t="s">
        <v>9</v>
      </c>
      <c r="F30522" s="7">
        <v>38657</v>
      </c>
      <c r="G30522" s="8">
        <v>4018032</v>
      </c>
      <c r="H30522" s="8">
        <v>4018032</v>
      </c>
      <c r="I30522" s="8">
        <v>0</v>
      </c>
      <c r="J30522" s="8">
        <v>4018032</v>
      </c>
      <c r="K30522" s="9">
        <v>786</v>
      </c>
      <c r="L30522" s="6" t="s">
        <v>23</v>
      </c>
    </row>
    <row r="30523" spans="1:12">
      <c r="A30523" s="6" t="s">
        <v>31980</v>
      </c>
      <c r="B30523" s="6"/>
      <c r="C30523" s="6" t="s">
        <v>31983</v>
      </c>
      <c r="D30523" s="6"/>
      <c r="E30523" s="6" t="s">
        <v>9</v>
      </c>
      <c r="F30523" s="7">
        <v>38657</v>
      </c>
      <c r="G30523" s="8">
        <v>11583792</v>
      </c>
      <c r="H30523" s="8">
        <v>11583792</v>
      </c>
      <c r="I30523" s="8">
        <v>0</v>
      </c>
      <c r="J30523" s="8">
        <v>11583792</v>
      </c>
      <c r="K30523" s="9">
        <v>2266</v>
      </c>
      <c r="L30523" s="6" t="s">
        <v>23</v>
      </c>
    </row>
    <row r="30524" spans="1:12">
      <c r="A30524" s="6" t="s">
        <v>31980</v>
      </c>
      <c r="B30524" s="6"/>
      <c r="C30524" s="6" t="s">
        <v>31984</v>
      </c>
      <c r="D30524" s="6"/>
      <c r="E30524" s="6" t="s">
        <v>9</v>
      </c>
      <c r="F30524" s="7">
        <v>38657</v>
      </c>
      <c r="G30524" s="8">
        <v>29148624</v>
      </c>
      <c r="H30524" s="8">
        <v>29148624</v>
      </c>
      <c r="I30524" s="8">
        <v>0</v>
      </c>
      <c r="J30524" s="8">
        <v>29148624</v>
      </c>
      <c r="K30524" s="9">
        <v>5702</v>
      </c>
      <c r="L30524" s="6" t="s">
        <v>23</v>
      </c>
    </row>
    <row r="30525" spans="1:12">
      <c r="A30525" s="6" t="s">
        <v>31985</v>
      </c>
      <c r="B30525" s="6"/>
      <c r="C30525" s="6" t="s">
        <v>31986</v>
      </c>
      <c r="D30525" s="6"/>
      <c r="E30525" s="6" t="s">
        <v>9</v>
      </c>
      <c r="F30525" s="7">
        <v>38657</v>
      </c>
      <c r="G30525" s="8">
        <v>8649504</v>
      </c>
      <c r="H30525" s="8">
        <v>8649504</v>
      </c>
      <c r="I30525" s="8">
        <v>0</v>
      </c>
      <c r="J30525" s="8">
        <v>8649504</v>
      </c>
      <c r="K30525" s="9">
        <v>1692</v>
      </c>
      <c r="L30525" s="6" t="s">
        <v>14</v>
      </c>
    </row>
    <row r="30526" spans="1:12">
      <c r="A30526" s="6" t="s">
        <v>31987</v>
      </c>
      <c r="B30526" s="6"/>
      <c r="C30526" s="6" t="s">
        <v>31988</v>
      </c>
      <c r="D30526" s="6"/>
      <c r="E30526" s="6" t="s">
        <v>18740</v>
      </c>
      <c r="F30526" s="7">
        <v>38657</v>
      </c>
      <c r="G30526" s="8">
        <v>1103700</v>
      </c>
      <c r="H30526" s="8">
        <v>1103700</v>
      </c>
      <c r="I30526" s="8">
        <v>0</v>
      </c>
      <c r="J30526" s="8">
        <v>1103700</v>
      </c>
      <c r="K30526" s="9">
        <v>36.79</v>
      </c>
      <c r="L30526" s="6" t="s">
        <v>10</v>
      </c>
    </row>
    <row r="30527" spans="1:12">
      <c r="A30527" s="6" t="s">
        <v>31987</v>
      </c>
      <c r="B30527" s="6"/>
      <c r="C30527" s="6" t="s">
        <v>31989</v>
      </c>
      <c r="D30527" s="6"/>
      <c r="E30527" s="6" t="s">
        <v>18740</v>
      </c>
      <c r="F30527" s="7">
        <v>38657</v>
      </c>
      <c r="G30527" s="8">
        <v>6922500</v>
      </c>
      <c r="H30527" s="8">
        <v>6922500</v>
      </c>
      <c r="I30527" s="8">
        <v>0</v>
      </c>
      <c r="J30527" s="8">
        <v>6922500</v>
      </c>
      <c r="K30527" s="9">
        <v>230.75</v>
      </c>
      <c r="L30527" s="6" t="s">
        <v>10</v>
      </c>
    </row>
    <row r="30528" spans="1:12">
      <c r="A30528" s="6" t="s">
        <v>31990</v>
      </c>
      <c r="B30528" s="6"/>
      <c r="C30528" s="6" t="s">
        <v>31991</v>
      </c>
      <c r="D30528" s="6"/>
      <c r="E30528" s="6" t="s">
        <v>9</v>
      </c>
      <c r="F30528" s="7">
        <v>38657</v>
      </c>
      <c r="G30528" s="8">
        <v>8598384</v>
      </c>
      <c r="H30528" s="8">
        <v>8598384</v>
      </c>
      <c r="I30528" s="8">
        <v>0</v>
      </c>
      <c r="J30528" s="8">
        <v>8598384</v>
      </c>
      <c r="K30528" s="9">
        <v>1682</v>
      </c>
      <c r="L30528" s="6" t="s">
        <v>14</v>
      </c>
    </row>
    <row r="30529" spans="1:12">
      <c r="A30529" s="6" t="s">
        <v>31992</v>
      </c>
      <c r="B30529" s="6"/>
      <c r="C30529" s="6" t="s">
        <v>31993</v>
      </c>
      <c r="D30529" s="6"/>
      <c r="E30529" s="6" t="s">
        <v>18740</v>
      </c>
      <c r="F30529" s="7">
        <v>38657</v>
      </c>
      <c r="G30529" s="8">
        <v>12873700</v>
      </c>
      <c r="H30529" s="8">
        <v>12873700</v>
      </c>
      <c r="I30529" s="8">
        <v>0</v>
      </c>
      <c r="J30529" s="8">
        <v>12873700</v>
      </c>
      <c r="K30529" s="9">
        <v>367.82</v>
      </c>
      <c r="L30529" s="6" t="s">
        <v>10</v>
      </c>
    </row>
    <row r="30530" spans="1:12">
      <c r="A30530" s="6" t="s">
        <v>31994</v>
      </c>
      <c r="B30530" s="6"/>
      <c r="C30530" s="6" t="s">
        <v>31995</v>
      </c>
      <c r="D30530" s="6"/>
      <c r="E30530" s="6" t="s">
        <v>9</v>
      </c>
      <c r="F30530" s="7">
        <v>38657</v>
      </c>
      <c r="G30530" s="8">
        <v>8148528</v>
      </c>
      <c r="H30530" s="8">
        <v>8148528</v>
      </c>
      <c r="I30530" s="8">
        <v>0</v>
      </c>
      <c r="J30530" s="8">
        <v>8148528</v>
      </c>
      <c r="K30530" s="9">
        <v>1594</v>
      </c>
      <c r="L30530" s="6" t="s">
        <v>14</v>
      </c>
    </row>
    <row r="30531" spans="1:12">
      <c r="A30531" s="6" t="s">
        <v>31996</v>
      </c>
      <c r="B30531" s="6"/>
      <c r="C30531" s="6" t="s">
        <v>31997</v>
      </c>
      <c r="D30531" s="6"/>
      <c r="E30531" s="6" t="s">
        <v>9</v>
      </c>
      <c r="F30531" s="7">
        <v>38657</v>
      </c>
      <c r="G30531" s="8">
        <v>5878800</v>
      </c>
      <c r="H30531" s="8">
        <v>5878800</v>
      </c>
      <c r="I30531" s="8">
        <v>0</v>
      </c>
      <c r="J30531" s="8">
        <v>5878800</v>
      </c>
      <c r="K30531" s="9">
        <v>1150</v>
      </c>
      <c r="L30531" s="6" t="s">
        <v>14</v>
      </c>
    </row>
    <row r="30532" spans="1:12">
      <c r="A30532" s="6" t="s">
        <v>31998</v>
      </c>
      <c r="B30532" s="6"/>
      <c r="C30532" s="6" t="s">
        <v>31999</v>
      </c>
      <c r="D30532" s="6"/>
      <c r="E30532" s="6" t="s">
        <v>9</v>
      </c>
      <c r="F30532" s="7">
        <v>38657</v>
      </c>
      <c r="G30532" s="8">
        <v>12938472</v>
      </c>
      <c r="H30532" s="8">
        <v>12938472</v>
      </c>
      <c r="I30532" s="8">
        <v>0</v>
      </c>
      <c r="J30532" s="8">
        <v>12938472</v>
      </c>
      <c r="K30532" s="9">
        <v>2531</v>
      </c>
      <c r="L30532" s="6" t="s">
        <v>14</v>
      </c>
    </row>
    <row r="30533" spans="1:12">
      <c r="A30533" s="6" t="s">
        <v>32000</v>
      </c>
      <c r="B30533" s="6"/>
      <c r="C30533" s="6" t="s">
        <v>32001</v>
      </c>
      <c r="D30533" s="6"/>
      <c r="E30533" s="6" t="s">
        <v>18740</v>
      </c>
      <c r="F30533" s="7">
        <v>38657</v>
      </c>
      <c r="G30533" s="8">
        <v>7926262</v>
      </c>
      <c r="H30533" s="8">
        <v>7926262</v>
      </c>
      <c r="I30533" s="8">
        <v>0</v>
      </c>
      <c r="J30533" s="8">
        <v>7926262</v>
      </c>
      <c r="K30533" s="9">
        <v>224.54</v>
      </c>
      <c r="L30533" s="6" t="s">
        <v>10</v>
      </c>
    </row>
    <row r="30534" spans="1:12">
      <c r="A30534" s="6" t="s">
        <v>32002</v>
      </c>
      <c r="B30534" s="6"/>
      <c r="C30534" s="6" t="s">
        <v>32003</v>
      </c>
      <c r="D30534" s="6"/>
      <c r="E30534" s="6" t="s">
        <v>9</v>
      </c>
      <c r="F30534" s="7">
        <v>38657</v>
      </c>
      <c r="G30534" s="8">
        <v>963335952</v>
      </c>
      <c r="H30534" s="8">
        <v>963335952</v>
      </c>
      <c r="I30534" s="8">
        <v>0</v>
      </c>
      <c r="J30534" s="8">
        <v>963335952</v>
      </c>
      <c r="K30534" s="9">
        <v>188446</v>
      </c>
      <c r="L30534" s="6" t="s">
        <v>14</v>
      </c>
    </row>
    <row r="30535" spans="1:12">
      <c r="A30535" s="6" t="s">
        <v>32002</v>
      </c>
      <c r="B30535" s="6"/>
      <c r="C30535" s="6" t="s">
        <v>32004</v>
      </c>
      <c r="D30535" s="6"/>
      <c r="E30535" s="6" t="s">
        <v>9</v>
      </c>
      <c r="F30535" s="7">
        <v>38657</v>
      </c>
      <c r="G30535" s="8">
        <v>12636864</v>
      </c>
      <c r="H30535" s="8">
        <v>12636864</v>
      </c>
      <c r="I30535" s="8">
        <v>0</v>
      </c>
      <c r="J30535" s="8">
        <v>12636864</v>
      </c>
      <c r="K30535" s="9">
        <v>2472</v>
      </c>
      <c r="L30535" s="6" t="s">
        <v>14</v>
      </c>
    </row>
    <row r="30536" spans="1:12">
      <c r="A30536" s="6" t="s">
        <v>32002</v>
      </c>
      <c r="B30536" s="6"/>
      <c r="C30536" s="6" t="s">
        <v>32005</v>
      </c>
      <c r="D30536" s="6"/>
      <c r="E30536" s="6" t="s">
        <v>9</v>
      </c>
      <c r="F30536" s="7">
        <v>38657</v>
      </c>
      <c r="G30536" s="8">
        <v>20744496</v>
      </c>
      <c r="H30536" s="8">
        <v>20744496</v>
      </c>
      <c r="I30536" s="8">
        <v>0</v>
      </c>
      <c r="J30536" s="8">
        <v>20744496</v>
      </c>
      <c r="K30536" s="9">
        <v>4058</v>
      </c>
      <c r="L30536" s="6" t="s">
        <v>14</v>
      </c>
    </row>
    <row r="30537" spans="1:12">
      <c r="A30537" s="6" t="s">
        <v>32006</v>
      </c>
      <c r="B30537" s="6"/>
      <c r="C30537" s="6" t="s">
        <v>32007</v>
      </c>
      <c r="D30537" s="6"/>
      <c r="E30537" s="6" t="s">
        <v>9</v>
      </c>
      <c r="F30537" s="7">
        <v>38657</v>
      </c>
      <c r="G30537" s="8">
        <v>1395576</v>
      </c>
      <c r="H30537" s="8">
        <v>1395576</v>
      </c>
      <c r="I30537" s="8">
        <v>0</v>
      </c>
      <c r="J30537" s="8">
        <v>1395576</v>
      </c>
      <c r="K30537" s="9">
        <v>273</v>
      </c>
      <c r="L30537" s="6" t="s">
        <v>14</v>
      </c>
    </row>
    <row r="30538" spans="1:12">
      <c r="A30538" s="6" t="s">
        <v>32006</v>
      </c>
      <c r="B30538" s="6"/>
      <c r="C30538" s="6" t="s">
        <v>32008</v>
      </c>
      <c r="D30538" s="6"/>
      <c r="E30538" s="6" t="s">
        <v>9</v>
      </c>
      <c r="F30538" s="7">
        <v>38657</v>
      </c>
      <c r="G30538" s="8">
        <v>51120</v>
      </c>
      <c r="H30538" s="8">
        <v>51120</v>
      </c>
      <c r="I30538" s="8">
        <v>0</v>
      </c>
      <c r="J30538" s="8">
        <v>51120</v>
      </c>
      <c r="K30538" s="9">
        <v>10</v>
      </c>
      <c r="L30538" s="6" t="s">
        <v>14</v>
      </c>
    </row>
    <row r="30539" spans="1:12">
      <c r="A30539" s="6" t="s">
        <v>32009</v>
      </c>
      <c r="B30539" s="6"/>
      <c r="C30539" s="6" t="s">
        <v>32010</v>
      </c>
      <c r="D30539" s="6"/>
      <c r="E30539" s="6" t="s">
        <v>18740</v>
      </c>
      <c r="F30539" s="7">
        <v>38657</v>
      </c>
      <c r="G30539" s="8">
        <v>444082160</v>
      </c>
      <c r="H30539" s="8">
        <v>444082160</v>
      </c>
      <c r="I30539" s="8">
        <v>0</v>
      </c>
      <c r="J30539" s="8">
        <v>444082160</v>
      </c>
      <c r="K30539" s="9">
        <v>12067.45</v>
      </c>
      <c r="L30539" s="6" t="s">
        <v>10</v>
      </c>
    </row>
    <row r="30540" spans="1:12">
      <c r="A30540" s="6" t="s">
        <v>32011</v>
      </c>
      <c r="B30540" s="6"/>
      <c r="C30540" s="6" t="s">
        <v>32012</v>
      </c>
      <c r="D30540" s="6"/>
      <c r="E30540" s="6" t="s">
        <v>9</v>
      </c>
      <c r="F30540" s="7">
        <v>38657</v>
      </c>
      <c r="G30540" s="8">
        <v>18403200</v>
      </c>
      <c r="H30540" s="8">
        <v>18403200</v>
      </c>
      <c r="I30540" s="8">
        <v>0</v>
      </c>
      <c r="J30540" s="8">
        <v>18403200</v>
      </c>
      <c r="K30540" s="9">
        <v>3600</v>
      </c>
      <c r="L30540" s="6" t="s">
        <v>14</v>
      </c>
    </row>
    <row r="30541" spans="1:12">
      <c r="A30541" s="6" t="s">
        <v>32013</v>
      </c>
      <c r="B30541" s="6"/>
      <c r="C30541" s="6" t="s">
        <v>32014</v>
      </c>
      <c r="D30541" s="6"/>
      <c r="E30541" s="6" t="s">
        <v>18740</v>
      </c>
      <c r="F30541" s="7">
        <v>38657</v>
      </c>
      <c r="G30541" s="8">
        <v>577656</v>
      </c>
      <c r="H30541" s="8">
        <v>577656</v>
      </c>
      <c r="I30541" s="8">
        <v>0</v>
      </c>
      <c r="J30541" s="8">
        <v>577656</v>
      </c>
      <c r="K30541" s="9">
        <v>113</v>
      </c>
      <c r="L30541" s="6" t="s">
        <v>23</v>
      </c>
    </row>
    <row r="30542" spans="1:12">
      <c r="A30542" s="6" t="s">
        <v>32015</v>
      </c>
      <c r="B30542" s="6"/>
      <c r="C30542" s="6" t="s">
        <v>32016</v>
      </c>
      <c r="D30542" s="6"/>
      <c r="E30542" s="6" t="s">
        <v>9</v>
      </c>
      <c r="F30542" s="7">
        <v>38657</v>
      </c>
      <c r="G30542" s="8">
        <v>5464728</v>
      </c>
      <c r="H30542" s="8">
        <v>5464728</v>
      </c>
      <c r="I30542" s="8">
        <v>0</v>
      </c>
      <c r="J30542" s="8">
        <v>5464728</v>
      </c>
      <c r="K30542" s="9">
        <v>1069</v>
      </c>
      <c r="L30542" s="6" t="s">
        <v>14</v>
      </c>
    </row>
    <row r="30543" spans="1:12">
      <c r="A30543" s="6" t="s">
        <v>32017</v>
      </c>
      <c r="B30543" s="6"/>
      <c r="C30543" s="6" t="s">
        <v>32018</v>
      </c>
      <c r="D30543" s="6"/>
      <c r="E30543" s="6" t="s">
        <v>9</v>
      </c>
      <c r="F30543" s="7">
        <v>38657</v>
      </c>
      <c r="G30543" s="8">
        <v>4595688</v>
      </c>
      <c r="H30543" s="8">
        <v>4595688</v>
      </c>
      <c r="I30543" s="8">
        <v>0</v>
      </c>
      <c r="J30543" s="8">
        <v>4595688</v>
      </c>
      <c r="K30543" s="9">
        <v>899</v>
      </c>
      <c r="L30543" s="6" t="s">
        <v>14</v>
      </c>
    </row>
    <row r="30544" spans="1:12">
      <c r="A30544" s="6" t="s">
        <v>32019</v>
      </c>
      <c r="B30544" s="6"/>
      <c r="C30544" s="6" t="s">
        <v>32020</v>
      </c>
      <c r="D30544" s="6"/>
      <c r="E30544" s="6" t="s">
        <v>9</v>
      </c>
      <c r="F30544" s="7">
        <v>38657</v>
      </c>
      <c r="G30544" s="8">
        <v>5924808</v>
      </c>
      <c r="H30544" s="8">
        <v>5924808</v>
      </c>
      <c r="I30544" s="8">
        <v>0</v>
      </c>
      <c r="J30544" s="8">
        <v>5924808</v>
      </c>
      <c r="K30544" s="9">
        <v>1159</v>
      </c>
      <c r="L30544" s="6" t="s">
        <v>14</v>
      </c>
    </row>
    <row r="30545" spans="1:12">
      <c r="A30545" s="6" t="s">
        <v>32021</v>
      </c>
      <c r="B30545" s="6"/>
      <c r="C30545" s="6" t="s">
        <v>32022</v>
      </c>
      <c r="D30545" s="6"/>
      <c r="E30545" s="6" t="s">
        <v>18740</v>
      </c>
      <c r="F30545" s="7">
        <v>38657</v>
      </c>
      <c r="G30545" s="8">
        <v>9472092</v>
      </c>
      <c r="H30545" s="8">
        <v>9472092</v>
      </c>
      <c r="I30545" s="8">
        <v>0</v>
      </c>
      <c r="J30545" s="8">
        <v>9472092</v>
      </c>
      <c r="K30545" s="9">
        <v>266.07</v>
      </c>
      <c r="L30545" s="6" t="s">
        <v>10</v>
      </c>
    </row>
    <row r="30546" spans="1:12">
      <c r="A30546" s="6" t="s">
        <v>32023</v>
      </c>
      <c r="B30546" s="6"/>
      <c r="C30546" s="6" t="s">
        <v>32024</v>
      </c>
      <c r="D30546" s="6"/>
      <c r="E30546" s="6" t="s">
        <v>9</v>
      </c>
      <c r="F30546" s="7">
        <v>38657</v>
      </c>
      <c r="G30546" s="8">
        <v>37573</v>
      </c>
      <c r="H30546" s="8">
        <v>37573</v>
      </c>
      <c r="I30546" s="8">
        <v>0</v>
      </c>
      <c r="J30546" s="8">
        <v>37573</v>
      </c>
      <c r="K30546" s="9">
        <v>7.35</v>
      </c>
      <c r="L30546" s="6" t="s">
        <v>23</v>
      </c>
    </row>
    <row r="30547" spans="1:12">
      <c r="A30547" s="6" t="s">
        <v>32023</v>
      </c>
      <c r="B30547" s="6"/>
      <c r="C30547" s="6" t="s">
        <v>32025</v>
      </c>
      <c r="D30547" s="6"/>
      <c r="E30547" s="6" t="s">
        <v>9</v>
      </c>
      <c r="F30547" s="7">
        <v>38657</v>
      </c>
      <c r="G30547" s="8">
        <v>51120</v>
      </c>
      <c r="H30547" s="8">
        <v>51120</v>
      </c>
      <c r="I30547" s="8">
        <v>0</v>
      </c>
      <c r="J30547" s="8">
        <v>51120</v>
      </c>
      <c r="K30547" s="9">
        <v>10</v>
      </c>
      <c r="L30547" s="6" t="s">
        <v>23</v>
      </c>
    </row>
    <row r="30548" spans="1:12">
      <c r="A30548" s="6" t="s">
        <v>32023</v>
      </c>
      <c r="B30548" s="6"/>
      <c r="C30548" s="6" t="s">
        <v>32026</v>
      </c>
      <c r="D30548" s="6"/>
      <c r="E30548" s="6" t="s">
        <v>9</v>
      </c>
      <c r="F30548" s="7">
        <v>38657</v>
      </c>
      <c r="G30548" s="8">
        <v>25718472</v>
      </c>
      <c r="H30548" s="8">
        <v>25718472</v>
      </c>
      <c r="I30548" s="8">
        <v>0</v>
      </c>
      <c r="J30548" s="8">
        <v>25718472</v>
      </c>
      <c r="K30548" s="9">
        <v>5031</v>
      </c>
      <c r="L30548" s="6" t="s">
        <v>23</v>
      </c>
    </row>
    <row r="30549" spans="1:12">
      <c r="A30549" s="6" t="s">
        <v>32027</v>
      </c>
      <c r="B30549" s="6"/>
      <c r="C30549" s="6" t="s">
        <v>32028</v>
      </c>
      <c r="D30549" s="6"/>
      <c r="E30549" s="6" t="s">
        <v>18740</v>
      </c>
      <c r="F30549" s="7">
        <v>38657</v>
      </c>
      <c r="G30549" s="8">
        <v>5856976</v>
      </c>
      <c r="H30549" s="8">
        <v>5856976</v>
      </c>
      <c r="I30549" s="8">
        <v>0</v>
      </c>
      <c r="J30549" s="8">
        <v>5856976</v>
      </c>
      <c r="K30549" s="9">
        <v>165.92</v>
      </c>
      <c r="L30549" s="6" t="s">
        <v>10</v>
      </c>
    </row>
    <row r="30550" spans="1:12">
      <c r="A30550" s="6" t="s">
        <v>32029</v>
      </c>
      <c r="B30550" s="6"/>
      <c r="C30550" s="6" t="s">
        <v>32030</v>
      </c>
      <c r="D30550" s="6"/>
      <c r="E30550" s="6" t="s">
        <v>18740</v>
      </c>
      <c r="F30550" s="7">
        <v>38657</v>
      </c>
      <c r="G30550" s="8">
        <v>715680</v>
      </c>
      <c r="H30550" s="8">
        <v>715680</v>
      </c>
      <c r="I30550" s="8">
        <v>0</v>
      </c>
      <c r="J30550" s="8">
        <v>715680</v>
      </c>
      <c r="K30550" s="9">
        <v>140</v>
      </c>
      <c r="L30550" s="6" t="s">
        <v>23</v>
      </c>
    </row>
    <row r="30551" spans="1:12">
      <c r="A30551" s="6" t="s">
        <v>32031</v>
      </c>
      <c r="B30551" s="6"/>
      <c r="C30551" s="6" t="s">
        <v>32032</v>
      </c>
      <c r="D30551" s="6"/>
      <c r="E30551" s="6" t="s">
        <v>9</v>
      </c>
      <c r="F30551" s="7">
        <v>38657</v>
      </c>
      <c r="G30551" s="8">
        <v>112464</v>
      </c>
      <c r="H30551" s="8">
        <v>112464</v>
      </c>
      <c r="I30551" s="8">
        <v>0</v>
      </c>
      <c r="J30551" s="8">
        <v>112464</v>
      </c>
      <c r="K30551" s="9">
        <v>22</v>
      </c>
      <c r="L30551" s="6" t="s">
        <v>23</v>
      </c>
    </row>
    <row r="30552" spans="1:12">
      <c r="A30552" s="6" t="s">
        <v>32031</v>
      </c>
      <c r="B30552" s="6"/>
      <c r="C30552" s="6" t="s">
        <v>32033</v>
      </c>
      <c r="D30552" s="6"/>
      <c r="E30552" s="6" t="s">
        <v>9</v>
      </c>
      <c r="F30552" s="7">
        <v>38657</v>
      </c>
      <c r="G30552" s="8">
        <v>45174744</v>
      </c>
      <c r="H30552" s="8">
        <v>45174744</v>
      </c>
      <c r="I30552" s="8">
        <v>0</v>
      </c>
      <c r="J30552" s="8">
        <v>45174744</v>
      </c>
      <c r="K30552" s="9">
        <v>8837</v>
      </c>
      <c r="L30552" s="6" t="s">
        <v>23</v>
      </c>
    </row>
    <row r="30553" spans="1:12">
      <c r="A30553" s="6" t="s">
        <v>32031</v>
      </c>
      <c r="B30553" s="6"/>
      <c r="C30553" s="6" t="s">
        <v>32034</v>
      </c>
      <c r="D30553" s="6"/>
      <c r="E30553" s="6" t="s">
        <v>9</v>
      </c>
      <c r="F30553" s="7">
        <v>38657</v>
      </c>
      <c r="G30553" s="8">
        <v>46631664</v>
      </c>
      <c r="H30553" s="8">
        <v>46631664</v>
      </c>
      <c r="I30553" s="8">
        <v>0</v>
      </c>
      <c r="J30553" s="8">
        <v>46631664</v>
      </c>
      <c r="K30553" s="9">
        <v>9122</v>
      </c>
      <c r="L30553" s="6" t="s">
        <v>23</v>
      </c>
    </row>
    <row r="30554" spans="1:12">
      <c r="A30554" s="6" t="s">
        <v>32031</v>
      </c>
      <c r="B30554" s="6"/>
      <c r="C30554" s="6" t="s">
        <v>32035</v>
      </c>
      <c r="D30554" s="6"/>
      <c r="E30554" s="6" t="s">
        <v>9</v>
      </c>
      <c r="F30554" s="7">
        <v>38657</v>
      </c>
      <c r="G30554" s="8">
        <v>25560000</v>
      </c>
      <c r="H30554" s="8">
        <v>25560000</v>
      </c>
      <c r="I30554" s="8">
        <v>0</v>
      </c>
      <c r="J30554" s="8">
        <v>25560000</v>
      </c>
      <c r="K30554" s="9">
        <v>5000</v>
      </c>
      <c r="L30554" s="6" t="s">
        <v>23</v>
      </c>
    </row>
    <row r="30555" spans="1:12">
      <c r="A30555" s="6" t="s">
        <v>32036</v>
      </c>
      <c r="B30555" s="6"/>
      <c r="C30555" s="6" t="s">
        <v>32037</v>
      </c>
      <c r="D30555" s="6"/>
      <c r="E30555" s="6" t="s">
        <v>9</v>
      </c>
      <c r="F30555" s="7">
        <v>38657</v>
      </c>
      <c r="G30555" s="8">
        <v>10070640</v>
      </c>
      <c r="H30555" s="8">
        <v>10070640</v>
      </c>
      <c r="I30555" s="8">
        <v>0</v>
      </c>
      <c r="J30555" s="8">
        <v>10070640</v>
      </c>
      <c r="K30555" s="9">
        <v>1970</v>
      </c>
      <c r="L30555" s="6" t="s">
        <v>14</v>
      </c>
    </row>
    <row r="30556" spans="1:12">
      <c r="A30556" s="6" t="s">
        <v>32038</v>
      </c>
      <c r="B30556" s="6"/>
      <c r="C30556" s="6" t="s">
        <v>32039</v>
      </c>
      <c r="D30556" s="6"/>
      <c r="E30556" s="6" t="s">
        <v>18740</v>
      </c>
      <c r="F30556" s="7">
        <v>38657</v>
      </c>
      <c r="G30556" s="8">
        <v>9750650</v>
      </c>
      <c r="H30556" s="8">
        <v>9750650</v>
      </c>
      <c r="I30556" s="8">
        <v>0</v>
      </c>
      <c r="J30556" s="8">
        <v>9750650</v>
      </c>
      <c r="K30556" s="9">
        <v>278.58999999999901</v>
      </c>
      <c r="L30556" s="6" t="s">
        <v>10</v>
      </c>
    </row>
    <row r="30557" spans="1:12">
      <c r="A30557" s="6" t="s">
        <v>32040</v>
      </c>
      <c r="B30557" s="6"/>
      <c r="C30557" s="6" t="s">
        <v>32041</v>
      </c>
      <c r="D30557" s="6"/>
      <c r="E30557" s="6" t="s">
        <v>9</v>
      </c>
      <c r="F30557" s="7">
        <v>38657</v>
      </c>
      <c r="G30557" s="8">
        <v>4841064</v>
      </c>
      <c r="H30557" s="8">
        <v>4841064</v>
      </c>
      <c r="I30557" s="8">
        <v>0</v>
      </c>
      <c r="J30557" s="8">
        <v>4841064</v>
      </c>
      <c r="K30557" s="9">
        <v>947</v>
      </c>
      <c r="L30557" s="6" t="s">
        <v>14</v>
      </c>
    </row>
    <row r="30558" spans="1:12">
      <c r="A30558" s="6" t="s">
        <v>32042</v>
      </c>
      <c r="B30558" s="6"/>
      <c r="C30558" s="6" t="s">
        <v>32043</v>
      </c>
      <c r="D30558" s="6"/>
      <c r="E30558" s="6" t="s">
        <v>18740</v>
      </c>
      <c r="F30558" s="7">
        <v>38657</v>
      </c>
      <c r="G30558" s="8">
        <v>6706944</v>
      </c>
      <c r="H30558" s="8">
        <v>6706944</v>
      </c>
      <c r="I30558" s="8">
        <v>0</v>
      </c>
      <c r="J30558" s="8">
        <v>6706944</v>
      </c>
      <c r="K30558" s="9">
        <v>1312</v>
      </c>
      <c r="L30558" s="6" t="s">
        <v>23</v>
      </c>
    </row>
    <row r="30559" spans="1:12">
      <c r="A30559" s="6" t="s">
        <v>32042</v>
      </c>
      <c r="B30559" s="6"/>
      <c r="C30559" s="6" t="s">
        <v>32044</v>
      </c>
      <c r="D30559" s="6"/>
      <c r="E30559" s="6" t="s">
        <v>18740</v>
      </c>
      <c r="F30559" s="7">
        <v>38657</v>
      </c>
      <c r="G30559" s="8">
        <v>11992752</v>
      </c>
      <c r="H30559" s="8">
        <v>11992752</v>
      </c>
      <c r="I30559" s="8">
        <v>0</v>
      </c>
      <c r="J30559" s="8">
        <v>11992752</v>
      </c>
      <c r="K30559" s="9">
        <v>2346</v>
      </c>
      <c r="L30559" s="6" t="s">
        <v>23</v>
      </c>
    </row>
    <row r="30560" spans="1:12">
      <c r="A30560" s="6" t="s">
        <v>32045</v>
      </c>
      <c r="B30560" s="6"/>
      <c r="C30560" s="6" t="s">
        <v>32046</v>
      </c>
      <c r="D30560" s="6"/>
      <c r="E30560" s="6" t="s">
        <v>18740</v>
      </c>
      <c r="F30560" s="7">
        <v>38657</v>
      </c>
      <c r="G30560" s="8">
        <v>9128350</v>
      </c>
      <c r="H30560" s="8">
        <v>9128350</v>
      </c>
      <c r="I30560" s="8">
        <v>0</v>
      </c>
      <c r="J30560" s="8">
        <v>9128350</v>
      </c>
      <c r="K30560" s="9">
        <v>260.81</v>
      </c>
      <c r="L30560" s="6" t="s">
        <v>10</v>
      </c>
    </row>
    <row r="30561" spans="1:12">
      <c r="A30561" s="6" t="s">
        <v>32047</v>
      </c>
      <c r="B30561" s="6"/>
      <c r="C30561" s="6" t="s">
        <v>32048</v>
      </c>
      <c r="D30561" s="6"/>
      <c r="E30561" s="6" t="s">
        <v>18740</v>
      </c>
      <c r="F30561" s="7">
        <v>38657</v>
      </c>
      <c r="G30561" s="8">
        <v>10573056</v>
      </c>
      <c r="H30561" s="8">
        <v>10573056</v>
      </c>
      <c r="I30561" s="8">
        <v>0</v>
      </c>
      <c r="J30561" s="8">
        <v>10573056</v>
      </c>
      <c r="K30561" s="9">
        <v>299.52</v>
      </c>
      <c r="L30561" s="6" t="s">
        <v>10</v>
      </c>
    </row>
    <row r="30562" spans="1:12">
      <c r="A30562" s="6" t="s">
        <v>32049</v>
      </c>
      <c r="B30562" s="6"/>
      <c r="C30562" s="6" t="s">
        <v>32050</v>
      </c>
      <c r="D30562" s="6"/>
      <c r="E30562" s="6" t="s">
        <v>9</v>
      </c>
      <c r="F30562" s="7">
        <v>38657</v>
      </c>
      <c r="G30562" s="8">
        <v>9610560</v>
      </c>
      <c r="H30562" s="8">
        <v>9610560</v>
      </c>
      <c r="I30562" s="8">
        <v>0</v>
      </c>
      <c r="J30562" s="8">
        <v>9610560</v>
      </c>
      <c r="K30562" s="9">
        <v>1880</v>
      </c>
      <c r="L30562" s="6" t="s">
        <v>14</v>
      </c>
    </row>
    <row r="30563" spans="1:12">
      <c r="A30563" s="6" t="s">
        <v>32051</v>
      </c>
      <c r="B30563" s="6"/>
      <c r="C30563" s="6" t="s">
        <v>32052</v>
      </c>
      <c r="D30563" s="6"/>
      <c r="E30563" s="6" t="s">
        <v>9</v>
      </c>
      <c r="F30563" s="7">
        <v>38657</v>
      </c>
      <c r="G30563" s="8">
        <v>201489480</v>
      </c>
      <c r="H30563" s="8">
        <v>201489480</v>
      </c>
      <c r="I30563" s="8">
        <v>0</v>
      </c>
      <c r="J30563" s="8">
        <v>201489480</v>
      </c>
      <c r="K30563" s="9">
        <v>39415</v>
      </c>
      <c r="L30563" s="6" t="s">
        <v>23</v>
      </c>
    </row>
    <row r="30564" spans="1:12">
      <c r="A30564" s="6" t="s">
        <v>32051</v>
      </c>
      <c r="B30564" s="6"/>
      <c r="C30564" s="6" t="s">
        <v>32053</v>
      </c>
      <c r="D30564" s="6"/>
      <c r="E30564" s="6" t="s">
        <v>9</v>
      </c>
      <c r="F30564" s="7">
        <v>38657</v>
      </c>
      <c r="G30564" s="8">
        <v>107628048</v>
      </c>
      <c r="H30564" s="8">
        <v>107628048</v>
      </c>
      <c r="I30564" s="8">
        <v>0</v>
      </c>
      <c r="J30564" s="8">
        <v>107628048</v>
      </c>
      <c r="K30564" s="9">
        <v>21054</v>
      </c>
      <c r="L30564" s="6" t="s">
        <v>23</v>
      </c>
    </row>
    <row r="30565" spans="1:12">
      <c r="A30565" s="6" t="s">
        <v>32051</v>
      </c>
      <c r="B30565" s="6"/>
      <c r="C30565" s="6" t="s">
        <v>32054</v>
      </c>
      <c r="D30565" s="6"/>
      <c r="E30565" s="6" t="s">
        <v>9</v>
      </c>
      <c r="F30565" s="7">
        <v>38657</v>
      </c>
      <c r="G30565" s="8">
        <v>6236640</v>
      </c>
      <c r="H30565" s="8">
        <v>6236640</v>
      </c>
      <c r="I30565" s="8">
        <v>0</v>
      </c>
      <c r="J30565" s="8">
        <v>6236640</v>
      </c>
      <c r="K30565" s="9">
        <v>1220</v>
      </c>
      <c r="L30565" s="6" t="s">
        <v>23</v>
      </c>
    </row>
    <row r="30566" spans="1:12">
      <c r="A30566" s="6" t="s">
        <v>32051</v>
      </c>
      <c r="B30566" s="6"/>
      <c r="C30566" s="6" t="s">
        <v>32055</v>
      </c>
      <c r="D30566" s="6"/>
      <c r="E30566" s="6" t="s">
        <v>9</v>
      </c>
      <c r="F30566" s="7">
        <v>38657</v>
      </c>
      <c r="G30566" s="8">
        <v>29762064</v>
      </c>
      <c r="H30566" s="8">
        <v>29762064</v>
      </c>
      <c r="I30566" s="8">
        <v>0</v>
      </c>
      <c r="J30566" s="8">
        <v>29762064</v>
      </c>
      <c r="K30566" s="9">
        <v>5822</v>
      </c>
      <c r="L30566" s="6" t="s">
        <v>23</v>
      </c>
    </row>
    <row r="30567" spans="1:12">
      <c r="A30567" s="6" t="s">
        <v>32056</v>
      </c>
      <c r="B30567" s="6"/>
      <c r="C30567" s="6" t="s">
        <v>32057</v>
      </c>
      <c r="D30567" s="6"/>
      <c r="E30567" s="6" t="s">
        <v>9</v>
      </c>
      <c r="F30567" s="7">
        <v>38657</v>
      </c>
      <c r="G30567" s="8">
        <v>5621922</v>
      </c>
      <c r="H30567" s="8">
        <v>5621922</v>
      </c>
      <c r="I30567" s="8">
        <v>0</v>
      </c>
      <c r="J30567" s="8">
        <v>5621922</v>
      </c>
      <c r="K30567" s="9">
        <v>1099.75</v>
      </c>
      <c r="L30567" s="6" t="s">
        <v>14</v>
      </c>
    </row>
    <row r="30568" spans="1:12">
      <c r="A30568" s="6" t="s">
        <v>32056</v>
      </c>
      <c r="B30568" s="6"/>
      <c r="C30568" s="6" t="s">
        <v>32058</v>
      </c>
      <c r="D30568" s="6"/>
      <c r="E30568" s="6" t="s">
        <v>9</v>
      </c>
      <c r="F30568" s="7">
        <v>38657</v>
      </c>
      <c r="G30568" s="8">
        <v>4922856</v>
      </c>
      <c r="H30568" s="8">
        <v>4922856</v>
      </c>
      <c r="I30568" s="8">
        <v>0</v>
      </c>
      <c r="J30568" s="8">
        <v>4922856</v>
      </c>
      <c r="K30568" s="9">
        <v>963</v>
      </c>
      <c r="L30568" s="6" t="s">
        <v>14</v>
      </c>
    </row>
    <row r="30569" spans="1:12">
      <c r="A30569" s="6" t="s">
        <v>32056</v>
      </c>
      <c r="B30569" s="6"/>
      <c r="C30569" s="6" t="s">
        <v>32059</v>
      </c>
      <c r="D30569" s="6"/>
      <c r="E30569" s="6" t="s">
        <v>9</v>
      </c>
      <c r="F30569" s="7">
        <v>38657</v>
      </c>
      <c r="G30569" s="8">
        <v>1231992</v>
      </c>
      <c r="H30569" s="8">
        <v>1231992</v>
      </c>
      <c r="I30569" s="8">
        <v>0</v>
      </c>
      <c r="J30569" s="8">
        <v>1231992</v>
      </c>
      <c r="K30569" s="9">
        <v>241</v>
      </c>
      <c r="L30569" s="6" t="s">
        <v>14</v>
      </c>
    </row>
    <row r="30570" spans="1:12">
      <c r="A30570" s="6" t="s">
        <v>32056</v>
      </c>
      <c r="B30570" s="6"/>
      <c r="C30570" s="6" t="s">
        <v>32060</v>
      </c>
      <c r="D30570" s="6"/>
      <c r="E30570" s="6" t="s">
        <v>9</v>
      </c>
      <c r="F30570" s="7">
        <v>38657</v>
      </c>
      <c r="G30570" s="8">
        <v>3685752</v>
      </c>
      <c r="H30570" s="8">
        <v>3685752</v>
      </c>
      <c r="I30570" s="8">
        <v>0</v>
      </c>
      <c r="J30570" s="8">
        <v>3685752</v>
      </c>
      <c r="K30570" s="9">
        <v>721</v>
      </c>
      <c r="L30570" s="6" t="s">
        <v>14</v>
      </c>
    </row>
    <row r="30571" spans="1:12">
      <c r="A30571" s="6" t="s">
        <v>32056</v>
      </c>
      <c r="B30571" s="6"/>
      <c r="C30571" s="6" t="s">
        <v>32061</v>
      </c>
      <c r="D30571" s="6"/>
      <c r="E30571" s="6" t="s">
        <v>9</v>
      </c>
      <c r="F30571" s="7">
        <v>38657</v>
      </c>
      <c r="G30571" s="8">
        <v>2704248</v>
      </c>
      <c r="H30571" s="8">
        <v>2704248</v>
      </c>
      <c r="I30571" s="8">
        <v>0</v>
      </c>
      <c r="J30571" s="8">
        <v>2704248</v>
      </c>
      <c r="K30571" s="9">
        <v>529</v>
      </c>
      <c r="L30571" s="6" t="s">
        <v>14</v>
      </c>
    </row>
    <row r="30572" spans="1:12">
      <c r="A30572" s="6" t="s">
        <v>32056</v>
      </c>
      <c r="B30572" s="6"/>
      <c r="C30572" s="6" t="s">
        <v>32062</v>
      </c>
      <c r="D30572" s="6"/>
      <c r="E30572" s="6" t="s">
        <v>9</v>
      </c>
      <c r="F30572" s="7">
        <v>38657</v>
      </c>
      <c r="G30572" s="8">
        <v>3016080</v>
      </c>
      <c r="H30572" s="8">
        <v>3016080</v>
      </c>
      <c r="I30572" s="8">
        <v>0</v>
      </c>
      <c r="J30572" s="8">
        <v>3016080</v>
      </c>
      <c r="K30572" s="9">
        <v>590</v>
      </c>
      <c r="L30572" s="6" t="s">
        <v>14</v>
      </c>
    </row>
    <row r="30573" spans="1:12">
      <c r="A30573" s="6" t="s">
        <v>32056</v>
      </c>
      <c r="B30573" s="6"/>
      <c r="C30573" s="6" t="s">
        <v>32063</v>
      </c>
      <c r="D30573" s="6"/>
      <c r="E30573" s="6" t="s">
        <v>9</v>
      </c>
      <c r="F30573" s="7">
        <v>38657</v>
      </c>
      <c r="G30573" s="8">
        <v>5014872</v>
      </c>
      <c r="H30573" s="8">
        <v>5014872</v>
      </c>
      <c r="I30573" s="8">
        <v>0</v>
      </c>
      <c r="J30573" s="8">
        <v>5014872</v>
      </c>
      <c r="K30573" s="9">
        <v>981</v>
      </c>
      <c r="L30573" s="6" t="s">
        <v>14</v>
      </c>
    </row>
    <row r="30574" spans="1:12">
      <c r="A30574" s="6" t="s">
        <v>32056</v>
      </c>
      <c r="B30574" s="6"/>
      <c r="C30574" s="6" t="s">
        <v>32064</v>
      </c>
      <c r="D30574" s="6"/>
      <c r="E30574" s="6" t="s">
        <v>9</v>
      </c>
      <c r="F30574" s="7">
        <v>38657</v>
      </c>
      <c r="G30574" s="8">
        <v>1078632</v>
      </c>
      <c r="H30574" s="8">
        <v>1078632</v>
      </c>
      <c r="I30574" s="8">
        <v>0</v>
      </c>
      <c r="J30574" s="8">
        <v>1078632</v>
      </c>
      <c r="K30574" s="9">
        <v>211</v>
      </c>
      <c r="L30574" s="6" t="s">
        <v>14</v>
      </c>
    </row>
    <row r="30575" spans="1:12">
      <c r="A30575" s="6" t="s">
        <v>32056</v>
      </c>
      <c r="B30575" s="6"/>
      <c r="C30575" s="6" t="s">
        <v>32065</v>
      </c>
      <c r="D30575" s="6"/>
      <c r="E30575" s="6" t="s">
        <v>9</v>
      </c>
      <c r="F30575" s="7">
        <v>38657</v>
      </c>
      <c r="G30575" s="8">
        <v>6758064</v>
      </c>
      <c r="H30575" s="8">
        <v>6758064</v>
      </c>
      <c r="I30575" s="8">
        <v>0</v>
      </c>
      <c r="J30575" s="8">
        <v>6758064</v>
      </c>
      <c r="K30575" s="9">
        <v>1322</v>
      </c>
      <c r="L30575" s="6" t="s">
        <v>14</v>
      </c>
    </row>
    <row r="30576" spans="1:12">
      <c r="A30576" s="6" t="s">
        <v>32056</v>
      </c>
      <c r="B30576" s="6"/>
      <c r="C30576" s="6" t="s">
        <v>32066</v>
      </c>
      <c r="D30576" s="6"/>
      <c r="E30576" s="6" t="s">
        <v>9</v>
      </c>
      <c r="F30576" s="7">
        <v>38657</v>
      </c>
      <c r="G30576" s="8">
        <v>6758064</v>
      </c>
      <c r="H30576" s="8">
        <v>6758064</v>
      </c>
      <c r="I30576" s="8">
        <v>0</v>
      </c>
      <c r="J30576" s="8">
        <v>6758064</v>
      </c>
      <c r="K30576" s="9">
        <v>1322</v>
      </c>
      <c r="L30576" s="6" t="s">
        <v>14</v>
      </c>
    </row>
    <row r="30577" spans="1:12">
      <c r="A30577" s="6" t="s">
        <v>32056</v>
      </c>
      <c r="B30577" s="6"/>
      <c r="C30577" s="6" t="s">
        <v>32067</v>
      </c>
      <c r="D30577" s="6"/>
      <c r="E30577" s="6" t="s">
        <v>9</v>
      </c>
      <c r="F30577" s="7">
        <v>38657</v>
      </c>
      <c r="G30577" s="8">
        <v>6758064</v>
      </c>
      <c r="H30577" s="8">
        <v>6758064</v>
      </c>
      <c r="I30577" s="8">
        <v>0</v>
      </c>
      <c r="J30577" s="8">
        <v>6758064</v>
      </c>
      <c r="K30577" s="9">
        <v>1322</v>
      </c>
      <c r="L30577" s="6" t="s">
        <v>14</v>
      </c>
    </row>
    <row r="30578" spans="1:12">
      <c r="A30578" s="6" t="s">
        <v>32056</v>
      </c>
      <c r="B30578" s="6"/>
      <c r="C30578" s="6" t="s">
        <v>32068</v>
      </c>
      <c r="D30578" s="6"/>
      <c r="E30578" s="6" t="s">
        <v>9</v>
      </c>
      <c r="F30578" s="7">
        <v>38657</v>
      </c>
      <c r="G30578" s="8">
        <v>2371354</v>
      </c>
      <c r="H30578" s="8">
        <v>2371354</v>
      </c>
      <c r="I30578" s="8">
        <v>0</v>
      </c>
      <c r="J30578" s="8">
        <v>2371354</v>
      </c>
      <c r="K30578" s="9">
        <v>463.88</v>
      </c>
      <c r="L30578" s="6" t="s">
        <v>14</v>
      </c>
    </row>
    <row r="30579" spans="1:12">
      <c r="A30579" s="6" t="s">
        <v>32056</v>
      </c>
      <c r="B30579" s="6"/>
      <c r="C30579" s="6" t="s">
        <v>32069</v>
      </c>
      <c r="D30579" s="6"/>
      <c r="E30579" s="6" t="s">
        <v>9</v>
      </c>
      <c r="F30579" s="7">
        <v>38657</v>
      </c>
      <c r="G30579" s="8">
        <v>6758064</v>
      </c>
      <c r="H30579" s="8">
        <v>6758064</v>
      </c>
      <c r="I30579" s="8">
        <v>0</v>
      </c>
      <c r="J30579" s="8">
        <v>6758064</v>
      </c>
      <c r="K30579" s="9">
        <v>1322</v>
      </c>
      <c r="L30579" s="6" t="s">
        <v>14</v>
      </c>
    </row>
    <row r="30580" spans="1:12">
      <c r="A30580" s="6" t="s">
        <v>32056</v>
      </c>
      <c r="B30580" s="6"/>
      <c r="C30580" s="6" t="s">
        <v>32070</v>
      </c>
      <c r="D30580" s="6"/>
      <c r="E30580" s="6" t="s">
        <v>9</v>
      </c>
      <c r="F30580" s="7">
        <v>38657</v>
      </c>
      <c r="G30580" s="8">
        <v>6758064</v>
      </c>
      <c r="H30580" s="8">
        <v>6758064</v>
      </c>
      <c r="I30580" s="8">
        <v>0</v>
      </c>
      <c r="J30580" s="8">
        <v>6758064</v>
      </c>
      <c r="K30580" s="9">
        <v>1322</v>
      </c>
      <c r="L30580" s="6" t="s">
        <v>14</v>
      </c>
    </row>
    <row r="30581" spans="1:12">
      <c r="A30581" s="6" t="s">
        <v>32056</v>
      </c>
      <c r="B30581" s="6"/>
      <c r="C30581" s="6" t="s">
        <v>32071</v>
      </c>
      <c r="D30581" s="6"/>
      <c r="E30581" s="6" t="s">
        <v>9</v>
      </c>
      <c r="F30581" s="7">
        <v>38657</v>
      </c>
      <c r="G30581" s="8">
        <v>6758064</v>
      </c>
      <c r="H30581" s="8">
        <v>6758064</v>
      </c>
      <c r="I30581" s="8">
        <v>0</v>
      </c>
      <c r="J30581" s="8">
        <v>6758064</v>
      </c>
      <c r="K30581" s="9">
        <v>1322</v>
      </c>
      <c r="L30581" s="6" t="s">
        <v>14</v>
      </c>
    </row>
    <row r="30582" spans="1:12">
      <c r="A30582" s="6" t="s">
        <v>32056</v>
      </c>
      <c r="B30582" s="6"/>
      <c r="C30582" s="6" t="s">
        <v>32072</v>
      </c>
      <c r="D30582" s="6"/>
      <c r="E30582" s="6" t="s">
        <v>9</v>
      </c>
      <c r="F30582" s="7">
        <v>38657</v>
      </c>
      <c r="G30582" s="8">
        <v>6758064</v>
      </c>
      <c r="H30582" s="8">
        <v>6758064</v>
      </c>
      <c r="I30582" s="8">
        <v>0</v>
      </c>
      <c r="J30582" s="8">
        <v>6758064</v>
      </c>
      <c r="K30582" s="9">
        <v>1322</v>
      </c>
      <c r="L30582" s="6" t="s">
        <v>14</v>
      </c>
    </row>
    <row r="30583" spans="1:12">
      <c r="A30583" s="6" t="s">
        <v>32056</v>
      </c>
      <c r="B30583" s="6"/>
      <c r="C30583" s="6" t="s">
        <v>32073</v>
      </c>
      <c r="D30583" s="6"/>
      <c r="E30583" s="6" t="s">
        <v>9</v>
      </c>
      <c r="F30583" s="7">
        <v>38657</v>
      </c>
      <c r="G30583" s="8">
        <v>7908264</v>
      </c>
      <c r="H30583" s="8">
        <v>7908264</v>
      </c>
      <c r="I30583" s="8">
        <v>0</v>
      </c>
      <c r="J30583" s="8">
        <v>7908264</v>
      </c>
      <c r="K30583" s="9">
        <v>1547</v>
      </c>
      <c r="L30583" s="6" t="s">
        <v>14</v>
      </c>
    </row>
    <row r="30584" spans="1:12">
      <c r="A30584" s="6" t="s">
        <v>32056</v>
      </c>
      <c r="B30584" s="6"/>
      <c r="C30584" s="6" t="s">
        <v>32074</v>
      </c>
      <c r="D30584" s="6"/>
      <c r="E30584" s="6" t="s">
        <v>9</v>
      </c>
      <c r="F30584" s="7">
        <v>38657</v>
      </c>
      <c r="G30584" s="8">
        <v>5694768</v>
      </c>
      <c r="H30584" s="8">
        <v>5694768</v>
      </c>
      <c r="I30584" s="8">
        <v>0</v>
      </c>
      <c r="J30584" s="8">
        <v>5694768</v>
      </c>
      <c r="K30584" s="9">
        <v>1114</v>
      </c>
      <c r="L30584" s="6" t="s">
        <v>14</v>
      </c>
    </row>
    <row r="30585" spans="1:12">
      <c r="A30585" s="6" t="s">
        <v>32056</v>
      </c>
      <c r="B30585" s="6"/>
      <c r="C30585" s="6" t="s">
        <v>32075</v>
      </c>
      <c r="D30585" s="6"/>
      <c r="E30585" s="6" t="s">
        <v>9</v>
      </c>
      <c r="F30585" s="7">
        <v>38657</v>
      </c>
      <c r="G30585" s="8">
        <v>6241752</v>
      </c>
      <c r="H30585" s="8">
        <v>6241752</v>
      </c>
      <c r="I30585" s="8">
        <v>0</v>
      </c>
      <c r="J30585" s="8">
        <v>6241752</v>
      </c>
      <c r="K30585" s="9">
        <v>1221</v>
      </c>
      <c r="L30585" s="6" t="s">
        <v>14</v>
      </c>
    </row>
    <row r="30586" spans="1:12">
      <c r="A30586" s="6" t="s">
        <v>32056</v>
      </c>
      <c r="B30586" s="6"/>
      <c r="C30586" s="6" t="s">
        <v>32076</v>
      </c>
      <c r="D30586" s="6"/>
      <c r="E30586" s="6" t="s">
        <v>9</v>
      </c>
      <c r="F30586" s="7">
        <v>38657</v>
      </c>
      <c r="G30586" s="8">
        <v>1145088</v>
      </c>
      <c r="H30586" s="8">
        <v>1145088</v>
      </c>
      <c r="I30586" s="8">
        <v>0</v>
      </c>
      <c r="J30586" s="8">
        <v>1145088</v>
      </c>
      <c r="K30586" s="9">
        <v>224</v>
      </c>
      <c r="L30586" s="6" t="s">
        <v>14</v>
      </c>
    </row>
    <row r="30587" spans="1:12">
      <c r="A30587" s="6" t="s">
        <v>32056</v>
      </c>
      <c r="B30587" s="6"/>
      <c r="C30587" s="6" t="s">
        <v>32077</v>
      </c>
      <c r="D30587" s="6"/>
      <c r="E30587" s="6" t="s">
        <v>9</v>
      </c>
      <c r="F30587" s="7">
        <v>38657</v>
      </c>
      <c r="G30587" s="8">
        <v>5623200</v>
      </c>
      <c r="H30587" s="8">
        <v>5623200</v>
      </c>
      <c r="I30587" s="8">
        <v>0</v>
      </c>
      <c r="J30587" s="8">
        <v>5623200</v>
      </c>
      <c r="K30587" s="9">
        <v>1100</v>
      </c>
      <c r="L30587" s="6" t="s">
        <v>14</v>
      </c>
    </row>
    <row r="30588" spans="1:12">
      <c r="A30588" s="6" t="s">
        <v>32056</v>
      </c>
      <c r="B30588" s="6"/>
      <c r="C30588" s="6" t="s">
        <v>32078</v>
      </c>
      <c r="D30588" s="6"/>
      <c r="E30588" s="6" t="s">
        <v>9</v>
      </c>
      <c r="F30588" s="7">
        <v>38657</v>
      </c>
      <c r="G30588" s="8">
        <v>6773400</v>
      </c>
      <c r="H30588" s="8">
        <v>6773400</v>
      </c>
      <c r="I30588" s="8">
        <v>0</v>
      </c>
      <c r="J30588" s="8">
        <v>6773400</v>
      </c>
      <c r="K30588" s="9">
        <v>1325</v>
      </c>
      <c r="L30588" s="6" t="s">
        <v>14</v>
      </c>
    </row>
    <row r="30589" spans="1:12">
      <c r="A30589" s="6" t="s">
        <v>32056</v>
      </c>
      <c r="B30589" s="6"/>
      <c r="C30589" s="6" t="s">
        <v>32079</v>
      </c>
      <c r="D30589" s="6"/>
      <c r="E30589" s="6" t="s">
        <v>9</v>
      </c>
      <c r="F30589" s="7">
        <v>38657</v>
      </c>
      <c r="G30589" s="8">
        <v>4687704</v>
      </c>
      <c r="H30589" s="8">
        <v>4687704</v>
      </c>
      <c r="I30589" s="8">
        <v>0</v>
      </c>
      <c r="J30589" s="8">
        <v>4687704</v>
      </c>
      <c r="K30589" s="9">
        <v>917</v>
      </c>
      <c r="L30589" s="6" t="s">
        <v>14</v>
      </c>
    </row>
    <row r="30590" spans="1:12">
      <c r="A30590" s="6" t="s">
        <v>32056</v>
      </c>
      <c r="B30590" s="6"/>
      <c r="C30590" s="6" t="s">
        <v>32080</v>
      </c>
      <c r="D30590" s="6"/>
      <c r="E30590" s="6" t="s">
        <v>9</v>
      </c>
      <c r="F30590" s="7">
        <v>38657</v>
      </c>
      <c r="G30590" s="8">
        <v>6773400</v>
      </c>
      <c r="H30590" s="8">
        <v>6773400</v>
      </c>
      <c r="I30590" s="8">
        <v>0</v>
      </c>
      <c r="J30590" s="8">
        <v>6773400</v>
      </c>
      <c r="K30590" s="9">
        <v>1325</v>
      </c>
      <c r="L30590" s="6" t="s">
        <v>14</v>
      </c>
    </row>
    <row r="30591" spans="1:12">
      <c r="A30591" s="6" t="s">
        <v>32056</v>
      </c>
      <c r="B30591" s="6"/>
      <c r="C30591" s="6" t="s">
        <v>32081</v>
      </c>
      <c r="D30591" s="6"/>
      <c r="E30591" s="6" t="s">
        <v>9</v>
      </c>
      <c r="F30591" s="7">
        <v>38657</v>
      </c>
      <c r="G30591" s="8">
        <v>6773400</v>
      </c>
      <c r="H30591" s="8">
        <v>6773400</v>
      </c>
      <c r="I30591" s="8">
        <v>0</v>
      </c>
      <c r="J30591" s="8">
        <v>6773400</v>
      </c>
      <c r="K30591" s="9">
        <v>1325</v>
      </c>
      <c r="L30591" s="6" t="s">
        <v>14</v>
      </c>
    </row>
    <row r="30592" spans="1:12">
      <c r="A30592" s="6" t="s">
        <v>32056</v>
      </c>
      <c r="B30592" s="6"/>
      <c r="C30592" s="6" t="s">
        <v>32082</v>
      </c>
      <c r="D30592" s="6"/>
      <c r="E30592" s="6" t="s">
        <v>9</v>
      </c>
      <c r="F30592" s="7">
        <v>38657</v>
      </c>
      <c r="G30592" s="8">
        <v>6773400</v>
      </c>
      <c r="H30592" s="8">
        <v>6773400</v>
      </c>
      <c r="I30592" s="8">
        <v>0</v>
      </c>
      <c r="J30592" s="8">
        <v>6773400</v>
      </c>
      <c r="K30592" s="9">
        <v>1325</v>
      </c>
      <c r="L30592" s="6" t="s">
        <v>14</v>
      </c>
    </row>
    <row r="30593" spans="1:12">
      <c r="A30593" s="6" t="s">
        <v>32056</v>
      </c>
      <c r="B30593" s="6"/>
      <c r="C30593" s="6" t="s">
        <v>32083</v>
      </c>
      <c r="D30593" s="6"/>
      <c r="E30593" s="6" t="s">
        <v>9</v>
      </c>
      <c r="F30593" s="7">
        <v>38657</v>
      </c>
      <c r="G30593" s="8">
        <v>6773400</v>
      </c>
      <c r="H30593" s="8">
        <v>6773400</v>
      </c>
      <c r="I30593" s="8">
        <v>0</v>
      </c>
      <c r="J30593" s="8">
        <v>6773400</v>
      </c>
      <c r="K30593" s="9">
        <v>1325</v>
      </c>
      <c r="L30593" s="6" t="s">
        <v>14</v>
      </c>
    </row>
    <row r="30594" spans="1:12">
      <c r="A30594" s="6" t="s">
        <v>32056</v>
      </c>
      <c r="B30594" s="6"/>
      <c r="C30594" s="6" t="s">
        <v>32084</v>
      </c>
      <c r="D30594" s="6"/>
      <c r="E30594" s="6" t="s">
        <v>9</v>
      </c>
      <c r="F30594" s="7">
        <v>38657</v>
      </c>
      <c r="G30594" s="8">
        <v>6773400</v>
      </c>
      <c r="H30594" s="8">
        <v>6773400</v>
      </c>
      <c r="I30594" s="8">
        <v>0</v>
      </c>
      <c r="J30594" s="8">
        <v>6773400</v>
      </c>
      <c r="K30594" s="9">
        <v>1325</v>
      </c>
      <c r="L30594" s="6" t="s">
        <v>14</v>
      </c>
    </row>
    <row r="30595" spans="1:12">
      <c r="A30595" s="6" t="s">
        <v>32056</v>
      </c>
      <c r="B30595" s="6"/>
      <c r="C30595" s="6" t="s">
        <v>32085</v>
      </c>
      <c r="D30595" s="6"/>
      <c r="E30595" s="6" t="s">
        <v>9</v>
      </c>
      <c r="F30595" s="7">
        <v>38657</v>
      </c>
      <c r="G30595" s="8">
        <v>6773400</v>
      </c>
      <c r="H30595" s="8">
        <v>6773400</v>
      </c>
      <c r="I30595" s="8">
        <v>0</v>
      </c>
      <c r="J30595" s="8">
        <v>6773400</v>
      </c>
      <c r="K30595" s="9">
        <v>1325</v>
      </c>
      <c r="L30595" s="6" t="s">
        <v>14</v>
      </c>
    </row>
    <row r="30596" spans="1:12">
      <c r="A30596" s="6" t="s">
        <v>32056</v>
      </c>
      <c r="B30596" s="6"/>
      <c r="C30596" s="6" t="s">
        <v>32086</v>
      </c>
      <c r="D30596" s="6"/>
      <c r="E30596" s="6" t="s">
        <v>9</v>
      </c>
      <c r="F30596" s="7">
        <v>38657</v>
      </c>
      <c r="G30596" s="8">
        <v>3706200</v>
      </c>
      <c r="H30596" s="8">
        <v>3706200</v>
      </c>
      <c r="I30596" s="8">
        <v>0</v>
      </c>
      <c r="J30596" s="8">
        <v>3706200</v>
      </c>
      <c r="K30596" s="9">
        <v>725</v>
      </c>
      <c r="L30596" s="6" t="s">
        <v>14</v>
      </c>
    </row>
    <row r="30597" spans="1:12">
      <c r="A30597" s="6" t="s">
        <v>32056</v>
      </c>
      <c r="B30597" s="6"/>
      <c r="C30597" s="6" t="s">
        <v>32087</v>
      </c>
      <c r="D30597" s="6"/>
      <c r="E30597" s="6" t="s">
        <v>9</v>
      </c>
      <c r="F30597" s="7">
        <v>38657</v>
      </c>
      <c r="G30597" s="8">
        <v>3067200</v>
      </c>
      <c r="H30597" s="8">
        <v>3067200</v>
      </c>
      <c r="I30597" s="8">
        <v>0</v>
      </c>
      <c r="J30597" s="8">
        <v>3067200</v>
      </c>
      <c r="K30597" s="9">
        <v>600</v>
      </c>
      <c r="L30597" s="6" t="s">
        <v>14</v>
      </c>
    </row>
    <row r="30598" spans="1:12">
      <c r="A30598" s="6" t="s">
        <v>32056</v>
      </c>
      <c r="B30598" s="6"/>
      <c r="C30598" s="6" t="s">
        <v>32088</v>
      </c>
      <c r="D30598" s="6"/>
      <c r="E30598" s="6" t="s">
        <v>9</v>
      </c>
      <c r="F30598" s="7">
        <v>38657</v>
      </c>
      <c r="G30598" s="8">
        <v>4432104</v>
      </c>
      <c r="H30598" s="8">
        <v>4432104</v>
      </c>
      <c r="I30598" s="8">
        <v>0</v>
      </c>
      <c r="J30598" s="8">
        <v>4432104</v>
      </c>
      <c r="K30598" s="9">
        <v>867</v>
      </c>
      <c r="L30598" s="6" t="s">
        <v>14</v>
      </c>
    </row>
    <row r="30599" spans="1:12">
      <c r="A30599" s="6" t="s">
        <v>32056</v>
      </c>
      <c r="B30599" s="6"/>
      <c r="C30599" s="6" t="s">
        <v>32089</v>
      </c>
      <c r="D30599" s="6"/>
      <c r="E30599" s="6" t="s">
        <v>9</v>
      </c>
      <c r="F30599" s="7">
        <v>38657</v>
      </c>
      <c r="G30599" s="8">
        <v>2341296</v>
      </c>
      <c r="H30599" s="8">
        <v>2341296</v>
      </c>
      <c r="I30599" s="8">
        <v>0</v>
      </c>
      <c r="J30599" s="8">
        <v>2341296</v>
      </c>
      <c r="K30599" s="9">
        <v>458</v>
      </c>
      <c r="L30599" s="6" t="s">
        <v>14</v>
      </c>
    </row>
    <row r="30600" spans="1:12">
      <c r="A30600" s="6" t="s">
        <v>32056</v>
      </c>
      <c r="B30600" s="6"/>
      <c r="C30600" s="6" t="s">
        <v>32090</v>
      </c>
      <c r="D30600" s="6"/>
      <c r="E30600" s="6" t="s">
        <v>9</v>
      </c>
      <c r="F30600" s="7">
        <v>38657</v>
      </c>
      <c r="G30600" s="8">
        <v>4907520</v>
      </c>
      <c r="H30600" s="8">
        <v>4907520</v>
      </c>
      <c r="I30600" s="8">
        <v>0</v>
      </c>
      <c r="J30600" s="8">
        <v>4907520</v>
      </c>
      <c r="K30600" s="9">
        <v>960</v>
      </c>
      <c r="L30600" s="6" t="s">
        <v>14</v>
      </c>
    </row>
    <row r="30601" spans="1:12">
      <c r="A30601" s="6" t="s">
        <v>32056</v>
      </c>
      <c r="B30601" s="6"/>
      <c r="C30601" s="6" t="s">
        <v>32091</v>
      </c>
      <c r="D30601" s="6"/>
      <c r="E30601" s="6" t="s">
        <v>9</v>
      </c>
      <c r="F30601" s="7">
        <v>38657</v>
      </c>
      <c r="G30601" s="8">
        <v>6773400</v>
      </c>
      <c r="H30601" s="8">
        <v>6773400</v>
      </c>
      <c r="I30601" s="8">
        <v>0</v>
      </c>
      <c r="J30601" s="8">
        <v>6773400</v>
      </c>
      <c r="K30601" s="9">
        <v>1325</v>
      </c>
      <c r="L30601" s="6" t="s">
        <v>14</v>
      </c>
    </row>
    <row r="30602" spans="1:12">
      <c r="A30602" s="6" t="s">
        <v>32056</v>
      </c>
      <c r="B30602" s="6"/>
      <c r="C30602" s="6" t="s">
        <v>32092</v>
      </c>
      <c r="D30602" s="6"/>
      <c r="E30602" s="6" t="s">
        <v>9</v>
      </c>
      <c r="F30602" s="7">
        <v>38657</v>
      </c>
      <c r="G30602" s="8">
        <v>6773400</v>
      </c>
      <c r="H30602" s="8">
        <v>6773400</v>
      </c>
      <c r="I30602" s="8">
        <v>0</v>
      </c>
      <c r="J30602" s="8">
        <v>6773400</v>
      </c>
      <c r="K30602" s="9">
        <v>1325</v>
      </c>
      <c r="L30602" s="6" t="s">
        <v>14</v>
      </c>
    </row>
    <row r="30603" spans="1:12">
      <c r="A30603" s="6" t="s">
        <v>32056</v>
      </c>
      <c r="B30603" s="6"/>
      <c r="C30603" s="6" t="s">
        <v>32093</v>
      </c>
      <c r="D30603" s="6"/>
      <c r="E30603" s="6" t="s">
        <v>9</v>
      </c>
      <c r="F30603" s="7">
        <v>38657</v>
      </c>
      <c r="G30603" s="8">
        <v>6773400</v>
      </c>
      <c r="H30603" s="8">
        <v>6773400</v>
      </c>
      <c r="I30603" s="8">
        <v>0</v>
      </c>
      <c r="J30603" s="8">
        <v>6773400</v>
      </c>
      <c r="K30603" s="9">
        <v>1325</v>
      </c>
      <c r="L30603" s="6" t="s">
        <v>14</v>
      </c>
    </row>
    <row r="30604" spans="1:12">
      <c r="A30604" s="6" t="s">
        <v>32056</v>
      </c>
      <c r="B30604" s="6"/>
      <c r="C30604" s="6" t="s">
        <v>32094</v>
      </c>
      <c r="D30604" s="6"/>
      <c r="E30604" s="6" t="s">
        <v>9</v>
      </c>
      <c r="F30604" s="7">
        <v>38657</v>
      </c>
      <c r="G30604" s="8">
        <v>3787992</v>
      </c>
      <c r="H30604" s="8">
        <v>3787992</v>
      </c>
      <c r="I30604" s="8">
        <v>0</v>
      </c>
      <c r="J30604" s="8">
        <v>3787992</v>
      </c>
      <c r="K30604" s="9">
        <v>741</v>
      </c>
      <c r="L30604" s="6" t="s">
        <v>14</v>
      </c>
    </row>
    <row r="30605" spans="1:12">
      <c r="A30605" s="6" t="s">
        <v>32056</v>
      </c>
      <c r="B30605" s="6"/>
      <c r="C30605" s="6" t="s">
        <v>32095</v>
      </c>
      <c r="D30605" s="6"/>
      <c r="E30605" s="6" t="s">
        <v>9</v>
      </c>
      <c r="F30605" s="7">
        <v>38657</v>
      </c>
      <c r="G30605" s="8">
        <v>5510736</v>
      </c>
      <c r="H30605" s="8">
        <v>5510736</v>
      </c>
      <c r="I30605" s="8">
        <v>0</v>
      </c>
      <c r="J30605" s="8">
        <v>5510736</v>
      </c>
      <c r="K30605" s="9">
        <v>1078</v>
      </c>
      <c r="L30605" s="6" t="s">
        <v>14</v>
      </c>
    </row>
    <row r="30606" spans="1:12">
      <c r="A30606" s="6" t="s">
        <v>32056</v>
      </c>
      <c r="B30606" s="6"/>
      <c r="C30606" s="6" t="s">
        <v>32096</v>
      </c>
      <c r="D30606" s="6"/>
      <c r="E30606" s="6" t="s">
        <v>9</v>
      </c>
      <c r="F30606" s="7">
        <v>38657</v>
      </c>
      <c r="G30606" s="8">
        <v>4922856</v>
      </c>
      <c r="H30606" s="8">
        <v>4922856</v>
      </c>
      <c r="I30606" s="8">
        <v>0</v>
      </c>
      <c r="J30606" s="8">
        <v>4922856</v>
      </c>
      <c r="K30606" s="9">
        <v>963</v>
      </c>
      <c r="L30606" s="6" t="s">
        <v>14</v>
      </c>
    </row>
    <row r="30607" spans="1:12">
      <c r="A30607" s="6" t="s">
        <v>32056</v>
      </c>
      <c r="B30607" s="6"/>
      <c r="C30607" s="6" t="s">
        <v>32097</v>
      </c>
      <c r="D30607" s="6"/>
      <c r="E30607" s="6" t="s">
        <v>9</v>
      </c>
      <c r="F30607" s="7">
        <v>38657</v>
      </c>
      <c r="G30607" s="8">
        <v>2458872</v>
      </c>
      <c r="H30607" s="8">
        <v>2458872</v>
      </c>
      <c r="I30607" s="8">
        <v>0</v>
      </c>
      <c r="J30607" s="8">
        <v>2458872</v>
      </c>
      <c r="K30607" s="9">
        <v>481</v>
      </c>
      <c r="L30607" s="6" t="s">
        <v>14</v>
      </c>
    </row>
    <row r="30608" spans="1:12">
      <c r="A30608" s="6" t="s">
        <v>32056</v>
      </c>
      <c r="B30608" s="6"/>
      <c r="C30608" s="6" t="s">
        <v>32098</v>
      </c>
      <c r="D30608" s="6"/>
      <c r="E30608" s="6" t="s">
        <v>9</v>
      </c>
      <c r="F30608" s="7">
        <v>38657</v>
      </c>
      <c r="G30608" s="8">
        <v>2462757</v>
      </c>
      <c r="H30608" s="8">
        <v>2462757</v>
      </c>
      <c r="I30608" s="8">
        <v>0</v>
      </c>
      <c r="J30608" s="8">
        <v>2462757</v>
      </c>
      <c r="K30608" s="9">
        <v>481.76</v>
      </c>
      <c r="L30608" s="6" t="s">
        <v>14</v>
      </c>
    </row>
    <row r="30609" spans="1:12">
      <c r="A30609" s="6" t="s">
        <v>32056</v>
      </c>
      <c r="B30609" s="6"/>
      <c r="C30609" s="6" t="s">
        <v>32099</v>
      </c>
      <c r="D30609" s="6"/>
      <c r="E30609" s="6" t="s">
        <v>9</v>
      </c>
      <c r="F30609" s="7">
        <v>38657</v>
      </c>
      <c r="G30609" s="8">
        <v>2692746</v>
      </c>
      <c r="H30609" s="8">
        <v>2692746</v>
      </c>
      <c r="I30609" s="8">
        <v>0</v>
      </c>
      <c r="J30609" s="8">
        <v>2692746</v>
      </c>
      <c r="K30609" s="9">
        <v>526.75</v>
      </c>
      <c r="L30609" s="6" t="s">
        <v>14</v>
      </c>
    </row>
    <row r="30610" spans="1:12">
      <c r="A30610" s="6" t="s">
        <v>32056</v>
      </c>
      <c r="B30610" s="6"/>
      <c r="C30610" s="6" t="s">
        <v>32100</v>
      </c>
      <c r="D30610" s="6"/>
      <c r="E30610" s="6" t="s">
        <v>9</v>
      </c>
      <c r="F30610" s="7">
        <v>38657</v>
      </c>
      <c r="G30610" s="8">
        <v>3777768</v>
      </c>
      <c r="H30610" s="8">
        <v>3777768</v>
      </c>
      <c r="I30610" s="8">
        <v>0</v>
      </c>
      <c r="J30610" s="8">
        <v>3777768</v>
      </c>
      <c r="K30610" s="9">
        <v>739</v>
      </c>
      <c r="L30610" s="6" t="s">
        <v>14</v>
      </c>
    </row>
    <row r="30611" spans="1:12">
      <c r="A30611" s="6" t="s">
        <v>32056</v>
      </c>
      <c r="B30611" s="6"/>
      <c r="C30611" s="6" t="s">
        <v>32101</v>
      </c>
      <c r="D30611" s="6"/>
      <c r="E30611" s="6" t="s">
        <v>9</v>
      </c>
      <c r="F30611" s="7">
        <v>38657</v>
      </c>
      <c r="G30611" s="8">
        <v>4922856</v>
      </c>
      <c r="H30611" s="8">
        <v>4922856</v>
      </c>
      <c r="I30611" s="8">
        <v>0</v>
      </c>
      <c r="J30611" s="8">
        <v>4922856</v>
      </c>
      <c r="K30611" s="9">
        <v>963</v>
      </c>
      <c r="L30611" s="6" t="s">
        <v>14</v>
      </c>
    </row>
    <row r="30612" spans="1:12">
      <c r="A30612" s="6" t="s">
        <v>32056</v>
      </c>
      <c r="B30612" s="6"/>
      <c r="C30612" s="6" t="s">
        <v>32102</v>
      </c>
      <c r="D30612" s="6"/>
      <c r="E30612" s="6" t="s">
        <v>9</v>
      </c>
      <c r="F30612" s="7">
        <v>38657</v>
      </c>
      <c r="G30612" s="8">
        <v>6758064</v>
      </c>
      <c r="H30612" s="8">
        <v>6758064</v>
      </c>
      <c r="I30612" s="8">
        <v>0</v>
      </c>
      <c r="J30612" s="8">
        <v>6758064</v>
      </c>
      <c r="K30612" s="9">
        <v>1322</v>
      </c>
      <c r="L30612" s="6" t="s">
        <v>14</v>
      </c>
    </row>
    <row r="30613" spans="1:12">
      <c r="A30613" s="6" t="s">
        <v>32056</v>
      </c>
      <c r="B30613" s="6"/>
      <c r="C30613" s="6" t="s">
        <v>32103</v>
      </c>
      <c r="D30613" s="6"/>
      <c r="E30613" s="6" t="s">
        <v>9</v>
      </c>
      <c r="F30613" s="7">
        <v>38657</v>
      </c>
      <c r="G30613" s="8">
        <v>6758064</v>
      </c>
      <c r="H30613" s="8">
        <v>6758064</v>
      </c>
      <c r="I30613" s="8">
        <v>0</v>
      </c>
      <c r="J30613" s="8">
        <v>6758064</v>
      </c>
      <c r="K30613" s="9">
        <v>1322</v>
      </c>
      <c r="L30613" s="6" t="s">
        <v>14</v>
      </c>
    </row>
    <row r="30614" spans="1:12">
      <c r="A30614" s="6" t="s">
        <v>32056</v>
      </c>
      <c r="B30614" s="6"/>
      <c r="C30614" s="6" t="s">
        <v>32104</v>
      </c>
      <c r="D30614" s="6"/>
      <c r="E30614" s="6" t="s">
        <v>9</v>
      </c>
      <c r="F30614" s="7">
        <v>38657</v>
      </c>
      <c r="G30614" s="8">
        <v>6758064</v>
      </c>
      <c r="H30614" s="8">
        <v>6758064</v>
      </c>
      <c r="I30614" s="8">
        <v>0</v>
      </c>
      <c r="J30614" s="8">
        <v>6758064</v>
      </c>
      <c r="K30614" s="9">
        <v>1322</v>
      </c>
      <c r="L30614" s="6" t="s">
        <v>14</v>
      </c>
    </row>
    <row r="30615" spans="1:12">
      <c r="A30615" s="6" t="s">
        <v>32056</v>
      </c>
      <c r="B30615" s="6"/>
      <c r="C30615" s="6" t="s">
        <v>32105</v>
      </c>
      <c r="D30615" s="6"/>
      <c r="E30615" s="6" t="s">
        <v>9</v>
      </c>
      <c r="F30615" s="7">
        <v>38657</v>
      </c>
      <c r="G30615" s="8">
        <v>4922856</v>
      </c>
      <c r="H30615" s="8">
        <v>4922856</v>
      </c>
      <c r="I30615" s="8">
        <v>0</v>
      </c>
      <c r="J30615" s="8">
        <v>4922856</v>
      </c>
      <c r="K30615" s="9">
        <v>963</v>
      </c>
      <c r="L30615" s="6" t="s">
        <v>14</v>
      </c>
    </row>
    <row r="30616" spans="1:12">
      <c r="A30616" s="6" t="s">
        <v>32056</v>
      </c>
      <c r="B30616" s="6"/>
      <c r="C30616" s="6" t="s">
        <v>32106</v>
      </c>
      <c r="D30616" s="6"/>
      <c r="E30616" s="6" t="s">
        <v>9</v>
      </c>
      <c r="F30616" s="7">
        <v>38657</v>
      </c>
      <c r="G30616" s="8">
        <v>4922856</v>
      </c>
      <c r="H30616" s="8">
        <v>4922856</v>
      </c>
      <c r="I30616" s="8">
        <v>0</v>
      </c>
      <c r="J30616" s="8">
        <v>4922856</v>
      </c>
      <c r="K30616" s="9">
        <v>963</v>
      </c>
      <c r="L30616" s="6" t="s">
        <v>14</v>
      </c>
    </row>
    <row r="30617" spans="1:12">
      <c r="A30617" s="6" t="s">
        <v>32056</v>
      </c>
      <c r="B30617" s="6"/>
      <c r="C30617" s="6" t="s">
        <v>32107</v>
      </c>
      <c r="D30617" s="6"/>
      <c r="E30617" s="6" t="s">
        <v>9</v>
      </c>
      <c r="F30617" s="7">
        <v>38657</v>
      </c>
      <c r="G30617" s="8">
        <v>4922856</v>
      </c>
      <c r="H30617" s="8">
        <v>4922856</v>
      </c>
      <c r="I30617" s="8">
        <v>0</v>
      </c>
      <c r="J30617" s="8">
        <v>4922856</v>
      </c>
      <c r="K30617" s="9">
        <v>963</v>
      </c>
      <c r="L30617" s="6" t="s">
        <v>14</v>
      </c>
    </row>
    <row r="30618" spans="1:12">
      <c r="A30618" s="6" t="s">
        <v>32056</v>
      </c>
      <c r="B30618" s="6"/>
      <c r="C30618" s="6" t="s">
        <v>32108</v>
      </c>
      <c r="D30618" s="6"/>
      <c r="E30618" s="6" t="s">
        <v>9</v>
      </c>
      <c r="F30618" s="7">
        <v>38657</v>
      </c>
      <c r="G30618" s="8">
        <v>4922856</v>
      </c>
      <c r="H30618" s="8">
        <v>4922856</v>
      </c>
      <c r="I30618" s="8">
        <v>0</v>
      </c>
      <c r="J30618" s="8">
        <v>4922856</v>
      </c>
      <c r="K30618" s="9">
        <v>963</v>
      </c>
      <c r="L30618" s="6" t="s">
        <v>14</v>
      </c>
    </row>
    <row r="30619" spans="1:12">
      <c r="A30619" s="6" t="s">
        <v>32109</v>
      </c>
      <c r="B30619" s="6"/>
      <c r="C30619" s="6" t="s">
        <v>32110</v>
      </c>
      <c r="D30619" s="6"/>
      <c r="E30619" s="6" t="s">
        <v>18740</v>
      </c>
      <c r="F30619" s="7">
        <v>38657</v>
      </c>
      <c r="G30619" s="8">
        <v>16760744</v>
      </c>
      <c r="H30619" s="8">
        <v>16760744</v>
      </c>
      <c r="I30619" s="8">
        <v>0</v>
      </c>
      <c r="J30619" s="8">
        <v>16760744</v>
      </c>
      <c r="K30619" s="9">
        <v>544.17999999999904</v>
      </c>
      <c r="L30619" s="6" t="s">
        <v>10</v>
      </c>
    </row>
    <row r="30620" spans="1:12">
      <c r="A30620" s="6" t="s">
        <v>32111</v>
      </c>
      <c r="B30620" s="6"/>
      <c r="C30620" s="6" t="s">
        <v>32112</v>
      </c>
      <c r="D30620" s="6"/>
      <c r="E30620" s="6" t="s">
        <v>18740</v>
      </c>
      <c r="F30620" s="7">
        <v>38657</v>
      </c>
      <c r="G30620" s="8">
        <v>67171</v>
      </c>
      <c r="H30620" s="8">
        <v>67171</v>
      </c>
      <c r="I30620" s="8">
        <v>0</v>
      </c>
      <c r="J30620" s="8">
        <v>67171</v>
      </c>
      <c r="K30620" s="9">
        <v>13.14</v>
      </c>
      <c r="L30620" s="6" t="s">
        <v>23</v>
      </c>
    </row>
    <row r="30621" spans="1:12">
      <c r="A30621" s="6" t="s">
        <v>32113</v>
      </c>
      <c r="B30621" s="6"/>
      <c r="C30621" s="6" t="s">
        <v>32114</v>
      </c>
      <c r="D30621" s="6"/>
      <c r="E30621" s="6" t="s">
        <v>9</v>
      </c>
      <c r="F30621" s="7">
        <v>38657</v>
      </c>
      <c r="G30621" s="8">
        <v>11696256</v>
      </c>
      <c r="H30621" s="8">
        <v>11696256</v>
      </c>
      <c r="I30621" s="8">
        <v>0</v>
      </c>
      <c r="J30621" s="8">
        <v>11696256</v>
      </c>
      <c r="K30621" s="9">
        <v>2288</v>
      </c>
      <c r="L30621" s="6" t="s">
        <v>14</v>
      </c>
    </row>
    <row r="30622" spans="1:12">
      <c r="A30622" s="6" t="s">
        <v>32115</v>
      </c>
      <c r="B30622" s="6"/>
      <c r="C30622" s="6" t="s">
        <v>32116</v>
      </c>
      <c r="D30622" s="6"/>
      <c r="E30622" s="6" t="s">
        <v>9</v>
      </c>
      <c r="F30622" s="7">
        <v>38657</v>
      </c>
      <c r="G30622" s="8">
        <v>2063867</v>
      </c>
      <c r="H30622" s="8">
        <v>2063867</v>
      </c>
      <c r="I30622" s="8">
        <v>0</v>
      </c>
      <c r="J30622" s="8">
        <v>2063867</v>
      </c>
      <c r="K30622" s="9">
        <v>403.73</v>
      </c>
      <c r="L30622" s="6" t="s">
        <v>23</v>
      </c>
    </row>
    <row r="30623" spans="1:12">
      <c r="A30623" s="6" t="s">
        <v>32117</v>
      </c>
      <c r="B30623" s="6"/>
      <c r="C30623" s="6" t="s">
        <v>32118</v>
      </c>
      <c r="D30623" s="6"/>
      <c r="E30623" s="6" t="s">
        <v>18740</v>
      </c>
      <c r="F30623" s="7">
        <v>38657</v>
      </c>
      <c r="G30623" s="8">
        <v>403788</v>
      </c>
      <c r="H30623" s="8">
        <v>403788</v>
      </c>
      <c r="I30623" s="8">
        <v>0</v>
      </c>
      <c r="J30623" s="8">
        <v>403788</v>
      </c>
      <c r="K30623" s="9">
        <v>13.11</v>
      </c>
      <c r="L30623" s="6" t="s">
        <v>10</v>
      </c>
    </row>
    <row r="30624" spans="1:12">
      <c r="A30624" s="6" t="s">
        <v>32119</v>
      </c>
      <c r="B30624" s="6"/>
      <c r="C30624" s="6" t="s">
        <v>32120</v>
      </c>
      <c r="D30624" s="6"/>
      <c r="E30624" s="6" t="s">
        <v>18740</v>
      </c>
      <c r="F30624" s="7">
        <v>38657</v>
      </c>
      <c r="G30624" s="8">
        <v>498652</v>
      </c>
      <c r="H30624" s="8">
        <v>498652</v>
      </c>
      <c r="I30624" s="8">
        <v>0</v>
      </c>
      <c r="J30624" s="8">
        <v>498652</v>
      </c>
      <c r="K30624" s="9">
        <v>16.190000000000001</v>
      </c>
      <c r="L30624" s="6" t="s">
        <v>10</v>
      </c>
    </row>
    <row r="30625" spans="1:12">
      <c r="A30625" s="6" t="s">
        <v>32121</v>
      </c>
      <c r="B30625" s="6"/>
      <c r="C30625" s="6" t="s">
        <v>32122</v>
      </c>
      <c r="D30625" s="6"/>
      <c r="E30625" s="6" t="s">
        <v>9</v>
      </c>
      <c r="F30625" s="7">
        <v>38657</v>
      </c>
      <c r="G30625" s="8">
        <v>8209872</v>
      </c>
      <c r="H30625" s="8">
        <v>8209872</v>
      </c>
      <c r="I30625" s="8">
        <v>0</v>
      </c>
      <c r="J30625" s="8">
        <v>8209872</v>
      </c>
      <c r="K30625" s="9">
        <v>1606</v>
      </c>
      <c r="L30625" s="6" t="s">
        <v>14</v>
      </c>
    </row>
    <row r="30626" spans="1:12">
      <c r="A30626" s="6" t="s">
        <v>32123</v>
      </c>
      <c r="B30626" s="6"/>
      <c r="C30626" s="6" t="s">
        <v>32124</v>
      </c>
      <c r="D30626" s="6"/>
      <c r="E30626" s="6" t="s">
        <v>18740</v>
      </c>
      <c r="F30626" s="7">
        <v>38657</v>
      </c>
      <c r="G30626" s="8">
        <v>8607676</v>
      </c>
      <c r="H30626" s="8">
        <v>8607676</v>
      </c>
      <c r="I30626" s="8">
        <v>0</v>
      </c>
      <c r="J30626" s="8">
        <v>8607676</v>
      </c>
      <c r="K30626" s="9">
        <v>279.47000000000003</v>
      </c>
      <c r="L30626" s="6" t="s">
        <v>10</v>
      </c>
    </row>
    <row r="30627" spans="1:12">
      <c r="A30627" s="6" t="s">
        <v>32125</v>
      </c>
      <c r="B30627" s="6"/>
      <c r="C30627" s="6" t="s">
        <v>32126</v>
      </c>
      <c r="D30627" s="6"/>
      <c r="E30627" s="6" t="s">
        <v>9</v>
      </c>
      <c r="F30627" s="7">
        <v>38657</v>
      </c>
      <c r="G30627" s="8">
        <v>6926760</v>
      </c>
      <c r="H30627" s="8">
        <v>6926760</v>
      </c>
      <c r="I30627" s="8">
        <v>0</v>
      </c>
      <c r="J30627" s="8">
        <v>6926760</v>
      </c>
      <c r="K30627" s="9">
        <v>1355</v>
      </c>
      <c r="L30627" s="6" t="s">
        <v>14</v>
      </c>
    </row>
    <row r="30628" spans="1:12">
      <c r="A30628" s="6" t="s">
        <v>32127</v>
      </c>
      <c r="B30628" s="6"/>
      <c r="C30628" s="6" t="s">
        <v>32128</v>
      </c>
      <c r="D30628" s="6"/>
      <c r="E30628" s="6" t="s">
        <v>9</v>
      </c>
      <c r="F30628" s="7">
        <v>38657</v>
      </c>
      <c r="G30628" s="8">
        <v>1922112</v>
      </c>
      <c r="H30628" s="8">
        <v>1922112</v>
      </c>
      <c r="I30628" s="8">
        <v>0</v>
      </c>
      <c r="J30628" s="8">
        <v>1922112</v>
      </c>
      <c r="K30628" s="9">
        <v>376</v>
      </c>
      <c r="L30628" s="6" t="s">
        <v>14</v>
      </c>
    </row>
    <row r="30629" spans="1:12">
      <c r="A30629" s="6" t="s">
        <v>32127</v>
      </c>
      <c r="B30629" s="6"/>
      <c r="C30629" s="6" t="s">
        <v>32129</v>
      </c>
      <c r="D30629" s="6"/>
      <c r="E30629" s="6" t="s">
        <v>9</v>
      </c>
      <c r="F30629" s="7">
        <v>38657</v>
      </c>
      <c r="G30629" s="8">
        <v>2463984</v>
      </c>
      <c r="H30629" s="8">
        <v>2463984</v>
      </c>
      <c r="I30629" s="8">
        <v>0</v>
      </c>
      <c r="J30629" s="8">
        <v>2463984</v>
      </c>
      <c r="K30629" s="9">
        <v>482</v>
      </c>
      <c r="L30629" s="6" t="s">
        <v>14</v>
      </c>
    </row>
    <row r="30630" spans="1:12">
      <c r="A30630" s="6" t="s">
        <v>32127</v>
      </c>
      <c r="B30630" s="6"/>
      <c r="C30630" s="6" t="s">
        <v>32130</v>
      </c>
      <c r="D30630" s="6"/>
      <c r="E30630" s="6" t="s">
        <v>9</v>
      </c>
      <c r="F30630" s="7">
        <v>38657</v>
      </c>
      <c r="G30630" s="8">
        <v>1942560</v>
      </c>
      <c r="H30630" s="8">
        <v>1942560</v>
      </c>
      <c r="I30630" s="8">
        <v>0</v>
      </c>
      <c r="J30630" s="8">
        <v>1942560</v>
      </c>
      <c r="K30630" s="9">
        <v>380</v>
      </c>
      <c r="L30630" s="6" t="s">
        <v>14</v>
      </c>
    </row>
    <row r="30631" spans="1:12">
      <c r="A30631" s="6" t="s">
        <v>32127</v>
      </c>
      <c r="B30631" s="6"/>
      <c r="C30631" s="6" t="s">
        <v>32131</v>
      </c>
      <c r="D30631" s="6"/>
      <c r="E30631" s="6" t="s">
        <v>9</v>
      </c>
      <c r="F30631" s="7">
        <v>38657</v>
      </c>
      <c r="G30631" s="8">
        <v>1840320</v>
      </c>
      <c r="H30631" s="8">
        <v>1840320</v>
      </c>
      <c r="I30631" s="8">
        <v>0</v>
      </c>
      <c r="J30631" s="8">
        <v>1840320</v>
      </c>
      <c r="K30631" s="9">
        <v>360</v>
      </c>
      <c r="L30631" s="6" t="s">
        <v>14</v>
      </c>
    </row>
    <row r="30632" spans="1:12">
      <c r="A30632" s="6" t="s">
        <v>32127</v>
      </c>
      <c r="B30632" s="6"/>
      <c r="C30632" s="6" t="s">
        <v>32132</v>
      </c>
      <c r="D30632" s="6"/>
      <c r="E30632" s="6" t="s">
        <v>9</v>
      </c>
      <c r="F30632" s="7">
        <v>38657</v>
      </c>
      <c r="G30632" s="8">
        <v>2213496</v>
      </c>
      <c r="H30632" s="8">
        <v>2213496</v>
      </c>
      <c r="I30632" s="8">
        <v>0</v>
      </c>
      <c r="J30632" s="8">
        <v>2213496</v>
      </c>
      <c r="K30632" s="9">
        <v>433</v>
      </c>
      <c r="L30632" s="6" t="s">
        <v>14</v>
      </c>
    </row>
    <row r="30633" spans="1:12">
      <c r="A30633" s="6" t="s">
        <v>32127</v>
      </c>
      <c r="B30633" s="6"/>
      <c r="C30633" s="6" t="s">
        <v>32133</v>
      </c>
      <c r="D30633" s="6"/>
      <c r="E30633" s="6" t="s">
        <v>9</v>
      </c>
      <c r="F30633" s="7">
        <v>38657</v>
      </c>
      <c r="G30633" s="8">
        <v>1973232</v>
      </c>
      <c r="H30633" s="8">
        <v>1973232</v>
      </c>
      <c r="I30633" s="8">
        <v>0</v>
      </c>
      <c r="J30633" s="8">
        <v>1973232</v>
      </c>
      <c r="K30633" s="9">
        <v>386</v>
      </c>
      <c r="L30633" s="6" t="s">
        <v>14</v>
      </c>
    </row>
    <row r="30634" spans="1:12">
      <c r="A30634" s="6" t="s">
        <v>32127</v>
      </c>
      <c r="B30634" s="6"/>
      <c r="C30634" s="6" t="s">
        <v>32134</v>
      </c>
      <c r="D30634" s="6"/>
      <c r="E30634" s="6" t="s">
        <v>9</v>
      </c>
      <c r="F30634" s="7">
        <v>38657</v>
      </c>
      <c r="G30634" s="8">
        <v>2044800</v>
      </c>
      <c r="H30634" s="8">
        <v>2044800</v>
      </c>
      <c r="I30634" s="8">
        <v>0</v>
      </c>
      <c r="J30634" s="8">
        <v>2044800</v>
      </c>
      <c r="K30634" s="9">
        <v>400</v>
      </c>
      <c r="L30634" s="6" t="s">
        <v>14</v>
      </c>
    </row>
    <row r="30635" spans="1:12">
      <c r="A30635" s="6" t="s">
        <v>32127</v>
      </c>
      <c r="B30635" s="6"/>
      <c r="C30635" s="6" t="s">
        <v>32135</v>
      </c>
      <c r="D30635" s="6"/>
      <c r="E30635" s="6" t="s">
        <v>9</v>
      </c>
      <c r="F30635" s="7">
        <v>38657</v>
      </c>
      <c r="G30635" s="8">
        <v>2499768</v>
      </c>
      <c r="H30635" s="8">
        <v>2499768</v>
      </c>
      <c r="I30635" s="8">
        <v>0</v>
      </c>
      <c r="J30635" s="8">
        <v>2499768</v>
      </c>
      <c r="K30635" s="9">
        <v>489</v>
      </c>
      <c r="L30635" s="6" t="s">
        <v>14</v>
      </c>
    </row>
    <row r="30636" spans="1:12">
      <c r="A30636" s="6" t="s">
        <v>32136</v>
      </c>
      <c r="B30636" s="6"/>
      <c r="C30636" s="6" t="s">
        <v>32137</v>
      </c>
      <c r="D30636" s="6"/>
      <c r="E30636" s="6" t="s">
        <v>18740</v>
      </c>
      <c r="F30636" s="7">
        <v>38657</v>
      </c>
      <c r="G30636" s="8">
        <v>401940</v>
      </c>
      <c r="H30636" s="8">
        <v>401940</v>
      </c>
      <c r="I30636" s="8">
        <v>0</v>
      </c>
      <c r="J30636" s="8">
        <v>401940</v>
      </c>
      <c r="K30636" s="9">
        <v>13.05</v>
      </c>
      <c r="L30636" s="6" t="s">
        <v>10</v>
      </c>
    </row>
    <row r="30637" spans="1:12">
      <c r="A30637" s="6" t="s">
        <v>32138</v>
      </c>
      <c r="B30637" s="6"/>
      <c r="C30637" s="6" t="s">
        <v>32139</v>
      </c>
      <c r="D30637" s="6"/>
      <c r="E30637" s="6" t="s">
        <v>18740</v>
      </c>
      <c r="F30637" s="7">
        <v>38657</v>
      </c>
      <c r="G30637" s="8">
        <v>9886492</v>
      </c>
      <c r="H30637" s="8">
        <v>9886492</v>
      </c>
      <c r="I30637" s="8">
        <v>0</v>
      </c>
      <c r="J30637" s="8">
        <v>9886492</v>
      </c>
      <c r="K30637" s="9">
        <v>320.99</v>
      </c>
      <c r="L30637" s="6" t="s">
        <v>10</v>
      </c>
    </row>
    <row r="30638" spans="1:12">
      <c r="A30638" s="6" t="s">
        <v>32140</v>
      </c>
      <c r="B30638" s="6"/>
      <c r="C30638" s="6" t="s">
        <v>32141</v>
      </c>
      <c r="D30638" s="6"/>
      <c r="E30638" s="6" t="s">
        <v>18740</v>
      </c>
      <c r="F30638" s="7">
        <v>38657</v>
      </c>
      <c r="G30638" s="8">
        <v>3925152</v>
      </c>
      <c r="H30638" s="8">
        <v>3925152</v>
      </c>
      <c r="I30638" s="8">
        <v>0</v>
      </c>
      <c r="J30638" s="8">
        <v>3925152</v>
      </c>
      <c r="K30638" s="9">
        <v>127.44</v>
      </c>
      <c r="L30638" s="6" t="s">
        <v>10</v>
      </c>
    </row>
    <row r="30639" spans="1:12">
      <c r="A30639" s="6" t="s">
        <v>32142</v>
      </c>
      <c r="B30639" s="6"/>
      <c r="C30639" s="6" t="s">
        <v>32143</v>
      </c>
      <c r="D30639" s="6"/>
      <c r="E30639" s="6" t="s">
        <v>18740</v>
      </c>
      <c r="F30639" s="7">
        <v>38657</v>
      </c>
      <c r="G30639" s="8">
        <v>4211900</v>
      </c>
      <c r="H30639" s="8">
        <v>4211900</v>
      </c>
      <c r="I30639" s="8">
        <v>0</v>
      </c>
      <c r="J30639" s="8">
        <v>4211900</v>
      </c>
      <c r="K30639" s="9">
        <v>136.75</v>
      </c>
      <c r="L30639" s="6" t="s">
        <v>10</v>
      </c>
    </row>
    <row r="30640" spans="1:12">
      <c r="A30640" s="6" t="s">
        <v>32144</v>
      </c>
      <c r="B30640" s="6"/>
      <c r="C30640" s="6" t="s">
        <v>32145</v>
      </c>
      <c r="D30640" s="6"/>
      <c r="E30640" s="6" t="s">
        <v>9</v>
      </c>
      <c r="F30640" s="7">
        <v>38657</v>
      </c>
      <c r="G30640" s="8">
        <v>11854728</v>
      </c>
      <c r="H30640" s="8">
        <v>11854728</v>
      </c>
      <c r="I30640" s="8">
        <v>0</v>
      </c>
      <c r="J30640" s="8">
        <v>11854728</v>
      </c>
      <c r="K30640" s="9">
        <v>2319</v>
      </c>
      <c r="L30640" s="6" t="s">
        <v>14</v>
      </c>
    </row>
    <row r="30641" spans="1:12">
      <c r="A30641" s="6" t="s">
        <v>32146</v>
      </c>
      <c r="B30641" s="6"/>
      <c r="C30641" s="6" t="s">
        <v>32147</v>
      </c>
      <c r="D30641" s="6"/>
      <c r="E30641" s="6" t="s">
        <v>18740</v>
      </c>
      <c r="F30641" s="7">
        <v>38657</v>
      </c>
      <c r="G30641" s="8">
        <v>81792</v>
      </c>
      <c r="H30641" s="8">
        <v>81792</v>
      </c>
      <c r="I30641" s="8">
        <v>0</v>
      </c>
      <c r="J30641" s="8">
        <v>81792</v>
      </c>
      <c r="K30641" s="9">
        <v>16</v>
      </c>
      <c r="L30641" s="6" t="s">
        <v>23</v>
      </c>
    </row>
    <row r="30642" spans="1:12">
      <c r="A30642" s="6" t="s">
        <v>32148</v>
      </c>
      <c r="B30642" s="6"/>
      <c r="C30642" s="6" t="s">
        <v>32149</v>
      </c>
      <c r="D30642" s="6"/>
      <c r="E30642" s="6" t="s">
        <v>18740</v>
      </c>
      <c r="F30642" s="7">
        <v>38657</v>
      </c>
      <c r="G30642" s="8">
        <v>16167876</v>
      </c>
      <c r="H30642" s="8">
        <v>16167876</v>
      </c>
      <c r="I30642" s="8">
        <v>0</v>
      </c>
      <c r="J30642" s="8">
        <v>16167876</v>
      </c>
      <c r="K30642" s="9">
        <v>317.64</v>
      </c>
      <c r="L30642" s="6" t="s">
        <v>10</v>
      </c>
    </row>
    <row r="30643" spans="1:12">
      <c r="A30643" s="6" t="s">
        <v>32150</v>
      </c>
      <c r="B30643" s="6"/>
      <c r="C30643" s="6" t="s">
        <v>32151</v>
      </c>
      <c r="D30643" s="6"/>
      <c r="E30643" s="6" t="s">
        <v>9</v>
      </c>
      <c r="F30643" s="7">
        <v>38657</v>
      </c>
      <c r="G30643" s="8">
        <v>9845712</v>
      </c>
      <c r="H30643" s="8">
        <v>9845712</v>
      </c>
      <c r="I30643" s="8">
        <v>0</v>
      </c>
      <c r="J30643" s="8">
        <v>9845712</v>
      </c>
      <c r="K30643" s="9">
        <v>1926</v>
      </c>
      <c r="L30643" s="6" t="s">
        <v>14</v>
      </c>
    </row>
    <row r="30644" spans="1:12">
      <c r="A30644" s="6" t="s">
        <v>32152</v>
      </c>
      <c r="B30644" s="6"/>
      <c r="C30644" s="6" t="s">
        <v>32153</v>
      </c>
      <c r="D30644" s="6"/>
      <c r="E30644" s="6" t="s">
        <v>9</v>
      </c>
      <c r="F30644" s="7">
        <v>38657</v>
      </c>
      <c r="G30644" s="8">
        <v>2852496</v>
      </c>
      <c r="H30644" s="8">
        <v>2852496</v>
      </c>
      <c r="I30644" s="8">
        <v>0</v>
      </c>
      <c r="J30644" s="8">
        <v>2852496</v>
      </c>
      <c r="K30644" s="9">
        <v>558</v>
      </c>
      <c r="L30644" s="6" t="s">
        <v>23</v>
      </c>
    </row>
    <row r="30645" spans="1:12">
      <c r="A30645" s="6" t="s">
        <v>32152</v>
      </c>
      <c r="B30645" s="6"/>
      <c r="C30645" s="6" t="s">
        <v>32154</v>
      </c>
      <c r="D30645" s="6"/>
      <c r="E30645" s="6" t="s">
        <v>9</v>
      </c>
      <c r="F30645" s="7">
        <v>38657</v>
      </c>
      <c r="G30645" s="8">
        <v>2105479</v>
      </c>
      <c r="H30645" s="8">
        <v>2105479</v>
      </c>
      <c r="I30645" s="8">
        <v>0</v>
      </c>
      <c r="J30645" s="8">
        <v>2105479</v>
      </c>
      <c r="K30645" s="9">
        <v>411.87</v>
      </c>
      <c r="L30645" s="6" t="s">
        <v>23</v>
      </c>
    </row>
    <row r="30646" spans="1:12">
      <c r="A30646" s="6" t="s">
        <v>32152</v>
      </c>
      <c r="B30646" s="6"/>
      <c r="C30646" s="6" t="s">
        <v>32155</v>
      </c>
      <c r="D30646" s="6"/>
      <c r="E30646" s="6" t="s">
        <v>9</v>
      </c>
      <c r="F30646" s="7">
        <v>38657</v>
      </c>
      <c r="G30646" s="8">
        <v>1888270</v>
      </c>
      <c r="H30646" s="8">
        <v>1888270</v>
      </c>
      <c r="I30646" s="8">
        <v>0</v>
      </c>
      <c r="J30646" s="8">
        <v>1888270</v>
      </c>
      <c r="K30646" s="9">
        <v>369.38</v>
      </c>
      <c r="L30646" s="6" t="s">
        <v>23</v>
      </c>
    </row>
    <row r="30647" spans="1:12">
      <c r="A30647" s="6" t="s">
        <v>32152</v>
      </c>
      <c r="B30647" s="6"/>
      <c r="C30647" s="6" t="s">
        <v>32156</v>
      </c>
      <c r="D30647" s="6"/>
      <c r="E30647" s="6" t="s">
        <v>9</v>
      </c>
      <c r="F30647" s="7">
        <v>38657</v>
      </c>
      <c r="G30647" s="8">
        <v>826150</v>
      </c>
      <c r="H30647" s="8">
        <v>826150</v>
      </c>
      <c r="I30647" s="8">
        <v>0</v>
      </c>
      <c r="J30647" s="8">
        <v>826150</v>
      </c>
      <c r="K30647" s="9">
        <v>161.61000000000001</v>
      </c>
      <c r="L30647" s="6" t="s">
        <v>23</v>
      </c>
    </row>
    <row r="30648" spans="1:12">
      <c r="A30648" s="6" t="s">
        <v>32152</v>
      </c>
      <c r="B30648" s="6"/>
      <c r="C30648" s="6" t="s">
        <v>32157</v>
      </c>
      <c r="D30648" s="6"/>
      <c r="E30648" s="6" t="s">
        <v>9</v>
      </c>
      <c r="F30648" s="7">
        <v>38657</v>
      </c>
      <c r="G30648" s="8">
        <v>1679956</v>
      </c>
      <c r="H30648" s="8">
        <v>1679956</v>
      </c>
      <c r="I30648" s="8">
        <v>0</v>
      </c>
      <c r="J30648" s="8">
        <v>1679956</v>
      </c>
      <c r="K30648" s="9">
        <v>328.63</v>
      </c>
      <c r="L30648" s="6" t="s">
        <v>23</v>
      </c>
    </row>
    <row r="30649" spans="1:12">
      <c r="A30649" s="6" t="s">
        <v>32152</v>
      </c>
      <c r="B30649" s="6"/>
      <c r="C30649" s="6" t="s">
        <v>32158</v>
      </c>
      <c r="D30649" s="6"/>
      <c r="E30649" s="6" t="s">
        <v>9</v>
      </c>
      <c r="F30649" s="7">
        <v>38657</v>
      </c>
      <c r="G30649" s="8">
        <v>4907673</v>
      </c>
      <c r="H30649" s="8">
        <v>4907673</v>
      </c>
      <c r="I30649" s="8">
        <v>0</v>
      </c>
      <c r="J30649" s="8">
        <v>4907673</v>
      </c>
      <c r="K30649" s="9">
        <v>960.03</v>
      </c>
      <c r="L30649" s="6" t="s">
        <v>23</v>
      </c>
    </row>
    <row r="30650" spans="1:12">
      <c r="A30650" s="6" t="s">
        <v>32152</v>
      </c>
      <c r="B30650" s="6"/>
      <c r="C30650" s="6" t="s">
        <v>32159</v>
      </c>
      <c r="D30650" s="6"/>
      <c r="E30650" s="6" t="s">
        <v>9</v>
      </c>
      <c r="F30650" s="7">
        <v>38657</v>
      </c>
      <c r="G30650" s="8">
        <v>15581989</v>
      </c>
      <c r="H30650" s="8">
        <v>15581989</v>
      </c>
      <c r="I30650" s="8">
        <v>0</v>
      </c>
      <c r="J30650" s="8">
        <v>15581989</v>
      </c>
      <c r="K30650" s="9">
        <v>3048.12</v>
      </c>
      <c r="L30650" s="6" t="s">
        <v>23</v>
      </c>
    </row>
    <row r="30651" spans="1:12">
      <c r="A30651" s="6" t="s">
        <v>32152</v>
      </c>
      <c r="B30651" s="6"/>
      <c r="C30651" s="6" t="s">
        <v>32160</v>
      </c>
      <c r="D30651" s="6"/>
      <c r="E30651" s="6" t="s">
        <v>9</v>
      </c>
      <c r="F30651" s="7">
        <v>38657</v>
      </c>
      <c r="G30651" s="8">
        <v>270936</v>
      </c>
      <c r="H30651" s="8">
        <v>270936</v>
      </c>
      <c r="I30651" s="8">
        <v>0</v>
      </c>
      <c r="J30651" s="8">
        <v>270936</v>
      </c>
      <c r="K30651" s="9">
        <v>53</v>
      </c>
      <c r="L30651" s="6" t="s">
        <v>23</v>
      </c>
    </row>
    <row r="30652" spans="1:12">
      <c r="A30652" s="6" t="s">
        <v>32152</v>
      </c>
      <c r="B30652" s="6"/>
      <c r="C30652" s="6" t="s">
        <v>32161</v>
      </c>
      <c r="D30652" s="6"/>
      <c r="E30652" s="6" t="s">
        <v>9</v>
      </c>
      <c r="F30652" s="7">
        <v>38657</v>
      </c>
      <c r="G30652" s="8">
        <v>12289043</v>
      </c>
      <c r="H30652" s="8">
        <v>12289043</v>
      </c>
      <c r="I30652" s="8">
        <v>0</v>
      </c>
      <c r="J30652" s="8">
        <v>12289043</v>
      </c>
      <c r="K30652" s="9">
        <v>2403.96</v>
      </c>
      <c r="L30652" s="6" t="s">
        <v>23</v>
      </c>
    </row>
    <row r="30653" spans="1:12">
      <c r="A30653" s="6" t="s">
        <v>32152</v>
      </c>
      <c r="B30653" s="6"/>
      <c r="C30653" s="6" t="s">
        <v>32162</v>
      </c>
      <c r="D30653" s="6"/>
      <c r="E30653" s="6" t="s">
        <v>9</v>
      </c>
      <c r="F30653" s="7">
        <v>38657</v>
      </c>
      <c r="G30653" s="8">
        <v>1686960</v>
      </c>
      <c r="H30653" s="8">
        <v>1686960</v>
      </c>
      <c r="I30653" s="8">
        <v>0</v>
      </c>
      <c r="J30653" s="8">
        <v>1686960</v>
      </c>
      <c r="K30653" s="9">
        <v>330</v>
      </c>
      <c r="L30653" s="6" t="s">
        <v>23</v>
      </c>
    </row>
    <row r="30654" spans="1:12">
      <c r="A30654" s="6" t="s">
        <v>32152</v>
      </c>
      <c r="B30654" s="6"/>
      <c r="C30654" s="6" t="s">
        <v>32163</v>
      </c>
      <c r="D30654" s="6"/>
      <c r="E30654" s="6" t="s">
        <v>9</v>
      </c>
      <c r="F30654" s="7">
        <v>38657</v>
      </c>
      <c r="G30654" s="8">
        <v>2246928</v>
      </c>
      <c r="H30654" s="8">
        <v>2246928</v>
      </c>
      <c r="I30654" s="8">
        <v>0</v>
      </c>
      <c r="J30654" s="8">
        <v>2246928</v>
      </c>
      <c r="K30654" s="9">
        <v>439.54</v>
      </c>
      <c r="L30654" s="6" t="s">
        <v>23</v>
      </c>
    </row>
    <row r="30655" spans="1:12">
      <c r="A30655" s="6" t="s">
        <v>32152</v>
      </c>
      <c r="B30655" s="6"/>
      <c r="C30655" s="6" t="s">
        <v>32164</v>
      </c>
      <c r="D30655" s="6"/>
      <c r="E30655" s="6" t="s">
        <v>9</v>
      </c>
      <c r="F30655" s="7">
        <v>38657</v>
      </c>
      <c r="G30655" s="8">
        <v>5778962</v>
      </c>
      <c r="H30655" s="8">
        <v>5778962</v>
      </c>
      <c r="I30655" s="8">
        <v>0</v>
      </c>
      <c r="J30655" s="8">
        <v>5778962</v>
      </c>
      <c r="K30655" s="9">
        <v>1130.47</v>
      </c>
      <c r="L30655" s="6" t="s">
        <v>23</v>
      </c>
    </row>
    <row r="30656" spans="1:12">
      <c r="A30656" s="6" t="s">
        <v>32152</v>
      </c>
      <c r="B30656" s="6"/>
      <c r="C30656" s="6" t="s">
        <v>32165</v>
      </c>
      <c r="D30656" s="6"/>
      <c r="E30656" s="6" t="s">
        <v>9</v>
      </c>
      <c r="F30656" s="7">
        <v>38657</v>
      </c>
      <c r="G30656" s="8">
        <v>686132</v>
      </c>
      <c r="H30656" s="8">
        <v>686132</v>
      </c>
      <c r="I30656" s="8">
        <v>0</v>
      </c>
      <c r="J30656" s="8">
        <v>686132</v>
      </c>
      <c r="K30656" s="9">
        <v>134.22</v>
      </c>
      <c r="L30656" s="6" t="s">
        <v>23</v>
      </c>
    </row>
    <row r="30657" spans="1:12">
      <c r="A30657" s="6" t="s">
        <v>32152</v>
      </c>
      <c r="B30657" s="6"/>
      <c r="C30657" s="6" t="s">
        <v>32166</v>
      </c>
      <c r="D30657" s="6"/>
      <c r="E30657" s="6" t="s">
        <v>9</v>
      </c>
      <c r="F30657" s="7">
        <v>38657</v>
      </c>
      <c r="G30657" s="8">
        <v>40793</v>
      </c>
      <c r="H30657" s="8">
        <v>40793</v>
      </c>
      <c r="I30657" s="8">
        <v>0</v>
      </c>
      <c r="J30657" s="8">
        <v>40793</v>
      </c>
      <c r="K30657" s="9">
        <v>7.98</v>
      </c>
      <c r="L30657" s="6" t="s">
        <v>23</v>
      </c>
    </row>
    <row r="30658" spans="1:12">
      <c r="A30658" s="6" t="s">
        <v>32152</v>
      </c>
      <c r="B30658" s="6"/>
      <c r="C30658" s="6" t="s">
        <v>32167</v>
      </c>
      <c r="D30658" s="6"/>
      <c r="E30658" s="6" t="s">
        <v>9</v>
      </c>
      <c r="F30658" s="7">
        <v>38657</v>
      </c>
      <c r="G30658" s="8">
        <v>578422</v>
      </c>
      <c r="H30658" s="8">
        <v>578422</v>
      </c>
      <c r="I30658" s="8">
        <v>0</v>
      </c>
      <c r="J30658" s="8">
        <v>578422</v>
      </c>
      <c r="K30658" s="9">
        <v>113.15</v>
      </c>
      <c r="L30658" s="6" t="s">
        <v>23</v>
      </c>
    </row>
    <row r="30659" spans="1:12">
      <c r="A30659" s="6" t="s">
        <v>32152</v>
      </c>
      <c r="B30659" s="6"/>
      <c r="C30659" s="6" t="s">
        <v>32168</v>
      </c>
      <c r="D30659" s="6"/>
      <c r="E30659" s="6" t="s">
        <v>9</v>
      </c>
      <c r="F30659" s="7">
        <v>38657</v>
      </c>
      <c r="G30659" s="8">
        <v>14803891</v>
      </c>
      <c r="H30659" s="8">
        <v>14803891</v>
      </c>
      <c r="I30659" s="8">
        <v>0</v>
      </c>
      <c r="J30659" s="8">
        <v>14803891</v>
      </c>
      <c r="K30659" s="9">
        <v>2895.91</v>
      </c>
      <c r="L30659" s="6" t="s">
        <v>23</v>
      </c>
    </row>
    <row r="30660" spans="1:12">
      <c r="A30660" s="6" t="s">
        <v>32152</v>
      </c>
      <c r="B30660" s="6"/>
      <c r="C30660" s="6" t="s">
        <v>32169</v>
      </c>
      <c r="D30660" s="6"/>
      <c r="E30660" s="6" t="s">
        <v>9</v>
      </c>
      <c r="F30660" s="7">
        <v>38657</v>
      </c>
      <c r="G30660" s="8">
        <v>3630031</v>
      </c>
      <c r="H30660" s="8">
        <v>3630031</v>
      </c>
      <c r="I30660" s="8">
        <v>0</v>
      </c>
      <c r="J30660" s="8">
        <v>3630031</v>
      </c>
      <c r="K30660" s="9">
        <v>710.1</v>
      </c>
      <c r="L30660" s="6" t="s">
        <v>23</v>
      </c>
    </row>
    <row r="30661" spans="1:12">
      <c r="A30661" s="6" t="s">
        <v>32170</v>
      </c>
      <c r="B30661" s="6"/>
      <c r="C30661" s="6" t="s">
        <v>32171</v>
      </c>
      <c r="D30661" s="6"/>
      <c r="E30661" s="6" t="s">
        <v>18740</v>
      </c>
      <c r="F30661" s="7">
        <v>38657</v>
      </c>
      <c r="G30661" s="8">
        <v>733080</v>
      </c>
      <c r="H30661" s="8">
        <v>733080</v>
      </c>
      <c r="I30661" s="8">
        <v>0</v>
      </c>
      <c r="J30661" s="8">
        <v>733080</v>
      </c>
      <c r="K30661" s="9">
        <v>61.09</v>
      </c>
      <c r="L30661" s="6" t="s">
        <v>10</v>
      </c>
    </row>
    <row r="30662" spans="1:12">
      <c r="A30662" s="6" t="s">
        <v>32172</v>
      </c>
      <c r="B30662" s="6"/>
      <c r="C30662" s="6" t="s">
        <v>32173</v>
      </c>
      <c r="D30662" s="6"/>
      <c r="E30662" s="6" t="s">
        <v>18740</v>
      </c>
      <c r="F30662" s="7">
        <v>38657</v>
      </c>
      <c r="G30662" s="8">
        <v>23715</v>
      </c>
      <c r="H30662" s="8">
        <v>23715</v>
      </c>
      <c r="I30662" s="8">
        <v>0</v>
      </c>
      <c r="J30662" s="8">
        <v>23715</v>
      </c>
      <c r="K30662" s="9">
        <v>5.27</v>
      </c>
      <c r="L30662" s="6" t="s">
        <v>32172</v>
      </c>
    </row>
    <row r="30663" spans="1:12">
      <c r="A30663" s="6" t="s">
        <v>32172</v>
      </c>
      <c r="B30663" s="6"/>
      <c r="C30663" s="6" t="s">
        <v>32174</v>
      </c>
      <c r="D30663" s="6"/>
      <c r="E30663" s="6" t="s">
        <v>18740</v>
      </c>
      <c r="F30663" s="7">
        <v>38657</v>
      </c>
      <c r="G30663" s="8">
        <v>19035</v>
      </c>
      <c r="H30663" s="8">
        <v>19035</v>
      </c>
      <c r="I30663" s="8">
        <v>0</v>
      </c>
      <c r="J30663" s="8">
        <v>19035</v>
      </c>
      <c r="K30663" s="9">
        <v>4.2300000000000004</v>
      </c>
      <c r="L30663" s="6" t="s">
        <v>32172</v>
      </c>
    </row>
    <row r="30664" spans="1:12">
      <c r="A30664" s="6" t="s">
        <v>32172</v>
      </c>
      <c r="B30664" s="6"/>
      <c r="C30664" s="6" t="s">
        <v>32175</v>
      </c>
      <c r="D30664" s="6"/>
      <c r="E30664" s="6" t="s">
        <v>18740</v>
      </c>
      <c r="F30664" s="7">
        <v>38657</v>
      </c>
      <c r="G30664" s="8">
        <v>31680</v>
      </c>
      <c r="H30664" s="8">
        <v>31680</v>
      </c>
      <c r="I30664" s="8">
        <v>0</v>
      </c>
      <c r="J30664" s="8">
        <v>31680</v>
      </c>
      <c r="K30664" s="9">
        <v>7.04</v>
      </c>
      <c r="L30664" s="6" t="s">
        <v>32172</v>
      </c>
    </row>
    <row r="30665" spans="1:12">
      <c r="A30665" s="6" t="s">
        <v>32172</v>
      </c>
      <c r="B30665" s="6"/>
      <c r="C30665" s="6" t="s">
        <v>32176</v>
      </c>
      <c r="D30665" s="6"/>
      <c r="E30665" s="6" t="s">
        <v>18740</v>
      </c>
      <c r="F30665" s="7">
        <v>38657</v>
      </c>
      <c r="G30665" s="8">
        <v>42525</v>
      </c>
      <c r="H30665" s="8">
        <v>42525</v>
      </c>
      <c r="I30665" s="8">
        <v>0</v>
      </c>
      <c r="J30665" s="8">
        <v>42525</v>
      </c>
      <c r="K30665" s="9">
        <v>9.4499999999999904</v>
      </c>
      <c r="L30665" s="6" t="s">
        <v>32172</v>
      </c>
    </row>
    <row r="30666" spans="1:12">
      <c r="A30666" s="6" t="s">
        <v>32172</v>
      </c>
      <c r="B30666" s="6"/>
      <c r="C30666" s="6" t="s">
        <v>32177</v>
      </c>
      <c r="D30666" s="6"/>
      <c r="E30666" s="6" t="s">
        <v>18740</v>
      </c>
      <c r="F30666" s="7">
        <v>38657</v>
      </c>
      <c r="G30666" s="8">
        <v>45000</v>
      </c>
      <c r="H30666" s="8">
        <v>45000</v>
      </c>
      <c r="I30666" s="8">
        <v>0</v>
      </c>
      <c r="J30666" s="8">
        <v>45000</v>
      </c>
      <c r="K30666" s="9">
        <v>10</v>
      </c>
      <c r="L30666" s="6" t="s">
        <v>32172</v>
      </c>
    </row>
    <row r="30667" spans="1:12">
      <c r="A30667" s="6" t="s">
        <v>32172</v>
      </c>
      <c r="B30667" s="6"/>
      <c r="C30667" s="6" t="s">
        <v>32178</v>
      </c>
      <c r="D30667" s="6"/>
      <c r="E30667" s="6" t="s">
        <v>18740</v>
      </c>
      <c r="F30667" s="7">
        <v>38657</v>
      </c>
      <c r="G30667" s="8">
        <v>19800</v>
      </c>
      <c r="H30667" s="8">
        <v>19800</v>
      </c>
      <c r="I30667" s="8">
        <v>0</v>
      </c>
      <c r="J30667" s="8">
        <v>19800</v>
      </c>
      <c r="K30667" s="9">
        <v>4.4000000000000004</v>
      </c>
      <c r="L30667" s="6" t="s">
        <v>32172</v>
      </c>
    </row>
    <row r="30668" spans="1:12">
      <c r="A30668" s="6" t="s">
        <v>32172</v>
      </c>
      <c r="B30668" s="6"/>
      <c r="C30668" s="6" t="s">
        <v>32179</v>
      </c>
      <c r="D30668" s="6"/>
      <c r="E30668" s="6" t="s">
        <v>18740</v>
      </c>
      <c r="F30668" s="7">
        <v>38657</v>
      </c>
      <c r="G30668" s="8">
        <v>314505</v>
      </c>
      <c r="H30668" s="8">
        <v>314505</v>
      </c>
      <c r="I30668" s="8">
        <v>0</v>
      </c>
      <c r="J30668" s="8">
        <v>314505</v>
      </c>
      <c r="K30668" s="9">
        <v>69.89</v>
      </c>
      <c r="L30668" s="6" t="s">
        <v>32172</v>
      </c>
    </row>
    <row r="30669" spans="1:12">
      <c r="A30669" s="6" t="s">
        <v>32172</v>
      </c>
      <c r="B30669" s="6"/>
      <c r="C30669" s="6" t="s">
        <v>32180</v>
      </c>
      <c r="D30669" s="6"/>
      <c r="E30669" s="6" t="s">
        <v>18740</v>
      </c>
      <c r="F30669" s="7">
        <v>38657</v>
      </c>
      <c r="G30669" s="8">
        <v>477000</v>
      </c>
      <c r="H30669" s="8">
        <v>477000</v>
      </c>
      <c r="I30669" s="8">
        <v>0</v>
      </c>
      <c r="J30669" s="8">
        <v>477000</v>
      </c>
      <c r="K30669" s="9">
        <v>106</v>
      </c>
      <c r="L30669" s="6" t="s">
        <v>32172</v>
      </c>
    </row>
    <row r="30670" spans="1:12">
      <c r="A30670" s="6" t="s">
        <v>32172</v>
      </c>
      <c r="B30670" s="6"/>
      <c r="C30670" s="6" t="s">
        <v>32181</v>
      </c>
      <c r="D30670" s="6"/>
      <c r="E30670" s="6" t="s">
        <v>18740</v>
      </c>
      <c r="F30670" s="7">
        <v>38657</v>
      </c>
      <c r="G30670" s="8">
        <v>267750</v>
      </c>
      <c r="H30670" s="8">
        <v>267750</v>
      </c>
      <c r="I30670" s="8">
        <v>0</v>
      </c>
      <c r="J30670" s="8">
        <v>267750</v>
      </c>
      <c r="K30670" s="9">
        <v>59.5</v>
      </c>
      <c r="L30670" s="6" t="s">
        <v>32172</v>
      </c>
    </row>
    <row r="30671" spans="1:12">
      <c r="A30671" s="6" t="s">
        <v>32172</v>
      </c>
      <c r="B30671" s="6"/>
      <c r="C30671" s="6" t="s">
        <v>32182</v>
      </c>
      <c r="D30671" s="6"/>
      <c r="E30671" s="6" t="s">
        <v>18740</v>
      </c>
      <c r="F30671" s="7">
        <v>38657</v>
      </c>
      <c r="G30671" s="8">
        <v>905625</v>
      </c>
      <c r="H30671" s="8">
        <v>905625</v>
      </c>
      <c r="I30671" s="8">
        <v>0</v>
      </c>
      <c r="J30671" s="8">
        <v>905625</v>
      </c>
      <c r="K30671" s="9">
        <v>201.25</v>
      </c>
      <c r="L30671" s="6" t="s">
        <v>32172</v>
      </c>
    </row>
    <row r="30672" spans="1:12">
      <c r="A30672" s="6" t="s">
        <v>32172</v>
      </c>
      <c r="B30672" s="6"/>
      <c r="C30672" s="6" t="s">
        <v>32183</v>
      </c>
      <c r="D30672" s="6"/>
      <c r="E30672" s="6" t="s">
        <v>18740</v>
      </c>
      <c r="F30672" s="7">
        <v>38657</v>
      </c>
      <c r="G30672" s="8">
        <v>16650</v>
      </c>
      <c r="H30672" s="8">
        <v>16650</v>
      </c>
      <c r="I30672" s="8">
        <v>0</v>
      </c>
      <c r="J30672" s="8">
        <v>16650</v>
      </c>
      <c r="K30672" s="9">
        <v>3.7</v>
      </c>
      <c r="L30672" s="6" t="s">
        <v>32172</v>
      </c>
    </row>
    <row r="30673" spans="1:12">
      <c r="A30673" s="6" t="s">
        <v>32172</v>
      </c>
      <c r="B30673" s="6"/>
      <c r="C30673" s="6" t="s">
        <v>32184</v>
      </c>
      <c r="D30673" s="6"/>
      <c r="E30673" s="6" t="s">
        <v>18740</v>
      </c>
      <c r="F30673" s="7">
        <v>38657</v>
      </c>
      <c r="G30673" s="8">
        <v>369000</v>
      </c>
      <c r="H30673" s="8">
        <v>369000</v>
      </c>
      <c r="I30673" s="8">
        <v>0</v>
      </c>
      <c r="J30673" s="8">
        <v>369000</v>
      </c>
      <c r="K30673" s="9">
        <v>82</v>
      </c>
      <c r="L30673" s="6" t="s">
        <v>32172</v>
      </c>
    </row>
    <row r="30674" spans="1:12">
      <c r="A30674" s="6" t="s">
        <v>32172</v>
      </c>
      <c r="B30674" s="6"/>
      <c r="C30674" s="6" t="s">
        <v>32185</v>
      </c>
      <c r="D30674" s="6"/>
      <c r="E30674" s="6" t="s">
        <v>18740</v>
      </c>
      <c r="F30674" s="7">
        <v>38657</v>
      </c>
      <c r="G30674" s="8">
        <v>490905</v>
      </c>
      <c r="H30674" s="8">
        <v>490905</v>
      </c>
      <c r="I30674" s="8">
        <v>0</v>
      </c>
      <c r="J30674" s="8">
        <v>490905</v>
      </c>
      <c r="K30674" s="9">
        <v>109.09</v>
      </c>
      <c r="L30674" s="6" t="s">
        <v>32172</v>
      </c>
    </row>
    <row r="30675" spans="1:12">
      <c r="A30675" s="6" t="s">
        <v>32172</v>
      </c>
      <c r="B30675" s="6"/>
      <c r="C30675" s="6" t="s">
        <v>32186</v>
      </c>
      <c r="D30675" s="6"/>
      <c r="E30675" s="6" t="s">
        <v>18740</v>
      </c>
      <c r="F30675" s="7">
        <v>38657</v>
      </c>
      <c r="G30675" s="8">
        <v>342135</v>
      </c>
      <c r="H30675" s="8">
        <v>342135</v>
      </c>
      <c r="I30675" s="8">
        <v>0</v>
      </c>
      <c r="J30675" s="8">
        <v>342135</v>
      </c>
      <c r="K30675" s="9">
        <v>76.03</v>
      </c>
      <c r="L30675" s="6" t="s">
        <v>32172</v>
      </c>
    </row>
    <row r="30676" spans="1:12">
      <c r="A30676" s="6" t="s">
        <v>32172</v>
      </c>
      <c r="B30676" s="6"/>
      <c r="C30676" s="6" t="s">
        <v>32187</v>
      </c>
      <c r="D30676" s="6"/>
      <c r="E30676" s="6" t="s">
        <v>18740</v>
      </c>
      <c r="F30676" s="7">
        <v>38657</v>
      </c>
      <c r="G30676" s="8">
        <v>297495</v>
      </c>
      <c r="H30676" s="8">
        <v>297495</v>
      </c>
      <c r="I30676" s="8">
        <v>0</v>
      </c>
      <c r="J30676" s="8">
        <v>297495</v>
      </c>
      <c r="K30676" s="9">
        <v>66.11</v>
      </c>
      <c r="L30676" s="6" t="s">
        <v>32172</v>
      </c>
    </row>
    <row r="30677" spans="1:12">
      <c r="A30677" s="6" t="s">
        <v>32172</v>
      </c>
      <c r="B30677" s="6"/>
      <c r="C30677" s="6" t="s">
        <v>32188</v>
      </c>
      <c r="D30677" s="6"/>
      <c r="E30677" s="6" t="s">
        <v>18740</v>
      </c>
      <c r="F30677" s="7">
        <v>38657</v>
      </c>
      <c r="G30677" s="8">
        <v>238005</v>
      </c>
      <c r="H30677" s="8">
        <v>238005</v>
      </c>
      <c r="I30677" s="8">
        <v>0</v>
      </c>
      <c r="J30677" s="8">
        <v>238005</v>
      </c>
      <c r="K30677" s="9">
        <v>52.89</v>
      </c>
      <c r="L30677" s="6" t="s">
        <v>32172</v>
      </c>
    </row>
    <row r="30678" spans="1:12">
      <c r="A30678" s="6" t="s">
        <v>32172</v>
      </c>
      <c r="B30678" s="6"/>
      <c r="C30678" s="6" t="s">
        <v>32189</v>
      </c>
      <c r="D30678" s="6"/>
      <c r="E30678" s="6" t="s">
        <v>18740</v>
      </c>
      <c r="F30678" s="7">
        <v>38657</v>
      </c>
      <c r="G30678" s="8">
        <v>10332005</v>
      </c>
      <c r="H30678" s="8">
        <v>10332005</v>
      </c>
      <c r="I30678" s="8">
        <v>0</v>
      </c>
      <c r="J30678" s="8">
        <v>10332005</v>
      </c>
      <c r="K30678" s="9">
        <v>577</v>
      </c>
      <c r="L30678" s="6" t="s">
        <v>32172</v>
      </c>
    </row>
    <row r="30679" spans="1:12">
      <c r="A30679" s="6" t="s">
        <v>32172</v>
      </c>
      <c r="B30679" s="6"/>
      <c r="C30679" s="6" t="s">
        <v>32190</v>
      </c>
      <c r="D30679" s="6"/>
      <c r="E30679" s="6" t="s">
        <v>18740</v>
      </c>
      <c r="F30679" s="7">
        <v>38657</v>
      </c>
      <c r="G30679" s="8">
        <v>10242472</v>
      </c>
      <c r="H30679" s="8">
        <v>10242472</v>
      </c>
      <c r="I30679" s="8">
        <v>0</v>
      </c>
      <c r="J30679" s="8">
        <v>10242472</v>
      </c>
      <c r="K30679" s="9">
        <v>572</v>
      </c>
      <c r="L30679" s="6" t="s">
        <v>32172</v>
      </c>
    </row>
    <row r="30680" spans="1:12">
      <c r="A30680" s="6" t="s">
        <v>32172</v>
      </c>
      <c r="B30680" s="6"/>
      <c r="C30680" s="6" t="s">
        <v>32191</v>
      </c>
      <c r="D30680" s="6"/>
      <c r="E30680" s="6" t="s">
        <v>18740</v>
      </c>
      <c r="F30680" s="7">
        <v>38657</v>
      </c>
      <c r="G30680" s="8">
        <v>31410</v>
      </c>
      <c r="H30680" s="8">
        <v>31410</v>
      </c>
      <c r="I30680" s="8">
        <v>0</v>
      </c>
      <c r="J30680" s="8">
        <v>31410</v>
      </c>
      <c r="K30680" s="9">
        <v>6.98</v>
      </c>
      <c r="L30680" s="6" t="s">
        <v>32172</v>
      </c>
    </row>
    <row r="30681" spans="1:12">
      <c r="A30681" s="6" t="s">
        <v>32172</v>
      </c>
      <c r="B30681" s="6"/>
      <c r="C30681" s="6" t="s">
        <v>32192</v>
      </c>
      <c r="D30681" s="6"/>
      <c r="E30681" s="6" t="s">
        <v>18740</v>
      </c>
      <c r="F30681" s="7">
        <v>38657</v>
      </c>
      <c r="G30681" s="8">
        <v>3753000</v>
      </c>
      <c r="H30681" s="8">
        <v>3753000</v>
      </c>
      <c r="I30681" s="8">
        <v>0</v>
      </c>
      <c r="J30681" s="8">
        <v>3753000</v>
      </c>
      <c r="K30681" s="9">
        <v>834</v>
      </c>
      <c r="L30681" s="6" t="s">
        <v>32172</v>
      </c>
    </row>
    <row r="30682" spans="1:12">
      <c r="A30682" s="6" t="s">
        <v>32172</v>
      </c>
      <c r="B30682" s="6"/>
      <c r="C30682" s="6" t="s">
        <v>32193</v>
      </c>
      <c r="D30682" s="6"/>
      <c r="E30682" s="6" t="s">
        <v>18740</v>
      </c>
      <c r="F30682" s="7">
        <v>38657</v>
      </c>
      <c r="G30682" s="8">
        <v>30240</v>
      </c>
      <c r="H30682" s="8">
        <v>30240</v>
      </c>
      <c r="I30682" s="8">
        <v>0</v>
      </c>
      <c r="J30682" s="8">
        <v>30240</v>
      </c>
      <c r="K30682" s="9">
        <v>6.72</v>
      </c>
      <c r="L30682" s="6" t="s">
        <v>32172</v>
      </c>
    </row>
    <row r="30683" spans="1:12">
      <c r="A30683" s="6" t="s">
        <v>32172</v>
      </c>
      <c r="B30683" s="6"/>
      <c r="C30683" s="6" t="s">
        <v>32194</v>
      </c>
      <c r="D30683" s="6"/>
      <c r="E30683" s="6" t="s">
        <v>18740</v>
      </c>
      <c r="F30683" s="7">
        <v>38657</v>
      </c>
      <c r="G30683" s="8">
        <v>4770</v>
      </c>
      <c r="H30683" s="8">
        <v>4770</v>
      </c>
      <c r="I30683" s="8">
        <v>0</v>
      </c>
      <c r="J30683" s="8">
        <v>4770</v>
      </c>
      <c r="K30683" s="9">
        <v>1.06</v>
      </c>
      <c r="L30683" s="6" t="s">
        <v>32172</v>
      </c>
    </row>
    <row r="30684" spans="1:12">
      <c r="A30684" s="6" t="s">
        <v>32172</v>
      </c>
      <c r="B30684" s="6"/>
      <c r="C30684" s="6" t="s">
        <v>32195</v>
      </c>
      <c r="D30684" s="6"/>
      <c r="E30684" s="6" t="s">
        <v>18740</v>
      </c>
      <c r="F30684" s="7">
        <v>38657</v>
      </c>
      <c r="G30684" s="8">
        <v>29745</v>
      </c>
      <c r="H30684" s="8">
        <v>29745</v>
      </c>
      <c r="I30684" s="8">
        <v>0</v>
      </c>
      <c r="J30684" s="8">
        <v>29745</v>
      </c>
      <c r="K30684" s="9">
        <v>6.61</v>
      </c>
      <c r="L30684" s="6" t="s">
        <v>32172</v>
      </c>
    </row>
    <row r="30685" spans="1:12">
      <c r="A30685" s="6" t="s">
        <v>32172</v>
      </c>
      <c r="B30685" s="6"/>
      <c r="C30685" s="6" t="s">
        <v>32196</v>
      </c>
      <c r="D30685" s="6"/>
      <c r="E30685" s="6" t="s">
        <v>18740</v>
      </c>
      <c r="F30685" s="7">
        <v>38657</v>
      </c>
      <c r="G30685" s="8">
        <v>67500</v>
      </c>
      <c r="H30685" s="8">
        <v>67500</v>
      </c>
      <c r="I30685" s="8">
        <v>0</v>
      </c>
      <c r="J30685" s="8">
        <v>67500</v>
      </c>
      <c r="K30685" s="9">
        <v>15</v>
      </c>
      <c r="L30685" s="6" t="s">
        <v>32172</v>
      </c>
    </row>
    <row r="30686" spans="1:12">
      <c r="A30686" s="6" t="s">
        <v>32172</v>
      </c>
      <c r="B30686" s="6"/>
      <c r="C30686" s="6" t="s">
        <v>32197</v>
      </c>
      <c r="D30686" s="6"/>
      <c r="E30686" s="6" t="s">
        <v>18740</v>
      </c>
      <c r="F30686" s="7">
        <v>38657</v>
      </c>
      <c r="G30686" s="8">
        <v>14580</v>
      </c>
      <c r="H30686" s="8">
        <v>14580</v>
      </c>
      <c r="I30686" s="8">
        <v>0</v>
      </c>
      <c r="J30686" s="8">
        <v>14580</v>
      </c>
      <c r="K30686" s="9">
        <v>3.24</v>
      </c>
      <c r="L30686" s="6" t="s">
        <v>32172</v>
      </c>
    </row>
    <row r="30687" spans="1:12">
      <c r="A30687" s="6" t="s">
        <v>32172</v>
      </c>
      <c r="B30687" s="6"/>
      <c r="C30687" s="6" t="s">
        <v>32198</v>
      </c>
      <c r="D30687" s="6"/>
      <c r="E30687" s="6" t="s">
        <v>18740</v>
      </c>
      <c r="F30687" s="7">
        <v>38657</v>
      </c>
      <c r="G30687" s="8">
        <v>11520</v>
      </c>
      <c r="H30687" s="8">
        <v>11520</v>
      </c>
      <c r="I30687" s="8">
        <v>0</v>
      </c>
      <c r="J30687" s="8">
        <v>11520</v>
      </c>
      <c r="K30687" s="9">
        <v>2.56</v>
      </c>
      <c r="L30687" s="6" t="s">
        <v>32172</v>
      </c>
    </row>
    <row r="30688" spans="1:12">
      <c r="A30688" s="6" t="s">
        <v>32172</v>
      </c>
      <c r="B30688" s="6"/>
      <c r="C30688" s="6" t="s">
        <v>32199</v>
      </c>
      <c r="D30688" s="6"/>
      <c r="E30688" s="6" t="s">
        <v>18740</v>
      </c>
      <c r="F30688" s="7">
        <v>38657</v>
      </c>
      <c r="G30688" s="8">
        <v>10080</v>
      </c>
      <c r="H30688" s="8">
        <v>10080</v>
      </c>
      <c r="I30688" s="8">
        <v>0</v>
      </c>
      <c r="J30688" s="8">
        <v>10080</v>
      </c>
      <c r="K30688" s="9">
        <v>2.2400000000000002</v>
      </c>
      <c r="L30688" s="6" t="s">
        <v>32172</v>
      </c>
    </row>
    <row r="30689" spans="1:12">
      <c r="A30689" s="6" t="s">
        <v>32172</v>
      </c>
      <c r="B30689" s="6"/>
      <c r="C30689" s="6" t="s">
        <v>32200</v>
      </c>
      <c r="D30689" s="6"/>
      <c r="E30689" s="6" t="s">
        <v>18740</v>
      </c>
      <c r="F30689" s="7">
        <v>38657</v>
      </c>
      <c r="G30689" s="8">
        <v>14580</v>
      </c>
      <c r="H30689" s="8">
        <v>14580</v>
      </c>
      <c r="I30689" s="8">
        <v>0</v>
      </c>
      <c r="J30689" s="8">
        <v>14580</v>
      </c>
      <c r="K30689" s="9">
        <v>3.24</v>
      </c>
      <c r="L30689" s="6" t="s">
        <v>32172</v>
      </c>
    </row>
    <row r="30690" spans="1:12">
      <c r="A30690" s="6" t="s">
        <v>32172</v>
      </c>
      <c r="B30690" s="6"/>
      <c r="C30690" s="6" t="s">
        <v>32201</v>
      </c>
      <c r="D30690" s="6"/>
      <c r="E30690" s="6" t="s">
        <v>18740</v>
      </c>
      <c r="F30690" s="7">
        <v>38657</v>
      </c>
      <c r="G30690" s="8">
        <v>17820</v>
      </c>
      <c r="H30690" s="8">
        <v>17820</v>
      </c>
      <c r="I30690" s="8">
        <v>0</v>
      </c>
      <c r="J30690" s="8">
        <v>17820</v>
      </c>
      <c r="K30690" s="9">
        <v>3.96</v>
      </c>
      <c r="L30690" s="6" t="s">
        <v>32172</v>
      </c>
    </row>
    <row r="30691" spans="1:12">
      <c r="A30691" s="6" t="s">
        <v>32172</v>
      </c>
      <c r="B30691" s="6"/>
      <c r="C30691" s="6" t="s">
        <v>32202</v>
      </c>
      <c r="D30691" s="6"/>
      <c r="E30691" s="6" t="s">
        <v>18740</v>
      </c>
      <c r="F30691" s="7">
        <v>38657</v>
      </c>
      <c r="G30691" s="8">
        <v>13365</v>
      </c>
      <c r="H30691" s="8">
        <v>13365</v>
      </c>
      <c r="I30691" s="8">
        <v>0</v>
      </c>
      <c r="J30691" s="8">
        <v>13365</v>
      </c>
      <c r="K30691" s="9">
        <v>2.97</v>
      </c>
      <c r="L30691" s="6" t="s">
        <v>32172</v>
      </c>
    </row>
    <row r="30692" spans="1:12">
      <c r="A30692" s="6" t="s">
        <v>32172</v>
      </c>
      <c r="B30692" s="6"/>
      <c r="C30692" s="6" t="s">
        <v>32203</v>
      </c>
      <c r="D30692" s="6"/>
      <c r="E30692" s="6" t="s">
        <v>18740</v>
      </c>
      <c r="F30692" s="7">
        <v>38657</v>
      </c>
      <c r="G30692" s="8">
        <v>117000</v>
      </c>
      <c r="H30692" s="8">
        <v>117000</v>
      </c>
      <c r="I30692" s="8">
        <v>0</v>
      </c>
      <c r="J30692" s="8">
        <v>117000</v>
      </c>
      <c r="K30692" s="9">
        <v>26</v>
      </c>
      <c r="L30692" s="6" t="s">
        <v>32172</v>
      </c>
    </row>
    <row r="30693" spans="1:12">
      <c r="A30693" s="6" t="s">
        <v>32172</v>
      </c>
      <c r="B30693" s="6"/>
      <c r="C30693" s="6" t="s">
        <v>32204</v>
      </c>
      <c r="D30693" s="6"/>
      <c r="E30693" s="6" t="s">
        <v>18740</v>
      </c>
      <c r="F30693" s="7">
        <v>38657</v>
      </c>
      <c r="G30693" s="8">
        <v>10080</v>
      </c>
      <c r="H30693" s="8">
        <v>10080</v>
      </c>
      <c r="I30693" s="8">
        <v>0</v>
      </c>
      <c r="J30693" s="8">
        <v>10080</v>
      </c>
      <c r="K30693" s="9">
        <v>2.2400000000000002</v>
      </c>
      <c r="L30693" s="6" t="s">
        <v>32172</v>
      </c>
    </row>
    <row r="30694" spans="1:12">
      <c r="A30694" s="6" t="s">
        <v>32172</v>
      </c>
      <c r="B30694" s="6"/>
      <c r="C30694" s="6" t="s">
        <v>32205</v>
      </c>
      <c r="D30694" s="6"/>
      <c r="E30694" s="6" t="s">
        <v>18740</v>
      </c>
      <c r="F30694" s="7">
        <v>38657</v>
      </c>
      <c r="G30694" s="8">
        <v>25200</v>
      </c>
      <c r="H30694" s="8">
        <v>25200</v>
      </c>
      <c r="I30694" s="8">
        <v>0</v>
      </c>
      <c r="J30694" s="8">
        <v>25200</v>
      </c>
      <c r="K30694" s="9">
        <v>5.6</v>
      </c>
      <c r="L30694" s="6" t="s">
        <v>32172</v>
      </c>
    </row>
    <row r="30695" spans="1:12">
      <c r="A30695" s="6" t="s">
        <v>32172</v>
      </c>
      <c r="B30695" s="6"/>
      <c r="C30695" s="6" t="s">
        <v>32206</v>
      </c>
      <c r="D30695" s="6"/>
      <c r="E30695" s="6" t="s">
        <v>18740</v>
      </c>
      <c r="F30695" s="7">
        <v>38657</v>
      </c>
      <c r="G30695" s="8">
        <v>85500</v>
      </c>
      <c r="H30695" s="8">
        <v>85500</v>
      </c>
      <c r="I30695" s="8">
        <v>0</v>
      </c>
      <c r="J30695" s="8">
        <v>85500</v>
      </c>
      <c r="K30695" s="9">
        <v>19</v>
      </c>
      <c r="L30695" s="6" t="s">
        <v>32172</v>
      </c>
    </row>
    <row r="30696" spans="1:12">
      <c r="A30696" s="6" t="s">
        <v>32172</v>
      </c>
      <c r="B30696" s="6"/>
      <c r="C30696" s="6" t="s">
        <v>32207</v>
      </c>
      <c r="D30696" s="6"/>
      <c r="E30696" s="6" t="s">
        <v>18740</v>
      </c>
      <c r="F30696" s="7">
        <v>38657</v>
      </c>
      <c r="G30696" s="8">
        <v>9720</v>
      </c>
      <c r="H30696" s="8">
        <v>9720</v>
      </c>
      <c r="I30696" s="8">
        <v>0</v>
      </c>
      <c r="J30696" s="8">
        <v>9720</v>
      </c>
      <c r="K30696" s="9">
        <v>2.16</v>
      </c>
      <c r="L30696" s="6" t="s">
        <v>32172</v>
      </c>
    </row>
    <row r="30697" spans="1:12">
      <c r="A30697" s="6" t="s">
        <v>32172</v>
      </c>
      <c r="B30697" s="6"/>
      <c r="C30697" s="6" t="s">
        <v>32208</v>
      </c>
      <c r="D30697" s="6"/>
      <c r="E30697" s="6" t="s">
        <v>18740</v>
      </c>
      <c r="F30697" s="7">
        <v>38657</v>
      </c>
      <c r="G30697" s="8">
        <v>13770</v>
      </c>
      <c r="H30697" s="8">
        <v>13770</v>
      </c>
      <c r="I30697" s="8">
        <v>0</v>
      </c>
      <c r="J30697" s="8">
        <v>13770</v>
      </c>
      <c r="K30697" s="9">
        <v>3.06</v>
      </c>
      <c r="L30697" s="6" t="s">
        <v>32172</v>
      </c>
    </row>
    <row r="30698" spans="1:12">
      <c r="A30698" s="6" t="s">
        <v>32172</v>
      </c>
      <c r="B30698" s="6"/>
      <c r="C30698" s="6" t="s">
        <v>32209</v>
      </c>
      <c r="D30698" s="6"/>
      <c r="E30698" s="6" t="s">
        <v>18740</v>
      </c>
      <c r="F30698" s="7">
        <v>38657</v>
      </c>
      <c r="G30698" s="8">
        <v>12555</v>
      </c>
      <c r="H30698" s="8">
        <v>12555</v>
      </c>
      <c r="I30698" s="8">
        <v>0</v>
      </c>
      <c r="J30698" s="8">
        <v>12555</v>
      </c>
      <c r="K30698" s="9">
        <v>2.79</v>
      </c>
      <c r="L30698" s="6" t="s">
        <v>32172</v>
      </c>
    </row>
    <row r="30699" spans="1:12">
      <c r="A30699" s="6" t="s">
        <v>32172</v>
      </c>
      <c r="B30699" s="6"/>
      <c r="C30699" s="6" t="s">
        <v>32210</v>
      </c>
      <c r="D30699" s="6"/>
      <c r="E30699" s="6" t="s">
        <v>18740</v>
      </c>
      <c r="F30699" s="7">
        <v>38657</v>
      </c>
      <c r="G30699" s="8">
        <v>126000</v>
      </c>
      <c r="H30699" s="8">
        <v>126000</v>
      </c>
      <c r="I30699" s="8">
        <v>0</v>
      </c>
      <c r="J30699" s="8">
        <v>126000</v>
      </c>
      <c r="K30699" s="9">
        <v>28</v>
      </c>
      <c r="L30699" s="6" t="s">
        <v>32172</v>
      </c>
    </row>
    <row r="30700" spans="1:12">
      <c r="A30700" s="6" t="s">
        <v>32172</v>
      </c>
      <c r="B30700" s="6"/>
      <c r="C30700" s="6" t="s">
        <v>32211</v>
      </c>
      <c r="D30700" s="6"/>
      <c r="E30700" s="6" t="s">
        <v>18740</v>
      </c>
      <c r="F30700" s="7">
        <v>38657</v>
      </c>
      <c r="G30700" s="8">
        <v>40500</v>
      </c>
      <c r="H30700" s="8">
        <v>40500</v>
      </c>
      <c r="I30700" s="8">
        <v>0</v>
      </c>
      <c r="J30700" s="8">
        <v>40500</v>
      </c>
      <c r="K30700" s="9">
        <v>9</v>
      </c>
      <c r="L30700" s="6" t="s">
        <v>32172</v>
      </c>
    </row>
    <row r="30701" spans="1:12">
      <c r="A30701" s="6" t="s">
        <v>32172</v>
      </c>
      <c r="B30701" s="6"/>
      <c r="C30701" s="6" t="s">
        <v>32212</v>
      </c>
      <c r="D30701" s="6"/>
      <c r="E30701" s="6" t="s">
        <v>18740</v>
      </c>
      <c r="F30701" s="7">
        <v>38657</v>
      </c>
      <c r="G30701" s="8">
        <v>67500</v>
      </c>
      <c r="H30701" s="8">
        <v>67500</v>
      </c>
      <c r="I30701" s="8">
        <v>0</v>
      </c>
      <c r="J30701" s="8">
        <v>67500</v>
      </c>
      <c r="K30701" s="9">
        <v>15</v>
      </c>
      <c r="L30701" s="6" t="s">
        <v>32172</v>
      </c>
    </row>
    <row r="30702" spans="1:12">
      <c r="A30702" s="6" t="s">
        <v>32172</v>
      </c>
      <c r="B30702" s="6"/>
      <c r="C30702" s="6" t="s">
        <v>32213</v>
      </c>
      <c r="D30702" s="6"/>
      <c r="E30702" s="6" t="s">
        <v>18740</v>
      </c>
      <c r="F30702" s="7">
        <v>38657</v>
      </c>
      <c r="G30702" s="8">
        <v>8910</v>
      </c>
      <c r="H30702" s="8">
        <v>8910</v>
      </c>
      <c r="I30702" s="8">
        <v>0</v>
      </c>
      <c r="J30702" s="8">
        <v>8910</v>
      </c>
      <c r="K30702" s="9">
        <v>1.98</v>
      </c>
      <c r="L30702" s="6" t="s">
        <v>32172</v>
      </c>
    </row>
    <row r="30703" spans="1:12">
      <c r="A30703" s="6" t="s">
        <v>32172</v>
      </c>
      <c r="B30703" s="6"/>
      <c r="C30703" s="6" t="s">
        <v>32214</v>
      </c>
      <c r="D30703" s="6"/>
      <c r="E30703" s="6" t="s">
        <v>18740</v>
      </c>
      <c r="F30703" s="7">
        <v>38657</v>
      </c>
      <c r="G30703" s="8">
        <v>25920</v>
      </c>
      <c r="H30703" s="8">
        <v>25920</v>
      </c>
      <c r="I30703" s="8">
        <v>0</v>
      </c>
      <c r="J30703" s="8">
        <v>25920</v>
      </c>
      <c r="K30703" s="9">
        <v>5.76</v>
      </c>
      <c r="L30703" s="6" t="s">
        <v>32172</v>
      </c>
    </row>
    <row r="30704" spans="1:12">
      <c r="A30704" s="6" t="s">
        <v>32172</v>
      </c>
      <c r="B30704" s="6"/>
      <c r="C30704" s="6" t="s">
        <v>32215</v>
      </c>
      <c r="D30704" s="6"/>
      <c r="E30704" s="6" t="s">
        <v>18740</v>
      </c>
      <c r="F30704" s="7">
        <v>38657</v>
      </c>
      <c r="G30704" s="8">
        <v>49500</v>
      </c>
      <c r="H30704" s="8">
        <v>49500</v>
      </c>
      <c r="I30704" s="8">
        <v>0</v>
      </c>
      <c r="J30704" s="8">
        <v>49500</v>
      </c>
      <c r="K30704" s="9">
        <v>11</v>
      </c>
      <c r="L30704" s="6" t="s">
        <v>32172</v>
      </c>
    </row>
    <row r="30705" spans="1:12">
      <c r="A30705" s="6" t="s">
        <v>32172</v>
      </c>
      <c r="B30705" s="6"/>
      <c r="C30705" s="6" t="s">
        <v>32216</v>
      </c>
      <c r="D30705" s="6"/>
      <c r="E30705" s="6" t="s">
        <v>18740</v>
      </c>
      <c r="F30705" s="7">
        <v>38657</v>
      </c>
      <c r="G30705" s="8">
        <v>202500</v>
      </c>
      <c r="H30705" s="8">
        <v>202500</v>
      </c>
      <c r="I30705" s="8">
        <v>0</v>
      </c>
      <c r="J30705" s="8">
        <v>202500</v>
      </c>
      <c r="K30705" s="9">
        <v>45</v>
      </c>
      <c r="L30705" s="6" t="s">
        <v>32172</v>
      </c>
    </row>
    <row r="30706" spans="1:12">
      <c r="A30706" s="6" t="s">
        <v>32172</v>
      </c>
      <c r="B30706" s="6"/>
      <c r="C30706" s="6" t="s">
        <v>32217</v>
      </c>
      <c r="D30706" s="6"/>
      <c r="E30706" s="6" t="s">
        <v>18740</v>
      </c>
      <c r="F30706" s="7">
        <v>38657</v>
      </c>
      <c r="G30706" s="8">
        <v>261000</v>
      </c>
      <c r="H30706" s="8">
        <v>261000</v>
      </c>
      <c r="I30706" s="8">
        <v>0</v>
      </c>
      <c r="J30706" s="8">
        <v>261000</v>
      </c>
      <c r="K30706" s="9">
        <v>58</v>
      </c>
      <c r="L30706" s="6" t="s">
        <v>32172</v>
      </c>
    </row>
    <row r="30707" spans="1:12">
      <c r="A30707" s="6" t="s">
        <v>32172</v>
      </c>
      <c r="B30707" s="6"/>
      <c r="C30707" s="6" t="s">
        <v>32218</v>
      </c>
      <c r="D30707" s="6"/>
      <c r="E30707" s="6" t="s">
        <v>18740</v>
      </c>
      <c r="F30707" s="7">
        <v>38657</v>
      </c>
      <c r="G30707" s="8">
        <v>130500</v>
      </c>
      <c r="H30707" s="8">
        <v>130500</v>
      </c>
      <c r="I30707" s="8">
        <v>0</v>
      </c>
      <c r="J30707" s="8">
        <v>130500</v>
      </c>
      <c r="K30707" s="9">
        <v>29</v>
      </c>
      <c r="L30707" s="6" t="s">
        <v>32172</v>
      </c>
    </row>
    <row r="30708" spans="1:12">
      <c r="A30708" s="6" t="s">
        <v>32172</v>
      </c>
      <c r="B30708" s="6"/>
      <c r="C30708" s="6" t="s">
        <v>32219</v>
      </c>
      <c r="D30708" s="6"/>
      <c r="E30708" s="6" t="s">
        <v>18740</v>
      </c>
      <c r="F30708" s="7">
        <v>38657</v>
      </c>
      <c r="G30708" s="8">
        <v>1035</v>
      </c>
      <c r="H30708" s="8">
        <v>1035</v>
      </c>
      <c r="I30708" s="8">
        <v>0</v>
      </c>
      <c r="J30708" s="8">
        <v>1035</v>
      </c>
      <c r="K30708" s="9">
        <v>0.23</v>
      </c>
      <c r="L30708" s="6" t="s">
        <v>32172</v>
      </c>
    </row>
    <row r="30709" spans="1:12">
      <c r="A30709" s="6" t="s">
        <v>32172</v>
      </c>
      <c r="B30709" s="6"/>
      <c r="C30709" s="6" t="s">
        <v>32220</v>
      </c>
      <c r="D30709" s="6"/>
      <c r="E30709" s="6" t="s">
        <v>18740</v>
      </c>
      <c r="F30709" s="7">
        <v>38657</v>
      </c>
      <c r="G30709" s="8">
        <v>40500</v>
      </c>
      <c r="H30709" s="8">
        <v>40500</v>
      </c>
      <c r="I30709" s="8">
        <v>0</v>
      </c>
      <c r="J30709" s="8">
        <v>40500</v>
      </c>
      <c r="K30709" s="9">
        <v>9</v>
      </c>
      <c r="L30709" s="6" t="s">
        <v>32172</v>
      </c>
    </row>
    <row r="30710" spans="1:12">
      <c r="A30710" s="6" t="s">
        <v>32172</v>
      </c>
      <c r="B30710" s="6"/>
      <c r="C30710" s="6" t="s">
        <v>32221</v>
      </c>
      <c r="D30710" s="6"/>
      <c r="E30710" s="6" t="s">
        <v>18740</v>
      </c>
      <c r="F30710" s="7">
        <v>38657</v>
      </c>
      <c r="G30710" s="8">
        <v>29970</v>
      </c>
      <c r="H30710" s="8">
        <v>29970</v>
      </c>
      <c r="I30710" s="8">
        <v>0</v>
      </c>
      <c r="J30710" s="8">
        <v>29970</v>
      </c>
      <c r="K30710" s="9">
        <v>6.66</v>
      </c>
      <c r="L30710" s="6" t="s">
        <v>32172</v>
      </c>
    </row>
    <row r="30711" spans="1:12">
      <c r="A30711" s="6" t="s">
        <v>32172</v>
      </c>
      <c r="B30711" s="6"/>
      <c r="C30711" s="6" t="s">
        <v>32222</v>
      </c>
      <c r="D30711" s="6"/>
      <c r="E30711" s="6" t="s">
        <v>18740</v>
      </c>
      <c r="F30711" s="7">
        <v>38657</v>
      </c>
      <c r="G30711" s="8">
        <v>454500</v>
      </c>
      <c r="H30711" s="8">
        <v>454500</v>
      </c>
      <c r="I30711" s="8">
        <v>0</v>
      </c>
      <c r="J30711" s="8">
        <v>454500</v>
      </c>
      <c r="K30711" s="9">
        <v>101</v>
      </c>
      <c r="L30711" s="6" t="s">
        <v>32172</v>
      </c>
    </row>
    <row r="30712" spans="1:12">
      <c r="A30712" s="6" t="s">
        <v>32172</v>
      </c>
      <c r="B30712" s="6"/>
      <c r="C30712" s="6" t="s">
        <v>32223</v>
      </c>
      <c r="D30712" s="6"/>
      <c r="E30712" s="6" t="s">
        <v>18740</v>
      </c>
      <c r="F30712" s="7">
        <v>38657</v>
      </c>
      <c r="G30712" s="8">
        <v>1458000</v>
      </c>
      <c r="H30712" s="8">
        <v>1458000</v>
      </c>
      <c r="I30712" s="8">
        <v>0</v>
      </c>
      <c r="J30712" s="8">
        <v>1458000</v>
      </c>
      <c r="K30712" s="9">
        <v>324</v>
      </c>
      <c r="L30712" s="6" t="s">
        <v>32172</v>
      </c>
    </row>
    <row r="30713" spans="1:12">
      <c r="A30713" s="6" t="s">
        <v>32172</v>
      </c>
      <c r="B30713" s="6"/>
      <c r="C30713" s="6" t="s">
        <v>32224</v>
      </c>
      <c r="D30713" s="6"/>
      <c r="E30713" s="6" t="s">
        <v>18740</v>
      </c>
      <c r="F30713" s="7">
        <v>38657</v>
      </c>
      <c r="G30713" s="8">
        <v>3145500</v>
      </c>
      <c r="H30713" s="8">
        <v>3145500</v>
      </c>
      <c r="I30713" s="8">
        <v>0</v>
      </c>
      <c r="J30713" s="8">
        <v>3145500</v>
      </c>
      <c r="K30713" s="9">
        <v>699</v>
      </c>
      <c r="L30713" s="6" t="s">
        <v>32172</v>
      </c>
    </row>
    <row r="30714" spans="1:12">
      <c r="A30714" s="6" t="s">
        <v>32172</v>
      </c>
      <c r="B30714" s="6"/>
      <c r="C30714" s="6" t="s">
        <v>32225</v>
      </c>
      <c r="D30714" s="6"/>
      <c r="E30714" s="6" t="s">
        <v>18740</v>
      </c>
      <c r="F30714" s="7">
        <v>38657</v>
      </c>
      <c r="G30714" s="8">
        <v>223110</v>
      </c>
      <c r="H30714" s="8">
        <v>223110</v>
      </c>
      <c r="I30714" s="8">
        <v>0</v>
      </c>
      <c r="J30714" s="8">
        <v>223110</v>
      </c>
      <c r="K30714" s="9">
        <v>49.58</v>
      </c>
      <c r="L30714" s="6" t="s">
        <v>32172</v>
      </c>
    </row>
    <row r="30715" spans="1:12">
      <c r="A30715" s="6" t="s">
        <v>32172</v>
      </c>
      <c r="B30715" s="6"/>
      <c r="C30715" s="6" t="s">
        <v>32226</v>
      </c>
      <c r="D30715" s="6"/>
      <c r="E30715" s="6" t="s">
        <v>18740</v>
      </c>
      <c r="F30715" s="7">
        <v>38657</v>
      </c>
      <c r="G30715" s="8">
        <v>2925</v>
      </c>
      <c r="H30715" s="8">
        <v>2925</v>
      </c>
      <c r="I30715" s="8">
        <v>0</v>
      </c>
      <c r="J30715" s="8">
        <v>2925</v>
      </c>
      <c r="K30715" s="9">
        <v>0.65</v>
      </c>
      <c r="L30715" s="6" t="s">
        <v>32172</v>
      </c>
    </row>
    <row r="30716" spans="1:12">
      <c r="A30716" s="6" t="s">
        <v>32172</v>
      </c>
      <c r="B30716" s="6"/>
      <c r="C30716" s="6" t="s">
        <v>32227</v>
      </c>
      <c r="D30716" s="6"/>
      <c r="E30716" s="6" t="s">
        <v>18740</v>
      </c>
      <c r="F30716" s="7">
        <v>38657</v>
      </c>
      <c r="G30716" s="8">
        <v>380430</v>
      </c>
      <c r="H30716" s="8">
        <v>380430</v>
      </c>
      <c r="I30716" s="8">
        <v>0</v>
      </c>
      <c r="J30716" s="8">
        <v>380430</v>
      </c>
      <c r="K30716" s="9">
        <v>84.54</v>
      </c>
      <c r="L30716" s="6" t="s">
        <v>32172</v>
      </c>
    </row>
    <row r="30717" spans="1:12">
      <c r="A30717" s="6" t="s">
        <v>32172</v>
      </c>
      <c r="B30717" s="6"/>
      <c r="C30717" s="6" t="s">
        <v>32228</v>
      </c>
      <c r="D30717" s="6"/>
      <c r="E30717" s="6" t="s">
        <v>18740</v>
      </c>
      <c r="F30717" s="7">
        <v>38657</v>
      </c>
      <c r="G30717" s="8">
        <v>20745</v>
      </c>
      <c r="H30717" s="8">
        <v>20745</v>
      </c>
      <c r="I30717" s="8">
        <v>0</v>
      </c>
      <c r="J30717" s="8">
        <v>20745</v>
      </c>
      <c r="K30717" s="9">
        <v>4.6100000000000003</v>
      </c>
      <c r="L30717" s="6" t="s">
        <v>32172</v>
      </c>
    </row>
    <row r="30718" spans="1:12">
      <c r="A30718" s="6" t="s">
        <v>32229</v>
      </c>
      <c r="B30718" s="6"/>
      <c r="C30718" s="6" t="s">
        <v>32230</v>
      </c>
      <c r="D30718" s="6"/>
      <c r="E30718" s="6" t="s">
        <v>9</v>
      </c>
      <c r="F30718" s="7">
        <v>42451</v>
      </c>
      <c r="G30718" s="8">
        <v>524880</v>
      </c>
      <c r="H30718" s="8">
        <v>262440</v>
      </c>
      <c r="I30718" s="8">
        <v>314928</v>
      </c>
      <c r="J30718" s="8">
        <v>209952</v>
      </c>
      <c r="K30718" s="9"/>
      <c r="L30718" s="6"/>
    </row>
    <row r="30719" spans="1:12">
      <c r="A30719" s="6" t="s">
        <v>32231</v>
      </c>
      <c r="B30719" s="6"/>
      <c r="C30719" s="6" t="s">
        <v>32230</v>
      </c>
      <c r="D30719" s="6"/>
      <c r="E30719" s="6" t="s">
        <v>9</v>
      </c>
      <c r="F30719" s="7">
        <v>42818</v>
      </c>
      <c r="G30719" s="8">
        <v>16685534</v>
      </c>
      <c r="H30719" s="8">
        <v>10011322</v>
      </c>
      <c r="I30719" s="8">
        <v>8342765</v>
      </c>
      <c r="J30719" s="8">
        <v>8342769</v>
      </c>
      <c r="K30719" s="9"/>
      <c r="L30719" s="6"/>
    </row>
    <row r="30720" spans="1:12">
      <c r="A30720" s="6" t="s">
        <v>32232</v>
      </c>
      <c r="B30720" s="6"/>
      <c r="C30720" s="6" t="s">
        <v>32230</v>
      </c>
      <c r="D30720" s="6"/>
      <c r="E30720" s="6" t="s">
        <v>9</v>
      </c>
      <c r="F30720" s="7">
        <v>43190</v>
      </c>
      <c r="G30720" s="8">
        <v>29592000</v>
      </c>
      <c r="H30720" s="8">
        <v>20714400</v>
      </c>
      <c r="I30720" s="8">
        <v>11836800</v>
      </c>
      <c r="J30720" s="8">
        <v>17755200</v>
      </c>
      <c r="K30720" s="9"/>
      <c r="L30720" s="6"/>
    </row>
    <row r="30721" spans="1:12">
      <c r="A30721" s="6" t="s">
        <v>32233</v>
      </c>
      <c r="B30721" s="6"/>
      <c r="C30721" s="6" t="s">
        <v>32230</v>
      </c>
      <c r="D30721" s="6"/>
      <c r="E30721" s="6" t="s">
        <v>9</v>
      </c>
      <c r="F30721" s="7">
        <v>43339</v>
      </c>
      <c r="G30721" s="8">
        <v>4968000</v>
      </c>
      <c r="H30721" s="8">
        <v>3974400</v>
      </c>
      <c r="I30721" s="8">
        <v>1490400</v>
      </c>
      <c r="J30721" s="8">
        <v>3477600</v>
      </c>
      <c r="K30721" s="9"/>
      <c r="L30721" s="6"/>
    </row>
    <row r="30722" spans="1:12">
      <c r="A30722" s="6" t="s">
        <v>32234</v>
      </c>
      <c r="B30722" s="6"/>
      <c r="C30722" s="6" t="s">
        <v>32230</v>
      </c>
      <c r="D30722" s="6"/>
      <c r="E30722" s="6" t="s">
        <v>9</v>
      </c>
      <c r="F30722" s="7">
        <v>44286</v>
      </c>
      <c r="G30722" s="8">
        <v>360813</v>
      </c>
      <c r="H30722" s="8">
        <v>360813</v>
      </c>
      <c r="I30722" s="8">
        <v>21287</v>
      </c>
      <c r="J30722" s="8">
        <v>339526</v>
      </c>
      <c r="K30722" s="9"/>
      <c r="L30722" s="6"/>
    </row>
    <row r="30723" spans="1:12">
      <c r="A30723" s="6" t="s">
        <v>32235</v>
      </c>
      <c r="B30723" s="6"/>
      <c r="C30723" s="6" t="s">
        <v>32230</v>
      </c>
      <c r="D30723" s="6"/>
      <c r="E30723" s="6" t="s">
        <v>9</v>
      </c>
      <c r="F30723" s="7">
        <v>44280</v>
      </c>
      <c r="G30723" s="8">
        <v>770000</v>
      </c>
      <c r="H30723" s="8">
        <v>770000</v>
      </c>
      <c r="I30723" s="8">
        <v>77000</v>
      </c>
      <c r="J30723" s="8">
        <v>693000</v>
      </c>
      <c r="K30723" s="9"/>
      <c r="L30723" s="6"/>
    </row>
    <row r="30724" spans="1:12">
      <c r="A30724" s="6" t="s">
        <v>32236</v>
      </c>
      <c r="B30724" s="6"/>
      <c r="C30724" s="6" t="s">
        <v>32230</v>
      </c>
      <c r="D30724" s="6"/>
      <c r="E30724" s="6" t="s">
        <v>9</v>
      </c>
      <c r="F30724" s="7">
        <v>44286</v>
      </c>
      <c r="G30724" s="8">
        <v>1105500</v>
      </c>
      <c r="H30724" s="8">
        <v>1105500</v>
      </c>
      <c r="I30724" s="8">
        <v>110550</v>
      </c>
      <c r="J30724" s="8">
        <v>994950</v>
      </c>
      <c r="K30724" s="9"/>
      <c r="L30724" s="6"/>
    </row>
    <row r="30725" spans="1:12">
      <c r="A30725" s="6" t="s">
        <v>32237</v>
      </c>
      <c r="B30725" s="6"/>
      <c r="C30725" s="6" t="s">
        <v>32230</v>
      </c>
      <c r="D30725" s="6"/>
      <c r="E30725" s="6" t="s">
        <v>9</v>
      </c>
      <c r="F30725" s="7">
        <v>44286</v>
      </c>
      <c r="G30725" s="8">
        <v>2310000</v>
      </c>
      <c r="H30725" s="8">
        <v>2310000</v>
      </c>
      <c r="I30725" s="8">
        <v>231000</v>
      </c>
      <c r="J30725" s="8">
        <v>2079000</v>
      </c>
      <c r="K30725" s="9"/>
      <c r="L30725" s="6"/>
    </row>
    <row r="30726" spans="1:12">
      <c r="A30726" s="6" t="s">
        <v>32238</v>
      </c>
      <c r="B30726" s="6"/>
      <c r="C30726" s="6" t="s">
        <v>32230</v>
      </c>
      <c r="D30726" s="6"/>
      <c r="E30726" s="6" t="s">
        <v>9</v>
      </c>
      <c r="F30726" s="7">
        <v>44286</v>
      </c>
      <c r="G30726" s="8">
        <v>1210000</v>
      </c>
      <c r="H30726" s="8">
        <v>1210000</v>
      </c>
      <c r="I30726" s="8">
        <v>121000</v>
      </c>
      <c r="J30726" s="8">
        <v>1089000</v>
      </c>
      <c r="K30726" s="9"/>
      <c r="L30726" s="6"/>
    </row>
    <row r="30727" spans="1:12">
      <c r="A30727" s="6" t="s">
        <v>32239</v>
      </c>
      <c r="B30727" s="6"/>
      <c r="C30727" s="6" t="s">
        <v>32230</v>
      </c>
      <c r="D30727" s="6"/>
      <c r="E30727" s="6" t="s">
        <v>9</v>
      </c>
      <c r="F30727" s="7">
        <v>44286</v>
      </c>
      <c r="G30727" s="8">
        <v>990000</v>
      </c>
      <c r="H30727" s="8">
        <v>990000</v>
      </c>
      <c r="I30727" s="8">
        <v>99000</v>
      </c>
      <c r="J30727" s="8">
        <v>891000</v>
      </c>
      <c r="K30727" s="9"/>
      <c r="L30727" s="6"/>
    </row>
    <row r="30728" spans="1:12">
      <c r="A30728" s="6" t="s">
        <v>32240</v>
      </c>
      <c r="B30728" s="6"/>
      <c r="C30728" s="6" t="s">
        <v>32230</v>
      </c>
      <c r="D30728" s="6"/>
      <c r="E30728" s="6" t="s">
        <v>9</v>
      </c>
      <c r="F30728" s="7">
        <v>44286</v>
      </c>
      <c r="G30728" s="8">
        <v>683100</v>
      </c>
      <c r="H30728" s="8">
        <v>683100</v>
      </c>
      <c r="I30728" s="8">
        <v>68310</v>
      </c>
      <c r="J30728" s="8">
        <v>614790</v>
      </c>
      <c r="K30728" s="9"/>
      <c r="L30728" s="6"/>
    </row>
    <row r="30729" spans="1:12">
      <c r="A30729" s="6" t="s">
        <v>32241</v>
      </c>
      <c r="B30729" s="6"/>
      <c r="C30729" s="6" t="s">
        <v>32230</v>
      </c>
      <c r="D30729" s="6"/>
      <c r="E30729" s="6" t="s">
        <v>9</v>
      </c>
      <c r="F30729" s="7">
        <v>44104</v>
      </c>
      <c r="G30729" s="8">
        <v>4158000</v>
      </c>
      <c r="H30729" s="8">
        <v>4158000</v>
      </c>
      <c r="I30729" s="8">
        <v>415800</v>
      </c>
      <c r="J30729" s="8">
        <v>3742200</v>
      </c>
      <c r="K30729" s="9"/>
      <c r="L30729" s="6"/>
    </row>
    <row r="30730" spans="1:12">
      <c r="A30730" s="6" t="s">
        <v>32242</v>
      </c>
      <c r="B30730" s="6"/>
      <c r="C30730" s="6" t="s">
        <v>32230</v>
      </c>
      <c r="D30730" s="6"/>
      <c r="E30730" s="6" t="s">
        <v>9</v>
      </c>
      <c r="F30730" s="7">
        <v>43555</v>
      </c>
      <c r="G30730" s="8">
        <v>1296000</v>
      </c>
      <c r="H30730" s="8">
        <v>1122336</v>
      </c>
      <c r="I30730" s="8">
        <v>260496</v>
      </c>
      <c r="J30730" s="8">
        <v>1035504</v>
      </c>
      <c r="K30730" s="9"/>
      <c r="L30730" s="6"/>
    </row>
    <row r="30731" spans="1:12">
      <c r="A30731" s="6" t="s">
        <v>32243</v>
      </c>
      <c r="B30731" s="6"/>
      <c r="C30731" s="6" t="s">
        <v>32230</v>
      </c>
      <c r="D30731" s="6"/>
      <c r="E30731" s="6" t="s">
        <v>9</v>
      </c>
      <c r="F30731" s="7">
        <v>39534</v>
      </c>
      <c r="G30731" s="8">
        <v>1239000</v>
      </c>
      <c r="H30731" s="8">
        <v>159831</v>
      </c>
      <c r="I30731" s="8">
        <v>1162182</v>
      </c>
      <c r="J30731" s="8">
        <v>76818</v>
      </c>
      <c r="K30731" s="9"/>
      <c r="L30731" s="6"/>
    </row>
    <row r="30732" spans="1:12">
      <c r="A30732" s="6" t="s">
        <v>32244</v>
      </c>
      <c r="B30732" s="6"/>
      <c r="C30732" s="6" t="s">
        <v>32230</v>
      </c>
      <c r="D30732" s="6"/>
      <c r="E30732" s="6" t="s">
        <v>9</v>
      </c>
      <c r="F30732" s="7">
        <v>43549</v>
      </c>
      <c r="G30732" s="8">
        <v>226800</v>
      </c>
      <c r="H30732" s="8">
        <v>196410</v>
      </c>
      <c r="I30732" s="8">
        <v>45585</v>
      </c>
      <c r="J30732" s="8">
        <v>181215</v>
      </c>
      <c r="K30732" s="9"/>
      <c r="L30732" s="6"/>
    </row>
    <row r="30733" spans="1:12">
      <c r="A30733" s="6" t="s">
        <v>32245</v>
      </c>
      <c r="B30733" s="6"/>
      <c r="C30733" s="6" t="s">
        <v>32230</v>
      </c>
      <c r="D30733" s="6"/>
      <c r="E30733" s="6" t="s">
        <v>9</v>
      </c>
      <c r="F30733" s="7">
        <v>44048</v>
      </c>
      <c r="G30733" s="8">
        <v>2332000</v>
      </c>
      <c r="H30733" s="8">
        <v>2332000</v>
      </c>
      <c r="I30733" s="8">
        <v>156244</v>
      </c>
      <c r="J30733" s="8">
        <v>2175756</v>
      </c>
      <c r="K30733" s="9"/>
      <c r="L30733" s="6"/>
    </row>
    <row r="30734" spans="1:12">
      <c r="A30734" s="6" t="s">
        <v>32246</v>
      </c>
      <c r="B30734" s="6"/>
      <c r="C30734" s="6" t="s">
        <v>32230</v>
      </c>
      <c r="D30734" s="6"/>
      <c r="E30734" s="6" t="s">
        <v>9</v>
      </c>
      <c r="F30734" s="7">
        <v>39553</v>
      </c>
      <c r="G30734" s="8">
        <v>1260000</v>
      </c>
      <c r="H30734" s="8">
        <v>1</v>
      </c>
      <c r="I30734" s="8">
        <v>1259999</v>
      </c>
      <c r="J30734" s="8">
        <v>1</v>
      </c>
      <c r="K30734" s="9"/>
      <c r="L30734" s="6"/>
    </row>
    <row r="30735" spans="1:12">
      <c r="A30735" s="6" t="s">
        <v>32247</v>
      </c>
      <c r="B30735" s="6"/>
      <c r="C30735" s="6" t="s">
        <v>32230</v>
      </c>
      <c r="D30735" s="6"/>
      <c r="E30735" s="6" t="s">
        <v>9</v>
      </c>
      <c r="F30735" s="7">
        <v>43539</v>
      </c>
      <c r="G30735" s="8">
        <v>1296000</v>
      </c>
      <c r="H30735" s="8">
        <v>1236384</v>
      </c>
      <c r="I30735" s="8">
        <v>89424</v>
      </c>
      <c r="J30735" s="8">
        <v>1206576</v>
      </c>
      <c r="K30735" s="9"/>
      <c r="L30735" s="6"/>
    </row>
    <row r="30736" spans="1:12">
      <c r="A30736" s="6" t="s">
        <v>32248</v>
      </c>
      <c r="B30736" s="6"/>
      <c r="C30736" s="6" t="s">
        <v>32230</v>
      </c>
      <c r="D30736" s="6"/>
      <c r="E30736" s="6" t="s">
        <v>9</v>
      </c>
      <c r="F30736" s="7">
        <v>39983</v>
      </c>
      <c r="G30736" s="8">
        <v>1260000</v>
      </c>
      <c r="H30736" s="8">
        <v>442260</v>
      </c>
      <c r="I30736" s="8">
        <v>892080</v>
      </c>
      <c r="J30736" s="8">
        <v>367920</v>
      </c>
      <c r="K30736" s="9"/>
      <c r="L30736" s="6"/>
    </row>
    <row r="30737" spans="1:12">
      <c r="A30737" s="6" t="s">
        <v>32249</v>
      </c>
      <c r="B30737" s="6"/>
      <c r="C30737" s="6" t="s">
        <v>32230</v>
      </c>
      <c r="D30737" s="6"/>
      <c r="E30737" s="6" t="s">
        <v>9</v>
      </c>
      <c r="F30737" s="7">
        <v>40336</v>
      </c>
      <c r="G30737" s="8">
        <v>1270500</v>
      </c>
      <c r="H30737" s="8">
        <v>1</v>
      </c>
      <c r="I30737" s="8">
        <v>1270499</v>
      </c>
      <c r="J30737" s="8">
        <v>1</v>
      </c>
      <c r="K30737" s="9"/>
      <c r="L30737" s="6"/>
    </row>
    <row r="30738" spans="1:12">
      <c r="A30738" s="6" t="s">
        <v>32250</v>
      </c>
      <c r="B30738" s="6"/>
      <c r="C30738" s="6" t="s">
        <v>32230</v>
      </c>
      <c r="D30738" s="6"/>
      <c r="E30738" s="6" t="s">
        <v>9</v>
      </c>
      <c r="F30738" s="7">
        <v>40882</v>
      </c>
      <c r="G30738" s="8">
        <v>36298500</v>
      </c>
      <c r="H30738" s="8">
        <v>14410509</v>
      </c>
      <c r="I30738" s="8">
        <v>24319990</v>
      </c>
      <c r="J30738" s="8">
        <v>11978510</v>
      </c>
      <c r="K30738" s="9"/>
      <c r="L30738" s="6"/>
    </row>
    <row r="30739" spans="1:12">
      <c r="A30739" s="6" t="s">
        <v>32251</v>
      </c>
      <c r="B30739" s="6"/>
      <c r="C30739" s="6" t="s">
        <v>32230</v>
      </c>
      <c r="D30739" s="6"/>
      <c r="E30739" s="6" t="s">
        <v>9</v>
      </c>
      <c r="F30739" s="7">
        <v>26816</v>
      </c>
      <c r="G30739" s="8">
        <v>145200000</v>
      </c>
      <c r="H30739" s="8">
        <v>1</v>
      </c>
      <c r="I30739" s="8">
        <v>145199999</v>
      </c>
      <c r="J30739" s="8">
        <v>1</v>
      </c>
      <c r="K30739" s="9"/>
      <c r="L30739" s="6"/>
    </row>
    <row r="30740" spans="1:12">
      <c r="A30740" s="6" t="s">
        <v>32252</v>
      </c>
      <c r="B30740" s="6"/>
      <c r="C30740" s="6" t="s">
        <v>32230</v>
      </c>
      <c r="D30740" s="6"/>
      <c r="E30740" s="6" t="s">
        <v>9</v>
      </c>
      <c r="F30740" s="7">
        <v>43539</v>
      </c>
      <c r="G30740" s="8">
        <v>1296000</v>
      </c>
      <c r="H30740" s="8">
        <v>1236384</v>
      </c>
      <c r="I30740" s="8">
        <v>89424</v>
      </c>
      <c r="J30740" s="8">
        <v>1206576</v>
      </c>
      <c r="K30740" s="9"/>
      <c r="L30740" s="6"/>
    </row>
    <row r="30741" spans="1:12">
      <c r="A30741" s="6" t="s">
        <v>32253</v>
      </c>
      <c r="B30741" s="6"/>
      <c r="C30741" s="6" t="s">
        <v>32230</v>
      </c>
      <c r="D30741" s="6"/>
      <c r="E30741" s="6" t="s">
        <v>9</v>
      </c>
      <c r="F30741" s="7">
        <v>43539</v>
      </c>
      <c r="G30741" s="8">
        <v>1058400</v>
      </c>
      <c r="H30741" s="8">
        <v>1009714</v>
      </c>
      <c r="I30741" s="8">
        <v>73029</v>
      </c>
      <c r="J30741" s="8">
        <v>985371</v>
      </c>
      <c r="K30741" s="9"/>
      <c r="L30741" s="6"/>
    </row>
    <row r="30742" spans="1:12">
      <c r="A30742" s="6" t="s">
        <v>32254</v>
      </c>
      <c r="B30742" s="6"/>
      <c r="C30742" s="6" t="s">
        <v>32230</v>
      </c>
      <c r="D30742" s="6"/>
      <c r="E30742" s="6" t="s">
        <v>9</v>
      </c>
      <c r="F30742" s="7">
        <v>41192</v>
      </c>
      <c r="G30742" s="8">
        <v>2328900</v>
      </c>
      <c r="H30742" s="8">
        <v>465780</v>
      </c>
      <c r="I30742" s="8">
        <v>2096010</v>
      </c>
      <c r="J30742" s="8">
        <v>232890</v>
      </c>
      <c r="K30742" s="9"/>
      <c r="L30742" s="6"/>
    </row>
    <row r="30743" spans="1:12">
      <c r="A30743" s="6" t="s">
        <v>32255</v>
      </c>
      <c r="B30743" s="6"/>
      <c r="C30743" s="6" t="s">
        <v>32230</v>
      </c>
      <c r="D30743" s="6"/>
      <c r="E30743" s="6" t="s">
        <v>9</v>
      </c>
      <c r="F30743" s="7">
        <v>32325</v>
      </c>
      <c r="G30743" s="8">
        <v>97680000</v>
      </c>
      <c r="H30743" s="8">
        <v>1</v>
      </c>
      <c r="I30743" s="8">
        <v>97679999</v>
      </c>
      <c r="J30743" s="8">
        <v>1</v>
      </c>
      <c r="K30743" s="9"/>
      <c r="L30743" s="6"/>
    </row>
    <row r="30744" spans="1:12">
      <c r="A30744" s="6" t="s">
        <v>32256</v>
      </c>
      <c r="B30744" s="6"/>
      <c r="C30744" s="6" t="s">
        <v>32230</v>
      </c>
      <c r="D30744" s="6"/>
      <c r="E30744" s="6" t="s">
        <v>9</v>
      </c>
      <c r="F30744" s="7">
        <v>42794</v>
      </c>
      <c r="G30744" s="8">
        <v>648000</v>
      </c>
      <c r="H30744" s="8">
        <v>388800</v>
      </c>
      <c r="I30744" s="8">
        <v>324000</v>
      </c>
      <c r="J30744" s="8">
        <v>324000</v>
      </c>
      <c r="K30744" s="9"/>
      <c r="L30744" s="6"/>
    </row>
    <row r="30745" spans="1:12">
      <c r="A30745" s="6" t="s">
        <v>32257</v>
      </c>
      <c r="B30745" s="6"/>
      <c r="C30745" s="6" t="s">
        <v>32230</v>
      </c>
      <c r="D30745" s="6"/>
      <c r="E30745" s="6" t="s">
        <v>9</v>
      </c>
      <c r="F30745" s="7">
        <v>43301</v>
      </c>
      <c r="G30745" s="8">
        <v>4449600</v>
      </c>
      <c r="H30745" s="8">
        <v>4271616</v>
      </c>
      <c r="I30745" s="8">
        <v>266976</v>
      </c>
      <c r="J30745" s="8">
        <v>4182624</v>
      </c>
      <c r="K30745" s="9"/>
      <c r="L30745" s="6"/>
    </row>
    <row r="30746" spans="1:12">
      <c r="A30746" s="6" t="s">
        <v>32258</v>
      </c>
      <c r="B30746" s="6"/>
      <c r="C30746" s="6" t="s">
        <v>32230</v>
      </c>
      <c r="D30746" s="6"/>
      <c r="E30746" s="6" t="s">
        <v>9</v>
      </c>
      <c r="F30746" s="7">
        <v>39849</v>
      </c>
      <c r="G30746" s="8">
        <v>4326000</v>
      </c>
      <c r="H30746" s="8">
        <v>1263192</v>
      </c>
      <c r="I30746" s="8">
        <v>3318042</v>
      </c>
      <c r="J30746" s="8">
        <v>1007958</v>
      </c>
      <c r="K30746" s="9"/>
      <c r="L30746" s="6"/>
    </row>
    <row r="30747" spans="1:12">
      <c r="A30747" s="6" t="s">
        <v>32259</v>
      </c>
      <c r="B30747" s="6"/>
      <c r="C30747" s="6" t="s">
        <v>32230</v>
      </c>
      <c r="D30747" s="6"/>
      <c r="E30747" s="6" t="s">
        <v>9</v>
      </c>
      <c r="F30747" s="7">
        <v>40399</v>
      </c>
      <c r="G30747" s="8">
        <v>55888391</v>
      </c>
      <c r="H30747" s="8">
        <v>22914241</v>
      </c>
      <c r="I30747" s="8">
        <v>36271565</v>
      </c>
      <c r="J30747" s="8">
        <v>19616826</v>
      </c>
      <c r="K30747" s="9"/>
      <c r="L30747" s="6"/>
    </row>
    <row r="30748" spans="1:12">
      <c r="A30748" s="6" t="s">
        <v>32260</v>
      </c>
      <c r="B30748" s="6"/>
      <c r="C30748" s="6" t="s">
        <v>32230</v>
      </c>
      <c r="D30748" s="6"/>
      <c r="E30748" s="6" t="s">
        <v>9</v>
      </c>
      <c r="F30748" s="7">
        <v>30498</v>
      </c>
      <c r="G30748" s="8">
        <v>104940000</v>
      </c>
      <c r="H30748" s="8">
        <v>1</v>
      </c>
      <c r="I30748" s="8">
        <v>104939999</v>
      </c>
      <c r="J30748" s="8">
        <v>1</v>
      </c>
      <c r="K30748" s="9"/>
      <c r="L30748" s="6"/>
    </row>
    <row r="30749" spans="1:12">
      <c r="A30749" s="6" t="s">
        <v>32261</v>
      </c>
      <c r="B30749" s="6"/>
      <c r="C30749" s="6" t="s">
        <v>32230</v>
      </c>
      <c r="D30749" s="6"/>
      <c r="E30749" s="6" t="s">
        <v>9</v>
      </c>
      <c r="F30749" s="7">
        <v>44286</v>
      </c>
      <c r="G30749" s="8">
        <v>82302000</v>
      </c>
      <c r="H30749" s="8">
        <v>82302000</v>
      </c>
      <c r="I30749" s="8">
        <v>2798268</v>
      </c>
      <c r="J30749" s="8">
        <v>79503732</v>
      </c>
      <c r="K30749" s="9"/>
      <c r="L30749" s="6"/>
    </row>
    <row r="30750" spans="1:12">
      <c r="A30750" s="6" t="s">
        <v>32262</v>
      </c>
      <c r="B30750" s="6"/>
      <c r="C30750" s="6" t="s">
        <v>32230</v>
      </c>
      <c r="D30750" s="6"/>
      <c r="E30750" s="6" t="s">
        <v>9</v>
      </c>
      <c r="F30750" s="7">
        <v>44252</v>
      </c>
      <c r="G30750" s="8">
        <v>452573</v>
      </c>
      <c r="H30750" s="8">
        <v>452573</v>
      </c>
      <c r="I30750" s="8">
        <v>56571</v>
      </c>
      <c r="J30750" s="8">
        <v>396002</v>
      </c>
      <c r="K30750" s="9"/>
      <c r="L30750" s="6"/>
    </row>
    <row r="30751" spans="1:12">
      <c r="A30751" s="6" t="s">
        <v>32263</v>
      </c>
      <c r="B30751" s="6"/>
      <c r="C30751" s="6" t="s">
        <v>32230</v>
      </c>
      <c r="D30751" s="6"/>
      <c r="E30751" s="6" t="s">
        <v>9</v>
      </c>
      <c r="F30751" s="7">
        <v>30772</v>
      </c>
      <c r="G30751" s="8">
        <v>20881000</v>
      </c>
      <c r="H30751" s="8">
        <v>1</v>
      </c>
      <c r="I30751" s="8">
        <v>20880999</v>
      </c>
      <c r="J30751" s="8">
        <v>1</v>
      </c>
      <c r="K30751" s="9"/>
      <c r="L30751" s="6"/>
    </row>
    <row r="30752" spans="1:12">
      <c r="A30752" s="6" t="s">
        <v>32264</v>
      </c>
      <c r="B30752" s="6"/>
      <c r="C30752" s="6" t="s">
        <v>32230</v>
      </c>
      <c r="D30752" s="6"/>
      <c r="E30752" s="6" t="s">
        <v>9</v>
      </c>
      <c r="F30752" s="7">
        <v>35885</v>
      </c>
      <c r="G30752" s="8">
        <v>204805300</v>
      </c>
      <c r="H30752" s="8">
        <v>1</v>
      </c>
      <c r="I30752" s="8">
        <v>204805299</v>
      </c>
      <c r="J30752" s="8">
        <v>1</v>
      </c>
      <c r="K30752" s="9"/>
      <c r="L30752" s="6"/>
    </row>
    <row r="30753" spans="1:12">
      <c r="A30753" s="6" t="s">
        <v>32265</v>
      </c>
      <c r="B30753" s="6"/>
      <c r="C30753" s="6" t="s">
        <v>32230</v>
      </c>
      <c r="D30753" s="6"/>
      <c r="E30753" s="6" t="s">
        <v>9</v>
      </c>
      <c r="F30753" s="7">
        <v>28672</v>
      </c>
      <c r="G30753" s="8">
        <v>105600000</v>
      </c>
      <c r="H30753" s="8">
        <v>1</v>
      </c>
      <c r="I30753" s="8">
        <v>105599999</v>
      </c>
      <c r="J30753" s="8">
        <v>1</v>
      </c>
      <c r="K30753" s="9"/>
      <c r="L30753" s="6"/>
    </row>
    <row r="30754" spans="1:12">
      <c r="A30754" s="6" t="s">
        <v>32266</v>
      </c>
      <c r="B30754" s="6"/>
      <c r="C30754" s="6" t="s">
        <v>32230</v>
      </c>
      <c r="D30754" s="6"/>
      <c r="E30754" s="6" t="s">
        <v>9</v>
      </c>
      <c r="F30754" s="7">
        <v>43921</v>
      </c>
      <c r="G30754" s="8">
        <v>2444200</v>
      </c>
      <c r="H30754" s="8">
        <v>2395316</v>
      </c>
      <c r="I30754" s="8">
        <v>97768</v>
      </c>
      <c r="J30754" s="8">
        <v>2346432</v>
      </c>
      <c r="K30754" s="9"/>
      <c r="L30754" s="6"/>
    </row>
    <row r="30755" spans="1:12">
      <c r="A30755" s="6" t="s">
        <v>32267</v>
      </c>
      <c r="B30755" s="6"/>
      <c r="C30755" s="6" t="s">
        <v>32230</v>
      </c>
      <c r="D30755" s="6"/>
      <c r="E30755" s="6" t="s">
        <v>9</v>
      </c>
      <c r="F30755" s="7">
        <v>41369</v>
      </c>
      <c r="G30755" s="8">
        <v>8872500</v>
      </c>
      <c r="H30755" s="8">
        <v>2661750</v>
      </c>
      <c r="I30755" s="8">
        <v>7098000</v>
      </c>
      <c r="J30755" s="8">
        <v>1774500</v>
      </c>
      <c r="K30755" s="9"/>
      <c r="L30755" s="6"/>
    </row>
    <row r="30756" spans="1:12">
      <c r="A30756" s="6" t="s">
        <v>32268</v>
      </c>
      <c r="B30756" s="6"/>
      <c r="C30756" s="6" t="s">
        <v>32230</v>
      </c>
      <c r="D30756" s="6"/>
      <c r="E30756" s="6" t="s">
        <v>9</v>
      </c>
      <c r="F30756" s="7">
        <v>42255</v>
      </c>
      <c r="G30756" s="8">
        <v>86705340</v>
      </c>
      <c r="H30756" s="8">
        <v>57659055</v>
      </c>
      <c r="I30756" s="8">
        <v>34855542</v>
      </c>
      <c r="J30756" s="8">
        <v>51849798</v>
      </c>
      <c r="K30756" s="9"/>
      <c r="L30756" s="6"/>
    </row>
    <row r="30757" spans="1:12">
      <c r="A30757" s="6" t="s">
        <v>32269</v>
      </c>
      <c r="B30757" s="6"/>
      <c r="C30757" s="6" t="s">
        <v>32230</v>
      </c>
      <c r="D30757" s="6"/>
      <c r="E30757" s="6" t="s">
        <v>9</v>
      </c>
      <c r="F30757" s="7">
        <v>41344</v>
      </c>
      <c r="G30757" s="8">
        <v>4998000</v>
      </c>
      <c r="H30757" s="8">
        <v>999600</v>
      </c>
      <c r="I30757" s="8">
        <v>4498200</v>
      </c>
      <c r="J30757" s="8">
        <v>499800</v>
      </c>
      <c r="K30757" s="9"/>
      <c r="L30757" s="6"/>
    </row>
    <row r="30758" spans="1:12">
      <c r="A30758" s="6" t="s">
        <v>32270</v>
      </c>
      <c r="B30758" s="6"/>
      <c r="C30758" s="6" t="s">
        <v>32230</v>
      </c>
      <c r="D30758" s="6"/>
      <c r="E30758" s="6" t="s">
        <v>9</v>
      </c>
      <c r="F30758" s="7">
        <v>42139</v>
      </c>
      <c r="G30758" s="8">
        <v>332775000</v>
      </c>
      <c r="H30758" s="8">
        <v>221295375</v>
      </c>
      <c r="I30758" s="8">
        <v>133775550</v>
      </c>
      <c r="J30758" s="8">
        <v>198999450</v>
      </c>
      <c r="K30758" s="9"/>
      <c r="L30758" s="6"/>
    </row>
    <row r="30759" spans="1:12">
      <c r="A30759" s="6" t="s">
        <v>32271</v>
      </c>
      <c r="B30759" s="6"/>
      <c r="C30759" s="6" t="s">
        <v>32230</v>
      </c>
      <c r="D30759" s="6"/>
      <c r="E30759" s="6" t="s">
        <v>9</v>
      </c>
      <c r="F30759" s="7">
        <v>42165</v>
      </c>
      <c r="G30759" s="8">
        <v>15261040</v>
      </c>
      <c r="H30759" s="8">
        <v>12666665</v>
      </c>
      <c r="I30759" s="8">
        <v>3113250</v>
      </c>
      <c r="J30759" s="8">
        <v>12147790</v>
      </c>
      <c r="K30759" s="9"/>
      <c r="L30759" s="6"/>
    </row>
    <row r="30760" spans="1:12">
      <c r="A30760" s="6" t="s">
        <v>32272</v>
      </c>
      <c r="B30760" s="6"/>
      <c r="C30760" s="6" t="s">
        <v>32230</v>
      </c>
      <c r="D30760" s="6"/>
      <c r="E30760" s="6" t="s">
        <v>9</v>
      </c>
      <c r="F30760" s="7">
        <v>44175</v>
      </c>
      <c r="G30760" s="8">
        <v>810040</v>
      </c>
      <c r="H30760" s="8">
        <v>810040</v>
      </c>
      <c r="I30760" s="8">
        <v>27541</v>
      </c>
      <c r="J30760" s="8">
        <v>782499</v>
      </c>
      <c r="K30760" s="9"/>
      <c r="L30760" s="6"/>
    </row>
    <row r="30761" spans="1:12">
      <c r="A30761" s="6" t="s">
        <v>32273</v>
      </c>
      <c r="B30761" s="6"/>
      <c r="C30761" s="6" t="s">
        <v>32230</v>
      </c>
      <c r="D30761" s="6"/>
      <c r="E30761" s="6" t="s">
        <v>9</v>
      </c>
      <c r="F30761" s="7">
        <v>38838</v>
      </c>
      <c r="G30761" s="8">
        <v>107052000</v>
      </c>
      <c r="H30761" s="8">
        <v>56095248</v>
      </c>
      <c r="I30761" s="8">
        <v>54596520</v>
      </c>
      <c r="J30761" s="8">
        <v>52455480</v>
      </c>
      <c r="K30761" s="9"/>
      <c r="L30761" s="6"/>
    </row>
    <row r="30762" spans="1:12">
      <c r="A30762" s="6" t="s">
        <v>32274</v>
      </c>
      <c r="B30762" s="6"/>
      <c r="C30762" s="6" t="s">
        <v>32230</v>
      </c>
      <c r="D30762" s="6"/>
      <c r="E30762" s="6" t="s">
        <v>9</v>
      </c>
      <c r="F30762" s="7">
        <v>29738</v>
      </c>
      <c r="G30762" s="8">
        <v>95304000</v>
      </c>
      <c r="H30762" s="8">
        <v>1</v>
      </c>
      <c r="I30762" s="8">
        <v>95303999</v>
      </c>
      <c r="J30762" s="8">
        <v>1</v>
      </c>
      <c r="K30762" s="9"/>
      <c r="L30762" s="6"/>
    </row>
    <row r="30763" spans="1:12">
      <c r="A30763" s="6" t="s">
        <v>32275</v>
      </c>
      <c r="B30763" s="6"/>
      <c r="C30763" s="6" t="s">
        <v>32230</v>
      </c>
      <c r="D30763" s="6"/>
      <c r="E30763" s="6" t="s">
        <v>9</v>
      </c>
      <c r="F30763" s="7">
        <v>42998</v>
      </c>
      <c r="G30763" s="8">
        <v>154440</v>
      </c>
      <c r="H30763" s="8">
        <v>123399</v>
      </c>
      <c r="I30763" s="8">
        <v>41388</v>
      </c>
      <c r="J30763" s="8">
        <v>113052</v>
      </c>
      <c r="K30763" s="9"/>
      <c r="L30763" s="6"/>
    </row>
    <row r="30764" spans="1:12">
      <c r="A30764" s="6" t="s">
        <v>32276</v>
      </c>
      <c r="B30764" s="6"/>
      <c r="C30764" s="6" t="s">
        <v>32230</v>
      </c>
      <c r="D30764" s="6"/>
      <c r="E30764" s="6" t="s">
        <v>9</v>
      </c>
      <c r="F30764" s="7">
        <v>39345</v>
      </c>
      <c r="G30764" s="8">
        <v>4515000</v>
      </c>
      <c r="H30764" s="8">
        <v>3047625</v>
      </c>
      <c r="I30764" s="8">
        <v>1580250</v>
      </c>
      <c r="J30764" s="8">
        <v>2934750</v>
      </c>
      <c r="K30764" s="9"/>
      <c r="L30764" s="6"/>
    </row>
    <row r="30765" spans="1:12">
      <c r="A30765" s="6" t="s">
        <v>32277</v>
      </c>
      <c r="B30765" s="6"/>
      <c r="C30765" s="6" t="s">
        <v>32230</v>
      </c>
      <c r="D30765" s="6"/>
      <c r="E30765" s="6" t="s">
        <v>18740</v>
      </c>
      <c r="F30765" s="7">
        <v>43395</v>
      </c>
      <c r="G30765" s="8">
        <v>1772280</v>
      </c>
      <c r="H30765" s="8">
        <v>1651766</v>
      </c>
      <c r="I30765" s="8">
        <v>180771</v>
      </c>
      <c r="J30765" s="8">
        <v>1591509</v>
      </c>
      <c r="K30765" s="9"/>
      <c r="L30765" s="6"/>
    </row>
    <row r="30766" spans="1:12">
      <c r="A30766" s="6" t="s">
        <v>32278</v>
      </c>
      <c r="B30766" s="6"/>
      <c r="C30766" s="6" t="s">
        <v>32230</v>
      </c>
      <c r="D30766" s="6"/>
      <c r="E30766" s="6" t="s">
        <v>9</v>
      </c>
      <c r="F30766" s="7">
        <v>43621</v>
      </c>
      <c r="G30766" s="8">
        <v>696600</v>
      </c>
      <c r="H30766" s="8">
        <v>626940</v>
      </c>
      <c r="I30766" s="8">
        <v>139320</v>
      </c>
      <c r="J30766" s="8">
        <v>557280</v>
      </c>
      <c r="K30766" s="9"/>
      <c r="L30766" s="6"/>
    </row>
    <row r="30767" spans="1:12">
      <c r="A30767" s="6" t="s">
        <v>32234</v>
      </c>
      <c r="B30767" s="6"/>
      <c r="C30767" s="6" t="s">
        <v>32230</v>
      </c>
      <c r="D30767" s="6"/>
      <c r="E30767" s="6" t="s">
        <v>9</v>
      </c>
      <c r="F30767" s="7">
        <v>44286</v>
      </c>
      <c r="G30767" s="8">
        <v>402610</v>
      </c>
      <c r="H30767" s="8">
        <v>402610</v>
      </c>
      <c r="I30767" s="8">
        <v>23753</v>
      </c>
      <c r="J30767" s="8">
        <v>378857</v>
      </c>
      <c r="K30767" s="9"/>
      <c r="L30767" s="6"/>
    </row>
    <row r="30768" spans="1:12">
      <c r="A30768" s="6" t="s">
        <v>32279</v>
      </c>
      <c r="B30768" s="6"/>
      <c r="C30768" s="6" t="s">
        <v>32230</v>
      </c>
      <c r="D30768" s="6"/>
      <c r="E30768" s="6" t="s">
        <v>9</v>
      </c>
      <c r="F30768" s="7">
        <v>40696</v>
      </c>
      <c r="G30768" s="8">
        <v>861000</v>
      </c>
      <c r="H30768" s="8">
        <v>86100</v>
      </c>
      <c r="I30768" s="8">
        <v>860999</v>
      </c>
      <c r="J30768" s="8">
        <v>1</v>
      </c>
      <c r="K30768" s="9"/>
      <c r="L30768" s="6"/>
    </row>
    <row r="30769" spans="1:12">
      <c r="A30769" s="6" t="s">
        <v>32234</v>
      </c>
      <c r="B30769" s="6"/>
      <c r="C30769" s="6" t="s">
        <v>32230</v>
      </c>
      <c r="D30769" s="6"/>
      <c r="E30769" s="6" t="s">
        <v>9</v>
      </c>
      <c r="F30769" s="7">
        <v>44286</v>
      </c>
      <c r="G30769" s="8">
        <v>402610</v>
      </c>
      <c r="H30769" s="8">
        <v>402610</v>
      </c>
      <c r="I30769" s="8">
        <v>23753</v>
      </c>
      <c r="J30769" s="8">
        <v>378857</v>
      </c>
      <c r="K30769" s="9"/>
      <c r="L30769" s="6"/>
    </row>
    <row r="30770" spans="1:12">
      <c r="A30770" s="6" t="s">
        <v>32280</v>
      </c>
      <c r="B30770" s="6"/>
      <c r="C30770" s="6" t="s">
        <v>32230</v>
      </c>
      <c r="D30770" s="6"/>
      <c r="E30770" s="6" t="s">
        <v>9</v>
      </c>
      <c r="F30770" s="7">
        <v>43644</v>
      </c>
      <c r="G30770" s="8">
        <v>289344</v>
      </c>
      <c r="H30770" s="8">
        <v>260410</v>
      </c>
      <c r="I30770" s="8">
        <v>57868</v>
      </c>
      <c r="J30770" s="8">
        <v>231476</v>
      </c>
      <c r="K30770" s="9"/>
      <c r="L30770" s="6"/>
    </row>
    <row r="30771" spans="1:12">
      <c r="A30771" s="6" t="s">
        <v>32234</v>
      </c>
      <c r="B30771" s="6"/>
      <c r="C30771" s="6" t="s">
        <v>32230</v>
      </c>
      <c r="D30771" s="6"/>
      <c r="E30771" s="6" t="s">
        <v>9</v>
      </c>
      <c r="F30771" s="7">
        <v>44286</v>
      </c>
      <c r="G30771" s="8">
        <v>402610</v>
      </c>
      <c r="H30771" s="8">
        <v>402610</v>
      </c>
      <c r="I30771" s="8">
        <v>23753</v>
      </c>
      <c r="J30771" s="8">
        <v>378857</v>
      </c>
      <c r="K30771" s="9"/>
      <c r="L30771" s="6"/>
    </row>
    <row r="30772" spans="1:12">
      <c r="A30772" s="6" t="s">
        <v>32281</v>
      </c>
      <c r="B30772" s="6"/>
      <c r="C30772" s="6" t="s">
        <v>32230</v>
      </c>
      <c r="D30772" s="6"/>
      <c r="E30772" s="6" t="s">
        <v>18740</v>
      </c>
      <c r="F30772" s="7">
        <v>40463</v>
      </c>
      <c r="G30772" s="8">
        <v>840000</v>
      </c>
      <c r="H30772" s="8">
        <v>277200</v>
      </c>
      <c r="I30772" s="8">
        <v>619080</v>
      </c>
      <c r="J30772" s="8">
        <v>220920</v>
      </c>
      <c r="K30772" s="9"/>
      <c r="L30772" s="6"/>
    </row>
    <row r="30773" spans="1:12">
      <c r="A30773" s="6" t="s">
        <v>32282</v>
      </c>
      <c r="B30773" s="6"/>
      <c r="C30773" s="6" t="s">
        <v>32230</v>
      </c>
      <c r="D30773" s="6"/>
      <c r="E30773" s="6" t="s">
        <v>9</v>
      </c>
      <c r="F30773" s="7">
        <v>42185</v>
      </c>
      <c r="G30773" s="8">
        <v>1296000</v>
      </c>
      <c r="H30773" s="8">
        <v>648000</v>
      </c>
      <c r="I30773" s="8">
        <v>777600</v>
      </c>
      <c r="J30773" s="8">
        <v>518400</v>
      </c>
      <c r="K30773" s="9"/>
      <c r="L30773" s="6"/>
    </row>
    <row r="30774" spans="1:12">
      <c r="A30774" s="6" t="s">
        <v>32234</v>
      </c>
      <c r="B30774" s="6"/>
      <c r="C30774" s="6" t="s">
        <v>32230</v>
      </c>
      <c r="D30774" s="6"/>
      <c r="E30774" s="6" t="s">
        <v>9</v>
      </c>
      <c r="F30774" s="7">
        <v>44286</v>
      </c>
      <c r="G30774" s="8">
        <v>402610</v>
      </c>
      <c r="H30774" s="8">
        <v>402610</v>
      </c>
      <c r="I30774" s="8">
        <v>23753</v>
      </c>
      <c r="J30774" s="8">
        <v>378857</v>
      </c>
      <c r="K30774" s="9"/>
      <c r="L30774" s="6"/>
    </row>
    <row r="30775" spans="1:12">
      <c r="A30775" s="6" t="s">
        <v>32234</v>
      </c>
      <c r="B30775" s="6"/>
      <c r="C30775" s="6" t="s">
        <v>32230</v>
      </c>
      <c r="D30775" s="6"/>
      <c r="E30775" s="6" t="s">
        <v>9</v>
      </c>
      <c r="F30775" s="7">
        <v>44286</v>
      </c>
      <c r="G30775" s="8">
        <v>360813</v>
      </c>
      <c r="H30775" s="8">
        <v>360813</v>
      </c>
      <c r="I30775" s="8">
        <v>21287</v>
      </c>
      <c r="J30775" s="8">
        <v>339526</v>
      </c>
      <c r="K30775" s="9"/>
      <c r="L30775" s="6"/>
    </row>
    <row r="30776" spans="1:12">
      <c r="A30776" s="20" t="s">
        <v>39176</v>
      </c>
      <c r="B30776" s="22"/>
      <c r="C30776" s="22" t="s">
        <v>32230</v>
      </c>
      <c r="D30776" s="22"/>
      <c r="E30776" s="22" t="s">
        <v>9</v>
      </c>
      <c r="F30776" s="23">
        <v>43889</v>
      </c>
      <c r="G30776" s="24">
        <v>19121460</v>
      </c>
      <c r="H30776" s="24">
        <v>17209314</v>
      </c>
      <c r="I30776" s="24">
        <v>3824292</v>
      </c>
      <c r="J30776" s="24">
        <v>15297168</v>
      </c>
      <c r="K30776" s="25"/>
      <c r="L30776" s="6"/>
    </row>
    <row r="30777" spans="1:12">
      <c r="A30777" s="20" t="s">
        <v>39177</v>
      </c>
      <c r="B30777" s="22"/>
      <c r="C30777" s="22" t="s">
        <v>32230</v>
      </c>
      <c r="D30777" s="22"/>
      <c r="E30777" s="22" t="s">
        <v>9</v>
      </c>
      <c r="F30777" s="23">
        <v>43878</v>
      </c>
      <c r="G30777" s="24">
        <v>5093000</v>
      </c>
      <c r="H30777" s="24">
        <v>4583700</v>
      </c>
      <c r="I30777" s="24">
        <v>1018600</v>
      </c>
      <c r="J30777" s="24">
        <v>4074400</v>
      </c>
      <c r="K30777" s="25"/>
      <c r="L30777" s="6"/>
    </row>
    <row r="30778" spans="1:12">
      <c r="A30778" s="20" t="s">
        <v>39178</v>
      </c>
      <c r="B30778" s="22"/>
      <c r="C30778" s="22" t="s">
        <v>32230</v>
      </c>
      <c r="D30778" s="22"/>
      <c r="E30778" s="22" t="s">
        <v>9</v>
      </c>
      <c r="F30778" s="23">
        <v>43840</v>
      </c>
      <c r="G30778" s="24">
        <v>2404600</v>
      </c>
      <c r="H30778" s="24">
        <v>2284370</v>
      </c>
      <c r="I30778" s="24">
        <v>240460</v>
      </c>
      <c r="J30778" s="24">
        <v>2164140</v>
      </c>
      <c r="K30778" s="25"/>
      <c r="L30778" s="6"/>
    </row>
    <row r="30779" spans="1:12">
      <c r="A30779" s="6" t="s">
        <v>32283</v>
      </c>
      <c r="B30779" s="6"/>
      <c r="C30779" s="6" t="s">
        <v>32230</v>
      </c>
      <c r="D30779" s="6"/>
      <c r="E30779" s="6" t="s">
        <v>9</v>
      </c>
      <c r="F30779" s="7">
        <v>43921</v>
      </c>
      <c r="G30779" s="8">
        <v>368896</v>
      </c>
      <c r="H30779" s="8">
        <v>350452</v>
      </c>
      <c r="I30779" s="8">
        <v>36888</v>
      </c>
      <c r="J30779" s="8">
        <v>332008</v>
      </c>
      <c r="K30779" s="9"/>
      <c r="L30779" s="6"/>
    </row>
    <row r="30780" spans="1:12">
      <c r="A30780" s="6" t="s">
        <v>32284</v>
      </c>
      <c r="B30780" s="6"/>
      <c r="C30780" s="6" t="s">
        <v>32230</v>
      </c>
      <c r="D30780" s="6"/>
      <c r="E30780" s="6" t="s">
        <v>9</v>
      </c>
      <c r="F30780" s="7">
        <v>43921</v>
      </c>
      <c r="G30780" s="8">
        <v>858000</v>
      </c>
      <c r="H30780" s="8">
        <v>815100</v>
      </c>
      <c r="I30780" s="8">
        <v>85800</v>
      </c>
      <c r="J30780" s="8">
        <v>772200</v>
      </c>
      <c r="K30780" s="9"/>
      <c r="L30780" s="6"/>
    </row>
    <row r="30781" spans="1:12">
      <c r="A30781" s="6" t="s">
        <v>32285</v>
      </c>
      <c r="B30781" s="6"/>
      <c r="C30781" s="6" t="s">
        <v>32230</v>
      </c>
      <c r="D30781" s="6"/>
      <c r="E30781" s="6" t="s">
        <v>9</v>
      </c>
      <c r="F30781" s="7">
        <v>44286</v>
      </c>
      <c r="G30781" s="8">
        <v>26401100</v>
      </c>
      <c r="H30781" s="8">
        <v>26401100</v>
      </c>
      <c r="I30781" s="8">
        <v>2640110</v>
      </c>
      <c r="J30781" s="8">
        <v>23760990</v>
      </c>
      <c r="K30781" s="9"/>
      <c r="L30781" s="6"/>
    </row>
    <row r="30782" spans="1:12">
      <c r="A30782" s="6" t="s">
        <v>32286</v>
      </c>
      <c r="B30782" s="6"/>
      <c r="C30782" s="6" t="s">
        <v>32230</v>
      </c>
      <c r="D30782" s="6"/>
      <c r="E30782" s="6" t="s">
        <v>18740</v>
      </c>
      <c r="F30782" s="7">
        <v>42825</v>
      </c>
      <c r="G30782" s="8">
        <v>99900</v>
      </c>
      <c r="H30782" s="8">
        <v>73128</v>
      </c>
      <c r="I30782" s="8">
        <v>33465</v>
      </c>
      <c r="J30782" s="8">
        <v>66435</v>
      </c>
      <c r="K30782" s="9"/>
      <c r="L30782" s="6"/>
    </row>
    <row r="30783" spans="1:12">
      <c r="A30783" s="6" t="s">
        <v>32287</v>
      </c>
      <c r="B30783" s="6"/>
      <c r="C30783" s="6" t="s">
        <v>32230</v>
      </c>
      <c r="D30783" s="6"/>
      <c r="E30783" s="6" t="s">
        <v>9</v>
      </c>
      <c r="F30783" s="7">
        <v>43496</v>
      </c>
      <c r="G30783" s="8">
        <v>39636000</v>
      </c>
      <c r="H30783" s="8">
        <v>37654200</v>
      </c>
      <c r="I30783" s="8">
        <v>2972700</v>
      </c>
      <c r="J30783" s="8">
        <v>36663300</v>
      </c>
      <c r="K30783" s="9"/>
      <c r="L30783" s="6"/>
    </row>
    <row r="30784" spans="1:12">
      <c r="A30784" s="6" t="s">
        <v>32288</v>
      </c>
      <c r="B30784" s="6"/>
      <c r="C30784" s="6" t="s">
        <v>32230</v>
      </c>
      <c r="D30784" s="6"/>
      <c r="E30784" s="6" t="s">
        <v>9</v>
      </c>
      <c r="F30784" s="7">
        <v>43475</v>
      </c>
      <c r="G30784" s="8">
        <v>1987200</v>
      </c>
      <c r="H30784" s="8">
        <v>1589760</v>
      </c>
      <c r="I30784" s="8">
        <v>596160</v>
      </c>
      <c r="J30784" s="8">
        <v>1391040</v>
      </c>
      <c r="K30784" s="9"/>
      <c r="L30784" s="6"/>
    </row>
    <row r="30785" spans="1:12">
      <c r="A30785" s="6" t="s">
        <v>32289</v>
      </c>
      <c r="B30785" s="6"/>
      <c r="C30785" s="6" t="s">
        <v>32230</v>
      </c>
      <c r="D30785" s="6"/>
      <c r="E30785" s="6" t="s">
        <v>9</v>
      </c>
      <c r="F30785" s="7">
        <v>43266</v>
      </c>
      <c r="G30785" s="8">
        <v>11232000</v>
      </c>
      <c r="H30785" s="8">
        <v>8985600</v>
      </c>
      <c r="I30785" s="8">
        <v>3369600</v>
      </c>
      <c r="J30785" s="8">
        <v>7862400</v>
      </c>
      <c r="K30785" s="9"/>
      <c r="L30785" s="6"/>
    </row>
    <row r="30786" spans="1:12">
      <c r="A30786" s="6" t="s">
        <v>32290</v>
      </c>
      <c r="B30786" s="6"/>
      <c r="C30786" s="6" t="s">
        <v>32230</v>
      </c>
      <c r="D30786" s="6"/>
      <c r="E30786" s="6" t="s">
        <v>9</v>
      </c>
      <c r="F30786" s="7">
        <v>42087</v>
      </c>
      <c r="G30786" s="8">
        <v>105414600</v>
      </c>
      <c r="H30786" s="8">
        <v>83910024</v>
      </c>
      <c r="I30786" s="8">
        <v>25088672</v>
      </c>
      <c r="J30786" s="8">
        <v>80325928</v>
      </c>
      <c r="K30786" s="9"/>
      <c r="L30786" s="6"/>
    </row>
    <row r="30787" spans="1:12">
      <c r="A30787" s="6" t="s">
        <v>32291</v>
      </c>
      <c r="B30787" s="6"/>
      <c r="C30787" s="6" t="s">
        <v>32230</v>
      </c>
      <c r="D30787" s="6"/>
      <c r="E30787" s="6" t="s">
        <v>9</v>
      </c>
      <c r="F30787" s="7">
        <v>43089</v>
      </c>
      <c r="G30787" s="8">
        <v>90720000</v>
      </c>
      <c r="H30787" s="8">
        <v>81466560</v>
      </c>
      <c r="I30787" s="8">
        <v>12337920</v>
      </c>
      <c r="J30787" s="8">
        <v>78382080</v>
      </c>
      <c r="K30787" s="9"/>
      <c r="L30787" s="6"/>
    </row>
    <row r="30788" spans="1:12">
      <c r="A30788" s="6" t="s">
        <v>32292</v>
      </c>
      <c r="B30788" s="6"/>
      <c r="C30788" s="6" t="s">
        <v>32230</v>
      </c>
      <c r="D30788" s="6"/>
      <c r="E30788" s="6" t="s">
        <v>9</v>
      </c>
      <c r="F30788" s="7">
        <v>43555</v>
      </c>
      <c r="G30788" s="8">
        <v>1188000</v>
      </c>
      <c r="H30788" s="8">
        <v>1054944</v>
      </c>
      <c r="I30788" s="8">
        <v>199584</v>
      </c>
      <c r="J30788" s="8">
        <v>988416</v>
      </c>
      <c r="K30788" s="9"/>
      <c r="L30788" s="6"/>
    </row>
    <row r="30789" spans="1:12">
      <c r="A30789" s="6" t="s">
        <v>32293</v>
      </c>
      <c r="B30789" s="6"/>
      <c r="C30789" s="6" t="s">
        <v>32230</v>
      </c>
      <c r="D30789" s="6"/>
      <c r="E30789" s="6" t="s">
        <v>9</v>
      </c>
      <c r="F30789" s="7">
        <v>41081</v>
      </c>
      <c r="G30789" s="8">
        <v>1291500</v>
      </c>
      <c r="H30789" s="8">
        <v>258300</v>
      </c>
      <c r="I30789" s="8">
        <v>1162350</v>
      </c>
      <c r="J30789" s="8">
        <v>129150</v>
      </c>
      <c r="K30789" s="9"/>
      <c r="L30789" s="6"/>
    </row>
    <row r="30790" spans="1:12">
      <c r="A30790" s="6" t="s">
        <v>32294</v>
      </c>
      <c r="B30790" s="6"/>
      <c r="C30790" s="6" t="s">
        <v>32230</v>
      </c>
      <c r="D30790" s="6"/>
      <c r="E30790" s="6" t="s">
        <v>9</v>
      </c>
      <c r="F30790" s="7">
        <v>41754</v>
      </c>
      <c r="G30790" s="8">
        <v>154543500</v>
      </c>
      <c r="H30790" s="8">
        <v>92417016</v>
      </c>
      <c r="I30790" s="8">
        <v>72480898</v>
      </c>
      <c r="J30790" s="8">
        <v>82062602</v>
      </c>
      <c r="K30790" s="9"/>
      <c r="L30790" s="6"/>
    </row>
    <row r="30791" spans="1:12">
      <c r="A30791" s="6" t="s">
        <v>32295</v>
      </c>
      <c r="B30791" s="6"/>
      <c r="C30791" s="6" t="s">
        <v>32230</v>
      </c>
      <c r="D30791" s="6"/>
      <c r="E30791" s="6" t="s">
        <v>9</v>
      </c>
      <c r="F30791" s="7">
        <v>42149</v>
      </c>
      <c r="G30791" s="8">
        <v>1291680</v>
      </c>
      <c r="H30791" s="8">
        <v>1072095</v>
      </c>
      <c r="I30791" s="8">
        <v>263502</v>
      </c>
      <c r="J30791" s="8">
        <v>1028178</v>
      </c>
      <c r="K30791" s="9"/>
      <c r="L30791" s="6"/>
    </row>
    <row r="30792" spans="1:12">
      <c r="A30792" s="6" t="s">
        <v>32296</v>
      </c>
      <c r="B30792" s="6"/>
      <c r="C30792" s="6" t="s">
        <v>32230</v>
      </c>
      <c r="D30792" s="6"/>
      <c r="E30792" s="6" t="s">
        <v>9</v>
      </c>
      <c r="F30792" s="7">
        <v>43555</v>
      </c>
      <c r="G30792" s="8">
        <v>9288000</v>
      </c>
      <c r="H30792" s="8">
        <v>7430400</v>
      </c>
      <c r="I30792" s="8">
        <v>2786400</v>
      </c>
      <c r="J30792" s="8">
        <v>6501600</v>
      </c>
      <c r="K30792" s="9"/>
      <c r="L30792" s="6"/>
    </row>
    <row r="30793" spans="1:12">
      <c r="A30793" s="6" t="s">
        <v>32297</v>
      </c>
      <c r="B30793" s="6"/>
      <c r="C30793" s="6" t="s">
        <v>32230</v>
      </c>
      <c r="D30793" s="6"/>
      <c r="E30793" s="6" t="s">
        <v>9</v>
      </c>
      <c r="F30793" s="7">
        <v>43555</v>
      </c>
      <c r="G30793" s="8">
        <v>933120</v>
      </c>
      <c r="H30793" s="8">
        <v>746496</v>
      </c>
      <c r="I30793" s="8">
        <v>279936</v>
      </c>
      <c r="J30793" s="8">
        <v>653184</v>
      </c>
      <c r="K30793" s="9"/>
      <c r="L30793" s="6"/>
    </row>
    <row r="30794" spans="1:12">
      <c r="A30794" s="6" t="s">
        <v>32298</v>
      </c>
      <c r="B30794" s="6"/>
      <c r="C30794" s="6" t="s">
        <v>32230</v>
      </c>
      <c r="D30794" s="6"/>
      <c r="E30794" s="6" t="s">
        <v>9</v>
      </c>
      <c r="F30794" s="7">
        <v>43690</v>
      </c>
      <c r="G30794" s="8">
        <v>86400</v>
      </c>
      <c r="H30794" s="8">
        <v>80612</v>
      </c>
      <c r="I30794" s="8">
        <v>11576</v>
      </c>
      <c r="J30794" s="8">
        <v>74824</v>
      </c>
      <c r="K30794" s="9"/>
      <c r="L30794" s="6"/>
    </row>
    <row r="30795" spans="1:12">
      <c r="A30795" s="6" t="s">
        <v>32299</v>
      </c>
      <c r="B30795" s="6"/>
      <c r="C30795" s="6" t="s">
        <v>32230</v>
      </c>
      <c r="D30795" s="6"/>
      <c r="E30795" s="6" t="s">
        <v>9</v>
      </c>
      <c r="F30795" s="7">
        <v>43962</v>
      </c>
      <c r="G30795" s="8">
        <v>8250000</v>
      </c>
      <c r="H30795" s="8">
        <v>8250000</v>
      </c>
      <c r="I30795" s="8">
        <v>825000</v>
      </c>
      <c r="J30795" s="8">
        <v>7425000</v>
      </c>
      <c r="K30795" s="9"/>
      <c r="L30795" s="6"/>
    </row>
    <row r="30796" spans="1:12">
      <c r="A30796" s="6" t="s">
        <v>32300</v>
      </c>
      <c r="B30796" s="6"/>
      <c r="C30796" s="6" t="s">
        <v>32230</v>
      </c>
      <c r="D30796" s="6"/>
      <c r="E30796" s="6" t="s">
        <v>9</v>
      </c>
      <c r="F30796" s="7">
        <v>44124</v>
      </c>
      <c r="G30796" s="8">
        <v>327800</v>
      </c>
      <c r="H30796" s="8">
        <v>327800</v>
      </c>
      <c r="I30796" s="8">
        <v>19340</v>
      </c>
      <c r="J30796" s="8">
        <v>308460</v>
      </c>
      <c r="K30796" s="9"/>
      <c r="L30796" s="6"/>
    </row>
    <row r="30797" spans="1:12">
      <c r="A30797" s="6" t="s">
        <v>32301</v>
      </c>
      <c r="B30797" s="6"/>
      <c r="C30797" s="6" t="s">
        <v>32230</v>
      </c>
      <c r="D30797" s="6"/>
      <c r="E30797" s="6" t="s">
        <v>9</v>
      </c>
      <c r="F30797" s="7">
        <v>43003</v>
      </c>
      <c r="G30797" s="8">
        <v>15724800</v>
      </c>
      <c r="H30797" s="8">
        <v>11007360</v>
      </c>
      <c r="I30797" s="8">
        <v>6289920</v>
      </c>
      <c r="J30797" s="8">
        <v>9434880</v>
      </c>
      <c r="K30797" s="9"/>
      <c r="L30797" s="6"/>
    </row>
    <row r="30798" spans="1:12">
      <c r="A30798" s="6" t="s">
        <v>32302</v>
      </c>
      <c r="B30798" s="6"/>
      <c r="C30798" s="6" t="s">
        <v>32230</v>
      </c>
      <c r="D30798" s="6"/>
      <c r="E30798" s="6" t="s">
        <v>9</v>
      </c>
      <c r="F30798" s="7">
        <v>44104</v>
      </c>
      <c r="G30798" s="8">
        <v>297000</v>
      </c>
      <c r="H30798" s="8">
        <v>297000</v>
      </c>
      <c r="I30798" s="8">
        <v>29700</v>
      </c>
      <c r="J30798" s="8">
        <v>267300</v>
      </c>
      <c r="K30798" s="9"/>
      <c r="L30798" s="6"/>
    </row>
    <row r="30799" spans="1:12">
      <c r="A30799" s="6" t="s">
        <v>32303</v>
      </c>
      <c r="B30799" s="6"/>
      <c r="C30799" s="6" t="s">
        <v>32230</v>
      </c>
      <c r="D30799" s="6"/>
      <c r="E30799" s="6" t="s">
        <v>9</v>
      </c>
      <c r="F30799" s="7">
        <v>44099</v>
      </c>
      <c r="G30799" s="8">
        <v>2266000</v>
      </c>
      <c r="H30799" s="8">
        <v>2266000</v>
      </c>
      <c r="I30799" s="8">
        <v>226600</v>
      </c>
      <c r="J30799" s="8">
        <v>2039400</v>
      </c>
      <c r="K30799" s="9"/>
      <c r="L30799" s="6"/>
    </row>
    <row r="30800" spans="1:12">
      <c r="A30800" s="6" t="s">
        <v>32304</v>
      </c>
      <c r="B30800" s="6"/>
      <c r="C30800" s="6" t="s">
        <v>32230</v>
      </c>
      <c r="D30800" s="6"/>
      <c r="E30800" s="6" t="s">
        <v>9</v>
      </c>
      <c r="F30800" s="7">
        <v>44104</v>
      </c>
      <c r="G30800" s="8">
        <v>682000</v>
      </c>
      <c r="H30800" s="8">
        <v>682000</v>
      </c>
      <c r="I30800" s="8">
        <v>17050</v>
      </c>
      <c r="J30800" s="8">
        <v>664950</v>
      </c>
      <c r="K30800" s="9"/>
      <c r="L30800" s="6"/>
    </row>
    <row r="30801" spans="1:12">
      <c r="A30801" s="6" t="s">
        <v>32305</v>
      </c>
      <c r="B30801" s="6"/>
      <c r="C30801" s="6" t="s">
        <v>32230</v>
      </c>
      <c r="D30801" s="6"/>
      <c r="E30801" s="6" t="s">
        <v>9</v>
      </c>
      <c r="F30801" s="7">
        <v>44104</v>
      </c>
      <c r="G30801" s="8">
        <v>9230000</v>
      </c>
      <c r="H30801" s="8">
        <v>9230000</v>
      </c>
      <c r="I30801" s="8">
        <v>618410</v>
      </c>
      <c r="J30801" s="8">
        <v>8611590</v>
      </c>
      <c r="K30801" s="9"/>
      <c r="L30801" s="6"/>
    </row>
    <row r="30802" spans="1:12">
      <c r="A30802" s="6" t="s">
        <v>32306</v>
      </c>
      <c r="B30802" s="6"/>
      <c r="C30802" s="6" t="s">
        <v>32230</v>
      </c>
      <c r="D30802" s="6"/>
      <c r="E30802" s="6" t="s">
        <v>9</v>
      </c>
      <c r="F30802" s="7">
        <v>44286</v>
      </c>
      <c r="G30802" s="8">
        <v>429000</v>
      </c>
      <c r="H30802" s="8">
        <v>429000</v>
      </c>
      <c r="I30802" s="8">
        <v>25311</v>
      </c>
      <c r="J30802" s="8">
        <v>403689</v>
      </c>
      <c r="K30802" s="9"/>
      <c r="L30802" s="6"/>
    </row>
    <row r="30803" spans="1:12">
      <c r="A30803" s="6" t="s">
        <v>32305</v>
      </c>
      <c r="B30803" s="6"/>
      <c r="C30803" s="6" t="s">
        <v>32230</v>
      </c>
      <c r="D30803" s="6"/>
      <c r="E30803" s="6" t="s">
        <v>9</v>
      </c>
      <c r="F30803" s="7">
        <v>44190</v>
      </c>
      <c r="G30803" s="8">
        <v>13859000</v>
      </c>
      <c r="H30803" s="8">
        <v>13859000</v>
      </c>
      <c r="I30803" s="8">
        <v>928553</v>
      </c>
      <c r="J30803" s="8">
        <v>12930447</v>
      </c>
      <c r="K30803" s="9"/>
      <c r="L30803" s="6"/>
    </row>
    <row r="30804" spans="1:12">
      <c r="A30804" s="6" t="s">
        <v>32307</v>
      </c>
      <c r="B30804" s="6"/>
      <c r="C30804" s="6" t="s">
        <v>32230</v>
      </c>
      <c r="D30804" s="6"/>
      <c r="E30804" s="6" t="s">
        <v>9</v>
      </c>
      <c r="F30804" s="7">
        <v>44116</v>
      </c>
      <c r="G30804" s="8">
        <v>830500</v>
      </c>
      <c r="H30804" s="8">
        <v>830500</v>
      </c>
      <c r="I30804" s="8">
        <v>41525</v>
      </c>
      <c r="J30804" s="8">
        <v>788975</v>
      </c>
      <c r="K30804" s="9"/>
      <c r="L30804" s="6"/>
    </row>
    <row r="30805" spans="1:12">
      <c r="A30805" s="6" t="s">
        <v>32308</v>
      </c>
      <c r="B30805" s="6"/>
      <c r="C30805" s="6" t="s">
        <v>32230</v>
      </c>
      <c r="D30805" s="6"/>
      <c r="E30805" s="6" t="s">
        <v>9</v>
      </c>
      <c r="F30805" s="7">
        <v>44116</v>
      </c>
      <c r="G30805" s="8">
        <v>858000</v>
      </c>
      <c r="H30805" s="8">
        <v>858000</v>
      </c>
      <c r="I30805" s="8">
        <v>42900</v>
      </c>
      <c r="J30805" s="8">
        <v>815100</v>
      </c>
      <c r="K30805" s="9"/>
      <c r="L30805" s="6"/>
    </row>
    <row r="30806" spans="1:12">
      <c r="A30806" s="6" t="s">
        <v>32309</v>
      </c>
      <c r="B30806" s="6"/>
      <c r="C30806" s="6" t="s">
        <v>32230</v>
      </c>
      <c r="D30806" s="6"/>
      <c r="E30806" s="6" t="s">
        <v>9</v>
      </c>
      <c r="F30806" s="7">
        <v>44260</v>
      </c>
      <c r="G30806" s="8">
        <v>135300</v>
      </c>
      <c r="H30806" s="8">
        <v>135300</v>
      </c>
      <c r="I30806" s="8">
        <v>6765</v>
      </c>
      <c r="J30806" s="8">
        <v>128535</v>
      </c>
      <c r="K30806" s="9"/>
      <c r="L30806" s="6"/>
    </row>
    <row r="30807" spans="1:12">
      <c r="A30807" s="6" t="s">
        <v>32310</v>
      </c>
      <c r="B30807" s="6"/>
      <c r="C30807" s="6" t="s">
        <v>32230</v>
      </c>
      <c r="D30807" s="6"/>
      <c r="E30807" s="6" t="s">
        <v>9</v>
      </c>
      <c r="F30807" s="7">
        <v>44286</v>
      </c>
      <c r="G30807" s="8">
        <v>6138000</v>
      </c>
      <c r="H30807" s="8">
        <v>6138000</v>
      </c>
      <c r="I30807" s="8">
        <v>411246</v>
      </c>
      <c r="J30807" s="8">
        <v>5726754</v>
      </c>
      <c r="K30807" s="9"/>
      <c r="L30807" s="6"/>
    </row>
    <row r="30808" spans="1:12">
      <c r="A30808" s="6" t="s">
        <v>32311</v>
      </c>
      <c r="B30808" s="6"/>
      <c r="C30808" s="6" t="s">
        <v>32230</v>
      </c>
      <c r="D30808" s="6"/>
      <c r="E30808" s="6" t="s">
        <v>9</v>
      </c>
      <c r="F30808" s="7">
        <v>42877</v>
      </c>
      <c r="G30808" s="8">
        <v>18516600</v>
      </c>
      <c r="H30808" s="8">
        <v>12961620</v>
      </c>
      <c r="I30808" s="8">
        <v>7406640</v>
      </c>
      <c r="J30808" s="8">
        <v>11109960</v>
      </c>
      <c r="K30808" s="9"/>
      <c r="L30808" s="6"/>
    </row>
    <row r="30809" spans="1:12">
      <c r="A30809" s="6" t="s">
        <v>32312</v>
      </c>
      <c r="B30809" s="6"/>
      <c r="C30809" s="6" t="s">
        <v>32230</v>
      </c>
      <c r="D30809" s="6"/>
      <c r="E30809" s="6" t="s">
        <v>9</v>
      </c>
      <c r="F30809" s="7">
        <v>44216</v>
      </c>
      <c r="G30809" s="8">
        <v>1244100</v>
      </c>
      <c r="H30809" s="8">
        <v>1244100</v>
      </c>
      <c r="I30809" s="8">
        <v>83354</v>
      </c>
      <c r="J30809" s="8">
        <v>1160746</v>
      </c>
      <c r="K30809" s="9"/>
      <c r="L30809" s="6"/>
    </row>
    <row r="30810" spans="1:12">
      <c r="A30810" s="6" t="s">
        <v>32313</v>
      </c>
      <c r="B30810" s="6"/>
      <c r="C30810" s="6" t="s">
        <v>32230</v>
      </c>
      <c r="D30810" s="6"/>
      <c r="E30810" s="6" t="s">
        <v>9</v>
      </c>
      <c r="F30810" s="7">
        <v>44286</v>
      </c>
      <c r="G30810" s="8">
        <v>1210000</v>
      </c>
      <c r="H30810" s="8">
        <v>1210000</v>
      </c>
      <c r="I30810" s="8">
        <v>121000</v>
      </c>
      <c r="J30810" s="8">
        <v>1089000</v>
      </c>
      <c r="K30810" s="9"/>
      <c r="L30810" s="6"/>
    </row>
    <row r="30811" spans="1:12">
      <c r="A30811" s="6" t="s">
        <v>32314</v>
      </c>
      <c r="B30811" s="6"/>
      <c r="C30811" s="6" t="s">
        <v>32230</v>
      </c>
      <c r="D30811" s="6"/>
      <c r="E30811" s="6" t="s">
        <v>9</v>
      </c>
      <c r="F30811" s="7">
        <v>43555</v>
      </c>
      <c r="G30811" s="8">
        <v>6696000</v>
      </c>
      <c r="H30811" s="8">
        <v>5356800</v>
      </c>
      <c r="I30811" s="8">
        <v>2008800</v>
      </c>
      <c r="J30811" s="8">
        <v>4687200</v>
      </c>
      <c r="K30811" s="9"/>
      <c r="L30811" s="6"/>
    </row>
    <row r="30812" spans="1:12">
      <c r="A30812" s="6" t="s">
        <v>32315</v>
      </c>
      <c r="B30812" s="6"/>
      <c r="C30812" s="6" t="s">
        <v>32230</v>
      </c>
      <c r="D30812" s="6"/>
      <c r="E30812" s="6" t="s">
        <v>9</v>
      </c>
      <c r="F30812" s="7">
        <v>43662</v>
      </c>
      <c r="G30812" s="8">
        <v>64800</v>
      </c>
      <c r="H30812" s="8">
        <v>62597</v>
      </c>
      <c r="I30812" s="8">
        <v>4406</v>
      </c>
      <c r="J30812" s="8">
        <v>60394</v>
      </c>
      <c r="K30812" s="9"/>
      <c r="L30812" s="6"/>
    </row>
    <row r="30813" spans="1:12">
      <c r="A30813" s="6" t="s">
        <v>32316</v>
      </c>
      <c r="B30813" s="6"/>
      <c r="C30813" s="6" t="s">
        <v>32230</v>
      </c>
      <c r="D30813" s="6"/>
      <c r="E30813" s="6" t="s">
        <v>9</v>
      </c>
      <c r="F30813" s="7">
        <v>43636</v>
      </c>
      <c r="G30813" s="8">
        <v>41838120</v>
      </c>
      <c r="H30813" s="8">
        <v>37654308</v>
      </c>
      <c r="I30813" s="8">
        <v>8367624</v>
      </c>
      <c r="J30813" s="8">
        <v>33470496</v>
      </c>
      <c r="K30813" s="9"/>
      <c r="L30813" s="6"/>
    </row>
    <row r="30814" spans="1:12">
      <c r="A30814" s="6" t="s">
        <v>32317</v>
      </c>
      <c r="B30814" s="6"/>
      <c r="C30814" s="6" t="s">
        <v>32230</v>
      </c>
      <c r="D30814" s="6"/>
      <c r="E30814" s="6" t="s">
        <v>9</v>
      </c>
      <c r="F30814" s="7">
        <v>43921</v>
      </c>
      <c r="G30814" s="8">
        <v>12350800</v>
      </c>
      <c r="H30814" s="8">
        <v>11115720</v>
      </c>
      <c r="I30814" s="8">
        <v>2470160</v>
      </c>
      <c r="J30814" s="8">
        <v>9880640</v>
      </c>
      <c r="K30814" s="9"/>
      <c r="L30814" s="6"/>
    </row>
    <row r="30815" spans="1:12">
      <c r="A30815" s="6" t="s">
        <v>32314</v>
      </c>
      <c r="B30815" s="6"/>
      <c r="C30815" s="6" t="s">
        <v>32230</v>
      </c>
      <c r="D30815" s="6"/>
      <c r="E30815" s="6" t="s">
        <v>9</v>
      </c>
      <c r="F30815" s="7">
        <v>43921</v>
      </c>
      <c r="G30815" s="8">
        <v>7150000</v>
      </c>
      <c r="H30815" s="8">
        <v>6435000</v>
      </c>
      <c r="I30815" s="8">
        <v>1430000</v>
      </c>
      <c r="J30815" s="8">
        <v>5720000</v>
      </c>
      <c r="K30815" s="9"/>
      <c r="L30815" s="6"/>
    </row>
    <row r="30816" spans="1:12">
      <c r="A30816" s="6" t="s">
        <v>32318</v>
      </c>
      <c r="B30816" s="6"/>
      <c r="C30816" s="6" t="s">
        <v>32230</v>
      </c>
      <c r="D30816" s="6"/>
      <c r="E30816" s="6" t="s">
        <v>9</v>
      </c>
      <c r="F30816" s="7">
        <v>44063</v>
      </c>
      <c r="G30816" s="8">
        <v>31138800</v>
      </c>
      <c r="H30816" s="8">
        <v>31138800</v>
      </c>
      <c r="I30816" s="8">
        <v>3113880</v>
      </c>
      <c r="J30816" s="8">
        <v>28024920</v>
      </c>
      <c r="K30816" s="9"/>
      <c r="L30816" s="6"/>
    </row>
    <row r="30817" spans="1:12">
      <c r="A30817" s="6" t="s">
        <v>32319</v>
      </c>
      <c r="B30817" s="6"/>
      <c r="C30817" s="6" t="s">
        <v>32230</v>
      </c>
      <c r="D30817" s="6"/>
      <c r="E30817" s="6" t="s">
        <v>9</v>
      </c>
      <c r="F30817" s="7">
        <v>44104</v>
      </c>
      <c r="G30817" s="8">
        <v>8380900</v>
      </c>
      <c r="H30817" s="8">
        <v>8380900</v>
      </c>
      <c r="I30817" s="8">
        <v>385521</v>
      </c>
      <c r="J30817" s="8">
        <v>7995379</v>
      </c>
      <c r="K30817" s="9"/>
      <c r="L30817" s="6"/>
    </row>
    <row r="30818" spans="1:12">
      <c r="A30818" s="6" t="s">
        <v>32320</v>
      </c>
      <c r="B30818" s="6"/>
      <c r="C30818" s="6" t="s">
        <v>32230</v>
      </c>
      <c r="D30818" s="6"/>
      <c r="E30818" s="6" t="s">
        <v>9</v>
      </c>
      <c r="F30818" s="7">
        <v>43125</v>
      </c>
      <c r="G30818" s="8">
        <v>35219232</v>
      </c>
      <c r="H30818" s="8">
        <v>24653463</v>
      </c>
      <c r="I30818" s="8">
        <v>14087692</v>
      </c>
      <c r="J30818" s="8">
        <v>21131540</v>
      </c>
      <c r="K30818" s="9"/>
      <c r="L30818" s="6"/>
    </row>
    <row r="30819" spans="1:12">
      <c r="A30819" s="6" t="s">
        <v>32321</v>
      </c>
      <c r="B30819" s="6"/>
      <c r="C30819" s="6" t="s">
        <v>32230</v>
      </c>
      <c r="D30819" s="6"/>
      <c r="E30819" s="6" t="s">
        <v>9</v>
      </c>
      <c r="F30819" s="7">
        <v>43179</v>
      </c>
      <c r="G30819" s="8">
        <v>864000</v>
      </c>
      <c r="H30819" s="8">
        <v>604800</v>
      </c>
      <c r="I30819" s="8">
        <v>345600</v>
      </c>
      <c r="J30819" s="8">
        <v>518400</v>
      </c>
      <c r="K30819" s="9"/>
      <c r="L30819" s="6"/>
    </row>
    <row r="30820" spans="1:12">
      <c r="A30820" s="6" t="s">
        <v>32322</v>
      </c>
      <c r="B30820" s="6"/>
      <c r="C30820" s="6" t="s">
        <v>32230</v>
      </c>
      <c r="D30820" s="6"/>
      <c r="E30820" s="6" t="s">
        <v>9</v>
      </c>
      <c r="F30820" s="7">
        <v>40987</v>
      </c>
      <c r="G30820" s="8">
        <v>987000</v>
      </c>
      <c r="H30820" s="8">
        <v>98700</v>
      </c>
      <c r="I30820" s="8">
        <v>986999</v>
      </c>
      <c r="J30820" s="8">
        <v>1</v>
      </c>
      <c r="K30820" s="9"/>
      <c r="L30820" s="6"/>
    </row>
    <row r="30821" spans="1:12">
      <c r="A30821" s="6" t="s">
        <v>32323</v>
      </c>
      <c r="B30821" s="6"/>
      <c r="C30821" s="6" t="s">
        <v>32230</v>
      </c>
      <c r="D30821" s="6"/>
      <c r="E30821" s="6" t="s">
        <v>9</v>
      </c>
      <c r="F30821" s="7">
        <v>44130</v>
      </c>
      <c r="G30821" s="8">
        <v>227700</v>
      </c>
      <c r="H30821" s="8">
        <v>227700</v>
      </c>
      <c r="I30821" s="8">
        <v>13434</v>
      </c>
      <c r="J30821" s="8">
        <v>214266</v>
      </c>
      <c r="K30821" s="9"/>
      <c r="L30821" s="6"/>
    </row>
    <row r="30822" spans="1:12">
      <c r="A30822" s="6" t="s">
        <v>32324</v>
      </c>
      <c r="B30822" s="6"/>
      <c r="C30822" s="6" t="s">
        <v>32230</v>
      </c>
      <c r="D30822" s="6"/>
      <c r="E30822" s="6" t="s">
        <v>25121</v>
      </c>
      <c r="F30822" s="7">
        <v>44089</v>
      </c>
      <c r="G30822" s="8">
        <v>987800</v>
      </c>
      <c r="H30822" s="8">
        <v>987800</v>
      </c>
      <c r="I30822" s="8">
        <v>66182</v>
      </c>
      <c r="J30822" s="8">
        <v>921618</v>
      </c>
      <c r="K30822" s="9"/>
      <c r="L30822" s="6"/>
    </row>
    <row r="30823" spans="1:12">
      <c r="A30823" s="6" t="s">
        <v>32325</v>
      </c>
      <c r="B30823" s="6"/>
      <c r="C30823" s="6" t="s">
        <v>32230</v>
      </c>
      <c r="D30823" s="6"/>
      <c r="E30823" s="6" t="s">
        <v>9</v>
      </c>
      <c r="F30823" s="7">
        <v>27576</v>
      </c>
      <c r="G30823" s="8">
        <v>110880000</v>
      </c>
      <c r="H30823" s="8">
        <v>1</v>
      </c>
      <c r="I30823" s="8">
        <v>110879999</v>
      </c>
      <c r="J30823" s="8">
        <v>1</v>
      </c>
      <c r="K30823" s="9"/>
      <c r="L30823" s="6"/>
    </row>
    <row r="30824" spans="1:12">
      <c r="A30824" s="6" t="s">
        <v>32326</v>
      </c>
      <c r="B30824" s="6"/>
      <c r="C30824" s="6" t="s">
        <v>32230</v>
      </c>
      <c r="D30824" s="6"/>
      <c r="E30824" s="6" t="s">
        <v>9</v>
      </c>
      <c r="F30824" s="7">
        <v>42430</v>
      </c>
      <c r="G30824" s="8">
        <v>15714000</v>
      </c>
      <c r="H30824" s="8">
        <v>13906890</v>
      </c>
      <c r="I30824" s="8">
        <v>2168532</v>
      </c>
      <c r="J30824" s="8">
        <v>13545468</v>
      </c>
      <c r="K30824" s="9"/>
      <c r="L30824" s="6"/>
    </row>
    <row r="30825" spans="1:12">
      <c r="A30825" s="6" t="s">
        <v>32327</v>
      </c>
      <c r="B30825" s="6"/>
      <c r="C30825" s="6" t="s">
        <v>32230</v>
      </c>
      <c r="D30825" s="6"/>
      <c r="E30825" s="6" t="s">
        <v>9</v>
      </c>
      <c r="F30825" s="7">
        <v>39426</v>
      </c>
      <c r="G30825" s="8">
        <v>7039200</v>
      </c>
      <c r="H30825" s="8">
        <v>908062</v>
      </c>
      <c r="I30825" s="8">
        <v>6602764</v>
      </c>
      <c r="J30825" s="8">
        <v>436436</v>
      </c>
      <c r="K30825" s="9"/>
      <c r="L30825" s="6"/>
    </row>
    <row r="30826" spans="1:12">
      <c r="A30826" s="6" t="s">
        <v>32328</v>
      </c>
      <c r="B30826" s="6"/>
      <c r="C30826" s="6" t="s">
        <v>32230</v>
      </c>
      <c r="D30826" s="6"/>
      <c r="E30826" s="6" t="s">
        <v>9</v>
      </c>
      <c r="F30826" s="7">
        <v>43804</v>
      </c>
      <c r="G30826" s="8">
        <v>11220000</v>
      </c>
      <c r="H30826" s="8">
        <v>10939500</v>
      </c>
      <c r="I30826" s="8">
        <v>561000</v>
      </c>
      <c r="J30826" s="8">
        <v>10659000</v>
      </c>
      <c r="K30826" s="9"/>
      <c r="L30826" s="6"/>
    </row>
    <row r="30827" spans="1:12">
      <c r="A30827" s="6" t="s">
        <v>32329</v>
      </c>
      <c r="B30827" s="6"/>
      <c r="C30827" s="6" t="s">
        <v>32230</v>
      </c>
      <c r="D30827" s="6"/>
      <c r="E30827" s="6" t="s">
        <v>9</v>
      </c>
      <c r="F30827" s="7">
        <v>39526</v>
      </c>
      <c r="G30827" s="8">
        <v>5218500</v>
      </c>
      <c r="H30827" s="8">
        <v>1</v>
      </c>
      <c r="I30827" s="8">
        <v>5218499</v>
      </c>
      <c r="J30827" s="8">
        <v>1</v>
      </c>
      <c r="K30827" s="9"/>
      <c r="L30827" s="6"/>
    </row>
    <row r="30828" spans="1:12">
      <c r="A30828" s="6" t="s">
        <v>32330</v>
      </c>
      <c r="B30828" s="6"/>
      <c r="C30828" s="6" t="s">
        <v>32230</v>
      </c>
      <c r="D30828" s="6"/>
      <c r="E30828" s="6" t="s">
        <v>9</v>
      </c>
      <c r="F30828" s="7">
        <v>41478</v>
      </c>
      <c r="G30828" s="8">
        <v>840000</v>
      </c>
      <c r="H30828" s="8">
        <v>546000</v>
      </c>
      <c r="I30828" s="8">
        <v>336000</v>
      </c>
      <c r="J30828" s="8">
        <v>504000</v>
      </c>
      <c r="K30828" s="9"/>
      <c r="L30828" s="6"/>
    </row>
    <row r="30829" spans="1:12">
      <c r="A30829" s="6" t="s">
        <v>32331</v>
      </c>
      <c r="B30829" s="6"/>
      <c r="C30829" s="6" t="s">
        <v>32230</v>
      </c>
      <c r="D30829" s="6"/>
      <c r="E30829" s="6" t="s">
        <v>9</v>
      </c>
      <c r="F30829" s="7">
        <v>43535</v>
      </c>
      <c r="G30829" s="8">
        <v>8532000</v>
      </c>
      <c r="H30829" s="8">
        <v>6979176</v>
      </c>
      <c r="I30829" s="8">
        <v>2329236</v>
      </c>
      <c r="J30829" s="8">
        <v>6202764</v>
      </c>
      <c r="K30829" s="9"/>
      <c r="L30829" s="6"/>
    </row>
    <row r="30830" spans="1:12">
      <c r="A30830" s="6" t="s">
        <v>32332</v>
      </c>
      <c r="B30830" s="6"/>
      <c r="C30830" s="6" t="s">
        <v>32230</v>
      </c>
      <c r="D30830" s="6"/>
      <c r="E30830" s="6" t="s">
        <v>9</v>
      </c>
      <c r="F30830" s="7">
        <v>43555</v>
      </c>
      <c r="G30830" s="8">
        <v>2357640</v>
      </c>
      <c r="H30830" s="8">
        <v>2197322</v>
      </c>
      <c r="I30830" s="8">
        <v>240477</v>
      </c>
      <c r="J30830" s="8">
        <v>2117163</v>
      </c>
      <c r="K30830" s="9"/>
      <c r="L30830" s="6"/>
    </row>
    <row r="30831" spans="1:12">
      <c r="A30831" s="6" t="s">
        <v>32333</v>
      </c>
      <c r="B30831" s="6"/>
      <c r="C30831" s="6" t="s">
        <v>32230</v>
      </c>
      <c r="D30831" s="6"/>
      <c r="E30831" s="6" t="s">
        <v>9</v>
      </c>
      <c r="F30831" s="7">
        <v>41311</v>
      </c>
      <c r="G30831" s="8">
        <v>577500</v>
      </c>
      <c r="H30831" s="8">
        <v>115500</v>
      </c>
      <c r="I30831" s="8">
        <v>519750</v>
      </c>
      <c r="J30831" s="8">
        <v>57750</v>
      </c>
      <c r="K30831" s="9"/>
      <c r="L30831" s="6"/>
    </row>
    <row r="30832" spans="1:12">
      <c r="A30832" s="6" t="s">
        <v>32334</v>
      </c>
      <c r="B30832" s="6"/>
      <c r="C30832" s="6" t="s">
        <v>32230</v>
      </c>
      <c r="D30832" s="6"/>
      <c r="E30832" s="6" t="s">
        <v>9</v>
      </c>
      <c r="F30832" s="7">
        <v>40245</v>
      </c>
      <c r="G30832" s="8">
        <v>669900</v>
      </c>
      <c r="H30832" s="8">
        <v>301455</v>
      </c>
      <c r="I30832" s="8">
        <v>401940</v>
      </c>
      <c r="J30832" s="8">
        <v>267960</v>
      </c>
      <c r="K30832" s="9"/>
      <c r="L30832" s="6"/>
    </row>
    <row r="30833" spans="1:12">
      <c r="A30833" s="6" t="s">
        <v>32335</v>
      </c>
      <c r="B30833" s="6"/>
      <c r="C30833" s="6" t="s">
        <v>32230</v>
      </c>
      <c r="D30833" s="6"/>
      <c r="E30833" s="6" t="s">
        <v>9</v>
      </c>
      <c r="F30833" s="7">
        <v>39944</v>
      </c>
      <c r="G30833" s="8">
        <v>7654500</v>
      </c>
      <c r="H30833" s="8">
        <v>1</v>
      </c>
      <c r="I30833" s="8">
        <v>7654499</v>
      </c>
      <c r="J30833" s="8">
        <v>1</v>
      </c>
      <c r="K30833" s="9"/>
      <c r="L30833" s="6"/>
    </row>
    <row r="30834" spans="1:12">
      <c r="A30834" s="6" t="s">
        <v>32336</v>
      </c>
      <c r="B30834" s="6"/>
      <c r="C30834" s="6" t="s">
        <v>32230</v>
      </c>
      <c r="D30834" s="6"/>
      <c r="E30834" s="6" t="s">
        <v>9</v>
      </c>
      <c r="F30834" s="7">
        <v>40660</v>
      </c>
      <c r="G30834" s="8">
        <v>32552100</v>
      </c>
      <c r="H30834" s="8">
        <v>12923190</v>
      </c>
      <c r="I30834" s="8">
        <v>21809900</v>
      </c>
      <c r="J30834" s="8">
        <v>10742200</v>
      </c>
      <c r="K30834" s="9"/>
      <c r="L30834" s="6"/>
    </row>
    <row r="30835" spans="1:12">
      <c r="A30835" s="6" t="s">
        <v>32337</v>
      </c>
      <c r="B30835" s="6"/>
      <c r="C30835" s="6" t="s">
        <v>32230</v>
      </c>
      <c r="D30835" s="6"/>
      <c r="E30835" s="6" t="s">
        <v>9</v>
      </c>
      <c r="F30835" s="7">
        <v>40400</v>
      </c>
      <c r="G30835" s="8">
        <v>41775161</v>
      </c>
      <c r="H30835" s="8">
        <v>17127821</v>
      </c>
      <c r="I30835" s="8">
        <v>27112074</v>
      </c>
      <c r="J30835" s="8">
        <v>14663087</v>
      </c>
      <c r="K30835" s="9"/>
      <c r="L30835" s="6"/>
    </row>
    <row r="30836" spans="1:12">
      <c r="A30836" s="6" t="s">
        <v>32338</v>
      </c>
      <c r="B30836" s="6"/>
      <c r="C30836" s="6" t="s">
        <v>32230</v>
      </c>
      <c r="D30836" s="6"/>
      <c r="E30836" s="6" t="s">
        <v>9</v>
      </c>
      <c r="F30836" s="7">
        <v>41127</v>
      </c>
      <c r="G30836" s="8">
        <v>672000</v>
      </c>
      <c r="H30836" s="8">
        <v>311808</v>
      </c>
      <c r="I30836" s="8">
        <v>405216</v>
      </c>
      <c r="J30836" s="8">
        <v>266784</v>
      </c>
      <c r="K30836" s="9"/>
      <c r="L30836" s="6"/>
    </row>
    <row r="30837" spans="1:12">
      <c r="A30837" s="6" t="s">
        <v>32339</v>
      </c>
      <c r="B30837" s="6"/>
      <c r="C30837" s="6" t="s">
        <v>32230</v>
      </c>
      <c r="D30837" s="6"/>
      <c r="E30837" s="6" t="s">
        <v>9</v>
      </c>
      <c r="F30837" s="7">
        <v>41508</v>
      </c>
      <c r="G30837" s="8">
        <v>258300</v>
      </c>
      <c r="H30837" s="8">
        <v>77490</v>
      </c>
      <c r="I30837" s="8">
        <v>206640</v>
      </c>
      <c r="J30837" s="8">
        <v>51660</v>
      </c>
      <c r="K30837" s="9"/>
      <c r="L30837" s="6"/>
    </row>
    <row r="30838" spans="1:12">
      <c r="A30838" s="6" t="s">
        <v>32340</v>
      </c>
      <c r="B30838" s="6"/>
      <c r="C30838" s="6" t="s">
        <v>32230</v>
      </c>
      <c r="D30838" s="6"/>
      <c r="E30838" s="6" t="s">
        <v>9</v>
      </c>
      <c r="F30838" s="7">
        <v>29037</v>
      </c>
      <c r="G30838" s="8">
        <v>99000000</v>
      </c>
      <c r="H30838" s="8">
        <v>1</v>
      </c>
      <c r="I30838" s="8">
        <v>98999999</v>
      </c>
      <c r="J30838" s="8">
        <v>1</v>
      </c>
      <c r="K30838" s="9"/>
      <c r="L30838" s="6"/>
    </row>
    <row r="30839" spans="1:12">
      <c r="A30839" s="6" t="s">
        <v>32341</v>
      </c>
      <c r="B30839" s="6"/>
      <c r="C30839" s="6" t="s">
        <v>32230</v>
      </c>
      <c r="D30839" s="6"/>
      <c r="E30839" s="6" t="s">
        <v>9</v>
      </c>
      <c r="F30839" s="7">
        <v>42165</v>
      </c>
      <c r="G30839" s="8">
        <v>324000</v>
      </c>
      <c r="H30839" s="8">
        <v>215460</v>
      </c>
      <c r="I30839" s="8">
        <v>130248</v>
      </c>
      <c r="J30839" s="8">
        <v>193752</v>
      </c>
      <c r="K30839" s="9"/>
      <c r="L30839" s="6"/>
    </row>
    <row r="30840" spans="1:12">
      <c r="A30840" s="6" t="s">
        <v>32342</v>
      </c>
      <c r="B30840" s="6"/>
      <c r="C30840" s="6" t="s">
        <v>32230</v>
      </c>
      <c r="D30840" s="6"/>
      <c r="E30840" s="6" t="s">
        <v>9</v>
      </c>
      <c r="F30840" s="7">
        <v>33420</v>
      </c>
      <c r="G30840" s="8">
        <v>95040000</v>
      </c>
      <c r="H30840" s="8">
        <v>1330560</v>
      </c>
      <c r="I30840" s="8">
        <v>95039999</v>
      </c>
      <c r="J30840" s="8">
        <v>1</v>
      </c>
      <c r="K30840" s="9"/>
      <c r="L30840" s="6"/>
    </row>
    <row r="30841" spans="1:12">
      <c r="A30841" s="6" t="s">
        <v>32343</v>
      </c>
      <c r="B30841" s="6"/>
      <c r="C30841" s="6" t="s">
        <v>32230</v>
      </c>
      <c r="D30841" s="6"/>
      <c r="E30841" s="6" t="s">
        <v>9</v>
      </c>
      <c r="F30841" s="7">
        <v>43013</v>
      </c>
      <c r="G30841" s="8">
        <v>1818720</v>
      </c>
      <c r="H30841" s="8">
        <v>1273104</v>
      </c>
      <c r="I30841" s="8">
        <v>727488</v>
      </c>
      <c r="J30841" s="8">
        <v>1091232</v>
      </c>
      <c r="K30841" s="9"/>
      <c r="L30841" s="6"/>
    </row>
    <row r="30842" spans="1:12">
      <c r="A30842" s="6" t="s">
        <v>32344</v>
      </c>
      <c r="B30842" s="6"/>
      <c r="C30842" s="6" t="s">
        <v>32230</v>
      </c>
      <c r="D30842" s="6"/>
      <c r="E30842" s="6" t="s">
        <v>9</v>
      </c>
      <c r="F30842" s="7">
        <v>43280</v>
      </c>
      <c r="G30842" s="8">
        <v>1296000</v>
      </c>
      <c r="H30842" s="8">
        <v>1231200</v>
      </c>
      <c r="I30842" s="8">
        <v>97200</v>
      </c>
      <c r="J30842" s="8">
        <v>1198800</v>
      </c>
      <c r="K30842" s="9"/>
      <c r="L30842" s="6"/>
    </row>
    <row r="30843" spans="1:12">
      <c r="A30843" s="6" t="s">
        <v>32345</v>
      </c>
      <c r="B30843" s="6"/>
      <c r="C30843" s="6" t="s">
        <v>32230</v>
      </c>
      <c r="D30843" s="6"/>
      <c r="E30843" s="6" t="s">
        <v>9</v>
      </c>
      <c r="F30843" s="7">
        <v>42059</v>
      </c>
      <c r="G30843" s="8">
        <v>37326240</v>
      </c>
      <c r="H30843" s="8">
        <v>22321092</v>
      </c>
      <c r="I30843" s="8">
        <v>17506006</v>
      </c>
      <c r="J30843" s="8">
        <v>19820234</v>
      </c>
      <c r="K30843" s="9"/>
      <c r="L30843" s="6"/>
    </row>
    <row r="30844" spans="1:12">
      <c r="A30844" s="6" t="s">
        <v>32346</v>
      </c>
      <c r="B30844" s="6"/>
      <c r="C30844" s="6" t="s">
        <v>32230</v>
      </c>
      <c r="D30844" s="6"/>
      <c r="E30844" s="6" t="s">
        <v>9</v>
      </c>
      <c r="F30844" s="7">
        <v>31229</v>
      </c>
      <c r="G30844" s="8">
        <v>99000000</v>
      </c>
      <c r="H30844" s="8">
        <v>1</v>
      </c>
      <c r="I30844" s="8">
        <v>98999999</v>
      </c>
      <c r="J30844" s="8">
        <v>1</v>
      </c>
      <c r="K30844" s="9"/>
      <c r="L30844" s="6"/>
    </row>
    <row r="30845" spans="1:12">
      <c r="A30845" s="6" t="s">
        <v>32347</v>
      </c>
      <c r="B30845" s="6"/>
      <c r="C30845" s="6" t="s">
        <v>32230</v>
      </c>
      <c r="D30845" s="6"/>
      <c r="E30845" s="6" t="s">
        <v>9</v>
      </c>
      <c r="F30845" s="7">
        <v>42704</v>
      </c>
      <c r="G30845" s="8">
        <v>4104000</v>
      </c>
      <c r="H30845" s="8">
        <v>3545856</v>
      </c>
      <c r="I30845" s="8">
        <v>697680</v>
      </c>
      <c r="J30845" s="8">
        <v>3406320</v>
      </c>
      <c r="K30845" s="9"/>
      <c r="L30845" s="6"/>
    </row>
    <row r="30846" spans="1:12">
      <c r="A30846" s="6" t="s">
        <v>32348</v>
      </c>
      <c r="B30846" s="6"/>
      <c r="C30846" s="6" t="s">
        <v>32230</v>
      </c>
      <c r="D30846" s="6"/>
      <c r="E30846" s="6" t="s">
        <v>9</v>
      </c>
      <c r="F30846" s="7">
        <v>43881</v>
      </c>
      <c r="G30846" s="8">
        <v>891000</v>
      </c>
      <c r="H30846" s="8">
        <v>831303</v>
      </c>
      <c r="I30846" s="8">
        <v>119394</v>
      </c>
      <c r="J30846" s="8">
        <v>771606</v>
      </c>
      <c r="K30846" s="9"/>
      <c r="L30846" s="6"/>
    </row>
    <row r="30847" spans="1:12">
      <c r="A30847" s="6" t="s">
        <v>32349</v>
      </c>
      <c r="B30847" s="6"/>
      <c r="C30847" s="6" t="s">
        <v>32230</v>
      </c>
      <c r="D30847" s="6"/>
      <c r="E30847" s="6" t="s">
        <v>9</v>
      </c>
      <c r="F30847" s="7">
        <v>40268</v>
      </c>
      <c r="G30847" s="8">
        <v>20338500</v>
      </c>
      <c r="H30847" s="8">
        <v>5349031</v>
      </c>
      <c r="I30847" s="8">
        <v>16352148</v>
      </c>
      <c r="J30847" s="8">
        <v>3986352</v>
      </c>
      <c r="K30847" s="9"/>
      <c r="L30847" s="6"/>
    </row>
    <row r="30848" spans="1:12">
      <c r="A30848" s="6" t="s">
        <v>32350</v>
      </c>
      <c r="B30848" s="6"/>
      <c r="C30848" s="6" t="s">
        <v>32230</v>
      </c>
      <c r="D30848" s="6"/>
      <c r="E30848" s="6" t="s">
        <v>9</v>
      </c>
      <c r="F30848" s="7">
        <v>40242</v>
      </c>
      <c r="G30848" s="8">
        <v>1207500</v>
      </c>
      <c r="H30848" s="8">
        <v>317578</v>
      </c>
      <c r="I30848" s="8">
        <v>970824</v>
      </c>
      <c r="J30848" s="8">
        <v>236676</v>
      </c>
      <c r="K30848" s="9"/>
      <c r="L30848" s="6"/>
    </row>
    <row r="30849" spans="1:12">
      <c r="A30849" s="6" t="s">
        <v>32351</v>
      </c>
      <c r="B30849" s="6"/>
      <c r="C30849" s="6" t="s">
        <v>32230</v>
      </c>
      <c r="D30849" s="6"/>
      <c r="E30849" s="6" t="s">
        <v>9</v>
      </c>
      <c r="F30849" s="7">
        <v>40632</v>
      </c>
      <c r="G30849" s="8">
        <v>5985000</v>
      </c>
      <c r="H30849" s="8">
        <v>1975050</v>
      </c>
      <c r="I30849" s="8">
        <v>4410945</v>
      </c>
      <c r="J30849" s="8">
        <v>1574055</v>
      </c>
      <c r="K30849" s="9"/>
      <c r="L30849" s="6"/>
    </row>
    <row r="30850" spans="1:12">
      <c r="A30850" s="6" t="s">
        <v>32352</v>
      </c>
      <c r="B30850" s="6"/>
      <c r="C30850" s="6" t="s">
        <v>32230</v>
      </c>
      <c r="D30850" s="6"/>
      <c r="E30850" s="6" t="s">
        <v>9</v>
      </c>
      <c r="F30850" s="7">
        <v>26390</v>
      </c>
      <c r="G30850" s="8">
        <v>69960000</v>
      </c>
      <c r="H30850" s="8">
        <v>1</v>
      </c>
      <c r="I30850" s="8">
        <v>69959999</v>
      </c>
      <c r="J30850" s="8">
        <v>1</v>
      </c>
      <c r="K30850" s="9"/>
      <c r="L30850" s="6"/>
    </row>
    <row r="30851" spans="1:12">
      <c r="A30851" s="6" t="s">
        <v>32353</v>
      </c>
      <c r="B30851" s="6"/>
      <c r="C30851" s="6" t="s">
        <v>32230</v>
      </c>
      <c r="D30851" s="6"/>
      <c r="E30851" s="6" t="s">
        <v>9</v>
      </c>
      <c r="F30851" s="7">
        <v>42906</v>
      </c>
      <c r="G30851" s="8">
        <v>444960</v>
      </c>
      <c r="H30851" s="8">
        <v>355524</v>
      </c>
      <c r="I30851" s="8">
        <v>119248</v>
      </c>
      <c r="J30851" s="8">
        <v>325712</v>
      </c>
      <c r="K30851" s="9"/>
      <c r="L30851" s="6"/>
    </row>
    <row r="30852" spans="1:12">
      <c r="A30852" s="6" t="s">
        <v>32354</v>
      </c>
      <c r="B30852" s="6"/>
      <c r="C30852" s="6" t="s">
        <v>32230</v>
      </c>
      <c r="D30852" s="6"/>
      <c r="E30852" s="6" t="s">
        <v>9</v>
      </c>
      <c r="F30852" s="7">
        <v>44089</v>
      </c>
      <c r="G30852" s="8">
        <v>851840</v>
      </c>
      <c r="H30852" s="8">
        <v>851840</v>
      </c>
      <c r="I30852" s="8">
        <v>57073</v>
      </c>
      <c r="J30852" s="8">
        <v>794767</v>
      </c>
      <c r="K30852" s="9"/>
      <c r="L30852" s="6"/>
    </row>
    <row r="30853" spans="1:12">
      <c r="A30853" s="6" t="s">
        <v>32355</v>
      </c>
      <c r="B30853" s="6"/>
      <c r="C30853" s="6" t="s">
        <v>32230</v>
      </c>
      <c r="D30853" s="6"/>
      <c r="E30853" s="6" t="s">
        <v>9</v>
      </c>
      <c r="F30853" s="7">
        <v>40400</v>
      </c>
      <c r="G30853" s="8">
        <v>38794447</v>
      </c>
      <c r="H30853" s="8">
        <v>15905727</v>
      </c>
      <c r="I30853" s="8">
        <v>25177592</v>
      </c>
      <c r="J30853" s="8">
        <v>13616855</v>
      </c>
      <c r="K30853" s="9"/>
      <c r="L30853" s="6"/>
    </row>
    <row r="30854" spans="1:12">
      <c r="A30854" s="6" t="s">
        <v>32356</v>
      </c>
      <c r="B30854" s="6"/>
      <c r="C30854" s="6" t="s">
        <v>32230</v>
      </c>
      <c r="D30854" s="6"/>
      <c r="E30854" s="6" t="s">
        <v>9</v>
      </c>
      <c r="F30854" s="7">
        <v>41920</v>
      </c>
      <c r="G30854" s="8">
        <v>1296000</v>
      </c>
      <c r="H30854" s="8">
        <v>518400</v>
      </c>
      <c r="I30854" s="8">
        <v>907200</v>
      </c>
      <c r="J30854" s="8">
        <v>388800</v>
      </c>
      <c r="K30854" s="9"/>
      <c r="L30854" s="6"/>
    </row>
    <row r="30855" spans="1:12">
      <c r="A30855" s="6" t="s">
        <v>32357</v>
      </c>
      <c r="B30855" s="6"/>
      <c r="C30855" s="6" t="s">
        <v>32230</v>
      </c>
      <c r="D30855" s="6"/>
      <c r="E30855" s="6" t="s">
        <v>9</v>
      </c>
      <c r="F30855" s="7">
        <v>42644</v>
      </c>
      <c r="G30855" s="8">
        <v>30402000</v>
      </c>
      <c r="H30855" s="8">
        <v>26267328</v>
      </c>
      <c r="I30855" s="8">
        <v>5168340</v>
      </c>
      <c r="J30855" s="8">
        <v>25233660</v>
      </c>
      <c r="K30855" s="9"/>
      <c r="L30855" s="6"/>
    </row>
    <row r="30856" spans="1:12">
      <c r="A30856" s="6" t="s">
        <v>32358</v>
      </c>
      <c r="B30856" s="6"/>
      <c r="C30856" s="6" t="s">
        <v>32230</v>
      </c>
      <c r="D30856" s="6"/>
      <c r="E30856" s="6" t="s">
        <v>9</v>
      </c>
      <c r="F30856" s="7">
        <v>39848</v>
      </c>
      <c r="G30856" s="8">
        <v>9702000</v>
      </c>
      <c r="H30856" s="8">
        <v>1901592</v>
      </c>
      <c r="I30856" s="8">
        <v>8450442</v>
      </c>
      <c r="J30856" s="8">
        <v>1251558</v>
      </c>
      <c r="K30856" s="9"/>
      <c r="L30856" s="6"/>
    </row>
    <row r="30857" spans="1:12">
      <c r="A30857" s="6" t="s">
        <v>32359</v>
      </c>
      <c r="B30857" s="6"/>
      <c r="C30857" s="6" t="s">
        <v>32230</v>
      </c>
      <c r="D30857" s="6"/>
      <c r="E30857" s="6" t="s">
        <v>9</v>
      </c>
      <c r="F30857" s="7">
        <v>39787</v>
      </c>
      <c r="G30857" s="8">
        <v>1249500</v>
      </c>
      <c r="H30857" s="8">
        <v>244908</v>
      </c>
      <c r="I30857" s="8">
        <v>1088308</v>
      </c>
      <c r="J30857" s="8">
        <v>161192</v>
      </c>
      <c r="K30857" s="9"/>
      <c r="L30857" s="6"/>
    </row>
    <row r="30858" spans="1:12">
      <c r="A30858" s="6" t="s">
        <v>32358</v>
      </c>
      <c r="B30858" s="6"/>
      <c r="C30858" s="6" t="s">
        <v>32230</v>
      </c>
      <c r="D30858" s="6"/>
      <c r="E30858" s="6" t="s">
        <v>9</v>
      </c>
      <c r="F30858" s="7">
        <v>40430</v>
      </c>
      <c r="G30858" s="8">
        <v>14112000</v>
      </c>
      <c r="H30858" s="8">
        <v>4656960</v>
      </c>
      <c r="I30858" s="8">
        <v>10400544</v>
      </c>
      <c r="J30858" s="8">
        <v>3711456</v>
      </c>
      <c r="K30858" s="9"/>
      <c r="L30858" s="6"/>
    </row>
    <row r="30859" spans="1:12">
      <c r="A30859" s="6" t="s">
        <v>32360</v>
      </c>
      <c r="B30859" s="6"/>
      <c r="C30859" s="6" t="s">
        <v>32230</v>
      </c>
      <c r="D30859" s="6"/>
      <c r="E30859" s="6" t="s">
        <v>9</v>
      </c>
      <c r="F30859" s="7">
        <v>28307</v>
      </c>
      <c r="G30859" s="8">
        <v>99000000</v>
      </c>
      <c r="H30859" s="8">
        <v>1</v>
      </c>
      <c r="I30859" s="8">
        <v>98999999</v>
      </c>
      <c r="J30859" s="8">
        <v>1</v>
      </c>
      <c r="K30859" s="9"/>
      <c r="L30859" s="6"/>
    </row>
    <row r="30860" spans="1:12">
      <c r="A30860" s="6" t="s">
        <v>32361</v>
      </c>
      <c r="B30860" s="6"/>
      <c r="C30860" s="6" t="s">
        <v>32230</v>
      </c>
      <c r="D30860" s="6"/>
      <c r="E30860" s="6" t="s">
        <v>9</v>
      </c>
      <c r="F30860" s="7">
        <v>42033</v>
      </c>
      <c r="G30860" s="8">
        <v>22900200</v>
      </c>
      <c r="H30860" s="8">
        <v>13694322</v>
      </c>
      <c r="I30860" s="8">
        <v>10740191</v>
      </c>
      <c r="J30860" s="8">
        <v>12160009</v>
      </c>
      <c r="K30860" s="9"/>
      <c r="L30860" s="6"/>
    </row>
    <row r="30861" spans="1:12">
      <c r="A30861" s="6" t="s">
        <v>32362</v>
      </c>
      <c r="B30861" s="6"/>
      <c r="C30861" s="6" t="s">
        <v>32230</v>
      </c>
      <c r="D30861" s="6"/>
      <c r="E30861" s="6" t="s">
        <v>9</v>
      </c>
      <c r="F30861" s="7">
        <v>42912</v>
      </c>
      <c r="G30861" s="8">
        <v>136866529</v>
      </c>
      <c r="H30861" s="8">
        <v>122906146</v>
      </c>
      <c r="I30861" s="8">
        <v>18613844</v>
      </c>
      <c r="J30861" s="8">
        <v>118252685</v>
      </c>
      <c r="K30861" s="9"/>
      <c r="L30861" s="6"/>
    </row>
    <row r="30862" spans="1:12">
      <c r="A30862" s="6" t="s">
        <v>32363</v>
      </c>
      <c r="B30862" s="6"/>
      <c r="C30862" s="6" t="s">
        <v>32230</v>
      </c>
      <c r="D30862" s="6"/>
      <c r="E30862" s="6" t="s">
        <v>9</v>
      </c>
      <c r="F30862" s="7">
        <v>43096</v>
      </c>
      <c r="G30862" s="8">
        <v>56469960</v>
      </c>
      <c r="H30862" s="8">
        <v>50710026</v>
      </c>
      <c r="I30862" s="8">
        <v>7679912</v>
      </c>
      <c r="J30862" s="8">
        <v>48790048</v>
      </c>
      <c r="K30862" s="9"/>
      <c r="L30862" s="6"/>
    </row>
    <row r="30863" spans="1:12">
      <c r="A30863" s="6" t="s">
        <v>32364</v>
      </c>
      <c r="B30863" s="6"/>
      <c r="C30863" s="6" t="s">
        <v>32230</v>
      </c>
      <c r="D30863" s="6"/>
      <c r="E30863" s="6" t="s">
        <v>9</v>
      </c>
      <c r="F30863" s="7">
        <v>39874</v>
      </c>
      <c r="G30863" s="8">
        <v>133140000</v>
      </c>
      <c r="H30863" s="8">
        <v>26095440</v>
      </c>
      <c r="I30863" s="8">
        <v>115964940</v>
      </c>
      <c r="J30863" s="8">
        <v>17175060</v>
      </c>
      <c r="K30863" s="9"/>
      <c r="L30863" s="6"/>
    </row>
    <row r="30864" spans="1:12">
      <c r="A30864" s="6" t="s">
        <v>32365</v>
      </c>
      <c r="B30864" s="6"/>
      <c r="C30864" s="6" t="s">
        <v>32230</v>
      </c>
      <c r="D30864" s="6"/>
      <c r="E30864" s="6" t="s">
        <v>9</v>
      </c>
      <c r="F30864" s="7">
        <v>40127</v>
      </c>
      <c r="G30864" s="8">
        <v>120960000</v>
      </c>
      <c r="H30864" s="8">
        <v>31812480</v>
      </c>
      <c r="I30864" s="8">
        <v>97251840</v>
      </c>
      <c r="J30864" s="8">
        <v>23708160</v>
      </c>
      <c r="K30864" s="9"/>
      <c r="L30864" s="6"/>
    </row>
    <row r="30865" spans="1:12">
      <c r="A30865" s="6" t="s">
        <v>32366</v>
      </c>
      <c r="B30865" s="6"/>
      <c r="C30865" s="6" t="s">
        <v>32230</v>
      </c>
      <c r="D30865" s="6"/>
      <c r="E30865" s="6" t="s">
        <v>9</v>
      </c>
      <c r="F30865" s="7">
        <v>39888</v>
      </c>
      <c r="G30865" s="8">
        <v>1144500</v>
      </c>
      <c r="H30865" s="8">
        <v>457800</v>
      </c>
      <c r="I30865" s="8">
        <v>743925</v>
      </c>
      <c r="J30865" s="8">
        <v>400575</v>
      </c>
      <c r="K30865" s="9"/>
      <c r="L30865" s="6"/>
    </row>
    <row r="30866" spans="1:12">
      <c r="A30866" s="6" t="s">
        <v>32367</v>
      </c>
      <c r="B30866" s="6"/>
      <c r="C30866" s="6" t="s">
        <v>32230</v>
      </c>
      <c r="D30866" s="6"/>
      <c r="E30866" s="6" t="s">
        <v>9</v>
      </c>
      <c r="F30866" s="7">
        <v>40262</v>
      </c>
      <c r="G30866" s="8">
        <v>8862000</v>
      </c>
      <c r="H30866" s="8">
        <v>3987900</v>
      </c>
      <c r="I30866" s="8">
        <v>5317200</v>
      </c>
      <c r="J30866" s="8">
        <v>3544800</v>
      </c>
      <c r="K30866" s="9"/>
      <c r="L30866" s="6"/>
    </row>
    <row r="30867" spans="1:12">
      <c r="A30867" s="6" t="s">
        <v>32368</v>
      </c>
      <c r="B30867" s="6"/>
      <c r="C30867" s="6" t="s">
        <v>32230</v>
      </c>
      <c r="D30867" s="6"/>
      <c r="E30867" s="6" t="s">
        <v>9</v>
      </c>
      <c r="F30867" s="7">
        <v>43368</v>
      </c>
      <c r="G30867" s="8">
        <v>4212000</v>
      </c>
      <c r="H30867" s="8">
        <v>3647592</v>
      </c>
      <c r="I30867" s="8">
        <v>846612</v>
      </c>
      <c r="J30867" s="8">
        <v>3365388</v>
      </c>
      <c r="K30867" s="9"/>
      <c r="L30867" s="6"/>
    </row>
    <row r="30868" spans="1:12">
      <c r="A30868" s="6" t="s">
        <v>32369</v>
      </c>
      <c r="B30868" s="6"/>
      <c r="C30868" s="6" t="s">
        <v>32230</v>
      </c>
      <c r="D30868" s="6"/>
      <c r="E30868" s="6" t="s">
        <v>9</v>
      </c>
      <c r="F30868" s="7">
        <v>39528</v>
      </c>
      <c r="G30868" s="8">
        <v>3496500</v>
      </c>
      <c r="H30868" s="8">
        <v>1</v>
      </c>
      <c r="I30868" s="8">
        <v>3496499</v>
      </c>
      <c r="J30868" s="8">
        <v>1</v>
      </c>
      <c r="K30868" s="9"/>
      <c r="L30868" s="6"/>
    </row>
    <row r="30869" spans="1:12">
      <c r="A30869" s="6" t="s">
        <v>32370</v>
      </c>
      <c r="B30869" s="6"/>
      <c r="C30869" s="6" t="s">
        <v>32230</v>
      </c>
      <c r="D30869" s="6"/>
      <c r="E30869" s="6" t="s">
        <v>9</v>
      </c>
      <c r="F30869" s="7">
        <v>40214</v>
      </c>
      <c r="G30869" s="8">
        <v>2835000</v>
      </c>
      <c r="H30869" s="8">
        <v>745605</v>
      </c>
      <c r="I30869" s="8">
        <v>2279340</v>
      </c>
      <c r="J30869" s="8">
        <v>555660</v>
      </c>
      <c r="K30869" s="9"/>
      <c r="L30869" s="6"/>
    </row>
    <row r="30870" spans="1:12">
      <c r="A30870" s="6" t="s">
        <v>32371</v>
      </c>
      <c r="B30870" s="6"/>
      <c r="C30870" s="6" t="s">
        <v>32230</v>
      </c>
      <c r="D30870" s="6"/>
      <c r="E30870" s="6" t="s">
        <v>9</v>
      </c>
      <c r="F30870" s="7">
        <v>40449</v>
      </c>
      <c r="G30870" s="8">
        <v>6688500</v>
      </c>
      <c r="H30870" s="8">
        <v>1</v>
      </c>
      <c r="I30870" s="8">
        <v>6688499</v>
      </c>
      <c r="J30870" s="8">
        <v>1</v>
      </c>
      <c r="K30870" s="9"/>
      <c r="L30870" s="6"/>
    </row>
    <row r="30871" spans="1:12">
      <c r="A30871" s="6" t="s">
        <v>32372</v>
      </c>
      <c r="B30871" s="6"/>
      <c r="C30871" s="6" t="s">
        <v>32230</v>
      </c>
      <c r="D30871" s="6"/>
      <c r="E30871" s="6" t="s">
        <v>9</v>
      </c>
      <c r="F30871" s="7">
        <v>42089</v>
      </c>
      <c r="G30871" s="8">
        <v>30834000</v>
      </c>
      <c r="H30871" s="8">
        <v>18438732</v>
      </c>
      <c r="I30871" s="8">
        <v>14461146</v>
      </c>
      <c r="J30871" s="8">
        <v>16372854</v>
      </c>
      <c r="K30871" s="9"/>
      <c r="L30871" s="6"/>
    </row>
    <row r="30872" spans="1:12">
      <c r="A30872" s="6" t="s">
        <v>32373</v>
      </c>
      <c r="B30872" s="6"/>
      <c r="C30872" s="6" t="s">
        <v>32230</v>
      </c>
      <c r="D30872" s="6"/>
      <c r="E30872" s="6" t="s">
        <v>9</v>
      </c>
      <c r="F30872" s="7">
        <v>43096</v>
      </c>
      <c r="G30872" s="8">
        <v>137512251</v>
      </c>
      <c r="H30872" s="8">
        <v>123486003</v>
      </c>
      <c r="I30872" s="8">
        <v>18701664</v>
      </c>
      <c r="J30872" s="8">
        <v>118810587</v>
      </c>
      <c r="K30872" s="9"/>
      <c r="L30872" s="6"/>
    </row>
    <row r="30873" spans="1:12">
      <c r="A30873" s="6" t="s">
        <v>32234</v>
      </c>
      <c r="B30873" s="6"/>
      <c r="C30873" s="6" t="s">
        <v>32230</v>
      </c>
      <c r="D30873" s="6"/>
      <c r="E30873" s="6" t="s">
        <v>9</v>
      </c>
      <c r="F30873" s="7">
        <v>44286</v>
      </c>
      <c r="G30873" s="8">
        <v>326509</v>
      </c>
      <c r="H30873" s="8">
        <v>326509</v>
      </c>
      <c r="I30873" s="8">
        <v>19264</v>
      </c>
      <c r="J30873" s="8">
        <v>307245</v>
      </c>
      <c r="K30873" s="9"/>
      <c r="L30873" s="6"/>
    </row>
    <row r="30874" spans="1:12">
      <c r="A30874" s="6" t="s">
        <v>32374</v>
      </c>
      <c r="B30874" s="6"/>
      <c r="C30874" s="6" t="s">
        <v>32230</v>
      </c>
      <c r="D30874" s="6"/>
      <c r="E30874" s="6" t="s">
        <v>18740</v>
      </c>
      <c r="F30874" s="7">
        <v>40834</v>
      </c>
      <c r="G30874" s="8">
        <v>556500</v>
      </c>
      <c r="H30874" s="8">
        <v>55650</v>
      </c>
      <c r="I30874" s="8">
        <v>556499</v>
      </c>
      <c r="J30874" s="8">
        <v>1</v>
      </c>
      <c r="K30874" s="9"/>
      <c r="L30874" s="6"/>
    </row>
    <row r="30875" spans="1:12">
      <c r="A30875" s="6" t="s">
        <v>32375</v>
      </c>
      <c r="B30875" s="6"/>
      <c r="C30875" s="6" t="s">
        <v>32230</v>
      </c>
      <c r="D30875" s="6"/>
      <c r="E30875" s="6" t="s">
        <v>9</v>
      </c>
      <c r="F30875" s="7">
        <v>43164</v>
      </c>
      <c r="G30875" s="8">
        <v>1209600</v>
      </c>
      <c r="H30875" s="8">
        <v>995502</v>
      </c>
      <c r="I30875" s="8">
        <v>285464</v>
      </c>
      <c r="J30875" s="8">
        <v>924136</v>
      </c>
      <c r="K30875" s="9"/>
      <c r="L30875" s="6"/>
    </row>
    <row r="30876" spans="1:12">
      <c r="A30876" s="6" t="s">
        <v>32376</v>
      </c>
      <c r="B30876" s="6"/>
      <c r="C30876" s="6" t="s">
        <v>32230</v>
      </c>
      <c r="D30876" s="6"/>
      <c r="E30876" s="6" t="s">
        <v>9</v>
      </c>
      <c r="F30876" s="7">
        <v>43174</v>
      </c>
      <c r="G30876" s="8">
        <v>486000</v>
      </c>
      <c r="H30876" s="8">
        <v>399978</v>
      </c>
      <c r="I30876" s="8">
        <v>114696</v>
      </c>
      <c r="J30876" s="8">
        <v>371304</v>
      </c>
      <c r="K30876" s="9"/>
      <c r="L30876" s="6"/>
    </row>
    <row r="30877" spans="1:12">
      <c r="A30877" s="6" t="s">
        <v>32377</v>
      </c>
      <c r="B30877" s="6"/>
      <c r="C30877" s="6" t="s">
        <v>32230</v>
      </c>
      <c r="D30877" s="6"/>
      <c r="E30877" s="6" t="s">
        <v>9</v>
      </c>
      <c r="F30877" s="7">
        <v>43190</v>
      </c>
      <c r="G30877" s="8">
        <v>44020800</v>
      </c>
      <c r="H30877" s="8">
        <v>39530679</v>
      </c>
      <c r="I30877" s="8">
        <v>5986828</v>
      </c>
      <c r="J30877" s="8">
        <v>38033972</v>
      </c>
      <c r="K30877" s="9"/>
      <c r="L30877" s="6"/>
    </row>
    <row r="30878" spans="1:12">
      <c r="A30878" s="6" t="s">
        <v>32378</v>
      </c>
      <c r="B30878" s="6"/>
      <c r="C30878" s="6" t="s">
        <v>32230</v>
      </c>
      <c r="D30878" s="6"/>
      <c r="E30878" s="6" t="s">
        <v>9</v>
      </c>
      <c r="F30878" s="7">
        <v>40630</v>
      </c>
      <c r="G30878" s="8">
        <v>819000</v>
      </c>
      <c r="H30878" s="8">
        <v>1</v>
      </c>
      <c r="I30878" s="8">
        <v>818999</v>
      </c>
      <c r="J30878" s="8">
        <v>1</v>
      </c>
      <c r="K30878" s="9"/>
      <c r="L30878" s="6"/>
    </row>
    <row r="30879" spans="1:12">
      <c r="A30879" s="6" t="s">
        <v>32379</v>
      </c>
      <c r="B30879" s="6"/>
      <c r="C30879" s="6" t="s">
        <v>32230</v>
      </c>
      <c r="D30879" s="6"/>
      <c r="E30879" s="6" t="s">
        <v>9</v>
      </c>
      <c r="F30879" s="7">
        <v>41351</v>
      </c>
      <c r="G30879" s="8">
        <v>22606500</v>
      </c>
      <c r="H30879" s="8">
        <v>10489420</v>
      </c>
      <c r="I30879" s="8">
        <v>13631715</v>
      </c>
      <c r="J30879" s="8">
        <v>8974785</v>
      </c>
      <c r="K30879" s="9"/>
      <c r="L30879" s="6"/>
    </row>
    <row r="30880" spans="1:12">
      <c r="A30880" s="6" t="s">
        <v>32380</v>
      </c>
      <c r="B30880" s="6"/>
      <c r="C30880" s="6" t="s">
        <v>32230</v>
      </c>
      <c r="D30880" s="6"/>
      <c r="E30880" s="6" t="s">
        <v>9</v>
      </c>
      <c r="F30880" s="7">
        <v>43105</v>
      </c>
      <c r="G30880" s="8">
        <v>196560</v>
      </c>
      <c r="H30880" s="8">
        <v>167076</v>
      </c>
      <c r="I30880" s="8">
        <v>39312</v>
      </c>
      <c r="J30880" s="8">
        <v>157248</v>
      </c>
      <c r="K30880" s="9"/>
      <c r="L30880" s="6"/>
    </row>
    <row r="30881" spans="1:12">
      <c r="A30881" s="6" t="s">
        <v>32381</v>
      </c>
      <c r="B30881" s="6"/>
      <c r="C30881" s="6" t="s">
        <v>32230</v>
      </c>
      <c r="D30881" s="6"/>
      <c r="E30881" s="6" t="s">
        <v>18740</v>
      </c>
      <c r="F30881" s="7">
        <v>40268</v>
      </c>
      <c r="G30881" s="8">
        <v>21150150</v>
      </c>
      <c r="H30881" s="8">
        <v>1</v>
      </c>
      <c r="I30881" s="8">
        <v>21150149</v>
      </c>
      <c r="J30881" s="8">
        <v>1</v>
      </c>
      <c r="K30881" s="9"/>
      <c r="L30881" s="6"/>
    </row>
    <row r="30882" spans="1:12">
      <c r="A30882" s="6" t="s">
        <v>32382</v>
      </c>
      <c r="B30882" s="6"/>
      <c r="C30882" s="6" t="s">
        <v>32230</v>
      </c>
      <c r="D30882" s="6"/>
      <c r="E30882" s="6" t="s">
        <v>18740</v>
      </c>
      <c r="F30882" s="7">
        <v>42824</v>
      </c>
      <c r="G30882" s="8">
        <v>1285200</v>
      </c>
      <c r="H30882" s="8">
        <v>771120</v>
      </c>
      <c r="I30882" s="8">
        <v>642600</v>
      </c>
      <c r="J30882" s="8">
        <v>642600</v>
      </c>
      <c r="K30882" s="9"/>
      <c r="L30882" s="6"/>
    </row>
    <row r="30883" spans="1:12">
      <c r="A30883" s="6" t="s">
        <v>32383</v>
      </c>
      <c r="B30883" s="6"/>
      <c r="C30883" s="6" t="s">
        <v>32230</v>
      </c>
      <c r="D30883" s="6"/>
      <c r="E30883" s="6" t="s">
        <v>9</v>
      </c>
      <c r="F30883" s="7">
        <v>40256</v>
      </c>
      <c r="G30883" s="8">
        <v>14648550</v>
      </c>
      <c r="H30883" s="8">
        <v>3852578</v>
      </c>
      <c r="I30883" s="8">
        <v>11777424</v>
      </c>
      <c r="J30883" s="8">
        <v>2871126</v>
      </c>
      <c r="K30883" s="9"/>
      <c r="L30883" s="6"/>
    </row>
    <row r="30884" spans="1:12">
      <c r="A30884" s="6" t="s">
        <v>32384</v>
      </c>
      <c r="B30884" s="6"/>
      <c r="C30884" s="6" t="s">
        <v>32230</v>
      </c>
      <c r="D30884" s="6"/>
      <c r="E30884" s="6" t="s">
        <v>9</v>
      </c>
      <c r="F30884" s="7">
        <v>43555</v>
      </c>
      <c r="G30884" s="8">
        <v>129578</v>
      </c>
      <c r="H30884" s="8">
        <v>103664</v>
      </c>
      <c r="I30884" s="8">
        <v>38871</v>
      </c>
      <c r="J30884" s="8">
        <v>90707</v>
      </c>
      <c r="K30884" s="9"/>
      <c r="L30884" s="6"/>
    </row>
    <row r="30885" spans="1:12">
      <c r="A30885" s="6" t="s">
        <v>32385</v>
      </c>
      <c r="B30885" s="6"/>
      <c r="C30885" s="6" t="s">
        <v>32230</v>
      </c>
      <c r="D30885" s="6"/>
      <c r="E30885" s="6" t="s">
        <v>9</v>
      </c>
      <c r="F30885" s="7">
        <v>40777</v>
      </c>
      <c r="G30885" s="8">
        <v>2415000</v>
      </c>
      <c r="H30885" s="8">
        <v>241500</v>
      </c>
      <c r="I30885" s="8">
        <v>2414999</v>
      </c>
      <c r="J30885" s="8">
        <v>1</v>
      </c>
      <c r="K30885" s="9"/>
      <c r="L30885" s="6"/>
    </row>
    <row r="30886" spans="1:12">
      <c r="A30886" s="6" t="s">
        <v>32234</v>
      </c>
      <c r="B30886" s="6"/>
      <c r="C30886" s="6" t="s">
        <v>32230</v>
      </c>
      <c r="D30886" s="6"/>
      <c r="E30886" s="6" t="s">
        <v>9</v>
      </c>
      <c r="F30886" s="7">
        <v>44286</v>
      </c>
      <c r="G30886" s="8">
        <v>402610</v>
      </c>
      <c r="H30886" s="8">
        <v>402610</v>
      </c>
      <c r="I30886" s="8">
        <v>23753</v>
      </c>
      <c r="J30886" s="8">
        <v>378857</v>
      </c>
      <c r="K30886" s="9"/>
      <c r="L30886" s="6"/>
    </row>
    <row r="30887" spans="1:12">
      <c r="A30887" s="6" t="s">
        <v>32234</v>
      </c>
      <c r="B30887" s="6"/>
      <c r="C30887" s="6" t="s">
        <v>32230</v>
      </c>
      <c r="D30887" s="6"/>
      <c r="E30887" s="6" t="s">
        <v>9</v>
      </c>
      <c r="F30887" s="7">
        <v>44286</v>
      </c>
      <c r="G30887" s="8">
        <v>402610</v>
      </c>
      <c r="H30887" s="8">
        <v>402610</v>
      </c>
      <c r="I30887" s="8">
        <v>23753</v>
      </c>
      <c r="J30887" s="8">
        <v>378857</v>
      </c>
      <c r="K30887" s="9"/>
      <c r="L30887" s="6"/>
    </row>
    <row r="30888" spans="1:12">
      <c r="A30888" s="6" t="s">
        <v>32386</v>
      </c>
      <c r="B30888" s="6"/>
      <c r="C30888" s="6" t="s">
        <v>32230</v>
      </c>
      <c r="D30888" s="6"/>
      <c r="E30888" s="6" t="s">
        <v>9</v>
      </c>
      <c r="F30888" s="7">
        <v>39895</v>
      </c>
      <c r="G30888" s="8">
        <v>525000</v>
      </c>
      <c r="H30888" s="8">
        <v>417900</v>
      </c>
      <c r="I30888" s="8">
        <v>116025</v>
      </c>
      <c r="J30888" s="8">
        <v>408975</v>
      </c>
      <c r="K30888" s="9"/>
      <c r="L30888" s="6"/>
    </row>
    <row r="30889" spans="1:12">
      <c r="A30889" s="6" t="s">
        <v>32387</v>
      </c>
      <c r="B30889" s="6"/>
      <c r="C30889" s="6" t="s">
        <v>32230</v>
      </c>
      <c r="D30889" s="6"/>
      <c r="E30889" s="6" t="s">
        <v>9</v>
      </c>
      <c r="F30889" s="7">
        <v>42180</v>
      </c>
      <c r="G30889" s="8">
        <v>815400</v>
      </c>
      <c r="H30889" s="8">
        <v>542245</v>
      </c>
      <c r="I30889" s="8">
        <v>327786</v>
      </c>
      <c r="J30889" s="8">
        <v>487614</v>
      </c>
      <c r="K30889" s="9"/>
      <c r="L30889" s="6"/>
    </row>
    <row r="30890" spans="1:12">
      <c r="A30890" s="6" t="s">
        <v>32234</v>
      </c>
      <c r="B30890" s="6"/>
      <c r="C30890" s="6" t="s">
        <v>32230</v>
      </c>
      <c r="D30890" s="6"/>
      <c r="E30890" s="6" t="s">
        <v>9</v>
      </c>
      <c r="F30890" s="7">
        <v>44286</v>
      </c>
      <c r="G30890" s="8">
        <v>402610</v>
      </c>
      <c r="H30890" s="8">
        <v>402610</v>
      </c>
      <c r="I30890" s="8">
        <v>23753</v>
      </c>
      <c r="J30890" s="8">
        <v>378857</v>
      </c>
      <c r="K30890" s="9"/>
      <c r="L30890" s="6"/>
    </row>
    <row r="30891" spans="1:12">
      <c r="A30891" s="6" t="s">
        <v>32388</v>
      </c>
      <c r="B30891" s="6"/>
      <c r="C30891" s="6" t="s">
        <v>32230</v>
      </c>
      <c r="D30891" s="6"/>
      <c r="E30891" s="6" t="s">
        <v>9</v>
      </c>
      <c r="F30891" s="7">
        <v>33694</v>
      </c>
      <c r="G30891" s="8">
        <v>61000000</v>
      </c>
      <c r="H30891" s="8">
        <v>854000</v>
      </c>
      <c r="I30891" s="8">
        <v>60999999</v>
      </c>
      <c r="J30891" s="8">
        <v>1</v>
      </c>
      <c r="K30891" s="9"/>
      <c r="L30891" s="6"/>
    </row>
    <row r="30892" spans="1:12">
      <c r="A30892" s="6" t="s">
        <v>32389</v>
      </c>
      <c r="B30892" s="6"/>
      <c r="C30892" s="6" t="s">
        <v>32230</v>
      </c>
      <c r="D30892" s="6"/>
      <c r="E30892" s="6" t="s">
        <v>9</v>
      </c>
      <c r="F30892" s="7">
        <v>39528</v>
      </c>
      <c r="G30892" s="8">
        <v>735000</v>
      </c>
      <c r="H30892" s="8">
        <v>543900</v>
      </c>
      <c r="I30892" s="8">
        <v>205800</v>
      </c>
      <c r="J30892" s="8">
        <v>529200</v>
      </c>
      <c r="K30892" s="9"/>
      <c r="L30892" s="6"/>
    </row>
    <row r="30893" spans="1:12">
      <c r="A30893" s="6" t="s">
        <v>32390</v>
      </c>
      <c r="B30893" s="6"/>
      <c r="C30893" s="6" t="s">
        <v>32230</v>
      </c>
      <c r="D30893" s="6"/>
      <c r="E30893" s="6" t="s">
        <v>9</v>
      </c>
      <c r="F30893" s="7">
        <v>42328</v>
      </c>
      <c r="G30893" s="8">
        <v>3089016</v>
      </c>
      <c r="H30893" s="8">
        <v>1158381</v>
      </c>
      <c r="I30893" s="8">
        <v>2316762</v>
      </c>
      <c r="J30893" s="8">
        <v>772254</v>
      </c>
      <c r="K30893" s="9"/>
      <c r="L30893" s="6"/>
    </row>
    <row r="30894" spans="1:12">
      <c r="A30894" s="6" t="s">
        <v>32391</v>
      </c>
      <c r="B30894" s="6"/>
      <c r="C30894" s="6" t="s">
        <v>32230</v>
      </c>
      <c r="D30894" s="6"/>
      <c r="E30894" s="6" t="s">
        <v>9</v>
      </c>
      <c r="F30894" s="7">
        <v>40998</v>
      </c>
      <c r="G30894" s="8">
        <v>62681850</v>
      </c>
      <c r="H30894" s="8">
        <v>40116384</v>
      </c>
      <c r="I30894" s="8">
        <v>25072740</v>
      </c>
      <c r="J30894" s="8">
        <v>37609110</v>
      </c>
      <c r="K30894" s="9"/>
      <c r="L30894" s="6"/>
    </row>
    <row r="30895" spans="1:12">
      <c r="A30895" s="6" t="s">
        <v>32392</v>
      </c>
      <c r="B30895" s="6"/>
      <c r="C30895" s="6" t="s">
        <v>32230</v>
      </c>
      <c r="D30895" s="6"/>
      <c r="E30895" s="6" t="s">
        <v>9</v>
      </c>
      <c r="F30895" s="7">
        <v>40997</v>
      </c>
      <c r="G30895" s="8">
        <v>50317050</v>
      </c>
      <c r="H30895" s="8">
        <v>24957264</v>
      </c>
      <c r="I30895" s="8">
        <v>28177540</v>
      </c>
      <c r="J30895" s="8">
        <v>22139510</v>
      </c>
      <c r="K30895" s="9"/>
      <c r="L30895" s="6"/>
    </row>
    <row r="30896" spans="1:12">
      <c r="A30896" s="6" t="s">
        <v>32393</v>
      </c>
      <c r="B30896" s="6"/>
      <c r="C30896" s="6" t="s">
        <v>32230</v>
      </c>
      <c r="D30896" s="6"/>
      <c r="E30896" s="6" t="s">
        <v>9</v>
      </c>
      <c r="F30896" s="7">
        <v>40997</v>
      </c>
      <c r="G30896" s="8">
        <v>26017950</v>
      </c>
      <c r="H30896" s="8">
        <v>1</v>
      </c>
      <c r="I30896" s="8">
        <v>26017949</v>
      </c>
      <c r="J30896" s="8">
        <v>1</v>
      </c>
      <c r="K30896" s="9"/>
      <c r="L30896" s="6"/>
    </row>
    <row r="30897" spans="1:12">
      <c r="A30897" s="6" t="s">
        <v>32394</v>
      </c>
      <c r="B30897" s="6"/>
      <c r="C30897" s="6" t="s">
        <v>32230</v>
      </c>
      <c r="D30897" s="6"/>
      <c r="E30897" s="6" t="s">
        <v>9</v>
      </c>
      <c r="F30897" s="7">
        <v>41481</v>
      </c>
      <c r="G30897" s="8">
        <v>2310000</v>
      </c>
      <c r="H30897" s="8">
        <v>288750</v>
      </c>
      <c r="I30897" s="8">
        <v>2309999</v>
      </c>
      <c r="J30897" s="8">
        <v>1</v>
      </c>
      <c r="K30897" s="9"/>
      <c r="L30897" s="6"/>
    </row>
    <row r="30898" spans="1:12">
      <c r="A30898" s="6" t="s">
        <v>32395</v>
      </c>
      <c r="B30898" s="6"/>
      <c r="C30898" s="6" t="s">
        <v>32230</v>
      </c>
      <c r="D30898" s="6"/>
      <c r="E30898" s="6" t="s">
        <v>9</v>
      </c>
      <c r="F30898" s="7">
        <v>40372</v>
      </c>
      <c r="G30898" s="8">
        <v>17304000</v>
      </c>
      <c r="H30898" s="8">
        <v>1</v>
      </c>
      <c r="I30898" s="8">
        <v>17303999</v>
      </c>
      <c r="J30898" s="8">
        <v>1</v>
      </c>
      <c r="K30898" s="9"/>
      <c r="L30898" s="6"/>
    </row>
    <row r="30899" spans="1:12">
      <c r="A30899" s="6" t="s">
        <v>32396</v>
      </c>
      <c r="B30899" s="6"/>
      <c r="C30899" s="6" t="s">
        <v>32230</v>
      </c>
      <c r="D30899" s="6"/>
      <c r="E30899" s="6" t="s">
        <v>9</v>
      </c>
      <c r="F30899" s="7">
        <v>40996</v>
      </c>
      <c r="G30899" s="8">
        <v>739200</v>
      </c>
      <c r="H30899" s="8">
        <v>73920</v>
      </c>
      <c r="I30899" s="8">
        <v>739199</v>
      </c>
      <c r="J30899" s="8">
        <v>1</v>
      </c>
      <c r="K30899" s="9"/>
      <c r="L30899" s="6"/>
    </row>
    <row r="30900" spans="1:12">
      <c r="A30900" s="6" t="s">
        <v>32397</v>
      </c>
      <c r="B30900" s="6"/>
      <c r="C30900" s="6" t="s">
        <v>32230</v>
      </c>
      <c r="D30900" s="6"/>
      <c r="E30900" s="6" t="s">
        <v>9</v>
      </c>
      <c r="F30900" s="7">
        <v>41799</v>
      </c>
      <c r="G30900" s="8">
        <v>19959480</v>
      </c>
      <c r="H30900" s="8">
        <v>17564346</v>
      </c>
      <c r="I30900" s="8">
        <v>2794323</v>
      </c>
      <c r="J30900" s="8">
        <v>17165157</v>
      </c>
      <c r="K30900" s="9"/>
      <c r="L30900" s="6"/>
    </row>
    <row r="30901" spans="1:12">
      <c r="A30901" s="6" t="s">
        <v>32397</v>
      </c>
      <c r="B30901" s="6"/>
      <c r="C30901" s="6" t="s">
        <v>32230</v>
      </c>
      <c r="D30901" s="6"/>
      <c r="E30901" s="6" t="s">
        <v>9</v>
      </c>
      <c r="F30901" s="7">
        <v>42055</v>
      </c>
      <c r="G30901" s="8">
        <v>17622360</v>
      </c>
      <c r="H30901" s="8">
        <v>15507678</v>
      </c>
      <c r="I30901" s="8">
        <v>2467129</v>
      </c>
      <c r="J30901" s="8">
        <v>15155231</v>
      </c>
      <c r="K30901" s="9"/>
      <c r="L30901" s="6"/>
    </row>
    <row r="30902" spans="1:12">
      <c r="A30902" s="6" t="s">
        <v>32397</v>
      </c>
      <c r="B30902" s="6"/>
      <c r="C30902" s="6" t="s">
        <v>32230</v>
      </c>
      <c r="D30902" s="6"/>
      <c r="E30902" s="6" t="s">
        <v>9</v>
      </c>
      <c r="F30902" s="7">
        <v>42139</v>
      </c>
      <c r="G30902" s="8">
        <v>11316240</v>
      </c>
      <c r="H30902" s="8">
        <v>10184620</v>
      </c>
      <c r="I30902" s="8">
        <v>1357944</v>
      </c>
      <c r="J30902" s="8">
        <v>9958296</v>
      </c>
      <c r="K30902" s="9"/>
      <c r="L30902" s="6"/>
    </row>
    <row r="30903" spans="1:12">
      <c r="A30903" s="6" t="s">
        <v>32397</v>
      </c>
      <c r="B30903" s="6"/>
      <c r="C30903" s="6" t="s">
        <v>32230</v>
      </c>
      <c r="D30903" s="6"/>
      <c r="E30903" s="6" t="s">
        <v>9</v>
      </c>
      <c r="F30903" s="7">
        <v>42444</v>
      </c>
      <c r="G30903" s="8">
        <v>32273640</v>
      </c>
      <c r="H30903" s="8">
        <v>29046280</v>
      </c>
      <c r="I30903" s="8">
        <v>3872832</v>
      </c>
      <c r="J30903" s="8">
        <v>28400808</v>
      </c>
      <c r="K30903" s="9"/>
      <c r="L30903" s="6"/>
    </row>
    <row r="30904" spans="1:12">
      <c r="A30904" s="6" t="s">
        <v>32398</v>
      </c>
      <c r="B30904" s="6"/>
      <c r="C30904" s="6" t="s">
        <v>32230</v>
      </c>
      <c r="D30904" s="6"/>
      <c r="E30904" s="6" t="s">
        <v>9</v>
      </c>
      <c r="F30904" s="7">
        <v>42794</v>
      </c>
      <c r="G30904" s="8">
        <v>22514760</v>
      </c>
      <c r="H30904" s="8">
        <v>20713580</v>
      </c>
      <c r="I30904" s="8">
        <v>2251475</v>
      </c>
      <c r="J30904" s="8">
        <v>20263285</v>
      </c>
      <c r="K30904" s="9"/>
      <c r="L30904" s="6"/>
    </row>
    <row r="30905" spans="1:12">
      <c r="A30905" s="6" t="s">
        <v>32398</v>
      </c>
      <c r="B30905" s="6"/>
      <c r="C30905" s="6" t="s">
        <v>32230</v>
      </c>
      <c r="D30905" s="6"/>
      <c r="E30905" s="6" t="s">
        <v>9</v>
      </c>
      <c r="F30905" s="7">
        <v>42521</v>
      </c>
      <c r="G30905" s="8">
        <v>20523640</v>
      </c>
      <c r="H30905" s="8">
        <v>18881752</v>
      </c>
      <c r="I30905" s="8">
        <v>2052360</v>
      </c>
      <c r="J30905" s="8">
        <v>18471280</v>
      </c>
      <c r="K30905" s="9"/>
      <c r="L30905" s="6"/>
    </row>
    <row r="30906" spans="1:12">
      <c r="A30906" s="6" t="s">
        <v>32399</v>
      </c>
      <c r="B30906" s="6"/>
      <c r="C30906" s="6" t="s">
        <v>32230</v>
      </c>
      <c r="D30906" s="6"/>
      <c r="E30906" s="6" t="s">
        <v>9</v>
      </c>
      <c r="F30906" s="7">
        <v>43644</v>
      </c>
      <c r="G30906" s="8">
        <v>62581680</v>
      </c>
      <c r="H30906" s="8">
        <v>60453903</v>
      </c>
      <c r="I30906" s="8">
        <v>4255554</v>
      </c>
      <c r="J30906" s="8">
        <v>58326126</v>
      </c>
      <c r="K30906" s="9"/>
      <c r="L30906" s="6"/>
    </row>
    <row r="30907" spans="1:12">
      <c r="A30907" s="6" t="s">
        <v>32400</v>
      </c>
      <c r="B30907" s="6"/>
      <c r="C30907" s="6" t="s">
        <v>32230</v>
      </c>
      <c r="D30907" s="6"/>
      <c r="E30907" s="6" t="s">
        <v>9</v>
      </c>
      <c r="F30907" s="7">
        <v>44039</v>
      </c>
      <c r="G30907" s="8">
        <v>27505500</v>
      </c>
      <c r="H30907" s="8">
        <v>27505500</v>
      </c>
      <c r="I30907" s="8">
        <v>935187</v>
      </c>
      <c r="J30907" s="8">
        <v>26570313</v>
      </c>
      <c r="K30907" s="9"/>
      <c r="L30907" s="6"/>
    </row>
    <row r="30908" spans="1:12">
      <c r="A30908" s="6" t="s">
        <v>32401</v>
      </c>
      <c r="B30908" s="6"/>
      <c r="C30908" s="6" t="s">
        <v>32230</v>
      </c>
      <c r="D30908" s="6"/>
      <c r="E30908" s="6" t="s">
        <v>9</v>
      </c>
      <c r="F30908" s="7">
        <v>42095</v>
      </c>
      <c r="G30908" s="8">
        <v>1</v>
      </c>
      <c r="H30908" s="8">
        <v>1</v>
      </c>
      <c r="I30908" s="8">
        <v>0</v>
      </c>
      <c r="J30908" s="8">
        <v>1</v>
      </c>
      <c r="K30908" s="9"/>
      <c r="L30908" s="6"/>
    </row>
    <row r="30909" spans="1:12">
      <c r="A30909" s="6" t="s">
        <v>32402</v>
      </c>
      <c r="B30909" s="6"/>
      <c r="C30909" s="6" t="s">
        <v>32230</v>
      </c>
      <c r="D30909" s="6"/>
      <c r="E30909" s="6" t="s">
        <v>9</v>
      </c>
      <c r="F30909" s="7">
        <v>36251</v>
      </c>
      <c r="G30909" s="8">
        <v>1</v>
      </c>
      <c r="H30909" s="8">
        <v>1</v>
      </c>
      <c r="I30909" s="8">
        <v>0</v>
      </c>
      <c r="J30909" s="8">
        <v>1</v>
      </c>
      <c r="K30909" s="9"/>
      <c r="L30909" s="6"/>
    </row>
    <row r="30910" spans="1:12">
      <c r="A30910" s="6" t="s">
        <v>32403</v>
      </c>
      <c r="B30910" s="6"/>
      <c r="C30910" s="6" t="s">
        <v>32230</v>
      </c>
      <c r="D30910" s="6"/>
      <c r="E30910" s="6" t="s">
        <v>9</v>
      </c>
      <c r="F30910" s="7">
        <v>37712</v>
      </c>
      <c r="G30910" s="8">
        <v>1</v>
      </c>
      <c r="H30910" s="8">
        <v>1</v>
      </c>
      <c r="I30910" s="8">
        <v>0</v>
      </c>
      <c r="J30910" s="8">
        <v>1</v>
      </c>
      <c r="K30910" s="9"/>
      <c r="L30910" s="6"/>
    </row>
    <row r="30911" spans="1:12">
      <c r="A30911" s="6" t="s">
        <v>32404</v>
      </c>
      <c r="B30911" s="6"/>
      <c r="C30911" s="6" t="s">
        <v>32230</v>
      </c>
      <c r="D30911" s="6"/>
      <c r="E30911" s="6" t="s">
        <v>9</v>
      </c>
      <c r="F30911" s="7">
        <v>37712</v>
      </c>
      <c r="G30911" s="8">
        <v>1</v>
      </c>
      <c r="H30911" s="8">
        <v>1</v>
      </c>
      <c r="I30911" s="8">
        <v>0</v>
      </c>
      <c r="J30911" s="8">
        <v>1</v>
      </c>
      <c r="K30911" s="9"/>
      <c r="L30911" s="6"/>
    </row>
    <row r="30912" spans="1:12">
      <c r="A30912" s="6" t="s">
        <v>32405</v>
      </c>
      <c r="B30912" s="6"/>
      <c r="C30912" s="6" t="s">
        <v>32230</v>
      </c>
      <c r="D30912" s="6"/>
      <c r="E30912" s="6" t="s">
        <v>25121</v>
      </c>
      <c r="F30912" s="7">
        <v>42634</v>
      </c>
      <c r="G30912" s="8">
        <v>65827080</v>
      </c>
      <c r="H30912" s="8">
        <v>39496248</v>
      </c>
      <c r="I30912" s="8">
        <v>32913540</v>
      </c>
      <c r="J30912" s="8">
        <v>32913540</v>
      </c>
      <c r="K30912" s="9"/>
      <c r="L30912" s="6"/>
    </row>
    <row r="30913" spans="1:12">
      <c r="A30913" s="6" t="s">
        <v>32406</v>
      </c>
      <c r="B30913" s="6"/>
      <c r="C30913" s="6" t="s">
        <v>32230</v>
      </c>
      <c r="D30913" s="6"/>
      <c r="E30913" s="6" t="s">
        <v>25121</v>
      </c>
      <c r="F30913" s="7">
        <v>42628</v>
      </c>
      <c r="G30913" s="8">
        <v>56160</v>
      </c>
      <c r="H30913" s="8">
        <v>41112</v>
      </c>
      <c r="I30913" s="8">
        <v>18810</v>
      </c>
      <c r="J30913" s="8">
        <v>37350</v>
      </c>
      <c r="K30913" s="9"/>
      <c r="L30913" s="6"/>
    </row>
    <row r="30914" spans="1:12">
      <c r="A30914" s="6" t="s">
        <v>32407</v>
      </c>
      <c r="B30914" s="6"/>
      <c r="C30914" s="6" t="s">
        <v>32230</v>
      </c>
      <c r="D30914" s="6"/>
      <c r="E30914" s="6" t="s">
        <v>25121</v>
      </c>
      <c r="F30914" s="7">
        <v>42724</v>
      </c>
      <c r="G30914" s="8">
        <v>192240</v>
      </c>
      <c r="H30914" s="8">
        <v>153792</v>
      </c>
      <c r="I30914" s="8">
        <v>48060</v>
      </c>
      <c r="J30914" s="8">
        <v>144180</v>
      </c>
      <c r="K30914" s="9"/>
      <c r="L30914" s="6"/>
    </row>
    <row r="30915" spans="1:12">
      <c r="A30915" s="6" t="s">
        <v>32408</v>
      </c>
      <c r="B30915" s="6"/>
      <c r="C30915" s="6" t="s">
        <v>32230</v>
      </c>
      <c r="D30915" s="6"/>
      <c r="E30915" s="6" t="s">
        <v>25121</v>
      </c>
      <c r="F30915" s="7">
        <v>42628</v>
      </c>
      <c r="G30915" s="8">
        <v>202288986</v>
      </c>
      <c r="H30915" s="8">
        <v>148075538</v>
      </c>
      <c r="I30915" s="8">
        <v>67766810</v>
      </c>
      <c r="J30915" s="8">
        <v>134522176</v>
      </c>
      <c r="K30915" s="9"/>
      <c r="L30915" s="6"/>
    </row>
    <row r="30916" spans="1:12">
      <c r="A30916" s="6" t="s">
        <v>32409</v>
      </c>
      <c r="B30916" s="6"/>
      <c r="C30916" s="6" t="s">
        <v>32230</v>
      </c>
      <c r="D30916" s="6"/>
      <c r="E30916" s="6" t="s">
        <v>9</v>
      </c>
      <c r="F30916" s="7">
        <v>39429</v>
      </c>
      <c r="G30916" s="8">
        <v>184380</v>
      </c>
      <c r="H30916" s="8">
        <v>1</v>
      </c>
      <c r="I30916" s="8">
        <v>184379</v>
      </c>
      <c r="J30916" s="8">
        <v>1</v>
      </c>
      <c r="K30916" s="9"/>
      <c r="L30916" s="6"/>
    </row>
    <row r="30917" spans="1:12">
      <c r="A30917" s="6" t="s">
        <v>32410</v>
      </c>
      <c r="B30917" s="6"/>
      <c r="C30917" s="6" t="s">
        <v>32230</v>
      </c>
      <c r="D30917" s="6"/>
      <c r="E30917" s="6" t="s">
        <v>9</v>
      </c>
      <c r="F30917" s="7">
        <v>39430</v>
      </c>
      <c r="G30917" s="8">
        <v>2992500</v>
      </c>
      <c r="H30917" s="8">
        <v>1</v>
      </c>
      <c r="I30917" s="8">
        <v>2992499</v>
      </c>
      <c r="J30917" s="8">
        <v>1</v>
      </c>
      <c r="K30917" s="9"/>
      <c r="L30917" s="6"/>
    </row>
    <row r="30918" spans="1:12">
      <c r="A30918" s="6" t="s">
        <v>32411</v>
      </c>
      <c r="B30918" s="6"/>
      <c r="C30918" s="6" t="s">
        <v>32230</v>
      </c>
      <c r="D30918" s="6"/>
      <c r="E30918" s="6" t="s">
        <v>9</v>
      </c>
      <c r="F30918" s="7">
        <v>39526</v>
      </c>
      <c r="G30918" s="8">
        <v>1228500</v>
      </c>
      <c r="H30918" s="8">
        <v>158483</v>
      </c>
      <c r="I30918" s="8">
        <v>1152326</v>
      </c>
      <c r="J30918" s="8">
        <v>76174</v>
      </c>
      <c r="K30918" s="9"/>
      <c r="L30918" s="6"/>
    </row>
    <row r="30919" spans="1:12">
      <c r="A30919" s="6" t="s">
        <v>32411</v>
      </c>
      <c r="B30919" s="6"/>
      <c r="C30919" s="6" t="s">
        <v>32230</v>
      </c>
      <c r="D30919" s="6"/>
      <c r="E30919" s="6" t="s">
        <v>9</v>
      </c>
      <c r="F30919" s="7">
        <v>39469</v>
      </c>
      <c r="G30919" s="8">
        <v>5880000</v>
      </c>
      <c r="H30919" s="8">
        <v>758520</v>
      </c>
      <c r="I30919" s="8">
        <v>5515440</v>
      </c>
      <c r="J30919" s="8">
        <v>364560</v>
      </c>
      <c r="K30919" s="9"/>
      <c r="L30919" s="6"/>
    </row>
    <row r="30920" spans="1:12">
      <c r="A30920" s="6" t="s">
        <v>32412</v>
      </c>
      <c r="B30920" s="6"/>
      <c r="C30920" s="6" t="s">
        <v>32230</v>
      </c>
      <c r="D30920" s="6"/>
      <c r="E30920" s="6" t="s">
        <v>9</v>
      </c>
      <c r="F30920" s="7">
        <v>40633</v>
      </c>
      <c r="G30920" s="8">
        <v>567000</v>
      </c>
      <c r="H30920" s="8">
        <v>1</v>
      </c>
      <c r="I30920" s="8">
        <v>566999</v>
      </c>
      <c r="J30920" s="8">
        <v>1</v>
      </c>
      <c r="K30920" s="9"/>
      <c r="L30920" s="6"/>
    </row>
    <row r="30921" spans="1:12">
      <c r="A30921" s="6" t="s">
        <v>32413</v>
      </c>
      <c r="B30921" s="6"/>
      <c r="C30921" s="6" t="s">
        <v>32230</v>
      </c>
      <c r="D30921" s="6"/>
      <c r="E30921" s="6" t="s">
        <v>9</v>
      </c>
      <c r="F30921" s="7">
        <v>44286</v>
      </c>
      <c r="G30921" s="8">
        <v>308000</v>
      </c>
      <c r="H30921" s="8">
        <v>308000</v>
      </c>
      <c r="I30921" s="8">
        <v>30800</v>
      </c>
      <c r="J30921" s="8">
        <v>277200</v>
      </c>
      <c r="K30921" s="9"/>
      <c r="L30921" s="6"/>
    </row>
    <row r="30922" spans="1:12">
      <c r="A30922" s="6" t="s">
        <v>32414</v>
      </c>
      <c r="B30922" s="6"/>
      <c r="C30922" s="6" t="s">
        <v>32230</v>
      </c>
      <c r="D30922" s="6"/>
      <c r="E30922" s="6" t="s">
        <v>9</v>
      </c>
      <c r="F30922" s="7">
        <v>39538</v>
      </c>
      <c r="G30922" s="8">
        <v>2782500</v>
      </c>
      <c r="H30922" s="8">
        <v>1</v>
      </c>
      <c r="I30922" s="8">
        <v>2782499</v>
      </c>
      <c r="J30922" s="8">
        <v>1</v>
      </c>
      <c r="K30922" s="9"/>
      <c r="L30922" s="6"/>
    </row>
    <row r="30923" spans="1:12">
      <c r="A30923" s="6" t="s">
        <v>32415</v>
      </c>
      <c r="B30923" s="6"/>
      <c r="C30923" s="6" t="s">
        <v>32230</v>
      </c>
      <c r="D30923" s="6"/>
      <c r="E30923" s="6" t="s">
        <v>9</v>
      </c>
      <c r="F30923" s="7">
        <v>39575</v>
      </c>
      <c r="G30923" s="8">
        <v>34232100</v>
      </c>
      <c r="H30923" s="8">
        <v>1</v>
      </c>
      <c r="I30923" s="8">
        <v>34232099</v>
      </c>
      <c r="J30923" s="8">
        <v>1</v>
      </c>
      <c r="K30923" s="9"/>
      <c r="L30923" s="6"/>
    </row>
    <row r="30924" spans="1:12">
      <c r="A30924" s="6" t="s">
        <v>32416</v>
      </c>
      <c r="B30924" s="6"/>
      <c r="C30924" s="6" t="s">
        <v>32230</v>
      </c>
      <c r="D30924" s="6"/>
      <c r="E30924" s="6" t="s">
        <v>9</v>
      </c>
      <c r="F30924" s="7">
        <v>40235</v>
      </c>
      <c r="G30924" s="8">
        <v>31885350</v>
      </c>
      <c r="H30924" s="8">
        <v>1</v>
      </c>
      <c r="I30924" s="8">
        <v>31885349</v>
      </c>
      <c r="J30924" s="8">
        <v>1</v>
      </c>
      <c r="K30924" s="9"/>
      <c r="L30924" s="6"/>
    </row>
    <row r="30925" spans="1:12">
      <c r="A30925" s="6" t="s">
        <v>32414</v>
      </c>
      <c r="B30925" s="6"/>
      <c r="C30925" s="6" t="s">
        <v>32230</v>
      </c>
      <c r="D30925" s="6"/>
      <c r="E30925" s="6" t="s">
        <v>9</v>
      </c>
      <c r="F30925" s="7">
        <v>40268</v>
      </c>
      <c r="G30925" s="8">
        <v>2822400</v>
      </c>
      <c r="H30925" s="8">
        <v>1</v>
      </c>
      <c r="I30925" s="8">
        <v>2822399</v>
      </c>
      <c r="J30925" s="8">
        <v>1</v>
      </c>
      <c r="K30925" s="9"/>
      <c r="L30925" s="6"/>
    </row>
    <row r="30926" spans="1:12">
      <c r="A30926" s="6" t="s">
        <v>32417</v>
      </c>
      <c r="B30926" s="6"/>
      <c r="C30926" s="6" t="s">
        <v>32230</v>
      </c>
      <c r="D30926" s="6"/>
      <c r="E30926" s="6" t="s">
        <v>9</v>
      </c>
      <c r="F30926" s="7">
        <v>40267</v>
      </c>
      <c r="G30926" s="8">
        <v>194250</v>
      </c>
      <c r="H30926" s="8">
        <v>1</v>
      </c>
      <c r="I30926" s="8">
        <v>194249</v>
      </c>
      <c r="J30926" s="8">
        <v>1</v>
      </c>
      <c r="K30926" s="9"/>
      <c r="L30926" s="6"/>
    </row>
    <row r="30927" spans="1:12">
      <c r="A30927" s="6" t="s">
        <v>32414</v>
      </c>
      <c r="B30927" s="6"/>
      <c r="C30927" s="6" t="s">
        <v>32230</v>
      </c>
      <c r="D30927" s="6"/>
      <c r="E30927" s="6" t="s">
        <v>9</v>
      </c>
      <c r="F30927" s="7">
        <v>40632</v>
      </c>
      <c r="G30927" s="8">
        <v>6300000</v>
      </c>
      <c r="H30927" s="8">
        <v>1</v>
      </c>
      <c r="I30927" s="8">
        <v>6299999</v>
      </c>
      <c r="J30927" s="8">
        <v>1</v>
      </c>
      <c r="K30927" s="9"/>
      <c r="L30927" s="6"/>
    </row>
    <row r="30928" spans="1:12">
      <c r="A30928" s="6" t="s">
        <v>32418</v>
      </c>
      <c r="B30928" s="6"/>
      <c r="C30928" s="6" t="s">
        <v>32230</v>
      </c>
      <c r="D30928" s="6"/>
      <c r="E30928" s="6" t="s">
        <v>9</v>
      </c>
      <c r="F30928" s="7">
        <v>41729</v>
      </c>
      <c r="G30928" s="8">
        <v>399000</v>
      </c>
      <c r="H30928" s="8">
        <v>119700</v>
      </c>
      <c r="I30928" s="8">
        <v>319200</v>
      </c>
      <c r="J30928" s="8">
        <v>79800</v>
      </c>
      <c r="K30928" s="9"/>
      <c r="L30928" s="6"/>
    </row>
    <row r="30929" spans="1:12">
      <c r="A30929" s="6" t="s">
        <v>32419</v>
      </c>
      <c r="B30929" s="6"/>
      <c r="C30929" s="6" t="s">
        <v>32230</v>
      </c>
      <c r="D30929" s="6"/>
      <c r="E30929" s="6" t="s">
        <v>9</v>
      </c>
      <c r="F30929" s="7">
        <v>39448</v>
      </c>
      <c r="G30929" s="8">
        <v>399000</v>
      </c>
      <c r="H30929" s="8">
        <v>1</v>
      </c>
      <c r="I30929" s="8">
        <v>398999</v>
      </c>
      <c r="J30929" s="8">
        <v>1</v>
      </c>
      <c r="K30929" s="9"/>
      <c r="L30929" s="6"/>
    </row>
    <row r="30930" spans="1:12">
      <c r="A30930" s="6" t="s">
        <v>32420</v>
      </c>
      <c r="B30930" s="6"/>
      <c r="C30930" s="6" t="s">
        <v>32230</v>
      </c>
      <c r="D30930" s="6"/>
      <c r="E30930" s="6" t="s">
        <v>9</v>
      </c>
      <c r="F30930" s="7">
        <v>41804</v>
      </c>
      <c r="G30930" s="8">
        <v>399000</v>
      </c>
      <c r="H30930" s="8">
        <v>159600</v>
      </c>
      <c r="I30930" s="8">
        <v>279300</v>
      </c>
      <c r="J30930" s="8">
        <v>119700</v>
      </c>
      <c r="K30930" s="9"/>
      <c r="L30930" s="6"/>
    </row>
    <row r="30931" spans="1:12">
      <c r="A30931" s="6" t="s">
        <v>32421</v>
      </c>
      <c r="B30931" s="6"/>
      <c r="C30931" s="6" t="s">
        <v>32230</v>
      </c>
      <c r="D30931" s="6"/>
      <c r="E30931" s="6" t="s">
        <v>9</v>
      </c>
      <c r="F30931" s="7">
        <v>39814</v>
      </c>
      <c r="G30931" s="8">
        <v>399000</v>
      </c>
      <c r="H30931" s="8">
        <v>1</v>
      </c>
      <c r="I30931" s="8">
        <v>398999</v>
      </c>
      <c r="J30931" s="8">
        <v>1</v>
      </c>
      <c r="K30931" s="9"/>
      <c r="L30931" s="6"/>
    </row>
    <row r="30932" spans="1:12">
      <c r="A30932" s="6" t="s">
        <v>32422</v>
      </c>
      <c r="B30932" s="6"/>
      <c r="C30932" s="6" t="s">
        <v>32230</v>
      </c>
      <c r="D30932" s="6"/>
      <c r="E30932" s="6" t="s">
        <v>9</v>
      </c>
      <c r="F30932" s="7">
        <v>42068</v>
      </c>
      <c r="G30932" s="8">
        <v>399000</v>
      </c>
      <c r="H30932" s="8">
        <v>159600</v>
      </c>
      <c r="I30932" s="8">
        <v>279300</v>
      </c>
      <c r="J30932" s="8">
        <v>119700</v>
      </c>
      <c r="K30932" s="9"/>
      <c r="L30932" s="6"/>
    </row>
    <row r="30933" spans="1:12">
      <c r="A30933" s="6" t="s">
        <v>32423</v>
      </c>
      <c r="B30933" s="6"/>
      <c r="C30933" s="6" t="s">
        <v>32230</v>
      </c>
      <c r="D30933" s="6"/>
      <c r="E30933" s="6" t="s">
        <v>9</v>
      </c>
      <c r="F30933" s="7">
        <v>38899</v>
      </c>
      <c r="G30933" s="8">
        <v>399000</v>
      </c>
      <c r="H30933" s="8">
        <v>1</v>
      </c>
      <c r="I30933" s="8">
        <v>398999</v>
      </c>
      <c r="J30933" s="8">
        <v>1</v>
      </c>
      <c r="K30933" s="9"/>
      <c r="L30933" s="6"/>
    </row>
    <row r="30934" spans="1:12">
      <c r="A30934" s="6" t="s">
        <v>32424</v>
      </c>
      <c r="B30934" s="6"/>
      <c r="C30934" s="6" t="s">
        <v>32230</v>
      </c>
      <c r="D30934" s="6"/>
      <c r="E30934" s="6" t="s">
        <v>9</v>
      </c>
      <c r="F30934" s="7">
        <v>38899</v>
      </c>
      <c r="G30934" s="8">
        <v>399000</v>
      </c>
      <c r="H30934" s="8">
        <v>1</v>
      </c>
      <c r="I30934" s="8">
        <v>398999</v>
      </c>
      <c r="J30934" s="8">
        <v>1</v>
      </c>
      <c r="K30934" s="9"/>
      <c r="L30934" s="6"/>
    </row>
    <row r="30935" spans="1:12">
      <c r="A30935" s="6" t="s">
        <v>32425</v>
      </c>
      <c r="B30935" s="6"/>
      <c r="C30935" s="6" t="s">
        <v>32230</v>
      </c>
      <c r="D30935" s="6"/>
      <c r="E30935" s="6" t="s">
        <v>9</v>
      </c>
      <c r="F30935" s="7">
        <v>38899</v>
      </c>
      <c r="G30935" s="8">
        <v>399000</v>
      </c>
      <c r="H30935" s="8">
        <v>1</v>
      </c>
      <c r="I30935" s="8">
        <v>398999</v>
      </c>
      <c r="J30935" s="8">
        <v>1</v>
      </c>
      <c r="K30935" s="9"/>
      <c r="L30935" s="6"/>
    </row>
    <row r="30936" spans="1:12">
      <c r="A30936" s="6" t="s">
        <v>32426</v>
      </c>
      <c r="B30936" s="6"/>
      <c r="C30936" s="6" t="s">
        <v>32230</v>
      </c>
      <c r="D30936" s="6"/>
      <c r="E30936" s="6" t="s">
        <v>9</v>
      </c>
      <c r="F30936" s="7">
        <v>38899</v>
      </c>
      <c r="G30936" s="8">
        <v>399000</v>
      </c>
      <c r="H30936" s="8">
        <v>1</v>
      </c>
      <c r="I30936" s="8">
        <v>398999</v>
      </c>
      <c r="J30936" s="8">
        <v>1</v>
      </c>
      <c r="K30936" s="9"/>
      <c r="L30936" s="6"/>
    </row>
    <row r="30937" spans="1:12">
      <c r="A30937" s="6" t="s">
        <v>32427</v>
      </c>
      <c r="B30937" s="6"/>
      <c r="C30937" s="6" t="s">
        <v>32230</v>
      </c>
      <c r="D30937" s="6"/>
      <c r="E30937" s="6" t="s">
        <v>9</v>
      </c>
      <c r="F30937" s="7">
        <v>38899</v>
      </c>
      <c r="G30937" s="8">
        <v>399000</v>
      </c>
      <c r="H30937" s="8">
        <v>1</v>
      </c>
      <c r="I30937" s="8">
        <v>398999</v>
      </c>
      <c r="J30937" s="8">
        <v>1</v>
      </c>
      <c r="K30937" s="9"/>
      <c r="L30937" s="6"/>
    </row>
    <row r="30938" spans="1:12">
      <c r="A30938" s="6" t="s">
        <v>32428</v>
      </c>
      <c r="B30938" s="6"/>
      <c r="C30938" s="6" t="s">
        <v>32230</v>
      </c>
      <c r="D30938" s="6"/>
      <c r="E30938" s="6" t="s">
        <v>9</v>
      </c>
      <c r="F30938" s="7">
        <v>41241</v>
      </c>
      <c r="G30938" s="8">
        <v>399000</v>
      </c>
      <c r="H30938" s="8">
        <v>79800</v>
      </c>
      <c r="I30938" s="8">
        <v>359100</v>
      </c>
      <c r="J30938" s="8">
        <v>39900</v>
      </c>
      <c r="K30938" s="9"/>
      <c r="L30938" s="6"/>
    </row>
    <row r="30939" spans="1:12">
      <c r="A30939" s="6" t="s">
        <v>32429</v>
      </c>
      <c r="B30939" s="6"/>
      <c r="C30939" s="6" t="s">
        <v>32230</v>
      </c>
      <c r="D30939" s="6"/>
      <c r="E30939" s="6" t="s">
        <v>9</v>
      </c>
      <c r="F30939" s="7">
        <v>38899</v>
      </c>
      <c r="G30939" s="8">
        <v>399000</v>
      </c>
      <c r="H30939" s="8">
        <v>1</v>
      </c>
      <c r="I30939" s="8">
        <v>398999</v>
      </c>
      <c r="J30939" s="8">
        <v>1</v>
      </c>
      <c r="K30939" s="9"/>
      <c r="L30939" s="6"/>
    </row>
    <row r="30940" spans="1:12">
      <c r="A30940" s="6" t="s">
        <v>32430</v>
      </c>
      <c r="B30940" s="6"/>
      <c r="C30940" s="6" t="s">
        <v>32230</v>
      </c>
      <c r="D30940" s="6"/>
      <c r="E30940" s="6" t="s">
        <v>9</v>
      </c>
      <c r="F30940" s="7">
        <v>41149</v>
      </c>
      <c r="G30940" s="8">
        <v>399000</v>
      </c>
      <c r="H30940" s="8">
        <v>79800</v>
      </c>
      <c r="I30940" s="8">
        <v>359100</v>
      </c>
      <c r="J30940" s="8">
        <v>39900</v>
      </c>
      <c r="K30940" s="9"/>
      <c r="L30940" s="6"/>
    </row>
    <row r="30941" spans="1:12">
      <c r="A30941" s="6" t="s">
        <v>32431</v>
      </c>
      <c r="B30941" s="6"/>
      <c r="C30941" s="6" t="s">
        <v>32230</v>
      </c>
      <c r="D30941" s="6"/>
      <c r="E30941" s="6" t="s">
        <v>9</v>
      </c>
      <c r="F30941" s="7">
        <v>42243</v>
      </c>
      <c r="G30941" s="8">
        <v>399000</v>
      </c>
      <c r="H30941" s="8">
        <v>199500</v>
      </c>
      <c r="I30941" s="8">
        <v>239400</v>
      </c>
      <c r="J30941" s="8">
        <v>159600</v>
      </c>
      <c r="K30941" s="9"/>
      <c r="L30941" s="6"/>
    </row>
    <row r="30942" spans="1:12">
      <c r="A30942" s="6" t="s">
        <v>32432</v>
      </c>
      <c r="B30942" s="6"/>
      <c r="C30942" s="6" t="s">
        <v>32230</v>
      </c>
      <c r="D30942" s="6"/>
      <c r="E30942" s="6" t="s">
        <v>9</v>
      </c>
      <c r="F30942" s="7">
        <v>38899</v>
      </c>
      <c r="G30942" s="8">
        <v>399000</v>
      </c>
      <c r="H30942" s="8">
        <v>1</v>
      </c>
      <c r="I30942" s="8">
        <v>398999</v>
      </c>
      <c r="J30942" s="8">
        <v>1</v>
      </c>
      <c r="K30942" s="9"/>
      <c r="L30942" s="6"/>
    </row>
    <row r="30943" spans="1:12">
      <c r="A30943" s="6" t="s">
        <v>32433</v>
      </c>
      <c r="B30943" s="6"/>
      <c r="C30943" s="6" t="s">
        <v>32230</v>
      </c>
      <c r="D30943" s="6"/>
      <c r="E30943" s="6" t="s">
        <v>9</v>
      </c>
      <c r="F30943" s="7">
        <v>38899</v>
      </c>
      <c r="G30943" s="8">
        <v>399000</v>
      </c>
      <c r="H30943" s="8">
        <v>1</v>
      </c>
      <c r="I30943" s="8">
        <v>398999</v>
      </c>
      <c r="J30943" s="8">
        <v>1</v>
      </c>
      <c r="K30943" s="9"/>
      <c r="L30943" s="6"/>
    </row>
    <row r="30944" spans="1:12">
      <c r="A30944" s="6" t="s">
        <v>32434</v>
      </c>
      <c r="B30944" s="6"/>
      <c r="C30944" s="6" t="s">
        <v>32230</v>
      </c>
      <c r="D30944" s="6"/>
      <c r="E30944" s="6" t="s">
        <v>9</v>
      </c>
      <c r="F30944" s="7">
        <v>40700</v>
      </c>
      <c r="G30944" s="8">
        <v>399000</v>
      </c>
      <c r="H30944" s="8">
        <v>39900</v>
      </c>
      <c r="I30944" s="8">
        <v>398999</v>
      </c>
      <c r="J30944" s="8">
        <v>1</v>
      </c>
      <c r="K30944" s="9"/>
      <c r="L30944" s="6"/>
    </row>
    <row r="30945" spans="1:12">
      <c r="A30945" s="6" t="s">
        <v>32435</v>
      </c>
      <c r="B30945" s="6"/>
      <c r="C30945" s="6" t="s">
        <v>32230</v>
      </c>
      <c r="D30945" s="6"/>
      <c r="E30945" s="6" t="s">
        <v>9</v>
      </c>
      <c r="F30945" s="7">
        <v>41729</v>
      </c>
      <c r="G30945" s="8">
        <v>399000</v>
      </c>
      <c r="H30945" s="8">
        <v>119700</v>
      </c>
      <c r="I30945" s="8">
        <v>319200</v>
      </c>
      <c r="J30945" s="8">
        <v>79800</v>
      </c>
      <c r="K30945" s="9"/>
      <c r="L30945" s="6"/>
    </row>
    <row r="30946" spans="1:12">
      <c r="A30946" s="6" t="s">
        <v>32436</v>
      </c>
      <c r="B30946" s="6"/>
      <c r="C30946" s="6" t="s">
        <v>32230</v>
      </c>
      <c r="D30946" s="6"/>
      <c r="E30946" s="6" t="s">
        <v>9</v>
      </c>
      <c r="F30946" s="7">
        <v>40529</v>
      </c>
      <c r="G30946" s="8">
        <v>399000</v>
      </c>
      <c r="H30946" s="8">
        <v>1</v>
      </c>
      <c r="I30946" s="8">
        <v>398999</v>
      </c>
      <c r="J30946" s="8">
        <v>1</v>
      </c>
      <c r="K30946" s="9"/>
      <c r="L30946" s="6"/>
    </row>
    <row r="30947" spans="1:12">
      <c r="A30947" s="6" t="s">
        <v>32437</v>
      </c>
      <c r="B30947" s="6"/>
      <c r="C30947" s="6" t="s">
        <v>32230</v>
      </c>
      <c r="D30947" s="6"/>
      <c r="E30947" s="6" t="s">
        <v>9</v>
      </c>
      <c r="F30947" s="7">
        <v>40836</v>
      </c>
      <c r="G30947" s="8">
        <v>399000</v>
      </c>
      <c r="H30947" s="8">
        <v>39900</v>
      </c>
      <c r="I30947" s="8">
        <v>398999</v>
      </c>
      <c r="J30947" s="8">
        <v>1</v>
      </c>
      <c r="K30947" s="9"/>
      <c r="L30947" s="6"/>
    </row>
    <row r="30948" spans="1:12">
      <c r="A30948" s="6" t="s">
        <v>32438</v>
      </c>
      <c r="B30948" s="6"/>
      <c r="C30948" s="6" t="s">
        <v>32230</v>
      </c>
      <c r="D30948" s="6"/>
      <c r="E30948" s="6" t="s">
        <v>9</v>
      </c>
      <c r="F30948" s="7">
        <v>40836</v>
      </c>
      <c r="G30948" s="8">
        <v>399000</v>
      </c>
      <c r="H30948" s="8">
        <v>39900</v>
      </c>
      <c r="I30948" s="8">
        <v>398999</v>
      </c>
      <c r="J30948" s="8">
        <v>1</v>
      </c>
      <c r="K30948" s="9"/>
      <c r="L30948" s="6"/>
    </row>
    <row r="30949" spans="1:12">
      <c r="A30949" s="6" t="s">
        <v>32439</v>
      </c>
      <c r="B30949" s="6"/>
      <c r="C30949" s="6" t="s">
        <v>32230</v>
      </c>
      <c r="D30949" s="6"/>
      <c r="E30949" s="6" t="s">
        <v>9</v>
      </c>
      <c r="F30949" s="7">
        <v>40836</v>
      </c>
      <c r="G30949" s="8">
        <v>399000</v>
      </c>
      <c r="H30949" s="8">
        <v>39900</v>
      </c>
      <c r="I30949" s="8">
        <v>398999</v>
      </c>
      <c r="J30949" s="8">
        <v>1</v>
      </c>
      <c r="K30949" s="9"/>
      <c r="L30949" s="6"/>
    </row>
    <row r="30950" spans="1:12">
      <c r="A30950" s="6" t="s">
        <v>32440</v>
      </c>
      <c r="B30950" s="6"/>
      <c r="C30950" s="6" t="s">
        <v>32230</v>
      </c>
      <c r="D30950" s="6"/>
      <c r="E30950" s="6" t="s">
        <v>9</v>
      </c>
      <c r="F30950" s="7">
        <v>40836</v>
      </c>
      <c r="G30950" s="8">
        <v>399000</v>
      </c>
      <c r="H30950" s="8">
        <v>39900</v>
      </c>
      <c r="I30950" s="8">
        <v>398999</v>
      </c>
      <c r="J30950" s="8">
        <v>1</v>
      </c>
      <c r="K30950" s="9"/>
      <c r="L30950" s="6"/>
    </row>
    <row r="30951" spans="1:12">
      <c r="A30951" s="6" t="s">
        <v>32441</v>
      </c>
      <c r="B30951" s="6"/>
      <c r="C30951" s="6" t="s">
        <v>32230</v>
      </c>
      <c r="D30951" s="6"/>
      <c r="E30951" s="6" t="s">
        <v>9</v>
      </c>
      <c r="F30951" s="7">
        <v>40836</v>
      </c>
      <c r="G30951" s="8">
        <v>399000</v>
      </c>
      <c r="H30951" s="8">
        <v>39900</v>
      </c>
      <c r="I30951" s="8">
        <v>398999</v>
      </c>
      <c r="J30951" s="8">
        <v>1</v>
      </c>
      <c r="K30951" s="9"/>
      <c r="L30951" s="6"/>
    </row>
    <row r="30952" spans="1:12">
      <c r="A30952" s="6" t="s">
        <v>32442</v>
      </c>
      <c r="B30952" s="6"/>
      <c r="C30952" s="6" t="s">
        <v>32230</v>
      </c>
      <c r="D30952" s="6"/>
      <c r="E30952" s="6" t="s">
        <v>9</v>
      </c>
      <c r="F30952" s="7">
        <v>40836</v>
      </c>
      <c r="G30952" s="8">
        <v>399000</v>
      </c>
      <c r="H30952" s="8">
        <v>39900</v>
      </c>
      <c r="I30952" s="8">
        <v>398999</v>
      </c>
      <c r="J30952" s="8">
        <v>1</v>
      </c>
      <c r="K30952" s="9"/>
      <c r="L30952" s="6"/>
    </row>
    <row r="30953" spans="1:12">
      <c r="A30953" s="6" t="s">
        <v>32443</v>
      </c>
      <c r="B30953" s="6"/>
      <c r="C30953" s="6" t="s">
        <v>32230</v>
      </c>
      <c r="D30953" s="6"/>
      <c r="E30953" s="6" t="s">
        <v>9</v>
      </c>
      <c r="F30953" s="7">
        <v>40836</v>
      </c>
      <c r="G30953" s="8">
        <v>399000</v>
      </c>
      <c r="H30953" s="8">
        <v>39900</v>
      </c>
      <c r="I30953" s="8">
        <v>398999</v>
      </c>
      <c r="J30953" s="8">
        <v>1</v>
      </c>
      <c r="K30953" s="9"/>
      <c r="L30953" s="6"/>
    </row>
    <row r="30954" spans="1:12">
      <c r="A30954" s="6" t="s">
        <v>32444</v>
      </c>
      <c r="B30954" s="6"/>
      <c r="C30954" s="6" t="s">
        <v>32230</v>
      </c>
      <c r="D30954" s="6"/>
      <c r="E30954" s="6" t="s">
        <v>9</v>
      </c>
      <c r="F30954" s="7">
        <v>40836</v>
      </c>
      <c r="G30954" s="8">
        <v>399000</v>
      </c>
      <c r="H30954" s="8">
        <v>39900</v>
      </c>
      <c r="I30954" s="8">
        <v>398999</v>
      </c>
      <c r="J30954" s="8">
        <v>1</v>
      </c>
      <c r="K30954" s="9"/>
      <c r="L30954" s="6"/>
    </row>
    <row r="30955" spans="1:12">
      <c r="A30955" s="6" t="s">
        <v>32445</v>
      </c>
      <c r="B30955" s="6"/>
      <c r="C30955" s="6" t="s">
        <v>32230</v>
      </c>
      <c r="D30955" s="6"/>
      <c r="E30955" s="6" t="s">
        <v>9</v>
      </c>
      <c r="F30955" s="7">
        <v>40836</v>
      </c>
      <c r="G30955" s="8">
        <v>399000</v>
      </c>
      <c r="H30955" s="8">
        <v>39900</v>
      </c>
      <c r="I30955" s="8">
        <v>398999</v>
      </c>
      <c r="J30955" s="8">
        <v>1</v>
      </c>
      <c r="K30955" s="9"/>
      <c r="L30955" s="6"/>
    </row>
    <row r="30956" spans="1:12">
      <c r="A30956" s="6" t="s">
        <v>32446</v>
      </c>
      <c r="B30956" s="6"/>
      <c r="C30956" s="6" t="s">
        <v>32230</v>
      </c>
      <c r="D30956" s="6"/>
      <c r="E30956" s="6" t="s">
        <v>9</v>
      </c>
      <c r="F30956" s="7">
        <v>40816</v>
      </c>
      <c r="G30956" s="8">
        <v>399000</v>
      </c>
      <c r="H30956" s="8">
        <v>39900</v>
      </c>
      <c r="I30956" s="8">
        <v>398999</v>
      </c>
      <c r="J30956" s="8">
        <v>1</v>
      </c>
      <c r="K30956" s="9"/>
      <c r="L30956" s="6"/>
    </row>
    <row r="30957" spans="1:12">
      <c r="A30957" s="6" t="s">
        <v>32447</v>
      </c>
      <c r="B30957" s="6"/>
      <c r="C30957" s="6" t="s">
        <v>32230</v>
      </c>
      <c r="D30957" s="6"/>
      <c r="E30957" s="6" t="s">
        <v>9</v>
      </c>
      <c r="F30957" s="7">
        <v>40991</v>
      </c>
      <c r="G30957" s="8">
        <v>399000</v>
      </c>
      <c r="H30957" s="8">
        <v>39900</v>
      </c>
      <c r="I30957" s="8">
        <v>398999</v>
      </c>
      <c r="J30957" s="8">
        <v>1</v>
      </c>
      <c r="K30957" s="9"/>
      <c r="L30957" s="6"/>
    </row>
    <row r="30958" spans="1:12">
      <c r="A30958" s="6" t="s">
        <v>32448</v>
      </c>
      <c r="B30958" s="6"/>
      <c r="C30958" s="6" t="s">
        <v>32230</v>
      </c>
      <c r="D30958" s="6"/>
      <c r="E30958" s="6" t="s">
        <v>9</v>
      </c>
      <c r="F30958" s="7">
        <v>40991</v>
      </c>
      <c r="G30958" s="8">
        <v>399000</v>
      </c>
      <c r="H30958" s="8">
        <v>39900</v>
      </c>
      <c r="I30958" s="8">
        <v>398999</v>
      </c>
      <c r="J30958" s="8">
        <v>1</v>
      </c>
      <c r="K30958" s="9"/>
      <c r="L30958" s="6"/>
    </row>
    <row r="30959" spans="1:12">
      <c r="A30959" s="6" t="s">
        <v>32449</v>
      </c>
      <c r="B30959" s="6"/>
      <c r="C30959" s="6" t="s">
        <v>32230</v>
      </c>
      <c r="D30959" s="6"/>
      <c r="E30959" s="6" t="s">
        <v>9</v>
      </c>
      <c r="F30959" s="7">
        <v>40979</v>
      </c>
      <c r="G30959" s="8">
        <v>399000</v>
      </c>
      <c r="H30959" s="8">
        <v>39900</v>
      </c>
      <c r="I30959" s="8">
        <v>398999</v>
      </c>
      <c r="J30959" s="8">
        <v>1</v>
      </c>
      <c r="K30959" s="9"/>
      <c r="L30959" s="6"/>
    </row>
    <row r="30960" spans="1:12">
      <c r="A30960" s="6" t="s">
        <v>32450</v>
      </c>
      <c r="B30960" s="6"/>
      <c r="C30960" s="6" t="s">
        <v>32230</v>
      </c>
      <c r="D30960" s="6"/>
      <c r="E30960" s="6" t="s">
        <v>9</v>
      </c>
      <c r="F30960" s="7">
        <v>40979</v>
      </c>
      <c r="G30960" s="8">
        <v>399000</v>
      </c>
      <c r="H30960" s="8">
        <v>39900</v>
      </c>
      <c r="I30960" s="8">
        <v>398999</v>
      </c>
      <c r="J30960" s="8">
        <v>1</v>
      </c>
      <c r="K30960" s="9"/>
      <c r="L30960" s="6"/>
    </row>
    <row r="30961" spans="1:12">
      <c r="A30961" s="6" t="s">
        <v>32451</v>
      </c>
      <c r="B30961" s="6"/>
      <c r="C30961" s="6" t="s">
        <v>32230</v>
      </c>
      <c r="D30961" s="6"/>
      <c r="E30961" s="6" t="s">
        <v>9</v>
      </c>
      <c r="F30961" s="7">
        <v>40979</v>
      </c>
      <c r="G30961" s="8">
        <v>399000</v>
      </c>
      <c r="H30961" s="8">
        <v>39900</v>
      </c>
      <c r="I30961" s="8">
        <v>398999</v>
      </c>
      <c r="J30961" s="8">
        <v>1</v>
      </c>
      <c r="K30961" s="9"/>
      <c r="L30961" s="6"/>
    </row>
    <row r="30962" spans="1:12">
      <c r="A30962" s="6" t="s">
        <v>32452</v>
      </c>
      <c r="B30962" s="6"/>
      <c r="C30962" s="6" t="s">
        <v>32230</v>
      </c>
      <c r="D30962" s="6"/>
      <c r="E30962" s="6" t="s">
        <v>9</v>
      </c>
      <c r="F30962" s="7">
        <v>40979</v>
      </c>
      <c r="G30962" s="8">
        <v>399000</v>
      </c>
      <c r="H30962" s="8">
        <v>39900</v>
      </c>
      <c r="I30962" s="8">
        <v>398999</v>
      </c>
      <c r="J30962" s="8">
        <v>1</v>
      </c>
      <c r="K30962" s="9"/>
      <c r="L30962" s="6"/>
    </row>
    <row r="30963" spans="1:12">
      <c r="A30963" s="6" t="s">
        <v>32453</v>
      </c>
      <c r="B30963" s="6"/>
      <c r="C30963" s="6" t="s">
        <v>32230</v>
      </c>
      <c r="D30963" s="6"/>
      <c r="E30963" s="6" t="s">
        <v>9</v>
      </c>
      <c r="F30963" s="7">
        <v>40970</v>
      </c>
      <c r="G30963" s="8">
        <v>399000</v>
      </c>
      <c r="H30963" s="8">
        <v>39900</v>
      </c>
      <c r="I30963" s="8">
        <v>398999</v>
      </c>
      <c r="J30963" s="8">
        <v>1</v>
      </c>
      <c r="K30963" s="9"/>
      <c r="L30963" s="6"/>
    </row>
    <row r="30964" spans="1:12">
      <c r="A30964" s="6" t="s">
        <v>32454</v>
      </c>
      <c r="B30964" s="6"/>
      <c r="C30964" s="6" t="s">
        <v>32230</v>
      </c>
      <c r="D30964" s="6"/>
      <c r="E30964" s="6" t="s">
        <v>9</v>
      </c>
      <c r="F30964" s="7">
        <v>41120</v>
      </c>
      <c r="G30964" s="8">
        <v>399000</v>
      </c>
      <c r="H30964" s="8">
        <v>79800</v>
      </c>
      <c r="I30964" s="8">
        <v>359100</v>
      </c>
      <c r="J30964" s="8">
        <v>39900</v>
      </c>
      <c r="K30964" s="9"/>
      <c r="L30964" s="6"/>
    </row>
    <row r="30965" spans="1:12">
      <c r="A30965" s="6" t="s">
        <v>32455</v>
      </c>
      <c r="B30965" s="6"/>
      <c r="C30965" s="6" t="s">
        <v>32230</v>
      </c>
      <c r="D30965" s="6"/>
      <c r="E30965" s="6" t="s">
        <v>9</v>
      </c>
      <c r="F30965" s="7">
        <v>41213</v>
      </c>
      <c r="G30965" s="8">
        <v>399000</v>
      </c>
      <c r="H30965" s="8">
        <v>79800</v>
      </c>
      <c r="I30965" s="8">
        <v>359100</v>
      </c>
      <c r="J30965" s="8">
        <v>39900</v>
      </c>
      <c r="K30965" s="9"/>
      <c r="L30965" s="6"/>
    </row>
    <row r="30966" spans="1:12">
      <c r="A30966" s="6" t="s">
        <v>32456</v>
      </c>
      <c r="B30966" s="6"/>
      <c r="C30966" s="6" t="s">
        <v>32230</v>
      </c>
      <c r="D30966" s="6"/>
      <c r="E30966" s="6" t="s">
        <v>9</v>
      </c>
      <c r="F30966" s="7">
        <v>41213</v>
      </c>
      <c r="G30966" s="8">
        <v>399000</v>
      </c>
      <c r="H30966" s="8">
        <v>79800</v>
      </c>
      <c r="I30966" s="8">
        <v>359100</v>
      </c>
      <c r="J30966" s="8">
        <v>39900</v>
      </c>
      <c r="K30966" s="9"/>
      <c r="L30966" s="6"/>
    </row>
    <row r="30967" spans="1:12">
      <c r="A30967" s="6" t="s">
        <v>32457</v>
      </c>
      <c r="B30967" s="6"/>
      <c r="C30967" s="6" t="s">
        <v>32230</v>
      </c>
      <c r="D30967" s="6"/>
      <c r="E30967" s="6" t="s">
        <v>9</v>
      </c>
      <c r="F30967" s="7">
        <v>41213</v>
      </c>
      <c r="G30967" s="8">
        <v>399000</v>
      </c>
      <c r="H30967" s="8">
        <v>79800</v>
      </c>
      <c r="I30967" s="8">
        <v>359100</v>
      </c>
      <c r="J30967" s="8">
        <v>39900</v>
      </c>
      <c r="K30967" s="9"/>
      <c r="L30967" s="6"/>
    </row>
    <row r="30968" spans="1:12">
      <c r="A30968" s="6" t="s">
        <v>32458</v>
      </c>
      <c r="B30968" s="6"/>
      <c r="C30968" s="6" t="s">
        <v>32230</v>
      </c>
      <c r="D30968" s="6"/>
      <c r="E30968" s="6" t="s">
        <v>9</v>
      </c>
      <c r="F30968" s="7">
        <v>41213</v>
      </c>
      <c r="G30968" s="8">
        <v>399000</v>
      </c>
      <c r="H30968" s="8">
        <v>79800</v>
      </c>
      <c r="I30968" s="8">
        <v>359100</v>
      </c>
      <c r="J30968" s="8">
        <v>39900</v>
      </c>
      <c r="K30968" s="9"/>
      <c r="L30968" s="6"/>
    </row>
    <row r="30969" spans="1:12">
      <c r="A30969" s="6" t="s">
        <v>32459</v>
      </c>
      <c r="B30969" s="6"/>
      <c r="C30969" s="6" t="s">
        <v>32230</v>
      </c>
      <c r="D30969" s="6"/>
      <c r="E30969" s="6" t="s">
        <v>9</v>
      </c>
      <c r="F30969" s="7">
        <v>41213</v>
      </c>
      <c r="G30969" s="8">
        <v>399000</v>
      </c>
      <c r="H30969" s="8">
        <v>79800</v>
      </c>
      <c r="I30969" s="8">
        <v>359100</v>
      </c>
      <c r="J30969" s="8">
        <v>39900</v>
      </c>
      <c r="K30969" s="9"/>
      <c r="L30969" s="6"/>
    </row>
    <row r="30970" spans="1:12">
      <c r="A30970" s="6" t="s">
        <v>32460</v>
      </c>
      <c r="B30970" s="6"/>
      <c r="C30970" s="6" t="s">
        <v>32230</v>
      </c>
      <c r="D30970" s="6"/>
      <c r="E30970" s="6" t="s">
        <v>9</v>
      </c>
      <c r="F30970" s="7">
        <v>41213</v>
      </c>
      <c r="G30970" s="8">
        <v>399000</v>
      </c>
      <c r="H30970" s="8">
        <v>79800</v>
      </c>
      <c r="I30970" s="8">
        <v>359100</v>
      </c>
      <c r="J30970" s="8">
        <v>39900</v>
      </c>
      <c r="K30970" s="9"/>
      <c r="L30970" s="6"/>
    </row>
    <row r="30971" spans="1:12">
      <c r="A30971" s="6" t="s">
        <v>32461</v>
      </c>
      <c r="B30971" s="6"/>
      <c r="C30971" s="6" t="s">
        <v>32230</v>
      </c>
      <c r="D30971" s="6"/>
      <c r="E30971" s="6" t="s">
        <v>9</v>
      </c>
      <c r="F30971" s="7">
        <v>41213</v>
      </c>
      <c r="G30971" s="8">
        <v>399000</v>
      </c>
      <c r="H30971" s="8">
        <v>79800</v>
      </c>
      <c r="I30971" s="8">
        <v>359100</v>
      </c>
      <c r="J30971" s="8">
        <v>39900</v>
      </c>
      <c r="K30971" s="9"/>
      <c r="L30971" s="6"/>
    </row>
    <row r="30972" spans="1:12">
      <c r="A30972" s="6" t="s">
        <v>32462</v>
      </c>
      <c r="B30972" s="6"/>
      <c r="C30972" s="6" t="s">
        <v>32230</v>
      </c>
      <c r="D30972" s="6"/>
      <c r="E30972" s="6" t="s">
        <v>9</v>
      </c>
      <c r="F30972" s="7">
        <v>41213</v>
      </c>
      <c r="G30972" s="8">
        <v>399000</v>
      </c>
      <c r="H30972" s="8">
        <v>79800</v>
      </c>
      <c r="I30972" s="8">
        <v>359100</v>
      </c>
      <c r="J30972" s="8">
        <v>39900</v>
      </c>
      <c r="K30972" s="9"/>
      <c r="L30972" s="6"/>
    </row>
    <row r="30973" spans="1:12">
      <c r="A30973" s="6" t="s">
        <v>32463</v>
      </c>
      <c r="B30973" s="6"/>
      <c r="C30973" s="6" t="s">
        <v>32230</v>
      </c>
      <c r="D30973" s="6"/>
      <c r="E30973" s="6" t="s">
        <v>9</v>
      </c>
      <c r="F30973" s="7">
        <v>41213</v>
      </c>
      <c r="G30973" s="8">
        <v>399000</v>
      </c>
      <c r="H30973" s="8">
        <v>79800</v>
      </c>
      <c r="I30973" s="8">
        <v>359100</v>
      </c>
      <c r="J30973" s="8">
        <v>39900</v>
      </c>
      <c r="K30973" s="9"/>
      <c r="L30973" s="6"/>
    </row>
    <row r="30974" spans="1:12">
      <c r="A30974" s="6" t="s">
        <v>32464</v>
      </c>
      <c r="B30974" s="6"/>
      <c r="C30974" s="6" t="s">
        <v>32230</v>
      </c>
      <c r="D30974" s="6"/>
      <c r="E30974" s="6" t="s">
        <v>9</v>
      </c>
      <c r="F30974" s="7">
        <v>41187</v>
      </c>
      <c r="G30974" s="8">
        <v>399000</v>
      </c>
      <c r="H30974" s="8">
        <v>79800</v>
      </c>
      <c r="I30974" s="8">
        <v>359100</v>
      </c>
      <c r="J30974" s="8">
        <v>39900</v>
      </c>
      <c r="K30974" s="9"/>
      <c r="L30974" s="6"/>
    </row>
    <row r="30975" spans="1:12">
      <c r="A30975" s="6" t="s">
        <v>32465</v>
      </c>
      <c r="B30975" s="6"/>
      <c r="C30975" s="6" t="s">
        <v>32230</v>
      </c>
      <c r="D30975" s="6"/>
      <c r="E30975" s="6" t="s">
        <v>9</v>
      </c>
      <c r="F30975" s="7">
        <v>41187</v>
      </c>
      <c r="G30975" s="8">
        <v>399000</v>
      </c>
      <c r="H30975" s="8">
        <v>79800</v>
      </c>
      <c r="I30975" s="8">
        <v>359100</v>
      </c>
      <c r="J30975" s="8">
        <v>39900</v>
      </c>
      <c r="K30975" s="9"/>
      <c r="L30975" s="6"/>
    </row>
    <row r="30976" spans="1:12">
      <c r="A30976" s="6" t="s">
        <v>32466</v>
      </c>
      <c r="B30976" s="6"/>
      <c r="C30976" s="6" t="s">
        <v>32230</v>
      </c>
      <c r="D30976" s="6"/>
      <c r="E30976" s="6" t="s">
        <v>9</v>
      </c>
      <c r="F30976" s="7">
        <v>41187</v>
      </c>
      <c r="G30976" s="8">
        <v>399000</v>
      </c>
      <c r="H30976" s="8">
        <v>79800</v>
      </c>
      <c r="I30976" s="8">
        <v>359100</v>
      </c>
      <c r="J30976" s="8">
        <v>39900</v>
      </c>
      <c r="K30976" s="9"/>
      <c r="L30976" s="6"/>
    </row>
    <row r="30977" spans="1:12">
      <c r="A30977" s="6" t="s">
        <v>32467</v>
      </c>
      <c r="B30977" s="6"/>
      <c r="C30977" s="6" t="s">
        <v>32230</v>
      </c>
      <c r="D30977" s="6"/>
      <c r="E30977" s="6" t="s">
        <v>9</v>
      </c>
      <c r="F30977" s="7">
        <v>41187</v>
      </c>
      <c r="G30977" s="8">
        <v>399000</v>
      </c>
      <c r="H30977" s="8">
        <v>79800</v>
      </c>
      <c r="I30977" s="8">
        <v>359100</v>
      </c>
      <c r="J30977" s="8">
        <v>39900</v>
      </c>
      <c r="K30977" s="9"/>
      <c r="L30977" s="6"/>
    </row>
    <row r="30978" spans="1:12">
      <c r="A30978" s="6" t="s">
        <v>32468</v>
      </c>
      <c r="B30978" s="6"/>
      <c r="C30978" s="6" t="s">
        <v>32230</v>
      </c>
      <c r="D30978" s="6"/>
      <c r="E30978" s="6" t="s">
        <v>9</v>
      </c>
      <c r="F30978" s="7">
        <v>41187</v>
      </c>
      <c r="G30978" s="8">
        <v>399000</v>
      </c>
      <c r="H30978" s="8">
        <v>79800</v>
      </c>
      <c r="I30978" s="8">
        <v>359100</v>
      </c>
      <c r="J30978" s="8">
        <v>39900</v>
      </c>
      <c r="K30978" s="9"/>
      <c r="L30978" s="6"/>
    </row>
    <row r="30979" spans="1:12">
      <c r="A30979" s="6" t="s">
        <v>32469</v>
      </c>
      <c r="B30979" s="6"/>
      <c r="C30979" s="6" t="s">
        <v>32230</v>
      </c>
      <c r="D30979" s="6"/>
      <c r="E30979" s="6" t="s">
        <v>9</v>
      </c>
      <c r="F30979" s="7">
        <v>41187</v>
      </c>
      <c r="G30979" s="8">
        <v>399000</v>
      </c>
      <c r="H30979" s="8">
        <v>79800</v>
      </c>
      <c r="I30979" s="8">
        <v>359100</v>
      </c>
      <c r="J30979" s="8">
        <v>39900</v>
      </c>
      <c r="K30979" s="9"/>
      <c r="L30979" s="6"/>
    </row>
    <row r="30980" spans="1:12">
      <c r="A30980" s="6" t="s">
        <v>32470</v>
      </c>
      <c r="B30980" s="6"/>
      <c r="C30980" s="6" t="s">
        <v>32230</v>
      </c>
      <c r="D30980" s="6"/>
      <c r="E30980" s="6" t="s">
        <v>9</v>
      </c>
      <c r="F30980" s="7">
        <v>41670</v>
      </c>
      <c r="G30980" s="8">
        <v>399000</v>
      </c>
      <c r="H30980" s="8">
        <v>119700</v>
      </c>
      <c r="I30980" s="8">
        <v>319200</v>
      </c>
      <c r="J30980" s="8">
        <v>79800</v>
      </c>
      <c r="K30980" s="9"/>
      <c r="L30980" s="6"/>
    </row>
    <row r="30981" spans="1:12">
      <c r="A30981" s="6" t="s">
        <v>32471</v>
      </c>
      <c r="B30981" s="6"/>
      <c r="C30981" s="6" t="s">
        <v>32230</v>
      </c>
      <c r="D30981" s="6"/>
      <c r="E30981" s="6" t="s">
        <v>9</v>
      </c>
      <c r="F30981" s="7">
        <v>41670</v>
      </c>
      <c r="G30981" s="8">
        <v>399000</v>
      </c>
      <c r="H30981" s="8">
        <v>119700</v>
      </c>
      <c r="I30981" s="8">
        <v>319200</v>
      </c>
      <c r="J30981" s="8">
        <v>79800</v>
      </c>
      <c r="K30981" s="9"/>
      <c r="L30981" s="6"/>
    </row>
    <row r="30982" spans="1:12">
      <c r="A30982" s="6" t="s">
        <v>32472</v>
      </c>
      <c r="B30982" s="6"/>
      <c r="C30982" s="6" t="s">
        <v>32230</v>
      </c>
      <c r="D30982" s="6"/>
      <c r="E30982" s="6" t="s">
        <v>9</v>
      </c>
      <c r="F30982" s="7">
        <v>41670</v>
      </c>
      <c r="G30982" s="8">
        <v>399000</v>
      </c>
      <c r="H30982" s="8">
        <v>119700</v>
      </c>
      <c r="I30982" s="8">
        <v>319200</v>
      </c>
      <c r="J30982" s="8">
        <v>79800</v>
      </c>
      <c r="K30982" s="9"/>
      <c r="L30982" s="6"/>
    </row>
    <row r="30983" spans="1:12">
      <c r="A30983" s="6" t="s">
        <v>32473</v>
      </c>
      <c r="B30983" s="6"/>
      <c r="C30983" s="6" t="s">
        <v>32230</v>
      </c>
      <c r="D30983" s="6"/>
      <c r="E30983" s="6" t="s">
        <v>9</v>
      </c>
      <c r="F30983" s="7">
        <v>41729</v>
      </c>
      <c r="G30983" s="8">
        <v>399000</v>
      </c>
      <c r="H30983" s="8">
        <v>119700</v>
      </c>
      <c r="I30983" s="8">
        <v>319200</v>
      </c>
      <c r="J30983" s="8">
        <v>79800</v>
      </c>
      <c r="K30983" s="9"/>
      <c r="L30983" s="6"/>
    </row>
    <row r="30984" spans="1:12">
      <c r="A30984" s="6" t="s">
        <v>32474</v>
      </c>
      <c r="B30984" s="6"/>
      <c r="C30984" s="6" t="s">
        <v>32230</v>
      </c>
      <c r="D30984" s="6"/>
      <c r="E30984" s="6" t="s">
        <v>9</v>
      </c>
      <c r="F30984" s="7">
        <v>41729</v>
      </c>
      <c r="G30984" s="8">
        <v>399000</v>
      </c>
      <c r="H30984" s="8">
        <v>119700</v>
      </c>
      <c r="I30984" s="8">
        <v>319200</v>
      </c>
      <c r="J30984" s="8">
        <v>79800</v>
      </c>
      <c r="K30984" s="9"/>
      <c r="L30984" s="6"/>
    </row>
    <row r="30985" spans="1:12">
      <c r="A30985" s="6" t="s">
        <v>32475</v>
      </c>
      <c r="B30985" s="6"/>
      <c r="C30985" s="6" t="s">
        <v>32230</v>
      </c>
      <c r="D30985" s="6"/>
      <c r="E30985" s="6" t="s">
        <v>9</v>
      </c>
      <c r="F30985" s="7">
        <v>41729</v>
      </c>
      <c r="G30985" s="8">
        <v>399000</v>
      </c>
      <c r="H30985" s="8">
        <v>119700</v>
      </c>
      <c r="I30985" s="8">
        <v>319200</v>
      </c>
      <c r="J30985" s="8">
        <v>79800</v>
      </c>
      <c r="K30985" s="9"/>
      <c r="L30985" s="6"/>
    </row>
    <row r="30986" spans="1:12">
      <c r="A30986" s="6" t="s">
        <v>32476</v>
      </c>
      <c r="B30986" s="6"/>
      <c r="C30986" s="6" t="s">
        <v>32230</v>
      </c>
      <c r="D30986" s="6"/>
      <c r="E30986" s="6" t="s">
        <v>9</v>
      </c>
      <c r="F30986" s="7">
        <v>41729</v>
      </c>
      <c r="G30986" s="8">
        <v>399000</v>
      </c>
      <c r="H30986" s="8">
        <v>119700</v>
      </c>
      <c r="I30986" s="8">
        <v>319200</v>
      </c>
      <c r="J30986" s="8">
        <v>79800</v>
      </c>
      <c r="K30986" s="9"/>
      <c r="L30986" s="6"/>
    </row>
    <row r="30987" spans="1:12">
      <c r="A30987" s="6" t="s">
        <v>32477</v>
      </c>
      <c r="B30987" s="6"/>
      <c r="C30987" s="6" t="s">
        <v>32230</v>
      </c>
      <c r="D30987" s="6"/>
      <c r="E30987" s="6" t="s">
        <v>9</v>
      </c>
      <c r="F30987" s="7">
        <v>41729</v>
      </c>
      <c r="G30987" s="8">
        <v>399000</v>
      </c>
      <c r="H30987" s="8">
        <v>119700</v>
      </c>
      <c r="I30987" s="8">
        <v>319200</v>
      </c>
      <c r="J30987" s="8">
        <v>79800</v>
      </c>
      <c r="K30987" s="9"/>
      <c r="L30987" s="6"/>
    </row>
    <row r="30988" spans="1:12">
      <c r="A30988" s="6" t="s">
        <v>32478</v>
      </c>
      <c r="B30988" s="6"/>
      <c r="C30988" s="6" t="s">
        <v>32230</v>
      </c>
      <c r="D30988" s="6"/>
      <c r="E30988" s="6" t="s">
        <v>9</v>
      </c>
      <c r="F30988" s="7">
        <v>41729</v>
      </c>
      <c r="G30988" s="8">
        <v>399000</v>
      </c>
      <c r="H30988" s="8">
        <v>119700</v>
      </c>
      <c r="I30988" s="8">
        <v>319200</v>
      </c>
      <c r="J30988" s="8">
        <v>79800</v>
      </c>
      <c r="K30988" s="9"/>
      <c r="L30988" s="6"/>
    </row>
    <row r="30989" spans="1:12">
      <c r="A30989" s="6" t="s">
        <v>32479</v>
      </c>
      <c r="B30989" s="6"/>
      <c r="C30989" s="6" t="s">
        <v>32230</v>
      </c>
      <c r="D30989" s="6"/>
      <c r="E30989" s="6" t="s">
        <v>9</v>
      </c>
      <c r="F30989" s="7">
        <v>41729</v>
      </c>
      <c r="G30989" s="8">
        <v>399000</v>
      </c>
      <c r="H30989" s="8">
        <v>119700</v>
      </c>
      <c r="I30989" s="8">
        <v>319200</v>
      </c>
      <c r="J30989" s="8">
        <v>79800</v>
      </c>
      <c r="K30989" s="9"/>
      <c r="L30989" s="6"/>
    </row>
    <row r="30990" spans="1:12">
      <c r="A30990" s="6" t="s">
        <v>32480</v>
      </c>
      <c r="B30990" s="6"/>
      <c r="C30990" s="6" t="s">
        <v>32230</v>
      </c>
      <c r="D30990" s="6"/>
      <c r="E30990" s="6" t="s">
        <v>9</v>
      </c>
      <c r="F30990" s="7">
        <v>41729</v>
      </c>
      <c r="G30990" s="8">
        <v>399000</v>
      </c>
      <c r="H30990" s="8">
        <v>119700</v>
      </c>
      <c r="I30990" s="8">
        <v>319200</v>
      </c>
      <c r="J30990" s="8">
        <v>79800</v>
      </c>
      <c r="K30990" s="9"/>
      <c r="L30990" s="6"/>
    </row>
    <row r="30991" spans="1:12">
      <c r="A30991" s="6" t="s">
        <v>32481</v>
      </c>
      <c r="B30991" s="6"/>
      <c r="C30991" s="6" t="s">
        <v>32230</v>
      </c>
      <c r="D30991" s="6"/>
      <c r="E30991" s="6" t="s">
        <v>9</v>
      </c>
      <c r="F30991" s="7">
        <v>41729</v>
      </c>
      <c r="G30991" s="8">
        <v>399000</v>
      </c>
      <c r="H30991" s="8">
        <v>119700</v>
      </c>
      <c r="I30991" s="8">
        <v>319200</v>
      </c>
      <c r="J30991" s="8">
        <v>79800</v>
      </c>
      <c r="K30991" s="9"/>
      <c r="L30991" s="6"/>
    </row>
    <row r="30992" spans="1:12">
      <c r="A30992" s="6" t="s">
        <v>32482</v>
      </c>
      <c r="B30992" s="6"/>
      <c r="C30992" s="6" t="s">
        <v>32230</v>
      </c>
      <c r="D30992" s="6"/>
      <c r="E30992" s="6" t="s">
        <v>9</v>
      </c>
      <c r="F30992" s="7">
        <v>40532</v>
      </c>
      <c r="G30992" s="8">
        <v>399000</v>
      </c>
      <c r="H30992" s="8">
        <v>1</v>
      </c>
      <c r="I30992" s="8">
        <v>398999</v>
      </c>
      <c r="J30992" s="8">
        <v>1</v>
      </c>
      <c r="K30992" s="9"/>
      <c r="L30992" s="6"/>
    </row>
    <row r="30993" spans="1:12">
      <c r="A30993" s="6" t="s">
        <v>32483</v>
      </c>
      <c r="B30993" s="6"/>
      <c r="C30993" s="6" t="s">
        <v>32230</v>
      </c>
      <c r="D30993" s="6"/>
      <c r="E30993" s="6" t="s">
        <v>9</v>
      </c>
      <c r="F30993" s="7">
        <v>41729</v>
      </c>
      <c r="G30993" s="8">
        <v>399000</v>
      </c>
      <c r="H30993" s="8">
        <v>119700</v>
      </c>
      <c r="I30993" s="8">
        <v>319200</v>
      </c>
      <c r="J30993" s="8">
        <v>79800</v>
      </c>
      <c r="K30993" s="9"/>
      <c r="L30993" s="6"/>
    </row>
    <row r="30994" spans="1:12">
      <c r="A30994" s="6" t="s">
        <v>32484</v>
      </c>
      <c r="B30994" s="6"/>
      <c r="C30994" s="6" t="s">
        <v>32230</v>
      </c>
      <c r="D30994" s="6"/>
      <c r="E30994" s="6" t="s">
        <v>9</v>
      </c>
      <c r="F30994" s="7">
        <v>41729</v>
      </c>
      <c r="G30994" s="8">
        <v>399000</v>
      </c>
      <c r="H30994" s="8">
        <v>119700</v>
      </c>
      <c r="I30994" s="8">
        <v>319200</v>
      </c>
      <c r="J30994" s="8">
        <v>79800</v>
      </c>
      <c r="K30994" s="9"/>
      <c r="L30994" s="6"/>
    </row>
    <row r="30995" spans="1:12">
      <c r="A30995" s="6" t="s">
        <v>32485</v>
      </c>
      <c r="B30995" s="6"/>
      <c r="C30995" s="6" t="s">
        <v>32230</v>
      </c>
      <c r="D30995" s="6"/>
      <c r="E30995" s="6" t="s">
        <v>9</v>
      </c>
      <c r="F30995" s="7">
        <v>41729</v>
      </c>
      <c r="G30995" s="8">
        <v>399000</v>
      </c>
      <c r="H30995" s="8">
        <v>119700</v>
      </c>
      <c r="I30995" s="8">
        <v>319200</v>
      </c>
      <c r="J30995" s="8">
        <v>79800</v>
      </c>
      <c r="K30995" s="9"/>
      <c r="L30995" s="6"/>
    </row>
    <row r="30996" spans="1:12">
      <c r="A30996" s="6" t="s">
        <v>32486</v>
      </c>
      <c r="B30996" s="6"/>
      <c r="C30996" s="6" t="s">
        <v>32230</v>
      </c>
      <c r="D30996" s="6"/>
      <c r="E30996" s="6" t="s">
        <v>9</v>
      </c>
      <c r="F30996" s="7">
        <v>41901</v>
      </c>
      <c r="G30996" s="8">
        <v>399000</v>
      </c>
      <c r="H30996" s="8">
        <v>159600</v>
      </c>
      <c r="I30996" s="8">
        <v>279300</v>
      </c>
      <c r="J30996" s="8">
        <v>119700</v>
      </c>
      <c r="K30996" s="9"/>
      <c r="L30996" s="6"/>
    </row>
    <row r="30997" spans="1:12">
      <c r="A30997" s="6" t="s">
        <v>32487</v>
      </c>
      <c r="B30997" s="6"/>
      <c r="C30997" s="6" t="s">
        <v>32230</v>
      </c>
      <c r="D30997" s="6"/>
      <c r="E30997" s="6" t="s">
        <v>9</v>
      </c>
      <c r="F30997" s="7">
        <v>41916</v>
      </c>
      <c r="G30997" s="8">
        <v>399000</v>
      </c>
      <c r="H30997" s="8">
        <v>159600</v>
      </c>
      <c r="I30997" s="8">
        <v>279300</v>
      </c>
      <c r="J30997" s="8">
        <v>119700</v>
      </c>
      <c r="K30997" s="9"/>
      <c r="L30997" s="6"/>
    </row>
    <row r="30998" spans="1:12">
      <c r="A30998" s="6" t="s">
        <v>32488</v>
      </c>
      <c r="B30998" s="6"/>
      <c r="C30998" s="6" t="s">
        <v>32230</v>
      </c>
      <c r="D30998" s="6"/>
      <c r="E30998" s="6" t="s">
        <v>9</v>
      </c>
      <c r="F30998" s="7">
        <v>41916</v>
      </c>
      <c r="G30998" s="8">
        <v>399000</v>
      </c>
      <c r="H30998" s="8">
        <v>159600</v>
      </c>
      <c r="I30998" s="8">
        <v>279300</v>
      </c>
      <c r="J30998" s="8">
        <v>119700</v>
      </c>
      <c r="K30998" s="9"/>
      <c r="L30998" s="6"/>
    </row>
    <row r="30999" spans="1:12">
      <c r="A30999" s="6" t="s">
        <v>32489</v>
      </c>
      <c r="B30999" s="6"/>
      <c r="C30999" s="6" t="s">
        <v>32230</v>
      </c>
      <c r="D30999" s="6"/>
      <c r="E30999" s="6" t="s">
        <v>9</v>
      </c>
      <c r="F30999" s="7">
        <v>41916</v>
      </c>
      <c r="G30999" s="8">
        <v>399000</v>
      </c>
      <c r="H30999" s="8">
        <v>159600</v>
      </c>
      <c r="I30999" s="8">
        <v>279300</v>
      </c>
      <c r="J30999" s="8">
        <v>119700</v>
      </c>
      <c r="K30999" s="9"/>
      <c r="L30999" s="6"/>
    </row>
    <row r="31000" spans="1:12">
      <c r="A31000" s="6" t="s">
        <v>32490</v>
      </c>
      <c r="B31000" s="6"/>
      <c r="C31000" s="6" t="s">
        <v>32230</v>
      </c>
      <c r="D31000" s="6"/>
      <c r="E31000" s="6" t="s">
        <v>9</v>
      </c>
      <c r="F31000" s="7">
        <v>41859</v>
      </c>
      <c r="G31000" s="8">
        <v>399000</v>
      </c>
      <c r="H31000" s="8">
        <v>159600</v>
      </c>
      <c r="I31000" s="8">
        <v>279300</v>
      </c>
      <c r="J31000" s="8">
        <v>119700</v>
      </c>
      <c r="K31000" s="9"/>
      <c r="L31000" s="6"/>
    </row>
    <row r="31001" spans="1:12">
      <c r="A31001" s="6" t="s">
        <v>32491</v>
      </c>
      <c r="B31001" s="6"/>
      <c r="C31001" s="6" t="s">
        <v>32230</v>
      </c>
      <c r="D31001" s="6"/>
      <c r="E31001" s="6" t="s">
        <v>9</v>
      </c>
      <c r="F31001" s="7">
        <v>41772</v>
      </c>
      <c r="G31001" s="8">
        <v>399000</v>
      </c>
      <c r="H31001" s="8">
        <v>159600</v>
      </c>
      <c r="I31001" s="8">
        <v>279300</v>
      </c>
      <c r="J31001" s="8">
        <v>119700</v>
      </c>
      <c r="K31001" s="9"/>
      <c r="L31001" s="6"/>
    </row>
    <row r="31002" spans="1:12">
      <c r="A31002" s="6" t="s">
        <v>32492</v>
      </c>
      <c r="B31002" s="6"/>
      <c r="C31002" s="6" t="s">
        <v>32230</v>
      </c>
      <c r="D31002" s="6"/>
      <c r="E31002" s="6" t="s">
        <v>9</v>
      </c>
      <c r="F31002" s="7">
        <v>41960</v>
      </c>
      <c r="G31002" s="8">
        <v>399000</v>
      </c>
      <c r="H31002" s="8">
        <v>159600</v>
      </c>
      <c r="I31002" s="8">
        <v>279300</v>
      </c>
      <c r="J31002" s="8">
        <v>119700</v>
      </c>
      <c r="K31002" s="9"/>
      <c r="L31002" s="6"/>
    </row>
    <row r="31003" spans="1:12">
      <c r="A31003" s="6" t="s">
        <v>32493</v>
      </c>
      <c r="B31003" s="6"/>
      <c r="C31003" s="6" t="s">
        <v>32230</v>
      </c>
      <c r="D31003" s="6"/>
      <c r="E31003" s="6" t="s">
        <v>9</v>
      </c>
      <c r="F31003" s="7">
        <v>41960</v>
      </c>
      <c r="G31003" s="8">
        <v>399000</v>
      </c>
      <c r="H31003" s="8">
        <v>159600</v>
      </c>
      <c r="I31003" s="8">
        <v>279300</v>
      </c>
      <c r="J31003" s="8">
        <v>119700</v>
      </c>
      <c r="K31003" s="9"/>
      <c r="L31003" s="6"/>
    </row>
    <row r="31004" spans="1:12">
      <c r="A31004" s="6" t="s">
        <v>32494</v>
      </c>
      <c r="B31004" s="6"/>
      <c r="C31004" s="6" t="s">
        <v>32230</v>
      </c>
      <c r="D31004" s="6"/>
      <c r="E31004" s="6" t="s">
        <v>9</v>
      </c>
      <c r="F31004" s="7">
        <v>41971</v>
      </c>
      <c r="G31004" s="8">
        <v>399000</v>
      </c>
      <c r="H31004" s="8">
        <v>159600</v>
      </c>
      <c r="I31004" s="8">
        <v>279300</v>
      </c>
      <c r="J31004" s="8">
        <v>119700</v>
      </c>
      <c r="K31004" s="9"/>
      <c r="L31004" s="6"/>
    </row>
    <row r="31005" spans="1:12">
      <c r="A31005" s="6" t="s">
        <v>32495</v>
      </c>
      <c r="B31005" s="6"/>
      <c r="C31005" s="6" t="s">
        <v>32230</v>
      </c>
      <c r="D31005" s="6"/>
      <c r="E31005" s="6" t="s">
        <v>9</v>
      </c>
      <c r="F31005" s="7">
        <v>41971</v>
      </c>
      <c r="G31005" s="8">
        <v>399000</v>
      </c>
      <c r="H31005" s="8">
        <v>159600</v>
      </c>
      <c r="I31005" s="8">
        <v>279300</v>
      </c>
      <c r="J31005" s="8">
        <v>119700</v>
      </c>
      <c r="K31005" s="9"/>
      <c r="L31005" s="6"/>
    </row>
    <row r="31006" spans="1:12">
      <c r="A31006" s="6" t="s">
        <v>32496</v>
      </c>
      <c r="B31006" s="6"/>
      <c r="C31006" s="6" t="s">
        <v>32230</v>
      </c>
      <c r="D31006" s="6"/>
      <c r="E31006" s="6" t="s">
        <v>9</v>
      </c>
      <c r="F31006" s="7">
        <v>41960</v>
      </c>
      <c r="G31006" s="8">
        <v>399000</v>
      </c>
      <c r="H31006" s="8">
        <v>159600</v>
      </c>
      <c r="I31006" s="8">
        <v>279300</v>
      </c>
      <c r="J31006" s="8">
        <v>119700</v>
      </c>
      <c r="K31006" s="9"/>
      <c r="L31006" s="6"/>
    </row>
    <row r="31007" spans="1:12">
      <c r="A31007" s="6" t="s">
        <v>32497</v>
      </c>
      <c r="B31007" s="6"/>
      <c r="C31007" s="6" t="s">
        <v>32230</v>
      </c>
      <c r="D31007" s="6"/>
      <c r="E31007" s="6" t="s">
        <v>9</v>
      </c>
      <c r="F31007" s="7">
        <v>41960</v>
      </c>
      <c r="G31007" s="8">
        <v>399000</v>
      </c>
      <c r="H31007" s="8">
        <v>159600</v>
      </c>
      <c r="I31007" s="8">
        <v>279300</v>
      </c>
      <c r="J31007" s="8">
        <v>119700</v>
      </c>
      <c r="K31007" s="9"/>
      <c r="L31007" s="6"/>
    </row>
    <row r="31008" spans="1:12">
      <c r="A31008" s="6" t="s">
        <v>32498</v>
      </c>
      <c r="B31008" s="6"/>
      <c r="C31008" s="6" t="s">
        <v>32230</v>
      </c>
      <c r="D31008" s="6"/>
      <c r="E31008" s="6" t="s">
        <v>9</v>
      </c>
      <c r="F31008" s="7">
        <v>41960</v>
      </c>
      <c r="G31008" s="8">
        <v>399000</v>
      </c>
      <c r="H31008" s="8">
        <v>159600</v>
      </c>
      <c r="I31008" s="8">
        <v>279300</v>
      </c>
      <c r="J31008" s="8">
        <v>119700</v>
      </c>
      <c r="K31008" s="9"/>
      <c r="L31008" s="6"/>
    </row>
    <row r="31009" spans="1:12">
      <c r="A31009" s="6" t="s">
        <v>32499</v>
      </c>
      <c r="B31009" s="6"/>
      <c r="C31009" s="6" t="s">
        <v>32230</v>
      </c>
      <c r="D31009" s="6"/>
      <c r="E31009" s="6" t="s">
        <v>9</v>
      </c>
      <c r="F31009" s="7">
        <v>41960</v>
      </c>
      <c r="G31009" s="8">
        <v>399000</v>
      </c>
      <c r="H31009" s="8">
        <v>159600</v>
      </c>
      <c r="I31009" s="8">
        <v>279300</v>
      </c>
      <c r="J31009" s="8">
        <v>119700</v>
      </c>
      <c r="K31009" s="9"/>
      <c r="L31009" s="6"/>
    </row>
    <row r="31010" spans="1:12">
      <c r="A31010" s="6" t="s">
        <v>32500</v>
      </c>
      <c r="B31010" s="6"/>
      <c r="C31010" s="6" t="s">
        <v>32230</v>
      </c>
      <c r="D31010" s="6"/>
      <c r="E31010" s="6" t="s">
        <v>9</v>
      </c>
      <c r="F31010" s="7">
        <v>41971</v>
      </c>
      <c r="G31010" s="8">
        <v>399000</v>
      </c>
      <c r="H31010" s="8">
        <v>159600</v>
      </c>
      <c r="I31010" s="8">
        <v>279300</v>
      </c>
      <c r="J31010" s="8">
        <v>119700</v>
      </c>
      <c r="K31010" s="9"/>
      <c r="L31010" s="6"/>
    </row>
    <row r="31011" spans="1:12">
      <c r="A31011" s="6" t="s">
        <v>32501</v>
      </c>
      <c r="B31011" s="6"/>
      <c r="C31011" s="6" t="s">
        <v>32230</v>
      </c>
      <c r="D31011" s="6"/>
      <c r="E31011" s="6" t="s">
        <v>9</v>
      </c>
      <c r="F31011" s="7">
        <v>41960</v>
      </c>
      <c r="G31011" s="8">
        <v>399000</v>
      </c>
      <c r="H31011" s="8">
        <v>159600</v>
      </c>
      <c r="I31011" s="8">
        <v>279300</v>
      </c>
      <c r="J31011" s="8">
        <v>119700</v>
      </c>
      <c r="K31011" s="9"/>
      <c r="L31011" s="6"/>
    </row>
    <row r="31012" spans="1:12">
      <c r="A31012" s="6" t="s">
        <v>32502</v>
      </c>
      <c r="B31012" s="6"/>
      <c r="C31012" s="6" t="s">
        <v>32230</v>
      </c>
      <c r="D31012" s="6"/>
      <c r="E31012" s="6" t="s">
        <v>9</v>
      </c>
      <c r="F31012" s="7">
        <v>41960</v>
      </c>
      <c r="G31012" s="8">
        <v>399000</v>
      </c>
      <c r="H31012" s="8">
        <v>159600</v>
      </c>
      <c r="I31012" s="8">
        <v>279300</v>
      </c>
      <c r="J31012" s="8">
        <v>119700</v>
      </c>
      <c r="K31012" s="9"/>
      <c r="L31012" s="6"/>
    </row>
    <row r="31013" spans="1:12">
      <c r="A31013" s="6" t="s">
        <v>32503</v>
      </c>
      <c r="B31013" s="6"/>
      <c r="C31013" s="6" t="s">
        <v>32230</v>
      </c>
      <c r="D31013" s="6"/>
      <c r="E31013" s="6" t="s">
        <v>9</v>
      </c>
      <c r="F31013" s="7">
        <v>41960</v>
      </c>
      <c r="G31013" s="8">
        <v>399000</v>
      </c>
      <c r="H31013" s="8">
        <v>159600</v>
      </c>
      <c r="I31013" s="8">
        <v>279300</v>
      </c>
      <c r="J31013" s="8">
        <v>119700</v>
      </c>
      <c r="K31013" s="9"/>
      <c r="L31013" s="6"/>
    </row>
    <row r="31014" spans="1:12">
      <c r="A31014" s="6" t="s">
        <v>32504</v>
      </c>
      <c r="B31014" s="6"/>
      <c r="C31014" s="6" t="s">
        <v>32230</v>
      </c>
      <c r="D31014" s="6"/>
      <c r="E31014" s="6" t="s">
        <v>9</v>
      </c>
      <c r="F31014" s="7">
        <v>41960</v>
      </c>
      <c r="G31014" s="8">
        <v>399000</v>
      </c>
      <c r="H31014" s="8">
        <v>159600</v>
      </c>
      <c r="I31014" s="8">
        <v>279300</v>
      </c>
      <c r="J31014" s="8">
        <v>119700</v>
      </c>
      <c r="K31014" s="9"/>
      <c r="L31014" s="6"/>
    </row>
    <row r="31015" spans="1:12">
      <c r="A31015" s="6" t="s">
        <v>32505</v>
      </c>
      <c r="B31015" s="6"/>
      <c r="C31015" s="6" t="s">
        <v>32230</v>
      </c>
      <c r="D31015" s="6"/>
      <c r="E31015" s="6" t="s">
        <v>9</v>
      </c>
      <c r="F31015" s="7">
        <v>41960</v>
      </c>
      <c r="G31015" s="8">
        <v>399000</v>
      </c>
      <c r="H31015" s="8">
        <v>159600</v>
      </c>
      <c r="I31015" s="8">
        <v>279300</v>
      </c>
      <c r="J31015" s="8">
        <v>119700</v>
      </c>
      <c r="K31015" s="9"/>
      <c r="L31015" s="6"/>
    </row>
    <row r="31016" spans="1:12">
      <c r="A31016" s="6" t="s">
        <v>32506</v>
      </c>
      <c r="B31016" s="6"/>
      <c r="C31016" s="6" t="s">
        <v>32230</v>
      </c>
      <c r="D31016" s="6"/>
      <c r="E31016" s="6" t="s">
        <v>9</v>
      </c>
      <c r="F31016" s="7">
        <v>41960</v>
      </c>
      <c r="G31016" s="8">
        <v>399000</v>
      </c>
      <c r="H31016" s="8">
        <v>159600</v>
      </c>
      <c r="I31016" s="8">
        <v>279300</v>
      </c>
      <c r="J31016" s="8">
        <v>119700</v>
      </c>
      <c r="K31016" s="9"/>
      <c r="L31016" s="6"/>
    </row>
    <row r="31017" spans="1:12">
      <c r="A31017" s="6" t="s">
        <v>32507</v>
      </c>
      <c r="B31017" s="6"/>
      <c r="C31017" s="6" t="s">
        <v>32230</v>
      </c>
      <c r="D31017" s="6"/>
      <c r="E31017" s="6" t="s">
        <v>9</v>
      </c>
      <c r="F31017" s="7">
        <v>41960</v>
      </c>
      <c r="G31017" s="8">
        <v>399000</v>
      </c>
      <c r="H31017" s="8">
        <v>159600</v>
      </c>
      <c r="I31017" s="8">
        <v>279300</v>
      </c>
      <c r="J31017" s="8">
        <v>119700</v>
      </c>
      <c r="K31017" s="9"/>
      <c r="L31017" s="6"/>
    </row>
    <row r="31018" spans="1:12">
      <c r="A31018" s="6" t="s">
        <v>32508</v>
      </c>
      <c r="B31018" s="6"/>
      <c r="C31018" s="6" t="s">
        <v>32230</v>
      </c>
      <c r="D31018" s="6"/>
      <c r="E31018" s="6" t="s">
        <v>9</v>
      </c>
      <c r="F31018" s="7">
        <v>41960</v>
      </c>
      <c r="G31018" s="8">
        <v>399000</v>
      </c>
      <c r="H31018" s="8">
        <v>159600</v>
      </c>
      <c r="I31018" s="8">
        <v>279300</v>
      </c>
      <c r="J31018" s="8">
        <v>119700</v>
      </c>
      <c r="K31018" s="9"/>
      <c r="L31018" s="6"/>
    </row>
    <row r="31019" spans="1:12">
      <c r="A31019" s="6" t="s">
        <v>32509</v>
      </c>
      <c r="B31019" s="6"/>
      <c r="C31019" s="6" t="s">
        <v>32230</v>
      </c>
      <c r="D31019" s="6"/>
      <c r="E31019" s="6" t="s">
        <v>9</v>
      </c>
      <c r="F31019" s="7">
        <v>41960</v>
      </c>
      <c r="G31019" s="8">
        <v>399000</v>
      </c>
      <c r="H31019" s="8">
        <v>159600</v>
      </c>
      <c r="I31019" s="8">
        <v>279300</v>
      </c>
      <c r="J31019" s="8">
        <v>119700</v>
      </c>
      <c r="K31019" s="9"/>
      <c r="L31019" s="6"/>
    </row>
    <row r="31020" spans="1:12">
      <c r="A31020" s="6" t="s">
        <v>32510</v>
      </c>
      <c r="B31020" s="6"/>
      <c r="C31020" s="6" t="s">
        <v>32230</v>
      </c>
      <c r="D31020" s="6"/>
      <c r="E31020" s="6" t="s">
        <v>9</v>
      </c>
      <c r="F31020" s="7">
        <v>41960</v>
      </c>
      <c r="G31020" s="8">
        <v>399000</v>
      </c>
      <c r="H31020" s="8">
        <v>159600</v>
      </c>
      <c r="I31020" s="8">
        <v>279300</v>
      </c>
      <c r="J31020" s="8">
        <v>119700</v>
      </c>
      <c r="K31020" s="9"/>
      <c r="L31020" s="6"/>
    </row>
    <row r="31021" spans="1:12">
      <c r="A31021" s="6" t="s">
        <v>32511</v>
      </c>
      <c r="B31021" s="6"/>
      <c r="C31021" s="6" t="s">
        <v>32230</v>
      </c>
      <c r="D31021" s="6"/>
      <c r="E31021" s="6" t="s">
        <v>9</v>
      </c>
      <c r="F31021" s="7">
        <v>41960</v>
      </c>
      <c r="G31021" s="8">
        <v>399000</v>
      </c>
      <c r="H31021" s="8">
        <v>159600</v>
      </c>
      <c r="I31021" s="8">
        <v>279300</v>
      </c>
      <c r="J31021" s="8">
        <v>119700</v>
      </c>
      <c r="K31021" s="9"/>
      <c r="L31021" s="6"/>
    </row>
    <row r="31022" spans="1:12">
      <c r="A31022" s="6" t="s">
        <v>32512</v>
      </c>
      <c r="B31022" s="6"/>
      <c r="C31022" s="6" t="s">
        <v>32230</v>
      </c>
      <c r="D31022" s="6"/>
      <c r="E31022" s="6" t="s">
        <v>9</v>
      </c>
      <c r="F31022" s="7">
        <v>41960</v>
      </c>
      <c r="G31022" s="8">
        <v>399000</v>
      </c>
      <c r="H31022" s="8">
        <v>159600</v>
      </c>
      <c r="I31022" s="8">
        <v>279300</v>
      </c>
      <c r="J31022" s="8">
        <v>119700</v>
      </c>
      <c r="K31022" s="9"/>
      <c r="L31022" s="6"/>
    </row>
    <row r="31023" spans="1:12">
      <c r="A31023" s="6" t="s">
        <v>32513</v>
      </c>
      <c r="B31023" s="6"/>
      <c r="C31023" s="6" t="s">
        <v>32230</v>
      </c>
      <c r="D31023" s="6"/>
      <c r="E31023" s="6" t="s">
        <v>9</v>
      </c>
      <c r="F31023" s="7">
        <v>41960</v>
      </c>
      <c r="G31023" s="8">
        <v>399000</v>
      </c>
      <c r="H31023" s="8">
        <v>159600</v>
      </c>
      <c r="I31023" s="8">
        <v>279300</v>
      </c>
      <c r="J31023" s="8">
        <v>119700</v>
      </c>
      <c r="K31023" s="9"/>
      <c r="L31023" s="6"/>
    </row>
    <row r="31024" spans="1:12">
      <c r="A31024" s="6" t="s">
        <v>32514</v>
      </c>
      <c r="B31024" s="6"/>
      <c r="C31024" s="6" t="s">
        <v>32230</v>
      </c>
      <c r="D31024" s="6"/>
      <c r="E31024" s="6" t="s">
        <v>9</v>
      </c>
      <c r="F31024" s="7">
        <v>41960</v>
      </c>
      <c r="G31024" s="8">
        <v>399000</v>
      </c>
      <c r="H31024" s="8">
        <v>159600</v>
      </c>
      <c r="I31024" s="8">
        <v>279300</v>
      </c>
      <c r="J31024" s="8">
        <v>119700</v>
      </c>
      <c r="K31024" s="9"/>
      <c r="L31024" s="6"/>
    </row>
    <row r="31025" spans="1:12">
      <c r="A31025" s="6" t="s">
        <v>32515</v>
      </c>
      <c r="B31025" s="6"/>
      <c r="C31025" s="6" t="s">
        <v>32230</v>
      </c>
      <c r="D31025" s="6"/>
      <c r="E31025" s="6" t="s">
        <v>9</v>
      </c>
      <c r="F31025" s="7">
        <v>41960</v>
      </c>
      <c r="G31025" s="8">
        <v>399000</v>
      </c>
      <c r="H31025" s="8">
        <v>159600</v>
      </c>
      <c r="I31025" s="8">
        <v>279300</v>
      </c>
      <c r="J31025" s="8">
        <v>119700</v>
      </c>
      <c r="K31025" s="9"/>
      <c r="L31025" s="6"/>
    </row>
    <row r="31026" spans="1:12">
      <c r="A31026" s="6" t="s">
        <v>32516</v>
      </c>
      <c r="B31026" s="6"/>
      <c r="C31026" s="6" t="s">
        <v>32230</v>
      </c>
      <c r="D31026" s="6"/>
      <c r="E31026" s="6" t="s">
        <v>9</v>
      </c>
      <c r="F31026" s="7">
        <v>41960</v>
      </c>
      <c r="G31026" s="8">
        <v>399000</v>
      </c>
      <c r="H31026" s="8">
        <v>159600</v>
      </c>
      <c r="I31026" s="8">
        <v>279300</v>
      </c>
      <c r="J31026" s="8">
        <v>119700</v>
      </c>
      <c r="K31026" s="9"/>
      <c r="L31026" s="6"/>
    </row>
    <row r="31027" spans="1:12">
      <c r="A31027" s="6" t="s">
        <v>32517</v>
      </c>
      <c r="B31027" s="6"/>
      <c r="C31027" s="6" t="s">
        <v>32230</v>
      </c>
      <c r="D31027" s="6"/>
      <c r="E31027" s="6" t="s">
        <v>9</v>
      </c>
      <c r="F31027" s="7">
        <v>41960</v>
      </c>
      <c r="G31027" s="8">
        <v>399000</v>
      </c>
      <c r="H31027" s="8">
        <v>159600</v>
      </c>
      <c r="I31027" s="8">
        <v>279300</v>
      </c>
      <c r="J31027" s="8">
        <v>119700</v>
      </c>
      <c r="K31027" s="9"/>
      <c r="L31027" s="6"/>
    </row>
    <row r="31028" spans="1:12">
      <c r="A31028" s="6" t="s">
        <v>32518</v>
      </c>
      <c r="B31028" s="6"/>
      <c r="C31028" s="6" t="s">
        <v>32230</v>
      </c>
      <c r="D31028" s="6"/>
      <c r="E31028" s="6" t="s">
        <v>9</v>
      </c>
      <c r="F31028" s="7">
        <v>41960</v>
      </c>
      <c r="G31028" s="8">
        <v>399000</v>
      </c>
      <c r="H31028" s="8">
        <v>159600</v>
      </c>
      <c r="I31028" s="8">
        <v>279300</v>
      </c>
      <c r="J31028" s="8">
        <v>119700</v>
      </c>
      <c r="K31028" s="9"/>
      <c r="L31028" s="6"/>
    </row>
    <row r="31029" spans="1:12">
      <c r="A31029" s="6" t="s">
        <v>32519</v>
      </c>
      <c r="B31029" s="6"/>
      <c r="C31029" s="6" t="s">
        <v>32230</v>
      </c>
      <c r="D31029" s="6"/>
      <c r="E31029" s="6" t="s">
        <v>9</v>
      </c>
      <c r="F31029" s="7">
        <v>41960</v>
      </c>
      <c r="G31029" s="8">
        <v>399000</v>
      </c>
      <c r="H31029" s="8">
        <v>159600</v>
      </c>
      <c r="I31029" s="8">
        <v>279300</v>
      </c>
      <c r="J31029" s="8">
        <v>119700</v>
      </c>
      <c r="K31029" s="9"/>
      <c r="L31029" s="6"/>
    </row>
    <row r="31030" spans="1:12">
      <c r="A31030" s="6" t="s">
        <v>32520</v>
      </c>
      <c r="B31030" s="6"/>
      <c r="C31030" s="6" t="s">
        <v>32230</v>
      </c>
      <c r="D31030" s="6"/>
      <c r="E31030" s="6" t="s">
        <v>9</v>
      </c>
      <c r="F31030" s="7">
        <v>41960</v>
      </c>
      <c r="G31030" s="8">
        <v>399000</v>
      </c>
      <c r="H31030" s="8">
        <v>159600</v>
      </c>
      <c r="I31030" s="8">
        <v>279300</v>
      </c>
      <c r="J31030" s="8">
        <v>119700</v>
      </c>
      <c r="K31030" s="9"/>
      <c r="L31030" s="6"/>
    </row>
    <row r="31031" spans="1:12">
      <c r="A31031" s="6" t="s">
        <v>32521</v>
      </c>
      <c r="B31031" s="6"/>
      <c r="C31031" s="6" t="s">
        <v>32230</v>
      </c>
      <c r="D31031" s="6"/>
      <c r="E31031" s="6" t="s">
        <v>9</v>
      </c>
      <c r="F31031" s="7">
        <v>41960</v>
      </c>
      <c r="G31031" s="8">
        <v>399000</v>
      </c>
      <c r="H31031" s="8">
        <v>159600</v>
      </c>
      <c r="I31031" s="8">
        <v>279300</v>
      </c>
      <c r="J31031" s="8">
        <v>119700</v>
      </c>
      <c r="K31031" s="9"/>
      <c r="L31031" s="6"/>
    </row>
    <row r="31032" spans="1:12">
      <c r="A31032" s="6" t="s">
        <v>32522</v>
      </c>
      <c r="B31032" s="6"/>
      <c r="C31032" s="6" t="s">
        <v>32230</v>
      </c>
      <c r="D31032" s="6"/>
      <c r="E31032" s="6" t="s">
        <v>9</v>
      </c>
      <c r="F31032" s="7">
        <v>41960</v>
      </c>
      <c r="G31032" s="8">
        <v>399000</v>
      </c>
      <c r="H31032" s="8">
        <v>159600</v>
      </c>
      <c r="I31032" s="8">
        <v>279300</v>
      </c>
      <c r="J31032" s="8">
        <v>119700</v>
      </c>
      <c r="K31032" s="9"/>
      <c r="L31032" s="6"/>
    </row>
    <row r="31033" spans="1:12">
      <c r="A31033" s="6" t="s">
        <v>32523</v>
      </c>
      <c r="B31033" s="6"/>
      <c r="C31033" s="6" t="s">
        <v>32230</v>
      </c>
      <c r="D31033" s="6"/>
      <c r="E31033" s="6" t="s">
        <v>9</v>
      </c>
      <c r="F31033" s="7">
        <v>41960</v>
      </c>
      <c r="G31033" s="8">
        <v>399000</v>
      </c>
      <c r="H31033" s="8">
        <v>159600</v>
      </c>
      <c r="I31033" s="8">
        <v>279300</v>
      </c>
      <c r="J31033" s="8">
        <v>119700</v>
      </c>
      <c r="K31033" s="9"/>
      <c r="L31033" s="6"/>
    </row>
    <row r="31034" spans="1:12">
      <c r="A31034" s="6" t="s">
        <v>32524</v>
      </c>
      <c r="B31034" s="6"/>
      <c r="C31034" s="6" t="s">
        <v>32230</v>
      </c>
      <c r="D31034" s="6"/>
      <c r="E31034" s="6" t="s">
        <v>9</v>
      </c>
      <c r="F31034" s="7">
        <v>41960</v>
      </c>
      <c r="G31034" s="8">
        <v>399000</v>
      </c>
      <c r="H31034" s="8">
        <v>159600</v>
      </c>
      <c r="I31034" s="8">
        <v>279300</v>
      </c>
      <c r="J31034" s="8">
        <v>119700</v>
      </c>
      <c r="K31034" s="9"/>
      <c r="L31034" s="6"/>
    </row>
    <row r="31035" spans="1:12">
      <c r="A31035" s="6" t="s">
        <v>32525</v>
      </c>
      <c r="B31035" s="6"/>
      <c r="C31035" s="6" t="s">
        <v>32230</v>
      </c>
      <c r="D31035" s="6"/>
      <c r="E31035" s="6" t="s">
        <v>9</v>
      </c>
      <c r="F31035" s="7">
        <v>41960</v>
      </c>
      <c r="G31035" s="8">
        <v>399000</v>
      </c>
      <c r="H31035" s="8">
        <v>159600</v>
      </c>
      <c r="I31035" s="8">
        <v>279300</v>
      </c>
      <c r="J31035" s="8">
        <v>119700</v>
      </c>
      <c r="K31035" s="9"/>
      <c r="L31035" s="6"/>
    </row>
    <row r="31036" spans="1:12">
      <c r="A31036" s="6" t="s">
        <v>32526</v>
      </c>
      <c r="B31036" s="6"/>
      <c r="C31036" s="6" t="s">
        <v>32230</v>
      </c>
      <c r="D31036" s="6"/>
      <c r="E31036" s="6" t="s">
        <v>9</v>
      </c>
      <c r="F31036" s="7">
        <v>41978</v>
      </c>
      <c r="G31036" s="8">
        <v>399000</v>
      </c>
      <c r="H31036" s="8">
        <v>159600</v>
      </c>
      <c r="I31036" s="8">
        <v>279300</v>
      </c>
      <c r="J31036" s="8">
        <v>119700</v>
      </c>
      <c r="K31036" s="9"/>
      <c r="L31036" s="6"/>
    </row>
    <row r="31037" spans="1:12">
      <c r="A31037" s="6" t="s">
        <v>32527</v>
      </c>
      <c r="B31037" s="6"/>
      <c r="C31037" s="6" t="s">
        <v>32230</v>
      </c>
      <c r="D31037" s="6"/>
      <c r="E31037" s="6" t="s">
        <v>9</v>
      </c>
      <c r="F31037" s="7">
        <v>41701</v>
      </c>
      <c r="G31037" s="8">
        <v>399000</v>
      </c>
      <c r="H31037" s="8">
        <v>119700</v>
      </c>
      <c r="I31037" s="8">
        <v>319200</v>
      </c>
      <c r="J31037" s="8">
        <v>79800</v>
      </c>
      <c r="K31037" s="9"/>
      <c r="L31037" s="6"/>
    </row>
    <row r="31038" spans="1:12">
      <c r="A31038" s="6" t="s">
        <v>32528</v>
      </c>
      <c r="B31038" s="6"/>
      <c r="C31038" s="6" t="s">
        <v>32230</v>
      </c>
      <c r="D31038" s="6"/>
      <c r="E31038" s="6" t="s">
        <v>9</v>
      </c>
      <c r="F31038" s="7">
        <v>41701</v>
      </c>
      <c r="G31038" s="8">
        <v>399000</v>
      </c>
      <c r="H31038" s="8">
        <v>119700</v>
      </c>
      <c r="I31038" s="8">
        <v>319200</v>
      </c>
      <c r="J31038" s="8">
        <v>79800</v>
      </c>
      <c r="K31038" s="9"/>
      <c r="L31038" s="6"/>
    </row>
    <row r="31039" spans="1:12">
      <c r="A31039" s="6" t="s">
        <v>32529</v>
      </c>
      <c r="B31039" s="6"/>
      <c r="C31039" s="6" t="s">
        <v>32230</v>
      </c>
      <c r="D31039" s="6"/>
      <c r="E31039" s="6" t="s">
        <v>9</v>
      </c>
      <c r="F31039" s="7">
        <v>42174</v>
      </c>
      <c r="G31039" s="8">
        <v>399000</v>
      </c>
      <c r="H31039" s="8">
        <v>199500</v>
      </c>
      <c r="I31039" s="8">
        <v>239400</v>
      </c>
      <c r="J31039" s="8">
        <v>159600</v>
      </c>
      <c r="K31039" s="9"/>
      <c r="L31039" s="6"/>
    </row>
    <row r="31040" spans="1:12">
      <c r="A31040" s="6" t="s">
        <v>32530</v>
      </c>
      <c r="B31040" s="6"/>
      <c r="C31040" s="6" t="s">
        <v>32230</v>
      </c>
      <c r="D31040" s="6"/>
      <c r="E31040" s="6" t="s">
        <v>9</v>
      </c>
      <c r="F31040" s="7">
        <v>42277</v>
      </c>
      <c r="G31040" s="8">
        <v>399000</v>
      </c>
      <c r="H31040" s="8">
        <v>199500</v>
      </c>
      <c r="I31040" s="8">
        <v>239400</v>
      </c>
      <c r="J31040" s="8">
        <v>159600</v>
      </c>
      <c r="K31040" s="9"/>
      <c r="L31040" s="6"/>
    </row>
    <row r="31041" spans="1:12">
      <c r="A31041" s="6" t="s">
        <v>32531</v>
      </c>
      <c r="B31041" s="6"/>
      <c r="C31041" s="6" t="s">
        <v>32230</v>
      </c>
      <c r="D31041" s="6"/>
      <c r="E31041" s="6" t="s">
        <v>9</v>
      </c>
      <c r="F31041" s="7">
        <v>42216</v>
      </c>
      <c r="G31041" s="8">
        <v>399000</v>
      </c>
      <c r="H31041" s="8">
        <v>199500</v>
      </c>
      <c r="I31041" s="8">
        <v>239400</v>
      </c>
      <c r="J31041" s="8">
        <v>159600</v>
      </c>
      <c r="K31041" s="9"/>
      <c r="L31041" s="6"/>
    </row>
    <row r="31042" spans="1:12">
      <c r="A31042" s="6" t="s">
        <v>32532</v>
      </c>
      <c r="B31042" s="6"/>
      <c r="C31042" s="6" t="s">
        <v>32230</v>
      </c>
      <c r="D31042" s="6"/>
      <c r="E31042" s="6" t="s">
        <v>9</v>
      </c>
      <c r="F31042" s="7">
        <v>42216</v>
      </c>
      <c r="G31042" s="8">
        <v>399000</v>
      </c>
      <c r="H31042" s="8">
        <v>199500</v>
      </c>
      <c r="I31042" s="8">
        <v>239400</v>
      </c>
      <c r="J31042" s="8">
        <v>159600</v>
      </c>
      <c r="K31042" s="9"/>
      <c r="L31042" s="6"/>
    </row>
    <row r="31043" spans="1:12">
      <c r="A31043" s="6" t="s">
        <v>32533</v>
      </c>
      <c r="B31043" s="6"/>
      <c r="C31043" s="6" t="s">
        <v>32230</v>
      </c>
      <c r="D31043" s="6"/>
      <c r="E31043" s="6" t="s">
        <v>9</v>
      </c>
      <c r="F31043" s="7">
        <v>42216</v>
      </c>
      <c r="G31043" s="8">
        <v>399000</v>
      </c>
      <c r="H31043" s="8">
        <v>199500</v>
      </c>
      <c r="I31043" s="8">
        <v>239400</v>
      </c>
      <c r="J31043" s="8">
        <v>159600</v>
      </c>
      <c r="K31043" s="9"/>
      <c r="L31043" s="6"/>
    </row>
    <row r="31044" spans="1:12">
      <c r="A31044" s="6" t="s">
        <v>32534</v>
      </c>
      <c r="B31044" s="6"/>
      <c r="C31044" s="6" t="s">
        <v>32230</v>
      </c>
      <c r="D31044" s="6"/>
      <c r="E31044" s="6" t="s">
        <v>9</v>
      </c>
      <c r="F31044" s="7">
        <v>42216</v>
      </c>
      <c r="G31044" s="8">
        <v>399000</v>
      </c>
      <c r="H31044" s="8">
        <v>199500</v>
      </c>
      <c r="I31044" s="8">
        <v>239400</v>
      </c>
      <c r="J31044" s="8">
        <v>159600</v>
      </c>
      <c r="K31044" s="9"/>
      <c r="L31044" s="6"/>
    </row>
    <row r="31045" spans="1:12">
      <c r="A31045" s="6" t="s">
        <v>32535</v>
      </c>
      <c r="B31045" s="6"/>
      <c r="C31045" s="6" t="s">
        <v>32230</v>
      </c>
      <c r="D31045" s="6"/>
      <c r="E31045" s="6" t="s">
        <v>9</v>
      </c>
      <c r="F31045" s="7">
        <v>42216</v>
      </c>
      <c r="G31045" s="8">
        <v>399000</v>
      </c>
      <c r="H31045" s="8">
        <v>199500</v>
      </c>
      <c r="I31045" s="8">
        <v>239400</v>
      </c>
      <c r="J31045" s="8">
        <v>159600</v>
      </c>
      <c r="K31045" s="9"/>
      <c r="L31045" s="6"/>
    </row>
    <row r="31046" spans="1:12">
      <c r="A31046" s="6" t="s">
        <v>32536</v>
      </c>
      <c r="B31046" s="6"/>
      <c r="C31046" s="6" t="s">
        <v>32230</v>
      </c>
      <c r="D31046" s="6"/>
      <c r="E31046" s="6" t="s">
        <v>9</v>
      </c>
      <c r="F31046" s="7">
        <v>42216</v>
      </c>
      <c r="G31046" s="8">
        <v>399000</v>
      </c>
      <c r="H31046" s="8">
        <v>199500</v>
      </c>
      <c r="I31046" s="8">
        <v>239400</v>
      </c>
      <c r="J31046" s="8">
        <v>159600</v>
      </c>
      <c r="K31046" s="9"/>
      <c r="L31046" s="6"/>
    </row>
    <row r="31047" spans="1:12">
      <c r="A31047" s="6" t="s">
        <v>32537</v>
      </c>
      <c r="B31047" s="6"/>
      <c r="C31047" s="6" t="s">
        <v>32230</v>
      </c>
      <c r="D31047" s="6"/>
      <c r="E31047" s="6" t="s">
        <v>9</v>
      </c>
      <c r="F31047" s="7">
        <v>42422</v>
      </c>
      <c r="G31047" s="8">
        <v>399000</v>
      </c>
      <c r="H31047" s="8">
        <v>199500</v>
      </c>
      <c r="I31047" s="8">
        <v>239400</v>
      </c>
      <c r="J31047" s="8">
        <v>159600</v>
      </c>
      <c r="K31047" s="9"/>
      <c r="L31047" s="6"/>
    </row>
    <row r="31048" spans="1:12">
      <c r="A31048" s="6" t="s">
        <v>32538</v>
      </c>
      <c r="B31048" s="6"/>
      <c r="C31048" s="6" t="s">
        <v>32230</v>
      </c>
      <c r="D31048" s="6"/>
      <c r="E31048" s="6" t="s">
        <v>9</v>
      </c>
      <c r="F31048" s="7">
        <v>42307</v>
      </c>
      <c r="G31048" s="8">
        <v>133488</v>
      </c>
      <c r="H31048" s="8">
        <v>66748</v>
      </c>
      <c r="I31048" s="8">
        <v>80088</v>
      </c>
      <c r="J31048" s="8">
        <v>53400</v>
      </c>
      <c r="K31048" s="9"/>
      <c r="L31048" s="6"/>
    </row>
    <row r="31049" spans="1:12">
      <c r="A31049" s="6" t="s">
        <v>32539</v>
      </c>
      <c r="B31049" s="6"/>
      <c r="C31049" s="6" t="s">
        <v>32230</v>
      </c>
      <c r="D31049" s="6"/>
      <c r="E31049" s="6" t="s">
        <v>9</v>
      </c>
      <c r="F31049" s="7">
        <v>42313</v>
      </c>
      <c r="G31049" s="8">
        <v>1051920</v>
      </c>
      <c r="H31049" s="8">
        <v>525960</v>
      </c>
      <c r="I31049" s="8">
        <v>631152</v>
      </c>
      <c r="J31049" s="8">
        <v>420768</v>
      </c>
      <c r="K31049" s="9"/>
      <c r="L31049" s="6"/>
    </row>
    <row r="31050" spans="1:12">
      <c r="A31050" s="6" t="s">
        <v>32540</v>
      </c>
      <c r="B31050" s="6"/>
      <c r="C31050" s="6" t="s">
        <v>32230</v>
      </c>
      <c r="D31050" s="6"/>
      <c r="E31050" s="6" t="s">
        <v>9</v>
      </c>
      <c r="F31050" s="7">
        <v>42460</v>
      </c>
      <c r="G31050" s="8">
        <v>479520</v>
      </c>
      <c r="H31050" s="8">
        <v>239760</v>
      </c>
      <c r="I31050" s="8">
        <v>287712</v>
      </c>
      <c r="J31050" s="8">
        <v>191808</v>
      </c>
      <c r="K31050" s="9"/>
      <c r="L31050" s="6"/>
    </row>
    <row r="31051" spans="1:12">
      <c r="A31051" s="6" t="s">
        <v>32541</v>
      </c>
      <c r="B31051" s="6"/>
      <c r="C31051" s="6" t="s">
        <v>32230</v>
      </c>
      <c r="D31051" s="6"/>
      <c r="E31051" s="6" t="s">
        <v>9</v>
      </c>
      <c r="F31051" s="7">
        <v>42704</v>
      </c>
      <c r="G31051" s="8">
        <v>182304</v>
      </c>
      <c r="H31051" s="8">
        <v>109384</v>
      </c>
      <c r="I31051" s="8">
        <v>91150</v>
      </c>
      <c r="J31051" s="8">
        <v>91154</v>
      </c>
      <c r="K31051" s="9"/>
      <c r="L31051" s="6"/>
    </row>
    <row r="31052" spans="1:12">
      <c r="A31052" s="6" t="s">
        <v>32542</v>
      </c>
      <c r="B31052" s="6"/>
      <c r="C31052" s="6" t="s">
        <v>32230</v>
      </c>
      <c r="D31052" s="6"/>
      <c r="E31052" s="6" t="s">
        <v>9</v>
      </c>
      <c r="F31052" s="7">
        <v>42811</v>
      </c>
      <c r="G31052" s="8">
        <v>1080000</v>
      </c>
      <c r="H31052" s="8">
        <v>648000</v>
      </c>
      <c r="I31052" s="8">
        <v>540000</v>
      </c>
      <c r="J31052" s="8">
        <v>540000</v>
      </c>
      <c r="K31052" s="9"/>
      <c r="L31052" s="6"/>
    </row>
    <row r="31053" spans="1:12">
      <c r="A31053" s="6" t="s">
        <v>32543</v>
      </c>
      <c r="B31053" s="6"/>
      <c r="C31053" s="6" t="s">
        <v>32230</v>
      </c>
      <c r="D31053" s="6"/>
      <c r="E31053" s="6" t="s">
        <v>9</v>
      </c>
      <c r="F31053" s="7">
        <v>42781</v>
      </c>
      <c r="G31053" s="8">
        <v>68364</v>
      </c>
      <c r="H31053" s="8">
        <v>41020</v>
      </c>
      <c r="I31053" s="8">
        <v>34180</v>
      </c>
      <c r="J31053" s="8">
        <v>34184</v>
      </c>
      <c r="K31053" s="9"/>
      <c r="L31053" s="6"/>
    </row>
    <row r="31054" spans="1:12">
      <c r="A31054" s="6" t="s">
        <v>32544</v>
      </c>
      <c r="B31054" s="6"/>
      <c r="C31054" s="6" t="s">
        <v>32230</v>
      </c>
      <c r="D31054" s="6"/>
      <c r="E31054" s="6" t="s">
        <v>9</v>
      </c>
      <c r="F31054" s="7">
        <v>42794</v>
      </c>
      <c r="G31054" s="8">
        <v>1026000</v>
      </c>
      <c r="H31054" s="8">
        <v>615600</v>
      </c>
      <c r="I31054" s="8">
        <v>513000</v>
      </c>
      <c r="J31054" s="8">
        <v>513000</v>
      </c>
      <c r="K31054" s="9"/>
      <c r="L31054" s="6"/>
    </row>
    <row r="31055" spans="1:12">
      <c r="A31055" s="6" t="s">
        <v>32545</v>
      </c>
      <c r="B31055" s="6"/>
      <c r="C31055" s="6" t="s">
        <v>32230</v>
      </c>
      <c r="D31055" s="6"/>
      <c r="E31055" s="6" t="s">
        <v>9</v>
      </c>
      <c r="F31055" s="7">
        <v>42786</v>
      </c>
      <c r="G31055" s="8">
        <v>45576</v>
      </c>
      <c r="H31055" s="8">
        <v>27348</v>
      </c>
      <c r="I31055" s="8">
        <v>22785</v>
      </c>
      <c r="J31055" s="8">
        <v>22791</v>
      </c>
      <c r="K31055" s="9"/>
      <c r="L31055" s="6"/>
    </row>
    <row r="31056" spans="1:12">
      <c r="A31056" s="6" t="s">
        <v>32546</v>
      </c>
      <c r="B31056" s="6"/>
      <c r="C31056" s="6" t="s">
        <v>32230</v>
      </c>
      <c r="D31056" s="6"/>
      <c r="E31056" s="6" t="s">
        <v>9</v>
      </c>
      <c r="F31056" s="7">
        <v>42825</v>
      </c>
      <c r="G31056" s="8">
        <v>226800</v>
      </c>
      <c r="H31056" s="8">
        <v>136080</v>
      </c>
      <c r="I31056" s="8">
        <v>113400</v>
      </c>
      <c r="J31056" s="8">
        <v>113400</v>
      </c>
      <c r="K31056" s="9"/>
      <c r="L31056" s="6"/>
    </row>
    <row r="31057" spans="1:12">
      <c r="A31057" s="6" t="s">
        <v>32547</v>
      </c>
      <c r="B31057" s="6"/>
      <c r="C31057" s="6" t="s">
        <v>32230</v>
      </c>
      <c r="D31057" s="6"/>
      <c r="E31057" s="6" t="s">
        <v>9</v>
      </c>
      <c r="F31057" s="7">
        <v>42825</v>
      </c>
      <c r="G31057" s="8">
        <v>91152</v>
      </c>
      <c r="H31057" s="8">
        <v>54692</v>
      </c>
      <c r="I31057" s="8">
        <v>45575</v>
      </c>
      <c r="J31057" s="8">
        <v>45577</v>
      </c>
      <c r="K31057" s="9"/>
      <c r="L31057" s="6"/>
    </row>
    <row r="31058" spans="1:12">
      <c r="A31058" s="6" t="s">
        <v>32548</v>
      </c>
      <c r="B31058" s="6"/>
      <c r="C31058" s="6" t="s">
        <v>32230</v>
      </c>
      <c r="D31058" s="6"/>
      <c r="E31058" s="6" t="s">
        <v>9</v>
      </c>
      <c r="F31058" s="7">
        <v>42825</v>
      </c>
      <c r="G31058" s="8">
        <v>45576</v>
      </c>
      <c r="H31058" s="8">
        <v>27348</v>
      </c>
      <c r="I31058" s="8">
        <v>22785</v>
      </c>
      <c r="J31058" s="8">
        <v>22791</v>
      </c>
      <c r="K31058" s="9"/>
      <c r="L31058" s="6"/>
    </row>
    <row r="31059" spans="1:12">
      <c r="A31059" s="6" t="s">
        <v>32549</v>
      </c>
      <c r="B31059" s="6"/>
      <c r="C31059" s="6" t="s">
        <v>32230</v>
      </c>
      <c r="D31059" s="6"/>
      <c r="E31059" s="6" t="s">
        <v>9</v>
      </c>
      <c r="F31059" s="7">
        <v>42825</v>
      </c>
      <c r="G31059" s="8">
        <v>68364</v>
      </c>
      <c r="H31059" s="8">
        <v>41020</v>
      </c>
      <c r="I31059" s="8">
        <v>34180</v>
      </c>
      <c r="J31059" s="8">
        <v>34184</v>
      </c>
      <c r="K31059" s="9"/>
      <c r="L31059" s="6"/>
    </row>
    <row r="31060" spans="1:12">
      <c r="A31060" s="6" t="s">
        <v>32550</v>
      </c>
      <c r="B31060" s="6"/>
      <c r="C31060" s="6" t="s">
        <v>32230</v>
      </c>
      <c r="D31060" s="6"/>
      <c r="E31060" s="6" t="s">
        <v>9</v>
      </c>
      <c r="F31060" s="7">
        <v>42704</v>
      </c>
      <c r="G31060" s="8">
        <v>159516</v>
      </c>
      <c r="H31060" s="8">
        <v>95712</v>
      </c>
      <c r="I31060" s="8">
        <v>79755</v>
      </c>
      <c r="J31060" s="8">
        <v>79761</v>
      </c>
      <c r="K31060" s="9"/>
      <c r="L31060" s="6"/>
    </row>
    <row r="31061" spans="1:12">
      <c r="A31061" s="6" t="s">
        <v>32551</v>
      </c>
      <c r="B31061" s="6"/>
      <c r="C31061" s="6" t="s">
        <v>32230</v>
      </c>
      <c r="D31061" s="6"/>
      <c r="E31061" s="6" t="s">
        <v>9</v>
      </c>
      <c r="F31061" s="7">
        <v>42592</v>
      </c>
      <c r="G31061" s="8">
        <v>22788</v>
      </c>
      <c r="H31061" s="8">
        <v>13676</v>
      </c>
      <c r="I31061" s="8">
        <v>11390</v>
      </c>
      <c r="J31061" s="8">
        <v>11398</v>
      </c>
      <c r="K31061" s="9"/>
      <c r="L31061" s="6"/>
    </row>
    <row r="31062" spans="1:12">
      <c r="A31062" s="6" t="s">
        <v>32552</v>
      </c>
      <c r="B31062" s="6"/>
      <c r="C31062" s="6" t="s">
        <v>32230</v>
      </c>
      <c r="D31062" s="6"/>
      <c r="E31062" s="6" t="s">
        <v>9</v>
      </c>
      <c r="F31062" s="7">
        <v>42704</v>
      </c>
      <c r="G31062" s="8">
        <v>142509</v>
      </c>
      <c r="H31062" s="8">
        <v>85509</v>
      </c>
      <c r="I31062" s="8">
        <v>71250</v>
      </c>
      <c r="J31062" s="8">
        <v>71259</v>
      </c>
      <c r="K31062" s="9"/>
      <c r="L31062" s="6"/>
    </row>
    <row r="31063" spans="1:12">
      <c r="A31063" s="6" t="s">
        <v>32553</v>
      </c>
      <c r="B31063" s="6"/>
      <c r="C31063" s="6" t="s">
        <v>32230</v>
      </c>
      <c r="D31063" s="6"/>
      <c r="E31063" s="6" t="s">
        <v>9</v>
      </c>
      <c r="F31063" s="7">
        <v>42604</v>
      </c>
      <c r="G31063" s="8">
        <v>68364</v>
      </c>
      <c r="H31063" s="8">
        <v>41020</v>
      </c>
      <c r="I31063" s="8">
        <v>34180</v>
      </c>
      <c r="J31063" s="8">
        <v>34184</v>
      </c>
      <c r="K31063" s="9"/>
      <c r="L31063" s="6"/>
    </row>
    <row r="31064" spans="1:12">
      <c r="A31064" s="6" t="s">
        <v>32554</v>
      </c>
      <c r="B31064" s="6"/>
      <c r="C31064" s="6" t="s">
        <v>32230</v>
      </c>
      <c r="D31064" s="6"/>
      <c r="E31064" s="6" t="s">
        <v>9</v>
      </c>
      <c r="F31064" s="7">
        <v>42618</v>
      </c>
      <c r="G31064" s="8">
        <v>68364</v>
      </c>
      <c r="H31064" s="8">
        <v>41020</v>
      </c>
      <c r="I31064" s="8">
        <v>34180</v>
      </c>
      <c r="J31064" s="8">
        <v>34184</v>
      </c>
      <c r="K31064" s="9"/>
      <c r="L31064" s="6"/>
    </row>
    <row r="31065" spans="1:12">
      <c r="A31065" s="6" t="s">
        <v>32555</v>
      </c>
      <c r="B31065" s="6"/>
      <c r="C31065" s="6" t="s">
        <v>32230</v>
      </c>
      <c r="D31065" s="6"/>
      <c r="E31065" s="6" t="s">
        <v>9</v>
      </c>
      <c r="F31065" s="7">
        <v>42625</v>
      </c>
      <c r="G31065" s="8">
        <v>91152</v>
      </c>
      <c r="H31065" s="8">
        <v>54692</v>
      </c>
      <c r="I31065" s="8">
        <v>45575</v>
      </c>
      <c r="J31065" s="8">
        <v>45577</v>
      </c>
      <c r="K31065" s="9"/>
      <c r="L31065" s="6"/>
    </row>
    <row r="31066" spans="1:12">
      <c r="A31066" s="6" t="s">
        <v>32556</v>
      </c>
      <c r="B31066" s="6"/>
      <c r="C31066" s="6" t="s">
        <v>32230</v>
      </c>
      <c r="D31066" s="6"/>
      <c r="E31066" s="6" t="s">
        <v>9</v>
      </c>
      <c r="F31066" s="7">
        <v>42625</v>
      </c>
      <c r="G31066" s="8">
        <v>68364</v>
      </c>
      <c r="H31066" s="8">
        <v>41020</v>
      </c>
      <c r="I31066" s="8">
        <v>34180</v>
      </c>
      <c r="J31066" s="8">
        <v>34184</v>
      </c>
      <c r="K31066" s="9"/>
      <c r="L31066" s="6"/>
    </row>
    <row r="31067" spans="1:12">
      <c r="A31067" s="6" t="s">
        <v>32557</v>
      </c>
      <c r="B31067" s="6"/>
      <c r="C31067" s="6" t="s">
        <v>32230</v>
      </c>
      <c r="D31067" s="6"/>
      <c r="E31067" s="6" t="s">
        <v>9</v>
      </c>
      <c r="F31067" s="7">
        <v>42628</v>
      </c>
      <c r="G31067" s="8">
        <v>22788</v>
      </c>
      <c r="H31067" s="8">
        <v>13676</v>
      </c>
      <c r="I31067" s="8">
        <v>11390</v>
      </c>
      <c r="J31067" s="8">
        <v>11398</v>
      </c>
      <c r="K31067" s="9"/>
      <c r="L31067" s="6"/>
    </row>
    <row r="31068" spans="1:12">
      <c r="A31068" s="6" t="s">
        <v>32558</v>
      </c>
      <c r="B31068" s="6"/>
      <c r="C31068" s="6" t="s">
        <v>32230</v>
      </c>
      <c r="D31068" s="6"/>
      <c r="E31068" s="6" t="s">
        <v>9</v>
      </c>
      <c r="F31068" s="7">
        <v>42628</v>
      </c>
      <c r="G31068" s="8">
        <v>68364</v>
      </c>
      <c r="H31068" s="8">
        <v>41020</v>
      </c>
      <c r="I31068" s="8">
        <v>34180</v>
      </c>
      <c r="J31068" s="8">
        <v>34184</v>
      </c>
      <c r="K31068" s="9"/>
      <c r="L31068" s="6"/>
    </row>
    <row r="31069" spans="1:12">
      <c r="A31069" s="6" t="s">
        <v>32559</v>
      </c>
      <c r="B31069" s="6"/>
      <c r="C31069" s="6" t="s">
        <v>32230</v>
      </c>
      <c r="D31069" s="6"/>
      <c r="E31069" s="6" t="s">
        <v>9</v>
      </c>
      <c r="F31069" s="7">
        <v>42668</v>
      </c>
      <c r="G31069" s="8">
        <v>32400</v>
      </c>
      <c r="H31069" s="8">
        <v>19440</v>
      </c>
      <c r="I31069" s="8">
        <v>16200</v>
      </c>
      <c r="J31069" s="8">
        <v>16200</v>
      </c>
      <c r="K31069" s="9"/>
      <c r="L31069" s="6"/>
    </row>
    <row r="31070" spans="1:12">
      <c r="A31070" s="6" t="s">
        <v>32560</v>
      </c>
      <c r="B31070" s="6"/>
      <c r="C31070" s="6" t="s">
        <v>32230</v>
      </c>
      <c r="D31070" s="6"/>
      <c r="E31070" s="6" t="s">
        <v>9</v>
      </c>
      <c r="F31070" s="7">
        <v>42704</v>
      </c>
      <c r="G31070" s="8">
        <v>317736</v>
      </c>
      <c r="H31070" s="8">
        <v>190644</v>
      </c>
      <c r="I31070" s="8">
        <v>158865</v>
      </c>
      <c r="J31070" s="8">
        <v>158871</v>
      </c>
      <c r="K31070" s="9"/>
      <c r="L31070" s="6"/>
    </row>
    <row r="31071" spans="1:12">
      <c r="A31071" s="6" t="s">
        <v>32561</v>
      </c>
      <c r="B31071" s="6"/>
      <c r="C31071" s="6" t="s">
        <v>32230</v>
      </c>
      <c r="D31071" s="6"/>
      <c r="E31071" s="6" t="s">
        <v>9</v>
      </c>
      <c r="F31071" s="7">
        <v>42825</v>
      </c>
      <c r="G31071" s="8">
        <v>22788</v>
      </c>
      <c r="H31071" s="8">
        <v>13676</v>
      </c>
      <c r="I31071" s="8">
        <v>11390</v>
      </c>
      <c r="J31071" s="8">
        <v>11398</v>
      </c>
      <c r="K31071" s="9"/>
      <c r="L31071" s="6"/>
    </row>
    <row r="31072" spans="1:12">
      <c r="A31072" s="6" t="s">
        <v>32562</v>
      </c>
      <c r="B31072" s="6"/>
      <c r="C31072" s="6" t="s">
        <v>32230</v>
      </c>
      <c r="D31072" s="6"/>
      <c r="E31072" s="6" t="s">
        <v>9</v>
      </c>
      <c r="F31072" s="7">
        <v>42825</v>
      </c>
      <c r="G31072" s="8">
        <v>91152</v>
      </c>
      <c r="H31072" s="8">
        <v>54692</v>
      </c>
      <c r="I31072" s="8">
        <v>45575</v>
      </c>
      <c r="J31072" s="8">
        <v>45577</v>
      </c>
      <c r="K31072" s="9"/>
      <c r="L31072" s="6"/>
    </row>
    <row r="31073" spans="1:12">
      <c r="A31073" s="6" t="s">
        <v>32563</v>
      </c>
      <c r="B31073" s="6"/>
      <c r="C31073" s="6" t="s">
        <v>32230</v>
      </c>
      <c r="D31073" s="6"/>
      <c r="E31073" s="6" t="s">
        <v>9</v>
      </c>
      <c r="F31073" s="7">
        <v>42825</v>
      </c>
      <c r="G31073" s="8">
        <v>22788</v>
      </c>
      <c r="H31073" s="8">
        <v>13676</v>
      </c>
      <c r="I31073" s="8">
        <v>11390</v>
      </c>
      <c r="J31073" s="8">
        <v>11398</v>
      </c>
      <c r="K31073" s="9"/>
      <c r="L31073" s="6"/>
    </row>
    <row r="31074" spans="1:12">
      <c r="A31074" s="6" t="s">
        <v>32564</v>
      </c>
      <c r="B31074" s="6"/>
      <c r="C31074" s="6" t="s">
        <v>32230</v>
      </c>
      <c r="D31074" s="6"/>
      <c r="E31074" s="6" t="s">
        <v>9</v>
      </c>
      <c r="F31074" s="7">
        <v>42825</v>
      </c>
      <c r="G31074" s="8">
        <v>22788</v>
      </c>
      <c r="H31074" s="8">
        <v>13676</v>
      </c>
      <c r="I31074" s="8">
        <v>11390</v>
      </c>
      <c r="J31074" s="8">
        <v>11398</v>
      </c>
      <c r="K31074" s="9"/>
      <c r="L31074" s="6"/>
    </row>
    <row r="31075" spans="1:12">
      <c r="A31075" s="6" t="s">
        <v>32565</v>
      </c>
      <c r="B31075" s="6"/>
      <c r="C31075" s="6" t="s">
        <v>32230</v>
      </c>
      <c r="D31075" s="6"/>
      <c r="E31075" s="6" t="s">
        <v>9</v>
      </c>
      <c r="F31075" s="7">
        <v>42277</v>
      </c>
      <c r="G31075" s="8">
        <v>756000</v>
      </c>
      <c r="H31075" s="8">
        <v>378000</v>
      </c>
      <c r="I31075" s="8">
        <v>453600</v>
      </c>
      <c r="J31075" s="8">
        <v>302400</v>
      </c>
      <c r="K31075" s="9"/>
      <c r="L31075" s="6"/>
    </row>
    <row r="31076" spans="1:12">
      <c r="A31076" s="6" t="s">
        <v>32566</v>
      </c>
      <c r="B31076" s="6"/>
      <c r="C31076" s="6" t="s">
        <v>32230</v>
      </c>
      <c r="D31076" s="6"/>
      <c r="E31076" s="6" t="s">
        <v>9</v>
      </c>
      <c r="F31076" s="7">
        <v>43018</v>
      </c>
      <c r="G31076" s="8">
        <v>216000</v>
      </c>
      <c r="H31076" s="8">
        <v>151200</v>
      </c>
      <c r="I31076" s="8">
        <v>86400</v>
      </c>
      <c r="J31076" s="8">
        <v>129600</v>
      </c>
      <c r="K31076" s="9"/>
      <c r="L31076" s="6"/>
    </row>
    <row r="31077" spans="1:12">
      <c r="A31077" s="6" t="s">
        <v>32567</v>
      </c>
      <c r="B31077" s="6"/>
      <c r="C31077" s="6" t="s">
        <v>32230</v>
      </c>
      <c r="D31077" s="6"/>
      <c r="E31077" s="6" t="s">
        <v>9</v>
      </c>
      <c r="F31077" s="7">
        <v>43007</v>
      </c>
      <c r="G31077" s="8">
        <v>255960</v>
      </c>
      <c r="H31077" s="8">
        <v>179172</v>
      </c>
      <c r="I31077" s="8">
        <v>102384</v>
      </c>
      <c r="J31077" s="8">
        <v>153576</v>
      </c>
      <c r="K31077" s="9"/>
      <c r="L31077" s="6"/>
    </row>
    <row r="31078" spans="1:12">
      <c r="A31078" s="6" t="s">
        <v>32568</v>
      </c>
      <c r="B31078" s="6"/>
      <c r="C31078" s="6" t="s">
        <v>32230</v>
      </c>
      <c r="D31078" s="6"/>
      <c r="E31078" s="6" t="s">
        <v>9</v>
      </c>
      <c r="F31078" s="7">
        <v>43024</v>
      </c>
      <c r="G31078" s="8">
        <v>215784</v>
      </c>
      <c r="H31078" s="8">
        <v>151050</v>
      </c>
      <c r="I31078" s="8">
        <v>86312</v>
      </c>
      <c r="J31078" s="8">
        <v>129472</v>
      </c>
      <c r="K31078" s="9"/>
      <c r="L31078" s="6"/>
    </row>
    <row r="31079" spans="1:12">
      <c r="A31079" s="6" t="s">
        <v>32569</v>
      </c>
      <c r="B31079" s="6"/>
      <c r="C31079" s="6" t="s">
        <v>32230</v>
      </c>
      <c r="D31079" s="6"/>
      <c r="E31079" s="6" t="s">
        <v>9</v>
      </c>
      <c r="F31079" s="7">
        <v>43018</v>
      </c>
      <c r="G31079" s="8">
        <v>191808</v>
      </c>
      <c r="H31079" s="8">
        <v>134268</v>
      </c>
      <c r="I31079" s="8">
        <v>76720</v>
      </c>
      <c r="J31079" s="8">
        <v>115088</v>
      </c>
      <c r="K31079" s="9"/>
      <c r="L31079" s="6"/>
    </row>
    <row r="31080" spans="1:12">
      <c r="A31080" s="6" t="s">
        <v>32570</v>
      </c>
      <c r="B31080" s="6"/>
      <c r="C31080" s="6" t="s">
        <v>32230</v>
      </c>
      <c r="D31080" s="6"/>
      <c r="E31080" s="6" t="s">
        <v>9</v>
      </c>
      <c r="F31080" s="7">
        <v>43049</v>
      </c>
      <c r="G31080" s="8">
        <v>143856</v>
      </c>
      <c r="H31080" s="8">
        <v>100701</v>
      </c>
      <c r="I31080" s="8">
        <v>57540</v>
      </c>
      <c r="J31080" s="8">
        <v>86316</v>
      </c>
      <c r="K31080" s="9"/>
      <c r="L31080" s="6"/>
    </row>
    <row r="31081" spans="1:12">
      <c r="A31081" s="6" t="s">
        <v>32571</v>
      </c>
      <c r="B31081" s="6"/>
      <c r="C31081" s="6" t="s">
        <v>32230</v>
      </c>
      <c r="D31081" s="6"/>
      <c r="E31081" s="6" t="s">
        <v>9</v>
      </c>
      <c r="F31081" s="7">
        <v>43028</v>
      </c>
      <c r="G31081" s="8">
        <v>302400</v>
      </c>
      <c r="H31081" s="8">
        <v>211680</v>
      </c>
      <c r="I31081" s="8">
        <v>120960</v>
      </c>
      <c r="J31081" s="8">
        <v>181440</v>
      </c>
      <c r="K31081" s="9"/>
      <c r="L31081" s="6"/>
    </row>
    <row r="31082" spans="1:12">
      <c r="A31082" s="6" t="s">
        <v>32572</v>
      </c>
      <c r="B31082" s="6"/>
      <c r="C31082" s="6" t="s">
        <v>32230</v>
      </c>
      <c r="D31082" s="6"/>
      <c r="E31082" s="6" t="s">
        <v>9</v>
      </c>
      <c r="F31082" s="7">
        <v>43028</v>
      </c>
      <c r="G31082" s="8">
        <v>210600</v>
      </c>
      <c r="H31082" s="8">
        <v>147420</v>
      </c>
      <c r="I31082" s="8">
        <v>84240</v>
      </c>
      <c r="J31082" s="8">
        <v>126360</v>
      </c>
      <c r="K31082" s="9"/>
      <c r="L31082" s="6"/>
    </row>
    <row r="31083" spans="1:12">
      <c r="A31083" s="6" t="s">
        <v>32573</v>
      </c>
      <c r="B31083" s="6"/>
      <c r="C31083" s="6" t="s">
        <v>32230</v>
      </c>
      <c r="D31083" s="6"/>
      <c r="E31083" s="6" t="s">
        <v>9</v>
      </c>
      <c r="F31083" s="7">
        <v>42998</v>
      </c>
      <c r="G31083" s="8">
        <v>71928</v>
      </c>
      <c r="H31083" s="8">
        <v>50352</v>
      </c>
      <c r="I31083" s="8">
        <v>28768</v>
      </c>
      <c r="J31083" s="8">
        <v>43160</v>
      </c>
      <c r="K31083" s="9"/>
      <c r="L31083" s="6"/>
    </row>
    <row r="31084" spans="1:12">
      <c r="A31084" s="6" t="s">
        <v>32574</v>
      </c>
      <c r="B31084" s="6"/>
      <c r="C31084" s="6" t="s">
        <v>32230</v>
      </c>
      <c r="D31084" s="6"/>
      <c r="E31084" s="6" t="s">
        <v>9</v>
      </c>
      <c r="F31084" s="7">
        <v>43007</v>
      </c>
      <c r="G31084" s="8">
        <v>191160</v>
      </c>
      <c r="H31084" s="8">
        <v>133812</v>
      </c>
      <c r="I31084" s="8">
        <v>76464</v>
      </c>
      <c r="J31084" s="8">
        <v>114696</v>
      </c>
      <c r="K31084" s="9"/>
      <c r="L31084" s="6"/>
    </row>
    <row r="31085" spans="1:12">
      <c r="A31085" s="6" t="s">
        <v>32575</v>
      </c>
      <c r="B31085" s="6"/>
      <c r="C31085" s="6" t="s">
        <v>32230</v>
      </c>
      <c r="D31085" s="6"/>
      <c r="E31085" s="6" t="s">
        <v>9</v>
      </c>
      <c r="F31085" s="7">
        <v>43003</v>
      </c>
      <c r="G31085" s="8">
        <v>71928</v>
      </c>
      <c r="H31085" s="8">
        <v>50352</v>
      </c>
      <c r="I31085" s="8">
        <v>28768</v>
      </c>
      <c r="J31085" s="8">
        <v>43160</v>
      </c>
      <c r="K31085" s="9"/>
      <c r="L31085" s="6"/>
    </row>
    <row r="31086" spans="1:12">
      <c r="A31086" s="6" t="s">
        <v>32576</v>
      </c>
      <c r="B31086" s="6"/>
      <c r="C31086" s="6" t="s">
        <v>32230</v>
      </c>
      <c r="D31086" s="6"/>
      <c r="E31086" s="6" t="s">
        <v>9</v>
      </c>
      <c r="F31086" s="7">
        <v>43033</v>
      </c>
      <c r="G31086" s="8">
        <v>279720</v>
      </c>
      <c r="H31086" s="8">
        <v>195804</v>
      </c>
      <c r="I31086" s="8">
        <v>111888</v>
      </c>
      <c r="J31086" s="8">
        <v>167832</v>
      </c>
      <c r="K31086" s="9"/>
      <c r="L31086" s="6"/>
    </row>
    <row r="31087" spans="1:12">
      <c r="A31087" s="6" t="s">
        <v>32577</v>
      </c>
      <c r="B31087" s="6"/>
      <c r="C31087" s="6" t="s">
        <v>32230</v>
      </c>
      <c r="D31087" s="6"/>
      <c r="E31087" s="6" t="s">
        <v>9</v>
      </c>
      <c r="F31087" s="7">
        <v>43049</v>
      </c>
      <c r="G31087" s="8">
        <v>191160</v>
      </c>
      <c r="H31087" s="8">
        <v>133812</v>
      </c>
      <c r="I31087" s="8">
        <v>76464</v>
      </c>
      <c r="J31087" s="8">
        <v>114696</v>
      </c>
      <c r="K31087" s="9"/>
      <c r="L31087" s="6"/>
    </row>
    <row r="31088" spans="1:12">
      <c r="A31088" s="6" t="s">
        <v>32578</v>
      </c>
      <c r="B31088" s="6"/>
      <c r="C31088" s="6" t="s">
        <v>32230</v>
      </c>
      <c r="D31088" s="6"/>
      <c r="E31088" s="6" t="s">
        <v>9</v>
      </c>
      <c r="F31088" s="7">
        <v>43013</v>
      </c>
      <c r="G31088" s="8">
        <v>71928</v>
      </c>
      <c r="H31088" s="8">
        <v>50352</v>
      </c>
      <c r="I31088" s="8">
        <v>28768</v>
      </c>
      <c r="J31088" s="8">
        <v>43160</v>
      </c>
      <c r="K31088" s="9"/>
      <c r="L31088" s="6"/>
    </row>
    <row r="31089" spans="1:12">
      <c r="A31089" s="6" t="s">
        <v>32579</v>
      </c>
      <c r="B31089" s="6"/>
      <c r="C31089" s="6" t="s">
        <v>32230</v>
      </c>
      <c r="D31089" s="6"/>
      <c r="E31089" s="6" t="s">
        <v>9</v>
      </c>
      <c r="F31089" s="7">
        <v>43049</v>
      </c>
      <c r="G31089" s="8">
        <v>231120</v>
      </c>
      <c r="H31089" s="8">
        <v>161784</v>
      </c>
      <c r="I31089" s="8">
        <v>92448</v>
      </c>
      <c r="J31089" s="8">
        <v>138672</v>
      </c>
      <c r="K31089" s="9"/>
      <c r="L31089" s="6"/>
    </row>
    <row r="31090" spans="1:12">
      <c r="A31090" s="6" t="s">
        <v>32580</v>
      </c>
      <c r="B31090" s="6"/>
      <c r="C31090" s="6" t="s">
        <v>32230</v>
      </c>
      <c r="D31090" s="6"/>
      <c r="E31090" s="6" t="s">
        <v>9</v>
      </c>
      <c r="F31090" s="7">
        <v>43024</v>
      </c>
      <c r="G31090" s="8">
        <v>23976</v>
      </c>
      <c r="H31090" s="8">
        <v>16785</v>
      </c>
      <c r="I31090" s="8">
        <v>9588</v>
      </c>
      <c r="J31090" s="8">
        <v>14388</v>
      </c>
      <c r="K31090" s="9"/>
      <c r="L31090" s="6"/>
    </row>
    <row r="31091" spans="1:12">
      <c r="A31091" s="6" t="s">
        <v>32581</v>
      </c>
      <c r="B31091" s="6"/>
      <c r="C31091" s="6" t="s">
        <v>32230</v>
      </c>
      <c r="D31091" s="6"/>
      <c r="E31091" s="6" t="s">
        <v>9</v>
      </c>
      <c r="F31091" s="7">
        <v>43024</v>
      </c>
      <c r="G31091" s="8">
        <v>71928</v>
      </c>
      <c r="H31091" s="8">
        <v>50352</v>
      </c>
      <c r="I31091" s="8">
        <v>28768</v>
      </c>
      <c r="J31091" s="8">
        <v>43160</v>
      </c>
      <c r="K31091" s="9"/>
      <c r="L31091" s="6"/>
    </row>
    <row r="31092" spans="1:12">
      <c r="A31092" s="6" t="s">
        <v>32582</v>
      </c>
      <c r="B31092" s="6"/>
      <c r="C31092" s="6" t="s">
        <v>32230</v>
      </c>
      <c r="D31092" s="6"/>
      <c r="E31092" s="6" t="s">
        <v>9</v>
      </c>
      <c r="F31092" s="7">
        <v>43024</v>
      </c>
      <c r="G31092" s="8">
        <v>23976</v>
      </c>
      <c r="H31092" s="8">
        <v>16785</v>
      </c>
      <c r="I31092" s="8">
        <v>9588</v>
      </c>
      <c r="J31092" s="8">
        <v>14388</v>
      </c>
      <c r="K31092" s="9"/>
      <c r="L31092" s="6"/>
    </row>
    <row r="31093" spans="1:12">
      <c r="A31093" s="6" t="s">
        <v>32583</v>
      </c>
      <c r="B31093" s="6"/>
      <c r="C31093" s="6" t="s">
        <v>32230</v>
      </c>
      <c r="D31093" s="6"/>
      <c r="E31093" s="6" t="s">
        <v>9</v>
      </c>
      <c r="F31093" s="7">
        <v>43024</v>
      </c>
      <c r="G31093" s="8">
        <v>47952</v>
      </c>
      <c r="H31093" s="8">
        <v>33567</v>
      </c>
      <c r="I31093" s="8">
        <v>19180</v>
      </c>
      <c r="J31093" s="8">
        <v>28772</v>
      </c>
      <c r="K31093" s="9"/>
      <c r="L31093" s="6"/>
    </row>
    <row r="31094" spans="1:12">
      <c r="A31094" s="6" t="s">
        <v>32584</v>
      </c>
      <c r="B31094" s="6"/>
      <c r="C31094" s="6" t="s">
        <v>32230</v>
      </c>
      <c r="D31094" s="6"/>
      <c r="E31094" s="6" t="s">
        <v>9</v>
      </c>
      <c r="F31094" s="7">
        <v>43039</v>
      </c>
      <c r="G31094" s="8">
        <v>23976</v>
      </c>
      <c r="H31094" s="8">
        <v>16785</v>
      </c>
      <c r="I31094" s="8">
        <v>9588</v>
      </c>
      <c r="J31094" s="8">
        <v>14388</v>
      </c>
      <c r="K31094" s="9"/>
      <c r="L31094" s="6"/>
    </row>
    <row r="31095" spans="1:12">
      <c r="A31095" s="6" t="s">
        <v>32585</v>
      </c>
      <c r="B31095" s="6"/>
      <c r="C31095" s="6" t="s">
        <v>32230</v>
      </c>
      <c r="D31095" s="6"/>
      <c r="E31095" s="6" t="s">
        <v>9</v>
      </c>
      <c r="F31095" s="7">
        <v>43096</v>
      </c>
      <c r="G31095" s="8">
        <v>23976</v>
      </c>
      <c r="H31095" s="8">
        <v>16785</v>
      </c>
      <c r="I31095" s="8">
        <v>9588</v>
      </c>
      <c r="J31095" s="8">
        <v>14388</v>
      </c>
      <c r="K31095" s="9"/>
      <c r="L31095" s="6"/>
    </row>
    <row r="31096" spans="1:12">
      <c r="A31096" s="6" t="s">
        <v>32586</v>
      </c>
      <c r="B31096" s="6"/>
      <c r="C31096" s="6" t="s">
        <v>32230</v>
      </c>
      <c r="D31096" s="6"/>
      <c r="E31096" s="6" t="s">
        <v>9</v>
      </c>
      <c r="F31096" s="7">
        <v>42936</v>
      </c>
      <c r="G31096" s="8">
        <v>201960</v>
      </c>
      <c r="H31096" s="8">
        <v>141372</v>
      </c>
      <c r="I31096" s="8">
        <v>80784</v>
      </c>
      <c r="J31096" s="8">
        <v>121176</v>
      </c>
      <c r="K31096" s="9"/>
      <c r="L31096" s="6"/>
    </row>
    <row r="31097" spans="1:12">
      <c r="A31097" s="6" t="s">
        <v>32587</v>
      </c>
      <c r="B31097" s="6"/>
      <c r="C31097" s="6" t="s">
        <v>32230</v>
      </c>
      <c r="D31097" s="6"/>
      <c r="E31097" s="6" t="s">
        <v>9</v>
      </c>
      <c r="F31097" s="7">
        <v>43110</v>
      </c>
      <c r="G31097" s="8">
        <v>271080</v>
      </c>
      <c r="H31097" s="8">
        <v>189756</v>
      </c>
      <c r="I31097" s="8">
        <v>108432</v>
      </c>
      <c r="J31097" s="8">
        <v>162648</v>
      </c>
      <c r="K31097" s="9"/>
      <c r="L31097" s="6"/>
    </row>
    <row r="31098" spans="1:12">
      <c r="A31098" s="6" t="s">
        <v>32588</v>
      </c>
      <c r="B31098" s="6"/>
      <c r="C31098" s="6" t="s">
        <v>32230</v>
      </c>
      <c r="D31098" s="6"/>
      <c r="E31098" s="6" t="s">
        <v>9</v>
      </c>
      <c r="F31098" s="7">
        <v>43179</v>
      </c>
      <c r="G31098" s="8">
        <v>407592</v>
      </c>
      <c r="H31098" s="8">
        <v>285315</v>
      </c>
      <c r="I31098" s="8">
        <v>163036</v>
      </c>
      <c r="J31098" s="8">
        <v>244556</v>
      </c>
      <c r="K31098" s="9"/>
      <c r="L31098" s="6"/>
    </row>
    <row r="31099" spans="1:12">
      <c r="A31099" s="6" t="s">
        <v>32589</v>
      </c>
      <c r="B31099" s="6"/>
      <c r="C31099" s="6" t="s">
        <v>32230</v>
      </c>
      <c r="D31099" s="6"/>
      <c r="E31099" s="6" t="s">
        <v>9</v>
      </c>
      <c r="F31099" s="7">
        <v>43179</v>
      </c>
      <c r="G31099" s="8">
        <v>421092</v>
      </c>
      <c r="H31099" s="8">
        <v>294765</v>
      </c>
      <c r="I31099" s="8">
        <v>168436</v>
      </c>
      <c r="J31099" s="8">
        <v>252656</v>
      </c>
      <c r="K31099" s="9"/>
      <c r="L31099" s="6"/>
    </row>
    <row r="31100" spans="1:12">
      <c r="A31100" s="6" t="s">
        <v>32590</v>
      </c>
      <c r="B31100" s="6"/>
      <c r="C31100" s="6" t="s">
        <v>32230</v>
      </c>
      <c r="D31100" s="6"/>
      <c r="E31100" s="6" t="s">
        <v>9</v>
      </c>
      <c r="F31100" s="7">
        <v>43179</v>
      </c>
      <c r="G31100" s="8">
        <v>287712</v>
      </c>
      <c r="H31100" s="8">
        <v>201399</v>
      </c>
      <c r="I31100" s="8">
        <v>115084</v>
      </c>
      <c r="J31100" s="8">
        <v>172628</v>
      </c>
      <c r="K31100" s="9"/>
      <c r="L31100" s="6"/>
    </row>
    <row r="31101" spans="1:12">
      <c r="A31101" s="6" t="s">
        <v>32591</v>
      </c>
      <c r="B31101" s="6"/>
      <c r="C31101" s="6" t="s">
        <v>32230</v>
      </c>
      <c r="D31101" s="6"/>
      <c r="E31101" s="6" t="s">
        <v>9</v>
      </c>
      <c r="F31101" s="7">
        <v>43179</v>
      </c>
      <c r="G31101" s="8">
        <v>277236</v>
      </c>
      <c r="H31101" s="8">
        <v>194067</v>
      </c>
      <c r="I31101" s="8">
        <v>110892</v>
      </c>
      <c r="J31101" s="8">
        <v>166344</v>
      </c>
      <c r="K31101" s="9"/>
      <c r="L31101" s="6"/>
    </row>
    <row r="31102" spans="1:12">
      <c r="A31102" s="6" t="s">
        <v>32592</v>
      </c>
      <c r="B31102" s="6"/>
      <c r="C31102" s="6" t="s">
        <v>32230</v>
      </c>
      <c r="D31102" s="6"/>
      <c r="E31102" s="6" t="s">
        <v>9</v>
      </c>
      <c r="F31102" s="7">
        <v>43179</v>
      </c>
      <c r="G31102" s="8">
        <v>287712</v>
      </c>
      <c r="H31102" s="8">
        <v>201399</v>
      </c>
      <c r="I31102" s="8">
        <v>115084</v>
      </c>
      <c r="J31102" s="8">
        <v>172628</v>
      </c>
      <c r="K31102" s="9"/>
      <c r="L31102" s="6"/>
    </row>
    <row r="31103" spans="1:12">
      <c r="A31103" s="6" t="s">
        <v>32593</v>
      </c>
      <c r="B31103" s="6"/>
      <c r="C31103" s="6" t="s">
        <v>32230</v>
      </c>
      <c r="D31103" s="6"/>
      <c r="E31103" s="6" t="s">
        <v>9</v>
      </c>
      <c r="F31103" s="7">
        <v>43179</v>
      </c>
      <c r="G31103" s="8">
        <v>287712</v>
      </c>
      <c r="H31103" s="8">
        <v>201399</v>
      </c>
      <c r="I31103" s="8">
        <v>115084</v>
      </c>
      <c r="J31103" s="8">
        <v>172628</v>
      </c>
      <c r="K31103" s="9"/>
      <c r="L31103" s="6"/>
    </row>
    <row r="31104" spans="1:12">
      <c r="A31104" s="6" t="s">
        <v>32594</v>
      </c>
      <c r="B31104" s="6"/>
      <c r="C31104" s="6" t="s">
        <v>32230</v>
      </c>
      <c r="D31104" s="6"/>
      <c r="E31104" s="6" t="s">
        <v>9</v>
      </c>
      <c r="F31104" s="7">
        <v>43179</v>
      </c>
      <c r="G31104" s="8">
        <v>224856</v>
      </c>
      <c r="H31104" s="8">
        <v>157401</v>
      </c>
      <c r="I31104" s="8">
        <v>89940</v>
      </c>
      <c r="J31104" s="8">
        <v>134916</v>
      </c>
      <c r="K31104" s="9"/>
      <c r="L31104" s="6"/>
    </row>
    <row r="31105" spans="1:12">
      <c r="A31105" s="6" t="s">
        <v>32595</v>
      </c>
      <c r="B31105" s="6"/>
      <c r="C31105" s="6" t="s">
        <v>32230</v>
      </c>
      <c r="D31105" s="6"/>
      <c r="E31105" s="6" t="s">
        <v>9</v>
      </c>
      <c r="F31105" s="7">
        <v>43179</v>
      </c>
      <c r="G31105" s="8">
        <v>135540</v>
      </c>
      <c r="H31105" s="8">
        <v>94878</v>
      </c>
      <c r="I31105" s="8">
        <v>54216</v>
      </c>
      <c r="J31105" s="8">
        <v>81324</v>
      </c>
      <c r="K31105" s="9"/>
      <c r="L31105" s="6"/>
    </row>
    <row r="31106" spans="1:12">
      <c r="A31106" s="6" t="s">
        <v>32596</v>
      </c>
      <c r="B31106" s="6"/>
      <c r="C31106" s="6" t="s">
        <v>32230</v>
      </c>
      <c r="D31106" s="6"/>
      <c r="E31106" s="6" t="s">
        <v>9</v>
      </c>
      <c r="F31106" s="7">
        <v>43185</v>
      </c>
      <c r="G31106" s="8">
        <v>290736</v>
      </c>
      <c r="H31106" s="8">
        <v>203517</v>
      </c>
      <c r="I31106" s="8">
        <v>116292</v>
      </c>
      <c r="J31106" s="8">
        <v>174444</v>
      </c>
      <c r="K31106" s="9"/>
      <c r="L31106" s="6"/>
    </row>
    <row r="31107" spans="1:12">
      <c r="A31107" s="6" t="s">
        <v>32597</v>
      </c>
      <c r="B31107" s="6"/>
      <c r="C31107" s="6" t="s">
        <v>32230</v>
      </c>
      <c r="D31107" s="6"/>
      <c r="E31107" s="6" t="s">
        <v>9</v>
      </c>
      <c r="F31107" s="7">
        <v>43185</v>
      </c>
      <c r="G31107" s="8">
        <v>215784</v>
      </c>
      <c r="H31107" s="8">
        <v>151050</v>
      </c>
      <c r="I31107" s="8">
        <v>86312</v>
      </c>
      <c r="J31107" s="8">
        <v>129472</v>
      </c>
      <c r="K31107" s="9"/>
      <c r="L31107" s="6"/>
    </row>
    <row r="31108" spans="1:12">
      <c r="A31108" s="6" t="s">
        <v>32598</v>
      </c>
      <c r="B31108" s="6"/>
      <c r="C31108" s="6" t="s">
        <v>32230</v>
      </c>
      <c r="D31108" s="6"/>
      <c r="E31108" s="6" t="s">
        <v>9</v>
      </c>
      <c r="F31108" s="7">
        <v>43185</v>
      </c>
      <c r="G31108" s="8">
        <v>287712</v>
      </c>
      <c r="H31108" s="8">
        <v>201399</v>
      </c>
      <c r="I31108" s="8">
        <v>115084</v>
      </c>
      <c r="J31108" s="8">
        <v>172628</v>
      </c>
      <c r="K31108" s="9"/>
      <c r="L31108" s="6"/>
    </row>
    <row r="31109" spans="1:12">
      <c r="A31109" s="6" t="s">
        <v>32599</v>
      </c>
      <c r="B31109" s="6"/>
      <c r="C31109" s="6" t="s">
        <v>32230</v>
      </c>
      <c r="D31109" s="6"/>
      <c r="E31109" s="6" t="s">
        <v>9</v>
      </c>
      <c r="F31109" s="7">
        <v>43189</v>
      </c>
      <c r="G31109" s="8">
        <v>118800</v>
      </c>
      <c r="H31109" s="8">
        <v>83160</v>
      </c>
      <c r="I31109" s="8">
        <v>47520</v>
      </c>
      <c r="J31109" s="8">
        <v>71280</v>
      </c>
      <c r="K31109" s="9"/>
      <c r="L31109" s="6"/>
    </row>
    <row r="31110" spans="1:12">
      <c r="A31110" s="6" t="s">
        <v>32600</v>
      </c>
      <c r="B31110" s="6"/>
      <c r="C31110" s="6" t="s">
        <v>32230</v>
      </c>
      <c r="D31110" s="6"/>
      <c r="E31110" s="6" t="s">
        <v>9</v>
      </c>
      <c r="F31110" s="7">
        <v>43190</v>
      </c>
      <c r="G31110" s="8">
        <v>368712</v>
      </c>
      <c r="H31110" s="8">
        <v>258099</v>
      </c>
      <c r="I31110" s="8">
        <v>147484</v>
      </c>
      <c r="J31110" s="8">
        <v>221228</v>
      </c>
      <c r="K31110" s="9"/>
      <c r="L31110" s="6"/>
    </row>
    <row r="31111" spans="1:12">
      <c r="A31111" s="6" t="s">
        <v>32601</v>
      </c>
      <c r="B31111" s="6"/>
      <c r="C31111" s="6" t="s">
        <v>32230</v>
      </c>
      <c r="D31111" s="6"/>
      <c r="E31111" s="6" t="s">
        <v>9</v>
      </c>
      <c r="F31111" s="7">
        <v>43190</v>
      </c>
      <c r="G31111" s="8">
        <v>301212</v>
      </c>
      <c r="H31111" s="8">
        <v>210849</v>
      </c>
      <c r="I31111" s="8">
        <v>120484</v>
      </c>
      <c r="J31111" s="8">
        <v>180728</v>
      </c>
      <c r="K31111" s="9"/>
      <c r="L31111" s="6"/>
    </row>
    <row r="31112" spans="1:12">
      <c r="A31112" s="6" t="s">
        <v>32602</v>
      </c>
      <c r="B31112" s="6"/>
      <c r="C31112" s="6" t="s">
        <v>32230</v>
      </c>
      <c r="D31112" s="6"/>
      <c r="E31112" s="6" t="s">
        <v>9</v>
      </c>
      <c r="F31112" s="7">
        <v>43190</v>
      </c>
      <c r="G31112" s="8">
        <v>287712</v>
      </c>
      <c r="H31112" s="8">
        <v>201399</v>
      </c>
      <c r="I31112" s="8">
        <v>115084</v>
      </c>
      <c r="J31112" s="8">
        <v>172628</v>
      </c>
      <c r="K31112" s="9"/>
      <c r="L31112" s="6"/>
    </row>
    <row r="31113" spans="1:12">
      <c r="A31113" s="6" t="s">
        <v>32603</v>
      </c>
      <c r="B31113" s="6"/>
      <c r="C31113" s="6" t="s">
        <v>32230</v>
      </c>
      <c r="D31113" s="6"/>
      <c r="E31113" s="6" t="s">
        <v>9</v>
      </c>
      <c r="F31113" s="7">
        <v>43190</v>
      </c>
      <c r="G31113" s="8">
        <v>287712</v>
      </c>
      <c r="H31113" s="8">
        <v>201399</v>
      </c>
      <c r="I31113" s="8">
        <v>115084</v>
      </c>
      <c r="J31113" s="8">
        <v>172628</v>
      </c>
      <c r="K31113" s="9"/>
      <c r="L31113" s="6"/>
    </row>
    <row r="31114" spans="1:12">
      <c r="A31114" s="6" t="s">
        <v>32604</v>
      </c>
      <c r="B31114" s="6"/>
      <c r="C31114" s="6" t="s">
        <v>32230</v>
      </c>
      <c r="D31114" s="6"/>
      <c r="E31114" s="6" t="s">
        <v>9</v>
      </c>
      <c r="F31114" s="7">
        <v>43190</v>
      </c>
      <c r="G31114" s="8">
        <v>287712</v>
      </c>
      <c r="H31114" s="8">
        <v>201399</v>
      </c>
      <c r="I31114" s="8">
        <v>115084</v>
      </c>
      <c r="J31114" s="8">
        <v>172628</v>
      </c>
      <c r="K31114" s="9"/>
      <c r="L31114" s="6"/>
    </row>
    <row r="31115" spans="1:12">
      <c r="A31115" s="6" t="s">
        <v>32605</v>
      </c>
      <c r="B31115" s="6"/>
      <c r="C31115" s="6" t="s">
        <v>32230</v>
      </c>
      <c r="D31115" s="6"/>
      <c r="E31115" s="6" t="s">
        <v>9</v>
      </c>
      <c r="F31115" s="7">
        <v>43190</v>
      </c>
      <c r="G31115" s="8">
        <v>221832</v>
      </c>
      <c r="H31115" s="8">
        <v>155283</v>
      </c>
      <c r="I31115" s="8">
        <v>88732</v>
      </c>
      <c r="J31115" s="8">
        <v>133100</v>
      </c>
      <c r="K31115" s="9"/>
      <c r="L31115" s="6"/>
    </row>
    <row r="31116" spans="1:12">
      <c r="A31116" s="6" t="s">
        <v>32606</v>
      </c>
      <c r="B31116" s="6"/>
      <c r="C31116" s="6" t="s">
        <v>32230</v>
      </c>
      <c r="D31116" s="6"/>
      <c r="E31116" s="6" t="s">
        <v>9</v>
      </c>
      <c r="F31116" s="7">
        <v>43190</v>
      </c>
      <c r="G31116" s="8">
        <v>368712</v>
      </c>
      <c r="H31116" s="8">
        <v>258099</v>
      </c>
      <c r="I31116" s="8">
        <v>147484</v>
      </c>
      <c r="J31116" s="8">
        <v>221228</v>
      </c>
      <c r="K31116" s="9"/>
      <c r="L31116" s="6"/>
    </row>
    <row r="31117" spans="1:12">
      <c r="A31117" s="6" t="s">
        <v>32607</v>
      </c>
      <c r="B31117" s="6"/>
      <c r="C31117" s="6" t="s">
        <v>32230</v>
      </c>
      <c r="D31117" s="6"/>
      <c r="E31117" s="6" t="s">
        <v>9</v>
      </c>
      <c r="F31117" s="7">
        <v>43190</v>
      </c>
      <c r="G31117" s="8">
        <v>239760</v>
      </c>
      <c r="H31117" s="8">
        <v>167832</v>
      </c>
      <c r="I31117" s="8">
        <v>95904</v>
      </c>
      <c r="J31117" s="8">
        <v>143856</v>
      </c>
      <c r="K31117" s="9"/>
      <c r="L31117" s="6"/>
    </row>
    <row r="31118" spans="1:12">
      <c r="A31118" s="6" t="s">
        <v>32608</v>
      </c>
      <c r="B31118" s="6"/>
      <c r="C31118" s="6" t="s">
        <v>32230</v>
      </c>
      <c r="D31118" s="6"/>
      <c r="E31118" s="6" t="s">
        <v>9</v>
      </c>
      <c r="F31118" s="7">
        <v>43190</v>
      </c>
      <c r="G31118" s="8">
        <v>239760</v>
      </c>
      <c r="H31118" s="8">
        <v>167832</v>
      </c>
      <c r="I31118" s="8">
        <v>95904</v>
      </c>
      <c r="J31118" s="8">
        <v>143856</v>
      </c>
      <c r="K31118" s="9"/>
      <c r="L31118" s="6"/>
    </row>
    <row r="31119" spans="1:12">
      <c r="A31119" s="6" t="s">
        <v>32609</v>
      </c>
      <c r="B31119" s="6"/>
      <c r="C31119" s="6" t="s">
        <v>32230</v>
      </c>
      <c r="D31119" s="6"/>
      <c r="E31119" s="6" t="s">
        <v>9</v>
      </c>
      <c r="F31119" s="7">
        <v>43190</v>
      </c>
      <c r="G31119" s="8">
        <v>239760</v>
      </c>
      <c r="H31119" s="8">
        <v>167832</v>
      </c>
      <c r="I31119" s="8">
        <v>95904</v>
      </c>
      <c r="J31119" s="8">
        <v>143856</v>
      </c>
      <c r="K31119" s="9"/>
      <c r="L31119" s="6"/>
    </row>
    <row r="31120" spans="1:12">
      <c r="A31120" s="6" t="s">
        <v>32610</v>
      </c>
      <c r="B31120" s="6"/>
      <c r="C31120" s="6" t="s">
        <v>32230</v>
      </c>
      <c r="D31120" s="6"/>
      <c r="E31120" s="6" t="s">
        <v>9</v>
      </c>
      <c r="F31120" s="7">
        <v>43190</v>
      </c>
      <c r="G31120" s="8">
        <v>239760</v>
      </c>
      <c r="H31120" s="8">
        <v>167832</v>
      </c>
      <c r="I31120" s="8">
        <v>95904</v>
      </c>
      <c r="J31120" s="8">
        <v>143856</v>
      </c>
      <c r="K31120" s="9"/>
      <c r="L31120" s="6"/>
    </row>
    <row r="31121" spans="1:12">
      <c r="A31121" s="6" t="s">
        <v>32611</v>
      </c>
      <c r="B31121" s="6"/>
      <c r="C31121" s="6" t="s">
        <v>32230</v>
      </c>
      <c r="D31121" s="6"/>
      <c r="E31121" s="6" t="s">
        <v>9</v>
      </c>
      <c r="F31121" s="7">
        <v>43190</v>
      </c>
      <c r="G31121" s="8">
        <v>239760</v>
      </c>
      <c r="H31121" s="8">
        <v>167832</v>
      </c>
      <c r="I31121" s="8">
        <v>95904</v>
      </c>
      <c r="J31121" s="8">
        <v>143856</v>
      </c>
      <c r="K31121" s="9"/>
      <c r="L31121" s="6"/>
    </row>
    <row r="31122" spans="1:12">
      <c r="A31122" s="6" t="s">
        <v>32612</v>
      </c>
      <c r="B31122" s="6"/>
      <c r="C31122" s="6" t="s">
        <v>32230</v>
      </c>
      <c r="D31122" s="6"/>
      <c r="E31122" s="6" t="s">
        <v>9</v>
      </c>
      <c r="F31122" s="7">
        <v>43190</v>
      </c>
      <c r="G31122" s="8">
        <v>239760</v>
      </c>
      <c r="H31122" s="8">
        <v>167832</v>
      </c>
      <c r="I31122" s="8">
        <v>95904</v>
      </c>
      <c r="J31122" s="8">
        <v>143856</v>
      </c>
      <c r="K31122" s="9"/>
      <c r="L31122" s="6"/>
    </row>
    <row r="31123" spans="1:12">
      <c r="A31123" s="6" t="s">
        <v>32613</v>
      </c>
      <c r="B31123" s="6"/>
      <c r="C31123" s="6" t="s">
        <v>32230</v>
      </c>
      <c r="D31123" s="6"/>
      <c r="E31123" s="6" t="s">
        <v>9</v>
      </c>
      <c r="F31123" s="7">
        <v>43190</v>
      </c>
      <c r="G31123" s="8">
        <v>496800</v>
      </c>
      <c r="H31123" s="8">
        <v>347760</v>
      </c>
      <c r="I31123" s="8">
        <v>198720</v>
      </c>
      <c r="J31123" s="8">
        <v>298080</v>
      </c>
      <c r="K31123" s="9"/>
      <c r="L31123" s="6"/>
    </row>
    <row r="31124" spans="1:12">
      <c r="A31124" s="6" t="s">
        <v>32614</v>
      </c>
      <c r="B31124" s="6"/>
      <c r="C31124" s="6" t="s">
        <v>32230</v>
      </c>
      <c r="D31124" s="6"/>
      <c r="E31124" s="6" t="s">
        <v>9</v>
      </c>
      <c r="F31124" s="7">
        <v>43434</v>
      </c>
      <c r="G31124" s="8">
        <v>171612</v>
      </c>
      <c r="H31124" s="8">
        <v>137290</v>
      </c>
      <c r="I31124" s="8">
        <v>51483</v>
      </c>
      <c r="J31124" s="8">
        <v>120129</v>
      </c>
      <c r="K31124" s="9"/>
      <c r="L31124" s="6"/>
    </row>
    <row r="31125" spans="1:12">
      <c r="A31125" s="6" t="s">
        <v>32615</v>
      </c>
      <c r="B31125" s="6"/>
      <c r="C31125" s="6" t="s">
        <v>32230</v>
      </c>
      <c r="D31125" s="6"/>
      <c r="E31125" s="6" t="s">
        <v>9</v>
      </c>
      <c r="F31125" s="7">
        <v>43439</v>
      </c>
      <c r="G31125" s="8">
        <v>189000</v>
      </c>
      <c r="H31125" s="8">
        <v>151200</v>
      </c>
      <c r="I31125" s="8">
        <v>56700</v>
      </c>
      <c r="J31125" s="8">
        <v>132300</v>
      </c>
      <c r="K31125" s="9"/>
      <c r="L31125" s="6"/>
    </row>
    <row r="31126" spans="1:12">
      <c r="A31126" s="6" t="s">
        <v>32616</v>
      </c>
      <c r="B31126" s="6"/>
      <c r="C31126" s="6" t="s">
        <v>32230</v>
      </c>
      <c r="D31126" s="6"/>
      <c r="E31126" s="6" t="s">
        <v>9</v>
      </c>
      <c r="F31126" s="7">
        <v>43439</v>
      </c>
      <c r="G31126" s="8">
        <v>199800</v>
      </c>
      <c r="H31126" s="8">
        <v>159840</v>
      </c>
      <c r="I31126" s="8">
        <v>59940</v>
      </c>
      <c r="J31126" s="8">
        <v>139860</v>
      </c>
      <c r="K31126" s="9"/>
      <c r="L31126" s="6"/>
    </row>
    <row r="31127" spans="1:12">
      <c r="A31127" s="6" t="s">
        <v>32617</v>
      </c>
      <c r="B31127" s="6"/>
      <c r="C31127" s="6" t="s">
        <v>32230</v>
      </c>
      <c r="D31127" s="6"/>
      <c r="E31127" s="6" t="s">
        <v>9</v>
      </c>
      <c r="F31127" s="7">
        <v>43444</v>
      </c>
      <c r="G31127" s="8">
        <v>199984</v>
      </c>
      <c r="H31127" s="8">
        <v>159988</v>
      </c>
      <c r="I31127" s="8">
        <v>59994</v>
      </c>
      <c r="J31127" s="8">
        <v>139990</v>
      </c>
      <c r="K31127" s="9"/>
      <c r="L31127" s="6"/>
    </row>
    <row r="31128" spans="1:12">
      <c r="A31128" s="6" t="s">
        <v>32618</v>
      </c>
      <c r="B31128" s="6"/>
      <c r="C31128" s="6" t="s">
        <v>32230</v>
      </c>
      <c r="D31128" s="6"/>
      <c r="E31128" s="6" t="s">
        <v>9</v>
      </c>
      <c r="F31128" s="7">
        <v>43508</v>
      </c>
      <c r="G31128" s="8">
        <v>189000</v>
      </c>
      <c r="H31128" s="8">
        <v>151200</v>
      </c>
      <c r="I31128" s="8">
        <v>56700</v>
      </c>
      <c r="J31128" s="8">
        <v>132300</v>
      </c>
      <c r="K31128" s="9"/>
      <c r="L31128" s="6"/>
    </row>
    <row r="31129" spans="1:12">
      <c r="A31129" s="6" t="s">
        <v>32619</v>
      </c>
      <c r="B31129" s="6"/>
      <c r="C31129" s="6" t="s">
        <v>32230</v>
      </c>
      <c r="D31129" s="6"/>
      <c r="E31129" s="6" t="s">
        <v>9</v>
      </c>
      <c r="F31129" s="7">
        <v>43475</v>
      </c>
      <c r="G31129" s="8">
        <v>107676</v>
      </c>
      <c r="H31129" s="8">
        <v>86142</v>
      </c>
      <c r="I31129" s="8">
        <v>32301</v>
      </c>
      <c r="J31129" s="8">
        <v>75375</v>
      </c>
      <c r="K31129" s="9"/>
      <c r="L31129" s="6"/>
    </row>
    <row r="31130" spans="1:12">
      <c r="A31130" s="6" t="s">
        <v>32620</v>
      </c>
      <c r="B31130" s="6"/>
      <c r="C31130" s="6" t="s">
        <v>32230</v>
      </c>
      <c r="D31130" s="6"/>
      <c r="E31130" s="6" t="s">
        <v>9</v>
      </c>
      <c r="F31130" s="7">
        <v>43475</v>
      </c>
      <c r="G31130" s="8">
        <v>255960</v>
      </c>
      <c r="H31130" s="8">
        <v>204768</v>
      </c>
      <c r="I31130" s="8">
        <v>76788</v>
      </c>
      <c r="J31130" s="8">
        <v>179172</v>
      </c>
      <c r="K31130" s="9"/>
      <c r="L31130" s="6"/>
    </row>
    <row r="31131" spans="1:12">
      <c r="A31131" s="6" t="s">
        <v>32621</v>
      </c>
      <c r="B31131" s="6"/>
      <c r="C31131" s="6" t="s">
        <v>32230</v>
      </c>
      <c r="D31131" s="6"/>
      <c r="E31131" s="6" t="s">
        <v>9</v>
      </c>
      <c r="F31131" s="7">
        <v>43553</v>
      </c>
      <c r="G31131" s="8">
        <v>199800</v>
      </c>
      <c r="H31131" s="8">
        <v>159840</v>
      </c>
      <c r="I31131" s="8">
        <v>59940</v>
      </c>
      <c r="J31131" s="8">
        <v>139860</v>
      </c>
      <c r="K31131" s="9"/>
      <c r="L31131" s="6"/>
    </row>
    <row r="31132" spans="1:12">
      <c r="A31132" s="6" t="s">
        <v>32622</v>
      </c>
      <c r="B31132" s="6"/>
      <c r="C31132" s="6" t="s">
        <v>32230</v>
      </c>
      <c r="D31132" s="6"/>
      <c r="E31132" s="6" t="s">
        <v>9</v>
      </c>
      <c r="F31132" s="7">
        <v>43553</v>
      </c>
      <c r="G31132" s="8">
        <v>199800</v>
      </c>
      <c r="H31132" s="8">
        <v>159840</v>
      </c>
      <c r="I31132" s="8">
        <v>59940</v>
      </c>
      <c r="J31132" s="8">
        <v>139860</v>
      </c>
      <c r="K31132" s="9"/>
      <c r="L31132" s="6"/>
    </row>
    <row r="31133" spans="1:12">
      <c r="A31133" s="6" t="s">
        <v>32623</v>
      </c>
      <c r="B31133" s="6"/>
      <c r="C31133" s="6" t="s">
        <v>32230</v>
      </c>
      <c r="D31133" s="6"/>
      <c r="E31133" s="6" t="s">
        <v>9</v>
      </c>
      <c r="F31133" s="7">
        <v>43539</v>
      </c>
      <c r="G31133" s="8">
        <v>1760400</v>
      </c>
      <c r="H31133" s="8">
        <v>1591402</v>
      </c>
      <c r="I31133" s="8">
        <v>253497</v>
      </c>
      <c r="J31133" s="8">
        <v>1506903</v>
      </c>
      <c r="K31133" s="9"/>
      <c r="L31133" s="6"/>
    </row>
    <row r="31134" spans="1:12">
      <c r="A31134" s="6" t="s">
        <v>32624</v>
      </c>
      <c r="B31134" s="6"/>
      <c r="C31134" s="6" t="s">
        <v>32230</v>
      </c>
      <c r="D31134" s="6"/>
      <c r="E31134" s="6" t="s">
        <v>9</v>
      </c>
      <c r="F31134" s="7">
        <v>43544</v>
      </c>
      <c r="G31134" s="8">
        <v>156600</v>
      </c>
      <c r="H31134" s="8">
        <v>125280</v>
      </c>
      <c r="I31134" s="8">
        <v>46980</v>
      </c>
      <c r="J31134" s="8">
        <v>109620</v>
      </c>
      <c r="K31134" s="9"/>
      <c r="L31134" s="6"/>
    </row>
    <row r="31135" spans="1:12">
      <c r="A31135" s="6" t="s">
        <v>32625</v>
      </c>
      <c r="B31135" s="6"/>
      <c r="C31135" s="6" t="s">
        <v>32230</v>
      </c>
      <c r="D31135" s="6"/>
      <c r="E31135" s="6" t="s">
        <v>9</v>
      </c>
      <c r="F31135" s="7">
        <v>43539</v>
      </c>
      <c r="G31135" s="8">
        <v>158760</v>
      </c>
      <c r="H31135" s="8">
        <v>127008</v>
      </c>
      <c r="I31135" s="8">
        <v>47628</v>
      </c>
      <c r="J31135" s="8">
        <v>111132</v>
      </c>
      <c r="K31135" s="9"/>
      <c r="L31135" s="6"/>
    </row>
    <row r="31136" spans="1:12">
      <c r="A31136" s="6" t="s">
        <v>32626</v>
      </c>
      <c r="B31136" s="6"/>
      <c r="C31136" s="6" t="s">
        <v>32230</v>
      </c>
      <c r="D31136" s="6"/>
      <c r="E31136" s="6" t="s">
        <v>9</v>
      </c>
      <c r="F31136" s="7">
        <v>43555</v>
      </c>
      <c r="G31136" s="8">
        <v>263250</v>
      </c>
      <c r="H31136" s="8">
        <v>210600</v>
      </c>
      <c r="I31136" s="8">
        <v>78975</v>
      </c>
      <c r="J31136" s="8">
        <v>184275</v>
      </c>
      <c r="K31136" s="9"/>
      <c r="L31136" s="6"/>
    </row>
    <row r="31137" spans="1:12">
      <c r="A31137" s="6" t="s">
        <v>32627</v>
      </c>
      <c r="B31137" s="6"/>
      <c r="C31137" s="6" t="s">
        <v>32230</v>
      </c>
      <c r="D31137" s="6"/>
      <c r="E31137" s="6" t="s">
        <v>9</v>
      </c>
      <c r="F31137" s="7">
        <v>43748</v>
      </c>
      <c r="G31137" s="8">
        <v>248400</v>
      </c>
      <c r="H31137" s="8">
        <v>223560</v>
      </c>
      <c r="I31137" s="8">
        <v>49680</v>
      </c>
      <c r="J31137" s="8">
        <v>198720</v>
      </c>
      <c r="K31137" s="9"/>
      <c r="L31137" s="6"/>
    </row>
    <row r="31138" spans="1:12">
      <c r="A31138" s="6" t="s">
        <v>32628</v>
      </c>
      <c r="B31138" s="6"/>
      <c r="C31138" s="6" t="s">
        <v>32230</v>
      </c>
      <c r="D31138" s="6"/>
      <c r="E31138" s="6" t="s">
        <v>9</v>
      </c>
      <c r="F31138" s="7">
        <v>43759</v>
      </c>
      <c r="G31138" s="8">
        <v>208008</v>
      </c>
      <c r="H31138" s="8">
        <v>187208</v>
      </c>
      <c r="I31138" s="8">
        <v>41600</v>
      </c>
      <c r="J31138" s="8">
        <v>166408</v>
      </c>
      <c r="K31138" s="9"/>
      <c r="L31138" s="6"/>
    </row>
    <row r="31139" spans="1:12">
      <c r="A31139" s="6" t="s">
        <v>32629</v>
      </c>
      <c r="B31139" s="6"/>
      <c r="C31139" s="6" t="s">
        <v>32230</v>
      </c>
      <c r="D31139" s="6"/>
      <c r="E31139" s="6" t="s">
        <v>9</v>
      </c>
      <c r="F31139" s="7">
        <v>43671</v>
      </c>
      <c r="G31139" s="8">
        <v>246628</v>
      </c>
      <c r="H31139" s="8">
        <v>221966</v>
      </c>
      <c r="I31139" s="8">
        <v>49324</v>
      </c>
      <c r="J31139" s="8">
        <v>197304</v>
      </c>
      <c r="K31139" s="9"/>
      <c r="L31139" s="6"/>
    </row>
    <row r="31140" spans="1:12">
      <c r="A31140" s="6" t="s">
        <v>32630</v>
      </c>
      <c r="B31140" s="6"/>
      <c r="C31140" s="6" t="s">
        <v>32230</v>
      </c>
      <c r="D31140" s="6"/>
      <c r="E31140" s="6" t="s">
        <v>9</v>
      </c>
      <c r="F31140" s="7">
        <v>43725</v>
      </c>
      <c r="G31140" s="8">
        <v>398520</v>
      </c>
      <c r="H31140" s="8">
        <v>358668</v>
      </c>
      <c r="I31140" s="8">
        <v>79704</v>
      </c>
      <c r="J31140" s="8">
        <v>318816</v>
      </c>
      <c r="K31140" s="9"/>
      <c r="L31140" s="6"/>
    </row>
    <row r="31141" spans="1:12">
      <c r="A31141" s="6" t="s">
        <v>32631</v>
      </c>
      <c r="B31141" s="6"/>
      <c r="C31141" s="6" t="s">
        <v>32230</v>
      </c>
      <c r="D31141" s="6"/>
      <c r="E31141" s="6" t="s">
        <v>9</v>
      </c>
      <c r="F31141" s="7">
        <v>43636</v>
      </c>
      <c r="G31141" s="8">
        <v>66744</v>
      </c>
      <c r="H31141" s="8">
        <v>60070</v>
      </c>
      <c r="I31141" s="8">
        <v>13348</v>
      </c>
      <c r="J31141" s="8">
        <v>53396</v>
      </c>
      <c r="K31141" s="9"/>
      <c r="L31141" s="6"/>
    </row>
    <row r="31142" spans="1:12">
      <c r="A31142" s="6" t="s">
        <v>32632</v>
      </c>
      <c r="B31142" s="6"/>
      <c r="C31142" s="6" t="s">
        <v>32230</v>
      </c>
      <c r="D31142" s="6"/>
      <c r="E31142" s="6" t="s">
        <v>9</v>
      </c>
      <c r="F31142" s="7">
        <v>43668</v>
      </c>
      <c r="G31142" s="8">
        <v>272592</v>
      </c>
      <c r="H31142" s="8">
        <v>245333</v>
      </c>
      <c r="I31142" s="8">
        <v>54518</v>
      </c>
      <c r="J31142" s="8">
        <v>218074</v>
      </c>
      <c r="K31142" s="9"/>
      <c r="L31142" s="6"/>
    </row>
    <row r="31143" spans="1:12">
      <c r="A31143" s="6" t="s">
        <v>32633</v>
      </c>
      <c r="B31143" s="6"/>
      <c r="C31143" s="6" t="s">
        <v>32230</v>
      </c>
      <c r="D31143" s="6"/>
      <c r="E31143" s="6" t="s">
        <v>9</v>
      </c>
      <c r="F31143" s="7">
        <v>43725</v>
      </c>
      <c r="G31143" s="8">
        <v>111240</v>
      </c>
      <c r="H31143" s="8">
        <v>100116</v>
      </c>
      <c r="I31143" s="8">
        <v>22248</v>
      </c>
      <c r="J31143" s="8">
        <v>88992</v>
      </c>
      <c r="K31143" s="9"/>
      <c r="L31143" s="6"/>
    </row>
    <row r="31144" spans="1:12">
      <c r="A31144" s="6" t="s">
        <v>32634</v>
      </c>
      <c r="B31144" s="6"/>
      <c r="C31144" s="6" t="s">
        <v>32230</v>
      </c>
      <c r="D31144" s="6"/>
      <c r="E31144" s="6" t="s">
        <v>9</v>
      </c>
      <c r="F31144" s="7">
        <v>43656</v>
      </c>
      <c r="G31144" s="8">
        <v>162216</v>
      </c>
      <c r="H31144" s="8">
        <v>145995</v>
      </c>
      <c r="I31144" s="8">
        <v>32442</v>
      </c>
      <c r="J31144" s="8">
        <v>129774</v>
      </c>
      <c r="K31144" s="9"/>
      <c r="L31144" s="6"/>
    </row>
    <row r="31145" spans="1:12">
      <c r="A31145" s="6" t="s">
        <v>32635</v>
      </c>
      <c r="B31145" s="6"/>
      <c r="C31145" s="6" t="s">
        <v>32230</v>
      </c>
      <c r="D31145" s="6"/>
      <c r="E31145" s="6" t="s">
        <v>9</v>
      </c>
      <c r="F31145" s="7">
        <v>43651</v>
      </c>
      <c r="G31145" s="8">
        <v>44496</v>
      </c>
      <c r="H31145" s="8">
        <v>40047</v>
      </c>
      <c r="I31145" s="8">
        <v>8898</v>
      </c>
      <c r="J31145" s="8">
        <v>35598</v>
      </c>
      <c r="K31145" s="9"/>
      <c r="L31145" s="6"/>
    </row>
    <row r="31146" spans="1:12">
      <c r="A31146" s="6" t="s">
        <v>32636</v>
      </c>
      <c r="B31146" s="6"/>
      <c r="C31146" s="6" t="s">
        <v>32230</v>
      </c>
      <c r="D31146" s="6"/>
      <c r="E31146" s="6" t="s">
        <v>9</v>
      </c>
      <c r="F31146" s="7">
        <v>43690</v>
      </c>
      <c r="G31146" s="8">
        <v>110160</v>
      </c>
      <c r="H31146" s="8">
        <v>99144</v>
      </c>
      <c r="I31146" s="8">
        <v>22032</v>
      </c>
      <c r="J31146" s="8">
        <v>88128</v>
      </c>
      <c r="K31146" s="9"/>
      <c r="L31146" s="6"/>
    </row>
    <row r="31147" spans="1:12">
      <c r="A31147" s="6" t="s">
        <v>32637</v>
      </c>
      <c r="B31147" s="6"/>
      <c r="C31147" s="6" t="s">
        <v>32230</v>
      </c>
      <c r="D31147" s="6"/>
      <c r="E31147" s="6" t="s">
        <v>9</v>
      </c>
      <c r="F31147" s="7">
        <v>43656</v>
      </c>
      <c r="G31147" s="8">
        <v>44496</v>
      </c>
      <c r="H31147" s="8">
        <v>40047</v>
      </c>
      <c r="I31147" s="8">
        <v>8898</v>
      </c>
      <c r="J31147" s="8">
        <v>35598</v>
      </c>
      <c r="K31147" s="9"/>
      <c r="L31147" s="6"/>
    </row>
    <row r="31148" spans="1:12">
      <c r="A31148" s="6" t="s">
        <v>32638</v>
      </c>
      <c r="B31148" s="6"/>
      <c r="C31148" s="6" t="s">
        <v>32230</v>
      </c>
      <c r="D31148" s="6"/>
      <c r="E31148" s="6" t="s">
        <v>9</v>
      </c>
      <c r="F31148" s="7">
        <v>43662</v>
      </c>
      <c r="G31148" s="8">
        <v>88992</v>
      </c>
      <c r="H31148" s="8">
        <v>80093</v>
      </c>
      <c r="I31148" s="8">
        <v>17798</v>
      </c>
      <c r="J31148" s="8">
        <v>71194</v>
      </c>
      <c r="K31148" s="9"/>
      <c r="L31148" s="6"/>
    </row>
    <row r="31149" spans="1:12">
      <c r="A31149" s="6" t="s">
        <v>32639</v>
      </c>
      <c r="B31149" s="6"/>
      <c r="C31149" s="6" t="s">
        <v>32230</v>
      </c>
      <c r="D31149" s="6"/>
      <c r="E31149" s="6" t="s">
        <v>9</v>
      </c>
      <c r="F31149" s="7">
        <v>43671</v>
      </c>
      <c r="G31149" s="8">
        <v>34776</v>
      </c>
      <c r="H31149" s="8">
        <v>31299</v>
      </c>
      <c r="I31149" s="8">
        <v>6954</v>
      </c>
      <c r="J31149" s="8">
        <v>27822</v>
      </c>
      <c r="K31149" s="9"/>
      <c r="L31149" s="6"/>
    </row>
    <row r="31150" spans="1:12">
      <c r="A31150" s="6" t="s">
        <v>32640</v>
      </c>
      <c r="B31150" s="6"/>
      <c r="C31150" s="6" t="s">
        <v>32230</v>
      </c>
      <c r="D31150" s="6"/>
      <c r="E31150" s="6" t="s">
        <v>9</v>
      </c>
      <c r="F31150" s="7">
        <v>43697</v>
      </c>
      <c r="G31150" s="8">
        <v>88992</v>
      </c>
      <c r="H31150" s="8">
        <v>80093</v>
      </c>
      <c r="I31150" s="8">
        <v>17798</v>
      </c>
      <c r="J31150" s="8">
        <v>71194</v>
      </c>
      <c r="K31150" s="9"/>
      <c r="L31150" s="6"/>
    </row>
    <row r="31151" spans="1:12">
      <c r="A31151" s="6" t="s">
        <v>32641</v>
      </c>
      <c r="B31151" s="6"/>
      <c r="C31151" s="6" t="s">
        <v>32230</v>
      </c>
      <c r="D31151" s="6"/>
      <c r="E31151" s="6" t="s">
        <v>9</v>
      </c>
      <c r="F31151" s="7">
        <v>43728</v>
      </c>
      <c r="G31151" s="8">
        <v>22248</v>
      </c>
      <c r="H31151" s="8">
        <v>20024</v>
      </c>
      <c r="I31151" s="8">
        <v>4448</v>
      </c>
      <c r="J31151" s="8">
        <v>17800</v>
      </c>
      <c r="K31151" s="9"/>
      <c r="L31151" s="6"/>
    </row>
    <row r="31152" spans="1:12">
      <c r="A31152" s="6" t="s">
        <v>32642</v>
      </c>
      <c r="B31152" s="6"/>
      <c r="C31152" s="6" t="s">
        <v>32230</v>
      </c>
      <c r="D31152" s="6"/>
      <c r="E31152" s="6" t="s">
        <v>9</v>
      </c>
      <c r="F31152" s="7">
        <v>43881</v>
      </c>
      <c r="G31152" s="8">
        <v>22660</v>
      </c>
      <c r="H31152" s="8">
        <v>20394</v>
      </c>
      <c r="I31152" s="8">
        <v>4532</v>
      </c>
      <c r="J31152" s="8">
        <v>18128</v>
      </c>
      <c r="K31152" s="9"/>
      <c r="L31152" s="6"/>
    </row>
    <row r="31153" spans="1:12">
      <c r="A31153" s="6" t="s">
        <v>32643</v>
      </c>
      <c r="B31153" s="6"/>
      <c r="C31153" s="6" t="s">
        <v>32230</v>
      </c>
      <c r="D31153" s="6"/>
      <c r="E31153" s="6" t="s">
        <v>9</v>
      </c>
      <c r="F31153" s="7">
        <v>43921</v>
      </c>
      <c r="G31153" s="8">
        <v>177100</v>
      </c>
      <c r="H31153" s="8">
        <v>159390</v>
      </c>
      <c r="I31153" s="8">
        <v>35420</v>
      </c>
      <c r="J31153" s="8">
        <v>141680</v>
      </c>
      <c r="K31153" s="9"/>
      <c r="L31153" s="6"/>
    </row>
    <row r="31154" spans="1:12">
      <c r="A31154" s="6" t="s">
        <v>32644</v>
      </c>
      <c r="B31154" s="6"/>
      <c r="C31154" s="6" t="s">
        <v>32230</v>
      </c>
      <c r="D31154" s="6"/>
      <c r="E31154" s="6" t="s">
        <v>9</v>
      </c>
      <c r="F31154" s="7">
        <v>43921</v>
      </c>
      <c r="G31154" s="8">
        <v>22660</v>
      </c>
      <c r="H31154" s="8">
        <v>20394</v>
      </c>
      <c r="I31154" s="8">
        <v>4532</v>
      </c>
      <c r="J31154" s="8">
        <v>18128</v>
      </c>
      <c r="K31154" s="9"/>
      <c r="L31154" s="6"/>
    </row>
    <row r="31155" spans="1:12">
      <c r="A31155" s="6" t="s">
        <v>32645</v>
      </c>
      <c r="B31155" s="6"/>
      <c r="C31155" s="6" t="s">
        <v>32230</v>
      </c>
      <c r="D31155" s="6"/>
      <c r="E31155" s="6" t="s">
        <v>9</v>
      </c>
      <c r="F31155" s="7">
        <v>43921</v>
      </c>
      <c r="G31155" s="8">
        <v>35420</v>
      </c>
      <c r="H31155" s="8">
        <v>31878</v>
      </c>
      <c r="I31155" s="8">
        <v>7084</v>
      </c>
      <c r="J31155" s="8">
        <v>28336</v>
      </c>
      <c r="K31155" s="9"/>
      <c r="L31155" s="6"/>
    </row>
    <row r="31156" spans="1:12">
      <c r="A31156" s="6" t="s">
        <v>32646</v>
      </c>
      <c r="B31156" s="6"/>
      <c r="C31156" s="6" t="s">
        <v>32230</v>
      </c>
      <c r="D31156" s="6"/>
      <c r="E31156" s="6" t="s">
        <v>9</v>
      </c>
      <c r="F31156" s="7">
        <v>43921</v>
      </c>
      <c r="G31156" s="8">
        <v>45320</v>
      </c>
      <c r="H31156" s="8">
        <v>40788</v>
      </c>
      <c r="I31156" s="8">
        <v>9064</v>
      </c>
      <c r="J31156" s="8">
        <v>36256</v>
      </c>
      <c r="K31156" s="9"/>
      <c r="L31156" s="6"/>
    </row>
    <row r="31157" spans="1:12">
      <c r="A31157" s="6" t="s">
        <v>32647</v>
      </c>
      <c r="B31157" s="6"/>
      <c r="C31157" s="6" t="s">
        <v>32230</v>
      </c>
      <c r="D31157" s="6"/>
      <c r="E31157" s="6" t="s">
        <v>9</v>
      </c>
      <c r="F31157" s="7">
        <v>43921</v>
      </c>
      <c r="G31157" s="8">
        <v>22660</v>
      </c>
      <c r="H31157" s="8">
        <v>20394</v>
      </c>
      <c r="I31157" s="8">
        <v>4532</v>
      </c>
      <c r="J31157" s="8">
        <v>18128</v>
      </c>
      <c r="K31157" s="9"/>
      <c r="L31157" s="6"/>
    </row>
    <row r="31158" spans="1:12">
      <c r="A31158" s="6" t="s">
        <v>32648</v>
      </c>
      <c r="B31158" s="6"/>
      <c r="C31158" s="6" t="s">
        <v>32230</v>
      </c>
      <c r="D31158" s="6"/>
      <c r="E31158" s="6" t="s">
        <v>9</v>
      </c>
      <c r="F31158" s="7">
        <v>43921</v>
      </c>
      <c r="G31158" s="8">
        <v>22660</v>
      </c>
      <c r="H31158" s="8">
        <v>20394</v>
      </c>
      <c r="I31158" s="8">
        <v>4532</v>
      </c>
      <c r="J31158" s="8">
        <v>18128</v>
      </c>
      <c r="K31158" s="9"/>
      <c r="L31158" s="6"/>
    </row>
    <row r="31159" spans="1:12">
      <c r="A31159" s="6" t="s">
        <v>32649</v>
      </c>
      <c r="B31159" s="6"/>
      <c r="C31159" s="6" t="s">
        <v>32230</v>
      </c>
      <c r="D31159" s="6"/>
      <c r="E31159" s="6" t="s">
        <v>9</v>
      </c>
      <c r="F31159" s="7">
        <v>43921</v>
      </c>
      <c r="G31159" s="8">
        <v>22660</v>
      </c>
      <c r="H31159" s="8">
        <v>20394</v>
      </c>
      <c r="I31159" s="8">
        <v>4532</v>
      </c>
      <c r="J31159" s="8">
        <v>18128</v>
      </c>
      <c r="K31159" s="9"/>
      <c r="L31159" s="6"/>
    </row>
    <row r="31160" spans="1:12">
      <c r="A31160" s="6" t="s">
        <v>32650</v>
      </c>
      <c r="B31160" s="6"/>
      <c r="C31160" s="6" t="s">
        <v>32230</v>
      </c>
      <c r="D31160" s="6"/>
      <c r="E31160" s="6" t="s">
        <v>9</v>
      </c>
      <c r="F31160" s="7">
        <v>44012</v>
      </c>
      <c r="G31160" s="8">
        <v>149490</v>
      </c>
      <c r="H31160" s="8">
        <v>149490</v>
      </c>
      <c r="I31160" s="8">
        <v>14949</v>
      </c>
      <c r="J31160" s="8">
        <v>134541</v>
      </c>
      <c r="K31160" s="9"/>
      <c r="L31160" s="6"/>
    </row>
    <row r="31161" spans="1:12">
      <c r="A31161" s="6" t="s">
        <v>32651</v>
      </c>
      <c r="B31161" s="6"/>
      <c r="C31161" s="6" t="s">
        <v>32230</v>
      </c>
      <c r="D31161" s="6"/>
      <c r="E31161" s="6" t="s">
        <v>9</v>
      </c>
      <c r="F31161" s="7">
        <v>44032</v>
      </c>
      <c r="G31161" s="8">
        <v>116820</v>
      </c>
      <c r="H31161" s="8">
        <v>116820</v>
      </c>
      <c r="I31161" s="8">
        <v>11682</v>
      </c>
      <c r="J31161" s="8">
        <v>105138</v>
      </c>
      <c r="K31161" s="9"/>
      <c r="L31161" s="6"/>
    </row>
    <row r="31162" spans="1:12">
      <c r="A31162" s="6" t="s">
        <v>32652</v>
      </c>
      <c r="B31162" s="6"/>
      <c r="C31162" s="6" t="s">
        <v>32230</v>
      </c>
      <c r="D31162" s="6"/>
      <c r="E31162" s="6" t="s">
        <v>9</v>
      </c>
      <c r="F31162" s="7">
        <v>44032</v>
      </c>
      <c r="G31162" s="8">
        <v>199474</v>
      </c>
      <c r="H31162" s="8">
        <v>199474</v>
      </c>
      <c r="I31162" s="8">
        <v>19947</v>
      </c>
      <c r="J31162" s="8">
        <v>179527</v>
      </c>
      <c r="K31162" s="9"/>
      <c r="L31162" s="6"/>
    </row>
    <row r="31163" spans="1:12">
      <c r="A31163" s="6" t="s">
        <v>32653</v>
      </c>
      <c r="B31163" s="6"/>
      <c r="C31163" s="6" t="s">
        <v>32230</v>
      </c>
      <c r="D31163" s="6"/>
      <c r="E31163" s="6" t="s">
        <v>9</v>
      </c>
      <c r="F31163" s="7">
        <v>43992</v>
      </c>
      <c r="G31163" s="8">
        <v>94050</v>
      </c>
      <c r="H31163" s="8">
        <v>94050</v>
      </c>
      <c r="I31163" s="8">
        <v>9405</v>
      </c>
      <c r="J31163" s="8">
        <v>84645</v>
      </c>
      <c r="K31163" s="9"/>
      <c r="L31163" s="6"/>
    </row>
    <row r="31164" spans="1:12">
      <c r="A31164" s="6" t="s">
        <v>32654</v>
      </c>
      <c r="B31164" s="6"/>
      <c r="C31164" s="6" t="s">
        <v>32230</v>
      </c>
      <c r="D31164" s="6"/>
      <c r="E31164" s="6" t="s">
        <v>9</v>
      </c>
      <c r="F31164" s="7">
        <v>43997</v>
      </c>
      <c r="G31164" s="8">
        <v>68310</v>
      </c>
      <c r="H31164" s="8">
        <v>68310</v>
      </c>
      <c r="I31164" s="8">
        <v>6831</v>
      </c>
      <c r="J31164" s="8">
        <v>61479</v>
      </c>
      <c r="K31164" s="9"/>
      <c r="L31164" s="6"/>
    </row>
    <row r="31165" spans="1:12">
      <c r="A31165" s="6" t="s">
        <v>32655</v>
      </c>
      <c r="B31165" s="6"/>
      <c r="C31165" s="6" t="s">
        <v>32230</v>
      </c>
      <c r="D31165" s="6"/>
      <c r="E31165" s="6" t="s">
        <v>9</v>
      </c>
      <c r="F31165" s="7">
        <v>44063</v>
      </c>
      <c r="G31165" s="8">
        <v>132000</v>
      </c>
      <c r="H31165" s="8">
        <v>132000</v>
      </c>
      <c r="I31165" s="8">
        <v>13200</v>
      </c>
      <c r="J31165" s="8">
        <v>118800</v>
      </c>
      <c r="K31165" s="9"/>
      <c r="L31165" s="6"/>
    </row>
    <row r="31166" spans="1:12">
      <c r="A31166" s="6" t="s">
        <v>32656</v>
      </c>
      <c r="B31166" s="6"/>
      <c r="C31166" s="6" t="s">
        <v>32230</v>
      </c>
      <c r="D31166" s="6"/>
      <c r="E31166" s="6" t="s">
        <v>9</v>
      </c>
      <c r="F31166" s="7">
        <v>44004</v>
      </c>
      <c r="G31166" s="8">
        <v>22770</v>
      </c>
      <c r="H31166" s="8">
        <v>22770</v>
      </c>
      <c r="I31166" s="8">
        <v>2277</v>
      </c>
      <c r="J31166" s="8">
        <v>20493</v>
      </c>
      <c r="K31166" s="9"/>
      <c r="L31166" s="6"/>
    </row>
    <row r="31167" spans="1:12">
      <c r="A31167" s="6" t="s">
        <v>32657</v>
      </c>
      <c r="B31167" s="6"/>
      <c r="C31167" s="6" t="s">
        <v>32230</v>
      </c>
      <c r="D31167" s="6"/>
      <c r="E31167" s="6" t="s">
        <v>9</v>
      </c>
      <c r="F31167" s="7">
        <v>44004</v>
      </c>
      <c r="G31167" s="8">
        <v>68310</v>
      </c>
      <c r="H31167" s="8">
        <v>68310</v>
      </c>
      <c r="I31167" s="8">
        <v>6831</v>
      </c>
      <c r="J31167" s="8">
        <v>61479</v>
      </c>
      <c r="K31167" s="9"/>
      <c r="L31167" s="6"/>
    </row>
    <row r="31168" spans="1:12">
      <c r="A31168" s="6" t="s">
        <v>32658</v>
      </c>
      <c r="B31168" s="6"/>
      <c r="C31168" s="6" t="s">
        <v>32230</v>
      </c>
      <c r="D31168" s="6"/>
      <c r="E31168" s="6" t="s">
        <v>9</v>
      </c>
      <c r="F31168" s="7">
        <v>44004</v>
      </c>
      <c r="G31168" s="8">
        <v>91080</v>
      </c>
      <c r="H31168" s="8">
        <v>91080</v>
      </c>
      <c r="I31168" s="8">
        <v>9108</v>
      </c>
      <c r="J31168" s="8">
        <v>81972</v>
      </c>
      <c r="K31168" s="9"/>
      <c r="L31168" s="6"/>
    </row>
    <row r="31169" spans="1:12">
      <c r="A31169" s="6" t="s">
        <v>32659</v>
      </c>
      <c r="B31169" s="6"/>
      <c r="C31169" s="6" t="s">
        <v>32230</v>
      </c>
      <c r="D31169" s="6"/>
      <c r="E31169" s="6" t="s">
        <v>9</v>
      </c>
      <c r="F31169" s="7">
        <v>44043</v>
      </c>
      <c r="G31169" s="8">
        <v>121220</v>
      </c>
      <c r="H31169" s="8">
        <v>121220</v>
      </c>
      <c r="I31169" s="8">
        <v>12122</v>
      </c>
      <c r="J31169" s="8">
        <v>109098</v>
      </c>
      <c r="K31169" s="9"/>
      <c r="L31169" s="6"/>
    </row>
    <row r="31170" spans="1:12">
      <c r="A31170" s="6" t="s">
        <v>32660</v>
      </c>
      <c r="B31170" s="6"/>
      <c r="C31170" s="6" t="s">
        <v>32230</v>
      </c>
      <c r="D31170" s="6"/>
      <c r="E31170" s="6" t="s">
        <v>9</v>
      </c>
      <c r="F31170" s="7">
        <v>44027</v>
      </c>
      <c r="G31170" s="8">
        <v>58410</v>
      </c>
      <c r="H31170" s="8">
        <v>58410</v>
      </c>
      <c r="I31170" s="8">
        <v>5841</v>
      </c>
      <c r="J31170" s="8">
        <v>52569</v>
      </c>
      <c r="K31170" s="9"/>
      <c r="L31170" s="6"/>
    </row>
    <row r="31171" spans="1:12">
      <c r="A31171" s="6" t="s">
        <v>32661</v>
      </c>
      <c r="B31171" s="6"/>
      <c r="C31171" s="6" t="s">
        <v>32230</v>
      </c>
      <c r="D31171" s="6"/>
      <c r="E31171" s="6" t="s">
        <v>9</v>
      </c>
      <c r="F31171" s="7">
        <v>44027</v>
      </c>
      <c r="G31171" s="8">
        <v>22770</v>
      </c>
      <c r="H31171" s="8">
        <v>22770</v>
      </c>
      <c r="I31171" s="8">
        <v>2277</v>
      </c>
      <c r="J31171" s="8">
        <v>20493</v>
      </c>
      <c r="K31171" s="9"/>
      <c r="L31171" s="6"/>
    </row>
    <row r="31172" spans="1:12">
      <c r="A31172" s="6" t="s">
        <v>32662</v>
      </c>
      <c r="B31172" s="6"/>
      <c r="C31172" s="6" t="s">
        <v>32230</v>
      </c>
      <c r="D31172" s="6"/>
      <c r="E31172" s="6" t="s">
        <v>9</v>
      </c>
      <c r="F31172" s="7">
        <v>44081</v>
      </c>
      <c r="G31172" s="8">
        <v>53900</v>
      </c>
      <c r="H31172" s="8">
        <v>53900</v>
      </c>
      <c r="I31172" s="8">
        <v>5390</v>
      </c>
      <c r="J31172" s="8">
        <v>48510</v>
      </c>
      <c r="K31172" s="9"/>
      <c r="L31172" s="6"/>
    </row>
    <row r="31173" spans="1:12">
      <c r="A31173" s="6" t="s">
        <v>32663</v>
      </c>
      <c r="B31173" s="6"/>
      <c r="C31173" s="6" t="s">
        <v>32230</v>
      </c>
      <c r="D31173" s="6"/>
      <c r="E31173" s="6" t="s">
        <v>9</v>
      </c>
      <c r="F31173" s="7">
        <v>44089</v>
      </c>
      <c r="G31173" s="8">
        <v>99000</v>
      </c>
      <c r="H31173" s="8">
        <v>99000</v>
      </c>
      <c r="I31173" s="8">
        <v>9900</v>
      </c>
      <c r="J31173" s="8">
        <v>89100</v>
      </c>
      <c r="K31173" s="9"/>
      <c r="L31173" s="6"/>
    </row>
    <row r="31174" spans="1:12">
      <c r="A31174" s="6" t="s">
        <v>32664</v>
      </c>
      <c r="B31174" s="6"/>
      <c r="C31174" s="6" t="s">
        <v>32230</v>
      </c>
      <c r="D31174" s="6"/>
      <c r="E31174" s="6" t="s">
        <v>9</v>
      </c>
      <c r="F31174" s="7">
        <v>44116</v>
      </c>
      <c r="G31174" s="8">
        <v>1100000</v>
      </c>
      <c r="H31174" s="8">
        <v>1100000</v>
      </c>
      <c r="I31174" s="8">
        <v>110000</v>
      </c>
      <c r="J31174" s="8">
        <v>990000</v>
      </c>
      <c r="K31174" s="9"/>
      <c r="L31174" s="6"/>
    </row>
    <row r="31175" spans="1:12">
      <c r="A31175" s="6" t="s">
        <v>32665</v>
      </c>
      <c r="B31175" s="6"/>
      <c r="C31175" s="6" t="s">
        <v>32230</v>
      </c>
      <c r="D31175" s="6"/>
      <c r="E31175" s="6" t="s">
        <v>9</v>
      </c>
      <c r="F31175" s="7">
        <v>44119</v>
      </c>
      <c r="G31175" s="8">
        <v>187000</v>
      </c>
      <c r="H31175" s="8">
        <v>187000</v>
      </c>
      <c r="I31175" s="8">
        <v>18700</v>
      </c>
      <c r="J31175" s="8">
        <v>168300</v>
      </c>
      <c r="K31175" s="9"/>
      <c r="L31175" s="6"/>
    </row>
    <row r="31176" spans="1:12">
      <c r="A31176" s="6" t="s">
        <v>32666</v>
      </c>
      <c r="B31176" s="6"/>
      <c r="C31176" s="6" t="s">
        <v>32230</v>
      </c>
      <c r="D31176" s="6"/>
      <c r="E31176" s="6" t="s">
        <v>9</v>
      </c>
      <c r="F31176" s="7">
        <v>44165</v>
      </c>
      <c r="G31176" s="8">
        <v>222200</v>
      </c>
      <c r="H31176" s="8">
        <v>222200</v>
      </c>
      <c r="I31176" s="8">
        <v>22220</v>
      </c>
      <c r="J31176" s="8">
        <v>199980</v>
      </c>
      <c r="K31176" s="9"/>
      <c r="L31176" s="6"/>
    </row>
    <row r="31177" spans="1:12">
      <c r="A31177" s="6" t="s">
        <v>32667</v>
      </c>
      <c r="B31177" s="6"/>
      <c r="C31177" s="6" t="s">
        <v>32230</v>
      </c>
      <c r="D31177" s="6"/>
      <c r="E31177" s="6" t="s">
        <v>9</v>
      </c>
      <c r="F31177" s="7">
        <v>41729</v>
      </c>
      <c r="G31177" s="8">
        <v>399000</v>
      </c>
      <c r="H31177" s="8">
        <v>119700</v>
      </c>
      <c r="I31177" s="8">
        <v>319200</v>
      </c>
      <c r="J31177" s="8">
        <v>79800</v>
      </c>
      <c r="K31177" s="9"/>
      <c r="L31177" s="6"/>
    </row>
    <row r="31178" spans="1:12">
      <c r="A31178" s="6" t="s">
        <v>32668</v>
      </c>
      <c r="B31178" s="6"/>
      <c r="C31178" s="6" t="s">
        <v>32230</v>
      </c>
      <c r="D31178" s="6"/>
      <c r="E31178" s="6" t="s">
        <v>9</v>
      </c>
      <c r="F31178" s="7">
        <v>41729</v>
      </c>
      <c r="G31178" s="8">
        <v>399000</v>
      </c>
      <c r="H31178" s="8">
        <v>119700</v>
      </c>
      <c r="I31178" s="8">
        <v>319200</v>
      </c>
      <c r="J31178" s="8">
        <v>79800</v>
      </c>
      <c r="K31178" s="9"/>
      <c r="L31178" s="6"/>
    </row>
    <row r="31179" spans="1:12">
      <c r="A31179" s="6" t="s">
        <v>32669</v>
      </c>
      <c r="B31179" s="6"/>
      <c r="C31179" s="6" t="s">
        <v>32230</v>
      </c>
      <c r="D31179" s="6"/>
      <c r="E31179" s="6" t="s">
        <v>9</v>
      </c>
      <c r="F31179" s="7">
        <v>41729</v>
      </c>
      <c r="G31179" s="8">
        <v>399000</v>
      </c>
      <c r="H31179" s="8">
        <v>119700</v>
      </c>
      <c r="I31179" s="8">
        <v>319200</v>
      </c>
      <c r="J31179" s="8">
        <v>79800</v>
      </c>
      <c r="K31179" s="9"/>
      <c r="L31179" s="6"/>
    </row>
    <row r="31180" spans="1:12">
      <c r="A31180" s="6" t="s">
        <v>32670</v>
      </c>
      <c r="B31180" s="6"/>
      <c r="C31180" s="6" t="s">
        <v>32230</v>
      </c>
      <c r="D31180" s="6"/>
      <c r="E31180" s="6" t="s">
        <v>9</v>
      </c>
      <c r="F31180" s="7">
        <v>41729</v>
      </c>
      <c r="G31180" s="8">
        <v>399000</v>
      </c>
      <c r="H31180" s="8">
        <v>119700</v>
      </c>
      <c r="I31180" s="8">
        <v>319200</v>
      </c>
      <c r="J31180" s="8">
        <v>79800</v>
      </c>
      <c r="K31180" s="9"/>
      <c r="L31180" s="6"/>
    </row>
    <row r="31181" spans="1:12">
      <c r="A31181" s="6" t="s">
        <v>32671</v>
      </c>
      <c r="B31181" s="6"/>
      <c r="C31181" s="6" t="s">
        <v>32230</v>
      </c>
      <c r="D31181" s="6"/>
      <c r="E31181" s="6" t="s">
        <v>9</v>
      </c>
      <c r="F31181" s="7">
        <v>41729</v>
      </c>
      <c r="G31181" s="8">
        <v>399000</v>
      </c>
      <c r="H31181" s="8">
        <v>119700</v>
      </c>
      <c r="I31181" s="8">
        <v>319200</v>
      </c>
      <c r="J31181" s="8">
        <v>79800</v>
      </c>
      <c r="K31181" s="9"/>
      <c r="L31181" s="6"/>
    </row>
    <row r="31182" spans="1:12">
      <c r="A31182" s="6" t="s">
        <v>32672</v>
      </c>
      <c r="B31182" s="6"/>
      <c r="C31182" s="6" t="s">
        <v>32230</v>
      </c>
      <c r="D31182" s="6"/>
      <c r="E31182" s="6" t="s">
        <v>9</v>
      </c>
      <c r="F31182" s="7">
        <v>40877</v>
      </c>
      <c r="G31182" s="8">
        <v>399000</v>
      </c>
      <c r="H31182" s="8">
        <v>39900</v>
      </c>
      <c r="I31182" s="8">
        <v>398999</v>
      </c>
      <c r="J31182" s="8">
        <v>1</v>
      </c>
      <c r="K31182" s="9"/>
      <c r="L31182" s="6"/>
    </row>
    <row r="31183" spans="1:12">
      <c r="A31183" s="6" t="s">
        <v>32673</v>
      </c>
      <c r="B31183" s="6"/>
      <c r="C31183" s="6" t="s">
        <v>32230</v>
      </c>
      <c r="D31183" s="6"/>
      <c r="E31183" s="6" t="s">
        <v>9</v>
      </c>
      <c r="F31183" s="7">
        <v>41729</v>
      </c>
      <c r="G31183" s="8">
        <v>399000</v>
      </c>
      <c r="H31183" s="8">
        <v>119700</v>
      </c>
      <c r="I31183" s="8">
        <v>319200</v>
      </c>
      <c r="J31183" s="8">
        <v>79800</v>
      </c>
      <c r="K31183" s="9"/>
      <c r="L31183" s="6"/>
    </row>
    <row r="31184" spans="1:12">
      <c r="A31184" s="6" t="s">
        <v>32674</v>
      </c>
      <c r="B31184" s="6"/>
      <c r="C31184" s="6" t="s">
        <v>32230</v>
      </c>
      <c r="D31184" s="6"/>
      <c r="E31184" s="6" t="s">
        <v>9</v>
      </c>
      <c r="F31184" s="7">
        <v>38899</v>
      </c>
      <c r="G31184" s="8">
        <v>399000</v>
      </c>
      <c r="H31184" s="8">
        <v>1</v>
      </c>
      <c r="I31184" s="8">
        <v>398999</v>
      </c>
      <c r="J31184" s="8">
        <v>1</v>
      </c>
      <c r="K31184" s="9"/>
      <c r="L31184" s="6"/>
    </row>
    <row r="31185" spans="1:12">
      <c r="A31185" s="6" t="s">
        <v>32675</v>
      </c>
      <c r="B31185" s="6"/>
      <c r="C31185" s="6" t="s">
        <v>32230</v>
      </c>
      <c r="D31185" s="6"/>
      <c r="E31185" s="6" t="s">
        <v>9</v>
      </c>
      <c r="F31185" s="7">
        <v>41698</v>
      </c>
      <c r="G31185" s="8">
        <v>399000</v>
      </c>
      <c r="H31185" s="8">
        <v>119700</v>
      </c>
      <c r="I31185" s="8">
        <v>319200</v>
      </c>
      <c r="J31185" s="8">
        <v>79800</v>
      </c>
      <c r="K31185" s="9"/>
      <c r="L31185" s="6"/>
    </row>
    <row r="31186" spans="1:12">
      <c r="A31186" s="6" t="s">
        <v>32676</v>
      </c>
      <c r="B31186" s="6"/>
      <c r="C31186" s="6" t="s">
        <v>32230</v>
      </c>
      <c r="D31186" s="6"/>
      <c r="E31186" s="6" t="s">
        <v>9</v>
      </c>
      <c r="F31186" s="7">
        <v>41718</v>
      </c>
      <c r="G31186" s="8">
        <v>399000</v>
      </c>
      <c r="H31186" s="8">
        <v>119700</v>
      </c>
      <c r="I31186" s="8">
        <v>319200</v>
      </c>
      <c r="J31186" s="8">
        <v>79800</v>
      </c>
      <c r="K31186" s="9"/>
      <c r="L31186" s="6"/>
    </row>
    <row r="31187" spans="1:12">
      <c r="A31187" s="6" t="s">
        <v>32677</v>
      </c>
      <c r="B31187" s="6"/>
      <c r="C31187" s="6" t="s">
        <v>32230</v>
      </c>
      <c r="D31187" s="6"/>
      <c r="E31187" s="6" t="s">
        <v>9</v>
      </c>
      <c r="F31187" s="7">
        <v>41718</v>
      </c>
      <c r="G31187" s="8">
        <v>399000</v>
      </c>
      <c r="H31187" s="8">
        <v>119700</v>
      </c>
      <c r="I31187" s="8">
        <v>319200</v>
      </c>
      <c r="J31187" s="8">
        <v>79800</v>
      </c>
      <c r="K31187" s="9"/>
      <c r="L31187" s="6"/>
    </row>
    <row r="31188" spans="1:12">
      <c r="A31188" s="6" t="s">
        <v>32678</v>
      </c>
      <c r="B31188" s="6"/>
      <c r="C31188" s="6" t="s">
        <v>32230</v>
      </c>
      <c r="D31188" s="6"/>
      <c r="E31188" s="6" t="s">
        <v>9</v>
      </c>
      <c r="F31188" s="7">
        <v>39933</v>
      </c>
      <c r="G31188" s="8">
        <v>399000</v>
      </c>
      <c r="H31188" s="8">
        <v>1</v>
      </c>
      <c r="I31188" s="8">
        <v>398999</v>
      </c>
      <c r="J31188" s="8">
        <v>1</v>
      </c>
      <c r="K31188" s="9"/>
      <c r="L31188" s="6"/>
    </row>
    <row r="31189" spans="1:12">
      <c r="A31189" s="6" t="s">
        <v>32679</v>
      </c>
      <c r="B31189" s="6"/>
      <c r="C31189" s="6" t="s">
        <v>32230</v>
      </c>
      <c r="D31189" s="6"/>
      <c r="E31189" s="6" t="s">
        <v>9</v>
      </c>
      <c r="F31189" s="7">
        <v>39933</v>
      </c>
      <c r="G31189" s="8">
        <v>399000</v>
      </c>
      <c r="H31189" s="8">
        <v>1</v>
      </c>
      <c r="I31189" s="8">
        <v>398999</v>
      </c>
      <c r="J31189" s="8">
        <v>1</v>
      </c>
      <c r="K31189" s="9"/>
      <c r="L31189" s="6"/>
    </row>
    <row r="31190" spans="1:12">
      <c r="A31190" s="6" t="s">
        <v>32680</v>
      </c>
      <c r="B31190" s="6"/>
      <c r="C31190" s="6" t="s">
        <v>32230</v>
      </c>
      <c r="D31190" s="6"/>
      <c r="E31190" s="6" t="s">
        <v>9</v>
      </c>
      <c r="F31190" s="7">
        <v>38899</v>
      </c>
      <c r="G31190" s="8">
        <v>399000</v>
      </c>
      <c r="H31190" s="8">
        <v>1</v>
      </c>
      <c r="I31190" s="8">
        <v>398999</v>
      </c>
      <c r="J31190" s="8">
        <v>1</v>
      </c>
      <c r="K31190" s="9"/>
      <c r="L31190" s="6"/>
    </row>
    <row r="31191" spans="1:12">
      <c r="A31191" s="6" t="s">
        <v>32681</v>
      </c>
      <c r="B31191" s="6"/>
      <c r="C31191" s="6" t="s">
        <v>32230</v>
      </c>
      <c r="D31191" s="6"/>
      <c r="E31191" s="6" t="s">
        <v>9</v>
      </c>
      <c r="F31191" s="7">
        <v>40268</v>
      </c>
      <c r="G31191" s="8">
        <v>3686550</v>
      </c>
      <c r="H31191" s="8">
        <v>1658953</v>
      </c>
      <c r="I31191" s="8">
        <v>2211924</v>
      </c>
      <c r="J31191" s="8">
        <v>1474626</v>
      </c>
      <c r="K31191" s="9"/>
      <c r="L31191" s="6"/>
    </row>
    <row r="31192" spans="1:12">
      <c r="A31192" s="6" t="s">
        <v>32682</v>
      </c>
      <c r="B31192" s="6"/>
      <c r="C31192" s="6" t="s">
        <v>32230</v>
      </c>
      <c r="D31192" s="6"/>
      <c r="E31192" s="6" t="s">
        <v>9</v>
      </c>
      <c r="F31192" s="7">
        <v>40528</v>
      </c>
      <c r="G31192" s="8">
        <v>8760331</v>
      </c>
      <c r="H31192" s="8">
        <v>4380171</v>
      </c>
      <c r="I31192" s="8">
        <v>4818176</v>
      </c>
      <c r="J31192" s="8">
        <v>3942155</v>
      </c>
      <c r="K31192" s="9"/>
      <c r="L31192" s="6"/>
    </row>
    <row r="31193" spans="1:12">
      <c r="A31193" s="6" t="s">
        <v>32683</v>
      </c>
      <c r="B31193" s="6"/>
      <c r="C31193" s="6" t="s">
        <v>32230</v>
      </c>
      <c r="D31193" s="6"/>
      <c r="E31193" s="6" t="s">
        <v>9</v>
      </c>
      <c r="F31193" s="7">
        <v>40511</v>
      </c>
      <c r="G31193" s="8">
        <v>7798168</v>
      </c>
      <c r="H31193" s="8">
        <v>3899088</v>
      </c>
      <c r="I31193" s="8">
        <v>4288988</v>
      </c>
      <c r="J31193" s="8">
        <v>3509180</v>
      </c>
      <c r="K31193" s="9"/>
      <c r="L31193" s="6"/>
    </row>
    <row r="31194" spans="1:12">
      <c r="A31194" s="6" t="s">
        <v>32684</v>
      </c>
      <c r="B31194" s="6"/>
      <c r="C31194" s="6" t="s">
        <v>32230</v>
      </c>
      <c r="D31194" s="6"/>
      <c r="E31194" s="6" t="s">
        <v>9</v>
      </c>
      <c r="F31194" s="7">
        <v>40267</v>
      </c>
      <c r="G31194" s="8">
        <v>1447950</v>
      </c>
      <c r="H31194" s="8">
        <v>651583</v>
      </c>
      <c r="I31194" s="8">
        <v>868764</v>
      </c>
      <c r="J31194" s="8">
        <v>579186</v>
      </c>
      <c r="K31194" s="9"/>
      <c r="L31194" s="6"/>
    </row>
    <row r="31195" spans="1:12">
      <c r="A31195" s="6" t="s">
        <v>32685</v>
      </c>
      <c r="B31195" s="6"/>
      <c r="C31195" s="6" t="s">
        <v>32230</v>
      </c>
      <c r="D31195" s="6"/>
      <c r="E31195" s="6" t="s">
        <v>9</v>
      </c>
      <c r="F31195" s="7">
        <v>40268</v>
      </c>
      <c r="G31195" s="8">
        <v>1429050</v>
      </c>
      <c r="H31195" s="8">
        <v>643078</v>
      </c>
      <c r="I31195" s="8">
        <v>857424</v>
      </c>
      <c r="J31195" s="8">
        <v>571626</v>
      </c>
      <c r="K31195" s="9"/>
      <c r="L31195" s="6"/>
    </row>
    <row r="31196" spans="1:12">
      <c r="A31196" s="6" t="s">
        <v>32686</v>
      </c>
      <c r="B31196" s="6"/>
      <c r="C31196" s="6" t="s">
        <v>32230</v>
      </c>
      <c r="D31196" s="6"/>
      <c r="E31196" s="6" t="s">
        <v>9</v>
      </c>
      <c r="F31196" s="7">
        <v>41303</v>
      </c>
      <c r="G31196" s="8">
        <v>997500</v>
      </c>
      <c r="H31196" s="8">
        <v>598500</v>
      </c>
      <c r="I31196" s="8">
        <v>448875</v>
      </c>
      <c r="J31196" s="8">
        <v>548625</v>
      </c>
      <c r="K31196" s="9"/>
      <c r="L31196" s="6"/>
    </row>
    <row r="31197" spans="1:12">
      <c r="A31197" s="6" t="s">
        <v>32687</v>
      </c>
      <c r="B31197" s="6"/>
      <c r="C31197" s="6" t="s">
        <v>32230</v>
      </c>
      <c r="D31197" s="6"/>
      <c r="E31197" s="6" t="s">
        <v>9</v>
      </c>
      <c r="F31197" s="7">
        <v>39266</v>
      </c>
      <c r="G31197" s="8">
        <v>446250</v>
      </c>
      <c r="H31197" s="8">
        <v>156194</v>
      </c>
      <c r="I31197" s="8">
        <v>312368</v>
      </c>
      <c r="J31197" s="8">
        <v>133882</v>
      </c>
      <c r="K31197" s="9"/>
      <c r="L31197" s="6"/>
    </row>
    <row r="31198" spans="1:12">
      <c r="A31198" s="6" t="s">
        <v>32688</v>
      </c>
      <c r="B31198" s="6"/>
      <c r="C31198" s="6" t="s">
        <v>32230</v>
      </c>
      <c r="D31198" s="6"/>
      <c r="E31198" s="6" t="s">
        <v>9</v>
      </c>
      <c r="F31198" s="7">
        <v>40998</v>
      </c>
      <c r="G31198" s="8">
        <v>4095000</v>
      </c>
      <c r="H31198" s="8">
        <v>2252250</v>
      </c>
      <c r="I31198" s="8">
        <v>2047500</v>
      </c>
      <c r="J31198" s="8">
        <v>2047500</v>
      </c>
      <c r="K31198" s="9"/>
      <c r="L31198" s="6"/>
    </row>
    <row r="31199" spans="1:12">
      <c r="A31199" s="6" t="s">
        <v>32688</v>
      </c>
      <c r="B31199" s="6"/>
      <c r="C31199" s="6" t="s">
        <v>32230</v>
      </c>
      <c r="D31199" s="6"/>
      <c r="E31199" s="6" t="s">
        <v>9</v>
      </c>
      <c r="F31199" s="7">
        <v>41677</v>
      </c>
      <c r="G31199" s="8">
        <v>1659000</v>
      </c>
      <c r="H31199" s="8">
        <v>1078350</v>
      </c>
      <c r="I31199" s="8">
        <v>663600</v>
      </c>
      <c r="J31199" s="8">
        <v>995400</v>
      </c>
      <c r="K31199" s="9"/>
      <c r="L31199" s="6"/>
    </row>
    <row r="31200" spans="1:12">
      <c r="A31200" s="6" t="s">
        <v>32689</v>
      </c>
      <c r="B31200" s="6"/>
      <c r="C31200" s="6" t="s">
        <v>32230</v>
      </c>
      <c r="D31200" s="6"/>
      <c r="E31200" s="6" t="s">
        <v>9</v>
      </c>
      <c r="F31200" s="7">
        <v>41361</v>
      </c>
      <c r="G31200" s="8">
        <v>888300</v>
      </c>
      <c r="H31200" s="8">
        <v>532980</v>
      </c>
      <c r="I31200" s="8">
        <v>399735</v>
      </c>
      <c r="J31200" s="8">
        <v>488565</v>
      </c>
      <c r="K31200" s="9"/>
      <c r="L31200" s="6"/>
    </row>
    <row r="31201" spans="1:12">
      <c r="A31201" s="6" t="s">
        <v>32690</v>
      </c>
      <c r="B31201" s="6"/>
      <c r="C31201" s="6" t="s">
        <v>32230</v>
      </c>
      <c r="D31201" s="6"/>
      <c r="E31201" s="6" t="s">
        <v>9</v>
      </c>
      <c r="F31201" s="7">
        <v>41463</v>
      </c>
      <c r="G31201" s="8">
        <v>129150</v>
      </c>
      <c r="H31201" s="8">
        <v>83951</v>
      </c>
      <c r="I31201" s="8">
        <v>51656</v>
      </c>
      <c r="J31201" s="8">
        <v>77494</v>
      </c>
      <c r="K31201" s="9"/>
      <c r="L31201" s="6"/>
    </row>
    <row r="31202" spans="1:12">
      <c r="A31202" s="6" t="s">
        <v>32691</v>
      </c>
      <c r="B31202" s="6"/>
      <c r="C31202" s="6" t="s">
        <v>32230</v>
      </c>
      <c r="D31202" s="6"/>
      <c r="E31202" s="6" t="s">
        <v>9</v>
      </c>
      <c r="F31202" s="7">
        <v>42447</v>
      </c>
      <c r="G31202" s="8">
        <v>276480</v>
      </c>
      <c r="H31202" s="8">
        <v>207360</v>
      </c>
      <c r="I31202" s="8">
        <v>82944</v>
      </c>
      <c r="J31202" s="8">
        <v>193536</v>
      </c>
      <c r="K31202" s="9"/>
      <c r="L31202" s="6"/>
    </row>
    <row r="31203" spans="1:12">
      <c r="A31203" s="6" t="s">
        <v>32692</v>
      </c>
      <c r="B31203" s="6"/>
      <c r="C31203" s="6" t="s">
        <v>32230</v>
      </c>
      <c r="D31203" s="6"/>
      <c r="E31203" s="6" t="s">
        <v>9</v>
      </c>
      <c r="F31203" s="7">
        <v>42398</v>
      </c>
      <c r="G31203" s="8">
        <v>313200</v>
      </c>
      <c r="H31203" s="8">
        <v>234900</v>
      </c>
      <c r="I31203" s="8">
        <v>93960</v>
      </c>
      <c r="J31203" s="8">
        <v>219240</v>
      </c>
      <c r="K31203" s="9"/>
      <c r="L31203" s="6"/>
    </row>
    <row r="31204" spans="1:12">
      <c r="A31204" s="6" t="s">
        <v>32693</v>
      </c>
      <c r="B31204" s="6"/>
      <c r="C31204" s="6" t="s">
        <v>32230</v>
      </c>
      <c r="D31204" s="6"/>
      <c r="E31204" s="6" t="s">
        <v>9</v>
      </c>
      <c r="F31204" s="7">
        <v>42644</v>
      </c>
      <c r="G31204" s="8">
        <v>189000</v>
      </c>
      <c r="H31204" s="8">
        <v>151200</v>
      </c>
      <c r="I31204" s="8">
        <v>47250</v>
      </c>
      <c r="J31204" s="8">
        <v>141750</v>
      </c>
      <c r="K31204" s="9"/>
      <c r="L31204" s="6"/>
    </row>
    <row r="31205" spans="1:12">
      <c r="A31205" s="6" t="s">
        <v>32694</v>
      </c>
      <c r="B31205" s="6"/>
      <c r="C31205" s="6" t="s">
        <v>32230</v>
      </c>
      <c r="D31205" s="6"/>
      <c r="E31205" s="6" t="s">
        <v>9</v>
      </c>
      <c r="F31205" s="7">
        <v>42644</v>
      </c>
      <c r="G31205" s="8">
        <v>189000</v>
      </c>
      <c r="H31205" s="8">
        <v>151200</v>
      </c>
      <c r="I31205" s="8">
        <v>47250</v>
      </c>
      <c r="J31205" s="8">
        <v>141750</v>
      </c>
      <c r="K31205" s="9"/>
      <c r="L31205" s="6"/>
    </row>
    <row r="31206" spans="1:12">
      <c r="A31206" s="6" t="s">
        <v>32695</v>
      </c>
      <c r="B31206" s="6"/>
      <c r="C31206" s="6" t="s">
        <v>32230</v>
      </c>
      <c r="D31206" s="6"/>
      <c r="E31206" s="6" t="s">
        <v>9</v>
      </c>
      <c r="F31206" s="7">
        <v>42650</v>
      </c>
      <c r="G31206" s="8">
        <v>277560</v>
      </c>
      <c r="H31206" s="8">
        <v>222048</v>
      </c>
      <c r="I31206" s="8">
        <v>69390</v>
      </c>
      <c r="J31206" s="8">
        <v>208170</v>
      </c>
      <c r="K31206" s="9"/>
      <c r="L31206" s="6"/>
    </row>
    <row r="31207" spans="1:12">
      <c r="A31207" s="6" t="s">
        <v>32696</v>
      </c>
      <c r="B31207" s="6"/>
      <c r="C31207" s="6" t="s">
        <v>32230</v>
      </c>
      <c r="D31207" s="6"/>
      <c r="E31207" s="6" t="s">
        <v>9</v>
      </c>
      <c r="F31207" s="7">
        <v>40998</v>
      </c>
      <c r="G31207" s="8">
        <v>2971500</v>
      </c>
      <c r="H31207" s="8">
        <v>1634325</v>
      </c>
      <c r="I31207" s="8">
        <v>1485750</v>
      </c>
      <c r="J31207" s="8">
        <v>1485750</v>
      </c>
      <c r="K31207" s="9"/>
      <c r="L31207" s="6"/>
    </row>
    <row r="31208" spans="1:12">
      <c r="A31208" s="6" t="s">
        <v>32688</v>
      </c>
      <c r="B31208" s="6"/>
      <c r="C31208" s="6" t="s">
        <v>32230</v>
      </c>
      <c r="D31208" s="6"/>
      <c r="E31208" s="6" t="s">
        <v>9</v>
      </c>
      <c r="F31208" s="7">
        <v>42811</v>
      </c>
      <c r="G31208" s="8">
        <v>213840</v>
      </c>
      <c r="H31208" s="8">
        <v>171072</v>
      </c>
      <c r="I31208" s="8">
        <v>53460</v>
      </c>
      <c r="J31208" s="8">
        <v>160380</v>
      </c>
      <c r="K31208" s="9"/>
      <c r="L31208" s="6"/>
    </row>
    <row r="31209" spans="1:12">
      <c r="A31209" s="6" t="s">
        <v>32697</v>
      </c>
      <c r="B31209" s="6"/>
      <c r="C31209" s="6" t="s">
        <v>32230</v>
      </c>
      <c r="D31209" s="6"/>
      <c r="E31209" s="6" t="s">
        <v>9</v>
      </c>
      <c r="F31209" s="7">
        <v>42811</v>
      </c>
      <c r="G31209" s="8">
        <v>5400000</v>
      </c>
      <c r="H31209" s="8">
        <v>4320000</v>
      </c>
      <c r="I31209" s="8">
        <v>1350000</v>
      </c>
      <c r="J31209" s="8">
        <v>4050000</v>
      </c>
      <c r="K31209" s="9"/>
      <c r="L31209" s="6"/>
    </row>
    <row r="31210" spans="1:12">
      <c r="A31210" s="6" t="s">
        <v>32698</v>
      </c>
      <c r="B31210" s="6"/>
      <c r="C31210" s="6" t="s">
        <v>32230</v>
      </c>
      <c r="D31210" s="6"/>
      <c r="E31210" s="6" t="s">
        <v>9</v>
      </c>
      <c r="F31210" s="7">
        <v>42811</v>
      </c>
      <c r="G31210" s="8">
        <v>1274400</v>
      </c>
      <c r="H31210" s="8">
        <v>1019520</v>
      </c>
      <c r="I31210" s="8">
        <v>318600</v>
      </c>
      <c r="J31210" s="8">
        <v>955800</v>
      </c>
      <c r="K31210" s="9"/>
      <c r="L31210" s="6"/>
    </row>
    <row r="31211" spans="1:12">
      <c r="A31211" s="6" t="s">
        <v>32699</v>
      </c>
      <c r="B31211" s="6"/>
      <c r="C31211" s="6" t="s">
        <v>32230</v>
      </c>
      <c r="D31211" s="6"/>
      <c r="E31211" s="6" t="s">
        <v>9</v>
      </c>
      <c r="F31211" s="7">
        <v>42521</v>
      </c>
      <c r="G31211" s="8">
        <v>64800</v>
      </c>
      <c r="H31211" s="8">
        <v>38880</v>
      </c>
      <c r="I31211" s="8">
        <v>32400</v>
      </c>
      <c r="J31211" s="8">
        <v>32400</v>
      </c>
      <c r="K31211" s="9"/>
      <c r="L31211" s="6"/>
    </row>
    <row r="31212" spans="1:12">
      <c r="A31212" s="6" t="s">
        <v>32700</v>
      </c>
      <c r="B31212" s="6"/>
      <c r="C31212" s="6" t="s">
        <v>32230</v>
      </c>
      <c r="D31212" s="6"/>
      <c r="E31212" s="6" t="s">
        <v>9</v>
      </c>
      <c r="F31212" s="7">
        <v>42536</v>
      </c>
      <c r="G31212" s="8">
        <v>77760</v>
      </c>
      <c r="H31212" s="8">
        <v>46656</v>
      </c>
      <c r="I31212" s="8">
        <v>38880</v>
      </c>
      <c r="J31212" s="8">
        <v>38880</v>
      </c>
      <c r="K31212" s="9"/>
      <c r="L31212" s="6"/>
    </row>
    <row r="31213" spans="1:12">
      <c r="A31213" s="6" t="s">
        <v>32701</v>
      </c>
      <c r="B31213" s="6"/>
      <c r="C31213" s="6" t="s">
        <v>32230</v>
      </c>
      <c r="D31213" s="6"/>
      <c r="E31213" s="6" t="s">
        <v>9</v>
      </c>
      <c r="F31213" s="7">
        <v>43151</v>
      </c>
      <c r="G31213" s="8">
        <v>90720</v>
      </c>
      <c r="H31213" s="8">
        <v>77112</v>
      </c>
      <c r="I31213" s="8">
        <v>18144</v>
      </c>
      <c r="J31213" s="8">
        <v>72576</v>
      </c>
      <c r="K31213" s="9"/>
      <c r="L31213" s="6"/>
    </row>
    <row r="31214" spans="1:12">
      <c r="A31214" s="6" t="s">
        <v>32702</v>
      </c>
      <c r="B31214" s="6"/>
      <c r="C31214" s="6" t="s">
        <v>32230</v>
      </c>
      <c r="D31214" s="6"/>
      <c r="E31214" s="6" t="s">
        <v>9</v>
      </c>
      <c r="F31214" s="7">
        <v>43301</v>
      </c>
      <c r="G31214" s="8">
        <v>126360</v>
      </c>
      <c r="H31214" s="8">
        <v>113724</v>
      </c>
      <c r="I31214" s="8">
        <v>18954</v>
      </c>
      <c r="J31214" s="8">
        <v>107406</v>
      </c>
      <c r="K31214" s="9"/>
      <c r="L31214" s="6"/>
    </row>
    <row r="31215" spans="1:12">
      <c r="A31215" s="6" t="s">
        <v>32703</v>
      </c>
      <c r="B31215" s="6"/>
      <c r="C31215" s="6" t="s">
        <v>32230</v>
      </c>
      <c r="D31215" s="6"/>
      <c r="E31215" s="6" t="s">
        <v>9</v>
      </c>
      <c r="F31215" s="7">
        <v>43451</v>
      </c>
      <c r="G31215" s="8">
        <v>31320</v>
      </c>
      <c r="H31215" s="8">
        <v>30068</v>
      </c>
      <c r="I31215" s="8">
        <v>1878</v>
      </c>
      <c r="J31215" s="8">
        <v>29442</v>
      </c>
      <c r="K31215" s="9"/>
      <c r="L31215" s="6"/>
    </row>
    <row r="31216" spans="1:12">
      <c r="A31216" s="6" t="s">
        <v>32704</v>
      </c>
      <c r="B31216" s="6"/>
      <c r="C31216" s="6" t="s">
        <v>32230</v>
      </c>
      <c r="D31216" s="6"/>
      <c r="E31216" s="6" t="s">
        <v>9</v>
      </c>
      <c r="F31216" s="7">
        <v>40998</v>
      </c>
      <c r="G31216" s="8">
        <v>1297800</v>
      </c>
      <c r="H31216" s="8">
        <v>713790</v>
      </c>
      <c r="I31216" s="8">
        <v>648900</v>
      </c>
      <c r="J31216" s="8">
        <v>648900</v>
      </c>
      <c r="K31216" s="9"/>
      <c r="L31216" s="6"/>
    </row>
    <row r="31217" spans="1:12">
      <c r="A31217" s="6" t="s">
        <v>32705</v>
      </c>
      <c r="B31217" s="6"/>
      <c r="C31217" s="6" t="s">
        <v>32230</v>
      </c>
      <c r="D31217" s="6"/>
      <c r="E31217" s="6" t="s">
        <v>9</v>
      </c>
      <c r="F31217" s="7">
        <v>43535</v>
      </c>
      <c r="G31217" s="8">
        <v>129600</v>
      </c>
      <c r="H31217" s="8">
        <v>116640</v>
      </c>
      <c r="I31217" s="8">
        <v>19440</v>
      </c>
      <c r="J31217" s="8">
        <v>110160</v>
      </c>
      <c r="K31217" s="9"/>
      <c r="L31217" s="6"/>
    </row>
    <row r="31218" spans="1:12">
      <c r="A31218" s="6" t="s">
        <v>32706</v>
      </c>
      <c r="B31218" s="6"/>
      <c r="C31218" s="6" t="s">
        <v>32230</v>
      </c>
      <c r="D31218" s="6"/>
      <c r="E31218" s="6" t="s">
        <v>9</v>
      </c>
      <c r="F31218" s="7">
        <v>43535</v>
      </c>
      <c r="G31218" s="8">
        <v>75600</v>
      </c>
      <c r="H31218" s="8">
        <v>68040</v>
      </c>
      <c r="I31218" s="8">
        <v>11340</v>
      </c>
      <c r="J31218" s="8">
        <v>64260</v>
      </c>
      <c r="K31218" s="9"/>
      <c r="L31218" s="6"/>
    </row>
    <row r="31219" spans="1:12">
      <c r="A31219" s="6" t="s">
        <v>32707</v>
      </c>
      <c r="B31219" s="6"/>
      <c r="C31219" s="6" t="s">
        <v>32230</v>
      </c>
      <c r="D31219" s="6"/>
      <c r="E31219" s="6" t="s">
        <v>9</v>
      </c>
      <c r="F31219" s="7">
        <v>43521</v>
      </c>
      <c r="G31219" s="8">
        <v>603720</v>
      </c>
      <c r="H31219" s="8">
        <v>543348</v>
      </c>
      <c r="I31219" s="8">
        <v>90558</v>
      </c>
      <c r="J31219" s="8">
        <v>513162</v>
      </c>
      <c r="K31219" s="9"/>
      <c r="L31219" s="6"/>
    </row>
    <row r="31220" spans="1:12">
      <c r="A31220" s="6" t="s">
        <v>32708</v>
      </c>
      <c r="B31220" s="6"/>
      <c r="C31220" s="6" t="s">
        <v>32230</v>
      </c>
      <c r="D31220" s="6"/>
      <c r="E31220" s="6" t="s">
        <v>9</v>
      </c>
      <c r="F31220" s="7">
        <v>43549</v>
      </c>
      <c r="G31220" s="8">
        <v>127440</v>
      </c>
      <c r="H31220" s="8">
        <v>114696</v>
      </c>
      <c r="I31220" s="8">
        <v>19116</v>
      </c>
      <c r="J31220" s="8">
        <v>108324</v>
      </c>
      <c r="K31220" s="9"/>
      <c r="L31220" s="6"/>
    </row>
    <row r="31221" spans="1:12">
      <c r="A31221" s="6" t="s">
        <v>32709</v>
      </c>
      <c r="B31221" s="6"/>
      <c r="C31221" s="6" t="s">
        <v>32230</v>
      </c>
      <c r="D31221" s="6"/>
      <c r="E31221" s="6" t="s">
        <v>9</v>
      </c>
      <c r="F31221" s="7">
        <v>43555</v>
      </c>
      <c r="G31221" s="8">
        <v>19440</v>
      </c>
      <c r="H31221" s="8">
        <v>17496</v>
      </c>
      <c r="I31221" s="8">
        <v>2916</v>
      </c>
      <c r="J31221" s="8">
        <v>16524</v>
      </c>
      <c r="K31221" s="9"/>
      <c r="L31221" s="6"/>
    </row>
    <row r="31222" spans="1:12">
      <c r="A31222" s="6" t="s">
        <v>32710</v>
      </c>
      <c r="B31222" s="6"/>
      <c r="C31222" s="6" t="s">
        <v>32230</v>
      </c>
      <c r="D31222" s="6"/>
      <c r="E31222" s="6" t="s">
        <v>9</v>
      </c>
      <c r="F31222" s="7">
        <v>43621</v>
      </c>
      <c r="G31222" s="8">
        <v>19440</v>
      </c>
      <c r="H31222" s="8">
        <v>17496</v>
      </c>
      <c r="I31222" s="8">
        <v>3888</v>
      </c>
      <c r="J31222" s="8">
        <v>15552</v>
      </c>
      <c r="K31222" s="9"/>
      <c r="L31222" s="6"/>
    </row>
    <row r="31223" spans="1:12">
      <c r="A31223" s="6" t="s">
        <v>32711</v>
      </c>
      <c r="B31223" s="6"/>
      <c r="C31223" s="6" t="s">
        <v>32230</v>
      </c>
      <c r="D31223" s="6"/>
      <c r="E31223" s="6" t="s">
        <v>9</v>
      </c>
      <c r="F31223" s="7">
        <v>43921</v>
      </c>
      <c r="G31223" s="8">
        <v>379500</v>
      </c>
      <c r="H31223" s="8">
        <v>360525</v>
      </c>
      <c r="I31223" s="8">
        <v>37950</v>
      </c>
      <c r="J31223" s="8">
        <v>341550</v>
      </c>
      <c r="K31223" s="9"/>
      <c r="L31223" s="6"/>
    </row>
    <row r="31224" spans="1:12">
      <c r="A31224" s="6" t="s">
        <v>32712</v>
      </c>
      <c r="B31224" s="6"/>
      <c r="C31224" s="6" t="s">
        <v>32230</v>
      </c>
      <c r="D31224" s="6"/>
      <c r="E31224" s="6" t="s">
        <v>9</v>
      </c>
      <c r="F31224" s="7">
        <v>44097</v>
      </c>
      <c r="G31224" s="8">
        <v>446600</v>
      </c>
      <c r="H31224" s="8">
        <v>446600</v>
      </c>
      <c r="I31224" s="8">
        <v>44660</v>
      </c>
      <c r="J31224" s="8">
        <v>401940</v>
      </c>
      <c r="K31224" s="9"/>
      <c r="L31224" s="6"/>
    </row>
    <row r="31225" spans="1:12">
      <c r="A31225" s="6" t="s">
        <v>32713</v>
      </c>
      <c r="B31225" s="6"/>
      <c r="C31225" s="6" t="s">
        <v>32230</v>
      </c>
      <c r="D31225" s="6"/>
      <c r="E31225" s="6" t="s">
        <v>9</v>
      </c>
      <c r="F31225" s="7">
        <v>44089</v>
      </c>
      <c r="G31225" s="8">
        <v>97900</v>
      </c>
      <c r="H31225" s="8">
        <v>97900</v>
      </c>
      <c r="I31225" s="8">
        <v>4895</v>
      </c>
      <c r="J31225" s="8">
        <v>93005</v>
      </c>
      <c r="K31225" s="9"/>
      <c r="L31225" s="6"/>
    </row>
    <row r="31226" spans="1:12">
      <c r="A31226" s="6" t="s">
        <v>32714</v>
      </c>
      <c r="B31226" s="6"/>
      <c r="C31226" s="6" t="s">
        <v>32230</v>
      </c>
      <c r="D31226" s="6"/>
      <c r="E31226" s="6" t="s">
        <v>9</v>
      </c>
      <c r="F31226" s="7">
        <v>44208</v>
      </c>
      <c r="G31226" s="8">
        <v>189750</v>
      </c>
      <c r="H31226" s="8">
        <v>189750</v>
      </c>
      <c r="I31226" s="8">
        <v>9487</v>
      </c>
      <c r="J31226" s="8">
        <v>180263</v>
      </c>
      <c r="K31226" s="9"/>
      <c r="L31226" s="6"/>
    </row>
    <row r="31227" spans="1:12">
      <c r="A31227" s="6" t="s">
        <v>32715</v>
      </c>
      <c r="B31227" s="6"/>
      <c r="C31227" s="6" t="s">
        <v>32230</v>
      </c>
      <c r="D31227" s="6"/>
      <c r="E31227" s="6" t="s">
        <v>9</v>
      </c>
      <c r="F31227" s="7">
        <v>44286</v>
      </c>
      <c r="G31227" s="8">
        <v>8061900</v>
      </c>
      <c r="H31227" s="8">
        <v>8061900</v>
      </c>
      <c r="I31227" s="8">
        <v>403095</v>
      </c>
      <c r="J31227" s="8">
        <v>7658805</v>
      </c>
      <c r="K31227" s="9"/>
      <c r="L31227" s="6"/>
    </row>
    <row r="31228" spans="1:12">
      <c r="A31228" s="6" t="s">
        <v>32716</v>
      </c>
      <c r="B31228" s="6"/>
      <c r="C31228" s="6" t="s">
        <v>32230</v>
      </c>
      <c r="D31228" s="6"/>
      <c r="E31228" s="6" t="s">
        <v>9</v>
      </c>
      <c r="F31228" s="7">
        <v>40802</v>
      </c>
      <c r="G31228" s="8">
        <v>252000</v>
      </c>
      <c r="H31228" s="8">
        <v>138600</v>
      </c>
      <c r="I31228" s="8">
        <v>126000</v>
      </c>
      <c r="J31228" s="8">
        <v>126000</v>
      </c>
      <c r="K31228" s="9"/>
      <c r="L31228" s="6"/>
    </row>
    <row r="31229" spans="1:12">
      <c r="A31229" s="6" t="s">
        <v>32717</v>
      </c>
      <c r="B31229" s="6"/>
      <c r="C31229" s="6" t="s">
        <v>32230</v>
      </c>
      <c r="D31229" s="6"/>
      <c r="E31229" s="6" t="s">
        <v>9</v>
      </c>
      <c r="F31229" s="7">
        <v>43434</v>
      </c>
      <c r="G31229" s="8">
        <v>7581600</v>
      </c>
      <c r="H31229" s="8">
        <v>6065280</v>
      </c>
      <c r="I31229" s="8">
        <v>2274480</v>
      </c>
      <c r="J31229" s="8">
        <v>5307120</v>
      </c>
      <c r="K31229" s="9"/>
      <c r="L31229" s="6"/>
    </row>
    <row r="31230" spans="1:12">
      <c r="A31230" s="6" t="s">
        <v>32718</v>
      </c>
      <c r="B31230" s="6"/>
      <c r="C31230" s="6" t="s">
        <v>32230</v>
      </c>
      <c r="D31230" s="6"/>
      <c r="E31230" s="6" t="s">
        <v>9</v>
      </c>
      <c r="F31230" s="7">
        <v>40536</v>
      </c>
      <c r="G31230" s="8">
        <v>619500</v>
      </c>
      <c r="H31230" s="8">
        <v>371700</v>
      </c>
      <c r="I31230" s="8">
        <v>272580</v>
      </c>
      <c r="J31230" s="8">
        <v>346920</v>
      </c>
      <c r="K31230" s="9"/>
      <c r="L31230" s="6"/>
    </row>
    <row r="31231" spans="1:12">
      <c r="A31231" s="6" t="s">
        <v>32719</v>
      </c>
      <c r="B31231" s="6"/>
      <c r="C31231" s="6" t="s">
        <v>32230</v>
      </c>
      <c r="D31231" s="6"/>
      <c r="E31231" s="6" t="s">
        <v>9</v>
      </c>
      <c r="F31231" s="7">
        <v>43921</v>
      </c>
      <c r="G31231" s="8">
        <v>770000</v>
      </c>
      <c r="H31231" s="8">
        <v>743820</v>
      </c>
      <c r="I31231" s="8">
        <v>52360</v>
      </c>
      <c r="J31231" s="8">
        <v>717640</v>
      </c>
      <c r="K31231" s="9"/>
      <c r="L31231" s="6"/>
    </row>
    <row r="31232" spans="1:12">
      <c r="A31232" s="6" t="s">
        <v>32720</v>
      </c>
      <c r="B31232" s="6"/>
      <c r="C31232" s="6" t="s">
        <v>32230</v>
      </c>
      <c r="D31232" s="6"/>
      <c r="E31232" s="6" t="s">
        <v>9</v>
      </c>
      <c r="F31232" s="7">
        <v>44286</v>
      </c>
      <c r="G31232" s="8">
        <v>935000</v>
      </c>
      <c r="H31232" s="8">
        <v>935000</v>
      </c>
      <c r="I31232" s="8">
        <v>37400</v>
      </c>
      <c r="J31232" s="8">
        <v>897600</v>
      </c>
      <c r="K31232" s="9"/>
      <c r="L31232" s="6"/>
    </row>
    <row r="31233" spans="1:12">
      <c r="A31233" s="6" t="s">
        <v>32721</v>
      </c>
      <c r="B31233" s="6"/>
      <c r="C31233" s="6" t="s">
        <v>32230</v>
      </c>
      <c r="D31233" s="6"/>
      <c r="E31233" s="6" t="s">
        <v>9</v>
      </c>
      <c r="F31233" s="7">
        <v>44286</v>
      </c>
      <c r="G31233" s="8">
        <v>935000</v>
      </c>
      <c r="H31233" s="8">
        <v>935000</v>
      </c>
      <c r="I31233" s="8">
        <v>37400</v>
      </c>
      <c r="J31233" s="8">
        <v>897600</v>
      </c>
      <c r="K31233" s="9"/>
      <c r="L31233" s="6"/>
    </row>
    <row r="31234" spans="1:12">
      <c r="A31234" s="6" t="s">
        <v>32722</v>
      </c>
      <c r="B31234" s="6"/>
      <c r="C31234" s="6" t="s">
        <v>32230</v>
      </c>
      <c r="D31234" s="6"/>
      <c r="E31234" s="6" t="s">
        <v>9</v>
      </c>
      <c r="F31234" s="7">
        <v>44286</v>
      </c>
      <c r="G31234" s="8">
        <v>935000</v>
      </c>
      <c r="H31234" s="8">
        <v>935000</v>
      </c>
      <c r="I31234" s="8">
        <v>37400</v>
      </c>
      <c r="J31234" s="8">
        <v>897600</v>
      </c>
      <c r="K31234" s="9"/>
      <c r="L31234" s="6"/>
    </row>
    <row r="31235" spans="1:12">
      <c r="A31235" s="6" t="s">
        <v>32723</v>
      </c>
      <c r="B31235" s="6"/>
      <c r="C31235" s="6" t="s">
        <v>32230</v>
      </c>
      <c r="D31235" s="6"/>
      <c r="E31235" s="6" t="s">
        <v>9</v>
      </c>
      <c r="F31235" s="7">
        <v>41260</v>
      </c>
      <c r="G31235" s="8">
        <v>1260000</v>
      </c>
      <c r="H31235" s="8">
        <v>856800</v>
      </c>
      <c r="I31235" s="8">
        <v>453600</v>
      </c>
      <c r="J31235" s="8">
        <v>806400</v>
      </c>
      <c r="K31235" s="9"/>
      <c r="L31235" s="6"/>
    </row>
    <row r="31236" spans="1:12">
      <c r="A31236" s="6" t="s">
        <v>32724</v>
      </c>
      <c r="B31236" s="6"/>
      <c r="C31236" s="6" t="s">
        <v>32230</v>
      </c>
      <c r="D31236" s="6"/>
      <c r="E31236" s="6" t="s">
        <v>9</v>
      </c>
      <c r="F31236" s="7">
        <v>40001</v>
      </c>
      <c r="G31236" s="8">
        <v>992250</v>
      </c>
      <c r="H31236" s="8">
        <v>555660</v>
      </c>
      <c r="I31236" s="8">
        <v>476280</v>
      </c>
      <c r="J31236" s="8">
        <v>515970</v>
      </c>
      <c r="K31236" s="9"/>
      <c r="L31236" s="6"/>
    </row>
    <row r="31237" spans="1:12">
      <c r="A31237" s="6" t="s">
        <v>32725</v>
      </c>
      <c r="B31237" s="6"/>
      <c r="C31237" s="6" t="s">
        <v>32230</v>
      </c>
      <c r="D31237" s="6"/>
      <c r="E31237" s="6" t="s">
        <v>9</v>
      </c>
      <c r="F31237" s="7">
        <v>40366</v>
      </c>
      <c r="G31237" s="8">
        <v>1249500</v>
      </c>
      <c r="H31237" s="8">
        <v>749700</v>
      </c>
      <c r="I31237" s="8">
        <v>549780</v>
      </c>
      <c r="J31237" s="8">
        <v>699720</v>
      </c>
      <c r="K31237" s="9"/>
      <c r="L31237" s="6"/>
    </row>
    <row r="31238" spans="1:12">
      <c r="A31238" s="6" t="s">
        <v>32726</v>
      </c>
      <c r="B31238" s="6"/>
      <c r="C31238" s="6" t="s">
        <v>32230</v>
      </c>
      <c r="D31238" s="6"/>
      <c r="E31238" s="6" t="s">
        <v>9</v>
      </c>
      <c r="F31238" s="7">
        <v>40484</v>
      </c>
      <c r="G31238" s="8">
        <v>882000</v>
      </c>
      <c r="H31238" s="8">
        <v>529200</v>
      </c>
      <c r="I31238" s="8">
        <v>388080</v>
      </c>
      <c r="J31238" s="8">
        <v>493920</v>
      </c>
      <c r="K31238" s="9"/>
      <c r="L31238" s="6"/>
    </row>
    <row r="31239" spans="1:12">
      <c r="A31239" s="6" t="s">
        <v>32727</v>
      </c>
      <c r="B31239" s="6"/>
      <c r="C31239" s="6" t="s">
        <v>32230</v>
      </c>
      <c r="D31239" s="6"/>
      <c r="E31239" s="6" t="s">
        <v>9</v>
      </c>
      <c r="F31239" s="7">
        <v>42094</v>
      </c>
      <c r="G31239" s="8">
        <v>302400</v>
      </c>
      <c r="H31239" s="8">
        <v>229824</v>
      </c>
      <c r="I31239" s="8">
        <v>84672</v>
      </c>
      <c r="J31239" s="8">
        <v>217728</v>
      </c>
      <c r="K31239" s="9"/>
      <c r="L31239" s="6"/>
    </row>
    <row r="31240" spans="1:12">
      <c r="A31240" s="6" t="s">
        <v>32728</v>
      </c>
      <c r="B31240" s="6"/>
      <c r="C31240" s="6" t="s">
        <v>32230</v>
      </c>
      <c r="D31240" s="6"/>
      <c r="E31240" s="6" t="s">
        <v>9</v>
      </c>
      <c r="F31240" s="7">
        <v>43921</v>
      </c>
      <c r="G31240" s="8">
        <v>968000</v>
      </c>
      <c r="H31240" s="8">
        <v>929280</v>
      </c>
      <c r="I31240" s="8">
        <v>77440</v>
      </c>
      <c r="J31240" s="8">
        <v>890560</v>
      </c>
      <c r="K31240" s="9"/>
      <c r="L31240" s="6"/>
    </row>
    <row r="31241" spans="1:12">
      <c r="A31241" s="6" t="s">
        <v>32729</v>
      </c>
      <c r="B31241" s="6"/>
      <c r="C31241" s="6" t="s">
        <v>32230</v>
      </c>
      <c r="D31241" s="6"/>
      <c r="E31241" s="6" t="s">
        <v>9</v>
      </c>
      <c r="F31241" s="7">
        <v>43921</v>
      </c>
      <c r="G31241" s="8">
        <v>968000</v>
      </c>
      <c r="H31241" s="8">
        <v>929280</v>
      </c>
      <c r="I31241" s="8">
        <v>77440</v>
      </c>
      <c r="J31241" s="8">
        <v>890560</v>
      </c>
      <c r="K31241" s="9"/>
      <c r="L31241" s="6"/>
    </row>
    <row r="31242" spans="1:12">
      <c r="A31242" s="6" t="s">
        <v>32730</v>
      </c>
      <c r="B31242" s="6"/>
      <c r="C31242" s="6" t="s">
        <v>32230</v>
      </c>
      <c r="D31242" s="6"/>
      <c r="E31242" s="6" t="s">
        <v>9</v>
      </c>
      <c r="F31242" s="7">
        <v>43921</v>
      </c>
      <c r="G31242" s="8">
        <v>968000</v>
      </c>
      <c r="H31242" s="8">
        <v>929280</v>
      </c>
      <c r="I31242" s="8">
        <v>77440</v>
      </c>
      <c r="J31242" s="8">
        <v>890560</v>
      </c>
      <c r="K31242" s="9"/>
      <c r="L31242" s="6"/>
    </row>
    <row r="31243" spans="1:12">
      <c r="A31243" s="6" t="s">
        <v>32731</v>
      </c>
      <c r="B31243" s="6"/>
      <c r="C31243" s="6" t="s">
        <v>32230</v>
      </c>
      <c r="D31243" s="6"/>
      <c r="E31243" s="6" t="s">
        <v>9</v>
      </c>
      <c r="F31243" s="7">
        <v>40932</v>
      </c>
      <c r="G31243" s="8">
        <v>493500</v>
      </c>
      <c r="H31243" s="8">
        <v>49350</v>
      </c>
      <c r="I31243" s="8">
        <v>493499</v>
      </c>
      <c r="J31243" s="8">
        <v>1</v>
      </c>
      <c r="K31243" s="9"/>
      <c r="L31243" s="6"/>
    </row>
    <row r="31244" spans="1:12">
      <c r="A31244" s="6" t="s">
        <v>32732</v>
      </c>
      <c r="B31244" s="6"/>
      <c r="C31244" s="6" t="s">
        <v>32230</v>
      </c>
      <c r="D31244" s="6"/>
      <c r="E31244" s="6" t="s">
        <v>9</v>
      </c>
      <c r="F31244" s="7">
        <v>40932</v>
      </c>
      <c r="G31244" s="8">
        <v>462000</v>
      </c>
      <c r="H31244" s="8">
        <v>46200</v>
      </c>
      <c r="I31244" s="8">
        <v>461999</v>
      </c>
      <c r="J31244" s="8">
        <v>1</v>
      </c>
      <c r="K31244" s="9"/>
      <c r="L31244" s="6"/>
    </row>
    <row r="31245" spans="1:12">
      <c r="A31245" s="6" t="s">
        <v>32733</v>
      </c>
      <c r="B31245" s="6"/>
      <c r="C31245" s="6" t="s">
        <v>32230</v>
      </c>
      <c r="D31245" s="6"/>
      <c r="E31245" s="6" t="s">
        <v>9</v>
      </c>
      <c r="F31245" s="7">
        <v>41362</v>
      </c>
      <c r="G31245" s="8">
        <v>666750</v>
      </c>
      <c r="H31245" s="8">
        <v>133350</v>
      </c>
      <c r="I31245" s="8">
        <v>600075</v>
      </c>
      <c r="J31245" s="8">
        <v>66675</v>
      </c>
      <c r="K31245" s="9"/>
      <c r="L31245" s="6"/>
    </row>
    <row r="31246" spans="1:12">
      <c r="A31246" s="6" t="s">
        <v>32734</v>
      </c>
      <c r="B31246" s="6"/>
      <c r="C31246" s="6" t="s">
        <v>32230</v>
      </c>
      <c r="D31246" s="6"/>
      <c r="E31246" s="6" t="s">
        <v>9</v>
      </c>
      <c r="F31246" s="7">
        <v>40708</v>
      </c>
      <c r="G31246" s="8">
        <v>220500</v>
      </c>
      <c r="H31246" s="8">
        <v>22050</v>
      </c>
      <c r="I31246" s="8">
        <v>220499</v>
      </c>
      <c r="J31246" s="8">
        <v>1</v>
      </c>
      <c r="K31246" s="9"/>
      <c r="L31246" s="6"/>
    </row>
    <row r="31247" spans="1:12">
      <c r="A31247" s="6" t="s">
        <v>32735</v>
      </c>
      <c r="B31247" s="6"/>
      <c r="C31247" s="6" t="s">
        <v>32230</v>
      </c>
      <c r="D31247" s="6"/>
      <c r="E31247" s="6" t="s">
        <v>9</v>
      </c>
      <c r="F31247" s="7">
        <v>41796</v>
      </c>
      <c r="G31247" s="8">
        <v>567000</v>
      </c>
      <c r="H31247" s="8">
        <v>226800</v>
      </c>
      <c r="I31247" s="8">
        <v>396900</v>
      </c>
      <c r="J31247" s="8">
        <v>170100</v>
      </c>
      <c r="K31247" s="9"/>
      <c r="L31247" s="6"/>
    </row>
    <row r="31248" spans="1:12">
      <c r="A31248" s="6" t="s">
        <v>32736</v>
      </c>
      <c r="B31248" s="6"/>
      <c r="C31248" s="6" t="s">
        <v>32230</v>
      </c>
      <c r="D31248" s="6"/>
      <c r="E31248" s="6" t="s">
        <v>9</v>
      </c>
      <c r="F31248" s="7">
        <v>41060</v>
      </c>
      <c r="G31248" s="8">
        <v>252000</v>
      </c>
      <c r="H31248" s="8">
        <v>50400</v>
      </c>
      <c r="I31248" s="8">
        <v>226800</v>
      </c>
      <c r="J31248" s="8">
        <v>25200</v>
      </c>
      <c r="K31248" s="9"/>
      <c r="L31248" s="6"/>
    </row>
    <row r="31249" spans="1:12">
      <c r="A31249" s="6" t="s">
        <v>32737</v>
      </c>
      <c r="B31249" s="6"/>
      <c r="C31249" s="6" t="s">
        <v>32230</v>
      </c>
      <c r="D31249" s="6"/>
      <c r="E31249" s="6" t="s">
        <v>9</v>
      </c>
      <c r="F31249" s="7">
        <v>42216</v>
      </c>
      <c r="G31249" s="8">
        <v>842400</v>
      </c>
      <c r="H31249" s="8">
        <v>421200</v>
      </c>
      <c r="I31249" s="8">
        <v>505440</v>
      </c>
      <c r="J31249" s="8">
        <v>336960</v>
      </c>
      <c r="K31249" s="9"/>
      <c r="L31249" s="6"/>
    </row>
    <row r="31250" spans="1:12">
      <c r="A31250" s="6" t="s">
        <v>32738</v>
      </c>
      <c r="B31250" s="6"/>
      <c r="C31250" s="6" t="s">
        <v>32230</v>
      </c>
      <c r="D31250" s="6"/>
      <c r="E31250" s="6" t="s">
        <v>9</v>
      </c>
      <c r="F31250" s="7">
        <v>42247</v>
      </c>
      <c r="G31250" s="8">
        <v>442800</v>
      </c>
      <c r="H31250" s="8">
        <v>221400</v>
      </c>
      <c r="I31250" s="8">
        <v>265680</v>
      </c>
      <c r="J31250" s="8">
        <v>177120</v>
      </c>
      <c r="K31250" s="9"/>
      <c r="L31250" s="6"/>
    </row>
    <row r="31251" spans="1:12">
      <c r="A31251" s="6" t="s">
        <v>32739</v>
      </c>
      <c r="B31251" s="6"/>
      <c r="C31251" s="6" t="s">
        <v>32230</v>
      </c>
      <c r="D31251" s="6"/>
      <c r="E31251" s="6" t="s">
        <v>9</v>
      </c>
      <c r="F31251" s="7">
        <v>42333</v>
      </c>
      <c r="G31251" s="8">
        <v>529200</v>
      </c>
      <c r="H31251" s="8">
        <v>264600</v>
      </c>
      <c r="I31251" s="8">
        <v>317520</v>
      </c>
      <c r="J31251" s="8">
        <v>211680</v>
      </c>
      <c r="K31251" s="9"/>
      <c r="L31251" s="6"/>
    </row>
    <row r="31252" spans="1:12">
      <c r="A31252" s="6" t="s">
        <v>32740</v>
      </c>
      <c r="B31252" s="6"/>
      <c r="C31252" s="6" t="s">
        <v>32230</v>
      </c>
      <c r="D31252" s="6"/>
      <c r="E31252" s="6" t="s">
        <v>9</v>
      </c>
      <c r="F31252" s="7">
        <v>42422</v>
      </c>
      <c r="G31252" s="8">
        <v>534600</v>
      </c>
      <c r="H31252" s="8">
        <v>267300</v>
      </c>
      <c r="I31252" s="8">
        <v>320760</v>
      </c>
      <c r="J31252" s="8">
        <v>213840</v>
      </c>
      <c r="K31252" s="9"/>
      <c r="L31252" s="6"/>
    </row>
    <row r="31253" spans="1:12">
      <c r="A31253" s="6" t="s">
        <v>32741</v>
      </c>
      <c r="B31253" s="6"/>
      <c r="C31253" s="6" t="s">
        <v>32230</v>
      </c>
      <c r="D31253" s="6"/>
      <c r="E31253" s="6" t="s">
        <v>9</v>
      </c>
      <c r="F31253" s="7">
        <v>42389</v>
      </c>
      <c r="G31253" s="8">
        <v>205200</v>
      </c>
      <c r="H31253" s="8">
        <v>102600</v>
      </c>
      <c r="I31253" s="8">
        <v>123120</v>
      </c>
      <c r="J31253" s="8">
        <v>82080</v>
      </c>
      <c r="K31253" s="9"/>
      <c r="L31253" s="6"/>
    </row>
    <row r="31254" spans="1:12">
      <c r="A31254" s="6" t="s">
        <v>32742</v>
      </c>
      <c r="B31254" s="6"/>
      <c r="C31254" s="6" t="s">
        <v>32230</v>
      </c>
      <c r="D31254" s="6"/>
      <c r="E31254" s="6" t="s">
        <v>9</v>
      </c>
      <c r="F31254" s="7">
        <v>42460</v>
      </c>
      <c r="G31254" s="8">
        <v>1285200</v>
      </c>
      <c r="H31254" s="8">
        <v>642600</v>
      </c>
      <c r="I31254" s="8">
        <v>771120</v>
      </c>
      <c r="J31254" s="8">
        <v>514080</v>
      </c>
      <c r="K31254" s="9"/>
      <c r="L31254" s="6"/>
    </row>
    <row r="31255" spans="1:12">
      <c r="A31255" s="6" t="s">
        <v>32743</v>
      </c>
      <c r="B31255" s="6"/>
      <c r="C31255" s="6" t="s">
        <v>32230</v>
      </c>
      <c r="D31255" s="6"/>
      <c r="E31255" s="6" t="s">
        <v>9</v>
      </c>
      <c r="F31255" s="7">
        <v>42460</v>
      </c>
      <c r="G31255" s="8">
        <v>99900</v>
      </c>
      <c r="H31255" s="8">
        <v>49950</v>
      </c>
      <c r="I31255" s="8">
        <v>59940</v>
      </c>
      <c r="J31255" s="8">
        <v>39960</v>
      </c>
      <c r="K31255" s="9"/>
      <c r="L31255" s="6"/>
    </row>
    <row r="31256" spans="1:12">
      <c r="A31256" s="6" t="s">
        <v>32744</v>
      </c>
      <c r="B31256" s="6"/>
      <c r="C31256" s="6" t="s">
        <v>32230</v>
      </c>
      <c r="D31256" s="6"/>
      <c r="E31256" s="6" t="s">
        <v>9</v>
      </c>
      <c r="F31256" s="7">
        <v>42262</v>
      </c>
      <c r="G31256" s="8">
        <v>91368</v>
      </c>
      <c r="H31256" s="8">
        <v>45688</v>
      </c>
      <c r="I31256" s="8">
        <v>54816</v>
      </c>
      <c r="J31256" s="8">
        <v>36552</v>
      </c>
      <c r="K31256" s="9"/>
      <c r="L31256" s="6"/>
    </row>
    <row r="31257" spans="1:12">
      <c r="A31257" s="6" t="s">
        <v>32745</v>
      </c>
      <c r="B31257" s="6"/>
      <c r="C31257" s="6" t="s">
        <v>32230</v>
      </c>
      <c r="D31257" s="6"/>
      <c r="E31257" s="6" t="s">
        <v>9</v>
      </c>
      <c r="F31257" s="7">
        <v>42389</v>
      </c>
      <c r="G31257" s="8">
        <v>55080</v>
      </c>
      <c r="H31257" s="8">
        <v>27540</v>
      </c>
      <c r="I31257" s="8">
        <v>33048</v>
      </c>
      <c r="J31257" s="8">
        <v>22032</v>
      </c>
      <c r="K31257" s="9"/>
      <c r="L31257" s="6"/>
    </row>
    <row r="31258" spans="1:12">
      <c r="A31258" s="6" t="s">
        <v>32746</v>
      </c>
      <c r="B31258" s="6"/>
      <c r="C31258" s="6" t="s">
        <v>32230</v>
      </c>
      <c r="D31258" s="6"/>
      <c r="E31258" s="6" t="s">
        <v>9</v>
      </c>
      <c r="F31258" s="7">
        <v>42755</v>
      </c>
      <c r="G31258" s="8">
        <v>939600</v>
      </c>
      <c r="H31258" s="8">
        <v>563760</v>
      </c>
      <c r="I31258" s="8">
        <v>469800</v>
      </c>
      <c r="J31258" s="8">
        <v>469800</v>
      </c>
      <c r="K31258" s="9"/>
      <c r="L31258" s="6"/>
    </row>
    <row r="31259" spans="1:12">
      <c r="A31259" s="6" t="s">
        <v>32747</v>
      </c>
      <c r="B31259" s="6"/>
      <c r="C31259" s="6" t="s">
        <v>32230</v>
      </c>
      <c r="D31259" s="6"/>
      <c r="E31259" s="6" t="s">
        <v>9</v>
      </c>
      <c r="F31259" s="7">
        <v>43256</v>
      </c>
      <c r="G31259" s="8">
        <v>99360</v>
      </c>
      <c r="H31259" s="8">
        <v>79488</v>
      </c>
      <c r="I31259" s="8">
        <v>29808</v>
      </c>
      <c r="J31259" s="8">
        <v>69552</v>
      </c>
      <c r="K31259" s="9"/>
      <c r="L31259" s="6"/>
    </row>
    <row r="31260" spans="1:12">
      <c r="A31260" s="6" t="s">
        <v>32748</v>
      </c>
      <c r="B31260" s="6"/>
      <c r="C31260" s="6" t="s">
        <v>32230</v>
      </c>
      <c r="D31260" s="6"/>
      <c r="E31260" s="6" t="s">
        <v>9</v>
      </c>
      <c r="F31260" s="7">
        <v>43276</v>
      </c>
      <c r="G31260" s="8">
        <v>96876</v>
      </c>
      <c r="H31260" s="8">
        <v>77502</v>
      </c>
      <c r="I31260" s="8">
        <v>29061</v>
      </c>
      <c r="J31260" s="8">
        <v>67815</v>
      </c>
      <c r="K31260" s="9"/>
      <c r="L31260" s="6"/>
    </row>
    <row r="31261" spans="1:12">
      <c r="A31261" s="6" t="s">
        <v>32749</v>
      </c>
      <c r="B31261" s="6"/>
      <c r="C31261" s="6" t="s">
        <v>32230</v>
      </c>
      <c r="D31261" s="6"/>
      <c r="E31261" s="6" t="s">
        <v>9</v>
      </c>
      <c r="F31261" s="7">
        <v>43322</v>
      </c>
      <c r="G31261" s="8">
        <v>2376000</v>
      </c>
      <c r="H31261" s="8">
        <v>1900800</v>
      </c>
      <c r="I31261" s="8">
        <v>712800</v>
      </c>
      <c r="J31261" s="8">
        <v>1663200</v>
      </c>
      <c r="K31261" s="9"/>
      <c r="L31261" s="6"/>
    </row>
    <row r="31262" spans="1:12">
      <c r="A31262" s="6" t="s">
        <v>32750</v>
      </c>
      <c r="B31262" s="6"/>
      <c r="C31262" s="6" t="s">
        <v>32230</v>
      </c>
      <c r="D31262" s="6"/>
      <c r="E31262" s="6" t="s">
        <v>9</v>
      </c>
      <c r="F31262" s="7">
        <v>43332</v>
      </c>
      <c r="G31262" s="8">
        <v>99360</v>
      </c>
      <c r="H31262" s="8">
        <v>79488</v>
      </c>
      <c r="I31262" s="8">
        <v>29808</v>
      </c>
      <c r="J31262" s="8">
        <v>69552</v>
      </c>
      <c r="K31262" s="9"/>
      <c r="L31262" s="6"/>
    </row>
    <row r="31263" spans="1:12">
      <c r="A31263" s="6" t="s">
        <v>32751</v>
      </c>
      <c r="B31263" s="6"/>
      <c r="C31263" s="6" t="s">
        <v>32230</v>
      </c>
      <c r="D31263" s="6"/>
      <c r="E31263" s="6" t="s">
        <v>9</v>
      </c>
      <c r="F31263" s="7">
        <v>43339</v>
      </c>
      <c r="G31263" s="8">
        <v>1360800</v>
      </c>
      <c r="H31263" s="8">
        <v>1088640</v>
      </c>
      <c r="I31263" s="8">
        <v>408240</v>
      </c>
      <c r="J31263" s="8">
        <v>952560</v>
      </c>
      <c r="K31263" s="9"/>
      <c r="L31263" s="6"/>
    </row>
    <row r="31264" spans="1:12">
      <c r="A31264" s="6" t="s">
        <v>32752</v>
      </c>
      <c r="B31264" s="6"/>
      <c r="C31264" s="6" t="s">
        <v>32230</v>
      </c>
      <c r="D31264" s="6"/>
      <c r="E31264" s="6" t="s">
        <v>9</v>
      </c>
      <c r="F31264" s="7">
        <v>43363</v>
      </c>
      <c r="G31264" s="8">
        <v>62640</v>
      </c>
      <c r="H31264" s="8">
        <v>50112</v>
      </c>
      <c r="I31264" s="8">
        <v>18792</v>
      </c>
      <c r="J31264" s="8">
        <v>43848</v>
      </c>
      <c r="K31264" s="9"/>
      <c r="L31264" s="6"/>
    </row>
    <row r="31265" spans="1:12">
      <c r="A31265" s="6" t="s">
        <v>32753</v>
      </c>
      <c r="B31265" s="6"/>
      <c r="C31265" s="6" t="s">
        <v>32230</v>
      </c>
      <c r="D31265" s="6"/>
      <c r="E31265" s="6" t="s">
        <v>9</v>
      </c>
      <c r="F31265" s="7">
        <v>43378</v>
      </c>
      <c r="G31265" s="8">
        <v>507600</v>
      </c>
      <c r="H31265" s="8">
        <v>406080</v>
      </c>
      <c r="I31265" s="8">
        <v>152280</v>
      </c>
      <c r="J31265" s="8">
        <v>355320</v>
      </c>
      <c r="K31265" s="9"/>
      <c r="L31265" s="6"/>
    </row>
    <row r="31266" spans="1:12">
      <c r="A31266" s="6" t="s">
        <v>32754</v>
      </c>
      <c r="B31266" s="6"/>
      <c r="C31266" s="6" t="s">
        <v>32230</v>
      </c>
      <c r="D31266" s="6"/>
      <c r="E31266" s="6" t="s">
        <v>9</v>
      </c>
      <c r="F31266" s="7">
        <v>43398</v>
      </c>
      <c r="G31266" s="8">
        <v>240840</v>
      </c>
      <c r="H31266" s="8">
        <v>192672</v>
      </c>
      <c r="I31266" s="8">
        <v>72252</v>
      </c>
      <c r="J31266" s="8">
        <v>168588</v>
      </c>
      <c r="K31266" s="9"/>
      <c r="L31266" s="6"/>
    </row>
    <row r="31267" spans="1:12">
      <c r="A31267" s="6" t="s">
        <v>32755</v>
      </c>
      <c r="B31267" s="6"/>
      <c r="C31267" s="6" t="s">
        <v>32230</v>
      </c>
      <c r="D31267" s="6"/>
      <c r="E31267" s="6" t="s">
        <v>9</v>
      </c>
      <c r="F31267" s="7">
        <v>42030</v>
      </c>
      <c r="G31267" s="8">
        <v>837000</v>
      </c>
      <c r="H31267" s="8">
        <v>334800</v>
      </c>
      <c r="I31267" s="8">
        <v>585900</v>
      </c>
      <c r="J31267" s="8">
        <v>251100</v>
      </c>
      <c r="K31267" s="9"/>
      <c r="L31267" s="6"/>
    </row>
    <row r="31268" spans="1:12">
      <c r="A31268" s="6" t="s">
        <v>32756</v>
      </c>
      <c r="B31268" s="6"/>
      <c r="C31268" s="6" t="s">
        <v>32230</v>
      </c>
      <c r="D31268" s="6"/>
      <c r="E31268" s="6" t="s">
        <v>9</v>
      </c>
      <c r="F31268" s="7">
        <v>42030</v>
      </c>
      <c r="G31268" s="8">
        <v>999000</v>
      </c>
      <c r="H31268" s="8">
        <v>399600</v>
      </c>
      <c r="I31268" s="8">
        <v>699300</v>
      </c>
      <c r="J31268" s="8">
        <v>299700</v>
      </c>
      <c r="K31268" s="9"/>
      <c r="L31268" s="6"/>
    </row>
    <row r="31269" spans="1:12">
      <c r="A31269" s="6" t="s">
        <v>32757</v>
      </c>
      <c r="B31269" s="6"/>
      <c r="C31269" s="6" t="s">
        <v>32230</v>
      </c>
      <c r="D31269" s="6"/>
      <c r="E31269" s="6" t="s">
        <v>9</v>
      </c>
      <c r="F31269" s="7">
        <v>40311</v>
      </c>
      <c r="G31269" s="8">
        <v>955500</v>
      </c>
      <c r="H31269" s="8">
        <v>1</v>
      </c>
      <c r="I31269" s="8">
        <v>955499</v>
      </c>
      <c r="J31269" s="8">
        <v>1</v>
      </c>
      <c r="K31269" s="9"/>
      <c r="L31269" s="6"/>
    </row>
    <row r="31270" spans="1:12">
      <c r="A31270" s="6" t="s">
        <v>32737</v>
      </c>
      <c r="B31270" s="6"/>
      <c r="C31270" s="6" t="s">
        <v>32230</v>
      </c>
      <c r="D31270" s="6"/>
      <c r="E31270" s="6" t="s">
        <v>9</v>
      </c>
      <c r="F31270" s="7">
        <v>41878</v>
      </c>
      <c r="G31270" s="8">
        <v>689040</v>
      </c>
      <c r="H31270" s="8">
        <v>275616</v>
      </c>
      <c r="I31270" s="8">
        <v>482328</v>
      </c>
      <c r="J31270" s="8">
        <v>206712</v>
      </c>
      <c r="K31270" s="9"/>
      <c r="L31270" s="6"/>
    </row>
    <row r="31271" spans="1:12">
      <c r="A31271" s="6" t="s">
        <v>32758</v>
      </c>
      <c r="B31271" s="6"/>
      <c r="C31271" s="6" t="s">
        <v>32230</v>
      </c>
      <c r="D31271" s="6"/>
      <c r="E31271" s="6" t="s">
        <v>9</v>
      </c>
      <c r="F31271" s="7">
        <v>40219</v>
      </c>
      <c r="G31271" s="8">
        <v>5827500</v>
      </c>
      <c r="H31271" s="8">
        <v>4224943</v>
      </c>
      <c r="I31271" s="8">
        <v>1748244</v>
      </c>
      <c r="J31271" s="8">
        <v>4079256</v>
      </c>
      <c r="K31271" s="9"/>
      <c r="L31271" s="6"/>
    </row>
    <row r="31272" spans="1:12">
      <c r="A31272" s="6" t="s">
        <v>32759</v>
      </c>
      <c r="B31272" s="6"/>
      <c r="C31272" s="6" t="s">
        <v>32230</v>
      </c>
      <c r="D31272" s="6"/>
      <c r="E31272" s="6" t="s">
        <v>9</v>
      </c>
      <c r="F31272" s="7">
        <v>40627</v>
      </c>
      <c r="G31272" s="8">
        <v>997500</v>
      </c>
      <c r="H31272" s="8">
        <v>748130</v>
      </c>
      <c r="I31272" s="8">
        <v>274307</v>
      </c>
      <c r="J31272" s="8">
        <v>723193</v>
      </c>
      <c r="K31272" s="9"/>
      <c r="L31272" s="6"/>
    </row>
    <row r="31273" spans="1:12">
      <c r="A31273" s="6" t="s">
        <v>32760</v>
      </c>
      <c r="B31273" s="6"/>
      <c r="C31273" s="6" t="s">
        <v>32230</v>
      </c>
      <c r="D31273" s="6"/>
      <c r="E31273" s="6" t="s">
        <v>9</v>
      </c>
      <c r="F31273" s="7">
        <v>41340</v>
      </c>
      <c r="G31273" s="8">
        <v>2919000</v>
      </c>
      <c r="H31273" s="8">
        <v>1984920</v>
      </c>
      <c r="I31273" s="8">
        <v>1050840</v>
      </c>
      <c r="J31273" s="8">
        <v>1868160</v>
      </c>
      <c r="K31273" s="9"/>
      <c r="L31273" s="6"/>
    </row>
    <row r="31274" spans="1:12">
      <c r="A31274" s="6" t="s">
        <v>32760</v>
      </c>
      <c r="B31274" s="6"/>
      <c r="C31274" s="6" t="s">
        <v>32230</v>
      </c>
      <c r="D31274" s="6"/>
      <c r="E31274" s="6" t="s">
        <v>9</v>
      </c>
      <c r="F31274" s="7">
        <v>41460</v>
      </c>
      <c r="G31274" s="8">
        <v>2341500</v>
      </c>
      <c r="H31274" s="8">
        <v>1685880</v>
      </c>
      <c r="I31274" s="8">
        <v>749280</v>
      </c>
      <c r="J31274" s="8">
        <v>1592220</v>
      </c>
      <c r="K31274" s="9"/>
      <c r="L31274" s="6"/>
    </row>
    <row r="31275" spans="1:12">
      <c r="A31275" s="6" t="s">
        <v>32760</v>
      </c>
      <c r="B31275" s="6"/>
      <c r="C31275" s="6" t="s">
        <v>32230</v>
      </c>
      <c r="D31275" s="6"/>
      <c r="E31275" s="6" t="s">
        <v>9</v>
      </c>
      <c r="F31275" s="7">
        <v>41862</v>
      </c>
      <c r="G31275" s="8">
        <v>2268000</v>
      </c>
      <c r="H31275" s="8">
        <v>1723680</v>
      </c>
      <c r="I31275" s="8">
        <v>635040</v>
      </c>
      <c r="J31275" s="8">
        <v>1632960</v>
      </c>
      <c r="K31275" s="9"/>
      <c r="L31275" s="6"/>
    </row>
    <row r="31276" spans="1:12">
      <c r="A31276" s="6" t="s">
        <v>32761</v>
      </c>
      <c r="B31276" s="6"/>
      <c r="C31276" s="6" t="s">
        <v>32230</v>
      </c>
      <c r="D31276" s="6"/>
      <c r="E31276" s="6" t="s">
        <v>9</v>
      </c>
      <c r="F31276" s="7">
        <v>42807</v>
      </c>
      <c r="G31276" s="8">
        <v>4622400</v>
      </c>
      <c r="H31276" s="8">
        <v>3993756</v>
      </c>
      <c r="I31276" s="8">
        <v>785805</v>
      </c>
      <c r="J31276" s="8">
        <v>3836595</v>
      </c>
      <c r="K31276" s="9"/>
      <c r="L31276" s="6"/>
    </row>
    <row r="31277" spans="1:12">
      <c r="A31277" s="6" t="s">
        <v>32762</v>
      </c>
      <c r="B31277" s="6"/>
      <c r="C31277" s="6" t="s">
        <v>32230</v>
      </c>
      <c r="D31277" s="6"/>
      <c r="E31277" s="6" t="s">
        <v>25121</v>
      </c>
      <c r="F31277" s="7">
        <v>39391</v>
      </c>
      <c r="G31277" s="8">
        <v>714000</v>
      </c>
      <c r="H31277" s="8">
        <v>249900</v>
      </c>
      <c r="I31277" s="8">
        <v>499800</v>
      </c>
      <c r="J31277" s="8">
        <v>214200</v>
      </c>
      <c r="K31277" s="9"/>
      <c r="L31277" s="6"/>
    </row>
    <row r="31278" spans="1:12">
      <c r="A31278" s="6" t="s">
        <v>32763</v>
      </c>
      <c r="B31278" s="6"/>
      <c r="C31278" s="6" t="s">
        <v>32230</v>
      </c>
      <c r="D31278" s="6"/>
      <c r="E31278" s="6" t="s">
        <v>25121</v>
      </c>
      <c r="F31278" s="7">
        <v>42807</v>
      </c>
      <c r="G31278" s="8">
        <v>381240</v>
      </c>
      <c r="H31278" s="8">
        <v>304992</v>
      </c>
      <c r="I31278" s="8">
        <v>95310</v>
      </c>
      <c r="J31278" s="8">
        <v>285930</v>
      </c>
      <c r="K31278" s="9"/>
      <c r="L31278" s="6"/>
    </row>
    <row r="31279" spans="1:12">
      <c r="A31279" s="6" t="s">
        <v>32764</v>
      </c>
      <c r="B31279" s="6"/>
      <c r="C31279" s="6" t="s">
        <v>32230</v>
      </c>
      <c r="D31279" s="6"/>
      <c r="E31279" s="6" t="s">
        <v>25121</v>
      </c>
      <c r="F31279" s="7">
        <v>43190</v>
      </c>
      <c r="G31279" s="8">
        <v>380160</v>
      </c>
      <c r="H31279" s="8">
        <v>323136</v>
      </c>
      <c r="I31279" s="8">
        <v>76032</v>
      </c>
      <c r="J31279" s="8">
        <v>304128</v>
      </c>
      <c r="K31279" s="9"/>
      <c r="L31279" s="6"/>
    </row>
    <row r="31280" spans="1:12">
      <c r="A31280" s="6" t="s">
        <v>32765</v>
      </c>
      <c r="B31280" s="6"/>
      <c r="C31280" s="6" t="s">
        <v>32230</v>
      </c>
      <c r="D31280" s="6"/>
      <c r="E31280" s="6" t="s">
        <v>25121</v>
      </c>
      <c r="F31280" s="7">
        <v>43555</v>
      </c>
      <c r="G31280" s="8">
        <v>334800</v>
      </c>
      <c r="H31280" s="8">
        <v>301320</v>
      </c>
      <c r="I31280" s="8">
        <v>50220</v>
      </c>
      <c r="J31280" s="8">
        <v>284580</v>
      </c>
      <c r="K31280" s="9"/>
      <c r="L31280" s="6"/>
    </row>
    <row r="31281" spans="1:12">
      <c r="A31281" s="6" t="s">
        <v>32766</v>
      </c>
      <c r="B31281" s="6"/>
      <c r="C31281" s="6" t="s">
        <v>32230</v>
      </c>
      <c r="D31281" s="6"/>
      <c r="E31281" s="6" t="s">
        <v>25121</v>
      </c>
      <c r="F31281" s="7">
        <v>44286</v>
      </c>
      <c r="G31281" s="8">
        <v>311300</v>
      </c>
      <c r="H31281" s="8">
        <v>311300</v>
      </c>
      <c r="I31281" s="8">
        <v>15565</v>
      </c>
      <c r="J31281" s="8">
        <v>295735</v>
      </c>
      <c r="K31281" s="9"/>
      <c r="L31281" s="6"/>
    </row>
    <row r="31282" spans="1:12">
      <c r="A31282" s="6" t="s">
        <v>32767</v>
      </c>
      <c r="B31282" s="6"/>
      <c r="C31282" s="6" t="s">
        <v>32230</v>
      </c>
      <c r="D31282" s="6"/>
      <c r="E31282" s="6" t="s">
        <v>25121</v>
      </c>
      <c r="F31282" s="7">
        <v>39832</v>
      </c>
      <c r="G31282" s="8">
        <v>871500</v>
      </c>
      <c r="H31282" s="8">
        <v>348600</v>
      </c>
      <c r="I31282" s="8">
        <v>566475</v>
      </c>
      <c r="J31282" s="8">
        <v>305025</v>
      </c>
      <c r="K31282" s="9"/>
      <c r="L31282" s="6"/>
    </row>
    <row r="31283" spans="1:12">
      <c r="A31283" s="6" t="s">
        <v>32768</v>
      </c>
      <c r="B31283" s="6"/>
      <c r="C31283" s="6" t="s">
        <v>32230</v>
      </c>
      <c r="D31283" s="6"/>
      <c r="E31283" s="6" t="s">
        <v>25121</v>
      </c>
      <c r="F31283" s="7">
        <v>40162</v>
      </c>
      <c r="G31283" s="8">
        <v>766500</v>
      </c>
      <c r="H31283" s="8">
        <v>344925</v>
      </c>
      <c r="I31283" s="8">
        <v>459900</v>
      </c>
      <c r="J31283" s="8">
        <v>306600</v>
      </c>
      <c r="K31283" s="9"/>
      <c r="L31283" s="6"/>
    </row>
    <row r="31284" spans="1:12">
      <c r="A31284" s="6" t="s">
        <v>32769</v>
      </c>
      <c r="B31284" s="6"/>
      <c r="C31284" s="6" t="s">
        <v>32230</v>
      </c>
      <c r="D31284" s="6"/>
      <c r="E31284" s="6" t="s">
        <v>25121</v>
      </c>
      <c r="F31284" s="7">
        <v>40602</v>
      </c>
      <c r="G31284" s="8">
        <v>693000</v>
      </c>
      <c r="H31284" s="8">
        <v>346500</v>
      </c>
      <c r="I31284" s="8">
        <v>381150</v>
      </c>
      <c r="J31284" s="8">
        <v>311850</v>
      </c>
      <c r="K31284" s="9"/>
      <c r="L31284" s="6"/>
    </row>
    <row r="31285" spans="1:12">
      <c r="A31285" s="6" t="s">
        <v>32770</v>
      </c>
      <c r="B31285" s="6"/>
      <c r="C31285" s="6" t="s">
        <v>32230</v>
      </c>
      <c r="D31285" s="6"/>
      <c r="E31285" s="6" t="s">
        <v>25121</v>
      </c>
      <c r="F31285" s="7">
        <v>40953</v>
      </c>
      <c r="G31285" s="8">
        <v>493500</v>
      </c>
      <c r="H31285" s="8">
        <v>271425</v>
      </c>
      <c r="I31285" s="8">
        <v>246750</v>
      </c>
      <c r="J31285" s="8">
        <v>246750</v>
      </c>
      <c r="K31285" s="9"/>
      <c r="L31285" s="6"/>
    </row>
    <row r="31286" spans="1:12">
      <c r="A31286" s="6" t="s">
        <v>32771</v>
      </c>
      <c r="B31286" s="6"/>
      <c r="C31286" s="6" t="s">
        <v>32230</v>
      </c>
      <c r="D31286" s="6"/>
      <c r="E31286" s="6" t="s">
        <v>25121</v>
      </c>
      <c r="F31286" s="7">
        <v>41339</v>
      </c>
      <c r="G31286" s="8">
        <v>493500</v>
      </c>
      <c r="H31286" s="8">
        <v>296100</v>
      </c>
      <c r="I31286" s="8">
        <v>222075</v>
      </c>
      <c r="J31286" s="8">
        <v>271425</v>
      </c>
      <c r="K31286" s="9"/>
      <c r="L31286" s="6"/>
    </row>
    <row r="31287" spans="1:12">
      <c r="A31287" s="6" t="s">
        <v>32772</v>
      </c>
      <c r="B31287" s="6"/>
      <c r="C31287" s="6" t="s">
        <v>32230</v>
      </c>
      <c r="D31287" s="6"/>
      <c r="E31287" s="6" t="s">
        <v>25121</v>
      </c>
      <c r="F31287" s="7">
        <v>41715</v>
      </c>
      <c r="G31287" s="8">
        <v>498750</v>
      </c>
      <c r="H31287" s="8">
        <v>324191</v>
      </c>
      <c r="I31287" s="8">
        <v>199496</v>
      </c>
      <c r="J31287" s="8">
        <v>299254</v>
      </c>
      <c r="K31287" s="9"/>
      <c r="L31287" s="6"/>
    </row>
    <row r="31288" spans="1:12">
      <c r="A31288" s="6" t="s">
        <v>32773</v>
      </c>
      <c r="B31288" s="6"/>
      <c r="C31288" s="6" t="s">
        <v>32230</v>
      </c>
      <c r="D31288" s="6"/>
      <c r="E31288" s="6" t="s">
        <v>25121</v>
      </c>
      <c r="F31288" s="7">
        <v>42047</v>
      </c>
      <c r="G31288" s="8">
        <v>486000</v>
      </c>
      <c r="H31288" s="8">
        <v>340200</v>
      </c>
      <c r="I31288" s="8">
        <v>170100</v>
      </c>
      <c r="J31288" s="8">
        <v>315900</v>
      </c>
      <c r="K31288" s="9"/>
      <c r="L31288" s="6"/>
    </row>
    <row r="31289" spans="1:12">
      <c r="A31289" s="6" t="s">
        <v>32774</v>
      </c>
      <c r="B31289" s="6"/>
      <c r="C31289" s="6" t="s">
        <v>32230</v>
      </c>
      <c r="D31289" s="6"/>
      <c r="E31289" s="6" t="s">
        <v>25121</v>
      </c>
      <c r="F31289" s="7">
        <v>42400</v>
      </c>
      <c r="G31289" s="8">
        <v>410400</v>
      </c>
      <c r="H31289" s="8">
        <v>307800</v>
      </c>
      <c r="I31289" s="8">
        <v>123120</v>
      </c>
      <c r="J31289" s="8">
        <v>287280</v>
      </c>
      <c r="K31289" s="9"/>
      <c r="L31289" s="6"/>
    </row>
    <row r="31290" spans="1:12">
      <c r="A31290" s="6" t="s">
        <v>32775</v>
      </c>
      <c r="B31290" s="6"/>
      <c r="C31290" s="6" t="s">
        <v>32230</v>
      </c>
      <c r="D31290" s="6"/>
      <c r="E31290" s="6" t="s">
        <v>9</v>
      </c>
      <c r="F31290" s="7">
        <v>40994</v>
      </c>
      <c r="G31290" s="8">
        <v>1160250</v>
      </c>
      <c r="H31290" s="8">
        <v>899196</v>
      </c>
      <c r="I31290" s="8">
        <v>290060</v>
      </c>
      <c r="J31290" s="8">
        <v>870190</v>
      </c>
      <c r="K31290" s="9"/>
      <c r="L31290" s="6"/>
    </row>
    <row r="31291" spans="1:12">
      <c r="A31291" s="6" t="s">
        <v>32776</v>
      </c>
      <c r="B31291" s="6"/>
      <c r="C31291" s="6" t="s">
        <v>32230</v>
      </c>
      <c r="D31291" s="6"/>
      <c r="E31291" s="6" t="s">
        <v>9</v>
      </c>
      <c r="F31291" s="7">
        <v>40896</v>
      </c>
      <c r="G31291" s="8">
        <v>21000000</v>
      </c>
      <c r="H31291" s="8">
        <v>16275000</v>
      </c>
      <c r="I31291" s="8">
        <v>5250000</v>
      </c>
      <c r="J31291" s="8">
        <v>15750000</v>
      </c>
      <c r="K31291" s="9"/>
      <c r="L31291" s="6"/>
    </row>
    <row r="31292" spans="1:12">
      <c r="A31292" s="6" t="s">
        <v>32777</v>
      </c>
      <c r="B31292" s="6"/>
      <c r="C31292" s="6" t="s">
        <v>32230</v>
      </c>
      <c r="D31292" s="6"/>
      <c r="E31292" s="6" t="s">
        <v>9</v>
      </c>
      <c r="F31292" s="7">
        <v>40085</v>
      </c>
      <c r="G31292" s="8">
        <v>3328500</v>
      </c>
      <c r="H31292" s="8">
        <v>2413168</v>
      </c>
      <c r="I31292" s="8">
        <v>998544</v>
      </c>
      <c r="J31292" s="8">
        <v>2329956</v>
      </c>
      <c r="K31292" s="9"/>
      <c r="L31292" s="6"/>
    </row>
    <row r="31293" spans="1:12">
      <c r="A31293" s="6" t="s">
        <v>32778</v>
      </c>
      <c r="B31293" s="6"/>
      <c r="C31293" s="6" t="s">
        <v>32230</v>
      </c>
      <c r="D31293" s="6"/>
      <c r="E31293" s="6" t="s">
        <v>9</v>
      </c>
      <c r="F31293" s="7">
        <v>40001</v>
      </c>
      <c r="G31293" s="8">
        <v>17613750</v>
      </c>
      <c r="H31293" s="8">
        <v>12769977</v>
      </c>
      <c r="I31293" s="8">
        <v>5284116</v>
      </c>
      <c r="J31293" s="8">
        <v>12329634</v>
      </c>
      <c r="K31293" s="9"/>
      <c r="L31293" s="6"/>
    </row>
    <row r="31294" spans="1:12">
      <c r="A31294" s="6" t="s">
        <v>32779</v>
      </c>
      <c r="B31294" s="6"/>
      <c r="C31294" s="6" t="s">
        <v>32230</v>
      </c>
      <c r="D31294" s="6"/>
      <c r="E31294" s="6" t="s">
        <v>9</v>
      </c>
      <c r="F31294" s="7">
        <v>40001</v>
      </c>
      <c r="G31294" s="8">
        <v>9436350</v>
      </c>
      <c r="H31294" s="8">
        <v>6841362</v>
      </c>
      <c r="I31294" s="8">
        <v>2830896</v>
      </c>
      <c r="J31294" s="8">
        <v>6605454</v>
      </c>
      <c r="K31294" s="9"/>
      <c r="L31294" s="6"/>
    </row>
    <row r="31295" spans="1:12">
      <c r="A31295" s="6" t="s">
        <v>32780</v>
      </c>
      <c r="B31295" s="6"/>
      <c r="C31295" s="6" t="s">
        <v>32230</v>
      </c>
      <c r="D31295" s="6"/>
      <c r="E31295" s="6" t="s">
        <v>9</v>
      </c>
      <c r="F31295" s="7">
        <v>39969</v>
      </c>
      <c r="G31295" s="8">
        <v>3885000</v>
      </c>
      <c r="H31295" s="8">
        <v>2816625</v>
      </c>
      <c r="I31295" s="8">
        <v>1165500</v>
      </c>
      <c r="J31295" s="8">
        <v>2719500</v>
      </c>
      <c r="K31295" s="9"/>
      <c r="L31295" s="6"/>
    </row>
    <row r="31296" spans="1:12">
      <c r="A31296" s="6" t="s">
        <v>32781</v>
      </c>
      <c r="B31296" s="6"/>
      <c r="C31296" s="6" t="s">
        <v>32230</v>
      </c>
      <c r="D31296" s="6"/>
      <c r="E31296" s="6" t="s">
        <v>9</v>
      </c>
      <c r="F31296" s="7">
        <v>39986</v>
      </c>
      <c r="G31296" s="8">
        <v>2787750</v>
      </c>
      <c r="H31296" s="8">
        <v>2021127</v>
      </c>
      <c r="I31296" s="8">
        <v>836316</v>
      </c>
      <c r="J31296" s="8">
        <v>1951434</v>
      </c>
      <c r="K31296" s="9"/>
      <c r="L31296" s="6"/>
    </row>
    <row r="31297" spans="1:12">
      <c r="A31297" s="6" t="s">
        <v>32782</v>
      </c>
      <c r="B31297" s="6"/>
      <c r="C31297" s="6" t="s">
        <v>32230</v>
      </c>
      <c r="D31297" s="6"/>
      <c r="E31297" s="6" t="s">
        <v>9</v>
      </c>
      <c r="F31297" s="7">
        <v>40899</v>
      </c>
      <c r="G31297" s="8">
        <v>147000</v>
      </c>
      <c r="H31297" s="8">
        <v>113925</v>
      </c>
      <c r="I31297" s="8">
        <v>36750</v>
      </c>
      <c r="J31297" s="8">
        <v>110250</v>
      </c>
      <c r="K31297" s="9"/>
      <c r="L31297" s="6"/>
    </row>
    <row r="31298" spans="1:12">
      <c r="A31298" s="6" t="s">
        <v>32783</v>
      </c>
      <c r="B31298" s="6"/>
      <c r="C31298" s="6" t="s">
        <v>32230</v>
      </c>
      <c r="D31298" s="6"/>
      <c r="E31298" s="6" t="s">
        <v>9</v>
      </c>
      <c r="F31298" s="7">
        <v>39659</v>
      </c>
      <c r="G31298" s="8">
        <v>455700</v>
      </c>
      <c r="H31298" s="8">
        <v>1</v>
      </c>
      <c r="I31298" s="8">
        <v>455699</v>
      </c>
      <c r="J31298" s="8">
        <v>1</v>
      </c>
      <c r="K31298" s="9"/>
      <c r="L31298" s="6"/>
    </row>
    <row r="31299" spans="1:12">
      <c r="A31299" s="6" t="s">
        <v>32784</v>
      </c>
      <c r="B31299" s="6"/>
      <c r="C31299" s="6" t="s">
        <v>32230</v>
      </c>
      <c r="D31299" s="6"/>
      <c r="E31299" s="6" t="s">
        <v>9</v>
      </c>
      <c r="F31299" s="7">
        <v>40247</v>
      </c>
      <c r="G31299" s="8">
        <v>13707750</v>
      </c>
      <c r="H31299" s="8">
        <v>5263776</v>
      </c>
      <c r="I31299" s="8">
        <v>9211608</v>
      </c>
      <c r="J31299" s="8">
        <v>4496142</v>
      </c>
      <c r="K31299" s="9"/>
      <c r="L31299" s="6"/>
    </row>
    <row r="31300" spans="1:12">
      <c r="A31300" s="6" t="s">
        <v>32785</v>
      </c>
      <c r="B31300" s="6"/>
      <c r="C31300" s="6" t="s">
        <v>32230</v>
      </c>
      <c r="D31300" s="6"/>
      <c r="E31300" s="6" t="s">
        <v>9</v>
      </c>
      <c r="F31300" s="7">
        <v>40169</v>
      </c>
      <c r="G31300" s="8">
        <v>11655000</v>
      </c>
      <c r="H31300" s="8">
        <v>4475520</v>
      </c>
      <c r="I31300" s="8">
        <v>7832160</v>
      </c>
      <c r="J31300" s="8">
        <v>3822840</v>
      </c>
      <c r="K31300" s="9"/>
      <c r="L31300" s="6"/>
    </row>
    <row r="31301" spans="1:12">
      <c r="A31301" s="6" t="s">
        <v>32786</v>
      </c>
      <c r="B31301" s="6"/>
      <c r="C31301" s="6" t="s">
        <v>32230</v>
      </c>
      <c r="D31301" s="6"/>
      <c r="E31301" s="6" t="s">
        <v>9</v>
      </c>
      <c r="F31301" s="7">
        <v>40169</v>
      </c>
      <c r="G31301" s="8">
        <v>7297500</v>
      </c>
      <c r="H31301" s="8">
        <v>2802240</v>
      </c>
      <c r="I31301" s="8">
        <v>4903920</v>
      </c>
      <c r="J31301" s="8">
        <v>2393580</v>
      </c>
      <c r="K31301" s="9"/>
      <c r="L31301" s="6"/>
    </row>
    <row r="31302" spans="1:12">
      <c r="A31302" s="6" t="s">
        <v>32787</v>
      </c>
      <c r="B31302" s="6"/>
      <c r="C31302" s="6" t="s">
        <v>32230</v>
      </c>
      <c r="D31302" s="6"/>
      <c r="E31302" s="6" t="s">
        <v>9</v>
      </c>
      <c r="F31302" s="7">
        <v>42580</v>
      </c>
      <c r="G31302" s="8">
        <v>1080000</v>
      </c>
      <c r="H31302" s="8">
        <v>838080</v>
      </c>
      <c r="I31302" s="8">
        <v>302400</v>
      </c>
      <c r="J31302" s="8">
        <v>777600</v>
      </c>
      <c r="K31302" s="9"/>
      <c r="L31302" s="6"/>
    </row>
    <row r="31303" spans="1:12">
      <c r="A31303" s="6" t="s">
        <v>32788</v>
      </c>
      <c r="B31303" s="6"/>
      <c r="C31303" s="6" t="s">
        <v>32230</v>
      </c>
      <c r="D31303" s="6"/>
      <c r="E31303" s="6" t="s">
        <v>9</v>
      </c>
      <c r="F31303" s="7">
        <v>42794</v>
      </c>
      <c r="G31303" s="8">
        <v>669600</v>
      </c>
      <c r="H31303" s="8">
        <v>519612</v>
      </c>
      <c r="I31303" s="8">
        <v>187485</v>
      </c>
      <c r="J31303" s="8">
        <v>482115</v>
      </c>
      <c r="K31303" s="9"/>
      <c r="L31303" s="6"/>
    </row>
    <row r="31304" spans="1:12">
      <c r="A31304" s="6" t="s">
        <v>32789</v>
      </c>
      <c r="B31304" s="6"/>
      <c r="C31304" s="6" t="s">
        <v>32230</v>
      </c>
      <c r="D31304" s="6"/>
      <c r="E31304" s="6" t="s">
        <v>9</v>
      </c>
      <c r="F31304" s="7">
        <v>43179</v>
      </c>
      <c r="G31304" s="8">
        <v>1296000</v>
      </c>
      <c r="H31304" s="8">
        <v>1078272</v>
      </c>
      <c r="I31304" s="8">
        <v>290304</v>
      </c>
      <c r="J31304" s="8">
        <v>1005696</v>
      </c>
      <c r="K31304" s="9"/>
      <c r="L31304" s="6"/>
    </row>
    <row r="31305" spans="1:12">
      <c r="A31305" s="6" t="s">
        <v>32790</v>
      </c>
      <c r="B31305" s="6"/>
      <c r="C31305" s="6" t="s">
        <v>32230</v>
      </c>
      <c r="D31305" s="6"/>
      <c r="E31305" s="6" t="s">
        <v>9</v>
      </c>
      <c r="F31305" s="7">
        <v>43179</v>
      </c>
      <c r="G31305" s="8">
        <v>1296000</v>
      </c>
      <c r="H31305" s="8">
        <v>1078272</v>
      </c>
      <c r="I31305" s="8">
        <v>290304</v>
      </c>
      <c r="J31305" s="8">
        <v>1005696</v>
      </c>
      <c r="K31305" s="9"/>
      <c r="L31305" s="6"/>
    </row>
    <row r="31306" spans="1:12">
      <c r="A31306" s="6" t="s">
        <v>32791</v>
      </c>
      <c r="B31306" s="6"/>
      <c r="C31306" s="6" t="s">
        <v>32230</v>
      </c>
      <c r="D31306" s="6"/>
      <c r="E31306" s="6" t="s">
        <v>9</v>
      </c>
      <c r="F31306" s="7">
        <v>43179</v>
      </c>
      <c r="G31306" s="8">
        <v>35067600</v>
      </c>
      <c r="H31306" s="8">
        <v>29176245</v>
      </c>
      <c r="I31306" s="8">
        <v>7855140</v>
      </c>
      <c r="J31306" s="8">
        <v>27212460</v>
      </c>
      <c r="K31306" s="9"/>
      <c r="L31306" s="6"/>
    </row>
    <row r="31307" spans="1:12">
      <c r="A31307" s="6" t="s">
        <v>32792</v>
      </c>
      <c r="B31307" s="6"/>
      <c r="C31307" s="6" t="s">
        <v>32230</v>
      </c>
      <c r="D31307" s="6"/>
      <c r="E31307" s="6" t="s">
        <v>9</v>
      </c>
      <c r="F31307" s="7">
        <v>42736</v>
      </c>
      <c r="G31307" s="8">
        <v>12907668</v>
      </c>
      <c r="H31307" s="8">
        <v>9448416</v>
      </c>
      <c r="I31307" s="8">
        <v>4324065</v>
      </c>
      <c r="J31307" s="8">
        <v>8583603</v>
      </c>
      <c r="K31307" s="9"/>
      <c r="L31307" s="6"/>
    </row>
    <row r="31308" spans="1:12">
      <c r="A31308" s="6" t="s">
        <v>32793</v>
      </c>
      <c r="B31308" s="6"/>
      <c r="C31308" s="6" t="s">
        <v>32230</v>
      </c>
      <c r="D31308" s="6"/>
      <c r="E31308" s="6" t="s">
        <v>9</v>
      </c>
      <c r="F31308" s="7">
        <v>41478</v>
      </c>
      <c r="G31308" s="8">
        <v>169050</v>
      </c>
      <c r="H31308" s="8">
        <v>109886</v>
      </c>
      <c r="I31308" s="8">
        <v>67616</v>
      </c>
      <c r="J31308" s="8">
        <v>101434</v>
      </c>
      <c r="K31308" s="9"/>
      <c r="L31308" s="6"/>
    </row>
    <row r="31309" spans="1:12">
      <c r="A31309" s="6" t="s">
        <v>32794</v>
      </c>
      <c r="B31309" s="6"/>
      <c r="C31309" s="6" t="s">
        <v>32230</v>
      </c>
      <c r="D31309" s="6"/>
      <c r="E31309" s="6" t="s">
        <v>9</v>
      </c>
      <c r="F31309" s="7">
        <v>41605</v>
      </c>
      <c r="G31309" s="8">
        <v>1081500</v>
      </c>
      <c r="H31309" s="8">
        <v>702975</v>
      </c>
      <c r="I31309" s="8">
        <v>432600</v>
      </c>
      <c r="J31309" s="8">
        <v>648900</v>
      </c>
      <c r="K31309" s="9"/>
      <c r="L31309" s="6"/>
    </row>
    <row r="31310" spans="1:12">
      <c r="A31310" s="6" t="s">
        <v>32795</v>
      </c>
      <c r="B31310" s="6"/>
      <c r="C31310" s="6" t="s">
        <v>32230</v>
      </c>
      <c r="D31310" s="6"/>
      <c r="E31310" s="6" t="s">
        <v>9</v>
      </c>
      <c r="F31310" s="7">
        <v>40998</v>
      </c>
      <c r="G31310" s="8">
        <v>682500</v>
      </c>
      <c r="H31310" s="8">
        <v>68250</v>
      </c>
      <c r="I31310" s="8">
        <v>682499</v>
      </c>
      <c r="J31310" s="8">
        <v>1</v>
      </c>
      <c r="K31310" s="9"/>
      <c r="L31310" s="6"/>
    </row>
    <row r="31311" spans="1:12">
      <c r="A31311" s="6" t="s">
        <v>32796</v>
      </c>
      <c r="B31311" s="6"/>
      <c r="C31311" s="6" t="s">
        <v>32230</v>
      </c>
      <c r="D31311" s="6"/>
      <c r="E31311" s="6" t="s">
        <v>9</v>
      </c>
      <c r="F31311" s="7">
        <v>41193</v>
      </c>
      <c r="G31311" s="8">
        <v>5168100</v>
      </c>
      <c r="H31311" s="8">
        <v>3514308</v>
      </c>
      <c r="I31311" s="8">
        <v>1860516</v>
      </c>
      <c r="J31311" s="8">
        <v>3307584</v>
      </c>
      <c r="K31311" s="9"/>
      <c r="L31311" s="6"/>
    </row>
    <row r="31312" spans="1:12">
      <c r="A31312" s="6" t="s">
        <v>32797</v>
      </c>
      <c r="B31312" s="6"/>
      <c r="C31312" s="6" t="s">
        <v>32230</v>
      </c>
      <c r="D31312" s="6"/>
      <c r="E31312" s="6" t="s">
        <v>9</v>
      </c>
      <c r="F31312" s="7">
        <v>41226</v>
      </c>
      <c r="G31312" s="8">
        <v>42240450</v>
      </c>
      <c r="H31312" s="8">
        <v>8448090</v>
      </c>
      <c r="I31312" s="8">
        <v>38016405</v>
      </c>
      <c r="J31312" s="8">
        <v>4224045</v>
      </c>
      <c r="K31312" s="9"/>
      <c r="L31312" s="6"/>
    </row>
    <row r="31313" spans="1:12">
      <c r="A31313" s="6" t="s">
        <v>32798</v>
      </c>
      <c r="B31313" s="6"/>
      <c r="C31313" s="6" t="s">
        <v>32230</v>
      </c>
      <c r="D31313" s="6"/>
      <c r="E31313" s="6" t="s">
        <v>9</v>
      </c>
      <c r="F31313" s="7">
        <v>41352</v>
      </c>
      <c r="G31313" s="8">
        <v>2256450</v>
      </c>
      <c r="H31313" s="8">
        <v>451290</v>
      </c>
      <c r="I31313" s="8">
        <v>2030805</v>
      </c>
      <c r="J31313" s="8">
        <v>225645</v>
      </c>
      <c r="K31313" s="9"/>
      <c r="L31313" s="6"/>
    </row>
    <row r="31314" spans="1:12">
      <c r="A31314" s="6" t="s">
        <v>32799</v>
      </c>
      <c r="B31314" s="6"/>
      <c r="C31314" s="6" t="s">
        <v>32230</v>
      </c>
      <c r="D31314" s="6"/>
      <c r="E31314" s="6" t="s">
        <v>27843</v>
      </c>
      <c r="F31314" s="7">
        <v>42592</v>
      </c>
      <c r="G31314" s="8">
        <v>16051800</v>
      </c>
      <c r="H31314" s="8">
        <v>6870172</v>
      </c>
      <c r="I31314" s="8">
        <v>11477035</v>
      </c>
      <c r="J31314" s="8">
        <v>4574765</v>
      </c>
      <c r="K31314" s="9"/>
      <c r="L31314" s="6"/>
    </row>
    <row r="31315" spans="1:12">
      <c r="A31315" s="6" t="s">
        <v>32800</v>
      </c>
      <c r="B31315" s="6"/>
      <c r="C31315" s="6" t="s">
        <v>32230</v>
      </c>
      <c r="D31315" s="6"/>
      <c r="E31315" s="6" t="s">
        <v>27843</v>
      </c>
      <c r="F31315" s="7">
        <v>42720</v>
      </c>
      <c r="G31315" s="8">
        <v>16570440</v>
      </c>
      <c r="H31315" s="8">
        <v>7092152</v>
      </c>
      <c r="I31315" s="8">
        <v>11847860</v>
      </c>
      <c r="J31315" s="8">
        <v>4722580</v>
      </c>
      <c r="K31315" s="9"/>
      <c r="L31315" s="6"/>
    </row>
    <row r="31316" spans="1:12">
      <c r="A31316" s="6" t="s">
        <v>32799</v>
      </c>
      <c r="B31316" s="6"/>
      <c r="C31316" s="6" t="s">
        <v>32230</v>
      </c>
      <c r="D31316" s="6"/>
      <c r="E31316" s="6" t="s">
        <v>27843</v>
      </c>
      <c r="F31316" s="7">
        <v>42720</v>
      </c>
      <c r="G31316" s="8">
        <v>10800000</v>
      </c>
      <c r="H31316" s="8">
        <v>4622400</v>
      </c>
      <c r="I31316" s="8">
        <v>7721999</v>
      </c>
      <c r="J31316" s="8">
        <v>3078001</v>
      </c>
      <c r="K31316" s="9"/>
      <c r="L31316" s="6"/>
    </row>
    <row r="31317" spans="1:12">
      <c r="A31317" s="6" t="s">
        <v>32801</v>
      </c>
      <c r="B31317" s="6"/>
      <c r="C31317" s="6" t="s">
        <v>32230</v>
      </c>
      <c r="D31317" s="6"/>
      <c r="E31317" s="6" t="s">
        <v>27843</v>
      </c>
      <c r="F31317" s="7">
        <v>42657</v>
      </c>
      <c r="G31317" s="8">
        <v>734400</v>
      </c>
      <c r="H31317" s="8">
        <v>314324</v>
      </c>
      <c r="I31317" s="8">
        <v>525095</v>
      </c>
      <c r="J31317" s="8">
        <v>209305</v>
      </c>
      <c r="K31317" s="9"/>
      <c r="L31317" s="6"/>
    </row>
    <row r="31318" spans="1:12">
      <c r="A31318" s="6" t="s">
        <v>32802</v>
      </c>
      <c r="B31318" s="6"/>
      <c r="C31318" s="6" t="s">
        <v>32230</v>
      </c>
      <c r="D31318" s="6"/>
      <c r="E31318" s="6" t="s">
        <v>27843</v>
      </c>
      <c r="F31318" s="7">
        <v>42657</v>
      </c>
      <c r="G31318" s="8">
        <v>345600</v>
      </c>
      <c r="H31318" s="8">
        <v>147920</v>
      </c>
      <c r="I31318" s="8">
        <v>247100</v>
      </c>
      <c r="J31318" s="8">
        <v>98500</v>
      </c>
      <c r="K31318" s="9"/>
      <c r="L31318" s="6"/>
    </row>
    <row r="31319" spans="1:12">
      <c r="A31319" s="6" t="s">
        <v>32803</v>
      </c>
      <c r="B31319" s="6"/>
      <c r="C31319" s="6" t="s">
        <v>32230</v>
      </c>
      <c r="D31319" s="6"/>
      <c r="E31319" s="6" t="s">
        <v>27843</v>
      </c>
      <c r="F31319" s="7">
        <v>42720</v>
      </c>
      <c r="G31319" s="8">
        <v>5199120</v>
      </c>
      <c r="H31319" s="8">
        <v>2225224</v>
      </c>
      <c r="I31319" s="8">
        <v>3717370</v>
      </c>
      <c r="J31319" s="8">
        <v>1481750</v>
      </c>
      <c r="K31319" s="9"/>
      <c r="L31319" s="6"/>
    </row>
    <row r="31320" spans="1:12">
      <c r="A31320" s="6" t="s">
        <v>32804</v>
      </c>
      <c r="B31320" s="6"/>
      <c r="C31320" s="6" t="s">
        <v>32230</v>
      </c>
      <c r="D31320" s="6"/>
      <c r="E31320" s="6" t="s">
        <v>9</v>
      </c>
      <c r="F31320" s="7">
        <v>42460</v>
      </c>
      <c r="G31320" s="8">
        <v>1749600</v>
      </c>
      <c r="H31320" s="8">
        <v>1574640</v>
      </c>
      <c r="I31320" s="8">
        <v>209952</v>
      </c>
      <c r="J31320" s="8">
        <v>1539648</v>
      </c>
      <c r="K31320" s="9"/>
      <c r="L31320" s="6"/>
    </row>
    <row r="31321" spans="1:12">
      <c r="A31321" s="6" t="s">
        <v>32805</v>
      </c>
      <c r="B31321" s="6"/>
      <c r="C31321" s="6" t="s">
        <v>32230</v>
      </c>
      <c r="D31321" s="6"/>
      <c r="E31321" s="6" t="s">
        <v>9</v>
      </c>
      <c r="F31321" s="7">
        <v>42247</v>
      </c>
      <c r="G31321" s="8">
        <v>1131840</v>
      </c>
      <c r="H31321" s="8">
        <v>1018660</v>
      </c>
      <c r="I31321" s="8">
        <v>135816</v>
      </c>
      <c r="J31321" s="8">
        <v>996024</v>
      </c>
      <c r="K31321" s="9"/>
      <c r="L31321" s="6"/>
    </row>
    <row r="31322" spans="1:12">
      <c r="A31322" s="6" t="s">
        <v>32806</v>
      </c>
      <c r="B31322" s="6"/>
      <c r="C31322" s="6" t="s">
        <v>32230</v>
      </c>
      <c r="D31322" s="6"/>
      <c r="E31322" s="6" t="s">
        <v>9</v>
      </c>
      <c r="F31322" s="7">
        <v>42786</v>
      </c>
      <c r="G31322" s="8">
        <v>734400</v>
      </c>
      <c r="H31322" s="8">
        <v>440640</v>
      </c>
      <c r="I31322" s="8">
        <v>367200</v>
      </c>
      <c r="J31322" s="8">
        <v>367200</v>
      </c>
      <c r="K31322" s="9"/>
      <c r="L31322" s="6"/>
    </row>
    <row r="31323" spans="1:12">
      <c r="A31323" s="6" t="s">
        <v>32807</v>
      </c>
      <c r="B31323" s="6"/>
      <c r="C31323" s="6" t="s">
        <v>32230</v>
      </c>
      <c r="D31323" s="6"/>
      <c r="E31323" s="6" t="s">
        <v>9</v>
      </c>
      <c r="F31323" s="7">
        <v>42824</v>
      </c>
      <c r="G31323" s="8">
        <v>658800</v>
      </c>
      <c r="H31323" s="8">
        <v>395280</v>
      </c>
      <c r="I31323" s="8">
        <v>329400</v>
      </c>
      <c r="J31323" s="8">
        <v>329400</v>
      </c>
      <c r="K31323" s="9"/>
      <c r="L31323" s="6"/>
    </row>
    <row r="31324" spans="1:12">
      <c r="A31324" s="6" t="s">
        <v>32808</v>
      </c>
      <c r="B31324" s="6"/>
      <c r="C31324" s="6" t="s">
        <v>32230</v>
      </c>
      <c r="D31324" s="6"/>
      <c r="E31324" s="6" t="s">
        <v>9</v>
      </c>
      <c r="F31324" s="7">
        <v>43921</v>
      </c>
      <c r="G31324" s="8">
        <v>526900</v>
      </c>
      <c r="H31324" s="8">
        <v>474210</v>
      </c>
      <c r="I31324" s="8">
        <v>105380</v>
      </c>
      <c r="J31324" s="8">
        <v>421520</v>
      </c>
      <c r="K31324" s="9"/>
      <c r="L31324" s="6"/>
    </row>
    <row r="31325" spans="1:12">
      <c r="A31325" s="6" t="s">
        <v>32809</v>
      </c>
      <c r="B31325" s="6"/>
      <c r="C31325" s="6" t="s">
        <v>32230</v>
      </c>
      <c r="D31325" s="6"/>
      <c r="E31325" s="6" t="s">
        <v>9</v>
      </c>
      <c r="F31325" s="7">
        <v>42592</v>
      </c>
      <c r="G31325" s="8">
        <v>1432080</v>
      </c>
      <c r="H31325" s="8">
        <v>1317516</v>
      </c>
      <c r="I31325" s="8">
        <v>143205</v>
      </c>
      <c r="J31325" s="8">
        <v>1288875</v>
      </c>
      <c r="K31325" s="9"/>
      <c r="L31325" s="6"/>
    </row>
    <row r="31326" spans="1:12">
      <c r="A31326" s="6" t="s">
        <v>32810</v>
      </c>
      <c r="B31326" s="6"/>
      <c r="C31326" s="6" t="s">
        <v>32230</v>
      </c>
      <c r="D31326" s="6"/>
      <c r="E31326" s="6" t="s">
        <v>9</v>
      </c>
      <c r="F31326" s="7">
        <v>43144</v>
      </c>
      <c r="G31326" s="8">
        <v>1296000</v>
      </c>
      <c r="H31326" s="8">
        <v>1035504</v>
      </c>
      <c r="I31326" s="8">
        <v>347328</v>
      </c>
      <c r="J31326" s="8">
        <v>948672</v>
      </c>
      <c r="K31326" s="9"/>
      <c r="L31326" s="6"/>
    </row>
    <row r="31327" spans="1:12">
      <c r="A31327" s="6" t="s">
        <v>32810</v>
      </c>
      <c r="B31327" s="6"/>
      <c r="C31327" s="6" t="s">
        <v>32230</v>
      </c>
      <c r="D31327" s="6"/>
      <c r="E31327" s="6" t="s">
        <v>9</v>
      </c>
      <c r="F31327" s="7">
        <v>43368</v>
      </c>
      <c r="G31327" s="8">
        <v>939600</v>
      </c>
      <c r="H31327" s="8">
        <v>813694</v>
      </c>
      <c r="I31327" s="8">
        <v>188859</v>
      </c>
      <c r="J31327" s="8">
        <v>750741</v>
      </c>
      <c r="K31327" s="9"/>
      <c r="L31327" s="6"/>
    </row>
    <row r="31328" spans="1:12">
      <c r="A31328" s="6" t="s">
        <v>32811</v>
      </c>
      <c r="B31328" s="6"/>
      <c r="C31328" s="6" t="s">
        <v>32230</v>
      </c>
      <c r="D31328" s="6"/>
      <c r="E31328" s="6" t="s">
        <v>9</v>
      </c>
      <c r="F31328" s="7">
        <v>43728</v>
      </c>
      <c r="G31328" s="8">
        <v>928800</v>
      </c>
      <c r="H31328" s="8">
        <v>866571</v>
      </c>
      <c r="I31328" s="8">
        <v>124458</v>
      </c>
      <c r="J31328" s="8">
        <v>804342</v>
      </c>
      <c r="K31328" s="9"/>
      <c r="L31328" s="6"/>
    </row>
    <row r="31329" spans="1:12">
      <c r="A31329" s="6" t="s">
        <v>32811</v>
      </c>
      <c r="B31329" s="6"/>
      <c r="C31329" s="6" t="s">
        <v>32230</v>
      </c>
      <c r="D31329" s="6"/>
      <c r="E31329" s="6" t="s">
        <v>9</v>
      </c>
      <c r="F31329" s="7">
        <v>44116</v>
      </c>
      <c r="G31329" s="8">
        <v>489500</v>
      </c>
      <c r="H31329" s="8">
        <v>489500</v>
      </c>
      <c r="I31329" s="8">
        <v>32796</v>
      </c>
      <c r="J31329" s="8">
        <v>456704</v>
      </c>
      <c r="K31329" s="9"/>
      <c r="L31329" s="6"/>
    </row>
    <row r="31330" spans="1:12">
      <c r="A31330" s="6" t="s">
        <v>32812</v>
      </c>
      <c r="B31330" s="6"/>
      <c r="C31330" s="6" t="s">
        <v>32230</v>
      </c>
      <c r="D31330" s="6"/>
      <c r="E31330" s="6" t="s">
        <v>9</v>
      </c>
      <c r="F31330" s="7">
        <v>42713</v>
      </c>
      <c r="G31330" s="8">
        <v>13271040</v>
      </c>
      <c r="H31330" s="8">
        <v>10616832</v>
      </c>
      <c r="I31330" s="8">
        <v>3317760</v>
      </c>
      <c r="J31330" s="8">
        <v>9953280</v>
      </c>
      <c r="K31330" s="9"/>
      <c r="L31330" s="6"/>
    </row>
    <row r="31331" spans="1:12">
      <c r="A31331" s="6" t="s">
        <v>32813</v>
      </c>
      <c r="B31331" s="6"/>
      <c r="C31331" s="6" t="s">
        <v>32230</v>
      </c>
      <c r="D31331" s="6"/>
      <c r="E31331" s="6" t="s">
        <v>9</v>
      </c>
      <c r="F31331" s="7">
        <v>42815</v>
      </c>
      <c r="G31331" s="8">
        <v>2517480</v>
      </c>
      <c r="H31331" s="8">
        <v>2013984</v>
      </c>
      <c r="I31331" s="8">
        <v>629370</v>
      </c>
      <c r="J31331" s="8">
        <v>1888110</v>
      </c>
      <c r="K31331" s="9"/>
      <c r="L31331" s="6"/>
    </row>
    <row r="31332" spans="1:12">
      <c r="A31332" s="6" t="s">
        <v>32814</v>
      </c>
      <c r="B31332" s="6"/>
      <c r="C31332" s="6" t="s">
        <v>32230</v>
      </c>
      <c r="D31332" s="6"/>
      <c r="E31332" s="6" t="s">
        <v>9</v>
      </c>
      <c r="F31332" s="7">
        <v>42815</v>
      </c>
      <c r="G31332" s="8">
        <v>3694680</v>
      </c>
      <c r="H31332" s="8">
        <v>2955744</v>
      </c>
      <c r="I31332" s="8">
        <v>923670</v>
      </c>
      <c r="J31332" s="8">
        <v>2771010</v>
      </c>
      <c r="K31332" s="9"/>
      <c r="L31332" s="6"/>
    </row>
    <row r="31333" spans="1:12">
      <c r="A31333" s="6" t="s">
        <v>32815</v>
      </c>
      <c r="B31333" s="6"/>
      <c r="C31333" s="6" t="s">
        <v>32230</v>
      </c>
      <c r="D31333" s="6"/>
      <c r="E31333" s="6" t="s">
        <v>9</v>
      </c>
      <c r="F31333" s="7">
        <v>42639</v>
      </c>
      <c r="G31333" s="8">
        <v>51848123</v>
      </c>
      <c r="H31333" s="8">
        <v>39611967</v>
      </c>
      <c r="I31333" s="8">
        <v>15295195</v>
      </c>
      <c r="J31333" s="8">
        <v>36552928</v>
      </c>
      <c r="K31333" s="9"/>
      <c r="L31333" s="6"/>
    </row>
    <row r="31334" spans="1:12">
      <c r="A31334" s="6" t="s">
        <v>32816</v>
      </c>
      <c r="B31334" s="6"/>
      <c r="C31334" s="6" t="s">
        <v>32230</v>
      </c>
      <c r="D31334" s="6"/>
      <c r="E31334" s="6" t="s">
        <v>9</v>
      </c>
      <c r="F31334" s="7">
        <v>42639</v>
      </c>
      <c r="G31334" s="8">
        <v>10381905</v>
      </c>
      <c r="H31334" s="8">
        <v>7931777</v>
      </c>
      <c r="I31334" s="8">
        <v>3062660</v>
      </c>
      <c r="J31334" s="8">
        <v>7319245</v>
      </c>
      <c r="K31334" s="9"/>
      <c r="L31334" s="6"/>
    </row>
    <row r="31335" spans="1:12">
      <c r="A31335" s="6" t="s">
        <v>32817</v>
      </c>
      <c r="B31335" s="6"/>
      <c r="C31335" s="6" t="s">
        <v>32230</v>
      </c>
      <c r="D31335" s="6"/>
      <c r="E31335" s="6" t="s">
        <v>9</v>
      </c>
      <c r="F31335" s="7">
        <v>42639</v>
      </c>
      <c r="G31335" s="8">
        <v>1597216</v>
      </c>
      <c r="H31335" s="8">
        <v>1220276</v>
      </c>
      <c r="I31335" s="8">
        <v>471175</v>
      </c>
      <c r="J31335" s="8">
        <v>1126041</v>
      </c>
      <c r="K31335" s="9"/>
      <c r="L31335" s="6"/>
    </row>
    <row r="31336" spans="1:12">
      <c r="A31336" s="6" t="s">
        <v>32818</v>
      </c>
      <c r="B31336" s="6"/>
      <c r="C31336" s="6" t="s">
        <v>32230</v>
      </c>
      <c r="D31336" s="6"/>
      <c r="E31336" s="6" t="s">
        <v>9</v>
      </c>
      <c r="F31336" s="7">
        <v>44160</v>
      </c>
      <c r="G31336" s="8">
        <v>24395400</v>
      </c>
      <c r="H31336" s="8">
        <v>24395400</v>
      </c>
      <c r="I31336" s="8">
        <v>829443</v>
      </c>
      <c r="J31336" s="8">
        <v>23565957</v>
      </c>
      <c r="K31336" s="9"/>
      <c r="L31336" s="6"/>
    </row>
    <row r="31337" spans="1:12">
      <c r="A31337" s="6" t="s">
        <v>32819</v>
      </c>
      <c r="B31337" s="6"/>
      <c r="C31337" s="6" t="s">
        <v>32230</v>
      </c>
      <c r="D31337" s="6"/>
      <c r="E31337" s="6" t="s">
        <v>9</v>
      </c>
      <c r="F31337" s="7">
        <v>42794</v>
      </c>
      <c r="G31337" s="8">
        <v>5400000</v>
      </c>
      <c r="H31337" s="8">
        <v>4860000</v>
      </c>
      <c r="I31337" s="8">
        <v>675000</v>
      </c>
      <c r="J31337" s="8">
        <v>4725000</v>
      </c>
      <c r="K31337" s="9"/>
      <c r="L31337" s="6"/>
    </row>
    <row r="31338" spans="1:12">
      <c r="A31338" s="6" t="s">
        <v>32820</v>
      </c>
      <c r="B31338" s="6"/>
      <c r="C31338" s="6" t="s">
        <v>32230</v>
      </c>
      <c r="D31338" s="6"/>
      <c r="E31338" s="6" t="s">
        <v>9</v>
      </c>
      <c r="F31338" s="7">
        <v>43555</v>
      </c>
      <c r="G31338" s="8">
        <v>21944520</v>
      </c>
      <c r="H31338" s="8">
        <v>20847294</v>
      </c>
      <c r="I31338" s="8">
        <v>1645839</v>
      </c>
      <c r="J31338" s="8">
        <v>20298681</v>
      </c>
      <c r="K31338" s="9"/>
      <c r="L31338" s="6"/>
    </row>
    <row r="31339" spans="1:12">
      <c r="A31339" s="6" t="s">
        <v>32821</v>
      </c>
      <c r="B31339" s="6"/>
      <c r="C31339" s="6" t="s">
        <v>32230</v>
      </c>
      <c r="D31339" s="6"/>
      <c r="E31339" s="6" t="s">
        <v>9</v>
      </c>
      <c r="F31339" s="7">
        <v>43621</v>
      </c>
      <c r="G31339" s="8">
        <v>1987200</v>
      </c>
      <c r="H31339" s="8">
        <v>1937520</v>
      </c>
      <c r="I31339" s="8">
        <v>99360</v>
      </c>
      <c r="J31339" s="8">
        <v>1887840</v>
      </c>
      <c r="K31339" s="9"/>
      <c r="L31339" s="6"/>
    </row>
    <row r="31340" spans="1:12">
      <c r="A31340" s="6" t="s">
        <v>32822</v>
      </c>
      <c r="B31340" s="6"/>
      <c r="C31340" s="6" t="s">
        <v>32230</v>
      </c>
      <c r="D31340" s="6"/>
      <c r="E31340" s="6" t="s">
        <v>9</v>
      </c>
      <c r="F31340" s="7">
        <v>43886</v>
      </c>
      <c r="G31340" s="8">
        <v>269500</v>
      </c>
      <c r="H31340" s="8">
        <v>262763</v>
      </c>
      <c r="I31340" s="8">
        <v>13474</v>
      </c>
      <c r="J31340" s="8">
        <v>256026</v>
      </c>
      <c r="K31340" s="9"/>
      <c r="L31340" s="6"/>
    </row>
    <row r="31341" spans="1:12">
      <c r="A31341" s="6" t="s">
        <v>32823</v>
      </c>
      <c r="B31341" s="6"/>
      <c r="C31341" s="6" t="s">
        <v>32230</v>
      </c>
      <c r="D31341" s="6"/>
      <c r="E31341" s="6" t="s">
        <v>9</v>
      </c>
      <c r="F31341" s="7">
        <v>43921</v>
      </c>
      <c r="G31341" s="8">
        <v>198000</v>
      </c>
      <c r="H31341" s="8">
        <v>193050</v>
      </c>
      <c r="I31341" s="8">
        <v>9900</v>
      </c>
      <c r="J31341" s="8">
        <v>188100</v>
      </c>
      <c r="K31341" s="9"/>
      <c r="L31341" s="6"/>
    </row>
    <row r="31342" spans="1:12">
      <c r="A31342" s="6" t="s">
        <v>32824</v>
      </c>
      <c r="B31342" s="6"/>
      <c r="C31342" s="6" t="s">
        <v>32230</v>
      </c>
      <c r="D31342" s="6"/>
      <c r="E31342" s="6" t="s">
        <v>9</v>
      </c>
      <c r="F31342" s="7">
        <v>43227</v>
      </c>
      <c r="G31342" s="8">
        <v>311040</v>
      </c>
      <c r="H31342" s="8">
        <v>279936</v>
      </c>
      <c r="I31342" s="8">
        <v>46656</v>
      </c>
      <c r="J31342" s="8">
        <v>264384</v>
      </c>
      <c r="K31342" s="9"/>
      <c r="L31342" s="6"/>
    </row>
    <row r="31343" spans="1:12">
      <c r="A31343" s="6" t="s">
        <v>32825</v>
      </c>
      <c r="B31343" s="6"/>
      <c r="C31343" s="6" t="s">
        <v>32230</v>
      </c>
      <c r="D31343" s="6"/>
      <c r="E31343" s="6" t="s">
        <v>9</v>
      </c>
      <c r="F31343" s="7">
        <v>43251</v>
      </c>
      <c r="G31343" s="8">
        <v>80805649</v>
      </c>
      <c r="H31343" s="8">
        <v>64644521</v>
      </c>
      <c r="I31343" s="8">
        <v>24241692</v>
      </c>
      <c r="J31343" s="8">
        <v>56563957</v>
      </c>
      <c r="K31343" s="9"/>
      <c r="L31343" s="6"/>
    </row>
    <row r="31344" spans="1:12">
      <c r="A31344" s="6" t="s">
        <v>32826</v>
      </c>
      <c r="B31344" s="6"/>
      <c r="C31344" s="6" t="s">
        <v>32230</v>
      </c>
      <c r="D31344" s="6"/>
      <c r="E31344" s="6" t="s">
        <v>9</v>
      </c>
      <c r="F31344" s="7">
        <v>39534</v>
      </c>
      <c r="G31344" s="8">
        <v>1260000</v>
      </c>
      <c r="H31344" s="8">
        <v>1</v>
      </c>
      <c r="I31344" s="8">
        <v>1259999</v>
      </c>
      <c r="J31344" s="8">
        <v>1</v>
      </c>
      <c r="K31344" s="9"/>
      <c r="L31344" s="6"/>
    </row>
    <row r="31345" spans="1:12">
      <c r="A31345" s="6" t="s">
        <v>32234</v>
      </c>
      <c r="B31345" s="6"/>
      <c r="C31345" s="6" t="s">
        <v>32230</v>
      </c>
      <c r="D31345" s="6"/>
      <c r="E31345" s="6" t="s">
        <v>9</v>
      </c>
      <c r="F31345" s="7">
        <v>44286</v>
      </c>
      <c r="G31345" s="8">
        <v>402610</v>
      </c>
      <c r="H31345" s="8">
        <v>402610</v>
      </c>
      <c r="I31345" s="8">
        <v>23753</v>
      </c>
      <c r="J31345" s="8">
        <v>378857</v>
      </c>
      <c r="K31345" s="9"/>
      <c r="L31345" s="6"/>
    </row>
    <row r="31346" spans="1:12">
      <c r="A31346" s="6" t="s">
        <v>32827</v>
      </c>
      <c r="B31346" s="6"/>
      <c r="C31346" s="6"/>
      <c r="D31346" s="6"/>
      <c r="E31346" s="6"/>
      <c r="F31346" s="7"/>
      <c r="G31346" s="8">
        <v>1150000</v>
      </c>
      <c r="H31346" s="8">
        <v>0</v>
      </c>
      <c r="I31346" s="8">
        <v>0</v>
      </c>
      <c r="J31346" s="8">
        <v>1150000</v>
      </c>
      <c r="K31346" s="9"/>
      <c r="L31346" s="6"/>
    </row>
    <row r="31347" spans="1:12">
      <c r="A31347" s="6" t="s">
        <v>32828</v>
      </c>
      <c r="B31347" s="6"/>
      <c r="C31347" s="6"/>
      <c r="D31347" s="6"/>
      <c r="E31347" s="6"/>
      <c r="F31347" s="7"/>
      <c r="G31347" s="8">
        <v>3412000</v>
      </c>
      <c r="H31347" s="8">
        <v>0</v>
      </c>
      <c r="I31347" s="8">
        <v>0</v>
      </c>
      <c r="J31347" s="8">
        <v>3412000</v>
      </c>
      <c r="K31347" s="9"/>
      <c r="L31347" s="6"/>
    </row>
    <row r="31348" spans="1:12">
      <c r="A31348" s="6" t="s">
        <v>32829</v>
      </c>
      <c r="B31348" s="6"/>
      <c r="C31348" s="6"/>
      <c r="D31348" s="6"/>
      <c r="E31348" s="6"/>
      <c r="F31348" s="7"/>
      <c r="G31348" s="8">
        <v>35530000</v>
      </c>
      <c r="H31348" s="8">
        <v>0</v>
      </c>
      <c r="I31348" s="8">
        <v>0</v>
      </c>
      <c r="J31348" s="8">
        <v>35530000</v>
      </c>
      <c r="K31348" s="9"/>
      <c r="L31348" s="6"/>
    </row>
    <row r="31349" spans="1:12">
      <c r="A31349" s="6" t="s">
        <v>32830</v>
      </c>
      <c r="B31349" s="6"/>
      <c r="C31349" s="6"/>
      <c r="D31349" s="6"/>
      <c r="E31349" s="6"/>
      <c r="F31349" s="7"/>
      <c r="G31349" s="8">
        <v>2173600</v>
      </c>
      <c r="H31349" s="8">
        <v>0</v>
      </c>
      <c r="I31349" s="8">
        <v>0</v>
      </c>
      <c r="J31349" s="8">
        <v>2173600</v>
      </c>
      <c r="K31349" s="9"/>
      <c r="L31349" s="6"/>
    </row>
    <row r="31350" spans="1:12">
      <c r="A31350" s="6" t="s">
        <v>32831</v>
      </c>
      <c r="B31350" s="6"/>
      <c r="C31350" s="6"/>
      <c r="D31350" s="6"/>
      <c r="E31350" s="6"/>
      <c r="F31350" s="7"/>
      <c r="G31350" s="8">
        <v>2250000</v>
      </c>
      <c r="H31350" s="8">
        <v>0</v>
      </c>
      <c r="I31350" s="8">
        <v>0</v>
      </c>
      <c r="J31350" s="8">
        <v>2250000</v>
      </c>
      <c r="K31350" s="9"/>
      <c r="L31350" s="6"/>
    </row>
    <row r="31351" spans="1:12">
      <c r="A31351" s="6" t="s">
        <v>32832</v>
      </c>
      <c r="B31351" s="6"/>
      <c r="C31351" s="6"/>
      <c r="D31351" s="6"/>
      <c r="E31351" s="6"/>
      <c r="F31351" s="7"/>
      <c r="G31351" s="8">
        <v>3382000</v>
      </c>
      <c r="H31351" s="8">
        <v>0</v>
      </c>
      <c r="I31351" s="8">
        <v>0</v>
      </c>
      <c r="J31351" s="8">
        <v>3382000</v>
      </c>
      <c r="K31351" s="9"/>
      <c r="L31351" s="6"/>
    </row>
    <row r="31352" spans="1:12">
      <c r="A31352" s="6" t="s">
        <v>32833</v>
      </c>
      <c r="B31352" s="6"/>
      <c r="C31352" s="6"/>
      <c r="D31352" s="6"/>
      <c r="E31352" s="6"/>
      <c r="F31352" s="7"/>
      <c r="G31352" s="8">
        <v>5100000</v>
      </c>
      <c r="H31352" s="8">
        <v>0</v>
      </c>
      <c r="I31352" s="8">
        <v>0</v>
      </c>
      <c r="J31352" s="8">
        <v>5100000</v>
      </c>
      <c r="K31352" s="9"/>
      <c r="L31352" s="6"/>
    </row>
    <row r="31353" spans="1:12">
      <c r="A31353" s="6" t="s">
        <v>32834</v>
      </c>
      <c r="B31353" s="6"/>
      <c r="C31353" s="6"/>
      <c r="D31353" s="6"/>
      <c r="E31353" s="6"/>
      <c r="F31353" s="7"/>
      <c r="G31353" s="8">
        <v>748000</v>
      </c>
      <c r="H31353" s="8">
        <v>0</v>
      </c>
      <c r="I31353" s="8">
        <v>0</v>
      </c>
      <c r="J31353" s="8">
        <v>748000</v>
      </c>
      <c r="K31353" s="9"/>
      <c r="L31353" s="6"/>
    </row>
    <row r="31354" spans="1:12">
      <c r="A31354" s="6" t="s">
        <v>32835</v>
      </c>
      <c r="B31354" s="6"/>
      <c r="C31354" s="6"/>
      <c r="D31354" s="6"/>
      <c r="E31354" s="6"/>
      <c r="F31354" s="7"/>
      <c r="G31354" s="8">
        <v>7660000</v>
      </c>
      <c r="H31354" s="8">
        <v>0</v>
      </c>
      <c r="I31354" s="8">
        <v>0</v>
      </c>
      <c r="J31354" s="8">
        <v>7660000</v>
      </c>
      <c r="K31354" s="9"/>
      <c r="L31354" s="6"/>
    </row>
    <row r="31355" spans="1:12">
      <c r="A31355" s="6" t="s">
        <v>32836</v>
      </c>
      <c r="B31355" s="6"/>
      <c r="C31355" s="6"/>
      <c r="D31355" s="6"/>
      <c r="E31355" s="6"/>
      <c r="F31355" s="7"/>
      <c r="G31355" s="8">
        <v>685040</v>
      </c>
      <c r="H31355" s="8">
        <v>0</v>
      </c>
      <c r="I31355" s="8">
        <v>0</v>
      </c>
      <c r="J31355" s="8">
        <v>685040</v>
      </c>
      <c r="K31355" s="9"/>
      <c r="L31355" s="6"/>
    </row>
    <row r="31356" spans="1:12">
      <c r="A31356" s="6" t="s">
        <v>32837</v>
      </c>
      <c r="B31356" s="6"/>
      <c r="C31356" s="6"/>
      <c r="D31356" s="6"/>
      <c r="E31356" s="6"/>
      <c r="F31356" s="7"/>
      <c r="G31356" s="8">
        <v>638000</v>
      </c>
      <c r="H31356" s="8">
        <v>0</v>
      </c>
      <c r="I31356" s="8">
        <v>0</v>
      </c>
      <c r="J31356" s="8">
        <v>638000</v>
      </c>
      <c r="K31356" s="9"/>
      <c r="L31356" s="6"/>
    </row>
    <row r="31357" spans="1:12">
      <c r="A31357" s="6" t="s">
        <v>32838</v>
      </c>
      <c r="B31357" s="6"/>
      <c r="C31357" s="6"/>
      <c r="D31357" s="6"/>
      <c r="E31357" s="6"/>
      <c r="F31357" s="7"/>
      <c r="G31357" s="8">
        <v>1782000</v>
      </c>
      <c r="H31357" s="8">
        <v>0</v>
      </c>
      <c r="I31357" s="8">
        <v>0</v>
      </c>
      <c r="J31357" s="8">
        <v>1782000</v>
      </c>
      <c r="K31357" s="9"/>
      <c r="L31357" s="6"/>
    </row>
    <row r="31358" spans="1:12">
      <c r="A31358" s="6" t="s">
        <v>32828</v>
      </c>
      <c r="B31358" s="6"/>
      <c r="C31358" s="6"/>
      <c r="D31358" s="6"/>
      <c r="E31358" s="6"/>
      <c r="F31358" s="7"/>
      <c r="G31358" s="8">
        <v>23489600</v>
      </c>
      <c r="H31358" s="8">
        <v>0</v>
      </c>
      <c r="I31358" s="8">
        <v>0</v>
      </c>
      <c r="J31358" s="8">
        <v>23489600</v>
      </c>
      <c r="K31358" s="9"/>
      <c r="L31358" s="6"/>
    </row>
    <row r="31359" spans="1:12">
      <c r="A31359" s="6" t="s">
        <v>32839</v>
      </c>
      <c r="B31359" s="6"/>
      <c r="C31359" s="6"/>
      <c r="D31359" s="6"/>
      <c r="E31359" s="6"/>
      <c r="F31359" s="7"/>
      <c r="G31359" s="8">
        <v>1260000</v>
      </c>
      <c r="H31359" s="8">
        <v>0</v>
      </c>
      <c r="I31359" s="8">
        <v>0</v>
      </c>
      <c r="J31359" s="8">
        <v>1260000</v>
      </c>
      <c r="K31359" s="9"/>
      <c r="L31359" s="6"/>
    </row>
    <row r="31360" spans="1:12">
      <c r="A31360" s="6" t="s">
        <v>32840</v>
      </c>
      <c r="B31360" s="6"/>
      <c r="C31360" s="6"/>
      <c r="D31360" s="6"/>
      <c r="E31360" s="6"/>
      <c r="F31360" s="7"/>
      <c r="G31360" s="8">
        <v>3840000</v>
      </c>
      <c r="H31360" s="8">
        <v>0</v>
      </c>
      <c r="I31360" s="8">
        <v>0</v>
      </c>
      <c r="J31360" s="8">
        <v>3840000</v>
      </c>
      <c r="K31360" s="9"/>
      <c r="L31360" s="6"/>
    </row>
    <row r="31361" spans="1:12">
      <c r="A31361" s="6" t="s">
        <v>32841</v>
      </c>
      <c r="B31361" s="6"/>
      <c r="C31361" s="6"/>
      <c r="D31361" s="6"/>
      <c r="E31361" s="6"/>
      <c r="F31361" s="7"/>
      <c r="G31361" s="8">
        <v>9416000</v>
      </c>
      <c r="H31361" s="8">
        <v>0</v>
      </c>
      <c r="I31361" s="8">
        <v>0</v>
      </c>
      <c r="J31361" s="8">
        <v>9416000</v>
      </c>
      <c r="K31361" s="9"/>
      <c r="L31361" s="6"/>
    </row>
    <row r="31362" spans="1:12">
      <c r="A31362" s="6" t="s">
        <v>32842</v>
      </c>
      <c r="B31362" s="6"/>
      <c r="C31362" s="6"/>
      <c r="D31362" s="6"/>
      <c r="E31362" s="6"/>
      <c r="F31362" s="7"/>
      <c r="G31362" s="8">
        <v>5448400</v>
      </c>
      <c r="H31362" s="8">
        <v>0</v>
      </c>
      <c r="I31362" s="8">
        <v>0</v>
      </c>
      <c r="J31362" s="8">
        <v>5448400</v>
      </c>
      <c r="K31362" s="9"/>
      <c r="L31362" s="6"/>
    </row>
    <row r="31363" spans="1:12">
      <c r="A31363" s="6" t="s">
        <v>32843</v>
      </c>
      <c r="B31363" s="6"/>
      <c r="C31363" s="6"/>
      <c r="D31363" s="6"/>
      <c r="E31363" s="6"/>
      <c r="F31363" s="7"/>
      <c r="G31363" s="8">
        <v>2201700</v>
      </c>
      <c r="H31363" s="8">
        <v>0</v>
      </c>
      <c r="I31363" s="8">
        <v>0</v>
      </c>
      <c r="J31363" s="8">
        <v>2201700</v>
      </c>
      <c r="K31363" s="9"/>
      <c r="L31363" s="6"/>
    </row>
    <row r="31364" spans="1:12">
      <c r="A31364" s="6" t="s">
        <v>32844</v>
      </c>
      <c r="B31364" s="6"/>
      <c r="C31364" s="6"/>
      <c r="D31364" s="6"/>
      <c r="E31364" s="6"/>
      <c r="F31364" s="7"/>
      <c r="G31364" s="8">
        <v>6292000</v>
      </c>
      <c r="H31364" s="8">
        <v>0</v>
      </c>
      <c r="I31364" s="8">
        <v>0</v>
      </c>
      <c r="J31364" s="8">
        <v>6292000</v>
      </c>
      <c r="K31364" s="9"/>
      <c r="L31364" s="6"/>
    </row>
    <row r="31365" spans="1:12">
      <c r="A31365" s="6" t="s">
        <v>32845</v>
      </c>
      <c r="B31365" s="6"/>
      <c r="C31365" s="6"/>
      <c r="D31365" s="6"/>
      <c r="E31365" s="6"/>
      <c r="F31365" s="7"/>
      <c r="G31365" s="8">
        <v>2499200</v>
      </c>
      <c r="H31365" s="8">
        <v>0</v>
      </c>
      <c r="I31365" s="8">
        <v>0</v>
      </c>
      <c r="J31365" s="8">
        <v>2499200</v>
      </c>
      <c r="K31365" s="9"/>
      <c r="L31365" s="6"/>
    </row>
    <row r="31366" spans="1:12">
      <c r="A31366" s="6" t="s">
        <v>32846</v>
      </c>
      <c r="B31366" s="6"/>
      <c r="C31366" s="6"/>
      <c r="D31366" s="6"/>
      <c r="E31366" s="6"/>
      <c r="F31366" s="7"/>
      <c r="G31366" s="8">
        <v>15504500</v>
      </c>
      <c r="H31366" s="8">
        <v>0</v>
      </c>
      <c r="I31366" s="8">
        <v>0</v>
      </c>
      <c r="J31366" s="8">
        <v>15504500</v>
      </c>
      <c r="K31366" s="9"/>
      <c r="L31366" s="6"/>
    </row>
    <row r="31367" spans="1:12">
      <c r="A31367" s="6" t="s">
        <v>32847</v>
      </c>
      <c r="B31367" s="6"/>
      <c r="C31367" s="6"/>
      <c r="D31367" s="6"/>
      <c r="E31367" s="6"/>
      <c r="F31367" s="7"/>
      <c r="G31367" s="8">
        <v>8250000</v>
      </c>
      <c r="H31367" s="8">
        <v>0</v>
      </c>
      <c r="I31367" s="8">
        <v>0</v>
      </c>
      <c r="J31367" s="8">
        <v>8250000</v>
      </c>
      <c r="K31367" s="9"/>
      <c r="L31367" s="6"/>
    </row>
    <row r="31368" spans="1:12">
      <c r="A31368" s="6" t="s">
        <v>32848</v>
      </c>
      <c r="B31368" s="6"/>
      <c r="C31368" s="6"/>
      <c r="D31368" s="6"/>
      <c r="E31368" s="6"/>
      <c r="F31368" s="7"/>
      <c r="G31368" s="8">
        <v>693000</v>
      </c>
      <c r="H31368" s="8">
        <v>0</v>
      </c>
      <c r="I31368" s="8">
        <v>0</v>
      </c>
      <c r="J31368" s="8">
        <v>693000</v>
      </c>
      <c r="K31368" s="9"/>
      <c r="L31368" s="6"/>
    </row>
    <row r="31369" spans="1:12">
      <c r="A31369" s="6" t="s">
        <v>32849</v>
      </c>
      <c r="B31369" s="6"/>
      <c r="C31369" s="6"/>
      <c r="D31369" s="6"/>
      <c r="E31369" s="6"/>
      <c r="F31369" s="7"/>
      <c r="G31369" s="8">
        <v>4712100</v>
      </c>
      <c r="H31369" s="8">
        <v>0</v>
      </c>
      <c r="I31369" s="8">
        <v>0</v>
      </c>
      <c r="J31369" s="8">
        <v>4712100</v>
      </c>
      <c r="K31369" s="9"/>
      <c r="L31369" s="6"/>
    </row>
    <row r="31370" spans="1:12">
      <c r="A31370" s="6" t="s">
        <v>32850</v>
      </c>
      <c r="B31370" s="6"/>
      <c r="C31370" s="6"/>
      <c r="D31370" s="6"/>
      <c r="E31370" s="6"/>
      <c r="F31370" s="7"/>
      <c r="G31370" s="8">
        <v>953040</v>
      </c>
      <c r="H31370" s="8">
        <v>0</v>
      </c>
      <c r="I31370" s="8">
        <v>0</v>
      </c>
      <c r="J31370" s="8">
        <v>953040</v>
      </c>
      <c r="K31370" s="9"/>
      <c r="L31370" s="6"/>
    </row>
    <row r="31371" spans="1:12">
      <c r="A31371" s="6" t="s">
        <v>32851</v>
      </c>
      <c r="B31371" s="6"/>
      <c r="C31371" s="6"/>
      <c r="D31371" s="6"/>
      <c r="E31371" s="6"/>
      <c r="F31371" s="7"/>
      <c r="G31371" s="8">
        <v>990000</v>
      </c>
      <c r="H31371" s="8">
        <v>0</v>
      </c>
      <c r="I31371" s="8">
        <v>0</v>
      </c>
      <c r="J31371" s="8">
        <v>990000</v>
      </c>
      <c r="K31371" s="9"/>
      <c r="L31371" s="6"/>
    </row>
    <row r="31372" spans="1:12">
      <c r="A31372" s="6" t="s">
        <v>32852</v>
      </c>
      <c r="B31372" s="6"/>
      <c r="C31372" s="6"/>
      <c r="D31372" s="6"/>
      <c r="E31372" s="6"/>
      <c r="F31372" s="7"/>
      <c r="G31372" s="8">
        <v>2464000</v>
      </c>
      <c r="H31372" s="8">
        <v>0</v>
      </c>
      <c r="I31372" s="8">
        <v>0</v>
      </c>
      <c r="J31372" s="8">
        <v>2464000</v>
      </c>
      <c r="K31372" s="9"/>
      <c r="L31372" s="6"/>
    </row>
    <row r="31373" spans="1:12">
      <c r="A31373" s="6" t="s">
        <v>32853</v>
      </c>
      <c r="B31373" s="6"/>
      <c r="C31373" s="6"/>
      <c r="D31373" s="6"/>
      <c r="E31373" s="6"/>
      <c r="F31373" s="7"/>
      <c r="G31373" s="8">
        <v>1279850</v>
      </c>
      <c r="H31373" s="8">
        <v>0</v>
      </c>
      <c r="I31373" s="8">
        <v>0</v>
      </c>
      <c r="J31373" s="8">
        <v>1279850</v>
      </c>
      <c r="K31373" s="9"/>
      <c r="L31373" s="6"/>
    </row>
    <row r="31374" spans="1:12">
      <c r="A31374" s="6" t="s">
        <v>32854</v>
      </c>
      <c r="B31374" s="6"/>
      <c r="C31374" s="6"/>
      <c r="D31374" s="6"/>
      <c r="E31374" s="6"/>
      <c r="F31374" s="7"/>
      <c r="G31374" s="8">
        <v>2057000</v>
      </c>
      <c r="H31374" s="8">
        <v>0</v>
      </c>
      <c r="I31374" s="8">
        <v>0</v>
      </c>
      <c r="J31374" s="8">
        <v>2057000</v>
      </c>
      <c r="K31374" s="9"/>
      <c r="L31374" s="6"/>
    </row>
    <row r="31375" spans="1:12">
      <c r="A31375" s="6" t="s">
        <v>32855</v>
      </c>
      <c r="B31375" s="6"/>
      <c r="C31375" s="6"/>
      <c r="D31375" s="6"/>
      <c r="E31375" s="6"/>
      <c r="F31375" s="7"/>
      <c r="G31375" s="8">
        <v>1452400</v>
      </c>
      <c r="H31375" s="8">
        <v>0</v>
      </c>
      <c r="I31375" s="8">
        <v>0</v>
      </c>
      <c r="J31375" s="8">
        <v>1452400</v>
      </c>
      <c r="K31375" s="9"/>
      <c r="L31375" s="6"/>
    </row>
    <row r="31376" spans="1:12">
      <c r="A31376" s="6" t="s">
        <v>32855</v>
      </c>
      <c r="B31376" s="6"/>
      <c r="C31376" s="6"/>
      <c r="D31376" s="6"/>
      <c r="E31376" s="6"/>
      <c r="F31376" s="7"/>
      <c r="G31376" s="8">
        <v>2215000</v>
      </c>
      <c r="H31376" s="8">
        <v>0</v>
      </c>
      <c r="I31376" s="8">
        <v>0</v>
      </c>
      <c r="J31376" s="8">
        <v>2215000</v>
      </c>
      <c r="K31376" s="9"/>
      <c r="L31376" s="6"/>
    </row>
    <row r="31377" spans="1:12">
      <c r="A31377" s="6" t="s">
        <v>32856</v>
      </c>
      <c r="B31377" s="6"/>
      <c r="C31377" s="6"/>
      <c r="D31377" s="6"/>
      <c r="E31377" s="6"/>
      <c r="F31377" s="7"/>
      <c r="G31377" s="8">
        <v>17710000</v>
      </c>
      <c r="H31377" s="8">
        <v>0</v>
      </c>
      <c r="I31377" s="8">
        <v>0</v>
      </c>
      <c r="J31377" s="8">
        <v>17710000</v>
      </c>
      <c r="K31377" s="9"/>
      <c r="L31377" s="6"/>
    </row>
    <row r="31378" spans="1:12">
      <c r="A31378" s="6" t="s">
        <v>32857</v>
      </c>
      <c r="B31378" s="6"/>
      <c r="C31378" s="6"/>
      <c r="D31378" s="6"/>
      <c r="E31378" s="6"/>
      <c r="F31378" s="7"/>
      <c r="G31378" s="8">
        <v>3819200</v>
      </c>
      <c r="H31378" s="8">
        <v>0</v>
      </c>
      <c r="I31378" s="8">
        <v>0</v>
      </c>
      <c r="J31378" s="8">
        <v>3819200</v>
      </c>
      <c r="K31378" s="9"/>
      <c r="L31378" s="6"/>
    </row>
    <row r="31379" spans="1:12">
      <c r="A31379" s="6" t="s">
        <v>32858</v>
      </c>
      <c r="B31379" s="6"/>
      <c r="C31379" s="6"/>
      <c r="D31379" s="6"/>
      <c r="E31379" s="6"/>
      <c r="F31379" s="7"/>
      <c r="G31379" s="8">
        <v>759000</v>
      </c>
      <c r="H31379" s="8">
        <v>0</v>
      </c>
      <c r="I31379" s="8">
        <v>0</v>
      </c>
      <c r="J31379" s="8">
        <v>759000</v>
      </c>
      <c r="K31379" s="9"/>
      <c r="L31379" s="6"/>
    </row>
    <row r="31380" spans="1:12">
      <c r="A31380" s="6" t="s">
        <v>32859</v>
      </c>
      <c r="B31380" s="6"/>
      <c r="C31380" s="6"/>
      <c r="D31380" s="6"/>
      <c r="E31380" s="6"/>
      <c r="F31380" s="7"/>
      <c r="G31380" s="8">
        <v>37192100</v>
      </c>
      <c r="H31380" s="8">
        <v>0</v>
      </c>
      <c r="I31380" s="8">
        <v>0</v>
      </c>
      <c r="J31380" s="8">
        <v>37192100</v>
      </c>
      <c r="K31380" s="9"/>
      <c r="L31380" s="6"/>
    </row>
    <row r="31381" spans="1:12">
      <c r="A31381" s="6" t="s">
        <v>32860</v>
      </c>
      <c r="B31381" s="6"/>
      <c r="C31381" s="6"/>
      <c r="D31381" s="6"/>
      <c r="E31381" s="6"/>
      <c r="F31381" s="7"/>
      <c r="G31381" s="8">
        <v>1199000</v>
      </c>
      <c r="H31381" s="8">
        <v>0</v>
      </c>
      <c r="I31381" s="8">
        <v>0</v>
      </c>
      <c r="J31381" s="8">
        <v>1199000</v>
      </c>
      <c r="K31381" s="9"/>
      <c r="L31381" s="6"/>
    </row>
    <row r="31382" spans="1:12">
      <c r="A31382" s="6" t="s">
        <v>32861</v>
      </c>
      <c r="B31382" s="6"/>
      <c r="C31382" s="6"/>
      <c r="D31382" s="6"/>
      <c r="E31382" s="6"/>
      <c r="F31382" s="7"/>
      <c r="G31382" s="8">
        <v>26205300</v>
      </c>
      <c r="H31382" s="8">
        <v>0</v>
      </c>
      <c r="I31382" s="8">
        <v>0</v>
      </c>
      <c r="J31382" s="8">
        <v>26205300</v>
      </c>
      <c r="K31382" s="9"/>
      <c r="L31382" s="6"/>
    </row>
    <row r="31383" spans="1:12">
      <c r="A31383" s="6" t="s">
        <v>32862</v>
      </c>
      <c r="B31383" s="6"/>
      <c r="C31383" s="6"/>
      <c r="D31383" s="6"/>
      <c r="E31383" s="6"/>
      <c r="F31383" s="7"/>
      <c r="G31383" s="8">
        <v>616000</v>
      </c>
      <c r="H31383" s="8">
        <v>0</v>
      </c>
      <c r="I31383" s="8">
        <v>0</v>
      </c>
      <c r="J31383" s="8">
        <v>616000</v>
      </c>
      <c r="K31383" s="9"/>
      <c r="L31383" s="6"/>
    </row>
    <row r="31384" spans="1:12">
      <c r="A31384" s="6" t="s">
        <v>32863</v>
      </c>
      <c r="B31384" s="6"/>
      <c r="C31384" s="6"/>
      <c r="D31384" s="6"/>
      <c r="E31384" s="6"/>
      <c r="F31384" s="7"/>
      <c r="G31384" s="8">
        <v>13020000</v>
      </c>
      <c r="H31384" s="8">
        <v>0</v>
      </c>
      <c r="I31384" s="8">
        <v>0</v>
      </c>
      <c r="J31384" s="8">
        <v>13020000</v>
      </c>
      <c r="K31384" s="9"/>
      <c r="L31384" s="6"/>
    </row>
    <row r="31385" spans="1:12">
      <c r="A31385" s="6" t="s">
        <v>32864</v>
      </c>
      <c r="B31385" s="6"/>
      <c r="C31385" s="6"/>
      <c r="D31385" s="6"/>
      <c r="E31385" s="6"/>
      <c r="F31385" s="7"/>
      <c r="G31385" s="8">
        <v>21514500</v>
      </c>
      <c r="H31385" s="8">
        <v>0</v>
      </c>
      <c r="I31385" s="8">
        <v>0</v>
      </c>
      <c r="J31385" s="8">
        <v>21514500</v>
      </c>
      <c r="K31385" s="9"/>
      <c r="L31385" s="6"/>
    </row>
    <row r="31386" spans="1:12">
      <c r="A31386" s="6" t="s">
        <v>32865</v>
      </c>
      <c r="B31386" s="6"/>
      <c r="C31386" s="6"/>
      <c r="D31386" s="6"/>
      <c r="E31386" s="6"/>
      <c r="F31386" s="7"/>
      <c r="G31386" s="8">
        <v>47482600</v>
      </c>
      <c r="H31386" s="8">
        <v>0</v>
      </c>
      <c r="I31386" s="8">
        <v>0</v>
      </c>
      <c r="J31386" s="8">
        <v>47482600</v>
      </c>
      <c r="K31386" s="9"/>
      <c r="L31386" s="6"/>
    </row>
    <row r="31387" spans="1:12">
      <c r="A31387" s="6" t="s">
        <v>32866</v>
      </c>
      <c r="B31387" s="6"/>
      <c r="C31387" s="6"/>
      <c r="D31387" s="6"/>
      <c r="E31387" s="6"/>
      <c r="F31387" s="7"/>
      <c r="G31387" s="8">
        <v>4700000</v>
      </c>
      <c r="H31387" s="8">
        <v>0</v>
      </c>
      <c r="I31387" s="8">
        <v>0</v>
      </c>
      <c r="J31387" s="8">
        <v>4700000</v>
      </c>
      <c r="K31387" s="9"/>
      <c r="L31387" s="6"/>
    </row>
    <row r="31388" spans="1:12">
      <c r="A31388" s="6" t="s">
        <v>32867</v>
      </c>
      <c r="B31388" s="6"/>
      <c r="C31388" s="6"/>
      <c r="D31388" s="6"/>
      <c r="E31388" s="6"/>
      <c r="F31388" s="7"/>
      <c r="G31388" s="8">
        <v>1182500</v>
      </c>
      <c r="H31388" s="8">
        <v>0</v>
      </c>
      <c r="I31388" s="8">
        <v>0</v>
      </c>
      <c r="J31388" s="8">
        <v>1182500</v>
      </c>
      <c r="K31388" s="9"/>
      <c r="L31388" s="6"/>
    </row>
    <row r="31389" spans="1:12">
      <c r="A31389" s="6" t="s">
        <v>32868</v>
      </c>
      <c r="B31389" s="6"/>
      <c r="C31389" s="6"/>
      <c r="D31389" s="6"/>
      <c r="E31389" s="6"/>
      <c r="F31389" s="7"/>
      <c r="G31389" s="8">
        <v>7059000</v>
      </c>
      <c r="H31389" s="8">
        <v>0</v>
      </c>
      <c r="I31389" s="8">
        <v>0</v>
      </c>
      <c r="J31389" s="8">
        <v>7059000</v>
      </c>
      <c r="K31389" s="9"/>
      <c r="L31389" s="6"/>
    </row>
    <row r="31390" spans="1:12">
      <c r="A31390" s="6" t="s">
        <v>32869</v>
      </c>
      <c r="B31390" s="6"/>
      <c r="C31390" s="6"/>
      <c r="D31390" s="6"/>
      <c r="E31390" s="6"/>
      <c r="F31390" s="7"/>
      <c r="G31390" s="8">
        <v>29053900</v>
      </c>
      <c r="H31390" s="8">
        <v>0</v>
      </c>
      <c r="I31390" s="8">
        <v>0</v>
      </c>
      <c r="J31390" s="8">
        <v>29053900</v>
      </c>
      <c r="K31390" s="9"/>
      <c r="L31390" s="6"/>
    </row>
    <row r="31391" spans="1:12">
      <c r="A31391" s="6" t="s">
        <v>32297</v>
      </c>
      <c r="B31391" s="6"/>
      <c r="C31391" s="6"/>
      <c r="D31391" s="6"/>
      <c r="E31391" s="6"/>
      <c r="F31391" s="7"/>
      <c r="G31391" s="8">
        <v>1650000</v>
      </c>
      <c r="H31391" s="8">
        <v>0</v>
      </c>
      <c r="I31391" s="8">
        <v>0</v>
      </c>
      <c r="J31391" s="8">
        <v>1650000</v>
      </c>
      <c r="K31391" s="9"/>
      <c r="L31391" s="6"/>
    </row>
    <row r="31392" spans="1:12">
      <c r="A31392" s="6" t="s">
        <v>32869</v>
      </c>
      <c r="B31392" s="6"/>
      <c r="C31392" s="6"/>
      <c r="D31392" s="6"/>
      <c r="E31392" s="6"/>
      <c r="F31392" s="7"/>
      <c r="G31392" s="8">
        <v>1141100</v>
      </c>
      <c r="H31392" s="8">
        <v>0</v>
      </c>
      <c r="I31392" s="8">
        <v>0</v>
      </c>
      <c r="J31392" s="8">
        <v>1141100</v>
      </c>
      <c r="K31392" s="9"/>
      <c r="L31392" s="6"/>
    </row>
    <row r="31393" spans="1:12">
      <c r="A31393" s="6" t="s">
        <v>32870</v>
      </c>
      <c r="B31393" s="6"/>
      <c r="C31393" s="6"/>
      <c r="D31393" s="6"/>
      <c r="E31393" s="6"/>
      <c r="F31393" s="7"/>
      <c r="G31393" s="8">
        <v>1243000</v>
      </c>
      <c r="H31393" s="8">
        <v>0</v>
      </c>
      <c r="I31393" s="8">
        <v>0</v>
      </c>
      <c r="J31393" s="8">
        <v>1243000</v>
      </c>
      <c r="K31393" s="9"/>
      <c r="L31393" s="6"/>
    </row>
    <row r="31394" spans="1:12">
      <c r="A31394" s="6" t="s">
        <v>32871</v>
      </c>
      <c r="B31394" s="6"/>
      <c r="C31394" s="6"/>
      <c r="D31394" s="6"/>
      <c r="E31394" s="6"/>
      <c r="F31394" s="7"/>
      <c r="G31394" s="8">
        <v>935000</v>
      </c>
      <c r="H31394" s="8">
        <v>0</v>
      </c>
      <c r="I31394" s="8">
        <v>0</v>
      </c>
      <c r="J31394" s="8">
        <v>935000</v>
      </c>
      <c r="K31394" s="9"/>
      <c r="L31394" s="6"/>
    </row>
    <row r="31395" spans="1:12">
      <c r="A31395" s="6" t="s">
        <v>32872</v>
      </c>
      <c r="B31395" s="6"/>
      <c r="C31395" s="6"/>
      <c r="D31395" s="6"/>
      <c r="E31395" s="6"/>
      <c r="F31395" s="7"/>
      <c r="G31395" s="8">
        <v>2520100</v>
      </c>
      <c r="H31395" s="8">
        <v>0</v>
      </c>
      <c r="I31395" s="8">
        <v>0</v>
      </c>
      <c r="J31395" s="8">
        <v>2520100</v>
      </c>
      <c r="K31395" s="9"/>
      <c r="L31395" s="6"/>
    </row>
    <row r="31396" spans="1:12">
      <c r="A31396" s="6" t="s">
        <v>32873</v>
      </c>
      <c r="B31396" s="6"/>
      <c r="C31396" s="6"/>
      <c r="D31396" s="6"/>
      <c r="E31396" s="6"/>
      <c r="F31396" s="7"/>
      <c r="G31396" s="8">
        <v>3993000</v>
      </c>
      <c r="H31396" s="8">
        <v>0</v>
      </c>
      <c r="I31396" s="8">
        <v>0</v>
      </c>
      <c r="J31396" s="8">
        <v>3993000</v>
      </c>
      <c r="K31396" s="9"/>
      <c r="L31396" s="6"/>
    </row>
    <row r="31397" spans="1:12">
      <c r="A31397" s="6" t="s">
        <v>32874</v>
      </c>
      <c r="B31397" s="6"/>
      <c r="C31397" s="6"/>
      <c r="D31397" s="6"/>
      <c r="E31397" s="6"/>
      <c r="F31397" s="7"/>
      <c r="G31397" s="8">
        <v>4378000</v>
      </c>
      <c r="H31397" s="8">
        <v>0</v>
      </c>
      <c r="I31397" s="8">
        <v>0</v>
      </c>
      <c r="J31397" s="8">
        <v>4378000</v>
      </c>
      <c r="K31397" s="9"/>
      <c r="L31397" s="6"/>
    </row>
    <row r="31398" spans="1:12">
      <c r="A31398" s="6" t="s">
        <v>32875</v>
      </c>
      <c r="B31398" s="6"/>
      <c r="C31398" s="6"/>
      <c r="D31398" s="6"/>
      <c r="E31398" s="6"/>
      <c r="F31398" s="7"/>
      <c r="G31398" s="8">
        <v>3135000</v>
      </c>
      <c r="H31398" s="8">
        <v>0</v>
      </c>
      <c r="I31398" s="8">
        <v>0</v>
      </c>
      <c r="J31398" s="8">
        <v>3135000</v>
      </c>
      <c r="K31398" s="9"/>
      <c r="L31398" s="6"/>
    </row>
    <row r="31399" spans="1:12">
      <c r="A31399" s="6" t="s">
        <v>32876</v>
      </c>
      <c r="B31399" s="6"/>
      <c r="C31399" s="6"/>
      <c r="D31399" s="6"/>
      <c r="E31399" s="6"/>
      <c r="F31399" s="7"/>
      <c r="G31399" s="8">
        <v>6820000</v>
      </c>
      <c r="H31399" s="8">
        <v>0</v>
      </c>
      <c r="I31399" s="8">
        <v>0</v>
      </c>
      <c r="J31399" s="8">
        <v>6820000</v>
      </c>
      <c r="K31399" s="9"/>
      <c r="L31399" s="6"/>
    </row>
    <row r="31400" spans="1:12">
      <c r="A31400" s="6" t="s">
        <v>32877</v>
      </c>
      <c r="B31400" s="6"/>
      <c r="C31400" s="6"/>
      <c r="D31400" s="6"/>
      <c r="E31400" s="6"/>
      <c r="F31400" s="7"/>
      <c r="G31400" s="8">
        <v>11040700</v>
      </c>
      <c r="H31400" s="8">
        <v>0</v>
      </c>
      <c r="I31400" s="8">
        <v>0</v>
      </c>
      <c r="J31400" s="8">
        <v>11040700</v>
      </c>
      <c r="K31400" s="9"/>
      <c r="L31400" s="6"/>
    </row>
    <row r="31401" spans="1:12">
      <c r="A31401" s="6" t="s">
        <v>32878</v>
      </c>
      <c r="B31401" s="6"/>
      <c r="C31401" s="6"/>
      <c r="D31401" s="6"/>
      <c r="E31401" s="6"/>
      <c r="F31401" s="7"/>
      <c r="G31401" s="8">
        <v>1100000</v>
      </c>
      <c r="H31401" s="8">
        <v>0</v>
      </c>
      <c r="I31401" s="8">
        <v>0</v>
      </c>
      <c r="J31401" s="8">
        <v>1100000</v>
      </c>
      <c r="K31401" s="9"/>
      <c r="L31401" s="6"/>
    </row>
    <row r="31402" spans="1:12">
      <c r="A31402" s="6" t="s">
        <v>32879</v>
      </c>
      <c r="B31402" s="6"/>
      <c r="C31402" s="6"/>
      <c r="D31402" s="6"/>
      <c r="E31402" s="6"/>
      <c r="F31402" s="7"/>
      <c r="G31402" s="8">
        <v>53700000</v>
      </c>
      <c r="H31402" s="8">
        <v>0</v>
      </c>
      <c r="I31402" s="8">
        <v>0</v>
      </c>
      <c r="J31402" s="8">
        <v>53700000</v>
      </c>
      <c r="K31402" s="9"/>
      <c r="L31402" s="6"/>
    </row>
    <row r="31403" spans="1:12">
      <c r="A31403" s="6" t="s">
        <v>32880</v>
      </c>
      <c r="B31403" s="6"/>
      <c r="C31403" s="6"/>
      <c r="D31403" s="6"/>
      <c r="E31403" s="6"/>
      <c r="F31403" s="7"/>
      <c r="G31403" s="8">
        <v>718300</v>
      </c>
      <c r="H31403" s="8">
        <v>0</v>
      </c>
      <c r="I31403" s="8">
        <v>0</v>
      </c>
      <c r="J31403" s="8">
        <v>718300</v>
      </c>
      <c r="K31403" s="9"/>
      <c r="L31403" s="6"/>
    </row>
    <row r="31404" spans="1:12">
      <c r="A31404" s="6" t="s">
        <v>32881</v>
      </c>
      <c r="B31404" s="6"/>
      <c r="C31404" s="6"/>
      <c r="D31404" s="6"/>
      <c r="E31404" s="6"/>
      <c r="F31404" s="7"/>
      <c r="G31404" s="8">
        <v>899800</v>
      </c>
      <c r="H31404" s="8">
        <v>0</v>
      </c>
      <c r="I31404" s="8">
        <v>0</v>
      </c>
      <c r="J31404" s="8">
        <v>899800</v>
      </c>
      <c r="K31404" s="9"/>
      <c r="L31404" s="6"/>
    </row>
    <row r="31405" spans="1:12">
      <c r="A31405" s="6" t="s">
        <v>32882</v>
      </c>
      <c r="B31405" s="6"/>
      <c r="C31405" s="6"/>
      <c r="D31405" s="6"/>
      <c r="E31405" s="6"/>
      <c r="F31405" s="7"/>
      <c r="G31405" s="8">
        <v>2508000</v>
      </c>
      <c r="H31405" s="8">
        <v>0</v>
      </c>
      <c r="I31405" s="8">
        <v>0</v>
      </c>
      <c r="J31405" s="8">
        <v>2508000</v>
      </c>
      <c r="K31405" s="9"/>
      <c r="L31405" s="6"/>
    </row>
    <row r="31406" spans="1:12">
      <c r="A31406" s="6" t="s">
        <v>32883</v>
      </c>
      <c r="B31406" s="6"/>
      <c r="C31406" s="6"/>
      <c r="D31406" s="6"/>
      <c r="E31406" s="6"/>
      <c r="F31406" s="7"/>
      <c r="G31406" s="8">
        <v>17490000</v>
      </c>
      <c r="H31406" s="8">
        <v>0</v>
      </c>
      <c r="I31406" s="8">
        <v>0</v>
      </c>
      <c r="J31406" s="8">
        <v>17490000</v>
      </c>
      <c r="K31406" s="9"/>
      <c r="L31406" s="6"/>
    </row>
    <row r="31407" spans="1:12">
      <c r="A31407" s="6" t="s">
        <v>32884</v>
      </c>
      <c r="B31407" s="6"/>
      <c r="C31407" s="6"/>
      <c r="D31407" s="6"/>
      <c r="E31407" s="6"/>
      <c r="F31407" s="7"/>
      <c r="G31407" s="8">
        <v>2760000</v>
      </c>
      <c r="H31407" s="8">
        <v>0</v>
      </c>
      <c r="I31407" s="8">
        <v>0</v>
      </c>
      <c r="J31407" s="8">
        <v>2760000</v>
      </c>
      <c r="K31407" s="9"/>
      <c r="L31407" s="6"/>
    </row>
    <row r="31408" spans="1:12">
      <c r="A31408" s="6" t="s">
        <v>32885</v>
      </c>
      <c r="B31408" s="6"/>
      <c r="C31408" s="6"/>
      <c r="D31408" s="6"/>
      <c r="E31408" s="6"/>
      <c r="F31408" s="7"/>
      <c r="G31408" s="8">
        <v>1892000</v>
      </c>
      <c r="H31408" s="8">
        <v>0</v>
      </c>
      <c r="I31408" s="8">
        <v>0</v>
      </c>
      <c r="J31408" s="8">
        <v>1892000</v>
      </c>
      <c r="K31408" s="9"/>
      <c r="L31408" s="6"/>
    </row>
    <row r="31409" spans="1:12">
      <c r="A31409" s="6" t="s">
        <v>32886</v>
      </c>
      <c r="B31409" s="6"/>
      <c r="C31409" s="6"/>
      <c r="D31409" s="6"/>
      <c r="E31409" s="6"/>
      <c r="F31409" s="7"/>
      <c r="G31409" s="8">
        <v>2805000</v>
      </c>
      <c r="H31409" s="8">
        <v>0</v>
      </c>
      <c r="I31409" s="8">
        <v>0</v>
      </c>
      <c r="J31409" s="8">
        <v>2805000</v>
      </c>
      <c r="K31409" s="9"/>
      <c r="L31409" s="6"/>
    </row>
    <row r="31410" spans="1:12">
      <c r="A31410" s="6" t="s">
        <v>32887</v>
      </c>
      <c r="B31410" s="6"/>
      <c r="C31410" s="6"/>
      <c r="D31410" s="6"/>
      <c r="E31410" s="6"/>
      <c r="F31410" s="7"/>
      <c r="G31410" s="8">
        <v>4159000</v>
      </c>
      <c r="H31410" s="8">
        <v>0</v>
      </c>
      <c r="I31410" s="8">
        <v>0</v>
      </c>
      <c r="J31410" s="8">
        <v>4159000</v>
      </c>
      <c r="K31410" s="9"/>
      <c r="L31410" s="6"/>
    </row>
    <row r="31411" spans="1:12">
      <c r="A31411" s="6" t="s">
        <v>32888</v>
      </c>
      <c r="B31411" s="6"/>
      <c r="C31411" s="6"/>
      <c r="D31411" s="6"/>
      <c r="E31411" s="6"/>
      <c r="F31411" s="7"/>
      <c r="G31411" s="8">
        <v>15700000</v>
      </c>
      <c r="H31411" s="8">
        <v>0</v>
      </c>
      <c r="I31411" s="8">
        <v>0</v>
      </c>
      <c r="J31411" s="8">
        <v>15700000</v>
      </c>
      <c r="K31411" s="9"/>
      <c r="L31411" s="6"/>
    </row>
    <row r="31412" spans="1:12">
      <c r="A31412" s="6" t="s">
        <v>32889</v>
      </c>
      <c r="B31412" s="6"/>
      <c r="C31412" s="6"/>
      <c r="D31412" s="6"/>
      <c r="E31412" s="6"/>
      <c r="F31412" s="7"/>
      <c r="G31412" s="8">
        <v>25155100</v>
      </c>
      <c r="H31412" s="8">
        <v>0</v>
      </c>
      <c r="I31412" s="8">
        <v>0</v>
      </c>
      <c r="J31412" s="8">
        <v>25155100</v>
      </c>
      <c r="K31412" s="9"/>
      <c r="L31412" s="6"/>
    </row>
    <row r="31413" spans="1:12">
      <c r="A31413" s="6" t="s">
        <v>32890</v>
      </c>
      <c r="B31413" s="6"/>
      <c r="C31413" s="6"/>
      <c r="D31413" s="6"/>
      <c r="E31413" s="6"/>
      <c r="F31413" s="7"/>
      <c r="G31413" s="8">
        <v>2285000</v>
      </c>
      <c r="H31413" s="8">
        <v>0</v>
      </c>
      <c r="I31413" s="8">
        <v>0</v>
      </c>
      <c r="J31413" s="8">
        <v>2285000</v>
      </c>
      <c r="K31413" s="9"/>
      <c r="L31413" s="6"/>
    </row>
    <row r="31414" spans="1:12">
      <c r="A31414" s="6" t="s">
        <v>32891</v>
      </c>
      <c r="B31414" s="6"/>
      <c r="C31414" s="6"/>
      <c r="D31414" s="6"/>
      <c r="E31414" s="6"/>
      <c r="F31414" s="7"/>
      <c r="G31414" s="8">
        <v>1199000</v>
      </c>
      <c r="H31414" s="8">
        <v>0</v>
      </c>
      <c r="I31414" s="8">
        <v>0</v>
      </c>
      <c r="J31414" s="8">
        <v>1199000</v>
      </c>
      <c r="K31414" s="9"/>
      <c r="L31414" s="6"/>
    </row>
    <row r="31415" spans="1:12">
      <c r="A31415" s="6" t="s">
        <v>32892</v>
      </c>
      <c r="B31415" s="6"/>
      <c r="C31415" s="6"/>
      <c r="D31415" s="6"/>
      <c r="E31415" s="6"/>
      <c r="F31415" s="7"/>
      <c r="G31415" s="8">
        <v>1199000</v>
      </c>
      <c r="H31415" s="8">
        <v>0</v>
      </c>
      <c r="I31415" s="8">
        <v>0</v>
      </c>
      <c r="J31415" s="8">
        <v>1199000</v>
      </c>
      <c r="K31415" s="9"/>
      <c r="L31415" s="6"/>
    </row>
    <row r="31416" spans="1:12">
      <c r="A31416" s="6" t="s">
        <v>32893</v>
      </c>
      <c r="B31416" s="6"/>
      <c r="C31416" s="6"/>
      <c r="D31416" s="6"/>
      <c r="E31416" s="6"/>
      <c r="F31416" s="7"/>
      <c r="G31416" s="8">
        <v>1210000</v>
      </c>
      <c r="H31416" s="8">
        <v>0</v>
      </c>
      <c r="I31416" s="8">
        <v>0</v>
      </c>
      <c r="J31416" s="8">
        <v>1210000</v>
      </c>
      <c r="K31416" s="9"/>
      <c r="L31416" s="6"/>
    </row>
    <row r="31417" spans="1:12">
      <c r="A31417" s="6" t="s">
        <v>32894</v>
      </c>
      <c r="B31417" s="6"/>
      <c r="C31417" s="6"/>
      <c r="D31417" s="6"/>
      <c r="E31417" s="6"/>
      <c r="F31417" s="7"/>
      <c r="G31417" s="8">
        <v>1287000</v>
      </c>
      <c r="H31417" s="8">
        <v>0</v>
      </c>
      <c r="I31417" s="8">
        <v>0</v>
      </c>
      <c r="J31417" s="8">
        <v>1287000</v>
      </c>
      <c r="K31417" s="9"/>
      <c r="L31417" s="6"/>
    </row>
    <row r="31418" spans="1:12">
      <c r="A31418" s="6" t="s">
        <v>32895</v>
      </c>
      <c r="B31418" s="6"/>
      <c r="C31418" s="6"/>
      <c r="D31418" s="6"/>
      <c r="E31418" s="6"/>
      <c r="F31418" s="7"/>
      <c r="G31418" s="8">
        <v>838200</v>
      </c>
      <c r="H31418" s="8">
        <v>0</v>
      </c>
      <c r="I31418" s="8">
        <v>0</v>
      </c>
      <c r="J31418" s="8">
        <v>838200</v>
      </c>
      <c r="K31418" s="9"/>
      <c r="L31418" s="6"/>
    </row>
    <row r="31419" spans="1:12">
      <c r="A31419" s="6" t="s">
        <v>32896</v>
      </c>
      <c r="B31419" s="6"/>
      <c r="C31419" s="6"/>
      <c r="D31419" s="6"/>
      <c r="E31419" s="6"/>
      <c r="F31419" s="7"/>
      <c r="G31419" s="8">
        <v>638000</v>
      </c>
      <c r="H31419" s="8">
        <v>0</v>
      </c>
      <c r="I31419" s="8">
        <v>0</v>
      </c>
      <c r="J31419" s="8">
        <v>638000</v>
      </c>
      <c r="K31419" s="9"/>
      <c r="L31419" s="6"/>
    </row>
    <row r="31420" spans="1:12">
      <c r="A31420" s="6" t="s">
        <v>32897</v>
      </c>
      <c r="B31420" s="6"/>
      <c r="C31420" s="6"/>
      <c r="D31420" s="6"/>
      <c r="E31420" s="6"/>
      <c r="F31420" s="7"/>
      <c r="G31420" s="8">
        <v>1090100</v>
      </c>
      <c r="H31420" s="8">
        <v>0</v>
      </c>
      <c r="I31420" s="8">
        <v>0</v>
      </c>
      <c r="J31420" s="8">
        <v>1090100</v>
      </c>
      <c r="K31420" s="9"/>
      <c r="L31420" s="6"/>
    </row>
    <row r="31421" spans="1:12">
      <c r="A31421" s="6" t="s">
        <v>32898</v>
      </c>
      <c r="B31421" s="6"/>
      <c r="C31421" s="6"/>
      <c r="D31421" s="6"/>
      <c r="E31421" s="6"/>
      <c r="F31421" s="7"/>
      <c r="G31421" s="8">
        <v>605000</v>
      </c>
      <c r="H31421" s="8">
        <v>0</v>
      </c>
      <c r="I31421" s="8">
        <v>0</v>
      </c>
      <c r="J31421" s="8">
        <v>605000</v>
      </c>
      <c r="K31421" s="9"/>
      <c r="L31421" s="6"/>
    </row>
    <row r="31422" spans="1:12">
      <c r="A31422" s="6" t="s">
        <v>32899</v>
      </c>
      <c r="B31422" s="6"/>
      <c r="C31422" s="6"/>
      <c r="D31422" s="6"/>
      <c r="E31422" s="6"/>
      <c r="F31422" s="7"/>
      <c r="G31422" s="8">
        <v>5368000</v>
      </c>
      <c r="H31422" s="8">
        <v>0</v>
      </c>
      <c r="I31422" s="8">
        <v>0</v>
      </c>
      <c r="J31422" s="8">
        <v>5368000</v>
      </c>
      <c r="K31422" s="9"/>
      <c r="L31422" s="6"/>
    </row>
    <row r="31423" spans="1:12">
      <c r="A31423" s="6" t="s">
        <v>32900</v>
      </c>
      <c r="B31423" s="6"/>
      <c r="C31423" s="6"/>
      <c r="D31423" s="6"/>
      <c r="E31423" s="6"/>
      <c r="F31423" s="7"/>
      <c r="G31423" s="8">
        <v>2695000</v>
      </c>
      <c r="H31423" s="8">
        <v>0</v>
      </c>
      <c r="I31423" s="8">
        <v>0</v>
      </c>
      <c r="J31423" s="8">
        <v>2695000</v>
      </c>
      <c r="K31423" s="9"/>
      <c r="L31423" s="6"/>
    </row>
    <row r="31424" spans="1:12">
      <c r="A31424" s="6" t="s">
        <v>32901</v>
      </c>
      <c r="B31424" s="6"/>
      <c r="C31424" s="6"/>
      <c r="D31424" s="6"/>
      <c r="E31424" s="6"/>
      <c r="F31424" s="7"/>
      <c r="G31424" s="8">
        <v>21795000</v>
      </c>
      <c r="H31424" s="8">
        <v>0</v>
      </c>
      <c r="I31424" s="8">
        <v>0</v>
      </c>
      <c r="J31424" s="8">
        <v>21795000</v>
      </c>
      <c r="K31424" s="9"/>
      <c r="L31424" s="6"/>
    </row>
    <row r="31425" spans="1:12">
      <c r="A31425" s="6" t="s">
        <v>32902</v>
      </c>
      <c r="B31425" s="6"/>
      <c r="C31425" s="6"/>
      <c r="D31425" s="6"/>
      <c r="E31425" s="6"/>
      <c r="F31425" s="7"/>
      <c r="G31425" s="8">
        <v>649000</v>
      </c>
      <c r="H31425" s="8">
        <v>0</v>
      </c>
      <c r="I31425" s="8">
        <v>0</v>
      </c>
      <c r="J31425" s="8">
        <v>649000</v>
      </c>
      <c r="K31425" s="9"/>
      <c r="L31425" s="6"/>
    </row>
    <row r="31426" spans="1:12">
      <c r="A31426" s="6" t="s">
        <v>32903</v>
      </c>
      <c r="B31426" s="6"/>
      <c r="C31426" s="6"/>
      <c r="D31426" s="6"/>
      <c r="E31426" s="6"/>
      <c r="F31426" s="7"/>
      <c r="G31426" s="8">
        <v>4675000</v>
      </c>
      <c r="H31426" s="8">
        <v>0</v>
      </c>
      <c r="I31426" s="8">
        <v>0</v>
      </c>
      <c r="J31426" s="8">
        <v>4675000</v>
      </c>
      <c r="K31426" s="9"/>
      <c r="L31426" s="6"/>
    </row>
    <row r="31427" spans="1:12">
      <c r="A31427" s="6" t="s">
        <v>32904</v>
      </c>
      <c r="B31427" s="6"/>
      <c r="C31427" s="6"/>
      <c r="D31427" s="6"/>
      <c r="E31427" s="6"/>
      <c r="F31427" s="7"/>
      <c r="G31427" s="8">
        <v>2371600</v>
      </c>
      <c r="H31427" s="8">
        <v>0</v>
      </c>
      <c r="I31427" s="8">
        <v>0</v>
      </c>
      <c r="J31427" s="8">
        <v>2371600</v>
      </c>
      <c r="K31427" s="9"/>
      <c r="L31427" s="6"/>
    </row>
    <row r="31428" spans="1:12">
      <c r="A31428" s="6" t="s">
        <v>32905</v>
      </c>
      <c r="B31428" s="6"/>
      <c r="C31428" s="6"/>
      <c r="D31428" s="6"/>
      <c r="E31428" s="6"/>
      <c r="F31428" s="7"/>
      <c r="G31428" s="8">
        <v>11190000</v>
      </c>
      <c r="H31428" s="8">
        <v>0</v>
      </c>
      <c r="I31428" s="8">
        <v>0</v>
      </c>
      <c r="J31428" s="8">
        <v>11190000</v>
      </c>
      <c r="K31428" s="9"/>
      <c r="L31428" s="6"/>
    </row>
    <row r="31429" spans="1:12">
      <c r="A31429" s="6" t="s">
        <v>32906</v>
      </c>
      <c r="B31429" s="6"/>
      <c r="C31429" s="6"/>
      <c r="D31429" s="6"/>
      <c r="E31429" s="6"/>
      <c r="F31429" s="7"/>
      <c r="G31429" s="8">
        <v>1265000</v>
      </c>
      <c r="H31429" s="8">
        <v>0</v>
      </c>
      <c r="I31429" s="8">
        <v>0</v>
      </c>
      <c r="J31429" s="8">
        <v>1265000</v>
      </c>
      <c r="K31429" s="9"/>
      <c r="L31429" s="6"/>
    </row>
    <row r="31430" spans="1:12">
      <c r="A31430" s="6" t="s">
        <v>32907</v>
      </c>
      <c r="B31430" s="6"/>
      <c r="C31430" s="6"/>
      <c r="D31430" s="6"/>
      <c r="E31430" s="6"/>
      <c r="F31430" s="7"/>
      <c r="G31430" s="8">
        <v>17899500</v>
      </c>
      <c r="H31430" s="8">
        <v>0</v>
      </c>
      <c r="I31430" s="8">
        <v>0</v>
      </c>
      <c r="J31430" s="8">
        <v>17899500</v>
      </c>
      <c r="K31430" s="9"/>
      <c r="L31430" s="6"/>
    </row>
    <row r="31431" spans="1:12">
      <c r="A31431" s="6" t="s">
        <v>32908</v>
      </c>
      <c r="B31431" s="6"/>
      <c r="C31431" s="6"/>
      <c r="D31431" s="6"/>
      <c r="E31431" s="6"/>
      <c r="F31431" s="7"/>
      <c r="G31431" s="8">
        <v>1069200</v>
      </c>
      <c r="H31431" s="8">
        <v>0</v>
      </c>
      <c r="I31431" s="8">
        <v>0</v>
      </c>
      <c r="J31431" s="8">
        <v>1069200</v>
      </c>
      <c r="K31431" s="9"/>
      <c r="L31431" s="6"/>
    </row>
    <row r="31432" spans="1:12">
      <c r="A31432" s="6" t="s">
        <v>32909</v>
      </c>
      <c r="B31432" s="6"/>
      <c r="C31432" s="6"/>
      <c r="D31432" s="6"/>
      <c r="E31432" s="6"/>
      <c r="F31432" s="7"/>
      <c r="G31432" s="8">
        <v>8750000</v>
      </c>
      <c r="H31432" s="8">
        <v>0</v>
      </c>
      <c r="I31432" s="8">
        <v>0</v>
      </c>
      <c r="J31432" s="8">
        <v>8750000</v>
      </c>
      <c r="K31432" s="9"/>
      <c r="L31432" s="6"/>
    </row>
    <row r="31433" spans="1:12">
      <c r="A31433" s="6" t="s">
        <v>32910</v>
      </c>
      <c r="B31433" s="6"/>
      <c r="C31433" s="6"/>
      <c r="D31433" s="6"/>
      <c r="E31433" s="6"/>
      <c r="F31433" s="7"/>
      <c r="G31433" s="8">
        <v>35231900</v>
      </c>
      <c r="H31433" s="8">
        <v>0</v>
      </c>
      <c r="I31433" s="8">
        <v>0</v>
      </c>
      <c r="J31433" s="8">
        <v>35231900</v>
      </c>
      <c r="K31433" s="9"/>
      <c r="L31433" s="6"/>
    </row>
    <row r="31434" spans="1:12">
      <c r="A31434" s="6" t="s">
        <v>32911</v>
      </c>
      <c r="B31434" s="6"/>
      <c r="C31434" s="6"/>
      <c r="D31434" s="6"/>
      <c r="E31434" s="6"/>
      <c r="F31434" s="7"/>
      <c r="G31434" s="8">
        <v>14233400</v>
      </c>
      <c r="H31434" s="8">
        <v>0</v>
      </c>
      <c r="I31434" s="8">
        <v>0</v>
      </c>
      <c r="J31434" s="8">
        <v>14233400</v>
      </c>
      <c r="K31434" s="9"/>
      <c r="L31434" s="6"/>
    </row>
    <row r="31435" spans="1:12">
      <c r="A31435" s="6" t="s">
        <v>32912</v>
      </c>
      <c r="B31435" s="6"/>
      <c r="C31435" s="6"/>
      <c r="D31435" s="6"/>
      <c r="E31435" s="6"/>
      <c r="F31435" s="7"/>
      <c r="G31435" s="8">
        <v>21673600</v>
      </c>
      <c r="H31435" s="8">
        <v>0</v>
      </c>
      <c r="I31435" s="8">
        <v>0</v>
      </c>
      <c r="J31435" s="8">
        <v>21673600</v>
      </c>
      <c r="K31435" s="9"/>
      <c r="L31435" s="6"/>
    </row>
    <row r="31436" spans="1:12">
      <c r="A31436" s="6" t="s">
        <v>32913</v>
      </c>
      <c r="B31436" s="6"/>
      <c r="C31436" s="6"/>
      <c r="D31436" s="6"/>
      <c r="E31436" s="6"/>
      <c r="F31436" s="7"/>
      <c r="G31436" s="8">
        <v>6380000</v>
      </c>
      <c r="H31436" s="8">
        <v>0</v>
      </c>
      <c r="I31436" s="8">
        <v>0</v>
      </c>
      <c r="J31436" s="8">
        <v>6380000</v>
      </c>
      <c r="K31436" s="9"/>
      <c r="L31436" s="6"/>
    </row>
    <row r="31437" spans="1:12">
      <c r="A31437" s="6" t="s">
        <v>32914</v>
      </c>
      <c r="B31437" s="6"/>
      <c r="C31437" s="6"/>
      <c r="D31437" s="6"/>
      <c r="E31437" s="6"/>
      <c r="F31437" s="7"/>
      <c r="G31437" s="8">
        <v>1760000</v>
      </c>
      <c r="H31437" s="8">
        <v>0</v>
      </c>
      <c r="I31437" s="8">
        <v>0</v>
      </c>
      <c r="J31437" s="8">
        <v>1760000</v>
      </c>
      <c r="K31437" s="9"/>
      <c r="L31437" s="6"/>
    </row>
    <row r="31438" spans="1:12">
      <c r="A31438" s="6" t="s">
        <v>32915</v>
      </c>
      <c r="B31438" s="6"/>
      <c r="C31438" s="6"/>
      <c r="D31438" s="6"/>
      <c r="E31438" s="6"/>
      <c r="F31438" s="7"/>
      <c r="G31438" s="8">
        <v>1900000</v>
      </c>
      <c r="H31438" s="8">
        <v>0</v>
      </c>
      <c r="I31438" s="8">
        <v>0</v>
      </c>
      <c r="J31438" s="8">
        <v>1900000</v>
      </c>
      <c r="K31438" s="9"/>
      <c r="L31438" s="6"/>
    </row>
    <row r="31439" spans="1:12">
      <c r="A31439" s="6" t="s">
        <v>32916</v>
      </c>
      <c r="B31439" s="6"/>
      <c r="C31439" s="6"/>
      <c r="D31439" s="6"/>
      <c r="E31439" s="6"/>
      <c r="F31439" s="7"/>
      <c r="G31439" s="8">
        <v>1144000</v>
      </c>
      <c r="H31439" s="8">
        <v>0</v>
      </c>
      <c r="I31439" s="8">
        <v>0</v>
      </c>
      <c r="J31439" s="8">
        <v>1144000</v>
      </c>
      <c r="K31439" s="9"/>
      <c r="L31439" s="6"/>
    </row>
    <row r="31440" spans="1:12">
      <c r="A31440" s="6" t="s">
        <v>32917</v>
      </c>
      <c r="B31440" s="6"/>
      <c r="C31440" s="6"/>
      <c r="D31440" s="6"/>
      <c r="E31440" s="6"/>
      <c r="F31440" s="7"/>
      <c r="G31440" s="8">
        <v>3054700</v>
      </c>
      <c r="H31440" s="8">
        <v>0</v>
      </c>
      <c r="I31440" s="8">
        <v>0</v>
      </c>
      <c r="J31440" s="8">
        <v>3054700</v>
      </c>
      <c r="K31440" s="9"/>
      <c r="L31440" s="6"/>
    </row>
    <row r="31441" spans="1:12">
      <c r="A31441" s="6" t="s">
        <v>32918</v>
      </c>
      <c r="B31441" s="6"/>
      <c r="C31441" s="6"/>
      <c r="D31441" s="6"/>
      <c r="E31441" s="6"/>
      <c r="F31441" s="7"/>
      <c r="G31441" s="8">
        <v>5287400</v>
      </c>
      <c r="H31441" s="8">
        <v>0</v>
      </c>
      <c r="I31441" s="8">
        <v>0</v>
      </c>
      <c r="J31441" s="8">
        <v>5287400</v>
      </c>
      <c r="K31441" s="9"/>
      <c r="L31441" s="6"/>
    </row>
    <row r="31442" spans="1:12">
      <c r="A31442" s="6" t="s">
        <v>32919</v>
      </c>
      <c r="B31442" s="6"/>
      <c r="C31442" s="6"/>
      <c r="D31442" s="6"/>
      <c r="E31442" s="6"/>
      <c r="F31442" s="7"/>
      <c r="G31442" s="8">
        <v>891000</v>
      </c>
      <c r="H31442" s="8">
        <v>0</v>
      </c>
      <c r="I31442" s="8">
        <v>0</v>
      </c>
      <c r="J31442" s="8">
        <v>891000</v>
      </c>
      <c r="K31442" s="9"/>
      <c r="L31442" s="6"/>
    </row>
    <row r="31443" spans="1:12">
      <c r="A31443" s="6" t="s">
        <v>32920</v>
      </c>
      <c r="B31443" s="6"/>
      <c r="C31443" s="6"/>
      <c r="D31443" s="6"/>
      <c r="E31443" s="6"/>
      <c r="F31443" s="7"/>
      <c r="G31443" s="8">
        <v>1292500</v>
      </c>
      <c r="H31443" s="8">
        <v>0</v>
      </c>
      <c r="I31443" s="8">
        <v>0</v>
      </c>
      <c r="J31443" s="8">
        <v>1292500</v>
      </c>
      <c r="K31443" s="9"/>
      <c r="L31443" s="6"/>
    </row>
    <row r="31444" spans="1:12">
      <c r="A31444" s="6" t="s">
        <v>32921</v>
      </c>
      <c r="B31444" s="6"/>
      <c r="C31444" s="6"/>
      <c r="D31444" s="6"/>
      <c r="E31444" s="6"/>
      <c r="F31444" s="7"/>
      <c r="G31444" s="8">
        <v>2334200</v>
      </c>
      <c r="H31444" s="8">
        <v>0</v>
      </c>
      <c r="I31444" s="8">
        <v>0</v>
      </c>
      <c r="J31444" s="8">
        <v>2334200</v>
      </c>
      <c r="K31444" s="9"/>
      <c r="L31444" s="6"/>
    </row>
    <row r="31445" spans="1:12">
      <c r="A31445" s="6" t="s">
        <v>32922</v>
      </c>
      <c r="B31445" s="6"/>
      <c r="C31445" s="6"/>
      <c r="D31445" s="6"/>
      <c r="E31445" s="6"/>
      <c r="F31445" s="7"/>
      <c r="G31445" s="8">
        <v>839300</v>
      </c>
      <c r="H31445" s="8">
        <v>0</v>
      </c>
      <c r="I31445" s="8">
        <v>0</v>
      </c>
      <c r="J31445" s="8">
        <v>839300</v>
      </c>
      <c r="K31445" s="9"/>
      <c r="L31445" s="6"/>
    </row>
    <row r="31446" spans="1:12">
      <c r="A31446" s="6" t="s">
        <v>32923</v>
      </c>
      <c r="B31446" s="6"/>
      <c r="C31446" s="6"/>
      <c r="D31446" s="6"/>
      <c r="E31446" s="6"/>
      <c r="F31446" s="7"/>
      <c r="G31446" s="8">
        <v>7480000</v>
      </c>
      <c r="H31446" s="8">
        <v>0</v>
      </c>
      <c r="I31446" s="8">
        <v>0</v>
      </c>
      <c r="J31446" s="8">
        <v>7480000</v>
      </c>
      <c r="K31446" s="9"/>
      <c r="L31446" s="6"/>
    </row>
    <row r="31447" spans="1:12">
      <c r="A31447" s="6" t="s">
        <v>32924</v>
      </c>
      <c r="B31447" s="6"/>
      <c r="C31447" s="6"/>
      <c r="D31447" s="6"/>
      <c r="E31447" s="6"/>
      <c r="F31447" s="7"/>
      <c r="G31447" s="8">
        <v>1262800</v>
      </c>
      <c r="H31447" s="8">
        <v>0</v>
      </c>
      <c r="I31447" s="8">
        <v>0</v>
      </c>
      <c r="J31447" s="8">
        <v>1262800</v>
      </c>
      <c r="K31447" s="9"/>
      <c r="L31447" s="6"/>
    </row>
    <row r="31448" spans="1:12">
      <c r="A31448" s="6" t="s">
        <v>32925</v>
      </c>
      <c r="B31448" s="6"/>
      <c r="C31448" s="6"/>
      <c r="D31448" s="6"/>
      <c r="E31448" s="6"/>
      <c r="F31448" s="7"/>
      <c r="G31448" s="8">
        <v>1210000</v>
      </c>
      <c r="H31448" s="8">
        <v>0</v>
      </c>
      <c r="I31448" s="8">
        <v>0</v>
      </c>
      <c r="J31448" s="8">
        <v>1210000</v>
      </c>
      <c r="K31448" s="9"/>
      <c r="L31448" s="6"/>
    </row>
    <row r="31449" spans="1:12">
      <c r="A31449" s="6" t="s">
        <v>32926</v>
      </c>
      <c r="B31449" s="6"/>
      <c r="C31449" s="6"/>
      <c r="D31449" s="6"/>
      <c r="E31449" s="6"/>
      <c r="F31449" s="7"/>
      <c r="G31449" s="8">
        <v>2937000</v>
      </c>
      <c r="H31449" s="8">
        <v>0</v>
      </c>
      <c r="I31449" s="8">
        <v>0</v>
      </c>
      <c r="J31449" s="8">
        <v>2937000</v>
      </c>
      <c r="K31449" s="9"/>
      <c r="L31449" s="6"/>
    </row>
    <row r="31450" spans="1:12">
      <c r="A31450" s="6" t="s">
        <v>32927</v>
      </c>
      <c r="B31450" s="6"/>
      <c r="C31450" s="6"/>
      <c r="D31450" s="6"/>
      <c r="E31450" s="6"/>
      <c r="F31450" s="7"/>
      <c r="G31450" s="8">
        <v>3410000</v>
      </c>
      <c r="H31450" s="8">
        <v>0</v>
      </c>
      <c r="I31450" s="8">
        <v>0</v>
      </c>
      <c r="J31450" s="8">
        <v>3410000</v>
      </c>
      <c r="K31450" s="9"/>
      <c r="L31450" s="6"/>
    </row>
    <row r="31451" spans="1:12">
      <c r="A31451" s="6" t="s">
        <v>32928</v>
      </c>
      <c r="B31451" s="6"/>
      <c r="C31451" s="6"/>
      <c r="D31451" s="6"/>
      <c r="E31451" s="6"/>
      <c r="F31451" s="7"/>
      <c r="G31451" s="8">
        <v>2838000</v>
      </c>
      <c r="H31451" s="8">
        <v>0</v>
      </c>
      <c r="I31451" s="8">
        <v>0</v>
      </c>
      <c r="J31451" s="8">
        <v>2838000</v>
      </c>
      <c r="K31451" s="9"/>
      <c r="L31451" s="6"/>
    </row>
    <row r="31452" spans="1:12">
      <c r="A31452" s="6" t="s">
        <v>32929</v>
      </c>
      <c r="B31452" s="6"/>
      <c r="C31452" s="6"/>
      <c r="D31452" s="6"/>
      <c r="E31452" s="6"/>
      <c r="F31452" s="7"/>
      <c r="G31452" s="8">
        <v>2508000</v>
      </c>
      <c r="H31452" s="8">
        <v>0</v>
      </c>
      <c r="I31452" s="8">
        <v>0</v>
      </c>
      <c r="J31452" s="8">
        <v>2508000</v>
      </c>
      <c r="K31452" s="9"/>
      <c r="L31452" s="6"/>
    </row>
    <row r="31453" spans="1:12">
      <c r="A31453" s="6" t="s">
        <v>32930</v>
      </c>
      <c r="B31453" s="6"/>
      <c r="C31453" s="6"/>
      <c r="D31453" s="6"/>
      <c r="E31453" s="6"/>
      <c r="F31453" s="7"/>
      <c r="G31453" s="8">
        <v>1210000</v>
      </c>
      <c r="H31453" s="8">
        <v>0</v>
      </c>
      <c r="I31453" s="8">
        <v>0</v>
      </c>
      <c r="J31453" s="8">
        <v>1210000</v>
      </c>
      <c r="K31453" s="9"/>
      <c r="L31453" s="6"/>
    </row>
    <row r="31454" spans="1:12">
      <c r="A31454" s="6" t="s">
        <v>32931</v>
      </c>
      <c r="B31454" s="6"/>
      <c r="C31454" s="6"/>
      <c r="D31454" s="6"/>
      <c r="E31454" s="6"/>
      <c r="F31454" s="7"/>
      <c r="G31454" s="8">
        <v>1356300</v>
      </c>
      <c r="H31454" s="8">
        <v>0</v>
      </c>
      <c r="I31454" s="8">
        <v>0</v>
      </c>
      <c r="J31454" s="8">
        <v>1356300</v>
      </c>
      <c r="K31454" s="9"/>
      <c r="L31454" s="6"/>
    </row>
    <row r="31455" spans="1:12">
      <c r="A31455" s="6" t="s">
        <v>32932</v>
      </c>
      <c r="B31455" s="6"/>
      <c r="C31455" s="6"/>
      <c r="D31455" s="6"/>
      <c r="E31455" s="6"/>
      <c r="F31455" s="7"/>
      <c r="G31455" s="8">
        <v>880000</v>
      </c>
      <c r="H31455" s="8">
        <v>0</v>
      </c>
      <c r="I31455" s="8">
        <v>0</v>
      </c>
      <c r="J31455" s="8">
        <v>880000</v>
      </c>
      <c r="K31455" s="9"/>
      <c r="L31455" s="6"/>
    </row>
    <row r="31456" spans="1:12">
      <c r="A31456" s="6" t="s">
        <v>32933</v>
      </c>
      <c r="B31456" s="6"/>
      <c r="C31456" s="6"/>
      <c r="D31456" s="6"/>
      <c r="E31456" s="6"/>
      <c r="F31456" s="7"/>
      <c r="G31456" s="8">
        <v>993300</v>
      </c>
      <c r="H31456" s="8">
        <v>0</v>
      </c>
      <c r="I31456" s="8">
        <v>0</v>
      </c>
      <c r="J31456" s="8">
        <v>993300</v>
      </c>
      <c r="K31456" s="9"/>
      <c r="L31456" s="6"/>
    </row>
    <row r="31457" spans="1:12">
      <c r="A31457" s="6" t="s">
        <v>32934</v>
      </c>
      <c r="B31457" s="6"/>
      <c r="C31457" s="6"/>
      <c r="D31457" s="6"/>
      <c r="E31457" s="6"/>
      <c r="F31457" s="7"/>
      <c r="G31457" s="8">
        <v>2534400</v>
      </c>
      <c r="H31457" s="8">
        <v>0</v>
      </c>
      <c r="I31457" s="8">
        <v>0</v>
      </c>
      <c r="J31457" s="8">
        <v>2534400</v>
      </c>
      <c r="K31457" s="9"/>
      <c r="L31457" s="6"/>
    </row>
    <row r="31458" spans="1:12">
      <c r="A31458" s="6" t="s">
        <v>32935</v>
      </c>
      <c r="B31458" s="6"/>
      <c r="C31458" s="6"/>
      <c r="D31458" s="6"/>
      <c r="E31458" s="6"/>
      <c r="F31458" s="7"/>
      <c r="G31458" s="8">
        <v>39419600</v>
      </c>
      <c r="H31458" s="8">
        <v>0</v>
      </c>
      <c r="I31458" s="8">
        <v>0</v>
      </c>
      <c r="J31458" s="8">
        <v>39419600</v>
      </c>
      <c r="K31458" s="9"/>
      <c r="L31458" s="6"/>
    </row>
    <row r="31459" spans="1:12">
      <c r="A31459" s="6" t="s">
        <v>32936</v>
      </c>
      <c r="B31459" s="6"/>
      <c r="C31459" s="6"/>
      <c r="D31459" s="6"/>
      <c r="E31459" s="6"/>
      <c r="F31459" s="7"/>
      <c r="G31459" s="8">
        <v>3047000</v>
      </c>
      <c r="H31459" s="8">
        <v>0</v>
      </c>
      <c r="I31459" s="8">
        <v>0</v>
      </c>
      <c r="J31459" s="8">
        <v>3047000</v>
      </c>
      <c r="K31459" s="9"/>
      <c r="L31459" s="6"/>
    </row>
    <row r="31460" spans="1:12">
      <c r="A31460" s="6" t="s">
        <v>32937</v>
      </c>
      <c r="B31460" s="6"/>
      <c r="C31460" s="6"/>
      <c r="D31460" s="6"/>
      <c r="E31460" s="6"/>
      <c r="F31460" s="7"/>
      <c r="G31460" s="8">
        <v>1298000</v>
      </c>
      <c r="H31460" s="8">
        <v>0</v>
      </c>
      <c r="I31460" s="8">
        <v>0</v>
      </c>
      <c r="J31460" s="8">
        <v>1298000</v>
      </c>
      <c r="K31460" s="9"/>
      <c r="L31460" s="6"/>
    </row>
    <row r="31461" spans="1:12">
      <c r="A31461" s="6" t="s">
        <v>32938</v>
      </c>
      <c r="B31461" s="6"/>
      <c r="C31461" s="6"/>
      <c r="D31461" s="6"/>
      <c r="E31461" s="6"/>
      <c r="F31461" s="7"/>
      <c r="G31461" s="8">
        <v>1265000</v>
      </c>
      <c r="H31461" s="8">
        <v>0</v>
      </c>
      <c r="I31461" s="8">
        <v>0</v>
      </c>
      <c r="J31461" s="8">
        <v>1265000</v>
      </c>
      <c r="K31461" s="9"/>
      <c r="L31461" s="6"/>
    </row>
    <row r="31462" spans="1:12">
      <c r="A31462" s="6" t="s">
        <v>32939</v>
      </c>
      <c r="B31462" s="6"/>
      <c r="C31462" s="6"/>
      <c r="D31462" s="6"/>
      <c r="E31462" s="6"/>
      <c r="F31462" s="7"/>
      <c r="G31462" s="8">
        <v>1268300</v>
      </c>
      <c r="H31462" s="8">
        <v>0</v>
      </c>
      <c r="I31462" s="8">
        <v>0</v>
      </c>
      <c r="J31462" s="8">
        <v>1268300</v>
      </c>
      <c r="K31462" s="9"/>
      <c r="L31462" s="6"/>
    </row>
    <row r="31463" spans="1:12">
      <c r="A31463" s="6" t="s">
        <v>32940</v>
      </c>
      <c r="B31463" s="6"/>
      <c r="C31463" s="6"/>
      <c r="D31463" s="6"/>
      <c r="E31463" s="6"/>
      <c r="F31463" s="7"/>
      <c r="G31463" s="8">
        <v>1265000</v>
      </c>
      <c r="H31463" s="8">
        <v>0</v>
      </c>
      <c r="I31463" s="8">
        <v>0</v>
      </c>
      <c r="J31463" s="8">
        <v>1265000</v>
      </c>
      <c r="K31463" s="9"/>
      <c r="L31463" s="6"/>
    </row>
    <row r="31464" spans="1:12">
      <c r="A31464" s="6" t="s">
        <v>32941</v>
      </c>
      <c r="B31464" s="6"/>
      <c r="C31464" s="6"/>
      <c r="D31464" s="6"/>
      <c r="E31464" s="6"/>
      <c r="F31464" s="7"/>
      <c r="G31464" s="8">
        <v>759000</v>
      </c>
      <c r="H31464" s="8">
        <v>0</v>
      </c>
      <c r="I31464" s="8">
        <v>0</v>
      </c>
      <c r="J31464" s="8">
        <v>759000</v>
      </c>
      <c r="K31464" s="9"/>
      <c r="L31464" s="6"/>
    </row>
    <row r="31465" spans="1:12">
      <c r="A31465" s="6" t="s">
        <v>32942</v>
      </c>
      <c r="B31465" s="6"/>
      <c r="C31465" s="6"/>
      <c r="D31465" s="6"/>
      <c r="E31465" s="6"/>
      <c r="F31465" s="7"/>
      <c r="G31465" s="8">
        <v>1298000</v>
      </c>
      <c r="H31465" s="8">
        <v>0</v>
      </c>
      <c r="I31465" s="8">
        <v>0</v>
      </c>
      <c r="J31465" s="8">
        <v>1298000</v>
      </c>
      <c r="K31465" s="9"/>
      <c r="L31465" s="6"/>
    </row>
    <row r="31466" spans="1:12">
      <c r="A31466" s="6" t="s">
        <v>32943</v>
      </c>
      <c r="B31466" s="6"/>
      <c r="C31466" s="6"/>
      <c r="D31466" s="6"/>
      <c r="E31466" s="6"/>
      <c r="F31466" s="7"/>
      <c r="G31466" s="8">
        <v>2420000</v>
      </c>
      <c r="H31466" s="8">
        <v>0</v>
      </c>
      <c r="I31466" s="8">
        <v>0</v>
      </c>
      <c r="J31466" s="8">
        <v>2420000</v>
      </c>
      <c r="K31466" s="9"/>
      <c r="L31466" s="6"/>
    </row>
    <row r="31467" spans="1:12">
      <c r="A31467" s="6" t="s">
        <v>32944</v>
      </c>
      <c r="B31467" s="6"/>
      <c r="C31467" s="6"/>
      <c r="D31467" s="6"/>
      <c r="E31467" s="6"/>
      <c r="F31467" s="7"/>
      <c r="G31467" s="8">
        <v>760650</v>
      </c>
      <c r="H31467" s="8">
        <v>0</v>
      </c>
      <c r="I31467" s="8">
        <v>0</v>
      </c>
      <c r="J31467" s="8">
        <v>760650</v>
      </c>
      <c r="K31467" s="9"/>
      <c r="L31467" s="6"/>
    </row>
    <row r="31468" spans="1:12">
      <c r="A31468" s="6" t="s">
        <v>32945</v>
      </c>
      <c r="B31468" s="6"/>
      <c r="C31468" s="6"/>
      <c r="D31468" s="6"/>
      <c r="E31468" s="6"/>
      <c r="F31468" s="7"/>
      <c r="G31468" s="8">
        <v>4981500</v>
      </c>
      <c r="H31468" s="8">
        <v>0</v>
      </c>
      <c r="I31468" s="8">
        <v>0</v>
      </c>
      <c r="J31468" s="8">
        <v>4981500</v>
      </c>
      <c r="K31468" s="9"/>
      <c r="L31468" s="6"/>
    </row>
    <row r="31469" spans="1:12">
      <c r="A31469" s="6" t="s">
        <v>32830</v>
      </c>
      <c r="B31469" s="6"/>
      <c r="C31469" s="6"/>
      <c r="D31469" s="6"/>
      <c r="E31469" s="6"/>
      <c r="F31469" s="7"/>
      <c r="G31469" s="8">
        <v>26040000</v>
      </c>
      <c r="H31469" s="8">
        <v>0</v>
      </c>
      <c r="I31469" s="8">
        <v>0</v>
      </c>
      <c r="J31469" s="8">
        <v>26040000</v>
      </c>
      <c r="K31469" s="9"/>
      <c r="L31469" s="6"/>
    </row>
    <row r="31470" spans="1:12">
      <c r="A31470" s="6" t="s">
        <v>32945</v>
      </c>
      <c r="B31470" s="6"/>
      <c r="C31470" s="6"/>
      <c r="D31470" s="6"/>
      <c r="E31470" s="6"/>
      <c r="F31470" s="7"/>
      <c r="G31470" s="8">
        <v>2388500</v>
      </c>
      <c r="H31470" s="8">
        <v>0</v>
      </c>
      <c r="I31470" s="8">
        <v>0</v>
      </c>
      <c r="J31470" s="8">
        <v>2388500</v>
      </c>
      <c r="K31470" s="9"/>
      <c r="L31470" s="6"/>
    </row>
    <row r="31471" spans="1:12">
      <c r="A31471" s="6" t="s">
        <v>32946</v>
      </c>
      <c r="B31471" s="6"/>
      <c r="C31471" s="6"/>
      <c r="D31471" s="6"/>
      <c r="E31471" s="6"/>
      <c r="F31471" s="7"/>
      <c r="G31471" s="8">
        <v>1276000</v>
      </c>
      <c r="H31471" s="8">
        <v>0</v>
      </c>
      <c r="I31471" s="8">
        <v>0</v>
      </c>
      <c r="J31471" s="8">
        <v>1276000</v>
      </c>
      <c r="K31471" s="9"/>
      <c r="L31471" s="6"/>
    </row>
    <row r="31472" spans="1:12">
      <c r="A31472" s="6" t="s">
        <v>32947</v>
      </c>
      <c r="B31472" s="6"/>
      <c r="C31472" s="6"/>
      <c r="D31472" s="6"/>
      <c r="E31472" s="6"/>
      <c r="F31472" s="7"/>
      <c r="G31472" s="8">
        <v>1090100</v>
      </c>
      <c r="H31472" s="8">
        <v>0</v>
      </c>
      <c r="I31472" s="8">
        <v>0</v>
      </c>
      <c r="J31472" s="8">
        <v>1090100</v>
      </c>
      <c r="K31472" s="9"/>
      <c r="L31472" s="6"/>
    </row>
    <row r="31473" spans="1:12">
      <c r="A31473" s="6" t="s">
        <v>32948</v>
      </c>
      <c r="B31473" s="6"/>
      <c r="C31473" s="6"/>
      <c r="D31473" s="6"/>
      <c r="E31473" s="6"/>
      <c r="F31473" s="7"/>
      <c r="G31473" s="8">
        <v>1101320</v>
      </c>
      <c r="H31473" s="8">
        <v>0</v>
      </c>
      <c r="I31473" s="8">
        <v>0</v>
      </c>
      <c r="J31473" s="8">
        <v>1101320</v>
      </c>
      <c r="K31473" s="9"/>
      <c r="L31473" s="6"/>
    </row>
    <row r="31474" spans="1:12">
      <c r="A31474" s="6" t="s">
        <v>32949</v>
      </c>
      <c r="B31474" s="6"/>
      <c r="C31474" s="6"/>
      <c r="D31474" s="6"/>
      <c r="E31474" s="6"/>
      <c r="F31474" s="7"/>
      <c r="G31474" s="8">
        <v>853600</v>
      </c>
      <c r="H31474" s="8">
        <v>0</v>
      </c>
      <c r="I31474" s="8">
        <v>0</v>
      </c>
      <c r="J31474" s="8">
        <v>853600</v>
      </c>
      <c r="K31474" s="9"/>
      <c r="L31474" s="6"/>
    </row>
    <row r="31475" spans="1:12">
      <c r="A31475" s="6" t="s">
        <v>32950</v>
      </c>
      <c r="B31475" s="6"/>
      <c r="C31475" s="6"/>
      <c r="D31475" s="6"/>
      <c r="E31475" s="6"/>
      <c r="F31475" s="7"/>
      <c r="G31475" s="8">
        <v>3696000</v>
      </c>
      <c r="H31475" s="8">
        <v>0</v>
      </c>
      <c r="I31475" s="8">
        <v>0</v>
      </c>
      <c r="J31475" s="8">
        <v>3696000</v>
      </c>
      <c r="K31475" s="9"/>
      <c r="L31475" s="6"/>
    </row>
    <row r="31476" spans="1:12">
      <c r="A31476" s="6" t="s">
        <v>32951</v>
      </c>
      <c r="B31476" s="6"/>
      <c r="C31476" s="6"/>
      <c r="D31476" s="6"/>
      <c r="E31476" s="6"/>
      <c r="F31476" s="7"/>
      <c r="G31476" s="8">
        <v>5100000</v>
      </c>
      <c r="H31476" s="8">
        <v>0</v>
      </c>
      <c r="I31476" s="8">
        <v>0</v>
      </c>
      <c r="J31476" s="8">
        <v>5100000</v>
      </c>
      <c r="K31476" s="9"/>
      <c r="L31476" s="6"/>
    </row>
    <row r="31477" spans="1:12">
      <c r="A31477" s="6" t="s">
        <v>32952</v>
      </c>
      <c r="B31477" s="6"/>
      <c r="C31477" s="6"/>
      <c r="D31477" s="6"/>
      <c r="E31477" s="6"/>
      <c r="F31477" s="7"/>
      <c r="G31477" s="8">
        <v>7930600</v>
      </c>
      <c r="H31477" s="8">
        <v>0</v>
      </c>
      <c r="I31477" s="8">
        <v>0</v>
      </c>
      <c r="J31477" s="8">
        <v>7930600</v>
      </c>
      <c r="K31477" s="9"/>
      <c r="L31477" s="6"/>
    </row>
    <row r="31478" spans="1:12">
      <c r="A31478" s="6" t="s">
        <v>32953</v>
      </c>
      <c r="B31478" s="6"/>
      <c r="C31478" s="6"/>
      <c r="D31478" s="6"/>
      <c r="E31478" s="6"/>
      <c r="F31478" s="7"/>
      <c r="G31478" s="8">
        <v>1268300</v>
      </c>
      <c r="H31478" s="8">
        <v>0</v>
      </c>
      <c r="I31478" s="8">
        <v>0</v>
      </c>
      <c r="J31478" s="8">
        <v>1268300</v>
      </c>
      <c r="K31478" s="9"/>
      <c r="L31478" s="6"/>
    </row>
    <row r="31479" spans="1:12">
      <c r="A31479" s="6" t="s">
        <v>32954</v>
      </c>
      <c r="B31479" s="6"/>
      <c r="C31479" s="6"/>
      <c r="D31479" s="6"/>
      <c r="E31479" s="6"/>
      <c r="F31479" s="7"/>
      <c r="G31479" s="8">
        <v>803000</v>
      </c>
      <c r="H31479" s="8">
        <v>0</v>
      </c>
      <c r="I31479" s="8">
        <v>0</v>
      </c>
      <c r="J31479" s="8">
        <v>803000</v>
      </c>
      <c r="K31479" s="9"/>
      <c r="L31479" s="6"/>
    </row>
    <row r="31480" spans="1:12">
      <c r="A31480" s="6" t="s">
        <v>32857</v>
      </c>
      <c r="B31480" s="6"/>
      <c r="C31480" s="6"/>
      <c r="D31480" s="6"/>
      <c r="E31480" s="6"/>
      <c r="F31480" s="7"/>
      <c r="G31480" s="8">
        <v>33330000</v>
      </c>
      <c r="H31480" s="8">
        <v>0</v>
      </c>
      <c r="I31480" s="8">
        <v>0</v>
      </c>
      <c r="J31480" s="8">
        <v>33330000</v>
      </c>
      <c r="K31480" s="9"/>
      <c r="L31480" s="6"/>
    </row>
    <row r="31481" spans="1:12">
      <c r="A31481" s="6" t="s">
        <v>32955</v>
      </c>
      <c r="B31481" s="6"/>
      <c r="C31481" s="6"/>
      <c r="D31481" s="6"/>
      <c r="E31481" s="6"/>
      <c r="F31481" s="7"/>
      <c r="G31481" s="8">
        <v>650862</v>
      </c>
      <c r="H31481" s="8">
        <v>0</v>
      </c>
      <c r="I31481" s="8">
        <v>0</v>
      </c>
      <c r="J31481" s="8">
        <v>650862</v>
      </c>
      <c r="K31481" s="9"/>
      <c r="L31481" s="6"/>
    </row>
    <row r="31482" spans="1:12">
      <c r="A31482" s="6" t="s">
        <v>32956</v>
      </c>
      <c r="B31482" s="6"/>
      <c r="C31482" s="6"/>
      <c r="D31482" s="6"/>
      <c r="E31482" s="6"/>
      <c r="F31482" s="7"/>
      <c r="G31482" s="8">
        <v>9460000</v>
      </c>
      <c r="H31482" s="8">
        <v>0</v>
      </c>
      <c r="I31482" s="8">
        <v>0</v>
      </c>
      <c r="J31482" s="8">
        <v>9460000</v>
      </c>
      <c r="K31482" s="9"/>
      <c r="L31482" s="6"/>
    </row>
    <row r="31483" spans="1:12">
      <c r="A31483" s="6" t="s">
        <v>32957</v>
      </c>
      <c r="B31483" s="6"/>
      <c r="C31483" s="6"/>
      <c r="D31483" s="6"/>
      <c r="E31483" s="6"/>
      <c r="F31483" s="7"/>
      <c r="G31483" s="8">
        <v>755700</v>
      </c>
      <c r="H31483" s="8">
        <v>0</v>
      </c>
      <c r="I31483" s="8">
        <v>0</v>
      </c>
      <c r="J31483" s="8">
        <v>755700</v>
      </c>
      <c r="K31483" s="9"/>
      <c r="L31483" s="6"/>
    </row>
    <row r="31484" spans="1:12">
      <c r="A31484" s="6" t="s">
        <v>32958</v>
      </c>
      <c r="B31484" s="6"/>
      <c r="C31484" s="6"/>
      <c r="D31484" s="6"/>
      <c r="E31484" s="6"/>
      <c r="F31484" s="7"/>
      <c r="G31484" s="8">
        <v>1650000</v>
      </c>
      <c r="H31484" s="8">
        <v>0</v>
      </c>
      <c r="I31484" s="8">
        <v>0</v>
      </c>
      <c r="J31484" s="8">
        <v>1650000</v>
      </c>
      <c r="K31484" s="9"/>
      <c r="L31484" s="6"/>
    </row>
    <row r="31485" spans="1:12">
      <c r="A31485" s="6" t="s">
        <v>32959</v>
      </c>
      <c r="B31485" s="6"/>
      <c r="C31485" s="6"/>
      <c r="D31485" s="6"/>
      <c r="E31485" s="6"/>
      <c r="F31485" s="7"/>
      <c r="G31485" s="8">
        <v>1298000</v>
      </c>
      <c r="H31485" s="8">
        <v>0</v>
      </c>
      <c r="I31485" s="8">
        <v>0</v>
      </c>
      <c r="J31485" s="8">
        <v>1298000</v>
      </c>
      <c r="K31485" s="9"/>
      <c r="L31485" s="6"/>
    </row>
    <row r="31486" spans="1:12">
      <c r="A31486" s="6" t="s">
        <v>32960</v>
      </c>
      <c r="B31486" s="6"/>
      <c r="C31486" s="6"/>
      <c r="D31486" s="6"/>
      <c r="E31486" s="6"/>
      <c r="F31486" s="7"/>
      <c r="G31486" s="8">
        <v>3450000</v>
      </c>
      <c r="H31486" s="8">
        <v>0</v>
      </c>
      <c r="I31486" s="8">
        <v>0</v>
      </c>
      <c r="J31486" s="8">
        <v>3450000</v>
      </c>
      <c r="K31486" s="9"/>
      <c r="L31486" s="6"/>
    </row>
    <row r="31487" spans="1:12">
      <c r="A31487" s="6" t="s">
        <v>32961</v>
      </c>
      <c r="B31487" s="6"/>
      <c r="C31487" s="6"/>
      <c r="D31487" s="6"/>
      <c r="E31487" s="6"/>
      <c r="F31487" s="7"/>
      <c r="G31487" s="8">
        <v>1122000</v>
      </c>
      <c r="H31487" s="8">
        <v>0</v>
      </c>
      <c r="I31487" s="8">
        <v>0</v>
      </c>
      <c r="J31487" s="8">
        <v>1122000</v>
      </c>
      <c r="K31487" s="9"/>
      <c r="L31487" s="6"/>
    </row>
    <row r="31488" spans="1:12">
      <c r="A31488" s="6" t="s">
        <v>32962</v>
      </c>
      <c r="B31488" s="6"/>
      <c r="C31488" s="6"/>
      <c r="D31488" s="6"/>
      <c r="E31488" s="6"/>
      <c r="F31488" s="7"/>
      <c r="G31488" s="8">
        <v>5196000</v>
      </c>
      <c r="H31488" s="8">
        <v>0</v>
      </c>
      <c r="I31488" s="8">
        <v>0</v>
      </c>
      <c r="J31488" s="8">
        <v>5196000</v>
      </c>
      <c r="K31488" s="9"/>
      <c r="L31488" s="6"/>
    </row>
    <row r="31489" spans="1:12">
      <c r="A31489" s="6" t="s">
        <v>32963</v>
      </c>
      <c r="B31489" s="6"/>
      <c r="C31489" s="6"/>
      <c r="D31489" s="6"/>
      <c r="E31489" s="6"/>
      <c r="F31489" s="7"/>
      <c r="G31489" s="8">
        <v>1174800</v>
      </c>
      <c r="H31489" s="8">
        <v>0</v>
      </c>
      <c r="I31489" s="8">
        <v>0</v>
      </c>
      <c r="J31489" s="8">
        <v>1174800</v>
      </c>
      <c r="K31489" s="9"/>
      <c r="L31489" s="6"/>
    </row>
    <row r="31490" spans="1:12">
      <c r="A31490" s="6" t="s">
        <v>32964</v>
      </c>
      <c r="B31490" s="6"/>
      <c r="C31490" s="6"/>
      <c r="D31490" s="6"/>
      <c r="E31490" s="6"/>
      <c r="F31490" s="7"/>
      <c r="G31490" s="8">
        <v>4367000</v>
      </c>
      <c r="H31490" s="8">
        <v>0</v>
      </c>
      <c r="I31490" s="8">
        <v>0</v>
      </c>
      <c r="J31490" s="8">
        <v>4367000</v>
      </c>
      <c r="K31490" s="9"/>
      <c r="L31490" s="6"/>
    </row>
    <row r="31491" spans="1:12">
      <c r="A31491" s="6" t="s">
        <v>32965</v>
      </c>
      <c r="B31491" s="6"/>
      <c r="C31491" s="6"/>
      <c r="D31491" s="6"/>
      <c r="E31491" s="6"/>
      <c r="F31491" s="7"/>
      <c r="G31491" s="8">
        <v>10340000</v>
      </c>
      <c r="H31491" s="8">
        <v>0</v>
      </c>
      <c r="I31491" s="8">
        <v>0</v>
      </c>
      <c r="J31491" s="8">
        <v>10340000</v>
      </c>
      <c r="K31491" s="9"/>
      <c r="L31491" s="6"/>
    </row>
    <row r="31492" spans="1:12">
      <c r="A31492" s="6" t="s">
        <v>32966</v>
      </c>
      <c r="B31492" s="6"/>
      <c r="C31492" s="6"/>
      <c r="D31492" s="6"/>
      <c r="E31492" s="6"/>
      <c r="F31492" s="7"/>
      <c r="G31492" s="8">
        <v>1276000</v>
      </c>
      <c r="H31492" s="8">
        <v>0</v>
      </c>
      <c r="I31492" s="8">
        <v>0</v>
      </c>
      <c r="J31492" s="8">
        <v>1276000</v>
      </c>
      <c r="K31492" s="9"/>
      <c r="L31492" s="6"/>
    </row>
    <row r="31493" spans="1:12">
      <c r="A31493" s="6" t="s">
        <v>32967</v>
      </c>
      <c r="B31493" s="6"/>
      <c r="C31493" s="6"/>
      <c r="D31493" s="6"/>
      <c r="E31493" s="6"/>
      <c r="F31493" s="7"/>
      <c r="G31493" s="8">
        <v>902000</v>
      </c>
      <c r="H31493" s="8">
        <v>0</v>
      </c>
      <c r="I31493" s="8">
        <v>0</v>
      </c>
      <c r="J31493" s="8">
        <v>902000</v>
      </c>
      <c r="K31493" s="9"/>
      <c r="L31493" s="6"/>
    </row>
    <row r="31494" spans="1:12">
      <c r="A31494" s="6" t="s">
        <v>32968</v>
      </c>
      <c r="B31494" s="6"/>
      <c r="C31494" s="6"/>
      <c r="D31494" s="6"/>
      <c r="E31494" s="6"/>
      <c r="F31494" s="7"/>
      <c r="G31494" s="8">
        <v>1166000</v>
      </c>
      <c r="H31494" s="8">
        <v>0</v>
      </c>
      <c r="I31494" s="8">
        <v>0</v>
      </c>
      <c r="J31494" s="8">
        <v>1166000</v>
      </c>
      <c r="K31494" s="9"/>
      <c r="L31494" s="6"/>
    </row>
    <row r="31495" spans="1:12">
      <c r="A31495" s="6" t="s">
        <v>32969</v>
      </c>
      <c r="B31495" s="6"/>
      <c r="C31495" s="6"/>
      <c r="D31495" s="6"/>
      <c r="E31495" s="6"/>
      <c r="F31495" s="7"/>
      <c r="G31495" s="8">
        <v>660000</v>
      </c>
      <c r="H31495" s="8">
        <v>0</v>
      </c>
      <c r="I31495" s="8">
        <v>0</v>
      </c>
      <c r="J31495" s="8">
        <v>660000</v>
      </c>
      <c r="K31495" s="9"/>
      <c r="L31495" s="6"/>
    </row>
    <row r="31496" spans="1:12">
      <c r="A31496" s="6" t="s">
        <v>32970</v>
      </c>
      <c r="B31496" s="6"/>
      <c r="C31496" s="6"/>
      <c r="D31496" s="6"/>
      <c r="E31496" s="6"/>
      <c r="F31496" s="7"/>
      <c r="G31496" s="8">
        <v>770000</v>
      </c>
      <c r="H31496" s="8">
        <v>0</v>
      </c>
      <c r="I31496" s="8">
        <v>0</v>
      </c>
      <c r="J31496" s="8">
        <v>770000</v>
      </c>
      <c r="K31496" s="9"/>
      <c r="L31496" s="6"/>
    </row>
    <row r="31497" spans="1:12">
      <c r="A31497" s="6" t="s">
        <v>32971</v>
      </c>
      <c r="B31497" s="6"/>
      <c r="C31497" s="6"/>
      <c r="D31497" s="6"/>
      <c r="E31497" s="6"/>
      <c r="F31497" s="7"/>
      <c r="G31497" s="8">
        <v>633600</v>
      </c>
      <c r="H31497" s="8">
        <v>0</v>
      </c>
      <c r="I31497" s="8">
        <v>0</v>
      </c>
      <c r="J31497" s="8">
        <v>633600</v>
      </c>
      <c r="K31497" s="9"/>
      <c r="L31497" s="6"/>
    </row>
    <row r="31498" spans="1:12">
      <c r="A31498" s="6" t="s">
        <v>32972</v>
      </c>
      <c r="B31498" s="6"/>
      <c r="C31498" s="6"/>
      <c r="D31498" s="6"/>
      <c r="E31498" s="6"/>
      <c r="F31498" s="7"/>
      <c r="G31498" s="8">
        <v>996000</v>
      </c>
      <c r="H31498" s="8">
        <v>0</v>
      </c>
      <c r="I31498" s="8">
        <v>0</v>
      </c>
      <c r="J31498" s="8">
        <v>996000</v>
      </c>
      <c r="K31498" s="9"/>
      <c r="L31498" s="6"/>
    </row>
    <row r="31499" spans="1:12">
      <c r="A31499" s="6" t="s">
        <v>32973</v>
      </c>
      <c r="B31499" s="6"/>
      <c r="C31499" s="6"/>
      <c r="D31499" s="6"/>
      <c r="E31499" s="6"/>
      <c r="F31499" s="7"/>
      <c r="G31499" s="8">
        <v>704000</v>
      </c>
      <c r="H31499" s="8">
        <v>0</v>
      </c>
      <c r="I31499" s="8">
        <v>0</v>
      </c>
      <c r="J31499" s="8">
        <v>704000</v>
      </c>
      <c r="K31499" s="9"/>
      <c r="L31499" s="6"/>
    </row>
    <row r="31500" spans="1:12">
      <c r="A31500" s="6" t="s">
        <v>32974</v>
      </c>
      <c r="B31500" s="6"/>
      <c r="C31500" s="6"/>
      <c r="D31500" s="6"/>
      <c r="E31500" s="6"/>
      <c r="F31500" s="7"/>
      <c r="G31500" s="8">
        <v>707300</v>
      </c>
      <c r="H31500" s="8">
        <v>0</v>
      </c>
      <c r="I31500" s="8">
        <v>0</v>
      </c>
      <c r="J31500" s="8">
        <v>707300</v>
      </c>
      <c r="K31500" s="9"/>
      <c r="L31500" s="6"/>
    </row>
    <row r="31501" spans="1:12">
      <c r="A31501" s="6" t="s">
        <v>32975</v>
      </c>
      <c r="B31501" s="6"/>
      <c r="C31501" s="6"/>
      <c r="D31501" s="6"/>
      <c r="E31501" s="6"/>
      <c r="F31501" s="7"/>
      <c r="G31501" s="8">
        <v>910800</v>
      </c>
      <c r="H31501" s="8">
        <v>0</v>
      </c>
      <c r="I31501" s="8">
        <v>0</v>
      </c>
      <c r="J31501" s="8">
        <v>910800</v>
      </c>
      <c r="K31501" s="9"/>
      <c r="L31501" s="6"/>
    </row>
    <row r="31502" spans="1:12">
      <c r="A31502" s="6" t="s">
        <v>32976</v>
      </c>
      <c r="B31502" s="6"/>
      <c r="C31502" s="6"/>
      <c r="D31502" s="6"/>
      <c r="E31502" s="6"/>
      <c r="F31502" s="7"/>
      <c r="G31502" s="8">
        <v>5548000</v>
      </c>
      <c r="H31502" s="8">
        <v>0</v>
      </c>
      <c r="I31502" s="8">
        <v>0</v>
      </c>
      <c r="J31502" s="8">
        <v>5548000</v>
      </c>
      <c r="K31502" s="9"/>
      <c r="L31502" s="6"/>
    </row>
    <row r="31503" spans="1:12">
      <c r="A31503" s="6" t="s">
        <v>32977</v>
      </c>
      <c r="B31503" s="6"/>
      <c r="C31503" s="6"/>
      <c r="D31503" s="6"/>
      <c r="E31503" s="6"/>
      <c r="F31503" s="7"/>
      <c r="G31503" s="8">
        <v>1023000</v>
      </c>
      <c r="H31503" s="8">
        <v>0</v>
      </c>
      <c r="I31503" s="8">
        <v>0</v>
      </c>
      <c r="J31503" s="8">
        <v>1023000</v>
      </c>
      <c r="K31503" s="9"/>
      <c r="L31503" s="6"/>
    </row>
    <row r="31504" spans="1:12">
      <c r="A31504" s="6" t="s">
        <v>32978</v>
      </c>
      <c r="B31504" s="6"/>
      <c r="C31504" s="6"/>
      <c r="D31504" s="6"/>
      <c r="E31504" s="6"/>
      <c r="F31504" s="7"/>
      <c r="G31504" s="8">
        <v>1650000</v>
      </c>
      <c r="H31504" s="8">
        <v>0</v>
      </c>
      <c r="I31504" s="8">
        <v>0</v>
      </c>
      <c r="J31504" s="8">
        <v>1650000</v>
      </c>
      <c r="K31504" s="9"/>
      <c r="L31504" s="6"/>
    </row>
    <row r="31505" spans="1:12">
      <c r="A31505" s="6" t="s">
        <v>32979</v>
      </c>
      <c r="B31505" s="6"/>
      <c r="C31505" s="6"/>
      <c r="D31505" s="6"/>
      <c r="E31505" s="6"/>
      <c r="F31505" s="7"/>
      <c r="G31505" s="8">
        <v>4398900</v>
      </c>
      <c r="H31505" s="8">
        <v>0</v>
      </c>
      <c r="I31505" s="8">
        <v>0</v>
      </c>
      <c r="J31505" s="8">
        <v>4398900</v>
      </c>
      <c r="K31505" s="9"/>
      <c r="L31505" s="6"/>
    </row>
    <row r="31506" spans="1:12">
      <c r="A31506" s="6" t="s">
        <v>32980</v>
      </c>
      <c r="B31506" s="6"/>
      <c r="C31506" s="6"/>
      <c r="D31506" s="6"/>
      <c r="E31506" s="6"/>
      <c r="F31506" s="7"/>
      <c r="G31506" s="8">
        <v>2724700</v>
      </c>
      <c r="H31506" s="8">
        <v>0</v>
      </c>
      <c r="I31506" s="8">
        <v>0</v>
      </c>
      <c r="J31506" s="8">
        <v>2724700</v>
      </c>
      <c r="K31506" s="9"/>
      <c r="L31506" s="6"/>
    </row>
    <row r="31507" spans="1:12">
      <c r="A31507" s="6" t="s">
        <v>32981</v>
      </c>
      <c r="B31507" s="6"/>
      <c r="C31507" s="6"/>
      <c r="D31507" s="6"/>
      <c r="E31507" s="6"/>
      <c r="F31507" s="7"/>
      <c r="G31507" s="8">
        <v>946000</v>
      </c>
      <c r="H31507" s="8">
        <v>0</v>
      </c>
      <c r="I31507" s="8">
        <v>0</v>
      </c>
      <c r="J31507" s="8">
        <v>946000</v>
      </c>
      <c r="K31507" s="9"/>
      <c r="L31507" s="6"/>
    </row>
    <row r="31508" spans="1:12">
      <c r="A31508" s="6" t="s">
        <v>32982</v>
      </c>
      <c r="B31508" s="6"/>
      <c r="C31508" s="6"/>
      <c r="D31508" s="6"/>
      <c r="E31508" s="6"/>
      <c r="F31508" s="7"/>
      <c r="G31508" s="8">
        <v>2910820</v>
      </c>
      <c r="H31508" s="8">
        <v>0</v>
      </c>
      <c r="I31508" s="8">
        <v>0</v>
      </c>
      <c r="J31508" s="8">
        <v>2910820</v>
      </c>
      <c r="K31508" s="9"/>
      <c r="L31508" s="6"/>
    </row>
    <row r="31509" spans="1:12">
      <c r="A31509" s="6" t="s">
        <v>32983</v>
      </c>
      <c r="B31509" s="6"/>
      <c r="C31509" s="6"/>
      <c r="D31509" s="6"/>
      <c r="E31509" s="6"/>
      <c r="F31509" s="7"/>
      <c r="G31509" s="8">
        <v>1287000</v>
      </c>
      <c r="H31509" s="8">
        <v>0</v>
      </c>
      <c r="I31509" s="8">
        <v>0</v>
      </c>
      <c r="J31509" s="8">
        <v>1287000</v>
      </c>
      <c r="K31509" s="9"/>
      <c r="L31509" s="6"/>
    </row>
    <row r="31510" spans="1:12">
      <c r="A31510" s="6" t="s">
        <v>32984</v>
      </c>
      <c r="B31510" s="6"/>
      <c r="C31510" s="6"/>
      <c r="D31510" s="6"/>
      <c r="E31510" s="6"/>
      <c r="F31510" s="7"/>
      <c r="G31510" s="8">
        <v>1100000</v>
      </c>
      <c r="H31510" s="8">
        <v>0</v>
      </c>
      <c r="I31510" s="8">
        <v>0</v>
      </c>
      <c r="J31510" s="8">
        <v>1100000</v>
      </c>
      <c r="K31510" s="9"/>
      <c r="L31510" s="6"/>
    </row>
    <row r="31511" spans="1:12">
      <c r="A31511" s="6" t="s">
        <v>32985</v>
      </c>
      <c r="B31511" s="6"/>
      <c r="C31511" s="6"/>
      <c r="D31511" s="6"/>
      <c r="E31511" s="6"/>
      <c r="F31511" s="7"/>
      <c r="G31511" s="8">
        <v>1188100</v>
      </c>
      <c r="H31511" s="8">
        <v>0</v>
      </c>
      <c r="I31511" s="8">
        <v>0</v>
      </c>
      <c r="J31511" s="8">
        <v>1188100</v>
      </c>
      <c r="K31511" s="9"/>
      <c r="L31511" s="6"/>
    </row>
    <row r="31512" spans="1:12">
      <c r="A31512" s="6" t="s">
        <v>32986</v>
      </c>
      <c r="B31512" s="6"/>
      <c r="C31512" s="6"/>
      <c r="D31512" s="6"/>
      <c r="E31512" s="6"/>
      <c r="F31512" s="7"/>
      <c r="G31512" s="8">
        <v>1254000</v>
      </c>
      <c r="H31512" s="8">
        <v>0</v>
      </c>
      <c r="I31512" s="8">
        <v>0</v>
      </c>
      <c r="J31512" s="8">
        <v>1254000</v>
      </c>
      <c r="K31512" s="9"/>
      <c r="L31512" s="6"/>
    </row>
    <row r="31513" spans="1:12">
      <c r="A31513" s="6" t="s">
        <v>32987</v>
      </c>
      <c r="B31513" s="6"/>
      <c r="C31513" s="6"/>
      <c r="D31513" s="6"/>
      <c r="E31513" s="6"/>
      <c r="F31513" s="7"/>
      <c r="G31513" s="8">
        <v>109346000</v>
      </c>
      <c r="H31513" s="8">
        <v>0</v>
      </c>
      <c r="I31513" s="8">
        <v>0</v>
      </c>
      <c r="J31513" s="8">
        <v>109346000</v>
      </c>
      <c r="K31513" s="9"/>
      <c r="L31513" s="6"/>
    </row>
    <row r="31514" spans="1:12">
      <c r="A31514" s="6" t="s">
        <v>32988</v>
      </c>
      <c r="B31514" s="6"/>
      <c r="C31514" s="6"/>
      <c r="D31514" s="6"/>
      <c r="E31514" s="6"/>
      <c r="F31514" s="7"/>
      <c r="G31514" s="8">
        <v>1012000</v>
      </c>
      <c r="H31514" s="8">
        <v>0</v>
      </c>
      <c r="I31514" s="8">
        <v>0</v>
      </c>
      <c r="J31514" s="8">
        <v>1012000</v>
      </c>
      <c r="K31514" s="9"/>
      <c r="L31514" s="6"/>
    </row>
    <row r="31515" spans="1:12">
      <c r="A31515" s="6" t="s">
        <v>32989</v>
      </c>
      <c r="B31515" s="6"/>
      <c r="C31515" s="6"/>
      <c r="D31515" s="6"/>
      <c r="E31515" s="6"/>
      <c r="F31515" s="7"/>
      <c r="G31515" s="8">
        <v>1100000</v>
      </c>
      <c r="H31515" s="8">
        <v>0</v>
      </c>
      <c r="I31515" s="8">
        <v>0</v>
      </c>
      <c r="J31515" s="8">
        <v>1100000</v>
      </c>
      <c r="K31515" s="9"/>
      <c r="L31515" s="6"/>
    </row>
    <row r="31516" spans="1:12">
      <c r="A31516" s="6" t="s">
        <v>32990</v>
      </c>
      <c r="B31516" s="6"/>
      <c r="C31516" s="6"/>
      <c r="D31516" s="6"/>
      <c r="E31516" s="6"/>
      <c r="F31516" s="7"/>
      <c r="G31516" s="8">
        <v>827200</v>
      </c>
      <c r="H31516" s="8">
        <v>0</v>
      </c>
      <c r="I31516" s="8">
        <v>0</v>
      </c>
      <c r="J31516" s="8">
        <v>827200</v>
      </c>
      <c r="K31516" s="9"/>
      <c r="L31516" s="6"/>
    </row>
    <row r="31517" spans="1:12">
      <c r="A31517" s="6" t="s">
        <v>32991</v>
      </c>
      <c r="B31517" s="6"/>
      <c r="C31517" s="6"/>
      <c r="D31517" s="6"/>
      <c r="E31517" s="6"/>
      <c r="F31517" s="7"/>
      <c r="G31517" s="8">
        <v>1139600</v>
      </c>
      <c r="H31517" s="8">
        <v>0</v>
      </c>
      <c r="I31517" s="8">
        <v>0</v>
      </c>
      <c r="J31517" s="8">
        <v>1139600</v>
      </c>
      <c r="K31517" s="9"/>
      <c r="L31517" s="6"/>
    </row>
    <row r="31518" spans="1:12">
      <c r="A31518" s="6" t="s">
        <v>32992</v>
      </c>
      <c r="B31518" s="6"/>
      <c r="C31518" s="6"/>
      <c r="D31518" s="6"/>
      <c r="E31518" s="6"/>
      <c r="F31518" s="7"/>
      <c r="G31518" s="8">
        <v>1287000</v>
      </c>
      <c r="H31518" s="8">
        <v>0</v>
      </c>
      <c r="I31518" s="8">
        <v>0</v>
      </c>
      <c r="J31518" s="8">
        <v>1287000</v>
      </c>
      <c r="K31518" s="9"/>
      <c r="L31518" s="6"/>
    </row>
    <row r="31519" spans="1:12">
      <c r="A31519" s="6" t="s">
        <v>32993</v>
      </c>
      <c r="B31519" s="6"/>
      <c r="C31519" s="6"/>
      <c r="D31519" s="6"/>
      <c r="E31519" s="6"/>
      <c r="F31519" s="7"/>
      <c r="G31519" s="8">
        <v>1287000</v>
      </c>
      <c r="H31519" s="8">
        <v>0</v>
      </c>
      <c r="I31519" s="8">
        <v>0</v>
      </c>
      <c r="J31519" s="8">
        <v>1287000</v>
      </c>
      <c r="K31519" s="9"/>
      <c r="L31519" s="6"/>
    </row>
    <row r="31520" spans="1:12">
      <c r="A31520" s="6" t="s">
        <v>32994</v>
      </c>
      <c r="B31520" s="6"/>
      <c r="C31520" s="6"/>
      <c r="D31520" s="6"/>
      <c r="E31520" s="6"/>
      <c r="F31520" s="7"/>
      <c r="G31520" s="8">
        <v>950400</v>
      </c>
      <c r="H31520" s="8">
        <v>0</v>
      </c>
      <c r="I31520" s="8">
        <v>0</v>
      </c>
      <c r="J31520" s="8">
        <v>950400</v>
      </c>
      <c r="K31520" s="9"/>
      <c r="L31520" s="6"/>
    </row>
    <row r="31521" spans="1:12">
      <c r="A31521" s="6" t="s">
        <v>32995</v>
      </c>
      <c r="B31521" s="6"/>
      <c r="C31521" s="6"/>
      <c r="D31521" s="6"/>
      <c r="E31521" s="6"/>
      <c r="F31521" s="7"/>
      <c r="G31521" s="8">
        <v>1034000</v>
      </c>
      <c r="H31521" s="8">
        <v>0</v>
      </c>
      <c r="I31521" s="8">
        <v>0</v>
      </c>
      <c r="J31521" s="8">
        <v>1034000</v>
      </c>
      <c r="K31521" s="9"/>
      <c r="L31521" s="6"/>
    </row>
    <row r="31522" spans="1:12">
      <c r="A31522" s="6" t="s">
        <v>32996</v>
      </c>
      <c r="B31522" s="6"/>
      <c r="C31522" s="6"/>
      <c r="D31522" s="6"/>
      <c r="E31522" s="6"/>
      <c r="F31522" s="7"/>
      <c r="G31522" s="8">
        <v>2288000</v>
      </c>
      <c r="H31522" s="8">
        <v>0</v>
      </c>
      <c r="I31522" s="8">
        <v>0</v>
      </c>
      <c r="J31522" s="8">
        <v>2288000</v>
      </c>
      <c r="K31522" s="9"/>
      <c r="L31522" s="6"/>
    </row>
    <row r="31523" spans="1:12">
      <c r="A31523" s="6" t="s">
        <v>32997</v>
      </c>
      <c r="B31523" s="6"/>
      <c r="C31523" s="6"/>
      <c r="D31523" s="6"/>
      <c r="E31523" s="6"/>
      <c r="F31523" s="7"/>
      <c r="G31523" s="8">
        <v>990000</v>
      </c>
      <c r="H31523" s="8">
        <v>0</v>
      </c>
      <c r="I31523" s="8">
        <v>0</v>
      </c>
      <c r="J31523" s="8">
        <v>990000</v>
      </c>
      <c r="K31523" s="9"/>
      <c r="L31523" s="6"/>
    </row>
    <row r="31524" spans="1:12">
      <c r="A31524" s="6" t="s">
        <v>32987</v>
      </c>
      <c r="B31524" s="6"/>
      <c r="C31524" s="6"/>
      <c r="D31524" s="6"/>
      <c r="E31524" s="6"/>
      <c r="F31524" s="7"/>
      <c r="G31524" s="8">
        <v>828734000</v>
      </c>
      <c r="H31524" s="8">
        <v>0</v>
      </c>
      <c r="I31524" s="8">
        <v>0</v>
      </c>
      <c r="J31524" s="8">
        <v>828734000</v>
      </c>
      <c r="K31524" s="9"/>
      <c r="L31524" s="6"/>
    </row>
    <row r="31525" spans="1:12">
      <c r="A31525" s="6" t="s">
        <v>32998</v>
      </c>
      <c r="B31525" s="6"/>
      <c r="C31525" s="6"/>
      <c r="D31525" s="6"/>
      <c r="E31525" s="6"/>
      <c r="F31525" s="7"/>
      <c r="G31525" s="8">
        <v>957000</v>
      </c>
      <c r="H31525" s="8">
        <v>0</v>
      </c>
      <c r="I31525" s="8">
        <v>0</v>
      </c>
      <c r="J31525" s="8">
        <v>957000</v>
      </c>
      <c r="K31525" s="9"/>
      <c r="L31525" s="6"/>
    </row>
    <row r="31526" spans="1:12">
      <c r="A31526" s="6" t="s">
        <v>32999</v>
      </c>
      <c r="B31526" s="6"/>
      <c r="C31526" s="6"/>
      <c r="D31526" s="6"/>
      <c r="E31526" s="6"/>
      <c r="F31526" s="7"/>
      <c r="G31526" s="8">
        <v>880000</v>
      </c>
      <c r="H31526" s="8">
        <v>0</v>
      </c>
      <c r="I31526" s="8">
        <v>0</v>
      </c>
      <c r="J31526" s="8">
        <v>880000</v>
      </c>
      <c r="K31526" s="9"/>
      <c r="L31526" s="6"/>
    </row>
    <row r="31527" spans="1:12">
      <c r="A31527" s="6" t="s">
        <v>33000</v>
      </c>
      <c r="B31527" s="6"/>
      <c r="C31527" s="6"/>
      <c r="D31527" s="6"/>
      <c r="E31527" s="6"/>
      <c r="F31527" s="7"/>
      <c r="G31527" s="8">
        <v>759000</v>
      </c>
      <c r="H31527" s="8">
        <v>0</v>
      </c>
      <c r="I31527" s="8">
        <v>0</v>
      </c>
      <c r="J31527" s="8">
        <v>759000</v>
      </c>
      <c r="K31527" s="9"/>
      <c r="L31527" s="6"/>
    </row>
    <row r="31528" spans="1:12">
      <c r="A31528" s="6" t="s">
        <v>33001</v>
      </c>
      <c r="B31528" s="6"/>
      <c r="C31528" s="6"/>
      <c r="D31528" s="6"/>
      <c r="E31528" s="6"/>
      <c r="F31528" s="7"/>
      <c r="G31528" s="8">
        <v>1254000</v>
      </c>
      <c r="H31528" s="8">
        <v>0</v>
      </c>
      <c r="I31528" s="8">
        <v>0</v>
      </c>
      <c r="J31528" s="8">
        <v>1254000</v>
      </c>
      <c r="K31528" s="9"/>
      <c r="L31528" s="6"/>
    </row>
    <row r="31529" spans="1:12">
      <c r="A31529" s="6" t="s">
        <v>33002</v>
      </c>
      <c r="B31529" s="6"/>
      <c r="C31529" s="6"/>
      <c r="D31529" s="6"/>
      <c r="E31529" s="6"/>
      <c r="F31529" s="7"/>
      <c r="G31529" s="8">
        <v>1265000</v>
      </c>
      <c r="H31529" s="8">
        <v>0</v>
      </c>
      <c r="I31529" s="8">
        <v>0</v>
      </c>
      <c r="J31529" s="8">
        <v>1265000</v>
      </c>
      <c r="K31529" s="9"/>
      <c r="L31529" s="6"/>
    </row>
    <row r="31530" spans="1:12">
      <c r="A31530" s="6" t="s">
        <v>33003</v>
      </c>
      <c r="B31530" s="6"/>
      <c r="C31530" s="6"/>
      <c r="D31530" s="6"/>
      <c r="E31530" s="6"/>
      <c r="F31530" s="7"/>
      <c r="G31530" s="8">
        <v>748000</v>
      </c>
      <c r="H31530" s="8">
        <v>0</v>
      </c>
      <c r="I31530" s="8">
        <v>0</v>
      </c>
      <c r="J31530" s="8">
        <v>748000</v>
      </c>
      <c r="K31530" s="9"/>
      <c r="L31530" s="6"/>
    </row>
    <row r="31531" spans="1:12">
      <c r="A31531" s="6" t="s">
        <v>33004</v>
      </c>
      <c r="B31531" s="6"/>
      <c r="C31531" s="6"/>
      <c r="D31531" s="6"/>
      <c r="E31531" s="6"/>
      <c r="F31531" s="7"/>
      <c r="G31531" s="8">
        <v>1097800</v>
      </c>
      <c r="H31531" s="8">
        <v>0</v>
      </c>
      <c r="I31531" s="8">
        <v>0</v>
      </c>
      <c r="J31531" s="8">
        <v>1097800</v>
      </c>
      <c r="K31531" s="9"/>
      <c r="L31531" s="6"/>
    </row>
    <row r="31532" spans="1:12">
      <c r="A31532" s="6" t="s">
        <v>33005</v>
      </c>
      <c r="B31532" s="6"/>
      <c r="C31532" s="6"/>
      <c r="D31532" s="6"/>
      <c r="E31532" s="6"/>
      <c r="F31532" s="7"/>
      <c r="G31532" s="8">
        <v>1254000</v>
      </c>
      <c r="H31532" s="8">
        <v>0</v>
      </c>
      <c r="I31532" s="8">
        <v>0</v>
      </c>
      <c r="J31532" s="8">
        <v>1254000</v>
      </c>
      <c r="K31532" s="9"/>
      <c r="L31532" s="6"/>
    </row>
    <row r="31533" spans="1:12">
      <c r="A31533" s="6" t="s">
        <v>33006</v>
      </c>
      <c r="B31533" s="6"/>
      <c r="C31533" s="6"/>
      <c r="D31533" s="6"/>
      <c r="E31533" s="6"/>
      <c r="F31533" s="7"/>
      <c r="G31533" s="8">
        <v>1155000</v>
      </c>
      <c r="H31533" s="8">
        <v>0</v>
      </c>
      <c r="I31533" s="8">
        <v>0</v>
      </c>
      <c r="J31533" s="8">
        <v>1155000</v>
      </c>
      <c r="K31533" s="9"/>
      <c r="L31533" s="6"/>
    </row>
    <row r="31534" spans="1:12">
      <c r="A31534" s="6" t="s">
        <v>33007</v>
      </c>
      <c r="B31534" s="6"/>
      <c r="C31534" s="6"/>
      <c r="D31534" s="6"/>
      <c r="E31534" s="6"/>
      <c r="F31534" s="7"/>
      <c r="G31534" s="8">
        <v>5357000</v>
      </c>
      <c r="H31534" s="8">
        <v>0</v>
      </c>
      <c r="I31534" s="8">
        <v>0</v>
      </c>
      <c r="J31534" s="8">
        <v>5357000</v>
      </c>
      <c r="K31534" s="9"/>
      <c r="L31534" s="6"/>
    </row>
    <row r="31535" spans="1:12">
      <c r="A31535" s="6" t="s">
        <v>33008</v>
      </c>
      <c r="B31535" s="6"/>
      <c r="C31535" s="6"/>
      <c r="D31535" s="6"/>
      <c r="E31535" s="6"/>
      <c r="F31535" s="7"/>
      <c r="G31535" s="8">
        <v>7700000</v>
      </c>
      <c r="H31535" s="8">
        <v>0</v>
      </c>
      <c r="I31535" s="8">
        <v>0</v>
      </c>
      <c r="J31535" s="8">
        <v>7700000</v>
      </c>
      <c r="K31535" s="9"/>
      <c r="L31535" s="6"/>
    </row>
    <row r="31536" spans="1:12">
      <c r="A31536" s="6" t="s">
        <v>33009</v>
      </c>
      <c r="B31536" s="6"/>
      <c r="C31536" s="6"/>
      <c r="D31536" s="6"/>
      <c r="E31536" s="6"/>
      <c r="F31536" s="7"/>
      <c r="G31536" s="8">
        <v>1889800</v>
      </c>
      <c r="H31536" s="8">
        <v>0</v>
      </c>
      <c r="I31536" s="8">
        <v>0</v>
      </c>
      <c r="J31536" s="8">
        <v>1889800</v>
      </c>
      <c r="K31536" s="9"/>
      <c r="L31536" s="6"/>
    </row>
    <row r="31537" spans="1:12">
      <c r="A31537" s="6" t="s">
        <v>33010</v>
      </c>
      <c r="B31537" s="6"/>
      <c r="C31537" s="6"/>
      <c r="D31537" s="6"/>
      <c r="E31537" s="6"/>
      <c r="F31537" s="7"/>
      <c r="G31537" s="8">
        <v>1204500</v>
      </c>
      <c r="H31537" s="8">
        <v>0</v>
      </c>
      <c r="I31537" s="8">
        <v>0</v>
      </c>
      <c r="J31537" s="8">
        <v>1204500</v>
      </c>
      <c r="K31537" s="9"/>
      <c r="L31537" s="6"/>
    </row>
    <row r="31538" spans="1:12">
      <c r="A31538" s="6" t="s">
        <v>33011</v>
      </c>
      <c r="B31538" s="6"/>
      <c r="C31538" s="6"/>
      <c r="D31538" s="6"/>
      <c r="E31538" s="6"/>
      <c r="F31538" s="7"/>
      <c r="G31538" s="8">
        <v>1094500</v>
      </c>
      <c r="H31538" s="8">
        <v>0</v>
      </c>
      <c r="I31538" s="8">
        <v>0</v>
      </c>
      <c r="J31538" s="8">
        <v>1094500</v>
      </c>
      <c r="K31538" s="9"/>
      <c r="L31538" s="6"/>
    </row>
    <row r="31539" spans="1:12">
      <c r="A31539" s="6" t="s">
        <v>33012</v>
      </c>
      <c r="B31539" s="6"/>
      <c r="C31539" s="6"/>
      <c r="D31539" s="6"/>
      <c r="E31539" s="6"/>
      <c r="F31539" s="7"/>
      <c r="G31539" s="8">
        <v>693000</v>
      </c>
      <c r="H31539" s="8">
        <v>0</v>
      </c>
      <c r="I31539" s="8">
        <v>0</v>
      </c>
      <c r="J31539" s="8">
        <v>693000</v>
      </c>
      <c r="K31539" s="9"/>
      <c r="L31539" s="6"/>
    </row>
    <row r="31540" spans="1:12">
      <c r="A31540" s="6" t="s">
        <v>33013</v>
      </c>
      <c r="B31540" s="6"/>
      <c r="C31540" s="6"/>
      <c r="D31540" s="6"/>
      <c r="E31540" s="6"/>
      <c r="F31540" s="7"/>
      <c r="G31540" s="8">
        <v>4862000</v>
      </c>
      <c r="H31540" s="8">
        <v>0</v>
      </c>
      <c r="I31540" s="8">
        <v>0</v>
      </c>
      <c r="J31540" s="8">
        <v>4862000</v>
      </c>
      <c r="K31540" s="9"/>
      <c r="L31540" s="6"/>
    </row>
    <row r="31541" spans="1:12">
      <c r="A31541" s="6" t="s">
        <v>33014</v>
      </c>
      <c r="B31541" s="6"/>
      <c r="C31541" s="6"/>
      <c r="D31541" s="6"/>
      <c r="E31541" s="6"/>
      <c r="F31541" s="7"/>
      <c r="G31541" s="8">
        <v>797280</v>
      </c>
      <c r="H31541" s="8">
        <v>0</v>
      </c>
      <c r="I31541" s="8">
        <v>0</v>
      </c>
      <c r="J31541" s="8">
        <v>797280</v>
      </c>
      <c r="K31541" s="9"/>
      <c r="L31541" s="6"/>
    </row>
    <row r="31542" spans="1:12">
      <c r="A31542" s="6" t="s">
        <v>33015</v>
      </c>
      <c r="B31542" s="6"/>
      <c r="C31542" s="6"/>
      <c r="D31542" s="6"/>
      <c r="E31542" s="6"/>
      <c r="F31542" s="7"/>
      <c r="G31542" s="8">
        <v>722170</v>
      </c>
      <c r="H31542" s="8">
        <v>0</v>
      </c>
      <c r="I31542" s="8">
        <v>0</v>
      </c>
      <c r="J31542" s="8">
        <v>722170</v>
      </c>
      <c r="K31542" s="9"/>
      <c r="L31542" s="6"/>
    </row>
    <row r="31543" spans="1:12">
      <c r="A31543" s="6" t="s">
        <v>33016</v>
      </c>
      <c r="B31543" s="6"/>
      <c r="C31543" s="6"/>
      <c r="D31543" s="6"/>
      <c r="E31543" s="6"/>
      <c r="F31543" s="7"/>
      <c r="G31543" s="8">
        <v>4163500</v>
      </c>
      <c r="H31543" s="8">
        <v>0</v>
      </c>
      <c r="I31543" s="8">
        <v>0</v>
      </c>
      <c r="J31543" s="8">
        <v>4163500</v>
      </c>
      <c r="K31543" s="9"/>
      <c r="L31543" s="6"/>
    </row>
    <row r="31544" spans="1:12">
      <c r="A31544" s="6" t="s">
        <v>33017</v>
      </c>
      <c r="B31544" s="6"/>
      <c r="C31544" s="6"/>
      <c r="D31544" s="6"/>
      <c r="E31544" s="6"/>
      <c r="F31544" s="7"/>
      <c r="G31544" s="8">
        <v>645700</v>
      </c>
      <c r="H31544" s="8">
        <v>0</v>
      </c>
      <c r="I31544" s="8">
        <v>0</v>
      </c>
      <c r="J31544" s="8">
        <v>645700</v>
      </c>
      <c r="K31544" s="9"/>
      <c r="L31544" s="6"/>
    </row>
    <row r="31545" spans="1:12">
      <c r="A31545" s="6" t="s">
        <v>33018</v>
      </c>
      <c r="B31545" s="6"/>
      <c r="C31545" s="6"/>
      <c r="D31545" s="6"/>
      <c r="E31545" s="6"/>
      <c r="F31545" s="7"/>
      <c r="G31545" s="8">
        <v>2068000</v>
      </c>
      <c r="H31545" s="8">
        <v>0</v>
      </c>
      <c r="I31545" s="8">
        <v>0</v>
      </c>
      <c r="J31545" s="8">
        <v>2068000</v>
      </c>
      <c r="K31545" s="9"/>
      <c r="L31545" s="6"/>
    </row>
    <row r="31546" spans="1:12">
      <c r="A31546" s="6" t="s">
        <v>33019</v>
      </c>
      <c r="B31546" s="6"/>
      <c r="C31546" s="6"/>
      <c r="D31546" s="6"/>
      <c r="E31546" s="6"/>
      <c r="F31546" s="7"/>
      <c r="G31546" s="8">
        <v>790000</v>
      </c>
      <c r="H31546" s="8">
        <v>0</v>
      </c>
      <c r="I31546" s="8">
        <v>0</v>
      </c>
      <c r="J31546" s="8">
        <v>790000</v>
      </c>
      <c r="K31546" s="9"/>
      <c r="L31546" s="6"/>
    </row>
    <row r="31547" spans="1:12">
      <c r="A31547" s="6" t="s">
        <v>33020</v>
      </c>
      <c r="B31547" s="6"/>
      <c r="C31547" s="6"/>
      <c r="D31547" s="6"/>
      <c r="E31547" s="6"/>
      <c r="F31547" s="7"/>
      <c r="G31547" s="8">
        <v>627000</v>
      </c>
      <c r="H31547" s="8">
        <v>0</v>
      </c>
      <c r="I31547" s="8">
        <v>0</v>
      </c>
      <c r="J31547" s="8">
        <v>627000</v>
      </c>
      <c r="K31547" s="9"/>
      <c r="L31547" s="6"/>
    </row>
    <row r="31548" spans="1:12">
      <c r="A31548" s="6" t="s">
        <v>33021</v>
      </c>
      <c r="B31548" s="6"/>
      <c r="C31548" s="6"/>
      <c r="D31548" s="6"/>
      <c r="E31548" s="6"/>
      <c r="F31548" s="7"/>
      <c r="G31548" s="8">
        <v>990000</v>
      </c>
      <c r="H31548" s="8">
        <v>0</v>
      </c>
      <c r="I31548" s="8">
        <v>0</v>
      </c>
      <c r="J31548" s="8">
        <v>990000</v>
      </c>
      <c r="K31548" s="9"/>
      <c r="L31548" s="6"/>
    </row>
    <row r="31549" spans="1:12">
      <c r="A31549" s="6" t="s">
        <v>33022</v>
      </c>
      <c r="B31549" s="6"/>
      <c r="C31549" s="6"/>
      <c r="D31549" s="6"/>
      <c r="E31549" s="6"/>
      <c r="F31549" s="7"/>
      <c r="G31549" s="8">
        <v>1100000</v>
      </c>
      <c r="H31549" s="8">
        <v>0</v>
      </c>
      <c r="I31549" s="8">
        <v>0</v>
      </c>
      <c r="J31549" s="8">
        <v>1100000</v>
      </c>
      <c r="K31549" s="9"/>
      <c r="L31549" s="6"/>
    </row>
    <row r="31550" spans="1:12">
      <c r="A31550" s="6" t="s">
        <v>33023</v>
      </c>
      <c r="B31550" s="6"/>
      <c r="C31550" s="6"/>
      <c r="D31550" s="6"/>
      <c r="E31550" s="6"/>
      <c r="F31550" s="7"/>
      <c r="G31550" s="8">
        <v>1056000</v>
      </c>
      <c r="H31550" s="8">
        <v>0</v>
      </c>
      <c r="I31550" s="8">
        <v>0</v>
      </c>
      <c r="J31550" s="8">
        <v>1056000</v>
      </c>
      <c r="K31550" s="9"/>
      <c r="L31550" s="6"/>
    </row>
    <row r="31551" spans="1:12">
      <c r="A31551" s="6" t="s">
        <v>33024</v>
      </c>
      <c r="B31551" s="6"/>
      <c r="C31551" s="6"/>
      <c r="D31551" s="6"/>
      <c r="E31551" s="6"/>
      <c r="F31551" s="7"/>
      <c r="G31551" s="8">
        <v>891000</v>
      </c>
      <c r="H31551" s="8">
        <v>0</v>
      </c>
      <c r="I31551" s="8">
        <v>0</v>
      </c>
      <c r="J31551" s="8">
        <v>891000</v>
      </c>
      <c r="K31551" s="9"/>
      <c r="L31551" s="6"/>
    </row>
    <row r="31552" spans="1:12">
      <c r="A31552" s="6" t="s">
        <v>33025</v>
      </c>
      <c r="B31552" s="6"/>
      <c r="C31552" s="6"/>
      <c r="D31552" s="6"/>
      <c r="E31552" s="6"/>
      <c r="F31552" s="7"/>
      <c r="G31552" s="8">
        <v>1188000</v>
      </c>
      <c r="H31552" s="8">
        <v>0</v>
      </c>
      <c r="I31552" s="8">
        <v>0</v>
      </c>
      <c r="J31552" s="8">
        <v>1188000</v>
      </c>
      <c r="K31552" s="9"/>
      <c r="L31552" s="6"/>
    </row>
    <row r="31553" spans="1:12">
      <c r="A31553" s="6" t="s">
        <v>33026</v>
      </c>
      <c r="B31553" s="6"/>
      <c r="C31553" s="6"/>
      <c r="D31553" s="6"/>
      <c r="E31553" s="6"/>
      <c r="F31553" s="7"/>
      <c r="G31553" s="8">
        <v>1177000</v>
      </c>
      <c r="H31553" s="8">
        <v>0</v>
      </c>
      <c r="I31553" s="8">
        <v>0</v>
      </c>
      <c r="J31553" s="8">
        <v>1177000</v>
      </c>
      <c r="K31553" s="9"/>
      <c r="L31553" s="6"/>
    </row>
    <row r="31554" spans="1:12">
      <c r="A31554" s="6" t="s">
        <v>33027</v>
      </c>
      <c r="B31554" s="6"/>
      <c r="C31554" s="6"/>
      <c r="D31554" s="6"/>
      <c r="E31554" s="6"/>
      <c r="F31554" s="7"/>
      <c r="G31554" s="8">
        <v>2420000</v>
      </c>
      <c r="H31554" s="8">
        <v>0</v>
      </c>
      <c r="I31554" s="8">
        <v>0</v>
      </c>
      <c r="J31554" s="8">
        <v>2420000</v>
      </c>
      <c r="K31554" s="9"/>
      <c r="L31554" s="6"/>
    </row>
    <row r="31555" spans="1:12">
      <c r="A31555" s="6" t="s">
        <v>33028</v>
      </c>
      <c r="B31555" s="6"/>
      <c r="C31555" s="6"/>
      <c r="D31555" s="6"/>
      <c r="E31555" s="6"/>
      <c r="F31555" s="7"/>
      <c r="G31555" s="8">
        <v>1119800</v>
      </c>
      <c r="H31555" s="8">
        <v>0</v>
      </c>
      <c r="I31555" s="8">
        <v>0</v>
      </c>
      <c r="J31555" s="8">
        <v>1119800</v>
      </c>
      <c r="K31555" s="9"/>
      <c r="L31555" s="6"/>
    </row>
    <row r="31556" spans="1:12">
      <c r="A31556" s="6" t="s">
        <v>33029</v>
      </c>
      <c r="B31556" s="6"/>
      <c r="C31556" s="6"/>
      <c r="D31556" s="6"/>
      <c r="E31556" s="6"/>
      <c r="F31556" s="7"/>
      <c r="G31556" s="8">
        <v>990000</v>
      </c>
      <c r="H31556" s="8">
        <v>0</v>
      </c>
      <c r="I31556" s="8">
        <v>0</v>
      </c>
      <c r="J31556" s="8">
        <v>990000</v>
      </c>
      <c r="K31556" s="9"/>
      <c r="L31556" s="6"/>
    </row>
    <row r="31557" spans="1:12">
      <c r="A31557" s="6" t="s">
        <v>33030</v>
      </c>
      <c r="B31557" s="6"/>
      <c r="C31557" s="6"/>
      <c r="D31557" s="6"/>
      <c r="E31557" s="6"/>
      <c r="F31557" s="7"/>
      <c r="G31557" s="8">
        <v>1298000</v>
      </c>
      <c r="H31557" s="8">
        <v>0</v>
      </c>
      <c r="I31557" s="8">
        <v>0</v>
      </c>
      <c r="J31557" s="8">
        <v>1298000</v>
      </c>
      <c r="K31557" s="9"/>
      <c r="L31557" s="6"/>
    </row>
    <row r="31558" spans="1:12">
      <c r="A31558" s="6" t="s">
        <v>33031</v>
      </c>
      <c r="B31558" s="6"/>
      <c r="C31558" s="6"/>
      <c r="D31558" s="6"/>
      <c r="E31558" s="6"/>
      <c r="F31558" s="7"/>
      <c r="G31558" s="8">
        <v>1265000</v>
      </c>
      <c r="H31558" s="8">
        <v>0</v>
      </c>
      <c r="I31558" s="8">
        <v>0</v>
      </c>
      <c r="J31558" s="8">
        <v>1265000</v>
      </c>
      <c r="K31558" s="9"/>
      <c r="L31558" s="6"/>
    </row>
    <row r="31559" spans="1:12">
      <c r="A31559" s="6" t="s">
        <v>33032</v>
      </c>
      <c r="B31559" s="6"/>
      <c r="C31559" s="6"/>
      <c r="D31559" s="6"/>
      <c r="E31559" s="6"/>
      <c r="F31559" s="7"/>
      <c r="G31559" s="8">
        <v>1188000</v>
      </c>
      <c r="H31559" s="8">
        <v>0</v>
      </c>
      <c r="I31559" s="8">
        <v>0</v>
      </c>
      <c r="J31559" s="8">
        <v>1188000</v>
      </c>
      <c r="K31559" s="9"/>
      <c r="L31559" s="6"/>
    </row>
    <row r="31560" spans="1:12">
      <c r="A31560" s="6" t="s">
        <v>33033</v>
      </c>
      <c r="B31560" s="6"/>
      <c r="C31560" s="6"/>
      <c r="D31560" s="6"/>
      <c r="E31560" s="6"/>
      <c r="F31560" s="7"/>
      <c r="G31560" s="8">
        <v>1243000</v>
      </c>
      <c r="H31560" s="8">
        <v>0</v>
      </c>
      <c r="I31560" s="8">
        <v>0</v>
      </c>
      <c r="J31560" s="8">
        <v>1243000</v>
      </c>
      <c r="K31560" s="9"/>
      <c r="L31560" s="6"/>
    </row>
    <row r="31561" spans="1:12">
      <c r="A31561" s="6" t="s">
        <v>33034</v>
      </c>
      <c r="B31561" s="6"/>
      <c r="C31561" s="6"/>
      <c r="D31561" s="6"/>
      <c r="E31561" s="6"/>
      <c r="F31561" s="7"/>
      <c r="G31561" s="8">
        <v>1265000</v>
      </c>
      <c r="H31561" s="8">
        <v>0</v>
      </c>
      <c r="I31561" s="8">
        <v>0</v>
      </c>
      <c r="J31561" s="8">
        <v>1265000</v>
      </c>
      <c r="K31561" s="9"/>
      <c r="L31561" s="6"/>
    </row>
    <row r="31562" spans="1:12">
      <c r="A31562" s="6" t="s">
        <v>33035</v>
      </c>
      <c r="B31562" s="6"/>
      <c r="C31562" s="6"/>
      <c r="D31562" s="6"/>
      <c r="E31562" s="6"/>
      <c r="F31562" s="7"/>
      <c r="G31562" s="8">
        <v>3025000</v>
      </c>
      <c r="H31562" s="8">
        <v>0</v>
      </c>
      <c r="I31562" s="8">
        <v>0</v>
      </c>
      <c r="J31562" s="8">
        <v>3025000</v>
      </c>
      <c r="K31562" s="9"/>
      <c r="L31562" s="6"/>
    </row>
    <row r="31563" spans="1:12">
      <c r="A31563" s="6" t="s">
        <v>33036</v>
      </c>
      <c r="B31563" s="6"/>
      <c r="C31563" s="6"/>
      <c r="D31563" s="6"/>
      <c r="E31563" s="6"/>
      <c r="F31563" s="7"/>
      <c r="G31563" s="8">
        <v>2718100</v>
      </c>
      <c r="H31563" s="8">
        <v>0</v>
      </c>
      <c r="I31563" s="8">
        <v>0</v>
      </c>
      <c r="J31563" s="8">
        <v>2718100</v>
      </c>
      <c r="K31563" s="9"/>
      <c r="L31563" s="6"/>
    </row>
    <row r="31564" spans="1:12">
      <c r="A31564" s="6" t="s">
        <v>33037</v>
      </c>
      <c r="B31564" s="6"/>
      <c r="C31564" s="6"/>
      <c r="D31564" s="6"/>
      <c r="E31564" s="6"/>
      <c r="F31564" s="7"/>
      <c r="G31564" s="8">
        <v>1097800</v>
      </c>
      <c r="H31564" s="8">
        <v>0</v>
      </c>
      <c r="I31564" s="8">
        <v>0</v>
      </c>
      <c r="J31564" s="8">
        <v>1097800</v>
      </c>
      <c r="K31564" s="9"/>
      <c r="L31564" s="6"/>
    </row>
    <row r="31565" spans="1:12">
      <c r="A31565" s="6" t="s">
        <v>33038</v>
      </c>
      <c r="B31565" s="6"/>
      <c r="C31565" s="6"/>
      <c r="D31565" s="6"/>
      <c r="E31565" s="6"/>
      <c r="F31565" s="7"/>
      <c r="G31565" s="8">
        <v>2752200</v>
      </c>
      <c r="H31565" s="8">
        <v>0</v>
      </c>
      <c r="I31565" s="8">
        <v>0</v>
      </c>
      <c r="J31565" s="8">
        <v>2752200</v>
      </c>
      <c r="K31565" s="9"/>
      <c r="L31565" s="6"/>
    </row>
    <row r="31566" spans="1:12">
      <c r="A31566" s="6" t="s">
        <v>33039</v>
      </c>
      <c r="B31566" s="6"/>
      <c r="C31566" s="6"/>
      <c r="D31566" s="6"/>
      <c r="E31566" s="6"/>
      <c r="F31566" s="7"/>
      <c r="G31566" s="8">
        <v>12180000</v>
      </c>
      <c r="H31566" s="8">
        <v>0</v>
      </c>
      <c r="I31566" s="8">
        <v>0</v>
      </c>
      <c r="J31566" s="8">
        <v>12180000</v>
      </c>
      <c r="K31566" s="9"/>
      <c r="L31566" s="6"/>
    </row>
    <row r="31567" spans="1:12">
      <c r="A31567" s="6" t="s">
        <v>33040</v>
      </c>
      <c r="B31567" s="6"/>
      <c r="C31567" s="6"/>
      <c r="D31567" s="6"/>
      <c r="E31567" s="6"/>
      <c r="F31567" s="7"/>
      <c r="G31567" s="8">
        <v>19250000</v>
      </c>
      <c r="H31567" s="8">
        <v>0</v>
      </c>
      <c r="I31567" s="8">
        <v>0</v>
      </c>
      <c r="J31567" s="8">
        <v>19250000</v>
      </c>
      <c r="K31567" s="9"/>
      <c r="L31567" s="6"/>
    </row>
    <row r="31568" spans="1:12">
      <c r="A31568" s="6" t="s">
        <v>33041</v>
      </c>
      <c r="B31568" s="6"/>
      <c r="C31568" s="6"/>
      <c r="D31568" s="6"/>
      <c r="E31568" s="6"/>
      <c r="F31568" s="7"/>
      <c r="G31568" s="8">
        <v>7654100</v>
      </c>
      <c r="H31568" s="8">
        <v>0</v>
      </c>
      <c r="I31568" s="8">
        <v>0</v>
      </c>
      <c r="J31568" s="8">
        <v>7654100</v>
      </c>
      <c r="K31568" s="9"/>
      <c r="L31568" s="6"/>
    </row>
    <row r="31569" spans="1:12">
      <c r="A31569" s="6" t="s">
        <v>33042</v>
      </c>
      <c r="B31569" s="6"/>
      <c r="C31569" s="6"/>
      <c r="D31569" s="6"/>
      <c r="E31569" s="6"/>
      <c r="F31569" s="7"/>
      <c r="G31569" s="8">
        <v>605000</v>
      </c>
      <c r="H31569" s="8">
        <v>0</v>
      </c>
      <c r="I31569" s="8">
        <v>0</v>
      </c>
      <c r="J31569" s="8">
        <v>605000</v>
      </c>
      <c r="K31569" s="9"/>
      <c r="L31569" s="6"/>
    </row>
    <row r="31570" spans="1:12">
      <c r="A31570" s="6" t="s">
        <v>33043</v>
      </c>
      <c r="B31570" s="6"/>
      <c r="C31570" s="6"/>
      <c r="D31570" s="6"/>
      <c r="E31570" s="6"/>
      <c r="F31570" s="7"/>
      <c r="G31570" s="8">
        <v>926200</v>
      </c>
      <c r="H31570" s="8">
        <v>0</v>
      </c>
      <c r="I31570" s="8">
        <v>0</v>
      </c>
      <c r="J31570" s="8">
        <v>926200</v>
      </c>
      <c r="K31570" s="9"/>
      <c r="L31570" s="6"/>
    </row>
    <row r="31571" spans="1:12">
      <c r="A31571" s="6" t="s">
        <v>33044</v>
      </c>
      <c r="B31571" s="6"/>
      <c r="C31571" s="6"/>
      <c r="D31571" s="6"/>
      <c r="E31571" s="6"/>
      <c r="F31571" s="7"/>
      <c r="G31571" s="8">
        <v>1166000</v>
      </c>
      <c r="H31571" s="8">
        <v>0</v>
      </c>
      <c r="I31571" s="8">
        <v>0</v>
      </c>
      <c r="J31571" s="8">
        <v>1166000</v>
      </c>
      <c r="K31571" s="9"/>
      <c r="L31571" s="6"/>
    </row>
    <row r="31572" spans="1:12">
      <c r="A31572" s="6" t="s">
        <v>33045</v>
      </c>
      <c r="B31572" s="6"/>
      <c r="C31572" s="6"/>
      <c r="D31572" s="6"/>
      <c r="E31572" s="6"/>
      <c r="F31572" s="7"/>
      <c r="G31572" s="8">
        <v>891000</v>
      </c>
      <c r="H31572" s="8">
        <v>0</v>
      </c>
      <c r="I31572" s="8">
        <v>0</v>
      </c>
      <c r="J31572" s="8">
        <v>891000</v>
      </c>
      <c r="K31572" s="9"/>
      <c r="L31572" s="6"/>
    </row>
    <row r="31573" spans="1:12">
      <c r="A31573" s="6" t="s">
        <v>33046</v>
      </c>
      <c r="B31573" s="6"/>
      <c r="C31573" s="6"/>
      <c r="D31573" s="6"/>
      <c r="E31573" s="6"/>
      <c r="F31573" s="7"/>
      <c r="G31573" s="8">
        <v>1056000</v>
      </c>
      <c r="H31573" s="8">
        <v>0</v>
      </c>
      <c r="I31573" s="8">
        <v>0</v>
      </c>
      <c r="J31573" s="8">
        <v>1056000</v>
      </c>
      <c r="K31573" s="9"/>
      <c r="L31573" s="6"/>
    </row>
    <row r="31574" spans="1:12">
      <c r="A31574" s="6" t="s">
        <v>33047</v>
      </c>
      <c r="B31574" s="6"/>
      <c r="C31574" s="6"/>
      <c r="D31574" s="6"/>
      <c r="E31574" s="6"/>
      <c r="F31574" s="7"/>
      <c r="G31574" s="8">
        <v>1243000</v>
      </c>
      <c r="H31574" s="8">
        <v>0</v>
      </c>
      <c r="I31574" s="8">
        <v>0</v>
      </c>
      <c r="J31574" s="8">
        <v>1243000</v>
      </c>
      <c r="K31574" s="9"/>
      <c r="L31574" s="6"/>
    </row>
    <row r="31575" spans="1:12">
      <c r="A31575" s="6" t="s">
        <v>33048</v>
      </c>
      <c r="B31575" s="6"/>
      <c r="C31575" s="6"/>
      <c r="D31575" s="6"/>
      <c r="E31575" s="6"/>
      <c r="F31575" s="7"/>
      <c r="G31575" s="8">
        <v>1276000</v>
      </c>
      <c r="H31575" s="8">
        <v>0</v>
      </c>
      <c r="I31575" s="8">
        <v>0</v>
      </c>
      <c r="J31575" s="8">
        <v>1276000</v>
      </c>
      <c r="K31575" s="9"/>
      <c r="L31575" s="6"/>
    </row>
    <row r="31576" spans="1:12">
      <c r="A31576" s="6" t="s">
        <v>32827</v>
      </c>
      <c r="B31576" s="6"/>
      <c r="C31576" s="6"/>
      <c r="D31576" s="6"/>
      <c r="E31576" s="6"/>
      <c r="F31576" s="7"/>
      <c r="G31576" s="8">
        <v>3706500</v>
      </c>
      <c r="H31576" s="8">
        <v>0</v>
      </c>
      <c r="I31576" s="8">
        <v>0</v>
      </c>
      <c r="J31576" s="8">
        <v>3706500</v>
      </c>
      <c r="K31576" s="9"/>
      <c r="L31576" s="6"/>
    </row>
    <row r="31577" spans="1:12">
      <c r="A31577" s="6" t="s">
        <v>33049</v>
      </c>
      <c r="B31577" s="6"/>
      <c r="C31577" s="6"/>
      <c r="D31577" s="6"/>
      <c r="E31577" s="6"/>
      <c r="F31577" s="7"/>
      <c r="G31577" s="8">
        <v>1141800</v>
      </c>
      <c r="H31577" s="8">
        <v>0</v>
      </c>
      <c r="I31577" s="8">
        <v>0</v>
      </c>
      <c r="J31577" s="8">
        <v>1141800</v>
      </c>
      <c r="K31577" s="9"/>
      <c r="L31577" s="6"/>
    </row>
    <row r="31578" spans="1:12">
      <c r="A31578" s="6" t="s">
        <v>33050</v>
      </c>
      <c r="B31578" s="6"/>
      <c r="C31578" s="6"/>
      <c r="D31578" s="6"/>
      <c r="E31578" s="6"/>
      <c r="F31578" s="7"/>
      <c r="G31578" s="8">
        <v>1265000</v>
      </c>
      <c r="H31578" s="8">
        <v>0</v>
      </c>
      <c r="I31578" s="8">
        <v>0</v>
      </c>
      <c r="J31578" s="8">
        <v>1265000</v>
      </c>
      <c r="K31578" s="9"/>
      <c r="L31578" s="6"/>
    </row>
    <row r="31579" spans="1:12">
      <c r="A31579" s="6" t="s">
        <v>33051</v>
      </c>
      <c r="B31579" s="6"/>
      <c r="C31579" s="6"/>
      <c r="D31579" s="6"/>
      <c r="E31579" s="6"/>
      <c r="F31579" s="7"/>
      <c r="G31579" s="8">
        <v>29500000</v>
      </c>
      <c r="H31579" s="8">
        <v>0</v>
      </c>
      <c r="I31579" s="8">
        <v>0</v>
      </c>
      <c r="J31579" s="8">
        <v>29500000</v>
      </c>
      <c r="K31579" s="9"/>
      <c r="L31579" s="6"/>
    </row>
    <row r="31580" spans="1:12">
      <c r="A31580" s="6" t="s">
        <v>33052</v>
      </c>
      <c r="B31580" s="6"/>
      <c r="C31580" s="6"/>
      <c r="D31580" s="6"/>
      <c r="E31580" s="6"/>
      <c r="F31580" s="7"/>
      <c r="G31580" s="8">
        <v>44420000</v>
      </c>
      <c r="H31580" s="8">
        <v>0</v>
      </c>
      <c r="I31580" s="8">
        <v>0</v>
      </c>
      <c r="J31580" s="8">
        <v>44420000</v>
      </c>
      <c r="K31580" s="9"/>
      <c r="L31580" s="6"/>
    </row>
    <row r="31581" spans="1:12">
      <c r="A31581" s="6" t="s">
        <v>33053</v>
      </c>
      <c r="B31581" s="6"/>
      <c r="C31581" s="6"/>
      <c r="D31581" s="6"/>
      <c r="E31581" s="6"/>
      <c r="F31581" s="7"/>
      <c r="G31581" s="8">
        <v>8415000</v>
      </c>
      <c r="H31581" s="8">
        <v>0</v>
      </c>
      <c r="I31581" s="8">
        <v>0</v>
      </c>
      <c r="J31581" s="8">
        <v>8415000</v>
      </c>
      <c r="K31581" s="9"/>
      <c r="L31581" s="6"/>
    </row>
    <row r="31582" spans="1:12">
      <c r="A31582" s="6" t="s">
        <v>33054</v>
      </c>
      <c r="B31582" s="6"/>
      <c r="C31582" s="6"/>
      <c r="D31582" s="6"/>
      <c r="E31582" s="6"/>
      <c r="F31582" s="7"/>
      <c r="G31582" s="8">
        <v>935000</v>
      </c>
      <c r="H31582" s="8">
        <v>0</v>
      </c>
      <c r="I31582" s="8">
        <v>0</v>
      </c>
      <c r="J31582" s="8">
        <v>935000</v>
      </c>
      <c r="K31582" s="9"/>
      <c r="L31582" s="6"/>
    </row>
    <row r="31583" spans="1:12">
      <c r="A31583" s="6" t="s">
        <v>33055</v>
      </c>
      <c r="B31583" s="6"/>
      <c r="C31583" s="6"/>
      <c r="D31583" s="6"/>
      <c r="E31583" s="6"/>
      <c r="F31583" s="7"/>
      <c r="G31583" s="8">
        <v>19635000</v>
      </c>
      <c r="H31583" s="8">
        <v>0</v>
      </c>
      <c r="I31583" s="8">
        <v>0</v>
      </c>
      <c r="J31583" s="8">
        <v>19635000</v>
      </c>
      <c r="K31583" s="9"/>
      <c r="L31583" s="6"/>
    </row>
    <row r="31584" spans="1:12">
      <c r="A31584" s="6" t="s">
        <v>33056</v>
      </c>
      <c r="B31584" s="6"/>
      <c r="C31584" s="6"/>
      <c r="D31584" s="6"/>
      <c r="E31584" s="6"/>
      <c r="F31584" s="7"/>
      <c r="G31584" s="8">
        <v>3850000</v>
      </c>
      <c r="H31584" s="8">
        <v>0</v>
      </c>
      <c r="I31584" s="8">
        <v>0</v>
      </c>
      <c r="J31584" s="8">
        <v>3850000</v>
      </c>
      <c r="K31584" s="9"/>
      <c r="L31584" s="6"/>
    </row>
    <row r="31585" spans="1:12">
      <c r="A31585" s="6" t="s">
        <v>33057</v>
      </c>
      <c r="B31585" s="6"/>
      <c r="C31585" s="6"/>
      <c r="D31585" s="6"/>
      <c r="E31585" s="6"/>
      <c r="F31585" s="7"/>
      <c r="G31585" s="8">
        <v>19000000</v>
      </c>
      <c r="H31585" s="8">
        <v>0</v>
      </c>
      <c r="I31585" s="8">
        <v>0</v>
      </c>
      <c r="J31585" s="8">
        <v>19000000</v>
      </c>
      <c r="K31585" s="9"/>
      <c r="L31585" s="6"/>
    </row>
    <row r="31586" spans="1:12">
      <c r="A31586" s="6" t="s">
        <v>33058</v>
      </c>
      <c r="B31586" s="6"/>
      <c r="C31586" s="6"/>
      <c r="D31586" s="6"/>
      <c r="E31586" s="6"/>
      <c r="F31586" s="7"/>
      <c r="G31586" s="8">
        <v>6911300</v>
      </c>
      <c r="H31586" s="8">
        <v>0</v>
      </c>
      <c r="I31586" s="8">
        <v>0</v>
      </c>
      <c r="J31586" s="8">
        <v>6911300</v>
      </c>
      <c r="K31586" s="9"/>
      <c r="L31586" s="6"/>
    </row>
    <row r="31587" spans="1:12">
      <c r="A31587" s="6" t="s">
        <v>33059</v>
      </c>
      <c r="B31587" s="6"/>
      <c r="C31587" s="6"/>
      <c r="D31587" s="6"/>
      <c r="E31587" s="6"/>
      <c r="F31587" s="7"/>
      <c r="G31587" s="8">
        <v>9275000</v>
      </c>
      <c r="H31587" s="8">
        <v>0</v>
      </c>
      <c r="I31587" s="8">
        <v>0</v>
      </c>
      <c r="J31587" s="8">
        <v>9275000</v>
      </c>
      <c r="K31587" s="9"/>
      <c r="L31587" s="6"/>
    </row>
    <row r="31588" spans="1:12">
      <c r="A31588" s="6" t="s">
        <v>33060</v>
      </c>
      <c r="B31588" s="6"/>
      <c r="C31588" s="6"/>
      <c r="D31588" s="6"/>
      <c r="E31588" s="6"/>
      <c r="F31588" s="7"/>
      <c r="G31588" s="8">
        <v>9000000</v>
      </c>
      <c r="H31588" s="8">
        <v>0</v>
      </c>
      <c r="I31588" s="8">
        <v>0</v>
      </c>
      <c r="J31588" s="8">
        <v>9000000</v>
      </c>
      <c r="K31588" s="9"/>
      <c r="L31588" s="6"/>
    </row>
    <row r="31589" spans="1:12">
      <c r="A31589" s="6" t="s">
        <v>33061</v>
      </c>
      <c r="B31589" s="6"/>
      <c r="C31589" s="6"/>
      <c r="D31589" s="6"/>
      <c r="E31589" s="6"/>
      <c r="F31589" s="7"/>
      <c r="G31589" s="8">
        <v>1034000</v>
      </c>
      <c r="H31589" s="8">
        <v>0</v>
      </c>
      <c r="I31589" s="8">
        <v>0</v>
      </c>
      <c r="J31589" s="8">
        <v>1034000</v>
      </c>
      <c r="K31589" s="9"/>
      <c r="L31589" s="6"/>
    </row>
    <row r="31590" spans="1:12">
      <c r="A31590" s="6" t="s">
        <v>33062</v>
      </c>
      <c r="B31590" s="6"/>
      <c r="C31590" s="6"/>
      <c r="D31590" s="6"/>
      <c r="E31590" s="6"/>
      <c r="F31590" s="7"/>
      <c r="G31590" s="8">
        <v>24468900</v>
      </c>
      <c r="H31590" s="8">
        <v>0</v>
      </c>
      <c r="I31590" s="8">
        <v>0</v>
      </c>
      <c r="J31590" s="8">
        <v>24468900</v>
      </c>
      <c r="K31590" s="9"/>
      <c r="L31590" s="6"/>
    </row>
    <row r="31591" spans="1:12">
      <c r="A31591" s="6" t="s">
        <v>33063</v>
      </c>
      <c r="B31591" s="6"/>
      <c r="C31591" s="6"/>
      <c r="D31591" s="6"/>
      <c r="E31591" s="6"/>
      <c r="F31591" s="7"/>
      <c r="G31591" s="8">
        <v>664400</v>
      </c>
      <c r="H31591" s="8">
        <v>0</v>
      </c>
      <c r="I31591" s="8">
        <v>0</v>
      </c>
      <c r="J31591" s="8">
        <v>664400</v>
      </c>
      <c r="K31591" s="9"/>
      <c r="L31591" s="6"/>
    </row>
    <row r="31592" spans="1:12">
      <c r="A31592" s="6" t="s">
        <v>33064</v>
      </c>
      <c r="B31592" s="6"/>
      <c r="C31592" s="6"/>
      <c r="D31592" s="6"/>
      <c r="E31592" s="6"/>
      <c r="F31592" s="7"/>
      <c r="G31592" s="8">
        <v>2970000</v>
      </c>
      <c r="H31592" s="8">
        <v>0</v>
      </c>
      <c r="I31592" s="8">
        <v>0</v>
      </c>
      <c r="J31592" s="8">
        <v>2970000</v>
      </c>
      <c r="K31592" s="9"/>
      <c r="L31592" s="6"/>
    </row>
    <row r="31593" spans="1:12">
      <c r="A31593" s="6" t="s">
        <v>33065</v>
      </c>
      <c r="B31593" s="6"/>
      <c r="C31593" s="6"/>
      <c r="D31593" s="6"/>
      <c r="E31593" s="6"/>
      <c r="F31593" s="7"/>
      <c r="G31593" s="8">
        <v>12650000</v>
      </c>
      <c r="H31593" s="8">
        <v>0</v>
      </c>
      <c r="I31593" s="8">
        <v>0</v>
      </c>
      <c r="J31593" s="8">
        <v>12650000</v>
      </c>
      <c r="K31593" s="9"/>
      <c r="L31593" s="6"/>
    </row>
    <row r="31594" spans="1:12">
      <c r="A31594" s="6" t="s">
        <v>33066</v>
      </c>
      <c r="B31594" s="6"/>
      <c r="C31594" s="6"/>
      <c r="D31594" s="6"/>
      <c r="E31594" s="6"/>
      <c r="F31594" s="7"/>
      <c r="G31594" s="8">
        <v>5890500</v>
      </c>
      <c r="H31594" s="8">
        <v>0</v>
      </c>
      <c r="I31594" s="8">
        <v>0</v>
      </c>
      <c r="J31594" s="8">
        <v>5890500</v>
      </c>
      <c r="K31594" s="9"/>
      <c r="L31594" s="6"/>
    </row>
    <row r="31595" spans="1:12">
      <c r="A31595" s="6" t="s">
        <v>33067</v>
      </c>
      <c r="B31595" s="6"/>
      <c r="C31595" s="6"/>
      <c r="D31595" s="6"/>
      <c r="E31595" s="6"/>
      <c r="F31595" s="7"/>
      <c r="G31595" s="8">
        <v>18900000</v>
      </c>
      <c r="H31595" s="8">
        <v>0</v>
      </c>
      <c r="I31595" s="8">
        <v>0</v>
      </c>
      <c r="J31595" s="8">
        <v>18900000</v>
      </c>
      <c r="K31595" s="9"/>
      <c r="L31595" s="6"/>
    </row>
    <row r="31596" spans="1:12">
      <c r="A31596" s="6" t="s">
        <v>33068</v>
      </c>
      <c r="B31596" s="6"/>
      <c r="C31596" s="6"/>
      <c r="D31596" s="6"/>
      <c r="E31596" s="6"/>
      <c r="F31596" s="7"/>
      <c r="G31596" s="8">
        <v>2370000</v>
      </c>
      <c r="H31596" s="8">
        <v>0</v>
      </c>
      <c r="I31596" s="8">
        <v>0</v>
      </c>
      <c r="J31596" s="8">
        <v>2370000</v>
      </c>
      <c r="K31596" s="9"/>
      <c r="L31596" s="6"/>
    </row>
    <row r="31597" spans="1:12">
      <c r="A31597" s="6" t="s">
        <v>33069</v>
      </c>
      <c r="B31597" s="6"/>
      <c r="C31597" s="6"/>
      <c r="D31597" s="6"/>
      <c r="E31597" s="6"/>
      <c r="F31597" s="7"/>
      <c r="G31597" s="8">
        <v>5610000</v>
      </c>
      <c r="H31597" s="8">
        <v>0</v>
      </c>
      <c r="I31597" s="8">
        <v>0</v>
      </c>
      <c r="J31597" s="8">
        <v>5610000</v>
      </c>
      <c r="K31597" s="9"/>
      <c r="L31597" s="6"/>
    </row>
    <row r="31598" spans="1:12">
      <c r="A31598" s="6" t="s">
        <v>33070</v>
      </c>
      <c r="B31598" s="6"/>
      <c r="C31598" s="6"/>
      <c r="D31598" s="6"/>
      <c r="E31598" s="6"/>
      <c r="F31598" s="7"/>
      <c r="G31598" s="8">
        <v>766700</v>
      </c>
      <c r="H31598" s="8">
        <v>0</v>
      </c>
      <c r="I31598" s="8">
        <v>0</v>
      </c>
      <c r="J31598" s="8">
        <v>766700</v>
      </c>
      <c r="K31598" s="9"/>
      <c r="L31598" s="6"/>
    </row>
    <row r="31599" spans="1:12">
      <c r="A31599" s="6" t="s">
        <v>33071</v>
      </c>
      <c r="B31599" s="6"/>
      <c r="C31599" s="6"/>
      <c r="D31599" s="6"/>
      <c r="E31599" s="6"/>
      <c r="F31599" s="7"/>
      <c r="G31599" s="8">
        <v>3570000</v>
      </c>
      <c r="H31599" s="8">
        <v>0</v>
      </c>
      <c r="I31599" s="8">
        <v>0</v>
      </c>
      <c r="J31599" s="8">
        <v>3570000</v>
      </c>
      <c r="K31599" s="9"/>
      <c r="L31599" s="6"/>
    </row>
    <row r="31600" spans="1:12">
      <c r="A31600" s="6" t="s">
        <v>33072</v>
      </c>
      <c r="B31600" s="6"/>
      <c r="C31600" s="6"/>
      <c r="D31600" s="6"/>
      <c r="E31600" s="6"/>
      <c r="F31600" s="7"/>
      <c r="G31600" s="8">
        <v>5731000</v>
      </c>
      <c r="H31600" s="8">
        <v>0</v>
      </c>
      <c r="I31600" s="8">
        <v>0</v>
      </c>
      <c r="J31600" s="8">
        <v>5731000</v>
      </c>
      <c r="K31600" s="9"/>
      <c r="L31600" s="6"/>
    </row>
    <row r="31601" spans="1:12">
      <c r="A31601" s="6" t="s">
        <v>33073</v>
      </c>
      <c r="B31601" s="6"/>
      <c r="C31601" s="6"/>
      <c r="D31601" s="6"/>
      <c r="E31601" s="6"/>
      <c r="F31601" s="7"/>
      <c r="G31601" s="8">
        <v>19661400</v>
      </c>
      <c r="H31601" s="8">
        <v>0</v>
      </c>
      <c r="I31601" s="8">
        <v>0</v>
      </c>
      <c r="J31601" s="8">
        <v>19661400</v>
      </c>
      <c r="K31601" s="9"/>
      <c r="L31601" s="6"/>
    </row>
    <row r="31602" spans="1:12">
      <c r="A31602" s="6" t="s">
        <v>33074</v>
      </c>
      <c r="B31602" s="6"/>
      <c r="C31602" s="6"/>
      <c r="D31602" s="6"/>
      <c r="E31602" s="6"/>
      <c r="F31602" s="7"/>
      <c r="G31602" s="8">
        <v>27855500</v>
      </c>
      <c r="H31602" s="8">
        <v>0</v>
      </c>
      <c r="I31602" s="8">
        <v>0</v>
      </c>
      <c r="J31602" s="8">
        <v>27855500</v>
      </c>
      <c r="K31602" s="9"/>
      <c r="L31602" s="6"/>
    </row>
    <row r="31603" spans="1:12">
      <c r="A31603" s="6" t="s">
        <v>33075</v>
      </c>
      <c r="B31603" s="6"/>
      <c r="C31603" s="6"/>
      <c r="D31603" s="6"/>
      <c r="E31603" s="6"/>
      <c r="F31603" s="7"/>
      <c r="G31603" s="8">
        <v>605000</v>
      </c>
      <c r="H31603" s="8">
        <v>0</v>
      </c>
      <c r="I31603" s="8">
        <v>0</v>
      </c>
      <c r="J31603" s="8">
        <v>605000</v>
      </c>
      <c r="K31603" s="9"/>
      <c r="L31603" s="6"/>
    </row>
    <row r="31604" spans="1:12">
      <c r="A31604" s="6" t="s">
        <v>33076</v>
      </c>
      <c r="B31604" s="6"/>
      <c r="C31604" s="6"/>
      <c r="D31604" s="6"/>
      <c r="E31604" s="6"/>
      <c r="F31604" s="7"/>
      <c r="G31604" s="8">
        <v>1210000</v>
      </c>
      <c r="H31604" s="8">
        <v>0</v>
      </c>
      <c r="I31604" s="8">
        <v>0</v>
      </c>
      <c r="J31604" s="8">
        <v>1210000</v>
      </c>
      <c r="K31604" s="9"/>
      <c r="L31604" s="6"/>
    </row>
    <row r="31605" spans="1:12">
      <c r="A31605" s="6" t="s">
        <v>33077</v>
      </c>
      <c r="B31605" s="6"/>
      <c r="C31605" s="6"/>
      <c r="D31605" s="6"/>
      <c r="E31605" s="6"/>
      <c r="F31605" s="7"/>
      <c r="G31605" s="8">
        <v>880000</v>
      </c>
      <c r="H31605" s="8">
        <v>0</v>
      </c>
      <c r="I31605" s="8">
        <v>0</v>
      </c>
      <c r="J31605" s="8">
        <v>880000</v>
      </c>
      <c r="K31605" s="9"/>
      <c r="L31605" s="6"/>
    </row>
    <row r="31606" spans="1:12">
      <c r="A31606" s="6" t="s">
        <v>33078</v>
      </c>
      <c r="B31606" s="6"/>
      <c r="C31606" s="6"/>
      <c r="D31606" s="6"/>
      <c r="E31606" s="6"/>
      <c r="F31606" s="7"/>
      <c r="G31606" s="8">
        <v>14200000</v>
      </c>
      <c r="H31606" s="8">
        <v>0</v>
      </c>
      <c r="I31606" s="8">
        <v>0</v>
      </c>
      <c r="J31606" s="8">
        <v>14200000</v>
      </c>
      <c r="K31606" s="9"/>
      <c r="L31606" s="6"/>
    </row>
    <row r="31607" spans="1:12">
      <c r="A31607" s="6" t="s">
        <v>33079</v>
      </c>
      <c r="B31607" s="6"/>
      <c r="C31607" s="6"/>
      <c r="D31607" s="6"/>
      <c r="E31607" s="6"/>
      <c r="F31607" s="7"/>
      <c r="G31607" s="8">
        <v>704000</v>
      </c>
      <c r="H31607" s="8">
        <v>0</v>
      </c>
      <c r="I31607" s="8">
        <v>0</v>
      </c>
      <c r="J31607" s="8">
        <v>704000</v>
      </c>
      <c r="K31607" s="9"/>
      <c r="L31607" s="6"/>
    </row>
    <row r="31608" spans="1:12">
      <c r="A31608" s="6" t="s">
        <v>33080</v>
      </c>
      <c r="B31608" s="6"/>
      <c r="C31608" s="6"/>
      <c r="D31608" s="6"/>
      <c r="E31608" s="6"/>
      <c r="F31608" s="7"/>
      <c r="G31608" s="8">
        <v>21440000</v>
      </c>
      <c r="H31608" s="8">
        <v>0</v>
      </c>
      <c r="I31608" s="8">
        <v>0</v>
      </c>
      <c r="J31608" s="8">
        <v>21440000</v>
      </c>
      <c r="K31608" s="9"/>
      <c r="L31608" s="6"/>
    </row>
    <row r="31609" spans="1:12">
      <c r="A31609" s="6" t="s">
        <v>33081</v>
      </c>
      <c r="B31609" s="6"/>
      <c r="C31609" s="6"/>
      <c r="D31609" s="6"/>
      <c r="E31609" s="6"/>
      <c r="F31609" s="7"/>
      <c r="G31609" s="8">
        <v>3875300</v>
      </c>
      <c r="H31609" s="8">
        <v>0</v>
      </c>
      <c r="I31609" s="8">
        <v>0</v>
      </c>
      <c r="J31609" s="8">
        <v>3875300</v>
      </c>
      <c r="K31609" s="9"/>
      <c r="L31609" s="6"/>
    </row>
    <row r="31610" spans="1:12">
      <c r="A31610" s="6" t="s">
        <v>33082</v>
      </c>
      <c r="B31610" s="6"/>
      <c r="C31610" s="6"/>
      <c r="D31610" s="6"/>
      <c r="E31610" s="6"/>
      <c r="F31610" s="7"/>
      <c r="G31610" s="8">
        <v>1190200</v>
      </c>
      <c r="H31610" s="8">
        <v>0</v>
      </c>
      <c r="I31610" s="8">
        <v>0</v>
      </c>
      <c r="J31610" s="8">
        <v>1190200</v>
      </c>
      <c r="K31610" s="9"/>
      <c r="L31610" s="6"/>
    </row>
    <row r="31611" spans="1:12">
      <c r="A31611" s="6" t="s">
        <v>33083</v>
      </c>
      <c r="B31611" s="6"/>
      <c r="C31611" s="6"/>
      <c r="D31611" s="6"/>
      <c r="E31611" s="6"/>
      <c r="F31611" s="7"/>
      <c r="G31611" s="8">
        <v>1296900</v>
      </c>
      <c r="H31611" s="8">
        <v>0</v>
      </c>
      <c r="I31611" s="8">
        <v>0</v>
      </c>
      <c r="J31611" s="8">
        <v>1296900</v>
      </c>
      <c r="K31611" s="9"/>
      <c r="L31611" s="6"/>
    </row>
    <row r="31612" spans="1:12">
      <c r="A31612" s="6" t="s">
        <v>33084</v>
      </c>
      <c r="B31612" s="6"/>
      <c r="C31612" s="6"/>
      <c r="D31612" s="6"/>
      <c r="E31612" s="6"/>
      <c r="F31612" s="7"/>
      <c r="G31612" s="8">
        <v>1100000</v>
      </c>
      <c r="H31612" s="8">
        <v>0</v>
      </c>
      <c r="I31612" s="8">
        <v>0</v>
      </c>
      <c r="J31612" s="8">
        <v>1100000</v>
      </c>
      <c r="K31612" s="9"/>
      <c r="L31612" s="6"/>
    </row>
    <row r="31613" spans="1:12">
      <c r="A31613" s="6" t="s">
        <v>33085</v>
      </c>
      <c r="B31613" s="6"/>
      <c r="C31613" s="6"/>
      <c r="D31613" s="6"/>
      <c r="E31613" s="6"/>
      <c r="F31613" s="7"/>
      <c r="G31613" s="8">
        <v>1210000</v>
      </c>
      <c r="H31613" s="8">
        <v>0</v>
      </c>
      <c r="I31613" s="8">
        <v>0</v>
      </c>
      <c r="J31613" s="8">
        <v>1210000</v>
      </c>
      <c r="K31613" s="9"/>
      <c r="L31613" s="6"/>
    </row>
    <row r="31614" spans="1:12">
      <c r="A31614" s="6" t="s">
        <v>33086</v>
      </c>
      <c r="B31614" s="6"/>
      <c r="C31614" s="6"/>
      <c r="D31614" s="6"/>
      <c r="E31614" s="6"/>
      <c r="F31614" s="7"/>
      <c r="G31614" s="8">
        <v>1188000</v>
      </c>
      <c r="H31614" s="8">
        <v>0</v>
      </c>
      <c r="I31614" s="8">
        <v>0</v>
      </c>
      <c r="J31614" s="8">
        <v>1188000</v>
      </c>
      <c r="K31614" s="9"/>
      <c r="L31614" s="6"/>
    </row>
    <row r="31615" spans="1:12">
      <c r="A31615" s="6" t="s">
        <v>33087</v>
      </c>
      <c r="B31615" s="6"/>
      <c r="C31615" s="6"/>
      <c r="D31615" s="6"/>
      <c r="E31615" s="6"/>
      <c r="F31615" s="7"/>
      <c r="G31615" s="8">
        <v>2411200</v>
      </c>
      <c r="H31615" s="8">
        <v>0</v>
      </c>
      <c r="I31615" s="8">
        <v>0</v>
      </c>
      <c r="J31615" s="8">
        <v>2411200</v>
      </c>
      <c r="K31615" s="9"/>
      <c r="L31615" s="6"/>
    </row>
    <row r="31616" spans="1:12">
      <c r="A31616" s="6" t="s">
        <v>33088</v>
      </c>
      <c r="B31616" s="6"/>
      <c r="C31616" s="6"/>
      <c r="D31616" s="6"/>
      <c r="E31616" s="6"/>
      <c r="F31616" s="7"/>
      <c r="G31616" s="8">
        <v>22327800</v>
      </c>
      <c r="H31616" s="8">
        <v>0</v>
      </c>
      <c r="I31616" s="8">
        <v>0</v>
      </c>
      <c r="J31616" s="8">
        <v>22327800</v>
      </c>
      <c r="K31616" s="9"/>
      <c r="L31616" s="6"/>
    </row>
    <row r="31617" spans="1:12">
      <c r="A31617" s="6" t="s">
        <v>33089</v>
      </c>
      <c r="B31617" s="6"/>
      <c r="C31617" s="6"/>
      <c r="D31617" s="6"/>
      <c r="E31617" s="6"/>
      <c r="F31617" s="7"/>
      <c r="G31617" s="8">
        <v>8642700</v>
      </c>
      <c r="H31617" s="8">
        <v>0</v>
      </c>
      <c r="I31617" s="8">
        <v>0</v>
      </c>
      <c r="J31617" s="8">
        <v>8642700</v>
      </c>
      <c r="K31617" s="9"/>
      <c r="L31617" s="6"/>
    </row>
    <row r="31618" spans="1:12">
      <c r="A31618" s="6" t="s">
        <v>33090</v>
      </c>
      <c r="B31618" s="6"/>
      <c r="C31618" s="6"/>
      <c r="D31618" s="6"/>
      <c r="E31618" s="6"/>
      <c r="F31618" s="7"/>
      <c r="G31618" s="8">
        <v>1210000</v>
      </c>
      <c r="H31618" s="8">
        <v>0</v>
      </c>
      <c r="I31618" s="8">
        <v>0</v>
      </c>
      <c r="J31618" s="8">
        <v>1210000</v>
      </c>
      <c r="K31618" s="9"/>
      <c r="L31618" s="6"/>
    </row>
    <row r="31619" spans="1:12">
      <c r="A31619" s="6" t="s">
        <v>33091</v>
      </c>
      <c r="B31619" s="6"/>
      <c r="C31619" s="6"/>
      <c r="D31619" s="6"/>
      <c r="E31619" s="6"/>
      <c r="F31619" s="7"/>
      <c r="G31619" s="8">
        <v>910800</v>
      </c>
      <c r="H31619" s="8">
        <v>0</v>
      </c>
      <c r="I31619" s="8">
        <v>0</v>
      </c>
      <c r="J31619" s="8">
        <v>910800</v>
      </c>
      <c r="K31619" s="9"/>
      <c r="L31619" s="6"/>
    </row>
    <row r="31620" spans="1:12">
      <c r="A31620" s="6" t="s">
        <v>33092</v>
      </c>
      <c r="B31620" s="6"/>
      <c r="C31620" s="6" t="s">
        <v>32230</v>
      </c>
      <c r="D31620" s="6"/>
      <c r="E31620" s="6" t="s">
        <v>9</v>
      </c>
      <c r="F31620" s="7">
        <v>39468</v>
      </c>
      <c r="G31620" s="8">
        <v>2089500</v>
      </c>
      <c r="H31620" s="8">
        <v>269552</v>
      </c>
      <c r="I31620" s="8">
        <v>1959944</v>
      </c>
      <c r="J31620" s="8">
        <v>129556</v>
      </c>
      <c r="K31620" s="9"/>
      <c r="L31620" s="6"/>
    </row>
    <row r="31621" spans="1:12">
      <c r="A31621" s="6" t="s">
        <v>33093</v>
      </c>
      <c r="B31621" s="6"/>
      <c r="C31621" s="6" t="s">
        <v>32230</v>
      </c>
      <c r="D31621" s="6"/>
      <c r="E31621" s="6" t="s">
        <v>9</v>
      </c>
      <c r="F31621" s="7"/>
      <c r="G31621" s="8">
        <v>1</v>
      </c>
      <c r="H31621" s="8">
        <v>1</v>
      </c>
      <c r="I31621" s="8">
        <v>0</v>
      </c>
      <c r="J31621" s="8">
        <v>1</v>
      </c>
      <c r="K31621" s="9"/>
      <c r="L31621" s="6"/>
    </row>
    <row r="31622" spans="1:12">
      <c r="A31622" s="6" t="s">
        <v>32234</v>
      </c>
      <c r="B31622" s="6"/>
      <c r="C31622" s="6" t="s">
        <v>32230</v>
      </c>
      <c r="D31622" s="6"/>
      <c r="E31622" s="6" t="s">
        <v>9</v>
      </c>
      <c r="F31622" s="7">
        <v>44286</v>
      </c>
      <c r="G31622" s="8">
        <v>402610</v>
      </c>
      <c r="H31622" s="8">
        <v>402610</v>
      </c>
      <c r="I31622" s="8">
        <v>23753</v>
      </c>
      <c r="J31622" s="8">
        <v>378857</v>
      </c>
      <c r="K31622" s="9"/>
      <c r="L31622" s="6"/>
    </row>
    <row r="31623" spans="1:12">
      <c r="A31623" s="6" t="s">
        <v>33094</v>
      </c>
      <c r="B31623" s="6"/>
      <c r="C31623" s="6" t="s">
        <v>32230</v>
      </c>
      <c r="D31623" s="6"/>
      <c r="E31623" s="6" t="s">
        <v>9</v>
      </c>
      <c r="F31623" s="7">
        <v>42720</v>
      </c>
      <c r="G31623" s="8">
        <v>18175320</v>
      </c>
      <c r="H31623" s="8">
        <v>10905192</v>
      </c>
      <c r="I31623" s="8">
        <v>9087660</v>
      </c>
      <c r="J31623" s="8">
        <v>9087660</v>
      </c>
      <c r="K31623" s="9"/>
      <c r="L31623" s="6"/>
    </row>
    <row r="31624" spans="1:12">
      <c r="A31624" s="6" t="s">
        <v>32234</v>
      </c>
      <c r="B31624" s="6"/>
      <c r="C31624" s="6" t="s">
        <v>32230</v>
      </c>
      <c r="D31624" s="6"/>
      <c r="E31624" s="6" t="s">
        <v>9</v>
      </c>
      <c r="F31624" s="7">
        <v>44286</v>
      </c>
      <c r="G31624" s="8">
        <v>360815</v>
      </c>
      <c r="H31624" s="8">
        <v>360815</v>
      </c>
      <c r="I31624" s="8">
        <v>21288</v>
      </c>
      <c r="J31624" s="8">
        <v>339527</v>
      </c>
      <c r="K31624" s="9"/>
      <c r="L31624" s="6"/>
    </row>
    <row r="31625" spans="1:12">
      <c r="A31625" s="6" t="s">
        <v>33095</v>
      </c>
      <c r="B31625" s="6"/>
      <c r="C31625" s="6" t="s">
        <v>32230</v>
      </c>
      <c r="D31625" s="6"/>
      <c r="E31625" s="6" t="s">
        <v>25121</v>
      </c>
      <c r="F31625" s="7">
        <v>39317</v>
      </c>
      <c r="G31625" s="8">
        <v>525000</v>
      </c>
      <c r="H31625" s="8">
        <v>67725</v>
      </c>
      <c r="I31625" s="8">
        <v>492450</v>
      </c>
      <c r="J31625" s="8">
        <v>32550</v>
      </c>
      <c r="K31625" s="9"/>
      <c r="L31625" s="6"/>
    </row>
    <row r="31626" spans="1:12">
      <c r="A31626" s="6" t="s">
        <v>33096</v>
      </c>
      <c r="B31626" s="6"/>
      <c r="C31626" s="6" t="s">
        <v>32230</v>
      </c>
      <c r="D31626" s="6"/>
      <c r="E31626" s="6" t="s">
        <v>9</v>
      </c>
      <c r="F31626" s="7">
        <v>36251</v>
      </c>
      <c r="G31626" s="8">
        <v>453600</v>
      </c>
      <c r="H31626" s="8">
        <v>1</v>
      </c>
      <c r="I31626" s="8">
        <v>453599</v>
      </c>
      <c r="J31626" s="8">
        <v>1</v>
      </c>
      <c r="K31626" s="9"/>
      <c r="L31626" s="6"/>
    </row>
    <row r="31627" spans="1:12">
      <c r="A31627" s="6" t="s">
        <v>33096</v>
      </c>
      <c r="B31627" s="6"/>
      <c r="C31627" s="6" t="s">
        <v>32230</v>
      </c>
      <c r="D31627" s="6"/>
      <c r="E31627" s="6" t="s">
        <v>9</v>
      </c>
      <c r="F31627" s="7">
        <v>36251</v>
      </c>
      <c r="G31627" s="8">
        <v>3871800</v>
      </c>
      <c r="H31627" s="8">
        <v>1</v>
      </c>
      <c r="I31627" s="8">
        <v>3871799</v>
      </c>
      <c r="J31627" s="8">
        <v>1</v>
      </c>
      <c r="K31627" s="9"/>
      <c r="L31627" s="6"/>
    </row>
    <row r="31628" spans="1:12">
      <c r="A31628" s="6" t="s">
        <v>33096</v>
      </c>
      <c r="B31628" s="6"/>
      <c r="C31628" s="6" t="s">
        <v>32230</v>
      </c>
      <c r="D31628" s="6"/>
      <c r="E31628" s="6" t="s">
        <v>9</v>
      </c>
      <c r="F31628" s="7">
        <v>36251</v>
      </c>
      <c r="G31628" s="8">
        <v>12241800</v>
      </c>
      <c r="H31628" s="8">
        <v>1</v>
      </c>
      <c r="I31628" s="8">
        <v>12241799</v>
      </c>
      <c r="J31628" s="8">
        <v>1</v>
      </c>
      <c r="K31628" s="9"/>
      <c r="L31628" s="6"/>
    </row>
    <row r="31629" spans="1:12">
      <c r="A31629" s="6" t="s">
        <v>33097</v>
      </c>
      <c r="B31629" s="6"/>
      <c r="C31629" s="6" t="s">
        <v>32230</v>
      </c>
      <c r="D31629" s="6"/>
      <c r="E31629" s="6" t="s">
        <v>9</v>
      </c>
      <c r="F31629" s="7">
        <v>36251</v>
      </c>
      <c r="G31629" s="8">
        <v>1</v>
      </c>
      <c r="H31629" s="8">
        <v>1</v>
      </c>
      <c r="I31629" s="8">
        <v>0</v>
      </c>
      <c r="J31629" s="8">
        <v>1</v>
      </c>
      <c r="K31629" s="9"/>
      <c r="L31629" s="6"/>
    </row>
    <row r="31630" spans="1:12">
      <c r="A31630" s="6" t="s">
        <v>33098</v>
      </c>
      <c r="B31630" s="6"/>
      <c r="C31630" s="6" t="s">
        <v>32230</v>
      </c>
      <c r="D31630" s="6"/>
      <c r="E31630" s="6" t="s">
        <v>9</v>
      </c>
      <c r="F31630" s="7">
        <v>43819</v>
      </c>
      <c r="G31630" s="8">
        <v>4070000</v>
      </c>
      <c r="H31630" s="8">
        <v>3829870</v>
      </c>
      <c r="I31630" s="8">
        <v>480260</v>
      </c>
      <c r="J31630" s="8">
        <v>3589740</v>
      </c>
      <c r="K31630" s="9"/>
      <c r="L31630" s="6"/>
    </row>
    <row r="31631" spans="1:12">
      <c r="A31631" s="6" t="s">
        <v>33096</v>
      </c>
      <c r="B31631" s="6"/>
      <c r="C31631" s="6" t="s">
        <v>32230</v>
      </c>
      <c r="D31631" s="6"/>
      <c r="E31631" s="6" t="s">
        <v>9</v>
      </c>
      <c r="F31631" s="7">
        <v>31138</v>
      </c>
      <c r="G31631" s="8">
        <v>8262000</v>
      </c>
      <c r="H31631" s="8">
        <v>1</v>
      </c>
      <c r="I31631" s="8">
        <v>8261999</v>
      </c>
      <c r="J31631" s="8">
        <v>1</v>
      </c>
      <c r="K31631" s="9"/>
      <c r="L31631" s="6"/>
    </row>
    <row r="31632" spans="1:12">
      <c r="A31632" s="6" t="s">
        <v>33096</v>
      </c>
      <c r="B31632" s="6"/>
      <c r="C31632" s="6" t="s">
        <v>32230</v>
      </c>
      <c r="D31632" s="6"/>
      <c r="E31632" s="6" t="s">
        <v>9</v>
      </c>
      <c r="F31632" s="7">
        <v>31138</v>
      </c>
      <c r="G31632" s="8">
        <v>7095600</v>
      </c>
      <c r="H31632" s="8">
        <v>1</v>
      </c>
      <c r="I31632" s="8">
        <v>7095599</v>
      </c>
      <c r="J31632" s="8">
        <v>1</v>
      </c>
      <c r="K31632" s="9"/>
      <c r="L31632" s="6"/>
    </row>
    <row r="31633" spans="1:12">
      <c r="A31633" s="6" t="s">
        <v>33096</v>
      </c>
      <c r="B31633" s="6"/>
      <c r="C31633" s="6" t="s">
        <v>32230</v>
      </c>
      <c r="D31633" s="6"/>
      <c r="E31633" s="6" t="s">
        <v>9</v>
      </c>
      <c r="F31633" s="7">
        <v>31138</v>
      </c>
      <c r="G31633" s="8">
        <v>2789100</v>
      </c>
      <c r="H31633" s="8">
        <v>1</v>
      </c>
      <c r="I31633" s="8">
        <v>2789099</v>
      </c>
      <c r="J31633" s="8">
        <v>1</v>
      </c>
      <c r="K31633" s="9"/>
      <c r="L31633" s="6"/>
    </row>
    <row r="31634" spans="1:12">
      <c r="A31634" s="6" t="s">
        <v>33097</v>
      </c>
      <c r="B31634" s="6"/>
      <c r="C31634" s="6" t="s">
        <v>32230</v>
      </c>
      <c r="D31634" s="6"/>
      <c r="E31634" s="6" t="s">
        <v>9</v>
      </c>
      <c r="F31634" s="7">
        <v>35796</v>
      </c>
      <c r="G31634" s="8">
        <v>9870000</v>
      </c>
      <c r="H31634" s="8">
        <v>1</v>
      </c>
      <c r="I31634" s="8">
        <v>9869999</v>
      </c>
      <c r="J31634" s="8">
        <v>1</v>
      </c>
      <c r="K31634" s="9"/>
      <c r="L31634" s="6"/>
    </row>
    <row r="31635" spans="1:12">
      <c r="A31635" s="6" t="s">
        <v>33096</v>
      </c>
      <c r="B31635" s="6"/>
      <c r="C31635" s="6" t="s">
        <v>32230</v>
      </c>
      <c r="D31635" s="6"/>
      <c r="E31635" s="6" t="s">
        <v>9</v>
      </c>
      <c r="F31635" s="7">
        <v>34790</v>
      </c>
      <c r="G31635" s="8">
        <v>3002400</v>
      </c>
      <c r="H31635" s="8">
        <v>1</v>
      </c>
      <c r="I31635" s="8">
        <v>3002399</v>
      </c>
      <c r="J31635" s="8">
        <v>1</v>
      </c>
      <c r="K31635" s="9"/>
      <c r="L31635" s="6"/>
    </row>
    <row r="31636" spans="1:12">
      <c r="A31636" s="6" t="s">
        <v>33096</v>
      </c>
      <c r="B31636" s="6"/>
      <c r="C31636" s="6" t="s">
        <v>32230</v>
      </c>
      <c r="D31636" s="6"/>
      <c r="E31636" s="6" t="s">
        <v>9</v>
      </c>
      <c r="F31636" s="7">
        <v>34790</v>
      </c>
      <c r="G31636" s="8">
        <v>1190700</v>
      </c>
      <c r="H31636" s="8">
        <v>1</v>
      </c>
      <c r="I31636" s="8">
        <v>1190699</v>
      </c>
      <c r="J31636" s="8">
        <v>1</v>
      </c>
      <c r="K31636" s="9"/>
      <c r="L31636" s="6"/>
    </row>
    <row r="31637" spans="1:12">
      <c r="A31637" s="6" t="s">
        <v>33096</v>
      </c>
      <c r="B31637" s="6"/>
      <c r="C31637" s="6" t="s">
        <v>32230</v>
      </c>
      <c r="D31637" s="6"/>
      <c r="E31637" s="6" t="s">
        <v>9</v>
      </c>
      <c r="F31637" s="7">
        <v>34790</v>
      </c>
      <c r="G31637" s="8">
        <v>785700</v>
      </c>
      <c r="H31637" s="8">
        <v>1</v>
      </c>
      <c r="I31637" s="8">
        <v>785699</v>
      </c>
      <c r="J31637" s="8">
        <v>1</v>
      </c>
      <c r="K31637" s="9"/>
      <c r="L31637" s="6"/>
    </row>
    <row r="31638" spans="1:12">
      <c r="A31638" s="6" t="s">
        <v>33096</v>
      </c>
      <c r="B31638" s="6"/>
      <c r="C31638" s="6" t="s">
        <v>32230</v>
      </c>
      <c r="D31638" s="6"/>
      <c r="E31638" s="6" t="s">
        <v>9</v>
      </c>
      <c r="F31638" s="7">
        <v>34790</v>
      </c>
      <c r="G31638" s="8">
        <v>1579500</v>
      </c>
      <c r="H31638" s="8">
        <v>1</v>
      </c>
      <c r="I31638" s="8">
        <v>1579499</v>
      </c>
      <c r="J31638" s="8">
        <v>1</v>
      </c>
      <c r="K31638" s="9"/>
      <c r="L31638" s="6"/>
    </row>
    <row r="31639" spans="1:12">
      <c r="A31639" s="6" t="s">
        <v>33096</v>
      </c>
      <c r="B31639" s="6"/>
      <c r="C31639" s="6" t="s">
        <v>32230</v>
      </c>
      <c r="D31639" s="6"/>
      <c r="E31639" s="6" t="s">
        <v>9</v>
      </c>
      <c r="F31639" s="7">
        <v>34790</v>
      </c>
      <c r="G31639" s="8">
        <v>26001000</v>
      </c>
      <c r="H31639" s="8">
        <v>1</v>
      </c>
      <c r="I31639" s="8">
        <v>26000999</v>
      </c>
      <c r="J31639" s="8">
        <v>1</v>
      </c>
      <c r="K31639" s="9"/>
      <c r="L31639" s="6"/>
    </row>
    <row r="31640" spans="1:12">
      <c r="A31640" s="6" t="s">
        <v>33097</v>
      </c>
      <c r="B31640" s="6"/>
      <c r="C31640" s="6" t="s">
        <v>32230</v>
      </c>
      <c r="D31640" s="6"/>
      <c r="E31640" s="6" t="s">
        <v>9</v>
      </c>
      <c r="F31640" s="7">
        <v>38808</v>
      </c>
      <c r="G31640" s="8">
        <v>1</v>
      </c>
      <c r="H31640" s="8">
        <v>1</v>
      </c>
      <c r="I31640" s="8">
        <v>0</v>
      </c>
      <c r="J31640" s="8">
        <v>1</v>
      </c>
      <c r="K31640" s="9"/>
      <c r="L31640" s="6"/>
    </row>
    <row r="31641" spans="1:12">
      <c r="A31641" s="6" t="s">
        <v>33099</v>
      </c>
      <c r="B31641" s="6"/>
      <c r="C31641" s="6" t="s">
        <v>32230</v>
      </c>
      <c r="D31641" s="6"/>
      <c r="E31641" s="6" t="s">
        <v>9</v>
      </c>
      <c r="F31641" s="7">
        <v>42720</v>
      </c>
      <c r="G31641" s="8">
        <v>27541500</v>
      </c>
      <c r="H31641" s="8">
        <v>21041708</v>
      </c>
      <c r="I31641" s="8">
        <v>8124740</v>
      </c>
      <c r="J31641" s="8">
        <v>19416760</v>
      </c>
      <c r="K31641" s="9"/>
      <c r="L31641" s="6"/>
    </row>
    <row r="31642" spans="1:12">
      <c r="A31642" s="6" t="s">
        <v>33100</v>
      </c>
      <c r="B31642" s="6"/>
      <c r="C31642" s="6" t="s">
        <v>32230</v>
      </c>
      <c r="D31642" s="6"/>
      <c r="E31642" s="6" t="s">
        <v>9</v>
      </c>
      <c r="F31642" s="7">
        <v>42720</v>
      </c>
      <c r="G31642" s="8">
        <v>14655180</v>
      </c>
      <c r="H31642" s="8">
        <v>10727592</v>
      </c>
      <c r="I31642" s="8">
        <v>4909485</v>
      </c>
      <c r="J31642" s="8">
        <v>9745695</v>
      </c>
      <c r="K31642" s="9"/>
      <c r="L31642" s="6"/>
    </row>
    <row r="31643" spans="1:12">
      <c r="A31643" s="6" t="s">
        <v>33101</v>
      </c>
      <c r="B31643" s="6"/>
      <c r="C31643" s="6" t="s">
        <v>32230</v>
      </c>
      <c r="D31643" s="6"/>
      <c r="E31643" s="6" t="s">
        <v>9</v>
      </c>
      <c r="F31643" s="7">
        <v>42720</v>
      </c>
      <c r="G31643" s="8">
        <v>17574840</v>
      </c>
      <c r="H31643" s="8">
        <v>12864784</v>
      </c>
      <c r="I31643" s="8">
        <v>5887570</v>
      </c>
      <c r="J31643" s="8">
        <v>11687270</v>
      </c>
      <c r="K31643" s="9"/>
      <c r="L31643" s="6"/>
    </row>
    <row r="31644" spans="1:12">
      <c r="A31644" s="6" t="s">
        <v>33096</v>
      </c>
      <c r="B31644" s="6"/>
      <c r="C31644" s="6" t="s">
        <v>32230</v>
      </c>
      <c r="D31644" s="6"/>
      <c r="E31644" s="6" t="s">
        <v>9</v>
      </c>
      <c r="F31644" s="7">
        <v>31138</v>
      </c>
      <c r="G31644" s="8">
        <v>9290700</v>
      </c>
      <c r="H31644" s="8">
        <v>1</v>
      </c>
      <c r="I31644" s="8">
        <v>9290699</v>
      </c>
      <c r="J31644" s="8">
        <v>1</v>
      </c>
      <c r="K31644" s="9"/>
      <c r="L31644" s="6"/>
    </row>
    <row r="31645" spans="1:12">
      <c r="A31645" s="6" t="s">
        <v>33096</v>
      </c>
      <c r="B31645" s="6"/>
      <c r="C31645" s="6" t="s">
        <v>32230</v>
      </c>
      <c r="D31645" s="6"/>
      <c r="E31645" s="6" t="s">
        <v>9</v>
      </c>
      <c r="F31645" s="7">
        <v>41606</v>
      </c>
      <c r="G31645" s="8">
        <v>7218750</v>
      </c>
      <c r="H31645" s="8">
        <v>3833158</v>
      </c>
      <c r="I31645" s="8">
        <v>3869248</v>
      </c>
      <c r="J31645" s="8">
        <v>3349502</v>
      </c>
      <c r="K31645" s="9"/>
      <c r="L31645" s="6"/>
    </row>
    <row r="31646" spans="1:12">
      <c r="A31646" s="6" t="s">
        <v>33096</v>
      </c>
      <c r="B31646" s="6"/>
      <c r="C31646" s="6" t="s">
        <v>32230</v>
      </c>
      <c r="D31646" s="6"/>
      <c r="E31646" s="6" t="s">
        <v>9</v>
      </c>
      <c r="F31646" s="7">
        <v>31138</v>
      </c>
      <c r="G31646" s="8">
        <v>10192500</v>
      </c>
      <c r="H31646" s="8">
        <v>1</v>
      </c>
      <c r="I31646" s="8">
        <v>10192499</v>
      </c>
      <c r="J31646" s="8">
        <v>1</v>
      </c>
      <c r="K31646" s="9"/>
      <c r="L31646" s="6"/>
    </row>
    <row r="31647" spans="1:12">
      <c r="A31647" s="6" t="s">
        <v>33096</v>
      </c>
      <c r="B31647" s="6"/>
      <c r="C31647" s="6" t="s">
        <v>32230</v>
      </c>
      <c r="D31647" s="6"/>
      <c r="E31647" s="6" t="s">
        <v>9</v>
      </c>
      <c r="F31647" s="7">
        <v>41606</v>
      </c>
      <c r="G31647" s="8">
        <v>5118750</v>
      </c>
      <c r="H31647" s="8">
        <v>2718058</v>
      </c>
      <c r="I31647" s="8">
        <v>2743648</v>
      </c>
      <c r="J31647" s="8">
        <v>2375102</v>
      </c>
      <c r="K31647" s="9"/>
      <c r="L31647" s="6"/>
    </row>
    <row r="31648" spans="1:12">
      <c r="A31648" s="6" t="s">
        <v>33096</v>
      </c>
      <c r="B31648" s="6"/>
      <c r="C31648" s="6" t="s">
        <v>32230</v>
      </c>
      <c r="D31648" s="6"/>
      <c r="E31648" s="6" t="s">
        <v>9</v>
      </c>
      <c r="F31648" s="7">
        <v>31138</v>
      </c>
      <c r="G31648" s="8">
        <v>2640600</v>
      </c>
      <c r="H31648" s="8">
        <v>1</v>
      </c>
      <c r="I31648" s="8">
        <v>2640599</v>
      </c>
      <c r="J31648" s="8">
        <v>1</v>
      </c>
      <c r="K31648" s="9"/>
      <c r="L31648" s="6"/>
    </row>
    <row r="31649" spans="1:12">
      <c r="A31649" s="6" t="s">
        <v>33097</v>
      </c>
      <c r="B31649" s="6"/>
      <c r="C31649" s="6" t="s">
        <v>32230</v>
      </c>
      <c r="D31649" s="6"/>
      <c r="E31649" s="6" t="s">
        <v>9</v>
      </c>
      <c r="F31649" s="7">
        <v>39173</v>
      </c>
      <c r="G31649" s="8">
        <v>10657500</v>
      </c>
      <c r="H31649" s="8">
        <v>2483204</v>
      </c>
      <c r="I31649" s="8">
        <v>8803088</v>
      </c>
      <c r="J31649" s="8">
        <v>1854412</v>
      </c>
      <c r="K31649" s="9"/>
      <c r="L31649" s="6"/>
    </row>
    <row r="31650" spans="1:12">
      <c r="A31650" s="6" t="s">
        <v>33102</v>
      </c>
      <c r="B31650" s="6"/>
      <c r="C31650" s="6" t="s">
        <v>32230</v>
      </c>
      <c r="D31650" s="6"/>
      <c r="E31650" s="6" t="s">
        <v>9</v>
      </c>
      <c r="F31650" s="7">
        <v>42685</v>
      </c>
      <c r="G31650" s="8">
        <v>3278880</v>
      </c>
      <c r="H31650" s="8">
        <v>2400144</v>
      </c>
      <c r="I31650" s="8">
        <v>1098420</v>
      </c>
      <c r="J31650" s="8">
        <v>2180460</v>
      </c>
      <c r="K31650" s="9"/>
      <c r="L31650" s="6"/>
    </row>
    <row r="31651" spans="1:12">
      <c r="A31651" s="6" t="s">
        <v>33103</v>
      </c>
      <c r="B31651" s="6"/>
      <c r="C31651" s="6" t="s">
        <v>32230</v>
      </c>
      <c r="D31651" s="6"/>
      <c r="E31651" s="6" t="s">
        <v>9</v>
      </c>
      <c r="F31651" s="7">
        <v>42685</v>
      </c>
      <c r="G31651" s="8">
        <v>507600</v>
      </c>
      <c r="H31651" s="8">
        <v>371564</v>
      </c>
      <c r="I31651" s="8">
        <v>170045</v>
      </c>
      <c r="J31651" s="8">
        <v>337555</v>
      </c>
      <c r="K31651" s="9"/>
      <c r="L31651" s="6"/>
    </row>
    <row r="31652" spans="1:12">
      <c r="A31652" s="6" t="s">
        <v>33096</v>
      </c>
      <c r="B31652" s="6"/>
      <c r="C31652" s="6" t="s">
        <v>32230</v>
      </c>
      <c r="D31652" s="6"/>
      <c r="E31652" s="6" t="s">
        <v>9</v>
      </c>
      <c r="F31652" s="7">
        <v>32599</v>
      </c>
      <c r="G31652" s="8">
        <v>11677500</v>
      </c>
      <c r="H31652" s="8">
        <v>1</v>
      </c>
      <c r="I31652" s="8">
        <v>11677499</v>
      </c>
      <c r="J31652" s="8">
        <v>1</v>
      </c>
      <c r="K31652" s="9"/>
      <c r="L31652" s="6"/>
    </row>
    <row r="31653" spans="1:12">
      <c r="A31653" s="6" t="s">
        <v>33096</v>
      </c>
      <c r="B31653" s="6"/>
      <c r="C31653" s="6" t="s">
        <v>32230</v>
      </c>
      <c r="D31653" s="6"/>
      <c r="E31653" s="6" t="s">
        <v>9</v>
      </c>
      <c r="F31653" s="7">
        <v>32599</v>
      </c>
      <c r="G31653" s="8">
        <v>8507700</v>
      </c>
      <c r="H31653" s="8">
        <v>1</v>
      </c>
      <c r="I31653" s="8">
        <v>8507699</v>
      </c>
      <c r="J31653" s="8">
        <v>1</v>
      </c>
      <c r="K31653" s="9"/>
      <c r="L31653" s="6"/>
    </row>
    <row r="31654" spans="1:12">
      <c r="A31654" s="6" t="s">
        <v>33096</v>
      </c>
      <c r="B31654" s="6"/>
      <c r="C31654" s="6" t="s">
        <v>32230</v>
      </c>
      <c r="D31654" s="6"/>
      <c r="E31654" s="6" t="s">
        <v>9</v>
      </c>
      <c r="F31654" s="7">
        <v>32599</v>
      </c>
      <c r="G31654" s="8">
        <v>4028400</v>
      </c>
      <c r="H31654" s="8">
        <v>1</v>
      </c>
      <c r="I31654" s="8">
        <v>4028399</v>
      </c>
      <c r="J31654" s="8">
        <v>1</v>
      </c>
      <c r="K31654" s="9"/>
      <c r="L31654" s="6"/>
    </row>
    <row r="31655" spans="1:12">
      <c r="A31655" s="6" t="s">
        <v>33096</v>
      </c>
      <c r="B31655" s="6"/>
      <c r="C31655" s="6" t="s">
        <v>32230</v>
      </c>
      <c r="D31655" s="6"/>
      <c r="E31655" s="6" t="s">
        <v>9</v>
      </c>
      <c r="F31655" s="7">
        <v>32599</v>
      </c>
      <c r="G31655" s="8">
        <v>19947600</v>
      </c>
      <c r="H31655" s="8">
        <v>1</v>
      </c>
      <c r="I31655" s="8">
        <v>19947599</v>
      </c>
      <c r="J31655" s="8">
        <v>1</v>
      </c>
      <c r="K31655" s="9"/>
      <c r="L31655" s="6"/>
    </row>
    <row r="31656" spans="1:12">
      <c r="A31656" s="6" t="s">
        <v>33097</v>
      </c>
      <c r="B31656" s="6"/>
      <c r="C31656" s="6" t="s">
        <v>32230</v>
      </c>
      <c r="D31656" s="6"/>
      <c r="E31656" s="6" t="s">
        <v>9</v>
      </c>
      <c r="F31656" s="7">
        <v>40247</v>
      </c>
      <c r="G31656" s="8">
        <v>2551500</v>
      </c>
      <c r="H31656" s="8">
        <v>895582</v>
      </c>
      <c r="I31656" s="8">
        <v>1806456</v>
      </c>
      <c r="J31656" s="8">
        <v>745044</v>
      </c>
      <c r="K31656" s="9"/>
      <c r="L31656" s="6"/>
    </row>
    <row r="31657" spans="1:12">
      <c r="A31657" s="6" t="s">
        <v>33104</v>
      </c>
      <c r="B31657" s="6"/>
      <c r="C31657" s="6" t="s">
        <v>32230</v>
      </c>
      <c r="D31657" s="6"/>
      <c r="E31657" s="6" t="s">
        <v>9</v>
      </c>
      <c r="F31657" s="7">
        <v>43185</v>
      </c>
      <c r="G31657" s="8">
        <v>747360</v>
      </c>
      <c r="H31657" s="8">
        <v>615078</v>
      </c>
      <c r="I31657" s="8">
        <v>176376</v>
      </c>
      <c r="J31657" s="8">
        <v>570984</v>
      </c>
      <c r="K31657" s="9"/>
      <c r="L31657" s="6"/>
    </row>
    <row r="31658" spans="1:12">
      <c r="A31658" s="6" t="s">
        <v>33096</v>
      </c>
      <c r="B31658" s="6"/>
      <c r="C31658" s="6" t="s">
        <v>32230</v>
      </c>
      <c r="D31658" s="6"/>
      <c r="E31658" s="6" t="s">
        <v>9</v>
      </c>
      <c r="F31658" s="7">
        <v>31503</v>
      </c>
      <c r="G31658" s="8">
        <v>5448600</v>
      </c>
      <c r="H31658" s="8">
        <v>1</v>
      </c>
      <c r="I31658" s="8">
        <v>5448599</v>
      </c>
      <c r="J31658" s="8">
        <v>1</v>
      </c>
      <c r="K31658" s="9"/>
      <c r="L31658" s="6"/>
    </row>
    <row r="31659" spans="1:12">
      <c r="A31659" s="6" t="s">
        <v>33096</v>
      </c>
      <c r="B31659" s="6"/>
      <c r="C31659" s="6" t="s">
        <v>32230</v>
      </c>
      <c r="D31659" s="6"/>
      <c r="E31659" s="6" t="s">
        <v>9</v>
      </c>
      <c r="F31659" s="7">
        <v>31503</v>
      </c>
      <c r="G31659" s="8">
        <v>135000</v>
      </c>
      <c r="H31659" s="8">
        <v>1</v>
      </c>
      <c r="I31659" s="8">
        <v>134999</v>
      </c>
      <c r="J31659" s="8">
        <v>1</v>
      </c>
      <c r="K31659" s="9"/>
      <c r="L31659" s="6"/>
    </row>
    <row r="31660" spans="1:12">
      <c r="A31660" s="6" t="s">
        <v>33096</v>
      </c>
      <c r="B31660" s="6"/>
      <c r="C31660" s="6" t="s">
        <v>32230</v>
      </c>
      <c r="D31660" s="6"/>
      <c r="E31660" s="6" t="s">
        <v>9</v>
      </c>
      <c r="F31660" s="7">
        <v>31503</v>
      </c>
      <c r="G31660" s="8">
        <v>11453400</v>
      </c>
      <c r="H31660" s="8">
        <v>1</v>
      </c>
      <c r="I31660" s="8">
        <v>11453399</v>
      </c>
      <c r="J31660" s="8">
        <v>1</v>
      </c>
      <c r="K31660" s="9"/>
      <c r="L31660" s="6"/>
    </row>
    <row r="31661" spans="1:12">
      <c r="A31661" s="6" t="s">
        <v>33096</v>
      </c>
      <c r="B31661" s="6"/>
      <c r="C31661" s="6" t="s">
        <v>32230</v>
      </c>
      <c r="D31661" s="6"/>
      <c r="E31661" s="6" t="s">
        <v>9</v>
      </c>
      <c r="F31661" s="7">
        <v>31503</v>
      </c>
      <c r="G31661" s="8">
        <v>4166100</v>
      </c>
      <c r="H31661" s="8">
        <v>1</v>
      </c>
      <c r="I31661" s="8">
        <v>4166099</v>
      </c>
      <c r="J31661" s="8">
        <v>1</v>
      </c>
      <c r="K31661" s="9"/>
      <c r="L31661" s="6"/>
    </row>
    <row r="31662" spans="1:12">
      <c r="A31662" s="6" t="s">
        <v>33097</v>
      </c>
      <c r="B31662" s="6"/>
      <c r="C31662" s="6" t="s">
        <v>32230</v>
      </c>
      <c r="D31662" s="6"/>
      <c r="E31662" s="6" t="s">
        <v>9</v>
      </c>
      <c r="F31662" s="7">
        <v>40268</v>
      </c>
      <c r="G31662" s="8">
        <v>1962450</v>
      </c>
      <c r="H31662" s="8">
        <v>688826</v>
      </c>
      <c r="I31662" s="8">
        <v>1389408</v>
      </c>
      <c r="J31662" s="8">
        <v>573042</v>
      </c>
      <c r="K31662" s="9"/>
      <c r="L31662" s="6"/>
    </row>
    <row r="31663" spans="1:12">
      <c r="A31663" s="6" t="s">
        <v>33105</v>
      </c>
      <c r="B31663" s="6"/>
      <c r="C31663" s="6" t="s">
        <v>32230</v>
      </c>
      <c r="D31663" s="6"/>
      <c r="E31663" s="6" t="s">
        <v>9</v>
      </c>
      <c r="F31663" s="7">
        <v>43475</v>
      </c>
      <c r="G31663" s="8">
        <v>21704760</v>
      </c>
      <c r="H31663" s="8">
        <v>17363808</v>
      </c>
      <c r="I31663" s="8">
        <v>6511428</v>
      </c>
      <c r="J31663" s="8">
        <v>15193332</v>
      </c>
      <c r="K31663" s="9"/>
      <c r="L31663" s="6"/>
    </row>
    <row r="31664" spans="1:12">
      <c r="A31664" s="6" t="s">
        <v>33106</v>
      </c>
      <c r="B31664" s="6"/>
      <c r="C31664" s="6" t="s">
        <v>32230</v>
      </c>
      <c r="D31664" s="6"/>
      <c r="E31664" s="6" t="s">
        <v>9</v>
      </c>
      <c r="F31664" s="7">
        <v>43555</v>
      </c>
      <c r="G31664" s="8">
        <v>3996000</v>
      </c>
      <c r="H31664" s="8">
        <v>3812184</v>
      </c>
      <c r="I31664" s="8">
        <v>275724</v>
      </c>
      <c r="J31664" s="8">
        <v>3720276</v>
      </c>
      <c r="K31664" s="9"/>
      <c r="L31664" s="6"/>
    </row>
    <row r="31665" spans="1:12">
      <c r="A31665" s="6" t="s">
        <v>33107</v>
      </c>
      <c r="B31665" s="6"/>
      <c r="C31665" s="6" t="s">
        <v>32230</v>
      </c>
      <c r="D31665" s="6"/>
      <c r="E31665" s="6" t="s">
        <v>9</v>
      </c>
      <c r="F31665" s="7">
        <v>44160</v>
      </c>
      <c r="G31665" s="8">
        <v>7535000</v>
      </c>
      <c r="H31665" s="8">
        <v>7535000</v>
      </c>
      <c r="I31665" s="8">
        <v>504845</v>
      </c>
      <c r="J31665" s="8">
        <v>7030155</v>
      </c>
      <c r="K31665" s="9"/>
      <c r="L31665" s="6"/>
    </row>
    <row r="31666" spans="1:12">
      <c r="A31666" s="6" t="s">
        <v>33096</v>
      </c>
      <c r="B31666" s="6"/>
      <c r="C31666" s="6" t="s">
        <v>32230</v>
      </c>
      <c r="D31666" s="6"/>
      <c r="E31666" s="6" t="s">
        <v>9</v>
      </c>
      <c r="F31666" s="7">
        <v>31138</v>
      </c>
      <c r="G31666" s="8">
        <v>2586600</v>
      </c>
      <c r="H31666" s="8">
        <v>1</v>
      </c>
      <c r="I31666" s="8">
        <v>2586599</v>
      </c>
      <c r="J31666" s="8">
        <v>1</v>
      </c>
      <c r="K31666" s="9"/>
      <c r="L31666" s="6"/>
    </row>
    <row r="31667" spans="1:12">
      <c r="A31667" s="6" t="s">
        <v>33096</v>
      </c>
      <c r="B31667" s="6"/>
      <c r="C31667" s="6" t="s">
        <v>32230</v>
      </c>
      <c r="D31667" s="6"/>
      <c r="E31667" s="6" t="s">
        <v>9</v>
      </c>
      <c r="F31667" s="7">
        <v>31138</v>
      </c>
      <c r="G31667" s="8">
        <v>11502000</v>
      </c>
      <c r="H31667" s="8">
        <v>1</v>
      </c>
      <c r="I31667" s="8">
        <v>11501999</v>
      </c>
      <c r="J31667" s="8">
        <v>1</v>
      </c>
      <c r="K31667" s="9"/>
      <c r="L31667" s="6"/>
    </row>
    <row r="31668" spans="1:12">
      <c r="A31668" s="6" t="s">
        <v>33096</v>
      </c>
      <c r="B31668" s="6"/>
      <c r="C31668" s="6" t="s">
        <v>32230</v>
      </c>
      <c r="D31668" s="6"/>
      <c r="E31668" s="6" t="s">
        <v>9</v>
      </c>
      <c r="F31668" s="7">
        <v>31138</v>
      </c>
      <c r="G31668" s="8">
        <v>591300</v>
      </c>
      <c r="H31668" s="8">
        <v>1</v>
      </c>
      <c r="I31668" s="8">
        <v>591299</v>
      </c>
      <c r="J31668" s="8">
        <v>1</v>
      </c>
      <c r="K31668" s="9"/>
      <c r="L31668" s="6"/>
    </row>
    <row r="31669" spans="1:12">
      <c r="A31669" s="6" t="s">
        <v>33096</v>
      </c>
      <c r="B31669" s="6"/>
      <c r="C31669" s="6" t="s">
        <v>32230</v>
      </c>
      <c r="D31669" s="6"/>
      <c r="E31669" s="6" t="s">
        <v>9</v>
      </c>
      <c r="F31669" s="7">
        <v>31138</v>
      </c>
      <c r="G31669" s="8">
        <v>7665300</v>
      </c>
      <c r="H31669" s="8">
        <v>1</v>
      </c>
      <c r="I31669" s="8">
        <v>7665299</v>
      </c>
      <c r="J31669" s="8">
        <v>1</v>
      </c>
      <c r="K31669" s="9"/>
      <c r="L31669" s="6"/>
    </row>
    <row r="31670" spans="1:12">
      <c r="A31670" s="6" t="s">
        <v>33096</v>
      </c>
      <c r="B31670" s="6"/>
      <c r="C31670" s="6" t="s">
        <v>32230</v>
      </c>
      <c r="D31670" s="6"/>
      <c r="E31670" s="6" t="s">
        <v>9</v>
      </c>
      <c r="F31670" s="7">
        <v>31138</v>
      </c>
      <c r="G31670" s="8">
        <v>540000</v>
      </c>
      <c r="H31670" s="8">
        <v>1</v>
      </c>
      <c r="I31670" s="8">
        <v>539999</v>
      </c>
      <c r="J31670" s="8">
        <v>1</v>
      </c>
      <c r="K31670" s="9"/>
      <c r="L31670" s="6"/>
    </row>
    <row r="31671" spans="1:12">
      <c r="A31671" s="6" t="s">
        <v>33097</v>
      </c>
      <c r="B31671" s="6"/>
      <c r="C31671" s="6" t="s">
        <v>32230</v>
      </c>
      <c r="D31671" s="6"/>
      <c r="E31671" s="6" t="s">
        <v>9</v>
      </c>
      <c r="F31671" s="7">
        <v>39173</v>
      </c>
      <c r="G31671" s="8">
        <v>1197000</v>
      </c>
      <c r="H31671" s="8">
        <v>278901</v>
      </c>
      <c r="I31671" s="8">
        <v>988722</v>
      </c>
      <c r="J31671" s="8">
        <v>208278</v>
      </c>
      <c r="K31671" s="9"/>
      <c r="L31671" s="6"/>
    </row>
    <row r="31672" spans="1:12">
      <c r="A31672" s="6" t="s">
        <v>33096</v>
      </c>
      <c r="B31672" s="6"/>
      <c r="C31672" s="6" t="s">
        <v>32230</v>
      </c>
      <c r="D31672" s="6"/>
      <c r="E31672" s="6" t="s">
        <v>9</v>
      </c>
      <c r="F31672" s="7">
        <v>30042</v>
      </c>
      <c r="G31672" s="8">
        <v>4112100</v>
      </c>
      <c r="H31672" s="8">
        <v>1</v>
      </c>
      <c r="I31672" s="8">
        <v>4112099</v>
      </c>
      <c r="J31672" s="8">
        <v>1</v>
      </c>
      <c r="K31672" s="9"/>
      <c r="L31672" s="6"/>
    </row>
    <row r="31673" spans="1:12">
      <c r="A31673" s="6" t="s">
        <v>33096</v>
      </c>
      <c r="B31673" s="6"/>
      <c r="C31673" s="6" t="s">
        <v>32230</v>
      </c>
      <c r="D31673" s="6"/>
      <c r="E31673" s="6" t="s">
        <v>9</v>
      </c>
      <c r="F31673" s="7">
        <v>30042</v>
      </c>
      <c r="G31673" s="8">
        <v>4085100</v>
      </c>
      <c r="H31673" s="8">
        <v>1</v>
      </c>
      <c r="I31673" s="8">
        <v>4085099</v>
      </c>
      <c r="J31673" s="8">
        <v>1</v>
      </c>
      <c r="K31673" s="9"/>
      <c r="L31673" s="6"/>
    </row>
    <row r="31674" spans="1:12">
      <c r="A31674" s="6" t="s">
        <v>33096</v>
      </c>
      <c r="B31674" s="6"/>
      <c r="C31674" s="6" t="s">
        <v>32230</v>
      </c>
      <c r="D31674" s="6"/>
      <c r="E31674" s="6" t="s">
        <v>9</v>
      </c>
      <c r="F31674" s="7">
        <v>30042</v>
      </c>
      <c r="G31674" s="8">
        <v>21394800</v>
      </c>
      <c r="H31674" s="8">
        <v>1</v>
      </c>
      <c r="I31674" s="8">
        <v>21394799</v>
      </c>
      <c r="J31674" s="8">
        <v>1</v>
      </c>
      <c r="K31674" s="9"/>
      <c r="L31674" s="6"/>
    </row>
    <row r="31675" spans="1:12">
      <c r="A31675" s="6" t="s">
        <v>33097</v>
      </c>
      <c r="B31675" s="6"/>
      <c r="C31675" s="6" t="s">
        <v>32230</v>
      </c>
      <c r="D31675" s="6"/>
      <c r="E31675" s="6" t="s">
        <v>9</v>
      </c>
      <c r="F31675" s="7">
        <v>40269</v>
      </c>
      <c r="G31675" s="8">
        <v>3222450</v>
      </c>
      <c r="H31675" s="8">
        <v>1321210</v>
      </c>
      <c r="I31675" s="8">
        <v>2091364</v>
      </c>
      <c r="J31675" s="8">
        <v>1131086</v>
      </c>
      <c r="K31675" s="9"/>
      <c r="L31675" s="6"/>
    </row>
    <row r="31676" spans="1:12">
      <c r="A31676" s="6" t="s">
        <v>33097</v>
      </c>
      <c r="B31676" s="6"/>
      <c r="C31676" s="6" t="s">
        <v>32230</v>
      </c>
      <c r="D31676" s="6"/>
      <c r="E31676" s="6" t="s">
        <v>9</v>
      </c>
      <c r="F31676" s="7">
        <v>41614</v>
      </c>
      <c r="G31676" s="8">
        <v>1856400</v>
      </c>
      <c r="H31676" s="8">
        <v>1089711</v>
      </c>
      <c r="I31676" s="8">
        <v>876216</v>
      </c>
      <c r="J31676" s="8">
        <v>980184</v>
      </c>
      <c r="K31676" s="9"/>
      <c r="L31676" s="6"/>
    </row>
    <row r="31677" spans="1:12">
      <c r="A31677" s="6" t="s">
        <v>33096</v>
      </c>
      <c r="B31677" s="6"/>
      <c r="C31677" s="6" t="s">
        <v>32230</v>
      </c>
      <c r="D31677" s="6"/>
      <c r="E31677" s="6" t="s">
        <v>9</v>
      </c>
      <c r="F31677" s="7">
        <v>32234</v>
      </c>
      <c r="G31677" s="8">
        <v>5329800</v>
      </c>
      <c r="H31677" s="8">
        <v>1</v>
      </c>
      <c r="I31677" s="8">
        <v>5329799</v>
      </c>
      <c r="J31677" s="8">
        <v>1</v>
      </c>
      <c r="K31677" s="9"/>
      <c r="L31677" s="6"/>
    </row>
    <row r="31678" spans="1:12">
      <c r="A31678" s="6" t="s">
        <v>33096</v>
      </c>
      <c r="B31678" s="6"/>
      <c r="C31678" s="6" t="s">
        <v>32230</v>
      </c>
      <c r="D31678" s="6"/>
      <c r="E31678" s="6" t="s">
        <v>9</v>
      </c>
      <c r="F31678" s="7">
        <v>32234</v>
      </c>
      <c r="G31678" s="8">
        <v>2851200</v>
      </c>
      <c r="H31678" s="8">
        <v>1</v>
      </c>
      <c r="I31678" s="8">
        <v>2851199</v>
      </c>
      <c r="J31678" s="8">
        <v>1</v>
      </c>
      <c r="K31678" s="9"/>
      <c r="L31678" s="6"/>
    </row>
    <row r="31679" spans="1:12">
      <c r="A31679" s="6" t="s">
        <v>33096</v>
      </c>
      <c r="B31679" s="6"/>
      <c r="C31679" s="6" t="s">
        <v>32230</v>
      </c>
      <c r="D31679" s="6"/>
      <c r="E31679" s="6" t="s">
        <v>9</v>
      </c>
      <c r="F31679" s="7">
        <v>32234</v>
      </c>
      <c r="G31679" s="8">
        <v>15133500</v>
      </c>
      <c r="H31679" s="8">
        <v>1</v>
      </c>
      <c r="I31679" s="8">
        <v>15133499</v>
      </c>
      <c r="J31679" s="8">
        <v>1</v>
      </c>
      <c r="K31679" s="9"/>
      <c r="L31679" s="6"/>
    </row>
    <row r="31680" spans="1:12">
      <c r="A31680" s="6" t="s">
        <v>33096</v>
      </c>
      <c r="B31680" s="6"/>
      <c r="C31680" s="6" t="s">
        <v>32230</v>
      </c>
      <c r="D31680" s="6"/>
      <c r="E31680" s="6" t="s">
        <v>9</v>
      </c>
      <c r="F31680" s="7">
        <v>32234</v>
      </c>
      <c r="G31680" s="8">
        <v>2446200</v>
      </c>
      <c r="H31680" s="8">
        <v>1</v>
      </c>
      <c r="I31680" s="8">
        <v>2446199</v>
      </c>
      <c r="J31680" s="8">
        <v>1</v>
      </c>
      <c r="K31680" s="9"/>
      <c r="L31680" s="6"/>
    </row>
    <row r="31681" spans="1:12">
      <c r="A31681" s="6" t="s">
        <v>33096</v>
      </c>
      <c r="B31681" s="6"/>
      <c r="C31681" s="6" t="s">
        <v>32230</v>
      </c>
      <c r="D31681" s="6"/>
      <c r="E31681" s="6" t="s">
        <v>9</v>
      </c>
      <c r="F31681" s="7">
        <v>32234</v>
      </c>
      <c r="G31681" s="8">
        <v>10535400</v>
      </c>
      <c r="H31681" s="8">
        <v>1</v>
      </c>
      <c r="I31681" s="8">
        <v>10535399</v>
      </c>
      <c r="J31681" s="8">
        <v>1</v>
      </c>
      <c r="K31681" s="9"/>
      <c r="L31681" s="6"/>
    </row>
    <row r="31682" spans="1:12">
      <c r="A31682" s="6" t="s">
        <v>33096</v>
      </c>
      <c r="B31682" s="6"/>
      <c r="C31682" s="6" t="s">
        <v>32230</v>
      </c>
      <c r="D31682" s="6"/>
      <c r="E31682" s="6" t="s">
        <v>9</v>
      </c>
      <c r="F31682" s="7">
        <v>32234</v>
      </c>
      <c r="G31682" s="8">
        <v>2635200</v>
      </c>
      <c r="H31682" s="8">
        <v>1</v>
      </c>
      <c r="I31682" s="8">
        <v>2635199</v>
      </c>
      <c r="J31682" s="8">
        <v>1</v>
      </c>
      <c r="K31682" s="9"/>
      <c r="L31682" s="6"/>
    </row>
    <row r="31683" spans="1:12">
      <c r="A31683" s="6" t="s">
        <v>33097</v>
      </c>
      <c r="B31683" s="6"/>
      <c r="C31683" s="6" t="s">
        <v>32230</v>
      </c>
      <c r="D31683" s="6"/>
      <c r="E31683" s="6" t="s">
        <v>9</v>
      </c>
      <c r="F31683" s="7">
        <v>32234</v>
      </c>
      <c r="G31683" s="8">
        <v>1</v>
      </c>
      <c r="H31683" s="8">
        <v>1</v>
      </c>
      <c r="I31683" s="8">
        <v>0</v>
      </c>
      <c r="J31683" s="8">
        <v>1</v>
      </c>
      <c r="K31683" s="9"/>
      <c r="L31683" s="6"/>
    </row>
    <row r="31684" spans="1:12">
      <c r="A31684" s="6" t="s">
        <v>33108</v>
      </c>
      <c r="B31684" s="6"/>
      <c r="C31684" s="6" t="s">
        <v>32230</v>
      </c>
      <c r="D31684" s="6"/>
      <c r="E31684" s="6" t="s">
        <v>9</v>
      </c>
      <c r="F31684" s="7">
        <v>43472</v>
      </c>
      <c r="G31684" s="8">
        <v>5971320</v>
      </c>
      <c r="H31684" s="8">
        <v>5696640</v>
      </c>
      <c r="I31684" s="8">
        <v>412020</v>
      </c>
      <c r="J31684" s="8">
        <v>5559300</v>
      </c>
      <c r="K31684" s="9"/>
      <c r="L31684" s="6"/>
    </row>
    <row r="31685" spans="1:12">
      <c r="A31685" s="6" t="s">
        <v>33109</v>
      </c>
      <c r="B31685" s="6"/>
      <c r="C31685" s="6" t="s">
        <v>32230</v>
      </c>
      <c r="D31685" s="6"/>
      <c r="E31685" s="6" t="s">
        <v>9</v>
      </c>
      <c r="F31685" s="7">
        <v>43553</v>
      </c>
      <c r="G31685" s="8">
        <v>1944000</v>
      </c>
      <c r="H31685" s="8">
        <v>1555200</v>
      </c>
      <c r="I31685" s="8">
        <v>583200</v>
      </c>
      <c r="J31685" s="8">
        <v>1360800</v>
      </c>
      <c r="K31685" s="9"/>
      <c r="L31685" s="6"/>
    </row>
    <row r="31686" spans="1:12">
      <c r="A31686" s="6" t="s">
        <v>33096</v>
      </c>
      <c r="B31686" s="6"/>
      <c r="C31686" s="6" t="s">
        <v>32230</v>
      </c>
      <c r="D31686" s="6"/>
      <c r="E31686" s="6" t="s">
        <v>9</v>
      </c>
      <c r="F31686" s="7">
        <v>30773</v>
      </c>
      <c r="G31686" s="8">
        <v>175500</v>
      </c>
      <c r="H31686" s="8">
        <v>1</v>
      </c>
      <c r="I31686" s="8">
        <v>175499</v>
      </c>
      <c r="J31686" s="8">
        <v>1</v>
      </c>
      <c r="K31686" s="9"/>
      <c r="L31686" s="6"/>
    </row>
    <row r="31687" spans="1:12">
      <c r="A31687" s="6" t="s">
        <v>33096</v>
      </c>
      <c r="B31687" s="6"/>
      <c r="C31687" s="6" t="s">
        <v>32230</v>
      </c>
      <c r="D31687" s="6"/>
      <c r="E31687" s="6" t="s">
        <v>9</v>
      </c>
      <c r="F31687" s="7">
        <v>30773</v>
      </c>
      <c r="G31687" s="8">
        <v>415800</v>
      </c>
      <c r="H31687" s="8">
        <v>1</v>
      </c>
      <c r="I31687" s="8">
        <v>415799</v>
      </c>
      <c r="J31687" s="8">
        <v>1</v>
      </c>
      <c r="K31687" s="9"/>
      <c r="L31687" s="6"/>
    </row>
    <row r="31688" spans="1:12">
      <c r="A31688" s="6" t="s">
        <v>33097</v>
      </c>
      <c r="B31688" s="6"/>
      <c r="C31688" s="6" t="s">
        <v>32230</v>
      </c>
      <c r="D31688" s="6"/>
      <c r="E31688" s="6" t="s">
        <v>9</v>
      </c>
      <c r="F31688" s="7">
        <v>40219</v>
      </c>
      <c r="G31688" s="8">
        <v>8557500</v>
      </c>
      <c r="H31688" s="8">
        <v>3003688</v>
      </c>
      <c r="I31688" s="8">
        <v>6058704</v>
      </c>
      <c r="J31688" s="8">
        <v>2498796</v>
      </c>
      <c r="K31688" s="9"/>
      <c r="L31688" s="6"/>
    </row>
    <row r="31689" spans="1:12">
      <c r="A31689" s="6" t="s">
        <v>33096</v>
      </c>
      <c r="B31689" s="6"/>
      <c r="C31689" s="6" t="s">
        <v>32230</v>
      </c>
      <c r="D31689" s="6"/>
      <c r="E31689" s="6" t="s">
        <v>9</v>
      </c>
      <c r="F31689" s="7">
        <v>30773</v>
      </c>
      <c r="G31689" s="8">
        <v>2902500</v>
      </c>
      <c r="H31689" s="8">
        <v>1</v>
      </c>
      <c r="I31689" s="8">
        <v>2902499</v>
      </c>
      <c r="J31689" s="8">
        <v>1</v>
      </c>
      <c r="K31689" s="9"/>
      <c r="L31689" s="6"/>
    </row>
    <row r="31690" spans="1:12">
      <c r="A31690" s="6" t="s">
        <v>33096</v>
      </c>
      <c r="B31690" s="6"/>
      <c r="C31690" s="6" t="s">
        <v>32230</v>
      </c>
      <c r="D31690" s="6"/>
      <c r="E31690" s="6" t="s">
        <v>9</v>
      </c>
      <c r="F31690" s="7">
        <v>30773</v>
      </c>
      <c r="G31690" s="8">
        <v>2216700</v>
      </c>
      <c r="H31690" s="8">
        <v>1</v>
      </c>
      <c r="I31690" s="8">
        <v>2216699</v>
      </c>
      <c r="J31690" s="8">
        <v>1</v>
      </c>
      <c r="K31690" s="9"/>
      <c r="L31690" s="6"/>
    </row>
    <row r="31691" spans="1:12">
      <c r="A31691" s="6" t="s">
        <v>33096</v>
      </c>
      <c r="B31691" s="6"/>
      <c r="C31691" s="6" t="s">
        <v>32230</v>
      </c>
      <c r="D31691" s="6"/>
      <c r="E31691" s="6" t="s">
        <v>9</v>
      </c>
      <c r="F31691" s="7">
        <v>30773</v>
      </c>
      <c r="G31691" s="8">
        <v>5067900</v>
      </c>
      <c r="H31691" s="8">
        <v>1</v>
      </c>
      <c r="I31691" s="8">
        <v>5067899</v>
      </c>
      <c r="J31691" s="8">
        <v>1</v>
      </c>
      <c r="K31691" s="9"/>
      <c r="L31691" s="6"/>
    </row>
    <row r="31692" spans="1:12">
      <c r="A31692" s="6" t="s">
        <v>33096</v>
      </c>
      <c r="B31692" s="6"/>
      <c r="C31692" s="6" t="s">
        <v>32230</v>
      </c>
      <c r="D31692" s="6"/>
      <c r="E31692" s="6" t="s">
        <v>9</v>
      </c>
      <c r="F31692" s="7">
        <v>30773</v>
      </c>
      <c r="G31692" s="8">
        <v>553500</v>
      </c>
      <c r="H31692" s="8">
        <v>1</v>
      </c>
      <c r="I31692" s="8">
        <v>553499</v>
      </c>
      <c r="J31692" s="8">
        <v>1</v>
      </c>
      <c r="K31692" s="9"/>
      <c r="L31692" s="6"/>
    </row>
    <row r="31693" spans="1:12">
      <c r="A31693" s="6" t="s">
        <v>33096</v>
      </c>
      <c r="B31693" s="6"/>
      <c r="C31693" s="6" t="s">
        <v>32230</v>
      </c>
      <c r="D31693" s="6"/>
      <c r="E31693" s="6" t="s">
        <v>9</v>
      </c>
      <c r="F31693" s="7">
        <v>30773</v>
      </c>
      <c r="G31693" s="8">
        <v>2070900</v>
      </c>
      <c r="H31693" s="8">
        <v>1</v>
      </c>
      <c r="I31693" s="8">
        <v>2070899</v>
      </c>
      <c r="J31693" s="8">
        <v>1</v>
      </c>
      <c r="K31693" s="9"/>
      <c r="L31693" s="6"/>
    </row>
    <row r="31694" spans="1:12">
      <c r="A31694" s="6" t="s">
        <v>33096</v>
      </c>
      <c r="B31694" s="6"/>
      <c r="C31694" s="6" t="s">
        <v>32230</v>
      </c>
      <c r="D31694" s="6"/>
      <c r="E31694" s="6" t="s">
        <v>9</v>
      </c>
      <c r="F31694" s="7">
        <v>30773</v>
      </c>
      <c r="G31694" s="8">
        <v>13494600</v>
      </c>
      <c r="H31694" s="8">
        <v>1</v>
      </c>
      <c r="I31694" s="8">
        <v>13494599</v>
      </c>
      <c r="J31694" s="8">
        <v>1</v>
      </c>
      <c r="K31694" s="9"/>
      <c r="L31694" s="6"/>
    </row>
    <row r="31695" spans="1:12">
      <c r="A31695" s="6" t="s">
        <v>33096</v>
      </c>
      <c r="B31695" s="6"/>
      <c r="C31695" s="6" t="s">
        <v>32230</v>
      </c>
      <c r="D31695" s="6"/>
      <c r="E31695" s="6" t="s">
        <v>9</v>
      </c>
      <c r="F31695" s="7">
        <v>30773</v>
      </c>
      <c r="G31695" s="8">
        <v>9180000</v>
      </c>
      <c r="H31695" s="8">
        <v>1</v>
      </c>
      <c r="I31695" s="8">
        <v>9179999</v>
      </c>
      <c r="J31695" s="8">
        <v>1</v>
      </c>
      <c r="K31695" s="9"/>
      <c r="L31695" s="6"/>
    </row>
    <row r="31696" spans="1:12">
      <c r="A31696" s="6" t="s">
        <v>33096</v>
      </c>
      <c r="B31696" s="6"/>
      <c r="C31696" s="6" t="s">
        <v>32230</v>
      </c>
      <c r="D31696" s="6"/>
      <c r="E31696" s="6" t="s">
        <v>9</v>
      </c>
      <c r="F31696" s="7">
        <v>30773</v>
      </c>
      <c r="G31696" s="8">
        <v>1082700</v>
      </c>
      <c r="H31696" s="8">
        <v>1</v>
      </c>
      <c r="I31696" s="8">
        <v>1082699</v>
      </c>
      <c r="J31696" s="8">
        <v>1</v>
      </c>
      <c r="K31696" s="9"/>
      <c r="L31696" s="6"/>
    </row>
    <row r="31697" spans="1:12">
      <c r="A31697" s="6" t="s">
        <v>33096</v>
      </c>
      <c r="B31697" s="6"/>
      <c r="C31697" s="6" t="s">
        <v>32230</v>
      </c>
      <c r="D31697" s="6"/>
      <c r="E31697" s="6" t="s">
        <v>9</v>
      </c>
      <c r="F31697" s="7">
        <v>31503</v>
      </c>
      <c r="G31697" s="8">
        <v>7381800</v>
      </c>
      <c r="H31697" s="8">
        <v>1</v>
      </c>
      <c r="I31697" s="8">
        <v>7381799</v>
      </c>
      <c r="J31697" s="8">
        <v>1</v>
      </c>
      <c r="K31697" s="9"/>
      <c r="L31697" s="6"/>
    </row>
    <row r="31698" spans="1:12">
      <c r="A31698" s="6" t="s">
        <v>33096</v>
      </c>
      <c r="B31698" s="6"/>
      <c r="C31698" s="6" t="s">
        <v>32230</v>
      </c>
      <c r="D31698" s="6"/>
      <c r="E31698" s="6" t="s">
        <v>9</v>
      </c>
      <c r="F31698" s="7">
        <v>31503</v>
      </c>
      <c r="G31698" s="8">
        <v>2238300</v>
      </c>
      <c r="H31698" s="8">
        <v>1</v>
      </c>
      <c r="I31698" s="8">
        <v>2238299</v>
      </c>
      <c r="J31698" s="8">
        <v>1</v>
      </c>
      <c r="K31698" s="9"/>
      <c r="L31698" s="6"/>
    </row>
    <row r="31699" spans="1:12">
      <c r="A31699" s="6" t="s">
        <v>33097</v>
      </c>
      <c r="B31699" s="6"/>
      <c r="C31699" s="6" t="s">
        <v>32230</v>
      </c>
      <c r="D31699" s="6"/>
      <c r="E31699" s="6" t="s">
        <v>9</v>
      </c>
      <c r="F31699" s="7">
        <v>31503</v>
      </c>
      <c r="G31699" s="8">
        <v>1</v>
      </c>
      <c r="H31699" s="8">
        <v>1</v>
      </c>
      <c r="I31699" s="8">
        <v>0</v>
      </c>
      <c r="J31699" s="8">
        <v>1</v>
      </c>
      <c r="K31699" s="9"/>
      <c r="L31699" s="6"/>
    </row>
    <row r="31700" spans="1:12">
      <c r="A31700" s="6" t="s">
        <v>33096</v>
      </c>
      <c r="B31700" s="6"/>
      <c r="C31700" s="6" t="s">
        <v>32230</v>
      </c>
      <c r="D31700" s="6"/>
      <c r="E31700" s="6" t="s">
        <v>9</v>
      </c>
      <c r="F31700" s="7">
        <v>30042</v>
      </c>
      <c r="G31700" s="8">
        <v>2219400</v>
      </c>
      <c r="H31700" s="8">
        <v>1</v>
      </c>
      <c r="I31700" s="8">
        <v>2219399</v>
      </c>
      <c r="J31700" s="8">
        <v>1</v>
      </c>
      <c r="K31700" s="9"/>
      <c r="L31700" s="6"/>
    </row>
    <row r="31701" spans="1:12">
      <c r="A31701" s="6" t="s">
        <v>33096</v>
      </c>
      <c r="B31701" s="6"/>
      <c r="C31701" s="6" t="s">
        <v>32230</v>
      </c>
      <c r="D31701" s="6"/>
      <c r="E31701" s="6" t="s">
        <v>9</v>
      </c>
      <c r="F31701" s="7">
        <v>30042</v>
      </c>
      <c r="G31701" s="8">
        <v>1263600</v>
      </c>
      <c r="H31701" s="8">
        <v>1</v>
      </c>
      <c r="I31701" s="8">
        <v>1263599</v>
      </c>
      <c r="J31701" s="8">
        <v>1</v>
      </c>
      <c r="K31701" s="9"/>
      <c r="L31701" s="6"/>
    </row>
    <row r="31702" spans="1:12">
      <c r="A31702" s="6" t="s">
        <v>33096</v>
      </c>
      <c r="B31702" s="6"/>
      <c r="C31702" s="6" t="s">
        <v>32230</v>
      </c>
      <c r="D31702" s="6"/>
      <c r="E31702" s="6" t="s">
        <v>9</v>
      </c>
      <c r="F31702" s="7">
        <v>30042</v>
      </c>
      <c r="G31702" s="8">
        <v>4730400</v>
      </c>
      <c r="H31702" s="8">
        <v>1</v>
      </c>
      <c r="I31702" s="8">
        <v>4730399</v>
      </c>
      <c r="J31702" s="8">
        <v>1</v>
      </c>
      <c r="K31702" s="9"/>
      <c r="L31702" s="6"/>
    </row>
    <row r="31703" spans="1:12">
      <c r="A31703" s="6" t="s">
        <v>33096</v>
      </c>
      <c r="B31703" s="6"/>
      <c r="C31703" s="6" t="s">
        <v>32230</v>
      </c>
      <c r="D31703" s="6"/>
      <c r="E31703" s="6" t="s">
        <v>9</v>
      </c>
      <c r="F31703" s="7">
        <v>30042</v>
      </c>
      <c r="G31703" s="8">
        <v>11831400</v>
      </c>
      <c r="H31703" s="8">
        <v>1</v>
      </c>
      <c r="I31703" s="8">
        <v>11831399</v>
      </c>
      <c r="J31703" s="8">
        <v>1</v>
      </c>
      <c r="K31703" s="9"/>
      <c r="L31703" s="6"/>
    </row>
    <row r="31704" spans="1:12">
      <c r="A31704" s="6" t="s">
        <v>33096</v>
      </c>
      <c r="B31704" s="6"/>
      <c r="C31704" s="6" t="s">
        <v>32230</v>
      </c>
      <c r="D31704" s="6"/>
      <c r="E31704" s="6" t="s">
        <v>9</v>
      </c>
      <c r="F31704" s="7">
        <v>30042</v>
      </c>
      <c r="G31704" s="8">
        <v>5618700</v>
      </c>
      <c r="H31704" s="8">
        <v>1</v>
      </c>
      <c r="I31704" s="8">
        <v>5618699</v>
      </c>
      <c r="J31704" s="8">
        <v>1</v>
      </c>
      <c r="K31704" s="9"/>
      <c r="L31704" s="6"/>
    </row>
    <row r="31705" spans="1:12">
      <c r="A31705" s="6" t="s">
        <v>33096</v>
      </c>
      <c r="B31705" s="6"/>
      <c r="C31705" s="6" t="s">
        <v>32230</v>
      </c>
      <c r="D31705" s="6"/>
      <c r="E31705" s="6" t="s">
        <v>9</v>
      </c>
      <c r="F31705" s="7">
        <v>30042</v>
      </c>
      <c r="G31705" s="8">
        <v>3429000</v>
      </c>
      <c r="H31705" s="8">
        <v>1</v>
      </c>
      <c r="I31705" s="8">
        <v>3428999</v>
      </c>
      <c r="J31705" s="8">
        <v>1</v>
      </c>
      <c r="K31705" s="9"/>
      <c r="L31705" s="6"/>
    </row>
    <row r="31706" spans="1:12">
      <c r="A31706" s="6" t="s">
        <v>33096</v>
      </c>
      <c r="B31706" s="6"/>
      <c r="C31706" s="6" t="s">
        <v>32230</v>
      </c>
      <c r="D31706" s="6"/>
      <c r="E31706" s="6" t="s">
        <v>9</v>
      </c>
      <c r="F31706" s="7">
        <v>30042</v>
      </c>
      <c r="G31706" s="8">
        <v>7965000</v>
      </c>
      <c r="H31706" s="8">
        <v>1</v>
      </c>
      <c r="I31706" s="8">
        <v>7964999</v>
      </c>
      <c r="J31706" s="8">
        <v>1</v>
      </c>
      <c r="K31706" s="9"/>
      <c r="L31706" s="6"/>
    </row>
    <row r="31707" spans="1:12">
      <c r="A31707" s="6" t="s">
        <v>33096</v>
      </c>
      <c r="B31707" s="6"/>
      <c r="C31707" s="6" t="s">
        <v>32230</v>
      </c>
      <c r="D31707" s="6"/>
      <c r="E31707" s="6" t="s">
        <v>9</v>
      </c>
      <c r="F31707" s="7">
        <v>30042</v>
      </c>
      <c r="G31707" s="8">
        <v>2416500</v>
      </c>
      <c r="H31707" s="8">
        <v>1</v>
      </c>
      <c r="I31707" s="8">
        <v>2416499</v>
      </c>
      <c r="J31707" s="8">
        <v>1</v>
      </c>
      <c r="K31707" s="9"/>
      <c r="L31707" s="6"/>
    </row>
    <row r="31708" spans="1:12">
      <c r="A31708" s="6" t="s">
        <v>33097</v>
      </c>
      <c r="B31708" s="6"/>
      <c r="C31708" s="6" t="s">
        <v>32230</v>
      </c>
      <c r="D31708" s="6"/>
      <c r="E31708" s="6" t="s">
        <v>9</v>
      </c>
      <c r="F31708" s="7">
        <v>30042</v>
      </c>
      <c r="G31708" s="8">
        <v>1</v>
      </c>
      <c r="H31708" s="8">
        <v>1</v>
      </c>
      <c r="I31708" s="8">
        <v>0</v>
      </c>
      <c r="J31708" s="8">
        <v>1</v>
      </c>
      <c r="K31708" s="9"/>
      <c r="L31708" s="6"/>
    </row>
    <row r="31709" spans="1:12">
      <c r="A31709" s="6" t="s">
        <v>33096</v>
      </c>
      <c r="B31709" s="6"/>
      <c r="C31709" s="6" t="s">
        <v>32230</v>
      </c>
      <c r="D31709" s="6"/>
      <c r="E31709" s="6" t="s">
        <v>9</v>
      </c>
      <c r="F31709" s="7">
        <v>36251</v>
      </c>
      <c r="G31709" s="8">
        <v>8267400</v>
      </c>
      <c r="H31709" s="8">
        <v>1</v>
      </c>
      <c r="I31709" s="8">
        <v>8267399</v>
      </c>
      <c r="J31709" s="8">
        <v>1</v>
      </c>
      <c r="K31709" s="9"/>
      <c r="L31709" s="6"/>
    </row>
    <row r="31710" spans="1:12">
      <c r="A31710" s="6" t="s">
        <v>33097</v>
      </c>
      <c r="B31710" s="6"/>
      <c r="C31710" s="6" t="s">
        <v>32230</v>
      </c>
      <c r="D31710" s="6"/>
      <c r="E31710" s="6" t="s">
        <v>9</v>
      </c>
      <c r="F31710" s="7">
        <v>36251</v>
      </c>
      <c r="G31710" s="8">
        <v>1</v>
      </c>
      <c r="H31710" s="8">
        <v>1</v>
      </c>
      <c r="I31710" s="8">
        <v>0</v>
      </c>
      <c r="J31710" s="8">
        <v>1</v>
      </c>
      <c r="K31710" s="9"/>
      <c r="L31710" s="6"/>
    </row>
    <row r="31711" spans="1:12">
      <c r="A31711" s="6" t="s">
        <v>33096</v>
      </c>
      <c r="B31711" s="6"/>
      <c r="C31711" s="6" t="s">
        <v>32230</v>
      </c>
      <c r="D31711" s="6"/>
      <c r="E31711" s="6" t="s">
        <v>9</v>
      </c>
      <c r="F31711" s="7">
        <v>31868</v>
      </c>
      <c r="G31711" s="8">
        <v>2713500</v>
      </c>
      <c r="H31711" s="8">
        <v>1</v>
      </c>
      <c r="I31711" s="8">
        <v>2713499</v>
      </c>
      <c r="J31711" s="8">
        <v>1</v>
      </c>
      <c r="K31711" s="9"/>
      <c r="L31711" s="6"/>
    </row>
    <row r="31712" spans="1:12">
      <c r="A31712" s="6" t="s">
        <v>33110</v>
      </c>
      <c r="B31712" s="6"/>
      <c r="C31712" s="6" t="s">
        <v>32230</v>
      </c>
      <c r="D31712" s="6"/>
      <c r="E31712" s="6" t="s">
        <v>9</v>
      </c>
      <c r="F31712" s="7">
        <v>42685</v>
      </c>
      <c r="G31712" s="8">
        <v>1296000</v>
      </c>
      <c r="H31712" s="8">
        <v>990144</v>
      </c>
      <c r="I31712" s="8">
        <v>382320</v>
      </c>
      <c r="J31712" s="8">
        <v>913680</v>
      </c>
      <c r="K31712" s="9"/>
      <c r="L31712" s="6"/>
    </row>
    <row r="31713" spans="1:12">
      <c r="A31713" s="6" t="s">
        <v>33111</v>
      </c>
      <c r="B31713" s="6"/>
      <c r="C31713" s="6" t="s">
        <v>32230</v>
      </c>
      <c r="D31713" s="6"/>
      <c r="E31713" s="6" t="s">
        <v>9</v>
      </c>
      <c r="F31713" s="7">
        <v>43472</v>
      </c>
      <c r="G31713" s="8">
        <v>5466960</v>
      </c>
      <c r="H31713" s="8">
        <v>4821860</v>
      </c>
      <c r="I31713" s="8">
        <v>967650</v>
      </c>
      <c r="J31713" s="8">
        <v>4499310</v>
      </c>
      <c r="K31713" s="9"/>
      <c r="L31713" s="6"/>
    </row>
    <row r="31714" spans="1:12">
      <c r="A31714" s="6" t="s">
        <v>33112</v>
      </c>
      <c r="B31714" s="6"/>
      <c r="C31714" s="6" t="s">
        <v>32230</v>
      </c>
      <c r="D31714" s="6"/>
      <c r="E31714" s="6" t="s">
        <v>9</v>
      </c>
      <c r="F31714" s="7">
        <v>43461</v>
      </c>
      <c r="G31714" s="8">
        <v>2964600</v>
      </c>
      <c r="H31714" s="8">
        <v>2614778</v>
      </c>
      <c r="I31714" s="8">
        <v>524733</v>
      </c>
      <c r="J31714" s="8">
        <v>2439867</v>
      </c>
      <c r="K31714" s="9"/>
      <c r="L31714" s="6"/>
    </row>
    <row r="31715" spans="1:12">
      <c r="A31715" s="6" t="s">
        <v>33113</v>
      </c>
      <c r="B31715" s="6"/>
      <c r="C31715" s="6" t="s">
        <v>32230</v>
      </c>
      <c r="D31715" s="6"/>
      <c r="E31715" s="6" t="s">
        <v>9</v>
      </c>
      <c r="F31715" s="7">
        <v>43529</v>
      </c>
      <c r="G31715" s="8">
        <v>432000</v>
      </c>
      <c r="H31715" s="8">
        <v>381024</v>
      </c>
      <c r="I31715" s="8">
        <v>76464</v>
      </c>
      <c r="J31715" s="8">
        <v>355536</v>
      </c>
      <c r="K31715" s="9"/>
      <c r="L31715" s="6"/>
    </row>
    <row r="31716" spans="1:12">
      <c r="A31716" s="6" t="s">
        <v>33096</v>
      </c>
      <c r="B31716" s="6"/>
      <c r="C31716" s="6" t="s">
        <v>32230</v>
      </c>
      <c r="D31716" s="6"/>
      <c r="E31716" s="6" t="s">
        <v>9</v>
      </c>
      <c r="F31716" s="7">
        <v>31868</v>
      </c>
      <c r="G31716" s="8">
        <v>4857300</v>
      </c>
      <c r="H31716" s="8">
        <v>1</v>
      </c>
      <c r="I31716" s="8">
        <v>4857299</v>
      </c>
      <c r="J31716" s="8">
        <v>1</v>
      </c>
      <c r="K31716" s="9"/>
      <c r="L31716" s="6"/>
    </row>
    <row r="31717" spans="1:12">
      <c r="A31717" s="6" t="s">
        <v>33096</v>
      </c>
      <c r="B31717" s="6"/>
      <c r="C31717" s="6" t="s">
        <v>32230</v>
      </c>
      <c r="D31717" s="6"/>
      <c r="E31717" s="6" t="s">
        <v>9</v>
      </c>
      <c r="F31717" s="7">
        <v>31868</v>
      </c>
      <c r="G31717" s="8">
        <v>3963600</v>
      </c>
      <c r="H31717" s="8">
        <v>1</v>
      </c>
      <c r="I31717" s="8">
        <v>3963599</v>
      </c>
      <c r="J31717" s="8">
        <v>1</v>
      </c>
      <c r="K31717" s="9"/>
      <c r="L31717" s="6"/>
    </row>
    <row r="31718" spans="1:12">
      <c r="A31718" s="6" t="s">
        <v>33096</v>
      </c>
      <c r="B31718" s="6"/>
      <c r="C31718" s="6" t="s">
        <v>32230</v>
      </c>
      <c r="D31718" s="6"/>
      <c r="E31718" s="6" t="s">
        <v>9</v>
      </c>
      <c r="F31718" s="7">
        <v>31868</v>
      </c>
      <c r="G31718" s="8">
        <v>6725700</v>
      </c>
      <c r="H31718" s="8">
        <v>1</v>
      </c>
      <c r="I31718" s="8">
        <v>6725699</v>
      </c>
      <c r="J31718" s="8">
        <v>1</v>
      </c>
      <c r="K31718" s="9"/>
      <c r="L31718" s="6"/>
    </row>
    <row r="31719" spans="1:12">
      <c r="A31719" s="6" t="s">
        <v>33096</v>
      </c>
      <c r="B31719" s="6"/>
      <c r="C31719" s="6" t="s">
        <v>32230</v>
      </c>
      <c r="D31719" s="6"/>
      <c r="E31719" s="6" t="s">
        <v>9</v>
      </c>
      <c r="F31719" s="7">
        <v>31868</v>
      </c>
      <c r="G31719" s="8">
        <v>5815800</v>
      </c>
      <c r="H31719" s="8">
        <v>1</v>
      </c>
      <c r="I31719" s="8">
        <v>5815799</v>
      </c>
      <c r="J31719" s="8">
        <v>1</v>
      </c>
      <c r="K31719" s="9"/>
      <c r="L31719" s="6"/>
    </row>
    <row r="31720" spans="1:12">
      <c r="A31720" s="6" t="s">
        <v>33096</v>
      </c>
      <c r="B31720" s="6"/>
      <c r="C31720" s="6" t="s">
        <v>32230</v>
      </c>
      <c r="D31720" s="6"/>
      <c r="E31720" s="6" t="s">
        <v>9</v>
      </c>
      <c r="F31720" s="7">
        <v>31868</v>
      </c>
      <c r="G31720" s="8">
        <v>575100</v>
      </c>
      <c r="H31720" s="8">
        <v>1</v>
      </c>
      <c r="I31720" s="8">
        <v>575099</v>
      </c>
      <c r="J31720" s="8">
        <v>1</v>
      </c>
      <c r="K31720" s="9"/>
      <c r="L31720" s="6"/>
    </row>
    <row r="31721" spans="1:12">
      <c r="A31721" s="6" t="s">
        <v>33096</v>
      </c>
      <c r="B31721" s="6"/>
      <c r="C31721" s="6" t="s">
        <v>32230</v>
      </c>
      <c r="D31721" s="6"/>
      <c r="E31721" s="6" t="s">
        <v>9</v>
      </c>
      <c r="F31721" s="7">
        <v>31868</v>
      </c>
      <c r="G31721" s="8">
        <v>629100</v>
      </c>
      <c r="H31721" s="8">
        <v>1</v>
      </c>
      <c r="I31721" s="8">
        <v>629099</v>
      </c>
      <c r="J31721" s="8">
        <v>1</v>
      </c>
      <c r="K31721" s="9"/>
      <c r="L31721" s="6"/>
    </row>
    <row r="31722" spans="1:12">
      <c r="A31722" s="6" t="s">
        <v>33096</v>
      </c>
      <c r="B31722" s="6"/>
      <c r="C31722" s="6" t="s">
        <v>32230</v>
      </c>
      <c r="D31722" s="6"/>
      <c r="E31722" s="6" t="s">
        <v>9</v>
      </c>
      <c r="F31722" s="7">
        <v>31868</v>
      </c>
      <c r="G31722" s="8">
        <v>982800</v>
      </c>
      <c r="H31722" s="8">
        <v>1</v>
      </c>
      <c r="I31722" s="8">
        <v>982799</v>
      </c>
      <c r="J31722" s="8">
        <v>1</v>
      </c>
      <c r="K31722" s="9"/>
      <c r="L31722" s="6"/>
    </row>
    <row r="31723" spans="1:12">
      <c r="A31723" s="6" t="s">
        <v>33097</v>
      </c>
      <c r="B31723" s="6"/>
      <c r="C31723" s="6" t="s">
        <v>32230</v>
      </c>
      <c r="D31723" s="6"/>
      <c r="E31723" s="6" t="s">
        <v>9</v>
      </c>
      <c r="F31723" s="7">
        <v>36617</v>
      </c>
      <c r="G31723" s="8">
        <v>1</v>
      </c>
      <c r="H31723" s="8">
        <v>1</v>
      </c>
      <c r="I31723" s="8">
        <v>0</v>
      </c>
      <c r="J31723" s="8">
        <v>1</v>
      </c>
      <c r="K31723" s="9"/>
      <c r="L31723" s="6"/>
    </row>
    <row r="31724" spans="1:12">
      <c r="A31724" s="6" t="s">
        <v>33096</v>
      </c>
      <c r="B31724" s="6"/>
      <c r="C31724" s="6" t="s">
        <v>32230</v>
      </c>
      <c r="D31724" s="6"/>
      <c r="E31724" s="6" t="s">
        <v>9</v>
      </c>
      <c r="F31724" s="7">
        <v>36251</v>
      </c>
      <c r="G31724" s="8">
        <v>8426700</v>
      </c>
      <c r="H31724" s="8">
        <v>1</v>
      </c>
      <c r="I31724" s="8">
        <v>8426699</v>
      </c>
      <c r="J31724" s="8">
        <v>1</v>
      </c>
      <c r="K31724" s="9"/>
      <c r="L31724" s="6"/>
    </row>
    <row r="31725" spans="1:12">
      <c r="A31725" s="6" t="s">
        <v>33096</v>
      </c>
      <c r="B31725" s="6"/>
      <c r="C31725" s="6" t="s">
        <v>32230</v>
      </c>
      <c r="D31725" s="6"/>
      <c r="E31725" s="6" t="s">
        <v>9</v>
      </c>
      <c r="F31725" s="7">
        <v>36251</v>
      </c>
      <c r="G31725" s="8">
        <v>5094900</v>
      </c>
      <c r="H31725" s="8">
        <v>1</v>
      </c>
      <c r="I31725" s="8">
        <v>5094899</v>
      </c>
      <c r="J31725" s="8">
        <v>1</v>
      </c>
      <c r="K31725" s="9"/>
      <c r="L31725" s="6"/>
    </row>
    <row r="31726" spans="1:12">
      <c r="A31726" s="6" t="s">
        <v>33096</v>
      </c>
      <c r="B31726" s="6"/>
      <c r="C31726" s="6" t="s">
        <v>32230</v>
      </c>
      <c r="D31726" s="6"/>
      <c r="E31726" s="6" t="s">
        <v>9</v>
      </c>
      <c r="F31726" s="7">
        <v>36251</v>
      </c>
      <c r="G31726" s="8">
        <v>4252500</v>
      </c>
      <c r="H31726" s="8">
        <v>1</v>
      </c>
      <c r="I31726" s="8">
        <v>4252499</v>
      </c>
      <c r="J31726" s="8">
        <v>1</v>
      </c>
      <c r="K31726" s="9"/>
      <c r="L31726" s="6"/>
    </row>
    <row r="31727" spans="1:12">
      <c r="A31727" s="6" t="s">
        <v>33096</v>
      </c>
      <c r="B31727" s="6"/>
      <c r="C31727" s="6" t="s">
        <v>32230</v>
      </c>
      <c r="D31727" s="6"/>
      <c r="E31727" s="6" t="s">
        <v>9</v>
      </c>
      <c r="F31727" s="7">
        <v>36251</v>
      </c>
      <c r="G31727" s="8">
        <v>488700</v>
      </c>
      <c r="H31727" s="8">
        <v>1</v>
      </c>
      <c r="I31727" s="8">
        <v>488699</v>
      </c>
      <c r="J31727" s="8">
        <v>1</v>
      </c>
      <c r="K31727" s="9"/>
      <c r="L31727" s="6"/>
    </row>
    <row r="31728" spans="1:12">
      <c r="A31728" s="6" t="s">
        <v>33096</v>
      </c>
      <c r="B31728" s="6"/>
      <c r="C31728" s="6" t="s">
        <v>32230</v>
      </c>
      <c r="D31728" s="6"/>
      <c r="E31728" s="6" t="s">
        <v>9</v>
      </c>
      <c r="F31728" s="7">
        <v>36251</v>
      </c>
      <c r="G31728" s="8">
        <v>2265300</v>
      </c>
      <c r="H31728" s="8">
        <v>1</v>
      </c>
      <c r="I31728" s="8">
        <v>2265299</v>
      </c>
      <c r="J31728" s="8">
        <v>1</v>
      </c>
      <c r="K31728" s="9"/>
      <c r="L31728" s="6"/>
    </row>
    <row r="31729" spans="1:12">
      <c r="A31729" s="6" t="s">
        <v>33096</v>
      </c>
      <c r="B31729" s="6"/>
      <c r="C31729" s="6" t="s">
        <v>32230</v>
      </c>
      <c r="D31729" s="6"/>
      <c r="E31729" s="6" t="s">
        <v>9</v>
      </c>
      <c r="F31729" s="7">
        <v>36251</v>
      </c>
      <c r="G31729" s="8">
        <v>6787800</v>
      </c>
      <c r="H31729" s="8">
        <v>1</v>
      </c>
      <c r="I31729" s="8">
        <v>6787799</v>
      </c>
      <c r="J31729" s="8">
        <v>1</v>
      </c>
      <c r="K31729" s="9"/>
      <c r="L31729" s="6"/>
    </row>
    <row r="31730" spans="1:12">
      <c r="A31730" s="6" t="s">
        <v>33097</v>
      </c>
      <c r="B31730" s="6"/>
      <c r="C31730" s="6" t="s">
        <v>32230</v>
      </c>
      <c r="D31730" s="6"/>
      <c r="E31730" s="6" t="s">
        <v>9</v>
      </c>
      <c r="F31730" s="7">
        <v>36251</v>
      </c>
      <c r="G31730" s="8">
        <v>9061500</v>
      </c>
      <c r="H31730" s="8">
        <v>1</v>
      </c>
      <c r="I31730" s="8">
        <v>9061499</v>
      </c>
      <c r="J31730" s="8">
        <v>1</v>
      </c>
      <c r="K31730" s="9"/>
      <c r="L31730" s="6"/>
    </row>
    <row r="31731" spans="1:12">
      <c r="A31731" s="6" t="s">
        <v>33096</v>
      </c>
      <c r="B31731" s="6"/>
      <c r="C31731" s="6" t="s">
        <v>32230</v>
      </c>
      <c r="D31731" s="6"/>
      <c r="E31731" s="6" t="s">
        <v>9</v>
      </c>
      <c r="F31731" s="7">
        <v>35156</v>
      </c>
      <c r="G31731" s="8">
        <v>4106700</v>
      </c>
      <c r="H31731" s="8">
        <v>1</v>
      </c>
      <c r="I31731" s="8">
        <v>4106699</v>
      </c>
      <c r="J31731" s="8">
        <v>1</v>
      </c>
      <c r="K31731" s="9"/>
      <c r="L31731" s="6"/>
    </row>
    <row r="31732" spans="1:12">
      <c r="A31732" s="6" t="s">
        <v>33096</v>
      </c>
      <c r="B31732" s="6"/>
      <c r="C31732" s="6" t="s">
        <v>32230</v>
      </c>
      <c r="D31732" s="6"/>
      <c r="E31732" s="6" t="s">
        <v>9</v>
      </c>
      <c r="F31732" s="7">
        <v>35156</v>
      </c>
      <c r="G31732" s="8">
        <v>6825600</v>
      </c>
      <c r="H31732" s="8">
        <v>1</v>
      </c>
      <c r="I31732" s="8">
        <v>6825599</v>
      </c>
      <c r="J31732" s="8">
        <v>1</v>
      </c>
      <c r="K31732" s="9"/>
      <c r="L31732" s="6"/>
    </row>
    <row r="31733" spans="1:12">
      <c r="A31733" s="6" t="s">
        <v>33096</v>
      </c>
      <c r="B31733" s="6"/>
      <c r="C31733" s="6" t="s">
        <v>32230</v>
      </c>
      <c r="D31733" s="6"/>
      <c r="E31733" s="6" t="s">
        <v>9</v>
      </c>
      <c r="F31733" s="7">
        <v>35156</v>
      </c>
      <c r="G31733" s="8">
        <v>891000</v>
      </c>
      <c r="H31733" s="8">
        <v>1</v>
      </c>
      <c r="I31733" s="8">
        <v>890999</v>
      </c>
      <c r="J31733" s="8">
        <v>1</v>
      </c>
      <c r="K31733" s="9"/>
      <c r="L31733" s="6"/>
    </row>
    <row r="31734" spans="1:12">
      <c r="A31734" s="6" t="s">
        <v>33096</v>
      </c>
      <c r="B31734" s="6"/>
      <c r="C31734" s="6" t="s">
        <v>32230</v>
      </c>
      <c r="D31734" s="6"/>
      <c r="E31734" s="6" t="s">
        <v>9</v>
      </c>
      <c r="F31734" s="7">
        <v>35156</v>
      </c>
      <c r="G31734" s="8">
        <v>729000</v>
      </c>
      <c r="H31734" s="8">
        <v>1</v>
      </c>
      <c r="I31734" s="8">
        <v>728999</v>
      </c>
      <c r="J31734" s="8">
        <v>1</v>
      </c>
      <c r="K31734" s="9"/>
      <c r="L31734" s="6"/>
    </row>
    <row r="31735" spans="1:12">
      <c r="A31735" s="6" t="s">
        <v>33097</v>
      </c>
      <c r="B31735" s="6"/>
      <c r="C31735" s="6" t="s">
        <v>32230</v>
      </c>
      <c r="D31735" s="6"/>
      <c r="E31735" s="6" t="s">
        <v>9</v>
      </c>
      <c r="F31735" s="7">
        <v>35156</v>
      </c>
      <c r="G31735" s="8">
        <v>1</v>
      </c>
      <c r="H31735" s="8">
        <v>1</v>
      </c>
      <c r="I31735" s="8">
        <v>0</v>
      </c>
      <c r="J31735" s="8">
        <v>1</v>
      </c>
      <c r="K31735" s="9"/>
      <c r="L31735" s="6"/>
    </row>
    <row r="31736" spans="1:12">
      <c r="A31736" s="6" t="s">
        <v>33097</v>
      </c>
      <c r="B31736" s="6"/>
      <c r="C31736" s="6" t="s">
        <v>32230</v>
      </c>
      <c r="D31736" s="6"/>
      <c r="E31736" s="6" t="s">
        <v>9</v>
      </c>
      <c r="F31736" s="7">
        <v>40158</v>
      </c>
      <c r="G31736" s="8">
        <v>1269450</v>
      </c>
      <c r="H31736" s="8">
        <v>445583</v>
      </c>
      <c r="I31736" s="8">
        <v>898764</v>
      </c>
      <c r="J31736" s="8">
        <v>370686</v>
      </c>
      <c r="K31736" s="9"/>
      <c r="L31736" s="6"/>
    </row>
    <row r="31737" spans="1:12">
      <c r="A31737" s="6" t="s">
        <v>33096</v>
      </c>
      <c r="B31737" s="6"/>
      <c r="C31737" s="6" t="s">
        <v>32230</v>
      </c>
      <c r="D31737" s="6"/>
      <c r="E31737" s="6" t="s">
        <v>9</v>
      </c>
      <c r="F31737" s="7">
        <v>41605</v>
      </c>
      <c r="G31737" s="8">
        <v>3622413</v>
      </c>
      <c r="H31737" s="8">
        <v>1923506</v>
      </c>
      <c r="I31737" s="8">
        <v>1941608</v>
      </c>
      <c r="J31737" s="8">
        <v>1680805</v>
      </c>
      <c r="K31737" s="9"/>
      <c r="L31737" s="6"/>
    </row>
    <row r="31738" spans="1:12">
      <c r="A31738" s="6" t="s">
        <v>33096</v>
      </c>
      <c r="B31738" s="6"/>
      <c r="C31738" s="6" t="s">
        <v>32230</v>
      </c>
      <c r="D31738" s="6"/>
      <c r="E31738" s="6" t="s">
        <v>9</v>
      </c>
      <c r="F31738" s="7">
        <v>41605</v>
      </c>
      <c r="G31738" s="8">
        <v>3628946</v>
      </c>
      <c r="H31738" s="8">
        <v>1926973</v>
      </c>
      <c r="I31738" s="8">
        <v>1945112</v>
      </c>
      <c r="J31738" s="8">
        <v>1683834</v>
      </c>
      <c r="K31738" s="9"/>
      <c r="L31738" s="6"/>
    </row>
    <row r="31739" spans="1:12">
      <c r="A31739" s="6" t="s">
        <v>33096</v>
      </c>
      <c r="B31739" s="6"/>
      <c r="C31739" s="6" t="s">
        <v>32230</v>
      </c>
      <c r="D31739" s="6"/>
      <c r="E31739" s="6" t="s">
        <v>9</v>
      </c>
      <c r="F31739" s="7">
        <v>30407</v>
      </c>
      <c r="G31739" s="8">
        <v>877500</v>
      </c>
      <c r="H31739" s="8">
        <v>1</v>
      </c>
      <c r="I31739" s="8">
        <v>877499</v>
      </c>
      <c r="J31739" s="8">
        <v>1</v>
      </c>
      <c r="K31739" s="9"/>
      <c r="L31739" s="6"/>
    </row>
    <row r="31740" spans="1:12">
      <c r="A31740" s="6" t="s">
        <v>33096</v>
      </c>
      <c r="B31740" s="6"/>
      <c r="C31740" s="6" t="s">
        <v>32230</v>
      </c>
      <c r="D31740" s="6"/>
      <c r="E31740" s="6" t="s">
        <v>9</v>
      </c>
      <c r="F31740" s="7">
        <v>30407</v>
      </c>
      <c r="G31740" s="8">
        <v>1989900</v>
      </c>
      <c r="H31740" s="8">
        <v>1</v>
      </c>
      <c r="I31740" s="8">
        <v>1989899</v>
      </c>
      <c r="J31740" s="8">
        <v>1</v>
      </c>
      <c r="K31740" s="9"/>
      <c r="L31740" s="6"/>
    </row>
    <row r="31741" spans="1:12">
      <c r="A31741" s="6" t="s">
        <v>33096</v>
      </c>
      <c r="B31741" s="6"/>
      <c r="C31741" s="6" t="s">
        <v>32230</v>
      </c>
      <c r="D31741" s="6"/>
      <c r="E31741" s="6" t="s">
        <v>9</v>
      </c>
      <c r="F31741" s="7">
        <v>41605</v>
      </c>
      <c r="G31741" s="8">
        <v>8603640</v>
      </c>
      <c r="H31741" s="8">
        <v>4568539</v>
      </c>
      <c r="I31741" s="8">
        <v>4611544</v>
      </c>
      <c r="J31741" s="8">
        <v>3992096</v>
      </c>
      <c r="K31741" s="9"/>
      <c r="L31741" s="6"/>
    </row>
    <row r="31742" spans="1:12">
      <c r="A31742" s="6" t="s">
        <v>33097</v>
      </c>
      <c r="B31742" s="6"/>
      <c r="C31742" s="6" t="s">
        <v>32230</v>
      </c>
      <c r="D31742" s="6"/>
      <c r="E31742" s="6" t="s">
        <v>9</v>
      </c>
      <c r="F31742" s="7">
        <v>30407</v>
      </c>
      <c r="G31742" s="8">
        <v>6980000</v>
      </c>
      <c r="H31742" s="8">
        <v>1</v>
      </c>
      <c r="I31742" s="8">
        <v>6979999</v>
      </c>
      <c r="J31742" s="8">
        <v>1</v>
      </c>
      <c r="K31742" s="9"/>
      <c r="L31742" s="6"/>
    </row>
    <row r="31743" spans="1:12">
      <c r="A31743" s="6" t="s">
        <v>33096</v>
      </c>
      <c r="B31743" s="6"/>
      <c r="C31743" s="6" t="s">
        <v>32230</v>
      </c>
      <c r="D31743" s="6"/>
      <c r="E31743" s="6" t="s">
        <v>9</v>
      </c>
      <c r="F31743" s="7">
        <v>30042</v>
      </c>
      <c r="G31743" s="8">
        <v>189000</v>
      </c>
      <c r="H31743" s="8">
        <v>1</v>
      </c>
      <c r="I31743" s="8">
        <v>188999</v>
      </c>
      <c r="J31743" s="8">
        <v>1</v>
      </c>
      <c r="K31743" s="9"/>
      <c r="L31743" s="6"/>
    </row>
    <row r="31744" spans="1:12">
      <c r="A31744" s="6" t="s">
        <v>33096</v>
      </c>
      <c r="B31744" s="6"/>
      <c r="C31744" s="6" t="s">
        <v>32230</v>
      </c>
      <c r="D31744" s="6"/>
      <c r="E31744" s="6" t="s">
        <v>9</v>
      </c>
      <c r="F31744" s="7">
        <v>30042</v>
      </c>
      <c r="G31744" s="8">
        <v>7975800</v>
      </c>
      <c r="H31744" s="8">
        <v>1</v>
      </c>
      <c r="I31744" s="8">
        <v>7975799</v>
      </c>
      <c r="J31744" s="8">
        <v>1</v>
      </c>
      <c r="K31744" s="9"/>
      <c r="L31744" s="6"/>
    </row>
    <row r="31745" spans="1:12">
      <c r="A31745" s="6" t="s">
        <v>33096</v>
      </c>
      <c r="B31745" s="6"/>
      <c r="C31745" s="6" t="s">
        <v>32230</v>
      </c>
      <c r="D31745" s="6"/>
      <c r="E31745" s="6" t="s">
        <v>9</v>
      </c>
      <c r="F31745" s="7">
        <v>30042</v>
      </c>
      <c r="G31745" s="8">
        <v>2646000</v>
      </c>
      <c r="H31745" s="8">
        <v>1</v>
      </c>
      <c r="I31745" s="8">
        <v>2645999</v>
      </c>
      <c r="J31745" s="8">
        <v>1</v>
      </c>
      <c r="K31745" s="9"/>
      <c r="L31745" s="6"/>
    </row>
    <row r="31746" spans="1:12">
      <c r="A31746" s="6" t="s">
        <v>33096</v>
      </c>
      <c r="B31746" s="6"/>
      <c r="C31746" s="6" t="s">
        <v>32230</v>
      </c>
      <c r="D31746" s="6"/>
      <c r="E31746" s="6" t="s">
        <v>9</v>
      </c>
      <c r="F31746" s="7">
        <v>30042</v>
      </c>
      <c r="G31746" s="8">
        <v>1512000</v>
      </c>
      <c r="H31746" s="8">
        <v>1</v>
      </c>
      <c r="I31746" s="8">
        <v>1511999</v>
      </c>
      <c r="J31746" s="8">
        <v>1</v>
      </c>
      <c r="K31746" s="9"/>
      <c r="L31746" s="6"/>
    </row>
    <row r="31747" spans="1:12">
      <c r="A31747" s="6" t="s">
        <v>33096</v>
      </c>
      <c r="B31747" s="6"/>
      <c r="C31747" s="6" t="s">
        <v>32230</v>
      </c>
      <c r="D31747" s="6"/>
      <c r="E31747" s="6" t="s">
        <v>9</v>
      </c>
      <c r="F31747" s="7">
        <v>30042</v>
      </c>
      <c r="G31747" s="8">
        <v>14207400</v>
      </c>
      <c r="H31747" s="8">
        <v>1</v>
      </c>
      <c r="I31747" s="8">
        <v>14207399</v>
      </c>
      <c r="J31747" s="8">
        <v>1</v>
      </c>
      <c r="K31747" s="9"/>
      <c r="L31747" s="6"/>
    </row>
    <row r="31748" spans="1:12">
      <c r="A31748" s="6" t="s">
        <v>33097</v>
      </c>
      <c r="B31748" s="6"/>
      <c r="C31748" s="6" t="s">
        <v>32230</v>
      </c>
      <c r="D31748" s="6"/>
      <c r="E31748" s="6" t="s">
        <v>9</v>
      </c>
      <c r="F31748" s="7">
        <v>30042</v>
      </c>
      <c r="G31748" s="8">
        <v>10500000</v>
      </c>
      <c r="H31748" s="8">
        <v>1</v>
      </c>
      <c r="I31748" s="8">
        <v>10499999</v>
      </c>
      <c r="J31748" s="8">
        <v>1</v>
      </c>
      <c r="K31748" s="9"/>
      <c r="L31748" s="6"/>
    </row>
    <row r="31749" spans="1:12">
      <c r="A31749" s="6" t="s">
        <v>33096</v>
      </c>
      <c r="B31749" s="6"/>
      <c r="C31749" s="6" t="s">
        <v>32230</v>
      </c>
      <c r="D31749" s="6"/>
      <c r="E31749" s="6" t="s">
        <v>9</v>
      </c>
      <c r="F31749" s="7">
        <v>30773</v>
      </c>
      <c r="G31749" s="8">
        <v>17598600</v>
      </c>
      <c r="H31749" s="8">
        <v>1</v>
      </c>
      <c r="I31749" s="8">
        <v>17598599</v>
      </c>
      <c r="J31749" s="8">
        <v>1</v>
      </c>
      <c r="K31749" s="9"/>
      <c r="L31749" s="6"/>
    </row>
    <row r="31750" spans="1:12">
      <c r="A31750" s="6" t="s">
        <v>33096</v>
      </c>
      <c r="B31750" s="6"/>
      <c r="C31750" s="6" t="s">
        <v>32230</v>
      </c>
      <c r="D31750" s="6"/>
      <c r="E31750" s="6" t="s">
        <v>9</v>
      </c>
      <c r="F31750" s="7">
        <v>30773</v>
      </c>
      <c r="G31750" s="8">
        <v>1085400</v>
      </c>
      <c r="H31750" s="8">
        <v>1</v>
      </c>
      <c r="I31750" s="8">
        <v>1085399</v>
      </c>
      <c r="J31750" s="8">
        <v>1</v>
      </c>
      <c r="K31750" s="9"/>
      <c r="L31750" s="6"/>
    </row>
    <row r="31751" spans="1:12">
      <c r="A31751" s="6" t="s">
        <v>33097</v>
      </c>
      <c r="B31751" s="6"/>
      <c r="C31751" s="6" t="s">
        <v>32230</v>
      </c>
      <c r="D31751" s="6"/>
      <c r="E31751" s="6" t="s">
        <v>9</v>
      </c>
      <c r="F31751" s="7">
        <v>30773</v>
      </c>
      <c r="G31751" s="8">
        <v>1</v>
      </c>
      <c r="H31751" s="8">
        <v>1</v>
      </c>
      <c r="I31751" s="8">
        <v>0</v>
      </c>
      <c r="J31751" s="8">
        <v>1</v>
      </c>
      <c r="K31751" s="9"/>
      <c r="L31751" s="6"/>
    </row>
    <row r="31752" spans="1:12">
      <c r="A31752" s="6" t="s">
        <v>33097</v>
      </c>
      <c r="B31752" s="6"/>
      <c r="C31752" s="6" t="s">
        <v>32230</v>
      </c>
      <c r="D31752" s="6"/>
      <c r="E31752" s="6" t="s">
        <v>9</v>
      </c>
      <c r="F31752" s="7">
        <v>40795</v>
      </c>
      <c r="G31752" s="8">
        <v>1291500</v>
      </c>
      <c r="H31752" s="8">
        <v>605718</v>
      </c>
      <c r="I31752" s="8">
        <v>761980</v>
      </c>
      <c r="J31752" s="8">
        <v>529520</v>
      </c>
      <c r="K31752" s="9"/>
      <c r="L31752" s="6"/>
    </row>
    <row r="31753" spans="1:12">
      <c r="A31753" s="6" t="s">
        <v>33114</v>
      </c>
      <c r="B31753" s="6"/>
      <c r="C31753" s="6" t="s">
        <v>32230</v>
      </c>
      <c r="D31753" s="6"/>
      <c r="E31753" s="6" t="s">
        <v>9</v>
      </c>
      <c r="F31753" s="7">
        <v>43697</v>
      </c>
      <c r="G31753" s="8">
        <v>3024000</v>
      </c>
      <c r="H31753" s="8">
        <v>2845584</v>
      </c>
      <c r="I31753" s="8">
        <v>356832</v>
      </c>
      <c r="J31753" s="8">
        <v>2667168</v>
      </c>
      <c r="K31753" s="9"/>
      <c r="L31753" s="6"/>
    </row>
    <row r="31754" spans="1:12">
      <c r="A31754" s="6" t="s">
        <v>33096</v>
      </c>
      <c r="B31754" s="6"/>
      <c r="C31754" s="6" t="s">
        <v>32230</v>
      </c>
      <c r="D31754" s="6"/>
      <c r="E31754" s="6" t="s">
        <v>9</v>
      </c>
      <c r="F31754" s="7">
        <v>32234</v>
      </c>
      <c r="G31754" s="8">
        <v>5281200</v>
      </c>
      <c r="H31754" s="8">
        <v>1</v>
      </c>
      <c r="I31754" s="8">
        <v>5281199</v>
      </c>
      <c r="J31754" s="8">
        <v>1</v>
      </c>
      <c r="K31754" s="9"/>
      <c r="L31754" s="6"/>
    </row>
    <row r="31755" spans="1:12">
      <c r="A31755" s="6" t="s">
        <v>33096</v>
      </c>
      <c r="B31755" s="6"/>
      <c r="C31755" s="6" t="s">
        <v>32230</v>
      </c>
      <c r="D31755" s="6"/>
      <c r="E31755" s="6" t="s">
        <v>9</v>
      </c>
      <c r="F31755" s="7">
        <v>32234</v>
      </c>
      <c r="G31755" s="8">
        <v>14985000</v>
      </c>
      <c r="H31755" s="8">
        <v>1</v>
      </c>
      <c r="I31755" s="8">
        <v>14984999</v>
      </c>
      <c r="J31755" s="8">
        <v>1</v>
      </c>
      <c r="K31755" s="9"/>
      <c r="L31755" s="6"/>
    </row>
    <row r="31756" spans="1:12">
      <c r="A31756" s="6" t="s">
        <v>33097</v>
      </c>
      <c r="B31756" s="6"/>
      <c r="C31756" s="6" t="s">
        <v>32230</v>
      </c>
      <c r="D31756" s="6"/>
      <c r="E31756" s="6" t="s">
        <v>9</v>
      </c>
      <c r="F31756" s="7">
        <v>32234</v>
      </c>
      <c r="G31756" s="8">
        <v>1</v>
      </c>
      <c r="H31756" s="8">
        <v>1</v>
      </c>
      <c r="I31756" s="8">
        <v>0</v>
      </c>
      <c r="J31756" s="8">
        <v>1</v>
      </c>
      <c r="K31756" s="9"/>
      <c r="L31756" s="6"/>
    </row>
    <row r="31757" spans="1:12">
      <c r="A31757" s="6" t="s">
        <v>33097</v>
      </c>
      <c r="B31757" s="6"/>
      <c r="C31757" s="6" t="s">
        <v>32230</v>
      </c>
      <c r="D31757" s="6"/>
      <c r="E31757" s="6" t="s">
        <v>9</v>
      </c>
      <c r="F31757" s="7">
        <v>40795</v>
      </c>
      <c r="G31757" s="8">
        <v>1186500</v>
      </c>
      <c r="H31757" s="8">
        <v>556473</v>
      </c>
      <c r="I31757" s="8">
        <v>700030</v>
      </c>
      <c r="J31757" s="8">
        <v>486470</v>
      </c>
      <c r="K31757" s="9"/>
      <c r="L31757" s="6"/>
    </row>
    <row r="31758" spans="1:12">
      <c r="A31758" s="6" t="s">
        <v>33115</v>
      </c>
      <c r="B31758" s="6"/>
      <c r="C31758" s="6" t="s">
        <v>32230</v>
      </c>
      <c r="D31758" s="6"/>
      <c r="E31758" s="6" t="s">
        <v>9</v>
      </c>
      <c r="F31758" s="7">
        <v>43105</v>
      </c>
      <c r="G31758" s="8">
        <v>1296000</v>
      </c>
      <c r="H31758" s="8">
        <v>1066608</v>
      </c>
      <c r="I31758" s="8">
        <v>305856</v>
      </c>
      <c r="J31758" s="8">
        <v>990144</v>
      </c>
      <c r="K31758" s="9"/>
      <c r="L31758" s="6"/>
    </row>
    <row r="31759" spans="1:12">
      <c r="A31759" s="6" t="s">
        <v>33096</v>
      </c>
      <c r="B31759" s="6"/>
      <c r="C31759" s="6" t="s">
        <v>32230</v>
      </c>
      <c r="D31759" s="6"/>
      <c r="E31759" s="6" t="s">
        <v>9</v>
      </c>
      <c r="F31759" s="7">
        <v>30773</v>
      </c>
      <c r="G31759" s="8">
        <v>22158900</v>
      </c>
      <c r="H31759" s="8">
        <v>1</v>
      </c>
      <c r="I31759" s="8">
        <v>22158899</v>
      </c>
      <c r="J31759" s="8">
        <v>1</v>
      </c>
      <c r="K31759" s="9"/>
      <c r="L31759" s="6"/>
    </row>
    <row r="31760" spans="1:12">
      <c r="A31760" s="6" t="s">
        <v>33096</v>
      </c>
      <c r="B31760" s="6"/>
      <c r="C31760" s="6" t="s">
        <v>32230</v>
      </c>
      <c r="D31760" s="6"/>
      <c r="E31760" s="6" t="s">
        <v>9</v>
      </c>
      <c r="F31760" s="7">
        <v>30773</v>
      </c>
      <c r="G31760" s="8">
        <v>5589000</v>
      </c>
      <c r="H31760" s="8">
        <v>1</v>
      </c>
      <c r="I31760" s="8">
        <v>5588999</v>
      </c>
      <c r="J31760" s="8">
        <v>1</v>
      </c>
      <c r="K31760" s="9"/>
      <c r="L31760" s="6"/>
    </row>
    <row r="31761" spans="1:12">
      <c r="A31761" s="6" t="s">
        <v>33096</v>
      </c>
      <c r="B31761" s="6"/>
      <c r="C31761" s="6" t="s">
        <v>32230</v>
      </c>
      <c r="D31761" s="6"/>
      <c r="E31761" s="6" t="s">
        <v>9</v>
      </c>
      <c r="F31761" s="7">
        <v>30773</v>
      </c>
      <c r="G31761" s="8">
        <v>693900</v>
      </c>
      <c r="H31761" s="8">
        <v>1</v>
      </c>
      <c r="I31761" s="8">
        <v>693899</v>
      </c>
      <c r="J31761" s="8">
        <v>1</v>
      </c>
      <c r="K31761" s="9"/>
      <c r="L31761" s="6"/>
    </row>
    <row r="31762" spans="1:12">
      <c r="A31762" s="6" t="s">
        <v>33097</v>
      </c>
      <c r="B31762" s="6"/>
      <c r="C31762" s="6" t="s">
        <v>32230</v>
      </c>
      <c r="D31762" s="6"/>
      <c r="E31762" s="6" t="s">
        <v>9</v>
      </c>
      <c r="F31762" s="7">
        <v>30773</v>
      </c>
      <c r="G31762" s="8">
        <v>9198000</v>
      </c>
      <c r="H31762" s="8">
        <v>1</v>
      </c>
      <c r="I31762" s="8">
        <v>9197999</v>
      </c>
      <c r="J31762" s="8">
        <v>1</v>
      </c>
      <c r="K31762" s="9"/>
      <c r="L31762" s="6"/>
    </row>
    <row r="31763" spans="1:12">
      <c r="A31763" s="6" t="s">
        <v>33096</v>
      </c>
      <c r="B31763" s="6"/>
      <c r="C31763" s="6" t="s">
        <v>32230</v>
      </c>
      <c r="D31763" s="6"/>
      <c r="E31763" s="6" t="s">
        <v>9</v>
      </c>
      <c r="F31763" s="7">
        <v>35521</v>
      </c>
      <c r="G31763" s="8">
        <v>8054100</v>
      </c>
      <c r="H31763" s="8">
        <v>1</v>
      </c>
      <c r="I31763" s="8">
        <v>8054099</v>
      </c>
      <c r="J31763" s="8">
        <v>1</v>
      </c>
      <c r="K31763" s="9"/>
      <c r="L31763" s="6"/>
    </row>
    <row r="31764" spans="1:12">
      <c r="A31764" s="6" t="s">
        <v>33096</v>
      </c>
      <c r="B31764" s="6"/>
      <c r="C31764" s="6" t="s">
        <v>32230</v>
      </c>
      <c r="D31764" s="6"/>
      <c r="E31764" s="6" t="s">
        <v>9</v>
      </c>
      <c r="F31764" s="7">
        <v>35521</v>
      </c>
      <c r="G31764" s="8">
        <v>1433700</v>
      </c>
      <c r="H31764" s="8">
        <v>1</v>
      </c>
      <c r="I31764" s="8">
        <v>1433699</v>
      </c>
      <c r="J31764" s="8">
        <v>1</v>
      </c>
      <c r="K31764" s="9"/>
      <c r="L31764" s="6"/>
    </row>
    <row r="31765" spans="1:12">
      <c r="A31765" s="6" t="s">
        <v>33096</v>
      </c>
      <c r="B31765" s="6"/>
      <c r="C31765" s="6" t="s">
        <v>32230</v>
      </c>
      <c r="D31765" s="6"/>
      <c r="E31765" s="6" t="s">
        <v>9</v>
      </c>
      <c r="F31765" s="7">
        <v>35521</v>
      </c>
      <c r="G31765" s="8">
        <v>561600</v>
      </c>
      <c r="H31765" s="8">
        <v>1</v>
      </c>
      <c r="I31765" s="8">
        <v>561599</v>
      </c>
      <c r="J31765" s="8">
        <v>1</v>
      </c>
      <c r="K31765" s="9"/>
      <c r="L31765" s="6"/>
    </row>
    <row r="31766" spans="1:12">
      <c r="A31766" s="6" t="s">
        <v>33096</v>
      </c>
      <c r="B31766" s="6"/>
      <c r="C31766" s="6" t="s">
        <v>32230</v>
      </c>
      <c r="D31766" s="6"/>
      <c r="E31766" s="6" t="s">
        <v>9</v>
      </c>
      <c r="F31766" s="7">
        <v>35521</v>
      </c>
      <c r="G31766" s="8">
        <v>15511500</v>
      </c>
      <c r="H31766" s="8">
        <v>1</v>
      </c>
      <c r="I31766" s="8">
        <v>15511499</v>
      </c>
      <c r="J31766" s="8">
        <v>1</v>
      </c>
      <c r="K31766" s="9"/>
      <c r="L31766" s="6"/>
    </row>
    <row r="31767" spans="1:12">
      <c r="A31767" s="6" t="s">
        <v>33096</v>
      </c>
      <c r="B31767" s="6"/>
      <c r="C31767" s="6" t="s">
        <v>32230</v>
      </c>
      <c r="D31767" s="6"/>
      <c r="E31767" s="6" t="s">
        <v>9</v>
      </c>
      <c r="F31767" s="7">
        <v>35521</v>
      </c>
      <c r="G31767" s="8">
        <v>1906200</v>
      </c>
      <c r="H31767" s="8">
        <v>1</v>
      </c>
      <c r="I31767" s="8">
        <v>1906199</v>
      </c>
      <c r="J31767" s="8">
        <v>1</v>
      </c>
      <c r="K31767" s="9"/>
      <c r="L31767" s="6"/>
    </row>
    <row r="31768" spans="1:12">
      <c r="A31768" s="6" t="s">
        <v>33096</v>
      </c>
      <c r="B31768" s="6"/>
      <c r="C31768" s="6" t="s">
        <v>32230</v>
      </c>
      <c r="D31768" s="6"/>
      <c r="E31768" s="6" t="s">
        <v>9</v>
      </c>
      <c r="F31768" s="7">
        <v>35521</v>
      </c>
      <c r="G31768" s="8">
        <v>3288600</v>
      </c>
      <c r="H31768" s="8">
        <v>1</v>
      </c>
      <c r="I31768" s="8">
        <v>3288599</v>
      </c>
      <c r="J31768" s="8">
        <v>1</v>
      </c>
      <c r="K31768" s="9"/>
      <c r="L31768" s="6"/>
    </row>
    <row r="31769" spans="1:12">
      <c r="A31769" s="6" t="s">
        <v>33097</v>
      </c>
      <c r="B31769" s="6"/>
      <c r="C31769" s="6" t="s">
        <v>32230</v>
      </c>
      <c r="D31769" s="6"/>
      <c r="E31769" s="6" t="s">
        <v>9</v>
      </c>
      <c r="F31769" s="7">
        <v>38443</v>
      </c>
      <c r="G31769" s="8">
        <v>1</v>
      </c>
      <c r="H31769" s="8">
        <v>1</v>
      </c>
      <c r="I31769" s="8">
        <v>0</v>
      </c>
      <c r="J31769" s="8">
        <v>1</v>
      </c>
      <c r="K31769" s="9"/>
      <c r="L31769" s="6"/>
    </row>
    <row r="31770" spans="1:12">
      <c r="A31770" s="6" t="s">
        <v>33096</v>
      </c>
      <c r="B31770" s="6"/>
      <c r="C31770" s="6" t="s">
        <v>32230</v>
      </c>
      <c r="D31770" s="6"/>
      <c r="E31770" s="6" t="s">
        <v>9</v>
      </c>
      <c r="F31770" s="7">
        <v>31868</v>
      </c>
      <c r="G31770" s="8">
        <v>10635300</v>
      </c>
      <c r="H31770" s="8">
        <v>1</v>
      </c>
      <c r="I31770" s="8">
        <v>10635299</v>
      </c>
      <c r="J31770" s="8">
        <v>1</v>
      </c>
      <c r="K31770" s="9"/>
      <c r="L31770" s="6"/>
    </row>
    <row r="31771" spans="1:12">
      <c r="A31771" s="6" t="s">
        <v>33096</v>
      </c>
      <c r="B31771" s="6"/>
      <c r="C31771" s="6" t="s">
        <v>32230</v>
      </c>
      <c r="D31771" s="6"/>
      <c r="E31771" s="6" t="s">
        <v>9</v>
      </c>
      <c r="F31771" s="7">
        <v>31868</v>
      </c>
      <c r="G31771" s="8">
        <v>2886300</v>
      </c>
      <c r="H31771" s="8">
        <v>1</v>
      </c>
      <c r="I31771" s="8">
        <v>2886299</v>
      </c>
      <c r="J31771" s="8">
        <v>1</v>
      </c>
      <c r="K31771" s="9"/>
      <c r="L31771" s="6"/>
    </row>
    <row r="31772" spans="1:12">
      <c r="A31772" s="6" t="s">
        <v>33096</v>
      </c>
      <c r="B31772" s="6"/>
      <c r="C31772" s="6" t="s">
        <v>32230</v>
      </c>
      <c r="D31772" s="6"/>
      <c r="E31772" s="6" t="s">
        <v>9</v>
      </c>
      <c r="F31772" s="7">
        <v>31868</v>
      </c>
      <c r="G31772" s="8">
        <v>1984500</v>
      </c>
      <c r="H31772" s="8">
        <v>1</v>
      </c>
      <c r="I31772" s="8">
        <v>1984499</v>
      </c>
      <c r="J31772" s="8">
        <v>1</v>
      </c>
      <c r="K31772" s="9"/>
      <c r="L31772" s="6"/>
    </row>
    <row r="31773" spans="1:12">
      <c r="A31773" s="6" t="s">
        <v>33096</v>
      </c>
      <c r="B31773" s="6"/>
      <c r="C31773" s="6" t="s">
        <v>32230</v>
      </c>
      <c r="D31773" s="6"/>
      <c r="E31773" s="6" t="s">
        <v>9</v>
      </c>
      <c r="F31773" s="7">
        <v>31868</v>
      </c>
      <c r="G31773" s="8">
        <v>1490400</v>
      </c>
      <c r="H31773" s="8">
        <v>1</v>
      </c>
      <c r="I31773" s="8">
        <v>1490399</v>
      </c>
      <c r="J31773" s="8">
        <v>1</v>
      </c>
      <c r="K31773" s="9"/>
      <c r="L31773" s="6"/>
    </row>
    <row r="31774" spans="1:12">
      <c r="A31774" s="6" t="s">
        <v>33096</v>
      </c>
      <c r="B31774" s="6"/>
      <c r="C31774" s="6" t="s">
        <v>32230</v>
      </c>
      <c r="D31774" s="6"/>
      <c r="E31774" s="6" t="s">
        <v>9</v>
      </c>
      <c r="F31774" s="7">
        <v>31868</v>
      </c>
      <c r="G31774" s="8">
        <v>12798000</v>
      </c>
      <c r="H31774" s="8">
        <v>1</v>
      </c>
      <c r="I31774" s="8">
        <v>12797999</v>
      </c>
      <c r="J31774" s="8">
        <v>1</v>
      </c>
      <c r="K31774" s="9"/>
      <c r="L31774" s="6"/>
    </row>
    <row r="31775" spans="1:12">
      <c r="A31775" s="6" t="s">
        <v>33096</v>
      </c>
      <c r="B31775" s="6"/>
      <c r="C31775" s="6" t="s">
        <v>32230</v>
      </c>
      <c r="D31775" s="6"/>
      <c r="E31775" s="6" t="s">
        <v>9</v>
      </c>
      <c r="F31775" s="7">
        <v>31868</v>
      </c>
      <c r="G31775" s="8">
        <v>6547500</v>
      </c>
      <c r="H31775" s="8">
        <v>1</v>
      </c>
      <c r="I31775" s="8">
        <v>6547499</v>
      </c>
      <c r="J31775" s="8">
        <v>1</v>
      </c>
      <c r="K31775" s="9"/>
      <c r="L31775" s="6"/>
    </row>
    <row r="31776" spans="1:12">
      <c r="A31776" s="6" t="s">
        <v>33096</v>
      </c>
      <c r="B31776" s="6"/>
      <c r="C31776" s="6" t="s">
        <v>32230</v>
      </c>
      <c r="D31776" s="6"/>
      <c r="E31776" s="6" t="s">
        <v>9</v>
      </c>
      <c r="F31776" s="7">
        <v>31868</v>
      </c>
      <c r="G31776" s="8">
        <v>1482300</v>
      </c>
      <c r="H31776" s="8">
        <v>1</v>
      </c>
      <c r="I31776" s="8">
        <v>1482299</v>
      </c>
      <c r="J31776" s="8">
        <v>1</v>
      </c>
      <c r="K31776" s="9"/>
      <c r="L31776" s="6"/>
    </row>
    <row r="31777" spans="1:12">
      <c r="A31777" s="6" t="s">
        <v>33096</v>
      </c>
      <c r="B31777" s="6"/>
      <c r="C31777" s="6" t="s">
        <v>32230</v>
      </c>
      <c r="D31777" s="6"/>
      <c r="E31777" s="6" t="s">
        <v>9</v>
      </c>
      <c r="F31777" s="7">
        <v>31868</v>
      </c>
      <c r="G31777" s="8">
        <v>2181600</v>
      </c>
      <c r="H31777" s="8">
        <v>1</v>
      </c>
      <c r="I31777" s="8">
        <v>2181599</v>
      </c>
      <c r="J31777" s="8">
        <v>1</v>
      </c>
      <c r="K31777" s="9"/>
      <c r="L31777" s="6"/>
    </row>
    <row r="31778" spans="1:12">
      <c r="A31778" s="6" t="s">
        <v>33096</v>
      </c>
      <c r="B31778" s="6"/>
      <c r="C31778" s="6" t="s">
        <v>32230</v>
      </c>
      <c r="D31778" s="6"/>
      <c r="E31778" s="6" t="s">
        <v>9</v>
      </c>
      <c r="F31778" s="7">
        <v>31868</v>
      </c>
      <c r="G31778" s="8">
        <v>1328400</v>
      </c>
      <c r="H31778" s="8">
        <v>1</v>
      </c>
      <c r="I31778" s="8">
        <v>1328399</v>
      </c>
      <c r="J31778" s="8">
        <v>1</v>
      </c>
      <c r="K31778" s="9"/>
      <c r="L31778" s="6"/>
    </row>
    <row r="31779" spans="1:12">
      <c r="A31779" s="6" t="s">
        <v>33096</v>
      </c>
      <c r="B31779" s="6"/>
      <c r="C31779" s="6" t="s">
        <v>32230</v>
      </c>
      <c r="D31779" s="6"/>
      <c r="E31779" s="6" t="s">
        <v>9</v>
      </c>
      <c r="F31779" s="7">
        <v>31868</v>
      </c>
      <c r="G31779" s="8">
        <v>1806300</v>
      </c>
      <c r="H31779" s="8">
        <v>1</v>
      </c>
      <c r="I31779" s="8">
        <v>1806299</v>
      </c>
      <c r="J31779" s="8">
        <v>1</v>
      </c>
      <c r="K31779" s="9"/>
      <c r="L31779" s="6"/>
    </row>
    <row r="31780" spans="1:12">
      <c r="A31780" s="6" t="s">
        <v>33096</v>
      </c>
      <c r="B31780" s="6"/>
      <c r="C31780" s="6" t="s">
        <v>32230</v>
      </c>
      <c r="D31780" s="6"/>
      <c r="E31780" s="6" t="s">
        <v>9</v>
      </c>
      <c r="F31780" s="7">
        <v>31868</v>
      </c>
      <c r="G31780" s="8">
        <v>2943000</v>
      </c>
      <c r="H31780" s="8">
        <v>1</v>
      </c>
      <c r="I31780" s="8">
        <v>2942999</v>
      </c>
      <c r="J31780" s="8">
        <v>1</v>
      </c>
      <c r="K31780" s="9"/>
      <c r="L31780" s="6"/>
    </row>
    <row r="31781" spans="1:12">
      <c r="A31781" s="6" t="s">
        <v>33096</v>
      </c>
      <c r="B31781" s="6"/>
      <c r="C31781" s="6" t="s">
        <v>32230</v>
      </c>
      <c r="D31781" s="6"/>
      <c r="E31781" s="6" t="s">
        <v>9</v>
      </c>
      <c r="F31781" s="7">
        <v>31868</v>
      </c>
      <c r="G31781" s="8">
        <v>6652800</v>
      </c>
      <c r="H31781" s="8">
        <v>1</v>
      </c>
      <c r="I31781" s="8">
        <v>6652799</v>
      </c>
      <c r="J31781" s="8">
        <v>1</v>
      </c>
      <c r="K31781" s="9"/>
      <c r="L31781" s="6"/>
    </row>
    <row r="31782" spans="1:12">
      <c r="A31782" s="6" t="s">
        <v>33096</v>
      </c>
      <c r="B31782" s="6"/>
      <c r="C31782" s="6" t="s">
        <v>32230</v>
      </c>
      <c r="D31782" s="6"/>
      <c r="E31782" s="6" t="s">
        <v>9</v>
      </c>
      <c r="F31782" s="7">
        <v>31868</v>
      </c>
      <c r="G31782" s="8">
        <v>2227500</v>
      </c>
      <c r="H31782" s="8">
        <v>1</v>
      </c>
      <c r="I31782" s="8">
        <v>2227499</v>
      </c>
      <c r="J31782" s="8">
        <v>1</v>
      </c>
      <c r="K31782" s="9"/>
      <c r="L31782" s="6"/>
    </row>
    <row r="31783" spans="1:12">
      <c r="A31783" s="6" t="s">
        <v>33096</v>
      </c>
      <c r="B31783" s="6"/>
      <c r="C31783" s="6" t="s">
        <v>32230</v>
      </c>
      <c r="D31783" s="6"/>
      <c r="E31783" s="6" t="s">
        <v>9</v>
      </c>
      <c r="F31783" s="7">
        <v>31868</v>
      </c>
      <c r="G31783" s="8">
        <v>3720600</v>
      </c>
      <c r="H31783" s="8">
        <v>1</v>
      </c>
      <c r="I31783" s="8">
        <v>3720599</v>
      </c>
      <c r="J31783" s="8">
        <v>1</v>
      </c>
      <c r="K31783" s="9"/>
      <c r="L31783" s="6"/>
    </row>
    <row r="31784" spans="1:12">
      <c r="A31784" s="6" t="s">
        <v>33096</v>
      </c>
      <c r="B31784" s="6"/>
      <c r="C31784" s="6" t="s">
        <v>32230</v>
      </c>
      <c r="D31784" s="6"/>
      <c r="E31784" s="6" t="s">
        <v>9</v>
      </c>
      <c r="F31784" s="7">
        <v>31868</v>
      </c>
      <c r="G31784" s="8">
        <v>12541500</v>
      </c>
      <c r="H31784" s="8">
        <v>1</v>
      </c>
      <c r="I31784" s="8">
        <v>12541499</v>
      </c>
      <c r="J31784" s="8">
        <v>1</v>
      </c>
      <c r="K31784" s="9"/>
      <c r="L31784" s="6"/>
    </row>
    <row r="31785" spans="1:12">
      <c r="A31785" s="6" t="s">
        <v>33096</v>
      </c>
      <c r="B31785" s="6"/>
      <c r="C31785" s="6" t="s">
        <v>32230</v>
      </c>
      <c r="D31785" s="6"/>
      <c r="E31785" s="6" t="s">
        <v>9</v>
      </c>
      <c r="F31785" s="7">
        <v>31868</v>
      </c>
      <c r="G31785" s="8">
        <v>10632600</v>
      </c>
      <c r="H31785" s="8">
        <v>1</v>
      </c>
      <c r="I31785" s="8">
        <v>10632599</v>
      </c>
      <c r="J31785" s="8">
        <v>1</v>
      </c>
      <c r="K31785" s="9"/>
      <c r="L31785" s="6"/>
    </row>
    <row r="31786" spans="1:12">
      <c r="A31786" s="6" t="s">
        <v>33096</v>
      </c>
      <c r="B31786" s="6"/>
      <c r="C31786" s="6" t="s">
        <v>32230</v>
      </c>
      <c r="D31786" s="6"/>
      <c r="E31786" s="6" t="s">
        <v>9</v>
      </c>
      <c r="F31786" s="7">
        <v>31868</v>
      </c>
      <c r="G31786" s="8">
        <v>5343300</v>
      </c>
      <c r="H31786" s="8">
        <v>1</v>
      </c>
      <c r="I31786" s="8">
        <v>5343299</v>
      </c>
      <c r="J31786" s="8">
        <v>1</v>
      </c>
      <c r="K31786" s="9"/>
      <c r="L31786" s="6"/>
    </row>
    <row r="31787" spans="1:12">
      <c r="A31787" s="6" t="s">
        <v>33097</v>
      </c>
      <c r="B31787" s="6"/>
      <c r="C31787" s="6" t="s">
        <v>32230</v>
      </c>
      <c r="D31787" s="6"/>
      <c r="E31787" s="6" t="s">
        <v>9</v>
      </c>
      <c r="F31787" s="7">
        <v>40269</v>
      </c>
      <c r="G31787" s="8">
        <v>3586700</v>
      </c>
      <c r="H31787" s="8">
        <v>1470550</v>
      </c>
      <c r="I31787" s="8">
        <v>2327765</v>
      </c>
      <c r="J31787" s="8">
        <v>1258935</v>
      </c>
      <c r="K31787" s="9"/>
      <c r="L31787" s="6"/>
    </row>
    <row r="31788" spans="1:12">
      <c r="A31788" s="6" t="s">
        <v>33116</v>
      </c>
      <c r="B31788" s="6"/>
      <c r="C31788" s="6" t="s">
        <v>32230</v>
      </c>
      <c r="D31788" s="6"/>
      <c r="E31788" s="6" t="s">
        <v>9</v>
      </c>
      <c r="F31788" s="7">
        <v>42704</v>
      </c>
      <c r="G31788" s="8">
        <v>6480000</v>
      </c>
      <c r="H31788" s="8">
        <v>4950720</v>
      </c>
      <c r="I31788" s="8">
        <v>1911600</v>
      </c>
      <c r="J31788" s="8">
        <v>4568400</v>
      </c>
      <c r="K31788" s="9"/>
      <c r="L31788" s="6"/>
    </row>
    <row r="31789" spans="1:12">
      <c r="A31789" s="6" t="s">
        <v>33117</v>
      </c>
      <c r="B31789" s="6"/>
      <c r="C31789" s="6" t="s">
        <v>32230</v>
      </c>
      <c r="D31789" s="6"/>
      <c r="E31789" s="6" t="s">
        <v>9</v>
      </c>
      <c r="F31789" s="7">
        <v>43472</v>
      </c>
      <c r="G31789" s="8">
        <v>6120360</v>
      </c>
      <c r="H31789" s="8">
        <v>5398158</v>
      </c>
      <c r="I31789" s="8">
        <v>1083303</v>
      </c>
      <c r="J31789" s="8">
        <v>5037057</v>
      </c>
      <c r="K31789" s="9"/>
      <c r="L31789" s="6"/>
    </row>
    <row r="31790" spans="1:12">
      <c r="A31790" s="6" t="s">
        <v>33096</v>
      </c>
      <c r="B31790" s="6"/>
      <c r="C31790" s="6" t="s">
        <v>32230</v>
      </c>
      <c r="D31790" s="6"/>
      <c r="E31790" s="6" t="s">
        <v>9</v>
      </c>
      <c r="F31790" s="7">
        <v>31868</v>
      </c>
      <c r="G31790" s="8">
        <v>1541700</v>
      </c>
      <c r="H31790" s="8">
        <v>1</v>
      </c>
      <c r="I31790" s="8">
        <v>1541699</v>
      </c>
      <c r="J31790" s="8">
        <v>1</v>
      </c>
      <c r="K31790" s="9"/>
      <c r="L31790" s="6"/>
    </row>
    <row r="31791" spans="1:12">
      <c r="A31791" s="6" t="s">
        <v>33096</v>
      </c>
      <c r="B31791" s="6"/>
      <c r="C31791" s="6" t="s">
        <v>32230</v>
      </c>
      <c r="D31791" s="6"/>
      <c r="E31791" s="6" t="s">
        <v>9</v>
      </c>
      <c r="F31791" s="7">
        <v>31868</v>
      </c>
      <c r="G31791" s="8">
        <v>1306800</v>
      </c>
      <c r="H31791" s="8">
        <v>1</v>
      </c>
      <c r="I31791" s="8">
        <v>1306799</v>
      </c>
      <c r="J31791" s="8">
        <v>1</v>
      </c>
      <c r="K31791" s="9"/>
      <c r="L31791" s="6"/>
    </row>
    <row r="31792" spans="1:12">
      <c r="A31792" s="6" t="s">
        <v>33096</v>
      </c>
      <c r="B31792" s="6"/>
      <c r="C31792" s="6" t="s">
        <v>32230</v>
      </c>
      <c r="D31792" s="6"/>
      <c r="E31792" s="6" t="s">
        <v>9</v>
      </c>
      <c r="F31792" s="7">
        <v>31868</v>
      </c>
      <c r="G31792" s="8">
        <v>1171800</v>
      </c>
      <c r="H31792" s="8">
        <v>1</v>
      </c>
      <c r="I31792" s="8">
        <v>1171799</v>
      </c>
      <c r="J31792" s="8">
        <v>1</v>
      </c>
      <c r="K31792" s="9"/>
      <c r="L31792" s="6"/>
    </row>
    <row r="31793" spans="1:12">
      <c r="A31793" s="6" t="s">
        <v>33096</v>
      </c>
      <c r="B31793" s="6"/>
      <c r="C31793" s="6" t="s">
        <v>32230</v>
      </c>
      <c r="D31793" s="6"/>
      <c r="E31793" s="6" t="s">
        <v>9</v>
      </c>
      <c r="F31793" s="7">
        <v>31868</v>
      </c>
      <c r="G31793" s="8">
        <v>1433700</v>
      </c>
      <c r="H31793" s="8">
        <v>1</v>
      </c>
      <c r="I31793" s="8">
        <v>1433699</v>
      </c>
      <c r="J31793" s="8">
        <v>1</v>
      </c>
      <c r="K31793" s="9"/>
      <c r="L31793" s="6"/>
    </row>
    <row r="31794" spans="1:12">
      <c r="A31794" s="6" t="s">
        <v>33096</v>
      </c>
      <c r="B31794" s="6"/>
      <c r="C31794" s="6" t="s">
        <v>32230</v>
      </c>
      <c r="D31794" s="6"/>
      <c r="E31794" s="6" t="s">
        <v>9</v>
      </c>
      <c r="F31794" s="7">
        <v>31868</v>
      </c>
      <c r="G31794" s="8">
        <v>1728000</v>
      </c>
      <c r="H31794" s="8">
        <v>1</v>
      </c>
      <c r="I31794" s="8">
        <v>1727999</v>
      </c>
      <c r="J31794" s="8">
        <v>1</v>
      </c>
      <c r="K31794" s="9"/>
      <c r="L31794" s="6"/>
    </row>
    <row r="31795" spans="1:12">
      <c r="A31795" s="6" t="s">
        <v>33096</v>
      </c>
      <c r="B31795" s="6"/>
      <c r="C31795" s="6" t="s">
        <v>32230</v>
      </c>
      <c r="D31795" s="6"/>
      <c r="E31795" s="6" t="s">
        <v>9</v>
      </c>
      <c r="F31795" s="7">
        <v>31868</v>
      </c>
      <c r="G31795" s="8">
        <v>1080000</v>
      </c>
      <c r="H31795" s="8">
        <v>1</v>
      </c>
      <c r="I31795" s="8">
        <v>1079999</v>
      </c>
      <c r="J31795" s="8">
        <v>1</v>
      </c>
      <c r="K31795" s="9"/>
      <c r="L31795" s="6"/>
    </row>
    <row r="31796" spans="1:12">
      <c r="A31796" s="6" t="s">
        <v>33096</v>
      </c>
      <c r="B31796" s="6"/>
      <c r="C31796" s="6" t="s">
        <v>32230</v>
      </c>
      <c r="D31796" s="6"/>
      <c r="E31796" s="6" t="s">
        <v>9</v>
      </c>
      <c r="F31796" s="7">
        <v>31868</v>
      </c>
      <c r="G31796" s="8">
        <v>2008800</v>
      </c>
      <c r="H31796" s="8">
        <v>1</v>
      </c>
      <c r="I31796" s="8">
        <v>2008799</v>
      </c>
      <c r="J31796" s="8">
        <v>1</v>
      </c>
      <c r="K31796" s="9"/>
      <c r="L31796" s="6"/>
    </row>
    <row r="31797" spans="1:12">
      <c r="A31797" s="6" t="s">
        <v>33096</v>
      </c>
      <c r="B31797" s="6"/>
      <c r="C31797" s="6" t="s">
        <v>32230</v>
      </c>
      <c r="D31797" s="6"/>
      <c r="E31797" s="6" t="s">
        <v>9</v>
      </c>
      <c r="F31797" s="7">
        <v>31868</v>
      </c>
      <c r="G31797" s="8">
        <v>5000400</v>
      </c>
      <c r="H31797" s="8">
        <v>1</v>
      </c>
      <c r="I31797" s="8">
        <v>5000399</v>
      </c>
      <c r="J31797" s="8">
        <v>1</v>
      </c>
      <c r="K31797" s="9"/>
      <c r="L31797" s="6"/>
    </row>
    <row r="31798" spans="1:12">
      <c r="A31798" s="6" t="s">
        <v>33096</v>
      </c>
      <c r="B31798" s="6"/>
      <c r="C31798" s="6" t="s">
        <v>32230</v>
      </c>
      <c r="D31798" s="6"/>
      <c r="E31798" s="6" t="s">
        <v>9</v>
      </c>
      <c r="F31798" s="7">
        <v>31868</v>
      </c>
      <c r="G31798" s="8">
        <v>4595400</v>
      </c>
      <c r="H31798" s="8">
        <v>1</v>
      </c>
      <c r="I31798" s="8">
        <v>4595399</v>
      </c>
      <c r="J31798" s="8">
        <v>1</v>
      </c>
      <c r="K31798" s="9"/>
      <c r="L31798" s="6"/>
    </row>
    <row r="31799" spans="1:12">
      <c r="A31799" s="6" t="s">
        <v>33096</v>
      </c>
      <c r="B31799" s="6"/>
      <c r="C31799" s="6" t="s">
        <v>32230</v>
      </c>
      <c r="D31799" s="6"/>
      <c r="E31799" s="6" t="s">
        <v>9</v>
      </c>
      <c r="F31799" s="7">
        <v>31868</v>
      </c>
      <c r="G31799" s="8">
        <v>2003400</v>
      </c>
      <c r="H31799" s="8">
        <v>1</v>
      </c>
      <c r="I31799" s="8">
        <v>2003399</v>
      </c>
      <c r="J31799" s="8">
        <v>1</v>
      </c>
      <c r="K31799" s="9"/>
      <c r="L31799" s="6"/>
    </row>
    <row r="31800" spans="1:12">
      <c r="A31800" s="6" t="s">
        <v>33096</v>
      </c>
      <c r="B31800" s="6"/>
      <c r="C31800" s="6" t="s">
        <v>32230</v>
      </c>
      <c r="D31800" s="6"/>
      <c r="E31800" s="6" t="s">
        <v>9</v>
      </c>
      <c r="F31800" s="7">
        <v>31868</v>
      </c>
      <c r="G31800" s="8">
        <v>3901500</v>
      </c>
      <c r="H31800" s="8">
        <v>1</v>
      </c>
      <c r="I31800" s="8">
        <v>3901499</v>
      </c>
      <c r="J31800" s="8">
        <v>1</v>
      </c>
      <c r="K31800" s="9"/>
      <c r="L31800" s="6"/>
    </row>
    <row r="31801" spans="1:12">
      <c r="A31801" s="6" t="s">
        <v>33096</v>
      </c>
      <c r="B31801" s="6"/>
      <c r="C31801" s="6" t="s">
        <v>32230</v>
      </c>
      <c r="D31801" s="6"/>
      <c r="E31801" s="6" t="s">
        <v>9</v>
      </c>
      <c r="F31801" s="7">
        <v>31868</v>
      </c>
      <c r="G31801" s="8">
        <v>1460700</v>
      </c>
      <c r="H31801" s="8">
        <v>1</v>
      </c>
      <c r="I31801" s="8">
        <v>1460699</v>
      </c>
      <c r="J31801" s="8">
        <v>1</v>
      </c>
      <c r="K31801" s="9"/>
      <c r="L31801" s="6"/>
    </row>
    <row r="31802" spans="1:12">
      <c r="A31802" s="6" t="s">
        <v>33096</v>
      </c>
      <c r="B31802" s="6"/>
      <c r="C31802" s="6" t="s">
        <v>32230</v>
      </c>
      <c r="D31802" s="6"/>
      <c r="E31802" s="6" t="s">
        <v>9</v>
      </c>
      <c r="F31802" s="7">
        <v>31868</v>
      </c>
      <c r="G31802" s="8">
        <v>3288600</v>
      </c>
      <c r="H31802" s="8">
        <v>1</v>
      </c>
      <c r="I31802" s="8">
        <v>3288599</v>
      </c>
      <c r="J31802" s="8">
        <v>1</v>
      </c>
      <c r="K31802" s="9"/>
      <c r="L31802" s="6"/>
    </row>
    <row r="31803" spans="1:12">
      <c r="A31803" s="6" t="s">
        <v>33096</v>
      </c>
      <c r="B31803" s="6"/>
      <c r="C31803" s="6" t="s">
        <v>32230</v>
      </c>
      <c r="D31803" s="6"/>
      <c r="E31803" s="6" t="s">
        <v>9</v>
      </c>
      <c r="F31803" s="7">
        <v>31868</v>
      </c>
      <c r="G31803" s="8">
        <v>5073300</v>
      </c>
      <c r="H31803" s="8">
        <v>1</v>
      </c>
      <c r="I31803" s="8">
        <v>5073299</v>
      </c>
      <c r="J31803" s="8">
        <v>1</v>
      </c>
      <c r="K31803" s="9"/>
      <c r="L31803" s="6"/>
    </row>
    <row r="31804" spans="1:12">
      <c r="A31804" s="6" t="s">
        <v>33096</v>
      </c>
      <c r="B31804" s="6"/>
      <c r="C31804" s="6" t="s">
        <v>32230</v>
      </c>
      <c r="D31804" s="6"/>
      <c r="E31804" s="6" t="s">
        <v>9</v>
      </c>
      <c r="F31804" s="7">
        <v>31868</v>
      </c>
      <c r="G31804" s="8">
        <v>3990600</v>
      </c>
      <c r="H31804" s="8">
        <v>1</v>
      </c>
      <c r="I31804" s="8">
        <v>3990599</v>
      </c>
      <c r="J31804" s="8">
        <v>1</v>
      </c>
      <c r="K31804" s="9"/>
      <c r="L31804" s="6"/>
    </row>
    <row r="31805" spans="1:12">
      <c r="A31805" s="6" t="s">
        <v>33097</v>
      </c>
      <c r="B31805" s="6"/>
      <c r="C31805" s="6" t="s">
        <v>32230</v>
      </c>
      <c r="D31805" s="6"/>
      <c r="E31805" s="6" t="s">
        <v>9</v>
      </c>
      <c r="F31805" s="7">
        <v>38443</v>
      </c>
      <c r="G31805" s="8">
        <v>1</v>
      </c>
      <c r="H31805" s="8">
        <v>1</v>
      </c>
      <c r="I31805" s="8">
        <v>0</v>
      </c>
      <c r="J31805" s="8">
        <v>1</v>
      </c>
      <c r="K31805" s="9"/>
      <c r="L31805" s="6"/>
    </row>
    <row r="31806" spans="1:12">
      <c r="A31806" s="6" t="s">
        <v>33096</v>
      </c>
      <c r="B31806" s="6"/>
      <c r="C31806" s="6" t="s">
        <v>32230</v>
      </c>
      <c r="D31806" s="6"/>
      <c r="E31806" s="6" t="s">
        <v>9</v>
      </c>
      <c r="F31806" s="7">
        <v>32234</v>
      </c>
      <c r="G31806" s="8">
        <v>16993800</v>
      </c>
      <c r="H31806" s="8">
        <v>1</v>
      </c>
      <c r="I31806" s="8">
        <v>16993799</v>
      </c>
      <c r="J31806" s="8">
        <v>1</v>
      </c>
      <c r="K31806" s="9"/>
      <c r="L31806" s="6"/>
    </row>
    <row r="31807" spans="1:12">
      <c r="A31807" s="6" t="s">
        <v>33096</v>
      </c>
      <c r="B31807" s="6"/>
      <c r="C31807" s="6" t="s">
        <v>32230</v>
      </c>
      <c r="D31807" s="6"/>
      <c r="E31807" s="6" t="s">
        <v>9</v>
      </c>
      <c r="F31807" s="7">
        <v>32234</v>
      </c>
      <c r="G31807" s="8">
        <v>764100</v>
      </c>
      <c r="H31807" s="8">
        <v>1</v>
      </c>
      <c r="I31807" s="8">
        <v>764099</v>
      </c>
      <c r="J31807" s="8">
        <v>1</v>
      </c>
      <c r="K31807" s="9"/>
      <c r="L31807" s="6"/>
    </row>
    <row r="31808" spans="1:12">
      <c r="A31808" s="6" t="s">
        <v>33097</v>
      </c>
      <c r="B31808" s="6"/>
      <c r="C31808" s="6" t="s">
        <v>32230</v>
      </c>
      <c r="D31808" s="6"/>
      <c r="E31808" s="6" t="s">
        <v>9</v>
      </c>
      <c r="F31808" s="7">
        <v>32234</v>
      </c>
      <c r="G31808" s="8">
        <v>1</v>
      </c>
      <c r="H31808" s="8">
        <v>1</v>
      </c>
      <c r="I31808" s="8">
        <v>0</v>
      </c>
      <c r="J31808" s="8">
        <v>1</v>
      </c>
      <c r="K31808" s="9"/>
      <c r="L31808" s="6"/>
    </row>
    <row r="31809" spans="1:12">
      <c r="A31809" s="6" t="s">
        <v>33097</v>
      </c>
      <c r="B31809" s="6"/>
      <c r="C31809" s="6" t="s">
        <v>32230</v>
      </c>
      <c r="D31809" s="6"/>
      <c r="E31809" s="6" t="s">
        <v>9</v>
      </c>
      <c r="F31809" s="7">
        <v>42460</v>
      </c>
      <c r="G31809" s="8">
        <v>3499200</v>
      </c>
      <c r="H31809" s="8">
        <v>2466940</v>
      </c>
      <c r="I31809" s="8">
        <v>1238712</v>
      </c>
      <c r="J31809" s="8">
        <v>2260488</v>
      </c>
      <c r="K31809" s="9"/>
      <c r="L31809" s="6"/>
    </row>
    <row r="31810" spans="1:12">
      <c r="A31810" s="6" t="s">
        <v>33096</v>
      </c>
      <c r="B31810" s="6"/>
      <c r="C31810" s="6" t="s">
        <v>32230</v>
      </c>
      <c r="D31810" s="6"/>
      <c r="E31810" s="6" t="s">
        <v>9</v>
      </c>
      <c r="F31810" s="7">
        <v>32234</v>
      </c>
      <c r="G31810" s="8">
        <v>10686600</v>
      </c>
      <c r="H31810" s="8">
        <v>1</v>
      </c>
      <c r="I31810" s="8">
        <v>10686599</v>
      </c>
      <c r="J31810" s="8">
        <v>1</v>
      </c>
      <c r="K31810" s="9"/>
      <c r="L31810" s="6"/>
    </row>
    <row r="31811" spans="1:12">
      <c r="A31811" s="6" t="s">
        <v>33096</v>
      </c>
      <c r="B31811" s="6"/>
      <c r="C31811" s="6" t="s">
        <v>32230</v>
      </c>
      <c r="D31811" s="6"/>
      <c r="E31811" s="6" t="s">
        <v>9</v>
      </c>
      <c r="F31811" s="7">
        <v>32234</v>
      </c>
      <c r="G31811" s="8">
        <v>1188000</v>
      </c>
      <c r="H31811" s="8">
        <v>1</v>
      </c>
      <c r="I31811" s="8">
        <v>1187999</v>
      </c>
      <c r="J31811" s="8">
        <v>1</v>
      </c>
      <c r="K31811" s="9"/>
      <c r="L31811" s="6"/>
    </row>
    <row r="31812" spans="1:12">
      <c r="A31812" s="6" t="s">
        <v>33096</v>
      </c>
      <c r="B31812" s="6"/>
      <c r="C31812" s="6" t="s">
        <v>32230</v>
      </c>
      <c r="D31812" s="6"/>
      <c r="E31812" s="6" t="s">
        <v>9</v>
      </c>
      <c r="F31812" s="7">
        <v>32234</v>
      </c>
      <c r="G31812" s="8">
        <v>1806300</v>
      </c>
      <c r="H31812" s="8">
        <v>1</v>
      </c>
      <c r="I31812" s="8">
        <v>1806299</v>
      </c>
      <c r="J31812" s="8">
        <v>1</v>
      </c>
      <c r="K31812" s="9"/>
      <c r="L31812" s="6"/>
    </row>
    <row r="31813" spans="1:12">
      <c r="A31813" s="6" t="s">
        <v>33096</v>
      </c>
      <c r="B31813" s="6"/>
      <c r="C31813" s="6" t="s">
        <v>32230</v>
      </c>
      <c r="D31813" s="6"/>
      <c r="E31813" s="6" t="s">
        <v>9</v>
      </c>
      <c r="F31813" s="7">
        <v>32234</v>
      </c>
      <c r="G31813" s="8">
        <v>2732400</v>
      </c>
      <c r="H31813" s="8">
        <v>1</v>
      </c>
      <c r="I31813" s="8">
        <v>2732399</v>
      </c>
      <c r="J31813" s="8">
        <v>1</v>
      </c>
      <c r="K31813" s="9"/>
      <c r="L31813" s="6"/>
    </row>
    <row r="31814" spans="1:12">
      <c r="A31814" s="6" t="s">
        <v>33096</v>
      </c>
      <c r="B31814" s="6"/>
      <c r="C31814" s="6" t="s">
        <v>32230</v>
      </c>
      <c r="D31814" s="6"/>
      <c r="E31814" s="6" t="s">
        <v>9</v>
      </c>
      <c r="F31814" s="7">
        <v>32234</v>
      </c>
      <c r="G31814" s="8">
        <v>1150200</v>
      </c>
      <c r="H31814" s="8">
        <v>1</v>
      </c>
      <c r="I31814" s="8">
        <v>1150199</v>
      </c>
      <c r="J31814" s="8">
        <v>1</v>
      </c>
      <c r="K31814" s="9"/>
      <c r="L31814" s="6"/>
    </row>
    <row r="31815" spans="1:12">
      <c r="A31815" s="6" t="s">
        <v>33096</v>
      </c>
      <c r="B31815" s="6"/>
      <c r="C31815" s="6" t="s">
        <v>32230</v>
      </c>
      <c r="D31815" s="6"/>
      <c r="E31815" s="6" t="s">
        <v>9</v>
      </c>
      <c r="F31815" s="7">
        <v>32234</v>
      </c>
      <c r="G31815" s="8">
        <v>1695600</v>
      </c>
      <c r="H31815" s="8">
        <v>1</v>
      </c>
      <c r="I31815" s="8">
        <v>1695599</v>
      </c>
      <c r="J31815" s="8">
        <v>1</v>
      </c>
      <c r="K31815" s="9"/>
      <c r="L31815" s="6"/>
    </row>
    <row r="31816" spans="1:12">
      <c r="A31816" s="6" t="s">
        <v>33096</v>
      </c>
      <c r="B31816" s="6"/>
      <c r="C31816" s="6" t="s">
        <v>32230</v>
      </c>
      <c r="D31816" s="6"/>
      <c r="E31816" s="6" t="s">
        <v>9</v>
      </c>
      <c r="F31816" s="7">
        <v>32234</v>
      </c>
      <c r="G31816" s="8">
        <v>1317600</v>
      </c>
      <c r="H31816" s="8">
        <v>1</v>
      </c>
      <c r="I31816" s="8">
        <v>1317599</v>
      </c>
      <c r="J31816" s="8">
        <v>1</v>
      </c>
      <c r="K31816" s="9"/>
      <c r="L31816" s="6"/>
    </row>
    <row r="31817" spans="1:12">
      <c r="A31817" s="6" t="s">
        <v>33096</v>
      </c>
      <c r="B31817" s="6"/>
      <c r="C31817" s="6" t="s">
        <v>32230</v>
      </c>
      <c r="D31817" s="6"/>
      <c r="E31817" s="6" t="s">
        <v>9</v>
      </c>
      <c r="F31817" s="7">
        <v>32234</v>
      </c>
      <c r="G31817" s="8">
        <v>1466100</v>
      </c>
      <c r="H31817" s="8">
        <v>1</v>
      </c>
      <c r="I31817" s="8">
        <v>1466099</v>
      </c>
      <c r="J31817" s="8">
        <v>1</v>
      </c>
      <c r="K31817" s="9"/>
      <c r="L31817" s="6"/>
    </row>
    <row r="31818" spans="1:12">
      <c r="A31818" s="6" t="s">
        <v>33096</v>
      </c>
      <c r="B31818" s="6"/>
      <c r="C31818" s="6" t="s">
        <v>32230</v>
      </c>
      <c r="D31818" s="6"/>
      <c r="E31818" s="6" t="s">
        <v>9</v>
      </c>
      <c r="F31818" s="7">
        <v>35886</v>
      </c>
      <c r="G31818" s="8">
        <v>6156000</v>
      </c>
      <c r="H31818" s="8">
        <v>1</v>
      </c>
      <c r="I31818" s="8">
        <v>6155999</v>
      </c>
      <c r="J31818" s="8">
        <v>1</v>
      </c>
      <c r="K31818" s="9"/>
      <c r="L31818" s="6"/>
    </row>
    <row r="31819" spans="1:12">
      <c r="A31819" s="6" t="s">
        <v>33096</v>
      </c>
      <c r="B31819" s="6"/>
      <c r="C31819" s="6" t="s">
        <v>32230</v>
      </c>
      <c r="D31819" s="6"/>
      <c r="E31819" s="6" t="s">
        <v>9</v>
      </c>
      <c r="F31819" s="7">
        <v>35886</v>
      </c>
      <c r="G31819" s="8">
        <v>912600</v>
      </c>
      <c r="H31819" s="8">
        <v>1</v>
      </c>
      <c r="I31819" s="8">
        <v>912599</v>
      </c>
      <c r="J31819" s="8">
        <v>1</v>
      </c>
      <c r="K31819" s="9"/>
      <c r="L31819" s="6"/>
    </row>
    <row r="31820" spans="1:12">
      <c r="A31820" s="6" t="s">
        <v>33096</v>
      </c>
      <c r="B31820" s="6"/>
      <c r="C31820" s="6" t="s">
        <v>32230</v>
      </c>
      <c r="D31820" s="6"/>
      <c r="E31820" s="6" t="s">
        <v>9</v>
      </c>
      <c r="F31820" s="7">
        <v>35886</v>
      </c>
      <c r="G31820" s="8">
        <v>3931200</v>
      </c>
      <c r="H31820" s="8">
        <v>1</v>
      </c>
      <c r="I31820" s="8">
        <v>3931199</v>
      </c>
      <c r="J31820" s="8">
        <v>1</v>
      </c>
      <c r="K31820" s="9"/>
      <c r="L31820" s="6"/>
    </row>
    <row r="31821" spans="1:12">
      <c r="A31821" s="6" t="s">
        <v>33096</v>
      </c>
      <c r="B31821" s="6"/>
      <c r="C31821" s="6" t="s">
        <v>32230</v>
      </c>
      <c r="D31821" s="6"/>
      <c r="E31821" s="6" t="s">
        <v>9</v>
      </c>
      <c r="F31821" s="7">
        <v>35886</v>
      </c>
      <c r="G31821" s="8">
        <v>5775300</v>
      </c>
      <c r="H31821" s="8">
        <v>1</v>
      </c>
      <c r="I31821" s="8">
        <v>5775299</v>
      </c>
      <c r="J31821" s="8">
        <v>1</v>
      </c>
      <c r="K31821" s="9"/>
      <c r="L31821" s="6"/>
    </row>
    <row r="31822" spans="1:12">
      <c r="A31822" s="6" t="s">
        <v>33097</v>
      </c>
      <c r="B31822" s="6"/>
      <c r="C31822" s="6" t="s">
        <v>32230</v>
      </c>
      <c r="D31822" s="6"/>
      <c r="E31822" s="6" t="s">
        <v>9</v>
      </c>
      <c r="F31822" s="7">
        <v>35886</v>
      </c>
      <c r="G31822" s="8">
        <v>16554300</v>
      </c>
      <c r="H31822" s="8">
        <v>1</v>
      </c>
      <c r="I31822" s="8">
        <v>16554299</v>
      </c>
      <c r="J31822" s="8">
        <v>1</v>
      </c>
      <c r="K31822" s="9"/>
      <c r="L31822" s="6"/>
    </row>
    <row r="31823" spans="1:12">
      <c r="A31823" s="6" t="s">
        <v>33096</v>
      </c>
      <c r="B31823" s="6"/>
      <c r="C31823" s="6" t="s">
        <v>32230</v>
      </c>
      <c r="D31823" s="6"/>
      <c r="E31823" s="6" t="s">
        <v>9</v>
      </c>
      <c r="F31823" s="7">
        <v>35886</v>
      </c>
      <c r="G31823" s="8">
        <v>10505700</v>
      </c>
      <c r="H31823" s="8">
        <v>1</v>
      </c>
      <c r="I31823" s="8">
        <v>10505699</v>
      </c>
      <c r="J31823" s="8">
        <v>1</v>
      </c>
      <c r="K31823" s="9"/>
      <c r="L31823" s="6"/>
    </row>
    <row r="31824" spans="1:12">
      <c r="A31824" s="6" t="s">
        <v>33096</v>
      </c>
      <c r="B31824" s="6"/>
      <c r="C31824" s="6" t="s">
        <v>32230</v>
      </c>
      <c r="D31824" s="6"/>
      <c r="E31824" s="6" t="s">
        <v>9</v>
      </c>
      <c r="F31824" s="7">
        <v>35886</v>
      </c>
      <c r="G31824" s="8">
        <v>11348100</v>
      </c>
      <c r="H31824" s="8">
        <v>1</v>
      </c>
      <c r="I31824" s="8">
        <v>11348099</v>
      </c>
      <c r="J31824" s="8">
        <v>1</v>
      </c>
      <c r="K31824" s="9"/>
      <c r="L31824" s="6"/>
    </row>
    <row r="31825" spans="1:12">
      <c r="A31825" s="6" t="s">
        <v>33096</v>
      </c>
      <c r="B31825" s="6"/>
      <c r="C31825" s="6" t="s">
        <v>32230</v>
      </c>
      <c r="D31825" s="6"/>
      <c r="E31825" s="6" t="s">
        <v>9</v>
      </c>
      <c r="F31825" s="7">
        <v>35886</v>
      </c>
      <c r="G31825" s="8">
        <v>9882000</v>
      </c>
      <c r="H31825" s="8">
        <v>1</v>
      </c>
      <c r="I31825" s="8">
        <v>9881999</v>
      </c>
      <c r="J31825" s="8">
        <v>1</v>
      </c>
      <c r="K31825" s="9"/>
      <c r="L31825" s="6"/>
    </row>
    <row r="31826" spans="1:12">
      <c r="A31826" s="6" t="s">
        <v>33096</v>
      </c>
      <c r="B31826" s="6"/>
      <c r="C31826" s="6" t="s">
        <v>32230</v>
      </c>
      <c r="D31826" s="6"/>
      <c r="E31826" s="6" t="s">
        <v>9</v>
      </c>
      <c r="F31826" s="7">
        <v>35886</v>
      </c>
      <c r="G31826" s="8">
        <v>13213800</v>
      </c>
      <c r="H31826" s="8">
        <v>1</v>
      </c>
      <c r="I31826" s="8">
        <v>13213799</v>
      </c>
      <c r="J31826" s="8">
        <v>1</v>
      </c>
      <c r="K31826" s="9"/>
      <c r="L31826" s="6"/>
    </row>
    <row r="31827" spans="1:12">
      <c r="A31827" s="6" t="s">
        <v>33096</v>
      </c>
      <c r="B31827" s="6"/>
      <c r="C31827" s="6" t="s">
        <v>32230</v>
      </c>
      <c r="D31827" s="6"/>
      <c r="E31827" s="6" t="s">
        <v>9</v>
      </c>
      <c r="F31827" s="7">
        <v>35886</v>
      </c>
      <c r="G31827" s="8">
        <v>4387500</v>
      </c>
      <c r="H31827" s="8">
        <v>1</v>
      </c>
      <c r="I31827" s="8">
        <v>4387499</v>
      </c>
      <c r="J31827" s="8">
        <v>1</v>
      </c>
      <c r="K31827" s="9"/>
      <c r="L31827" s="6"/>
    </row>
    <row r="31828" spans="1:12">
      <c r="A31828" s="6" t="s">
        <v>33096</v>
      </c>
      <c r="B31828" s="6"/>
      <c r="C31828" s="6" t="s">
        <v>32230</v>
      </c>
      <c r="D31828" s="6"/>
      <c r="E31828" s="6" t="s">
        <v>9</v>
      </c>
      <c r="F31828" s="7">
        <v>35886</v>
      </c>
      <c r="G31828" s="8">
        <v>2997000</v>
      </c>
      <c r="H31828" s="8">
        <v>1</v>
      </c>
      <c r="I31828" s="8">
        <v>2996999</v>
      </c>
      <c r="J31828" s="8">
        <v>1</v>
      </c>
      <c r="K31828" s="9"/>
      <c r="L31828" s="6"/>
    </row>
    <row r="31829" spans="1:12">
      <c r="A31829" s="6" t="s">
        <v>33096</v>
      </c>
      <c r="B31829" s="6"/>
      <c r="C31829" s="6" t="s">
        <v>32230</v>
      </c>
      <c r="D31829" s="6"/>
      <c r="E31829" s="6" t="s">
        <v>9</v>
      </c>
      <c r="F31829" s="7">
        <v>35886</v>
      </c>
      <c r="G31829" s="8">
        <v>1482300</v>
      </c>
      <c r="H31829" s="8">
        <v>1</v>
      </c>
      <c r="I31829" s="8">
        <v>1482299</v>
      </c>
      <c r="J31829" s="8">
        <v>1</v>
      </c>
      <c r="K31829" s="9"/>
      <c r="L31829" s="6"/>
    </row>
    <row r="31830" spans="1:12">
      <c r="A31830" s="6" t="s">
        <v>33096</v>
      </c>
      <c r="B31830" s="6"/>
      <c r="C31830" s="6" t="s">
        <v>32230</v>
      </c>
      <c r="D31830" s="6"/>
      <c r="E31830" s="6" t="s">
        <v>9</v>
      </c>
      <c r="F31830" s="7">
        <v>35886</v>
      </c>
      <c r="G31830" s="8">
        <v>4822200</v>
      </c>
      <c r="H31830" s="8">
        <v>1</v>
      </c>
      <c r="I31830" s="8">
        <v>4822199</v>
      </c>
      <c r="J31830" s="8">
        <v>1</v>
      </c>
      <c r="K31830" s="9"/>
      <c r="L31830" s="6"/>
    </row>
    <row r="31831" spans="1:12">
      <c r="A31831" s="6" t="s">
        <v>33096</v>
      </c>
      <c r="B31831" s="6"/>
      <c r="C31831" s="6" t="s">
        <v>32230</v>
      </c>
      <c r="D31831" s="6"/>
      <c r="E31831" s="6" t="s">
        <v>9</v>
      </c>
      <c r="F31831" s="7">
        <v>33695</v>
      </c>
      <c r="G31831" s="8">
        <v>2219400</v>
      </c>
      <c r="H31831" s="8">
        <v>1</v>
      </c>
      <c r="I31831" s="8">
        <v>2219399</v>
      </c>
      <c r="J31831" s="8">
        <v>1</v>
      </c>
      <c r="K31831" s="9"/>
      <c r="L31831" s="6"/>
    </row>
    <row r="31832" spans="1:12">
      <c r="A31832" s="6" t="s">
        <v>33096</v>
      </c>
      <c r="B31832" s="6"/>
      <c r="C31832" s="6" t="s">
        <v>32230</v>
      </c>
      <c r="D31832" s="6"/>
      <c r="E31832" s="6" t="s">
        <v>9</v>
      </c>
      <c r="F31832" s="7">
        <v>33695</v>
      </c>
      <c r="G31832" s="8">
        <v>715500</v>
      </c>
      <c r="H31832" s="8">
        <v>1</v>
      </c>
      <c r="I31832" s="8">
        <v>715499</v>
      </c>
      <c r="J31832" s="8">
        <v>1</v>
      </c>
      <c r="K31832" s="9"/>
      <c r="L31832" s="6"/>
    </row>
    <row r="31833" spans="1:12">
      <c r="A31833" s="6" t="s">
        <v>33097</v>
      </c>
      <c r="B31833" s="6"/>
      <c r="C31833" s="6" t="s">
        <v>32230</v>
      </c>
      <c r="D31833" s="6"/>
      <c r="E31833" s="6" t="s">
        <v>9</v>
      </c>
      <c r="F31833" s="7">
        <v>33695</v>
      </c>
      <c r="G31833" s="8">
        <v>1</v>
      </c>
      <c r="H31833" s="8">
        <v>1</v>
      </c>
      <c r="I31833" s="8">
        <v>0</v>
      </c>
      <c r="J31833" s="8">
        <v>1</v>
      </c>
      <c r="K31833" s="9"/>
      <c r="L31833" s="6"/>
    </row>
    <row r="31834" spans="1:12">
      <c r="A31834" s="6" t="s">
        <v>33118</v>
      </c>
      <c r="B31834" s="6"/>
      <c r="C31834" s="6" t="s">
        <v>32230</v>
      </c>
      <c r="D31834" s="6"/>
      <c r="E31834" s="6" t="s">
        <v>9</v>
      </c>
      <c r="F31834" s="7">
        <v>43151</v>
      </c>
      <c r="G31834" s="8">
        <v>3272400</v>
      </c>
      <c r="H31834" s="8">
        <v>2693187</v>
      </c>
      <c r="I31834" s="8">
        <v>772284</v>
      </c>
      <c r="J31834" s="8">
        <v>2500116</v>
      </c>
      <c r="K31834" s="9"/>
      <c r="L31834" s="6"/>
    </row>
    <row r="31835" spans="1:12">
      <c r="A31835" s="6" t="s">
        <v>33119</v>
      </c>
      <c r="B31835" s="6"/>
      <c r="C31835" s="6" t="s">
        <v>32230</v>
      </c>
      <c r="D31835" s="6"/>
      <c r="E31835" s="6" t="s">
        <v>9</v>
      </c>
      <c r="F31835" s="7">
        <v>43136</v>
      </c>
      <c r="G31835" s="8">
        <v>8578440</v>
      </c>
      <c r="H31835" s="8">
        <v>6004908</v>
      </c>
      <c r="I31835" s="8">
        <v>3431376</v>
      </c>
      <c r="J31835" s="8">
        <v>5147064</v>
      </c>
      <c r="K31835" s="9"/>
      <c r="L31835" s="6"/>
    </row>
    <row r="31836" spans="1:12">
      <c r="A31836" s="6" t="s">
        <v>33096</v>
      </c>
      <c r="B31836" s="6"/>
      <c r="C31836" s="6" t="s">
        <v>32230</v>
      </c>
      <c r="D31836" s="6"/>
      <c r="E31836" s="6" t="s">
        <v>9</v>
      </c>
      <c r="F31836" s="7">
        <v>33695</v>
      </c>
      <c r="G31836" s="8">
        <v>2027700</v>
      </c>
      <c r="H31836" s="8">
        <v>1</v>
      </c>
      <c r="I31836" s="8">
        <v>2027699</v>
      </c>
      <c r="J31836" s="8">
        <v>1</v>
      </c>
      <c r="K31836" s="9"/>
      <c r="L31836" s="6"/>
    </row>
    <row r="31837" spans="1:12">
      <c r="A31837" s="6" t="s">
        <v>33096</v>
      </c>
      <c r="B31837" s="6"/>
      <c r="C31837" s="6" t="s">
        <v>32230</v>
      </c>
      <c r="D31837" s="6"/>
      <c r="E31837" s="6" t="s">
        <v>9</v>
      </c>
      <c r="F31837" s="7">
        <v>33695</v>
      </c>
      <c r="G31837" s="8">
        <v>9909000</v>
      </c>
      <c r="H31837" s="8">
        <v>1</v>
      </c>
      <c r="I31837" s="8">
        <v>9908999</v>
      </c>
      <c r="J31837" s="8">
        <v>1</v>
      </c>
      <c r="K31837" s="9"/>
      <c r="L31837" s="6"/>
    </row>
    <row r="31838" spans="1:12">
      <c r="A31838" s="6" t="s">
        <v>33096</v>
      </c>
      <c r="B31838" s="6"/>
      <c r="C31838" s="6" t="s">
        <v>32230</v>
      </c>
      <c r="D31838" s="6"/>
      <c r="E31838" s="6" t="s">
        <v>9</v>
      </c>
      <c r="F31838" s="7">
        <v>33695</v>
      </c>
      <c r="G31838" s="8">
        <v>6353100</v>
      </c>
      <c r="H31838" s="8">
        <v>1</v>
      </c>
      <c r="I31838" s="8">
        <v>6353099</v>
      </c>
      <c r="J31838" s="8">
        <v>1</v>
      </c>
      <c r="K31838" s="9"/>
      <c r="L31838" s="6"/>
    </row>
    <row r="31839" spans="1:12">
      <c r="A31839" s="6" t="s">
        <v>33096</v>
      </c>
      <c r="B31839" s="6"/>
      <c r="C31839" s="6" t="s">
        <v>32230</v>
      </c>
      <c r="D31839" s="6"/>
      <c r="E31839" s="6" t="s">
        <v>9</v>
      </c>
      <c r="F31839" s="7">
        <v>33695</v>
      </c>
      <c r="G31839" s="8">
        <v>4077000</v>
      </c>
      <c r="H31839" s="8">
        <v>1</v>
      </c>
      <c r="I31839" s="8">
        <v>4076999</v>
      </c>
      <c r="J31839" s="8">
        <v>1</v>
      </c>
      <c r="K31839" s="9"/>
      <c r="L31839" s="6"/>
    </row>
    <row r="31840" spans="1:12">
      <c r="A31840" s="6" t="s">
        <v>33096</v>
      </c>
      <c r="B31840" s="6"/>
      <c r="C31840" s="6" t="s">
        <v>32230</v>
      </c>
      <c r="D31840" s="6"/>
      <c r="E31840" s="6" t="s">
        <v>9</v>
      </c>
      <c r="F31840" s="7">
        <v>33695</v>
      </c>
      <c r="G31840" s="8">
        <v>2694600</v>
      </c>
      <c r="H31840" s="8">
        <v>1</v>
      </c>
      <c r="I31840" s="8">
        <v>2694599</v>
      </c>
      <c r="J31840" s="8">
        <v>1</v>
      </c>
      <c r="K31840" s="9"/>
      <c r="L31840" s="6"/>
    </row>
    <row r="31841" spans="1:12">
      <c r="A31841" s="6" t="s">
        <v>33096</v>
      </c>
      <c r="B31841" s="6"/>
      <c r="C31841" s="6" t="s">
        <v>32230</v>
      </c>
      <c r="D31841" s="6"/>
      <c r="E31841" s="6" t="s">
        <v>9</v>
      </c>
      <c r="F31841" s="7">
        <v>33695</v>
      </c>
      <c r="G31841" s="8">
        <v>1266300</v>
      </c>
      <c r="H31841" s="8">
        <v>1</v>
      </c>
      <c r="I31841" s="8">
        <v>1266299</v>
      </c>
      <c r="J31841" s="8">
        <v>1</v>
      </c>
      <c r="K31841" s="9"/>
      <c r="L31841" s="6"/>
    </row>
    <row r="31842" spans="1:12">
      <c r="A31842" s="6" t="s">
        <v>33096</v>
      </c>
      <c r="B31842" s="6"/>
      <c r="C31842" s="6" t="s">
        <v>32230</v>
      </c>
      <c r="D31842" s="6"/>
      <c r="E31842" s="6" t="s">
        <v>9</v>
      </c>
      <c r="F31842" s="7">
        <v>33695</v>
      </c>
      <c r="G31842" s="8">
        <v>1706400</v>
      </c>
      <c r="H31842" s="8">
        <v>1</v>
      </c>
      <c r="I31842" s="8">
        <v>1706399</v>
      </c>
      <c r="J31842" s="8">
        <v>1</v>
      </c>
      <c r="K31842" s="9"/>
      <c r="L31842" s="6"/>
    </row>
    <row r="31843" spans="1:12">
      <c r="A31843" s="6" t="s">
        <v>33096</v>
      </c>
      <c r="B31843" s="6"/>
      <c r="C31843" s="6" t="s">
        <v>32230</v>
      </c>
      <c r="D31843" s="6"/>
      <c r="E31843" s="6" t="s">
        <v>9</v>
      </c>
      <c r="F31843" s="7">
        <v>33695</v>
      </c>
      <c r="G31843" s="8">
        <v>1987200</v>
      </c>
      <c r="H31843" s="8">
        <v>1</v>
      </c>
      <c r="I31843" s="8">
        <v>1987199</v>
      </c>
      <c r="J31843" s="8">
        <v>1</v>
      </c>
      <c r="K31843" s="9"/>
      <c r="L31843" s="6"/>
    </row>
    <row r="31844" spans="1:12">
      <c r="A31844" s="6" t="s">
        <v>33096</v>
      </c>
      <c r="B31844" s="6"/>
      <c r="C31844" s="6" t="s">
        <v>32230</v>
      </c>
      <c r="D31844" s="6"/>
      <c r="E31844" s="6" t="s">
        <v>9</v>
      </c>
      <c r="F31844" s="7">
        <v>32964</v>
      </c>
      <c r="G31844" s="8">
        <v>2227500</v>
      </c>
      <c r="H31844" s="8">
        <v>1</v>
      </c>
      <c r="I31844" s="8">
        <v>2227499</v>
      </c>
      <c r="J31844" s="8">
        <v>1</v>
      </c>
      <c r="K31844" s="9"/>
      <c r="L31844" s="6"/>
    </row>
    <row r="31845" spans="1:12">
      <c r="A31845" s="6" t="s">
        <v>33096</v>
      </c>
      <c r="B31845" s="6"/>
      <c r="C31845" s="6" t="s">
        <v>32230</v>
      </c>
      <c r="D31845" s="6"/>
      <c r="E31845" s="6" t="s">
        <v>9</v>
      </c>
      <c r="F31845" s="7">
        <v>32964</v>
      </c>
      <c r="G31845" s="8">
        <v>2934900</v>
      </c>
      <c r="H31845" s="8">
        <v>1</v>
      </c>
      <c r="I31845" s="8">
        <v>2934899</v>
      </c>
      <c r="J31845" s="8">
        <v>1</v>
      </c>
      <c r="K31845" s="9"/>
      <c r="L31845" s="6"/>
    </row>
    <row r="31846" spans="1:12">
      <c r="A31846" s="6" t="s">
        <v>33096</v>
      </c>
      <c r="B31846" s="6"/>
      <c r="C31846" s="6" t="s">
        <v>32230</v>
      </c>
      <c r="D31846" s="6"/>
      <c r="E31846" s="6" t="s">
        <v>9</v>
      </c>
      <c r="F31846" s="7">
        <v>32964</v>
      </c>
      <c r="G31846" s="8">
        <v>2092500</v>
      </c>
      <c r="H31846" s="8">
        <v>1</v>
      </c>
      <c r="I31846" s="8">
        <v>2092499</v>
      </c>
      <c r="J31846" s="8">
        <v>1</v>
      </c>
      <c r="K31846" s="9"/>
      <c r="L31846" s="6"/>
    </row>
    <row r="31847" spans="1:12">
      <c r="A31847" s="6" t="s">
        <v>33096</v>
      </c>
      <c r="B31847" s="6"/>
      <c r="C31847" s="6" t="s">
        <v>32230</v>
      </c>
      <c r="D31847" s="6"/>
      <c r="E31847" s="6" t="s">
        <v>9</v>
      </c>
      <c r="F31847" s="7">
        <v>32964</v>
      </c>
      <c r="G31847" s="8">
        <v>3215700</v>
      </c>
      <c r="H31847" s="8">
        <v>1</v>
      </c>
      <c r="I31847" s="8">
        <v>3215699</v>
      </c>
      <c r="J31847" s="8">
        <v>1</v>
      </c>
      <c r="K31847" s="9"/>
      <c r="L31847" s="6"/>
    </row>
    <row r="31848" spans="1:12">
      <c r="A31848" s="6" t="s">
        <v>33096</v>
      </c>
      <c r="B31848" s="6"/>
      <c r="C31848" s="6" t="s">
        <v>32230</v>
      </c>
      <c r="D31848" s="6"/>
      <c r="E31848" s="6" t="s">
        <v>9</v>
      </c>
      <c r="F31848" s="7">
        <v>32964</v>
      </c>
      <c r="G31848" s="8">
        <v>4590000</v>
      </c>
      <c r="H31848" s="8">
        <v>1</v>
      </c>
      <c r="I31848" s="8">
        <v>4589999</v>
      </c>
      <c r="J31848" s="8">
        <v>1</v>
      </c>
      <c r="K31848" s="9"/>
      <c r="L31848" s="6"/>
    </row>
    <row r="31849" spans="1:12">
      <c r="A31849" s="6" t="s">
        <v>33096</v>
      </c>
      <c r="B31849" s="6"/>
      <c r="C31849" s="6" t="s">
        <v>32230</v>
      </c>
      <c r="D31849" s="6"/>
      <c r="E31849" s="6" t="s">
        <v>9</v>
      </c>
      <c r="F31849" s="7">
        <v>32964</v>
      </c>
      <c r="G31849" s="8">
        <v>2551500</v>
      </c>
      <c r="H31849" s="8">
        <v>1</v>
      </c>
      <c r="I31849" s="8">
        <v>2551499</v>
      </c>
      <c r="J31849" s="8">
        <v>1</v>
      </c>
      <c r="K31849" s="9"/>
      <c r="L31849" s="6"/>
    </row>
    <row r="31850" spans="1:12">
      <c r="A31850" s="6" t="s">
        <v>33097</v>
      </c>
      <c r="B31850" s="6"/>
      <c r="C31850" s="6" t="s">
        <v>32230</v>
      </c>
      <c r="D31850" s="6"/>
      <c r="E31850" s="6" t="s">
        <v>9</v>
      </c>
      <c r="F31850" s="7">
        <v>32964</v>
      </c>
      <c r="G31850" s="8">
        <v>1</v>
      </c>
      <c r="H31850" s="8">
        <v>1</v>
      </c>
      <c r="I31850" s="8">
        <v>0</v>
      </c>
      <c r="J31850" s="8">
        <v>1</v>
      </c>
      <c r="K31850" s="9"/>
      <c r="L31850" s="6"/>
    </row>
    <row r="31851" spans="1:12">
      <c r="A31851" s="6" t="s">
        <v>33096</v>
      </c>
      <c r="B31851" s="6"/>
      <c r="C31851" s="6" t="s">
        <v>32230</v>
      </c>
      <c r="D31851" s="6"/>
      <c r="E31851" s="6" t="s">
        <v>9</v>
      </c>
      <c r="F31851" s="7">
        <v>33695</v>
      </c>
      <c r="G31851" s="8">
        <v>4630500</v>
      </c>
      <c r="H31851" s="8">
        <v>1</v>
      </c>
      <c r="I31851" s="8">
        <v>4630499</v>
      </c>
      <c r="J31851" s="8">
        <v>1</v>
      </c>
      <c r="K31851" s="9"/>
      <c r="L31851" s="6"/>
    </row>
    <row r="31852" spans="1:12">
      <c r="A31852" s="6" t="s">
        <v>33097</v>
      </c>
      <c r="B31852" s="6"/>
      <c r="C31852" s="6" t="s">
        <v>32230</v>
      </c>
      <c r="D31852" s="6"/>
      <c r="E31852" s="6" t="s">
        <v>9</v>
      </c>
      <c r="F31852" s="7">
        <v>40795</v>
      </c>
      <c r="G31852" s="8">
        <v>1123500</v>
      </c>
      <c r="H31852" s="8">
        <v>526926</v>
      </c>
      <c r="I31852" s="8">
        <v>662860</v>
      </c>
      <c r="J31852" s="8">
        <v>460640</v>
      </c>
      <c r="K31852" s="9"/>
      <c r="L31852" s="6"/>
    </row>
    <row r="31853" spans="1:12">
      <c r="A31853" s="6" t="s">
        <v>33120</v>
      </c>
      <c r="B31853" s="6"/>
      <c r="C31853" s="6" t="s">
        <v>32230</v>
      </c>
      <c r="D31853" s="6"/>
      <c r="E31853" s="6" t="s">
        <v>9</v>
      </c>
      <c r="F31853" s="7">
        <v>43472</v>
      </c>
      <c r="G31853" s="8">
        <v>1609200</v>
      </c>
      <c r="H31853" s="8">
        <v>1393568</v>
      </c>
      <c r="I31853" s="8">
        <v>323448</v>
      </c>
      <c r="J31853" s="8">
        <v>1285752</v>
      </c>
      <c r="K31853" s="9"/>
      <c r="L31853" s="6"/>
    </row>
    <row r="31854" spans="1:12">
      <c r="A31854" s="6" t="s">
        <v>33096</v>
      </c>
      <c r="B31854" s="6"/>
      <c r="C31854" s="6" t="s">
        <v>32230</v>
      </c>
      <c r="D31854" s="6"/>
      <c r="E31854" s="6" t="s">
        <v>9</v>
      </c>
      <c r="F31854" s="7">
        <v>33695</v>
      </c>
      <c r="G31854" s="8">
        <v>5869800</v>
      </c>
      <c r="H31854" s="8">
        <v>1</v>
      </c>
      <c r="I31854" s="8">
        <v>5869799</v>
      </c>
      <c r="J31854" s="8">
        <v>1</v>
      </c>
      <c r="K31854" s="9"/>
      <c r="L31854" s="6"/>
    </row>
    <row r="31855" spans="1:12">
      <c r="A31855" s="6" t="s">
        <v>33096</v>
      </c>
      <c r="B31855" s="6"/>
      <c r="C31855" s="6" t="s">
        <v>32230</v>
      </c>
      <c r="D31855" s="6"/>
      <c r="E31855" s="6" t="s">
        <v>9</v>
      </c>
      <c r="F31855" s="7">
        <v>33695</v>
      </c>
      <c r="G31855" s="8">
        <v>3067200</v>
      </c>
      <c r="H31855" s="8">
        <v>1</v>
      </c>
      <c r="I31855" s="8">
        <v>3067199</v>
      </c>
      <c r="J31855" s="8">
        <v>1</v>
      </c>
      <c r="K31855" s="9"/>
      <c r="L31855" s="6"/>
    </row>
    <row r="31856" spans="1:12">
      <c r="A31856" s="6" t="s">
        <v>33096</v>
      </c>
      <c r="B31856" s="6"/>
      <c r="C31856" s="6" t="s">
        <v>32230</v>
      </c>
      <c r="D31856" s="6"/>
      <c r="E31856" s="6" t="s">
        <v>9</v>
      </c>
      <c r="F31856" s="7">
        <v>33695</v>
      </c>
      <c r="G31856" s="8">
        <v>2100600</v>
      </c>
      <c r="H31856" s="8">
        <v>1</v>
      </c>
      <c r="I31856" s="8">
        <v>2100599</v>
      </c>
      <c r="J31856" s="8">
        <v>1</v>
      </c>
      <c r="K31856" s="9"/>
      <c r="L31856" s="6"/>
    </row>
    <row r="31857" spans="1:12">
      <c r="A31857" s="6" t="s">
        <v>33096</v>
      </c>
      <c r="B31857" s="6"/>
      <c r="C31857" s="6" t="s">
        <v>32230</v>
      </c>
      <c r="D31857" s="6"/>
      <c r="E31857" s="6" t="s">
        <v>9</v>
      </c>
      <c r="F31857" s="7">
        <v>33695</v>
      </c>
      <c r="G31857" s="8">
        <v>1101600</v>
      </c>
      <c r="H31857" s="8">
        <v>1</v>
      </c>
      <c r="I31857" s="8">
        <v>1101599</v>
      </c>
      <c r="J31857" s="8">
        <v>1</v>
      </c>
      <c r="K31857" s="9"/>
      <c r="L31857" s="6"/>
    </row>
    <row r="31858" spans="1:12">
      <c r="A31858" s="6" t="s">
        <v>33096</v>
      </c>
      <c r="B31858" s="6"/>
      <c r="C31858" s="6" t="s">
        <v>32230</v>
      </c>
      <c r="D31858" s="6"/>
      <c r="E31858" s="6" t="s">
        <v>9</v>
      </c>
      <c r="F31858" s="7">
        <v>33695</v>
      </c>
      <c r="G31858" s="8">
        <v>1350000</v>
      </c>
      <c r="H31858" s="8">
        <v>1</v>
      </c>
      <c r="I31858" s="8">
        <v>1349999</v>
      </c>
      <c r="J31858" s="8">
        <v>1</v>
      </c>
      <c r="K31858" s="9"/>
      <c r="L31858" s="6"/>
    </row>
    <row r="31859" spans="1:12">
      <c r="A31859" s="6" t="s">
        <v>33096</v>
      </c>
      <c r="B31859" s="6"/>
      <c r="C31859" s="6" t="s">
        <v>32230</v>
      </c>
      <c r="D31859" s="6"/>
      <c r="E31859" s="6" t="s">
        <v>9</v>
      </c>
      <c r="F31859" s="7">
        <v>33695</v>
      </c>
      <c r="G31859" s="8">
        <v>4908600</v>
      </c>
      <c r="H31859" s="8">
        <v>1</v>
      </c>
      <c r="I31859" s="8">
        <v>4908599</v>
      </c>
      <c r="J31859" s="8">
        <v>1</v>
      </c>
      <c r="K31859" s="9"/>
      <c r="L31859" s="6"/>
    </row>
    <row r="31860" spans="1:12">
      <c r="A31860" s="6" t="s">
        <v>33096</v>
      </c>
      <c r="B31860" s="6"/>
      <c r="C31860" s="6" t="s">
        <v>32230</v>
      </c>
      <c r="D31860" s="6"/>
      <c r="E31860" s="6" t="s">
        <v>9</v>
      </c>
      <c r="F31860" s="7">
        <v>33695</v>
      </c>
      <c r="G31860" s="8">
        <v>13662000</v>
      </c>
      <c r="H31860" s="8">
        <v>1</v>
      </c>
      <c r="I31860" s="8">
        <v>13661999</v>
      </c>
      <c r="J31860" s="8">
        <v>1</v>
      </c>
      <c r="K31860" s="9"/>
      <c r="L31860" s="6"/>
    </row>
    <row r="31861" spans="1:12">
      <c r="A31861" s="6" t="s">
        <v>33097</v>
      </c>
      <c r="B31861" s="6"/>
      <c r="C31861" s="6" t="s">
        <v>32230</v>
      </c>
      <c r="D31861" s="6"/>
      <c r="E31861" s="6" t="s">
        <v>9</v>
      </c>
      <c r="F31861" s="7">
        <v>33695</v>
      </c>
      <c r="G31861" s="8">
        <v>1</v>
      </c>
      <c r="H31861" s="8">
        <v>1</v>
      </c>
      <c r="I31861" s="8">
        <v>0</v>
      </c>
      <c r="J31861" s="8">
        <v>1</v>
      </c>
      <c r="K31861" s="9"/>
      <c r="L31861" s="6"/>
    </row>
    <row r="31862" spans="1:12">
      <c r="A31862" s="6" t="s">
        <v>33096</v>
      </c>
      <c r="B31862" s="6"/>
      <c r="C31862" s="6" t="s">
        <v>32230</v>
      </c>
      <c r="D31862" s="6"/>
      <c r="E31862" s="6" t="s">
        <v>9</v>
      </c>
      <c r="F31862" s="7">
        <v>33695</v>
      </c>
      <c r="G31862" s="8">
        <v>2357100</v>
      </c>
      <c r="H31862" s="8">
        <v>1</v>
      </c>
      <c r="I31862" s="8">
        <v>2357099</v>
      </c>
      <c r="J31862" s="8">
        <v>1</v>
      </c>
      <c r="K31862" s="9"/>
      <c r="L31862" s="6"/>
    </row>
    <row r="31863" spans="1:12">
      <c r="A31863" s="6" t="s">
        <v>33096</v>
      </c>
      <c r="B31863" s="6"/>
      <c r="C31863" s="6" t="s">
        <v>32230</v>
      </c>
      <c r="D31863" s="6"/>
      <c r="E31863" s="6" t="s">
        <v>9</v>
      </c>
      <c r="F31863" s="7">
        <v>33695</v>
      </c>
      <c r="G31863" s="8">
        <v>6582600</v>
      </c>
      <c r="H31863" s="8">
        <v>1</v>
      </c>
      <c r="I31863" s="8">
        <v>6582599</v>
      </c>
      <c r="J31863" s="8">
        <v>1</v>
      </c>
      <c r="K31863" s="9"/>
      <c r="L31863" s="6"/>
    </row>
    <row r="31864" spans="1:12">
      <c r="A31864" s="6" t="s">
        <v>33096</v>
      </c>
      <c r="B31864" s="6"/>
      <c r="C31864" s="6" t="s">
        <v>32230</v>
      </c>
      <c r="D31864" s="6"/>
      <c r="E31864" s="6" t="s">
        <v>9</v>
      </c>
      <c r="F31864" s="7">
        <v>33695</v>
      </c>
      <c r="G31864" s="8">
        <v>3264300</v>
      </c>
      <c r="H31864" s="8">
        <v>1</v>
      </c>
      <c r="I31864" s="8">
        <v>3264299</v>
      </c>
      <c r="J31864" s="8">
        <v>1</v>
      </c>
      <c r="K31864" s="9"/>
      <c r="L31864" s="6"/>
    </row>
    <row r="31865" spans="1:12">
      <c r="A31865" s="6" t="s">
        <v>33096</v>
      </c>
      <c r="B31865" s="6"/>
      <c r="C31865" s="6" t="s">
        <v>32230</v>
      </c>
      <c r="D31865" s="6"/>
      <c r="E31865" s="6" t="s">
        <v>9</v>
      </c>
      <c r="F31865" s="7">
        <v>33695</v>
      </c>
      <c r="G31865" s="8">
        <v>2724300</v>
      </c>
      <c r="H31865" s="8">
        <v>1</v>
      </c>
      <c r="I31865" s="8">
        <v>2724299</v>
      </c>
      <c r="J31865" s="8">
        <v>1</v>
      </c>
      <c r="K31865" s="9"/>
      <c r="L31865" s="6"/>
    </row>
    <row r="31866" spans="1:12">
      <c r="A31866" s="6" t="s">
        <v>33097</v>
      </c>
      <c r="B31866" s="6"/>
      <c r="C31866" s="6" t="s">
        <v>32230</v>
      </c>
      <c r="D31866" s="6"/>
      <c r="E31866" s="6" t="s">
        <v>9</v>
      </c>
      <c r="F31866" s="7">
        <v>33695</v>
      </c>
      <c r="G31866" s="8">
        <v>1</v>
      </c>
      <c r="H31866" s="8">
        <v>1</v>
      </c>
      <c r="I31866" s="8">
        <v>0</v>
      </c>
      <c r="J31866" s="8">
        <v>1</v>
      </c>
      <c r="K31866" s="9"/>
      <c r="L31866" s="6"/>
    </row>
    <row r="31867" spans="1:12">
      <c r="A31867" s="6" t="s">
        <v>33096</v>
      </c>
      <c r="B31867" s="6"/>
      <c r="C31867" s="6" t="s">
        <v>32230</v>
      </c>
      <c r="D31867" s="6"/>
      <c r="E31867" s="6" t="s">
        <v>9</v>
      </c>
      <c r="F31867" s="7">
        <v>41730</v>
      </c>
      <c r="G31867" s="8">
        <v>5787626</v>
      </c>
      <c r="H31867" s="8">
        <v>3461006</v>
      </c>
      <c r="I31867" s="8">
        <v>2714390</v>
      </c>
      <c r="J31867" s="8">
        <v>3073236</v>
      </c>
      <c r="K31867" s="9"/>
      <c r="L31867" s="6"/>
    </row>
    <row r="31868" spans="1:12">
      <c r="A31868" s="6" t="s">
        <v>33096</v>
      </c>
      <c r="B31868" s="6"/>
      <c r="C31868" s="6" t="s">
        <v>32230</v>
      </c>
      <c r="D31868" s="6"/>
      <c r="E31868" s="6" t="s">
        <v>9</v>
      </c>
      <c r="F31868" s="7">
        <v>41730</v>
      </c>
      <c r="G31868" s="8">
        <v>4959115</v>
      </c>
      <c r="H31868" s="8">
        <v>2965555</v>
      </c>
      <c r="I31868" s="8">
        <v>2325820</v>
      </c>
      <c r="J31868" s="8">
        <v>2633295</v>
      </c>
      <c r="K31868" s="9"/>
      <c r="L31868" s="6"/>
    </row>
    <row r="31869" spans="1:12">
      <c r="A31869" s="6" t="s">
        <v>33096</v>
      </c>
      <c r="B31869" s="6"/>
      <c r="C31869" s="6" t="s">
        <v>32230</v>
      </c>
      <c r="D31869" s="6"/>
      <c r="E31869" s="6" t="s">
        <v>9</v>
      </c>
      <c r="F31869" s="7">
        <v>41730</v>
      </c>
      <c r="G31869" s="8">
        <v>4672323</v>
      </c>
      <c r="H31869" s="8">
        <v>2794053</v>
      </c>
      <c r="I31869" s="8">
        <v>2191315</v>
      </c>
      <c r="J31869" s="8">
        <v>2481008</v>
      </c>
      <c r="K31869" s="9"/>
      <c r="L31869" s="6"/>
    </row>
    <row r="31870" spans="1:12">
      <c r="A31870" s="6" t="s">
        <v>33097</v>
      </c>
      <c r="B31870" s="6"/>
      <c r="C31870" s="6" t="s">
        <v>32230</v>
      </c>
      <c r="D31870" s="6"/>
      <c r="E31870" s="6" t="s">
        <v>9</v>
      </c>
      <c r="F31870" s="7">
        <v>33695</v>
      </c>
      <c r="G31870" s="8">
        <v>1</v>
      </c>
      <c r="H31870" s="8">
        <v>1</v>
      </c>
      <c r="I31870" s="8">
        <v>0</v>
      </c>
      <c r="J31870" s="8">
        <v>1</v>
      </c>
      <c r="K31870" s="9"/>
      <c r="L31870" s="6"/>
    </row>
    <row r="31871" spans="1:12">
      <c r="A31871" s="6" t="s">
        <v>33096</v>
      </c>
      <c r="B31871" s="6"/>
      <c r="C31871" s="6" t="s">
        <v>32230</v>
      </c>
      <c r="D31871" s="6"/>
      <c r="E31871" s="6" t="s">
        <v>9</v>
      </c>
      <c r="F31871" s="7">
        <v>41730</v>
      </c>
      <c r="G31871" s="8">
        <v>4516977</v>
      </c>
      <c r="H31871" s="8">
        <v>2701155</v>
      </c>
      <c r="I31871" s="8">
        <v>2118459</v>
      </c>
      <c r="J31871" s="8">
        <v>2398518</v>
      </c>
      <c r="K31871" s="9"/>
      <c r="L31871" s="6"/>
    </row>
    <row r="31872" spans="1:12">
      <c r="A31872" s="6" t="s">
        <v>33096</v>
      </c>
      <c r="B31872" s="6"/>
      <c r="C31872" s="6" t="s">
        <v>32230</v>
      </c>
      <c r="D31872" s="6"/>
      <c r="E31872" s="6" t="s">
        <v>9</v>
      </c>
      <c r="F31872" s="7">
        <v>41730</v>
      </c>
      <c r="G31872" s="8">
        <v>2557230</v>
      </c>
      <c r="H31872" s="8">
        <v>1529226</v>
      </c>
      <c r="I31872" s="8">
        <v>1199338</v>
      </c>
      <c r="J31872" s="8">
        <v>1357892</v>
      </c>
      <c r="K31872" s="9"/>
      <c r="L31872" s="6"/>
    </row>
    <row r="31873" spans="1:12">
      <c r="A31873" s="6" t="s">
        <v>33096</v>
      </c>
      <c r="B31873" s="6"/>
      <c r="C31873" s="6" t="s">
        <v>32230</v>
      </c>
      <c r="D31873" s="6"/>
      <c r="E31873" s="6" t="s">
        <v>9</v>
      </c>
      <c r="F31873" s="7">
        <v>41730</v>
      </c>
      <c r="G31873" s="8">
        <v>2210690</v>
      </c>
      <c r="H31873" s="8">
        <v>1321994</v>
      </c>
      <c r="I31873" s="8">
        <v>1036812</v>
      </c>
      <c r="J31873" s="8">
        <v>1173878</v>
      </c>
      <c r="K31873" s="9"/>
      <c r="L31873" s="6"/>
    </row>
    <row r="31874" spans="1:12">
      <c r="A31874" s="6" t="s">
        <v>33096</v>
      </c>
      <c r="B31874" s="6"/>
      <c r="C31874" s="6" t="s">
        <v>32230</v>
      </c>
      <c r="D31874" s="6"/>
      <c r="E31874" s="6" t="s">
        <v>9</v>
      </c>
      <c r="F31874" s="7">
        <v>41730</v>
      </c>
      <c r="G31874" s="8">
        <v>3517187</v>
      </c>
      <c r="H31874" s="8">
        <v>2103281</v>
      </c>
      <c r="I31874" s="8">
        <v>1649557</v>
      </c>
      <c r="J31874" s="8">
        <v>1867630</v>
      </c>
      <c r="K31874" s="9"/>
      <c r="L31874" s="6"/>
    </row>
    <row r="31875" spans="1:12">
      <c r="A31875" s="6" t="s">
        <v>33096</v>
      </c>
      <c r="B31875" s="6"/>
      <c r="C31875" s="6" t="s">
        <v>32230</v>
      </c>
      <c r="D31875" s="6"/>
      <c r="E31875" s="6" t="s">
        <v>9</v>
      </c>
      <c r="F31875" s="7">
        <v>41730</v>
      </c>
      <c r="G31875" s="8">
        <v>6042552</v>
      </c>
      <c r="H31875" s="8">
        <v>3613452</v>
      </c>
      <c r="I31875" s="8">
        <v>2833950</v>
      </c>
      <c r="J31875" s="8">
        <v>3208602</v>
      </c>
      <c r="K31875" s="9"/>
      <c r="L31875" s="6"/>
    </row>
    <row r="31876" spans="1:12">
      <c r="A31876" s="6" t="s">
        <v>33096</v>
      </c>
      <c r="B31876" s="6"/>
      <c r="C31876" s="6" t="s">
        <v>32230</v>
      </c>
      <c r="D31876" s="6"/>
      <c r="E31876" s="6" t="s">
        <v>9</v>
      </c>
      <c r="F31876" s="7">
        <v>41730</v>
      </c>
      <c r="G31876" s="8">
        <v>10029761</v>
      </c>
      <c r="H31876" s="8">
        <v>5997803</v>
      </c>
      <c r="I31876" s="8">
        <v>4703951</v>
      </c>
      <c r="J31876" s="8">
        <v>5325810</v>
      </c>
      <c r="K31876" s="9"/>
      <c r="L31876" s="6"/>
    </row>
    <row r="31877" spans="1:12">
      <c r="A31877" s="6" t="s">
        <v>33096</v>
      </c>
      <c r="B31877" s="6"/>
      <c r="C31877" s="6" t="s">
        <v>32230</v>
      </c>
      <c r="D31877" s="6"/>
      <c r="E31877" s="6" t="s">
        <v>9</v>
      </c>
      <c r="F31877" s="7">
        <v>41730</v>
      </c>
      <c r="G31877" s="8">
        <v>10635211</v>
      </c>
      <c r="H31877" s="8">
        <v>6359857</v>
      </c>
      <c r="I31877" s="8">
        <v>4987913</v>
      </c>
      <c r="J31877" s="8">
        <v>5647298</v>
      </c>
      <c r="K31877" s="9"/>
      <c r="L31877" s="6"/>
    </row>
    <row r="31878" spans="1:12">
      <c r="A31878" s="6" t="s">
        <v>33096</v>
      </c>
      <c r="B31878" s="6"/>
      <c r="C31878" s="6" t="s">
        <v>32230</v>
      </c>
      <c r="D31878" s="6"/>
      <c r="E31878" s="6" t="s">
        <v>9</v>
      </c>
      <c r="F31878" s="7">
        <v>41730</v>
      </c>
      <c r="G31878" s="8">
        <v>2238572</v>
      </c>
      <c r="H31878" s="8">
        <v>1338668</v>
      </c>
      <c r="I31878" s="8">
        <v>1049888</v>
      </c>
      <c r="J31878" s="8">
        <v>1188684</v>
      </c>
      <c r="K31878" s="9"/>
      <c r="L31878" s="6"/>
    </row>
    <row r="31879" spans="1:12">
      <c r="A31879" s="6" t="s">
        <v>33096</v>
      </c>
      <c r="B31879" s="6"/>
      <c r="C31879" s="6" t="s">
        <v>32230</v>
      </c>
      <c r="D31879" s="6"/>
      <c r="E31879" s="6" t="s">
        <v>9</v>
      </c>
      <c r="F31879" s="7">
        <v>34060</v>
      </c>
      <c r="G31879" s="8">
        <v>17050500</v>
      </c>
      <c r="H31879" s="8">
        <v>1</v>
      </c>
      <c r="I31879" s="8">
        <v>17050499</v>
      </c>
      <c r="J31879" s="8">
        <v>1</v>
      </c>
      <c r="K31879" s="9"/>
      <c r="L31879" s="6"/>
    </row>
    <row r="31880" spans="1:12">
      <c r="A31880" s="6" t="s">
        <v>33096</v>
      </c>
      <c r="B31880" s="6"/>
      <c r="C31880" s="6" t="s">
        <v>32230</v>
      </c>
      <c r="D31880" s="6"/>
      <c r="E31880" s="6" t="s">
        <v>9</v>
      </c>
      <c r="F31880" s="7">
        <v>34060</v>
      </c>
      <c r="G31880" s="8">
        <v>1447200</v>
      </c>
      <c r="H31880" s="8">
        <v>1</v>
      </c>
      <c r="I31880" s="8">
        <v>1447199</v>
      </c>
      <c r="J31880" s="8">
        <v>1</v>
      </c>
      <c r="K31880" s="9"/>
      <c r="L31880" s="6"/>
    </row>
    <row r="31881" spans="1:12">
      <c r="A31881" s="6" t="s">
        <v>33097</v>
      </c>
      <c r="B31881" s="6"/>
      <c r="C31881" s="6" t="s">
        <v>32230</v>
      </c>
      <c r="D31881" s="6"/>
      <c r="E31881" s="6" t="s">
        <v>9</v>
      </c>
      <c r="F31881" s="7">
        <v>34060</v>
      </c>
      <c r="G31881" s="8">
        <v>1</v>
      </c>
      <c r="H31881" s="8">
        <v>1</v>
      </c>
      <c r="I31881" s="8">
        <v>0</v>
      </c>
      <c r="J31881" s="8">
        <v>1</v>
      </c>
      <c r="K31881" s="9"/>
      <c r="L31881" s="6"/>
    </row>
    <row r="31882" spans="1:12">
      <c r="A31882" s="6" t="s">
        <v>33096</v>
      </c>
      <c r="B31882" s="6"/>
      <c r="C31882" s="6" t="s">
        <v>32230</v>
      </c>
      <c r="D31882" s="6"/>
      <c r="E31882" s="6" t="s">
        <v>9</v>
      </c>
      <c r="F31882" s="7">
        <v>34425</v>
      </c>
      <c r="G31882" s="8">
        <v>672300</v>
      </c>
      <c r="H31882" s="8">
        <v>1</v>
      </c>
      <c r="I31882" s="8">
        <v>672299</v>
      </c>
      <c r="J31882" s="8">
        <v>1</v>
      </c>
      <c r="K31882" s="9"/>
      <c r="L31882" s="6"/>
    </row>
    <row r="31883" spans="1:12">
      <c r="A31883" s="6" t="s">
        <v>33096</v>
      </c>
      <c r="B31883" s="6"/>
      <c r="C31883" s="6" t="s">
        <v>32230</v>
      </c>
      <c r="D31883" s="6"/>
      <c r="E31883" s="6" t="s">
        <v>9</v>
      </c>
      <c r="F31883" s="7">
        <v>34425</v>
      </c>
      <c r="G31883" s="8">
        <v>26149500</v>
      </c>
      <c r="H31883" s="8">
        <v>1</v>
      </c>
      <c r="I31883" s="8">
        <v>26149499</v>
      </c>
      <c r="J31883" s="8">
        <v>1</v>
      </c>
      <c r="K31883" s="9"/>
      <c r="L31883" s="6"/>
    </row>
    <row r="31884" spans="1:12">
      <c r="A31884" s="6" t="s">
        <v>33097</v>
      </c>
      <c r="B31884" s="6"/>
      <c r="C31884" s="6" t="s">
        <v>32230</v>
      </c>
      <c r="D31884" s="6"/>
      <c r="E31884" s="6" t="s">
        <v>9</v>
      </c>
      <c r="F31884" s="7">
        <v>34425</v>
      </c>
      <c r="G31884" s="8">
        <v>1</v>
      </c>
      <c r="H31884" s="8">
        <v>1</v>
      </c>
      <c r="I31884" s="8">
        <v>0</v>
      </c>
      <c r="J31884" s="8">
        <v>1</v>
      </c>
      <c r="K31884" s="9"/>
      <c r="L31884" s="6"/>
    </row>
    <row r="31885" spans="1:12">
      <c r="A31885" s="6" t="s">
        <v>33096</v>
      </c>
      <c r="B31885" s="6"/>
      <c r="C31885" s="6" t="s">
        <v>32230</v>
      </c>
      <c r="D31885" s="6"/>
      <c r="E31885" s="6" t="s">
        <v>9</v>
      </c>
      <c r="F31885" s="7">
        <v>34425</v>
      </c>
      <c r="G31885" s="8">
        <v>17236800</v>
      </c>
      <c r="H31885" s="8">
        <v>1</v>
      </c>
      <c r="I31885" s="8">
        <v>17236799</v>
      </c>
      <c r="J31885" s="8">
        <v>1</v>
      </c>
      <c r="K31885" s="9"/>
      <c r="L31885" s="6"/>
    </row>
    <row r="31886" spans="1:12">
      <c r="A31886" s="6" t="s">
        <v>33097</v>
      </c>
      <c r="B31886" s="6"/>
      <c r="C31886" s="6" t="s">
        <v>32230</v>
      </c>
      <c r="D31886" s="6"/>
      <c r="E31886" s="6" t="s">
        <v>9</v>
      </c>
      <c r="F31886" s="7">
        <v>34425</v>
      </c>
      <c r="G31886" s="8">
        <v>1</v>
      </c>
      <c r="H31886" s="8">
        <v>1</v>
      </c>
      <c r="I31886" s="8">
        <v>0</v>
      </c>
      <c r="J31886" s="8">
        <v>1</v>
      </c>
      <c r="K31886" s="9"/>
      <c r="L31886" s="6"/>
    </row>
    <row r="31887" spans="1:12">
      <c r="A31887" s="6" t="s">
        <v>33096</v>
      </c>
      <c r="B31887" s="6"/>
      <c r="C31887" s="6" t="s">
        <v>32230</v>
      </c>
      <c r="D31887" s="6"/>
      <c r="E31887" s="6" t="s">
        <v>9</v>
      </c>
      <c r="F31887" s="7">
        <v>35886</v>
      </c>
      <c r="G31887" s="8">
        <v>1690200</v>
      </c>
      <c r="H31887" s="8">
        <v>1</v>
      </c>
      <c r="I31887" s="8">
        <v>1690199</v>
      </c>
      <c r="J31887" s="8">
        <v>1</v>
      </c>
      <c r="K31887" s="9"/>
      <c r="L31887" s="6"/>
    </row>
    <row r="31888" spans="1:12">
      <c r="A31888" s="6" t="s">
        <v>33097</v>
      </c>
      <c r="B31888" s="6"/>
      <c r="C31888" s="6" t="s">
        <v>32230</v>
      </c>
      <c r="D31888" s="6"/>
      <c r="E31888" s="6" t="s">
        <v>9</v>
      </c>
      <c r="F31888" s="7">
        <v>40890</v>
      </c>
      <c r="G31888" s="8">
        <v>18732000</v>
      </c>
      <c r="H31888" s="8">
        <v>8785308</v>
      </c>
      <c r="I31888" s="8">
        <v>11051880</v>
      </c>
      <c r="J31888" s="8">
        <v>7680120</v>
      </c>
      <c r="K31888" s="9"/>
      <c r="L31888" s="6"/>
    </row>
    <row r="31889" spans="1:12">
      <c r="A31889" s="6" t="s">
        <v>33096</v>
      </c>
      <c r="B31889" s="6"/>
      <c r="C31889" s="6" t="s">
        <v>32230</v>
      </c>
      <c r="D31889" s="6"/>
      <c r="E31889" s="6" t="s">
        <v>9</v>
      </c>
      <c r="F31889" s="7">
        <v>35886</v>
      </c>
      <c r="G31889" s="8">
        <v>4136400</v>
      </c>
      <c r="H31889" s="8">
        <v>1</v>
      </c>
      <c r="I31889" s="8">
        <v>4136399</v>
      </c>
      <c r="J31889" s="8">
        <v>1</v>
      </c>
      <c r="K31889" s="9"/>
      <c r="L31889" s="6"/>
    </row>
    <row r="31890" spans="1:12">
      <c r="A31890" s="6" t="s">
        <v>33096</v>
      </c>
      <c r="B31890" s="6"/>
      <c r="C31890" s="6" t="s">
        <v>32230</v>
      </c>
      <c r="D31890" s="6"/>
      <c r="E31890" s="6" t="s">
        <v>9</v>
      </c>
      <c r="F31890" s="7">
        <v>35886</v>
      </c>
      <c r="G31890" s="8">
        <v>7516800</v>
      </c>
      <c r="H31890" s="8">
        <v>1</v>
      </c>
      <c r="I31890" s="8">
        <v>7516799</v>
      </c>
      <c r="J31890" s="8">
        <v>1</v>
      </c>
      <c r="K31890" s="9"/>
      <c r="L31890" s="6"/>
    </row>
    <row r="31891" spans="1:12">
      <c r="A31891" s="6" t="s">
        <v>33096</v>
      </c>
      <c r="B31891" s="6"/>
      <c r="C31891" s="6" t="s">
        <v>32230</v>
      </c>
      <c r="D31891" s="6"/>
      <c r="E31891" s="6" t="s">
        <v>9</v>
      </c>
      <c r="F31891" s="7">
        <v>35886</v>
      </c>
      <c r="G31891" s="8">
        <v>10125000</v>
      </c>
      <c r="H31891" s="8">
        <v>1</v>
      </c>
      <c r="I31891" s="8">
        <v>10124999</v>
      </c>
      <c r="J31891" s="8">
        <v>1</v>
      </c>
      <c r="K31891" s="9"/>
      <c r="L31891" s="6"/>
    </row>
    <row r="31892" spans="1:12">
      <c r="A31892" s="6" t="s">
        <v>33096</v>
      </c>
      <c r="B31892" s="6"/>
      <c r="C31892" s="6" t="s">
        <v>32230</v>
      </c>
      <c r="D31892" s="6"/>
      <c r="E31892" s="6" t="s">
        <v>9</v>
      </c>
      <c r="F31892" s="7">
        <v>35886</v>
      </c>
      <c r="G31892" s="8">
        <v>3369600</v>
      </c>
      <c r="H31892" s="8">
        <v>1</v>
      </c>
      <c r="I31892" s="8">
        <v>3369599</v>
      </c>
      <c r="J31892" s="8">
        <v>1</v>
      </c>
      <c r="K31892" s="9"/>
      <c r="L31892" s="6"/>
    </row>
    <row r="31893" spans="1:12">
      <c r="A31893" s="6" t="s">
        <v>33096</v>
      </c>
      <c r="B31893" s="6"/>
      <c r="C31893" s="6" t="s">
        <v>32230</v>
      </c>
      <c r="D31893" s="6"/>
      <c r="E31893" s="6" t="s">
        <v>9</v>
      </c>
      <c r="F31893" s="7">
        <v>35886</v>
      </c>
      <c r="G31893" s="8">
        <v>1557900</v>
      </c>
      <c r="H31893" s="8">
        <v>1</v>
      </c>
      <c r="I31893" s="8">
        <v>1557899</v>
      </c>
      <c r="J31893" s="8">
        <v>1</v>
      </c>
      <c r="K31893" s="9"/>
      <c r="L31893" s="6"/>
    </row>
    <row r="31894" spans="1:12">
      <c r="A31894" s="6" t="s">
        <v>33096</v>
      </c>
      <c r="B31894" s="6"/>
      <c r="C31894" s="6" t="s">
        <v>32230</v>
      </c>
      <c r="D31894" s="6"/>
      <c r="E31894" s="6" t="s">
        <v>9</v>
      </c>
      <c r="F31894" s="7">
        <v>35886</v>
      </c>
      <c r="G31894" s="8">
        <v>1760400</v>
      </c>
      <c r="H31894" s="8">
        <v>1</v>
      </c>
      <c r="I31894" s="8">
        <v>1760399</v>
      </c>
      <c r="J31894" s="8">
        <v>1</v>
      </c>
      <c r="K31894" s="9"/>
      <c r="L31894" s="6"/>
    </row>
    <row r="31895" spans="1:12">
      <c r="A31895" s="6" t="s">
        <v>33096</v>
      </c>
      <c r="B31895" s="6"/>
      <c r="C31895" s="6" t="s">
        <v>32230</v>
      </c>
      <c r="D31895" s="6"/>
      <c r="E31895" s="6" t="s">
        <v>9</v>
      </c>
      <c r="F31895" s="7">
        <v>35886</v>
      </c>
      <c r="G31895" s="8">
        <v>1895400</v>
      </c>
      <c r="H31895" s="8">
        <v>1</v>
      </c>
      <c r="I31895" s="8">
        <v>1895399</v>
      </c>
      <c r="J31895" s="8">
        <v>1</v>
      </c>
      <c r="K31895" s="9"/>
      <c r="L31895" s="6"/>
    </row>
    <row r="31896" spans="1:12">
      <c r="A31896" s="6" t="s">
        <v>33096</v>
      </c>
      <c r="B31896" s="6"/>
      <c r="C31896" s="6" t="s">
        <v>32230</v>
      </c>
      <c r="D31896" s="6"/>
      <c r="E31896" s="6" t="s">
        <v>9</v>
      </c>
      <c r="F31896" s="7">
        <v>35886</v>
      </c>
      <c r="G31896" s="8">
        <v>1333800</v>
      </c>
      <c r="H31896" s="8">
        <v>1</v>
      </c>
      <c r="I31896" s="8">
        <v>1333799</v>
      </c>
      <c r="J31896" s="8">
        <v>1</v>
      </c>
      <c r="K31896" s="9"/>
      <c r="L31896" s="6"/>
    </row>
    <row r="31897" spans="1:12">
      <c r="A31897" s="6" t="s">
        <v>33096</v>
      </c>
      <c r="B31897" s="6"/>
      <c r="C31897" s="6" t="s">
        <v>32230</v>
      </c>
      <c r="D31897" s="6"/>
      <c r="E31897" s="6" t="s">
        <v>9</v>
      </c>
      <c r="F31897" s="7">
        <v>35886</v>
      </c>
      <c r="G31897" s="8">
        <v>434700</v>
      </c>
      <c r="H31897" s="8">
        <v>1</v>
      </c>
      <c r="I31897" s="8">
        <v>434699</v>
      </c>
      <c r="J31897" s="8">
        <v>1</v>
      </c>
      <c r="K31897" s="9"/>
      <c r="L31897" s="6"/>
    </row>
    <row r="31898" spans="1:12">
      <c r="A31898" s="6" t="s">
        <v>33096</v>
      </c>
      <c r="B31898" s="6"/>
      <c r="C31898" s="6" t="s">
        <v>32230</v>
      </c>
      <c r="D31898" s="6"/>
      <c r="E31898" s="6" t="s">
        <v>9</v>
      </c>
      <c r="F31898" s="7">
        <v>35886</v>
      </c>
      <c r="G31898" s="8">
        <v>5896800</v>
      </c>
      <c r="H31898" s="8">
        <v>1</v>
      </c>
      <c r="I31898" s="8">
        <v>5896799</v>
      </c>
      <c r="J31898" s="8">
        <v>1</v>
      </c>
      <c r="K31898" s="9"/>
      <c r="L31898" s="6"/>
    </row>
    <row r="31899" spans="1:12">
      <c r="A31899" s="6" t="s">
        <v>33096</v>
      </c>
      <c r="B31899" s="6"/>
      <c r="C31899" s="6" t="s">
        <v>32230</v>
      </c>
      <c r="D31899" s="6"/>
      <c r="E31899" s="6" t="s">
        <v>9</v>
      </c>
      <c r="F31899" s="7">
        <v>35886</v>
      </c>
      <c r="G31899" s="8">
        <v>4382100</v>
      </c>
      <c r="H31899" s="8">
        <v>1</v>
      </c>
      <c r="I31899" s="8">
        <v>4382099</v>
      </c>
      <c r="J31899" s="8">
        <v>1</v>
      </c>
      <c r="K31899" s="9"/>
      <c r="L31899" s="6"/>
    </row>
    <row r="31900" spans="1:12">
      <c r="A31900" s="6" t="s">
        <v>33096</v>
      </c>
      <c r="B31900" s="6"/>
      <c r="C31900" s="6" t="s">
        <v>32230</v>
      </c>
      <c r="D31900" s="6"/>
      <c r="E31900" s="6" t="s">
        <v>9</v>
      </c>
      <c r="F31900" s="7">
        <v>35886</v>
      </c>
      <c r="G31900" s="8">
        <v>7130700</v>
      </c>
      <c r="H31900" s="8">
        <v>1</v>
      </c>
      <c r="I31900" s="8">
        <v>7130699</v>
      </c>
      <c r="J31900" s="8">
        <v>1</v>
      </c>
      <c r="K31900" s="9"/>
      <c r="L31900" s="6"/>
    </row>
    <row r="31901" spans="1:12">
      <c r="A31901" s="6" t="s">
        <v>33097</v>
      </c>
      <c r="B31901" s="6"/>
      <c r="C31901" s="6" t="s">
        <v>32230</v>
      </c>
      <c r="D31901" s="6"/>
      <c r="E31901" s="6" t="s">
        <v>9</v>
      </c>
      <c r="F31901" s="7">
        <v>35886</v>
      </c>
      <c r="G31901" s="8">
        <v>1</v>
      </c>
      <c r="H31901" s="8">
        <v>1</v>
      </c>
      <c r="I31901" s="8">
        <v>0</v>
      </c>
      <c r="J31901" s="8">
        <v>1</v>
      </c>
      <c r="K31901" s="9"/>
      <c r="L31901" s="6"/>
    </row>
    <row r="31902" spans="1:12">
      <c r="A31902" s="6" t="s">
        <v>33121</v>
      </c>
      <c r="B31902" s="6"/>
      <c r="C31902" s="6" t="s">
        <v>32230</v>
      </c>
      <c r="D31902" s="6"/>
      <c r="E31902" s="6" t="s">
        <v>9</v>
      </c>
      <c r="F31902" s="7">
        <v>43136</v>
      </c>
      <c r="G31902" s="8">
        <v>5700240</v>
      </c>
      <c r="H31902" s="8">
        <v>3990168</v>
      </c>
      <c r="I31902" s="8">
        <v>2280096</v>
      </c>
      <c r="J31902" s="8">
        <v>3420144</v>
      </c>
      <c r="K31902" s="9"/>
      <c r="L31902" s="6"/>
    </row>
    <row r="31903" spans="1:12">
      <c r="A31903" s="6" t="s">
        <v>33122</v>
      </c>
      <c r="B31903" s="6"/>
      <c r="C31903" s="6" t="s">
        <v>32230</v>
      </c>
      <c r="D31903" s="6"/>
      <c r="E31903" s="6" t="s">
        <v>9</v>
      </c>
      <c r="F31903" s="7">
        <v>43529</v>
      </c>
      <c r="G31903" s="8">
        <v>1404000</v>
      </c>
      <c r="H31903" s="8">
        <v>1238328</v>
      </c>
      <c r="I31903" s="8">
        <v>248508</v>
      </c>
      <c r="J31903" s="8">
        <v>1155492</v>
      </c>
      <c r="K31903" s="9"/>
      <c r="L31903" s="6"/>
    </row>
    <row r="31904" spans="1:12">
      <c r="A31904" s="6" t="s">
        <v>33096</v>
      </c>
      <c r="B31904" s="6"/>
      <c r="C31904" s="6" t="s">
        <v>32230</v>
      </c>
      <c r="D31904" s="6"/>
      <c r="E31904" s="6" t="s">
        <v>9</v>
      </c>
      <c r="F31904" s="7">
        <v>36251</v>
      </c>
      <c r="G31904" s="8">
        <v>10513800</v>
      </c>
      <c r="H31904" s="8">
        <v>1</v>
      </c>
      <c r="I31904" s="8">
        <v>10513799</v>
      </c>
      <c r="J31904" s="8">
        <v>1</v>
      </c>
      <c r="K31904" s="9"/>
      <c r="L31904" s="6"/>
    </row>
    <row r="31905" spans="1:12">
      <c r="A31905" s="6" t="s">
        <v>33096</v>
      </c>
      <c r="B31905" s="6"/>
      <c r="C31905" s="6" t="s">
        <v>32230</v>
      </c>
      <c r="D31905" s="6"/>
      <c r="E31905" s="6" t="s">
        <v>9</v>
      </c>
      <c r="F31905" s="7">
        <v>36251</v>
      </c>
      <c r="G31905" s="8">
        <v>13856400</v>
      </c>
      <c r="H31905" s="8">
        <v>1</v>
      </c>
      <c r="I31905" s="8">
        <v>13856399</v>
      </c>
      <c r="J31905" s="8">
        <v>1</v>
      </c>
      <c r="K31905" s="9"/>
      <c r="L31905" s="6"/>
    </row>
    <row r="31906" spans="1:12">
      <c r="A31906" s="6" t="s">
        <v>33096</v>
      </c>
      <c r="B31906" s="6"/>
      <c r="C31906" s="6" t="s">
        <v>32230</v>
      </c>
      <c r="D31906" s="6"/>
      <c r="E31906" s="6" t="s">
        <v>9</v>
      </c>
      <c r="F31906" s="7">
        <v>36251</v>
      </c>
      <c r="G31906" s="8">
        <v>1798200</v>
      </c>
      <c r="H31906" s="8">
        <v>1</v>
      </c>
      <c r="I31906" s="8">
        <v>1798199</v>
      </c>
      <c r="J31906" s="8">
        <v>1</v>
      </c>
      <c r="K31906" s="9"/>
      <c r="L31906" s="6"/>
    </row>
    <row r="31907" spans="1:12">
      <c r="A31907" s="6" t="s">
        <v>33097</v>
      </c>
      <c r="B31907" s="6"/>
      <c r="C31907" s="6" t="s">
        <v>32230</v>
      </c>
      <c r="D31907" s="6"/>
      <c r="E31907" s="6" t="s">
        <v>9</v>
      </c>
      <c r="F31907" s="7">
        <v>40514</v>
      </c>
      <c r="G31907" s="8">
        <v>11670750</v>
      </c>
      <c r="H31907" s="8">
        <v>4785010</v>
      </c>
      <c r="I31907" s="8">
        <v>7574314</v>
      </c>
      <c r="J31907" s="8">
        <v>4096436</v>
      </c>
      <c r="K31907" s="9"/>
      <c r="L31907" s="6"/>
    </row>
    <row r="31908" spans="1:12">
      <c r="A31908" s="6" t="s">
        <v>33097</v>
      </c>
      <c r="B31908" s="6"/>
      <c r="C31908" s="6" t="s">
        <v>32230</v>
      </c>
      <c r="D31908" s="6"/>
      <c r="E31908" s="6" t="s">
        <v>9</v>
      </c>
      <c r="F31908" s="7">
        <v>40619</v>
      </c>
      <c r="G31908" s="8">
        <v>3759000</v>
      </c>
      <c r="H31908" s="8">
        <v>1541190</v>
      </c>
      <c r="I31908" s="8">
        <v>2439591</v>
      </c>
      <c r="J31908" s="8">
        <v>1319409</v>
      </c>
      <c r="K31908" s="9"/>
      <c r="L31908" s="6"/>
    </row>
    <row r="31909" spans="1:12">
      <c r="A31909" s="6" t="s">
        <v>33096</v>
      </c>
      <c r="B31909" s="6"/>
      <c r="C31909" s="6" t="s">
        <v>32230</v>
      </c>
      <c r="D31909" s="6"/>
      <c r="E31909" s="6" t="s">
        <v>9</v>
      </c>
      <c r="F31909" s="7">
        <v>36251</v>
      </c>
      <c r="G31909" s="8">
        <v>18891900</v>
      </c>
      <c r="H31909" s="8">
        <v>1</v>
      </c>
      <c r="I31909" s="8">
        <v>18891899</v>
      </c>
      <c r="J31909" s="8">
        <v>1</v>
      </c>
      <c r="K31909" s="9"/>
      <c r="L31909" s="6"/>
    </row>
    <row r="31910" spans="1:12">
      <c r="A31910" s="6" t="s">
        <v>33096</v>
      </c>
      <c r="B31910" s="6"/>
      <c r="C31910" s="6" t="s">
        <v>32230</v>
      </c>
      <c r="D31910" s="6"/>
      <c r="E31910" s="6" t="s">
        <v>9</v>
      </c>
      <c r="F31910" s="7">
        <v>36251</v>
      </c>
      <c r="G31910" s="8">
        <v>6920100</v>
      </c>
      <c r="H31910" s="8">
        <v>1</v>
      </c>
      <c r="I31910" s="8">
        <v>6920099</v>
      </c>
      <c r="J31910" s="8">
        <v>1</v>
      </c>
      <c r="K31910" s="9"/>
      <c r="L31910" s="6"/>
    </row>
    <row r="31911" spans="1:12">
      <c r="A31911" s="6" t="s">
        <v>33096</v>
      </c>
      <c r="B31911" s="6"/>
      <c r="C31911" s="6" t="s">
        <v>32230</v>
      </c>
      <c r="D31911" s="6"/>
      <c r="E31911" s="6" t="s">
        <v>9</v>
      </c>
      <c r="F31911" s="7">
        <v>36251</v>
      </c>
      <c r="G31911" s="8">
        <v>602100</v>
      </c>
      <c r="H31911" s="8">
        <v>1</v>
      </c>
      <c r="I31911" s="8">
        <v>602099</v>
      </c>
      <c r="J31911" s="8">
        <v>1</v>
      </c>
      <c r="K31911" s="9"/>
      <c r="L31911" s="6"/>
    </row>
    <row r="31912" spans="1:12">
      <c r="A31912" s="6" t="s">
        <v>33096</v>
      </c>
      <c r="B31912" s="6"/>
      <c r="C31912" s="6" t="s">
        <v>32230</v>
      </c>
      <c r="D31912" s="6"/>
      <c r="E31912" s="6" t="s">
        <v>9</v>
      </c>
      <c r="F31912" s="7">
        <v>36251</v>
      </c>
      <c r="G31912" s="8">
        <v>3348000</v>
      </c>
      <c r="H31912" s="8">
        <v>1</v>
      </c>
      <c r="I31912" s="8">
        <v>3347999</v>
      </c>
      <c r="J31912" s="8">
        <v>1</v>
      </c>
      <c r="K31912" s="9"/>
      <c r="L31912" s="6"/>
    </row>
    <row r="31913" spans="1:12">
      <c r="A31913" s="6" t="s">
        <v>33096</v>
      </c>
      <c r="B31913" s="6"/>
      <c r="C31913" s="6" t="s">
        <v>32230</v>
      </c>
      <c r="D31913" s="6"/>
      <c r="E31913" s="6" t="s">
        <v>9</v>
      </c>
      <c r="F31913" s="7">
        <v>36251</v>
      </c>
      <c r="G31913" s="8">
        <v>1641600</v>
      </c>
      <c r="H31913" s="8">
        <v>1</v>
      </c>
      <c r="I31913" s="8">
        <v>1641599</v>
      </c>
      <c r="J31913" s="8">
        <v>1</v>
      </c>
      <c r="K31913" s="9"/>
      <c r="L31913" s="6"/>
    </row>
    <row r="31914" spans="1:12">
      <c r="A31914" s="6" t="s">
        <v>33096</v>
      </c>
      <c r="B31914" s="6"/>
      <c r="C31914" s="6" t="s">
        <v>32230</v>
      </c>
      <c r="D31914" s="6"/>
      <c r="E31914" s="6" t="s">
        <v>9</v>
      </c>
      <c r="F31914" s="7">
        <v>36251</v>
      </c>
      <c r="G31914" s="8">
        <v>7365600</v>
      </c>
      <c r="H31914" s="8">
        <v>1</v>
      </c>
      <c r="I31914" s="8">
        <v>7365599</v>
      </c>
      <c r="J31914" s="8">
        <v>1</v>
      </c>
      <c r="K31914" s="9"/>
      <c r="L31914" s="6"/>
    </row>
    <row r="31915" spans="1:12">
      <c r="A31915" s="6" t="s">
        <v>33096</v>
      </c>
      <c r="B31915" s="6"/>
      <c r="C31915" s="6" t="s">
        <v>32230</v>
      </c>
      <c r="D31915" s="6"/>
      <c r="E31915" s="6" t="s">
        <v>9</v>
      </c>
      <c r="F31915" s="7">
        <v>36251</v>
      </c>
      <c r="G31915" s="8">
        <v>1225800</v>
      </c>
      <c r="H31915" s="8">
        <v>1</v>
      </c>
      <c r="I31915" s="8">
        <v>1225799</v>
      </c>
      <c r="J31915" s="8">
        <v>1</v>
      </c>
      <c r="K31915" s="9"/>
      <c r="L31915" s="6"/>
    </row>
    <row r="31916" spans="1:12">
      <c r="A31916" s="6" t="s">
        <v>33097</v>
      </c>
      <c r="B31916" s="6"/>
      <c r="C31916" s="6" t="s">
        <v>32230</v>
      </c>
      <c r="D31916" s="6"/>
      <c r="E31916" s="6" t="s">
        <v>9</v>
      </c>
      <c r="F31916" s="7">
        <v>36251</v>
      </c>
      <c r="G31916" s="8">
        <v>1</v>
      </c>
      <c r="H31916" s="8">
        <v>1</v>
      </c>
      <c r="I31916" s="8">
        <v>0</v>
      </c>
      <c r="J31916" s="8">
        <v>1</v>
      </c>
      <c r="K31916" s="9"/>
      <c r="L31916" s="6"/>
    </row>
    <row r="31917" spans="1:12">
      <c r="A31917" s="6" t="s">
        <v>33096</v>
      </c>
      <c r="B31917" s="6"/>
      <c r="C31917" s="6" t="s">
        <v>32230</v>
      </c>
      <c r="D31917" s="6"/>
      <c r="E31917" s="6" t="s">
        <v>9</v>
      </c>
      <c r="F31917" s="7">
        <v>37712</v>
      </c>
      <c r="G31917" s="8">
        <v>25226100</v>
      </c>
      <c r="H31917" s="8">
        <v>1</v>
      </c>
      <c r="I31917" s="8">
        <v>25226099</v>
      </c>
      <c r="J31917" s="8">
        <v>1</v>
      </c>
      <c r="K31917" s="9"/>
      <c r="L31917" s="6"/>
    </row>
    <row r="31918" spans="1:12">
      <c r="A31918" s="6" t="s">
        <v>33096</v>
      </c>
      <c r="B31918" s="6"/>
      <c r="C31918" s="6" t="s">
        <v>32230</v>
      </c>
      <c r="D31918" s="6"/>
      <c r="E31918" s="6" t="s">
        <v>9</v>
      </c>
      <c r="F31918" s="7">
        <v>37712</v>
      </c>
      <c r="G31918" s="8">
        <v>21872700</v>
      </c>
      <c r="H31918" s="8">
        <v>1</v>
      </c>
      <c r="I31918" s="8">
        <v>21872699</v>
      </c>
      <c r="J31918" s="8">
        <v>1</v>
      </c>
      <c r="K31918" s="9"/>
      <c r="L31918" s="6"/>
    </row>
    <row r="31919" spans="1:12">
      <c r="A31919" s="6" t="s">
        <v>33096</v>
      </c>
      <c r="B31919" s="6"/>
      <c r="C31919" s="6" t="s">
        <v>32230</v>
      </c>
      <c r="D31919" s="6"/>
      <c r="E31919" s="6" t="s">
        <v>9</v>
      </c>
      <c r="F31919" s="7">
        <v>37712</v>
      </c>
      <c r="G31919" s="8">
        <v>1368900</v>
      </c>
      <c r="H31919" s="8">
        <v>1</v>
      </c>
      <c r="I31919" s="8">
        <v>1368899</v>
      </c>
      <c r="J31919" s="8">
        <v>1</v>
      </c>
      <c r="K31919" s="9"/>
      <c r="L31919" s="6"/>
    </row>
    <row r="31920" spans="1:12">
      <c r="A31920" s="6" t="s">
        <v>33096</v>
      </c>
      <c r="B31920" s="6"/>
      <c r="C31920" s="6" t="s">
        <v>32230</v>
      </c>
      <c r="D31920" s="6"/>
      <c r="E31920" s="6" t="s">
        <v>9</v>
      </c>
      <c r="F31920" s="7">
        <v>37712</v>
      </c>
      <c r="G31920" s="8">
        <v>6453000</v>
      </c>
      <c r="H31920" s="8">
        <v>1</v>
      </c>
      <c r="I31920" s="8">
        <v>6452999</v>
      </c>
      <c r="J31920" s="8">
        <v>1</v>
      </c>
      <c r="K31920" s="9"/>
      <c r="L31920" s="6"/>
    </row>
    <row r="31921" spans="1:12">
      <c r="A31921" s="6" t="s">
        <v>33097</v>
      </c>
      <c r="B31921" s="6"/>
      <c r="C31921" s="6" t="s">
        <v>32230</v>
      </c>
      <c r="D31921" s="6"/>
      <c r="E31921" s="6" t="s">
        <v>9</v>
      </c>
      <c r="F31921" s="7">
        <v>37712</v>
      </c>
      <c r="G31921" s="8">
        <v>1</v>
      </c>
      <c r="H31921" s="8">
        <v>1</v>
      </c>
      <c r="I31921" s="8">
        <v>0</v>
      </c>
      <c r="J31921" s="8">
        <v>1</v>
      </c>
      <c r="K31921" s="9"/>
      <c r="L31921" s="6"/>
    </row>
    <row r="31922" spans="1:12">
      <c r="A31922" s="6" t="s">
        <v>33096</v>
      </c>
      <c r="B31922" s="6"/>
      <c r="C31922" s="6" t="s">
        <v>32230</v>
      </c>
      <c r="D31922" s="6"/>
      <c r="E31922" s="6" t="s">
        <v>9</v>
      </c>
      <c r="F31922" s="7">
        <v>37712</v>
      </c>
      <c r="G31922" s="8">
        <v>10600200</v>
      </c>
      <c r="H31922" s="8">
        <v>1</v>
      </c>
      <c r="I31922" s="8">
        <v>10600199</v>
      </c>
      <c r="J31922" s="8">
        <v>1</v>
      </c>
      <c r="K31922" s="9"/>
      <c r="L31922" s="6"/>
    </row>
    <row r="31923" spans="1:12">
      <c r="A31923" s="6" t="s">
        <v>33096</v>
      </c>
      <c r="B31923" s="6"/>
      <c r="C31923" s="6" t="s">
        <v>32230</v>
      </c>
      <c r="D31923" s="6"/>
      <c r="E31923" s="6" t="s">
        <v>9</v>
      </c>
      <c r="F31923" s="7">
        <v>37712</v>
      </c>
      <c r="G31923" s="8">
        <v>35351100</v>
      </c>
      <c r="H31923" s="8">
        <v>1</v>
      </c>
      <c r="I31923" s="8">
        <v>35351099</v>
      </c>
      <c r="J31923" s="8">
        <v>1</v>
      </c>
      <c r="K31923" s="9"/>
      <c r="L31923" s="6"/>
    </row>
    <row r="31924" spans="1:12">
      <c r="A31924" s="6" t="s">
        <v>33096</v>
      </c>
      <c r="B31924" s="6"/>
      <c r="C31924" s="6" t="s">
        <v>32230</v>
      </c>
      <c r="D31924" s="6"/>
      <c r="E31924" s="6" t="s">
        <v>9</v>
      </c>
      <c r="F31924" s="7">
        <v>37712</v>
      </c>
      <c r="G31924" s="8">
        <v>1819800</v>
      </c>
      <c r="H31924" s="8">
        <v>1</v>
      </c>
      <c r="I31924" s="8">
        <v>1819799</v>
      </c>
      <c r="J31924" s="8">
        <v>1</v>
      </c>
      <c r="K31924" s="9"/>
      <c r="L31924" s="6"/>
    </row>
    <row r="31925" spans="1:12">
      <c r="A31925" s="6" t="s">
        <v>33097</v>
      </c>
      <c r="B31925" s="6"/>
      <c r="C31925" s="6" t="s">
        <v>32230</v>
      </c>
      <c r="D31925" s="6"/>
      <c r="E31925" s="6" t="s">
        <v>9</v>
      </c>
      <c r="F31925" s="7">
        <v>37712</v>
      </c>
      <c r="G31925" s="8">
        <v>1</v>
      </c>
      <c r="H31925" s="8">
        <v>1</v>
      </c>
      <c r="I31925" s="8">
        <v>0</v>
      </c>
      <c r="J31925" s="8">
        <v>1</v>
      </c>
      <c r="K31925" s="9"/>
      <c r="L31925" s="6"/>
    </row>
    <row r="31926" spans="1:12">
      <c r="A31926" s="6" t="s">
        <v>33096</v>
      </c>
      <c r="B31926" s="6"/>
      <c r="C31926" s="6" t="s">
        <v>32230</v>
      </c>
      <c r="D31926" s="6"/>
      <c r="E31926" s="6" t="s">
        <v>9</v>
      </c>
      <c r="F31926" s="7">
        <v>29677</v>
      </c>
      <c r="G31926" s="8">
        <v>6466500</v>
      </c>
      <c r="H31926" s="8">
        <v>1</v>
      </c>
      <c r="I31926" s="8">
        <v>6466499</v>
      </c>
      <c r="J31926" s="8">
        <v>1</v>
      </c>
      <c r="K31926" s="9"/>
      <c r="L31926" s="6"/>
    </row>
    <row r="31927" spans="1:12">
      <c r="A31927" s="6" t="s">
        <v>33096</v>
      </c>
      <c r="B31927" s="6"/>
      <c r="C31927" s="6" t="s">
        <v>32230</v>
      </c>
      <c r="D31927" s="6"/>
      <c r="E31927" s="6" t="s">
        <v>9</v>
      </c>
      <c r="F31927" s="7">
        <v>38443</v>
      </c>
      <c r="G31927" s="8">
        <v>10443600</v>
      </c>
      <c r="H31927" s="8">
        <v>1</v>
      </c>
      <c r="I31927" s="8">
        <v>10443599</v>
      </c>
      <c r="J31927" s="8">
        <v>1</v>
      </c>
      <c r="K31927" s="9"/>
      <c r="L31927" s="6"/>
    </row>
    <row r="31928" spans="1:12">
      <c r="A31928" s="6" t="s">
        <v>33096</v>
      </c>
      <c r="B31928" s="6"/>
      <c r="C31928" s="6" t="s">
        <v>32230</v>
      </c>
      <c r="D31928" s="6"/>
      <c r="E31928" s="6" t="s">
        <v>9</v>
      </c>
      <c r="F31928" s="7">
        <v>38443</v>
      </c>
      <c r="G31928" s="8">
        <v>23884200</v>
      </c>
      <c r="H31928" s="8">
        <v>1</v>
      </c>
      <c r="I31928" s="8">
        <v>23884199</v>
      </c>
      <c r="J31928" s="8">
        <v>1</v>
      </c>
      <c r="K31928" s="9"/>
      <c r="L31928" s="6"/>
    </row>
    <row r="31929" spans="1:12">
      <c r="A31929" s="6" t="s">
        <v>33097</v>
      </c>
      <c r="B31929" s="6"/>
      <c r="C31929" s="6" t="s">
        <v>32230</v>
      </c>
      <c r="D31929" s="6"/>
      <c r="E31929" s="6" t="s">
        <v>9</v>
      </c>
      <c r="F31929" s="7">
        <v>38443</v>
      </c>
      <c r="G31929" s="8">
        <v>1</v>
      </c>
      <c r="H31929" s="8">
        <v>1</v>
      </c>
      <c r="I31929" s="8">
        <v>0</v>
      </c>
      <c r="J31929" s="8">
        <v>1</v>
      </c>
      <c r="K31929" s="9"/>
      <c r="L31929" s="6"/>
    </row>
    <row r="31930" spans="1:12">
      <c r="A31930" s="6" t="s">
        <v>33123</v>
      </c>
      <c r="B31930" s="6"/>
      <c r="C31930" s="6" t="s">
        <v>32230</v>
      </c>
      <c r="D31930" s="6"/>
      <c r="E31930" s="6" t="s">
        <v>9</v>
      </c>
      <c r="F31930" s="7">
        <v>43472</v>
      </c>
      <c r="G31930" s="8">
        <v>9018000</v>
      </c>
      <c r="H31930" s="8">
        <v>7953876</v>
      </c>
      <c r="I31930" s="8">
        <v>1596186</v>
      </c>
      <c r="J31930" s="8">
        <v>7421814</v>
      </c>
      <c r="K31930" s="9"/>
      <c r="L31930" s="6"/>
    </row>
    <row r="31931" spans="1:12">
      <c r="A31931" s="6" t="s">
        <v>33096</v>
      </c>
      <c r="B31931" s="6"/>
      <c r="C31931" s="6" t="s">
        <v>32230</v>
      </c>
      <c r="D31931" s="6"/>
      <c r="E31931" s="6" t="s">
        <v>9</v>
      </c>
      <c r="F31931" s="7">
        <v>38443</v>
      </c>
      <c r="G31931" s="8">
        <v>15190200</v>
      </c>
      <c r="H31931" s="8">
        <v>1</v>
      </c>
      <c r="I31931" s="8">
        <v>15190199</v>
      </c>
      <c r="J31931" s="8">
        <v>1</v>
      </c>
      <c r="K31931" s="9"/>
      <c r="L31931" s="6"/>
    </row>
    <row r="31932" spans="1:12">
      <c r="A31932" s="6" t="s">
        <v>33096</v>
      </c>
      <c r="B31932" s="6"/>
      <c r="C31932" s="6" t="s">
        <v>32230</v>
      </c>
      <c r="D31932" s="6"/>
      <c r="E31932" s="6" t="s">
        <v>9</v>
      </c>
      <c r="F31932" s="7">
        <v>38443</v>
      </c>
      <c r="G31932" s="8">
        <v>22393800</v>
      </c>
      <c r="H31932" s="8">
        <v>1</v>
      </c>
      <c r="I31932" s="8">
        <v>22393799</v>
      </c>
      <c r="J31932" s="8">
        <v>1</v>
      </c>
      <c r="K31932" s="9"/>
      <c r="L31932" s="6"/>
    </row>
    <row r="31933" spans="1:12">
      <c r="A31933" s="6" t="s">
        <v>33096</v>
      </c>
      <c r="B31933" s="6"/>
      <c r="C31933" s="6" t="s">
        <v>32230</v>
      </c>
      <c r="D31933" s="6"/>
      <c r="E31933" s="6" t="s">
        <v>9</v>
      </c>
      <c r="F31933" s="7">
        <v>42307</v>
      </c>
      <c r="G31933" s="8">
        <v>6048000</v>
      </c>
      <c r="H31933" s="8">
        <v>4021920</v>
      </c>
      <c r="I31933" s="8">
        <v>2431296</v>
      </c>
      <c r="J31933" s="8">
        <v>3616704</v>
      </c>
      <c r="K31933" s="9"/>
      <c r="L31933" s="6"/>
    </row>
    <row r="31934" spans="1:12">
      <c r="A31934" s="6" t="s">
        <v>33097</v>
      </c>
      <c r="B31934" s="6"/>
      <c r="C31934" s="6" t="s">
        <v>32230</v>
      </c>
      <c r="D31934" s="6"/>
      <c r="E31934" s="6" t="s">
        <v>9</v>
      </c>
      <c r="F31934" s="7">
        <v>38443</v>
      </c>
      <c r="G31934" s="8">
        <v>1</v>
      </c>
      <c r="H31934" s="8">
        <v>1</v>
      </c>
      <c r="I31934" s="8">
        <v>0</v>
      </c>
      <c r="J31934" s="8">
        <v>1</v>
      </c>
      <c r="K31934" s="9"/>
      <c r="L31934" s="6"/>
    </row>
    <row r="31935" spans="1:12">
      <c r="A31935" s="6" t="s">
        <v>33096</v>
      </c>
      <c r="B31935" s="6"/>
      <c r="C31935" s="6" t="s">
        <v>32230</v>
      </c>
      <c r="D31935" s="6"/>
      <c r="E31935" s="6" t="s">
        <v>9</v>
      </c>
      <c r="F31935" s="7">
        <v>38443</v>
      </c>
      <c r="G31935" s="8">
        <v>14661000</v>
      </c>
      <c r="H31935" s="8">
        <v>1</v>
      </c>
      <c r="I31935" s="8">
        <v>14660999</v>
      </c>
      <c r="J31935" s="8">
        <v>1</v>
      </c>
      <c r="K31935" s="9"/>
      <c r="L31935" s="6"/>
    </row>
    <row r="31936" spans="1:12">
      <c r="A31936" s="6" t="s">
        <v>33096</v>
      </c>
      <c r="B31936" s="6"/>
      <c r="C31936" s="6" t="s">
        <v>32230</v>
      </c>
      <c r="D31936" s="6"/>
      <c r="E31936" s="6" t="s">
        <v>9</v>
      </c>
      <c r="F31936" s="7">
        <v>38443</v>
      </c>
      <c r="G31936" s="8">
        <v>10613700</v>
      </c>
      <c r="H31936" s="8">
        <v>1</v>
      </c>
      <c r="I31936" s="8">
        <v>10613699</v>
      </c>
      <c r="J31936" s="8">
        <v>1</v>
      </c>
      <c r="K31936" s="9"/>
      <c r="L31936" s="6"/>
    </row>
    <row r="31937" spans="1:12">
      <c r="A31937" s="6" t="s">
        <v>33096</v>
      </c>
      <c r="B31937" s="6"/>
      <c r="C31937" s="6" t="s">
        <v>32230</v>
      </c>
      <c r="D31937" s="6"/>
      <c r="E31937" s="6" t="s">
        <v>9</v>
      </c>
      <c r="F31937" s="7">
        <v>38443</v>
      </c>
      <c r="G31937" s="8">
        <v>5130000</v>
      </c>
      <c r="H31937" s="8">
        <v>1</v>
      </c>
      <c r="I31937" s="8">
        <v>5129999</v>
      </c>
      <c r="J31937" s="8">
        <v>1</v>
      </c>
      <c r="K31937" s="9"/>
      <c r="L31937" s="6"/>
    </row>
    <row r="31938" spans="1:12">
      <c r="A31938" s="6" t="s">
        <v>33097</v>
      </c>
      <c r="B31938" s="6"/>
      <c r="C31938" s="6" t="s">
        <v>32230</v>
      </c>
      <c r="D31938" s="6"/>
      <c r="E31938" s="6" t="s">
        <v>9</v>
      </c>
      <c r="F31938" s="7">
        <v>38443</v>
      </c>
      <c r="G31938" s="8">
        <v>1</v>
      </c>
      <c r="H31938" s="8">
        <v>1</v>
      </c>
      <c r="I31938" s="8">
        <v>0</v>
      </c>
      <c r="J31938" s="8">
        <v>1</v>
      </c>
      <c r="K31938" s="9"/>
      <c r="L31938" s="6"/>
    </row>
    <row r="31939" spans="1:12">
      <c r="A31939" s="6" t="s">
        <v>33124</v>
      </c>
      <c r="B31939" s="6"/>
      <c r="C31939" s="6" t="s">
        <v>32230</v>
      </c>
      <c r="D31939" s="6"/>
      <c r="E31939" s="6" t="s">
        <v>9</v>
      </c>
      <c r="F31939" s="7">
        <v>43185</v>
      </c>
      <c r="G31939" s="8">
        <v>577800</v>
      </c>
      <c r="H31939" s="8">
        <v>475530</v>
      </c>
      <c r="I31939" s="8">
        <v>136360</v>
      </c>
      <c r="J31939" s="8">
        <v>441440</v>
      </c>
      <c r="K31939" s="9"/>
      <c r="L31939" s="6"/>
    </row>
    <row r="31940" spans="1:12">
      <c r="A31940" s="6" t="s">
        <v>33096</v>
      </c>
      <c r="B31940" s="6"/>
      <c r="C31940" s="6" t="s">
        <v>32230</v>
      </c>
      <c r="D31940" s="6"/>
      <c r="E31940" s="6" t="s">
        <v>9</v>
      </c>
      <c r="F31940" s="7">
        <v>38808</v>
      </c>
      <c r="G31940" s="8">
        <v>32057100</v>
      </c>
      <c r="H31940" s="8">
        <v>1987550</v>
      </c>
      <c r="I31940" s="8">
        <v>32057099</v>
      </c>
      <c r="J31940" s="8">
        <v>1</v>
      </c>
      <c r="K31940" s="9"/>
      <c r="L31940" s="6"/>
    </row>
    <row r="31941" spans="1:12">
      <c r="A31941" s="6" t="s">
        <v>33097</v>
      </c>
      <c r="B31941" s="6"/>
      <c r="C31941" s="6" t="s">
        <v>32230</v>
      </c>
      <c r="D31941" s="6"/>
      <c r="E31941" s="6" t="s">
        <v>9</v>
      </c>
      <c r="F31941" s="7">
        <v>38808</v>
      </c>
      <c r="G31941" s="8">
        <v>1</v>
      </c>
      <c r="H31941" s="8">
        <v>1</v>
      </c>
      <c r="I31941" s="8">
        <v>0</v>
      </c>
      <c r="J31941" s="8">
        <v>1</v>
      </c>
      <c r="K31941" s="9"/>
      <c r="L31941" s="6"/>
    </row>
    <row r="31942" spans="1:12">
      <c r="A31942" s="6" t="s">
        <v>33096</v>
      </c>
      <c r="B31942" s="6"/>
      <c r="C31942" s="6" t="s">
        <v>32230</v>
      </c>
      <c r="D31942" s="6"/>
      <c r="E31942" s="6" t="s">
        <v>9</v>
      </c>
      <c r="F31942" s="7">
        <v>39173</v>
      </c>
      <c r="G31942" s="8">
        <v>23978529</v>
      </c>
      <c r="H31942" s="8">
        <v>3093236</v>
      </c>
      <c r="I31942" s="8">
        <v>22491854</v>
      </c>
      <c r="J31942" s="8">
        <v>1486675</v>
      </c>
      <c r="K31942" s="9"/>
      <c r="L31942" s="6"/>
    </row>
    <row r="31943" spans="1:12">
      <c r="A31943" s="6" t="s">
        <v>33096</v>
      </c>
      <c r="B31943" s="6"/>
      <c r="C31943" s="6" t="s">
        <v>32230</v>
      </c>
      <c r="D31943" s="6"/>
      <c r="E31943" s="6" t="s">
        <v>9</v>
      </c>
      <c r="F31943" s="7">
        <v>39173</v>
      </c>
      <c r="G31943" s="8">
        <v>14386519</v>
      </c>
      <c r="H31943" s="8">
        <v>1855871</v>
      </c>
      <c r="I31943" s="8">
        <v>13494544</v>
      </c>
      <c r="J31943" s="8">
        <v>891975</v>
      </c>
      <c r="K31943" s="9"/>
      <c r="L31943" s="6"/>
    </row>
    <row r="31944" spans="1:12">
      <c r="A31944" s="6" t="s">
        <v>33096</v>
      </c>
      <c r="B31944" s="6"/>
      <c r="C31944" s="6" t="s">
        <v>32230</v>
      </c>
      <c r="D31944" s="6"/>
      <c r="E31944" s="6" t="s">
        <v>9</v>
      </c>
      <c r="F31944" s="7">
        <v>39173</v>
      </c>
      <c r="G31944" s="8">
        <v>2431650</v>
      </c>
      <c r="H31944" s="8">
        <v>313690</v>
      </c>
      <c r="I31944" s="8">
        <v>2280880</v>
      </c>
      <c r="J31944" s="8">
        <v>150770</v>
      </c>
      <c r="K31944" s="9"/>
      <c r="L31944" s="6"/>
    </row>
    <row r="31945" spans="1:12">
      <c r="A31945" s="6" t="s">
        <v>33097</v>
      </c>
      <c r="B31945" s="6"/>
      <c r="C31945" s="6" t="s">
        <v>32230</v>
      </c>
      <c r="D31945" s="6"/>
      <c r="E31945" s="6" t="s">
        <v>9</v>
      </c>
      <c r="F31945" s="7">
        <v>39173</v>
      </c>
      <c r="G31945" s="8">
        <v>22680000</v>
      </c>
      <c r="H31945" s="8">
        <v>5284440</v>
      </c>
      <c r="I31945" s="8">
        <v>18733680</v>
      </c>
      <c r="J31945" s="8">
        <v>3946320</v>
      </c>
      <c r="K31945" s="9"/>
      <c r="L31945" s="6"/>
    </row>
    <row r="31946" spans="1:12">
      <c r="A31946" s="6" t="s">
        <v>33096</v>
      </c>
      <c r="B31946" s="6"/>
      <c r="C31946" s="6" t="s">
        <v>32230</v>
      </c>
      <c r="D31946" s="6"/>
      <c r="E31946" s="6" t="s">
        <v>9</v>
      </c>
      <c r="F31946" s="7">
        <v>39338</v>
      </c>
      <c r="G31946" s="8">
        <v>9009000</v>
      </c>
      <c r="H31946" s="8">
        <v>1162161</v>
      </c>
      <c r="I31946" s="8">
        <v>8450442</v>
      </c>
      <c r="J31946" s="8">
        <v>558558</v>
      </c>
      <c r="K31946" s="9"/>
      <c r="L31946" s="6"/>
    </row>
    <row r="31947" spans="1:12">
      <c r="A31947" s="6" t="s">
        <v>33096</v>
      </c>
      <c r="B31947" s="6"/>
      <c r="C31947" s="6" t="s">
        <v>32230</v>
      </c>
      <c r="D31947" s="6"/>
      <c r="E31947" s="6" t="s">
        <v>9</v>
      </c>
      <c r="F31947" s="7">
        <v>39338</v>
      </c>
      <c r="G31947" s="8">
        <v>8160600</v>
      </c>
      <c r="H31947" s="8">
        <v>1052720</v>
      </c>
      <c r="I31947" s="8">
        <v>7654640</v>
      </c>
      <c r="J31947" s="8">
        <v>505960</v>
      </c>
      <c r="K31947" s="9"/>
      <c r="L31947" s="6"/>
    </row>
    <row r="31948" spans="1:12">
      <c r="A31948" s="6" t="s">
        <v>33097</v>
      </c>
      <c r="B31948" s="6"/>
      <c r="C31948" s="6" t="s">
        <v>32230</v>
      </c>
      <c r="D31948" s="6"/>
      <c r="E31948" s="6" t="s">
        <v>9</v>
      </c>
      <c r="F31948" s="7">
        <v>39173</v>
      </c>
      <c r="G31948" s="8">
        <v>22393350</v>
      </c>
      <c r="H31948" s="8">
        <v>5217659</v>
      </c>
      <c r="I31948" s="8">
        <v>18496898</v>
      </c>
      <c r="J31948" s="8">
        <v>3896452</v>
      </c>
      <c r="K31948" s="9"/>
      <c r="L31948" s="6"/>
    </row>
    <row r="31949" spans="1:12">
      <c r="A31949" s="6" t="s">
        <v>33096</v>
      </c>
      <c r="B31949" s="6"/>
      <c r="C31949" s="6" t="s">
        <v>32230</v>
      </c>
      <c r="D31949" s="6"/>
      <c r="E31949" s="6" t="s">
        <v>9</v>
      </c>
      <c r="F31949" s="7">
        <v>39366</v>
      </c>
      <c r="G31949" s="8">
        <v>4546655</v>
      </c>
      <c r="H31949" s="8">
        <v>586530</v>
      </c>
      <c r="I31949" s="8">
        <v>4264750</v>
      </c>
      <c r="J31949" s="8">
        <v>281905</v>
      </c>
      <c r="K31949" s="9"/>
      <c r="L31949" s="6"/>
    </row>
    <row r="31950" spans="1:12">
      <c r="A31950" s="6" t="s">
        <v>33096</v>
      </c>
      <c r="B31950" s="6"/>
      <c r="C31950" s="6" t="s">
        <v>32230</v>
      </c>
      <c r="D31950" s="6"/>
      <c r="E31950" s="6" t="s">
        <v>9</v>
      </c>
      <c r="F31950" s="7">
        <v>39366</v>
      </c>
      <c r="G31950" s="8">
        <v>3646494</v>
      </c>
      <c r="H31950" s="8">
        <v>470399</v>
      </c>
      <c r="I31950" s="8">
        <v>3420410</v>
      </c>
      <c r="J31950" s="8">
        <v>226084</v>
      </c>
      <c r="K31950" s="9"/>
      <c r="L31950" s="6"/>
    </row>
    <row r="31951" spans="1:12">
      <c r="A31951" s="6" t="s">
        <v>33096</v>
      </c>
      <c r="B31951" s="6"/>
      <c r="C31951" s="6" t="s">
        <v>32230</v>
      </c>
      <c r="D31951" s="6"/>
      <c r="E31951" s="6" t="s">
        <v>9</v>
      </c>
      <c r="F31951" s="7">
        <v>39366</v>
      </c>
      <c r="G31951" s="8">
        <v>8820000</v>
      </c>
      <c r="H31951" s="8">
        <v>1137780</v>
      </c>
      <c r="I31951" s="8">
        <v>8273160</v>
      </c>
      <c r="J31951" s="8">
        <v>546840</v>
      </c>
      <c r="K31951" s="9"/>
      <c r="L31951" s="6"/>
    </row>
    <row r="31952" spans="1:12">
      <c r="A31952" s="6" t="s">
        <v>33097</v>
      </c>
      <c r="B31952" s="6"/>
      <c r="C31952" s="6" t="s">
        <v>32230</v>
      </c>
      <c r="D31952" s="6"/>
      <c r="E31952" s="6" t="s">
        <v>9</v>
      </c>
      <c r="F31952" s="7">
        <v>39173</v>
      </c>
      <c r="G31952" s="8">
        <v>22393000</v>
      </c>
      <c r="H31952" s="8">
        <v>5217569</v>
      </c>
      <c r="I31952" s="8">
        <v>18496618</v>
      </c>
      <c r="J31952" s="8">
        <v>3896382</v>
      </c>
      <c r="K31952" s="9"/>
      <c r="L31952" s="6"/>
    </row>
    <row r="31953" spans="1:12">
      <c r="A31953" s="6" t="s">
        <v>33096</v>
      </c>
      <c r="B31953" s="6"/>
      <c r="C31953" s="6" t="s">
        <v>32230</v>
      </c>
      <c r="D31953" s="6"/>
      <c r="E31953" s="6" t="s">
        <v>9</v>
      </c>
      <c r="F31953" s="7">
        <v>39539</v>
      </c>
      <c r="G31953" s="8">
        <v>6846000</v>
      </c>
      <c r="H31953" s="8">
        <v>1341816</v>
      </c>
      <c r="I31953" s="8">
        <v>5962866</v>
      </c>
      <c r="J31953" s="8">
        <v>883134</v>
      </c>
      <c r="K31953" s="9"/>
      <c r="L31953" s="6"/>
    </row>
    <row r="31954" spans="1:12">
      <c r="A31954" s="6" t="s">
        <v>33096</v>
      </c>
      <c r="B31954" s="6"/>
      <c r="C31954" s="6" t="s">
        <v>32230</v>
      </c>
      <c r="D31954" s="6"/>
      <c r="E31954" s="6" t="s">
        <v>9</v>
      </c>
      <c r="F31954" s="7">
        <v>39539</v>
      </c>
      <c r="G31954" s="8">
        <v>9584400</v>
      </c>
      <c r="H31954" s="8">
        <v>1878552</v>
      </c>
      <c r="I31954" s="8">
        <v>8348002</v>
      </c>
      <c r="J31954" s="8">
        <v>1236398</v>
      </c>
      <c r="K31954" s="9"/>
      <c r="L31954" s="6"/>
    </row>
    <row r="31955" spans="1:12">
      <c r="A31955" s="6" t="s">
        <v>33096</v>
      </c>
      <c r="B31955" s="6"/>
      <c r="C31955" s="6" t="s">
        <v>32230</v>
      </c>
      <c r="D31955" s="6"/>
      <c r="E31955" s="6" t="s">
        <v>9</v>
      </c>
      <c r="F31955" s="7">
        <v>39539</v>
      </c>
      <c r="G31955" s="8">
        <v>19772550</v>
      </c>
      <c r="H31955" s="8">
        <v>3875430</v>
      </c>
      <c r="I31955" s="8">
        <v>17221880</v>
      </c>
      <c r="J31955" s="8">
        <v>2550670</v>
      </c>
      <c r="K31955" s="9"/>
      <c r="L31955" s="6"/>
    </row>
    <row r="31956" spans="1:12">
      <c r="A31956" s="6" t="s">
        <v>33097</v>
      </c>
      <c r="B31956" s="6"/>
      <c r="C31956" s="6" t="s">
        <v>32230</v>
      </c>
      <c r="D31956" s="6"/>
      <c r="E31956" s="6" t="s">
        <v>9</v>
      </c>
      <c r="F31956" s="7">
        <v>39539</v>
      </c>
      <c r="G31956" s="8">
        <v>17418450</v>
      </c>
      <c r="H31956" s="8">
        <v>5086194</v>
      </c>
      <c r="I31956" s="8">
        <v>13359944</v>
      </c>
      <c r="J31956" s="8">
        <v>4058506</v>
      </c>
      <c r="K31956" s="9"/>
      <c r="L31956" s="6"/>
    </row>
    <row r="31957" spans="1:12">
      <c r="A31957" s="6" t="s">
        <v>33096</v>
      </c>
      <c r="B31957" s="6"/>
      <c r="C31957" s="6" t="s">
        <v>32230</v>
      </c>
      <c r="D31957" s="6"/>
      <c r="E31957" s="6" t="s">
        <v>9</v>
      </c>
      <c r="F31957" s="7">
        <v>39885</v>
      </c>
      <c r="G31957" s="8">
        <v>9889193</v>
      </c>
      <c r="H31957" s="8">
        <v>1938293</v>
      </c>
      <c r="I31957" s="8">
        <v>8613475</v>
      </c>
      <c r="J31957" s="8">
        <v>1275718</v>
      </c>
      <c r="K31957" s="9"/>
      <c r="L31957" s="6"/>
    </row>
    <row r="31958" spans="1:12">
      <c r="A31958" s="6" t="s">
        <v>33096</v>
      </c>
      <c r="B31958" s="6"/>
      <c r="C31958" s="6" t="s">
        <v>32230</v>
      </c>
      <c r="D31958" s="6"/>
      <c r="E31958" s="6" t="s">
        <v>9</v>
      </c>
      <c r="F31958" s="7">
        <v>39885</v>
      </c>
      <c r="G31958" s="8">
        <v>32708772</v>
      </c>
      <c r="H31958" s="8">
        <v>6410928</v>
      </c>
      <c r="I31958" s="8">
        <v>28489331</v>
      </c>
      <c r="J31958" s="8">
        <v>4219441</v>
      </c>
      <c r="K31958" s="9"/>
      <c r="L31958" s="6"/>
    </row>
    <row r="31959" spans="1:12">
      <c r="A31959" s="6" t="s">
        <v>33097</v>
      </c>
      <c r="B31959" s="6"/>
      <c r="C31959" s="6" t="s">
        <v>32230</v>
      </c>
      <c r="D31959" s="6"/>
      <c r="E31959" s="6" t="s">
        <v>9</v>
      </c>
      <c r="F31959" s="7">
        <v>39891</v>
      </c>
      <c r="G31959" s="8">
        <v>10972500</v>
      </c>
      <c r="H31959" s="8">
        <v>3203976</v>
      </c>
      <c r="I31959" s="8">
        <v>8415901</v>
      </c>
      <c r="J31959" s="8">
        <v>2556599</v>
      </c>
      <c r="K31959" s="9"/>
      <c r="L31959" s="6"/>
    </row>
    <row r="31960" spans="1:12">
      <c r="A31960" s="6" t="s">
        <v>33096</v>
      </c>
      <c r="B31960" s="6"/>
      <c r="C31960" s="6" t="s">
        <v>32230</v>
      </c>
      <c r="D31960" s="6"/>
      <c r="E31960" s="6" t="s">
        <v>9</v>
      </c>
      <c r="F31960" s="7">
        <v>39885</v>
      </c>
      <c r="G31960" s="8">
        <v>3062459</v>
      </c>
      <c r="H31960" s="8">
        <v>600251</v>
      </c>
      <c r="I31960" s="8">
        <v>2667392</v>
      </c>
      <c r="J31960" s="8">
        <v>395067</v>
      </c>
      <c r="K31960" s="9"/>
      <c r="L31960" s="6"/>
    </row>
    <row r="31961" spans="1:12">
      <c r="A31961" s="6" t="s">
        <v>33096</v>
      </c>
      <c r="B31961" s="6"/>
      <c r="C31961" s="6" t="s">
        <v>32230</v>
      </c>
      <c r="D31961" s="6"/>
      <c r="E31961" s="6" t="s">
        <v>9</v>
      </c>
      <c r="F31961" s="7">
        <v>39885</v>
      </c>
      <c r="G31961" s="8">
        <v>975627</v>
      </c>
      <c r="H31961" s="8">
        <v>191223</v>
      </c>
      <c r="I31961" s="8">
        <v>849771</v>
      </c>
      <c r="J31961" s="8">
        <v>125856</v>
      </c>
      <c r="K31961" s="9"/>
      <c r="L31961" s="6"/>
    </row>
    <row r="31962" spans="1:12">
      <c r="A31962" s="6" t="s">
        <v>33096</v>
      </c>
      <c r="B31962" s="6"/>
      <c r="C31962" s="6" t="s">
        <v>32230</v>
      </c>
      <c r="D31962" s="6"/>
      <c r="E31962" s="6" t="s">
        <v>9</v>
      </c>
      <c r="F31962" s="7">
        <v>39885</v>
      </c>
      <c r="G31962" s="8">
        <v>279130</v>
      </c>
      <c r="H31962" s="8">
        <v>54718</v>
      </c>
      <c r="I31962" s="8">
        <v>243113</v>
      </c>
      <c r="J31962" s="8">
        <v>36017</v>
      </c>
      <c r="K31962" s="9"/>
      <c r="L31962" s="6"/>
    </row>
    <row r="31963" spans="1:12">
      <c r="A31963" s="6" t="s">
        <v>33096</v>
      </c>
      <c r="B31963" s="6"/>
      <c r="C31963" s="6" t="s">
        <v>32230</v>
      </c>
      <c r="D31963" s="6"/>
      <c r="E31963" s="6" t="s">
        <v>9</v>
      </c>
      <c r="F31963" s="7">
        <v>39885</v>
      </c>
      <c r="G31963" s="8">
        <v>1549838</v>
      </c>
      <c r="H31963" s="8">
        <v>303770</v>
      </c>
      <c r="I31963" s="8">
        <v>1349907</v>
      </c>
      <c r="J31963" s="8">
        <v>199931</v>
      </c>
      <c r="K31963" s="9"/>
      <c r="L31963" s="6"/>
    </row>
    <row r="31964" spans="1:12">
      <c r="A31964" s="6" t="s">
        <v>33096</v>
      </c>
      <c r="B31964" s="6"/>
      <c r="C31964" s="6" t="s">
        <v>32230</v>
      </c>
      <c r="D31964" s="6"/>
      <c r="E31964" s="6" t="s">
        <v>9</v>
      </c>
      <c r="F31964" s="7">
        <v>39885</v>
      </c>
      <c r="G31964" s="8">
        <v>2262285</v>
      </c>
      <c r="H31964" s="8">
        <v>443409</v>
      </c>
      <c r="I31964" s="8">
        <v>1970449</v>
      </c>
      <c r="J31964" s="8">
        <v>291836</v>
      </c>
      <c r="K31964" s="9"/>
      <c r="L31964" s="6"/>
    </row>
    <row r="31965" spans="1:12">
      <c r="A31965" s="6" t="s">
        <v>33096</v>
      </c>
      <c r="B31965" s="6"/>
      <c r="C31965" s="6" t="s">
        <v>32230</v>
      </c>
      <c r="D31965" s="6"/>
      <c r="E31965" s="6" t="s">
        <v>9</v>
      </c>
      <c r="F31965" s="7">
        <v>39885</v>
      </c>
      <c r="G31965" s="8">
        <v>2392546</v>
      </c>
      <c r="H31965" s="8">
        <v>468946</v>
      </c>
      <c r="I31965" s="8">
        <v>2083900</v>
      </c>
      <c r="J31965" s="8">
        <v>308646</v>
      </c>
      <c r="K31965" s="9"/>
      <c r="L31965" s="6"/>
    </row>
    <row r="31966" spans="1:12">
      <c r="A31966" s="6" t="s">
        <v>33096</v>
      </c>
      <c r="B31966" s="6"/>
      <c r="C31966" s="6" t="s">
        <v>32230</v>
      </c>
      <c r="D31966" s="6"/>
      <c r="E31966" s="6" t="s">
        <v>9</v>
      </c>
      <c r="F31966" s="7">
        <v>39885</v>
      </c>
      <c r="G31966" s="8">
        <v>1696049</v>
      </c>
      <c r="H31966" s="8">
        <v>332429</v>
      </c>
      <c r="I31966" s="8">
        <v>1477255</v>
      </c>
      <c r="J31966" s="8">
        <v>218794</v>
      </c>
      <c r="K31966" s="9"/>
      <c r="L31966" s="6"/>
    </row>
    <row r="31967" spans="1:12">
      <c r="A31967" s="6" t="s">
        <v>33096</v>
      </c>
      <c r="B31967" s="6"/>
      <c r="C31967" s="6" t="s">
        <v>32230</v>
      </c>
      <c r="D31967" s="6"/>
      <c r="E31967" s="6" t="s">
        <v>9</v>
      </c>
      <c r="F31967" s="7">
        <v>39885</v>
      </c>
      <c r="G31967" s="8">
        <v>1749217</v>
      </c>
      <c r="H31967" s="8">
        <v>342853</v>
      </c>
      <c r="I31967" s="8">
        <v>1523561</v>
      </c>
      <c r="J31967" s="8">
        <v>225656</v>
      </c>
      <c r="K31967" s="9"/>
      <c r="L31967" s="6"/>
    </row>
    <row r="31968" spans="1:12">
      <c r="A31968" s="6" t="s">
        <v>33096</v>
      </c>
      <c r="B31968" s="6"/>
      <c r="C31968" s="6" t="s">
        <v>32230</v>
      </c>
      <c r="D31968" s="6"/>
      <c r="E31968" s="6" t="s">
        <v>9</v>
      </c>
      <c r="F31968" s="7">
        <v>40268</v>
      </c>
      <c r="G31968" s="8">
        <v>1308860</v>
      </c>
      <c r="H31968" s="8">
        <v>344237</v>
      </c>
      <c r="I31968" s="8">
        <v>1052316</v>
      </c>
      <c r="J31968" s="8">
        <v>256544</v>
      </c>
      <c r="K31968" s="9"/>
      <c r="L31968" s="6"/>
    </row>
    <row r="31969" spans="1:12">
      <c r="A31969" s="6" t="s">
        <v>33096</v>
      </c>
      <c r="B31969" s="6"/>
      <c r="C31969" s="6" t="s">
        <v>32230</v>
      </c>
      <c r="D31969" s="6"/>
      <c r="E31969" s="6" t="s">
        <v>9</v>
      </c>
      <c r="F31969" s="7">
        <v>40268</v>
      </c>
      <c r="G31969" s="8">
        <v>1904559</v>
      </c>
      <c r="H31969" s="8">
        <v>500904</v>
      </c>
      <c r="I31969" s="8">
        <v>1531260</v>
      </c>
      <c r="J31969" s="8">
        <v>373299</v>
      </c>
      <c r="K31969" s="9"/>
      <c r="L31969" s="6"/>
    </row>
    <row r="31970" spans="1:12">
      <c r="A31970" s="6" t="s">
        <v>33096</v>
      </c>
      <c r="B31970" s="6"/>
      <c r="C31970" s="6" t="s">
        <v>32230</v>
      </c>
      <c r="D31970" s="6"/>
      <c r="E31970" s="6" t="s">
        <v>9</v>
      </c>
      <c r="F31970" s="7">
        <v>40268</v>
      </c>
      <c r="G31970" s="8">
        <v>32285226</v>
      </c>
      <c r="H31970" s="8">
        <v>8491016</v>
      </c>
      <c r="I31970" s="8">
        <v>25957320</v>
      </c>
      <c r="J31970" s="8">
        <v>6327906</v>
      </c>
      <c r="K31970" s="9"/>
      <c r="L31970" s="6"/>
    </row>
    <row r="31971" spans="1:12">
      <c r="A31971" s="6" t="s">
        <v>33096</v>
      </c>
      <c r="B31971" s="6"/>
      <c r="C31971" s="6" t="s">
        <v>32230</v>
      </c>
      <c r="D31971" s="6"/>
      <c r="E31971" s="6" t="s">
        <v>9</v>
      </c>
      <c r="F31971" s="7">
        <v>40268</v>
      </c>
      <c r="G31971" s="8">
        <v>2531023</v>
      </c>
      <c r="H31971" s="8">
        <v>665665</v>
      </c>
      <c r="I31971" s="8">
        <v>2034936</v>
      </c>
      <c r="J31971" s="8">
        <v>496087</v>
      </c>
      <c r="K31971" s="9"/>
      <c r="L31971" s="6"/>
    </row>
    <row r="31972" spans="1:12">
      <c r="A31972" s="6" t="s">
        <v>33096</v>
      </c>
      <c r="B31972" s="6"/>
      <c r="C31972" s="6" t="s">
        <v>32230</v>
      </c>
      <c r="D31972" s="6"/>
      <c r="E31972" s="6" t="s">
        <v>9</v>
      </c>
      <c r="F31972" s="7">
        <v>40268</v>
      </c>
      <c r="G31972" s="8">
        <v>2872221</v>
      </c>
      <c r="H31972" s="8">
        <v>755403</v>
      </c>
      <c r="I31972" s="8">
        <v>2309256</v>
      </c>
      <c r="J31972" s="8">
        <v>562965</v>
      </c>
      <c r="K31972" s="9"/>
      <c r="L31972" s="6"/>
    </row>
    <row r="31973" spans="1:12">
      <c r="A31973" s="6" t="s">
        <v>33096</v>
      </c>
      <c r="B31973" s="6"/>
      <c r="C31973" s="6" t="s">
        <v>32230</v>
      </c>
      <c r="D31973" s="6"/>
      <c r="E31973" s="6" t="s">
        <v>9</v>
      </c>
      <c r="F31973" s="7">
        <v>40268</v>
      </c>
      <c r="G31973" s="8">
        <v>3733608</v>
      </c>
      <c r="H31973" s="8">
        <v>981947</v>
      </c>
      <c r="I31973" s="8">
        <v>3001812</v>
      </c>
      <c r="J31973" s="8">
        <v>731796</v>
      </c>
      <c r="K31973" s="9"/>
      <c r="L31973" s="6"/>
    </row>
    <row r="31974" spans="1:12">
      <c r="A31974" s="6" t="s">
        <v>33097</v>
      </c>
      <c r="B31974" s="6"/>
      <c r="C31974" s="6" t="s">
        <v>32230</v>
      </c>
      <c r="D31974" s="6"/>
      <c r="E31974" s="6" t="s">
        <v>9</v>
      </c>
      <c r="F31974" s="7">
        <v>40171</v>
      </c>
      <c r="G31974" s="8">
        <v>10834950</v>
      </c>
      <c r="H31974" s="8">
        <v>3803068</v>
      </c>
      <c r="I31974" s="8">
        <v>7671144</v>
      </c>
      <c r="J31974" s="8">
        <v>3163806</v>
      </c>
      <c r="K31974" s="9"/>
      <c r="L31974" s="6"/>
    </row>
    <row r="31975" spans="1:12">
      <c r="A31975" s="6" t="s">
        <v>33096</v>
      </c>
      <c r="B31975" s="6"/>
      <c r="C31975" s="6" t="s">
        <v>32230</v>
      </c>
      <c r="D31975" s="6"/>
      <c r="E31975" s="6" t="s">
        <v>9</v>
      </c>
      <c r="F31975" s="7">
        <v>41691</v>
      </c>
      <c r="G31975" s="8">
        <v>5792064</v>
      </c>
      <c r="H31975" s="8">
        <v>3075588</v>
      </c>
      <c r="I31975" s="8">
        <v>3104544</v>
      </c>
      <c r="J31975" s="8">
        <v>2687520</v>
      </c>
      <c r="K31975" s="9"/>
      <c r="L31975" s="6"/>
    </row>
    <row r="31976" spans="1:12">
      <c r="A31976" s="6" t="s">
        <v>33096</v>
      </c>
      <c r="B31976" s="6"/>
      <c r="C31976" s="6" t="s">
        <v>32230</v>
      </c>
      <c r="D31976" s="6"/>
      <c r="E31976" s="6" t="s">
        <v>9</v>
      </c>
      <c r="F31976" s="7">
        <v>41691</v>
      </c>
      <c r="G31976" s="8">
        <v>3615935</v>
      </c>
      <c r="H31976" s="8">
        <v>1920066</v>
      </c>
      <c r="I31976" s="8">
        <v>1938136</v>
      </c>
      <c r="J31976" s="8">
        <v>1677799</v>
      </c>
      <c r="K31976" s="9"/>
      <c r="L31976" s="6"/>
    </row>
    <row r="31977" spans="1:12">
      <c r="A31977" s="6" t="s">
        <v>33096</v>
      </c>
      <c r="B31977" s="6"/>
      <c r="C31977" s="6" t="s">
        <v>32230</v>
      </c>
      <c r="D31977" s="6"/>
      <c r="E31977" s="6" t="s">
        <v>9</v>
      </c>
      <c r="F31977" s="7">
        <v>29312</v>
      </c>
      <c r="G31977" s="8">
        <v>1620000</v>
      </c>
      <c r="H31977" s="8">
        <v>1</v>
      </c>
      <c r="I31977" s="8">
        <v>1619999</v>
      </c>
      <c r="J31977" s="8">
        <v>1</v>
      </c>
      <c r="K31977" s="9"/>
      <c r="L31977" s="6"/>
    </row>
    <row r="31978" spans="1:12">
      <c r="A31978" s="6" t="s">
        <v>33096</v>
      </c>
      <c r="B31978" s="6"/>
      <c r="C31978" s="6" t="s">
        <v>32230</v>
      </c>
      <c r="D31978" s="6"/>
      <c r="E31978" s="6" t="s">
        <v>9</v>
      </c>
      <c r="F31978" s="7">
        <v>29312</v>
      </c>
      <c r="G31978" s="8">
        <v>1039500</v>
      </c>
      <c r="H31978" s="8">
        <v>1</v>
      </c>
      <c r="I31978" s="8">
        <v>1039499</v>
      </c>
      <c r="J31978" s="8">
        <v>1</v>
      </c>
      <c r="K31978" s="9"/>
      <c r="L31978" s="6"/>
    </row>
    <row r="31979" spans="1:12">
      <c r="A31979" s="6" t="s">
        <v>33096</v>
      </c>
      <c r="B31979" s="6"/>
      <c r="C31979" s="6" t="s">
        <v>32230</v>
      </c>
      <c r="D31979" s="6"/>
      <c r="E31979" s="6" t="s">
        <v>9</v>
      </c>
      <c r="F31979" s="7">
        <v>36251</v>
      </c>
      <c r="G31979" s="8">
        <v>742500</v>
      </c>
      <c r="H31979" s="8">
        <v>1</v>
      </c>
      <c r="I31979" s="8">
        <v>742499</v>
      </c>
      <c r="J31979" s="8">
        <v>1</v>
      </c>
      <c r="K31979" s="9"/>
      <c r="L31979" s="6"/>
    </row>
    <row r="31980" spans="1:12">
      <c r="A31980" s="6" t="s">
        <v>33096</v>
      </c>
      <c r="B31980" s="6"/>
      <c r="C31980" s="6" t="s">
        <v>32230</v>
      </c>
      <c r="D31980" s="6"/>
      <c r="E31980" s="6" t="s">
        <v>9</v>
      </c>
      <c r="F31980" s="7">
        <v>36251</v>
      </c>
      <c r="G31980" s="8">
        <v>526500</v>
      </c>
      <c r="H31980" s="8">
        <v>1</v>
      </c>
      <c r="I31980" s="8">
        <v>526499</v>
      </c>
      <c r="J31980" s="8">
        <v>1</v>
      </c>
      <c r="K31980" s="9"/>
      <c r="L31980" s="6"/>
    </row>
    <row r="31981" spans="1:12">
      <c r="A31981" s="6" t="s">
        <v>33096</v>
      </c>
      <c r="B31981" s="6"/>
      <c r="C31981" s="6" t="s">
        <v>32230</v>
      </c>
      <c r="D31981" s="6"/>
      <c r="E31981" s="6" t="s">
        <v>9</v>
      </c>
      <c r="F31981" s="7">
        <v>35886</v>
      </c>
      <c r="G31981" s="8">
        <v>1641600</v>
      </c>
      <c r="H31981" s="8">
        <v>1</v>
      </c>
      <c r="I31981" s="8">
        <v>1641599</v>
      </c>
      <c r="J31981" s="8">
        <v>1</v>
      </c>
      <c r="K31981" s="9"/>
      <c r="L31981" s="6"/>
    </row>
    <row r="31982" spans="1:12">
      <c r="A31982" s="6" t="s">
        <v>33096</v>
      </c>
      <c r="B31982" s="6"/>
      <c r="C31982" s="6" t="s">
        <v>32230</v>
      </c>
      <c r="D31982" s="6"/>
      <c r="E31982" s="6" t="s">
        <v>9</v>
      </c>
      <c r="F31982" s="7">
        <v>35886</v>
      </c>
      <c r="G31982" s="8">
        <v>1026000</v>
      </c>
      <c r="H31982" s="8">
        <v>1</v>
      </c>
      <c r="I31982" s="8">
        <v>1025999</v>
      </c>
      <c r="J31982" s="8">
        <v>1</v>
      </c>
      <c r="K31982" s="9"/>
      <c r="L31982" s="6"/>
    </row>
    <row r="31983" spans="1:12">
      <c r="A31983" s="6" t="s">
        <v>33096</v>
      </c>
      <c r="B31983" s="6"/>
      <c r="C31983" s="6" t="s">
        <v>32230</v>
      </c>
      <c r="D31983" s="6"/>
      <c r="E31983" s="6" t="s">
        <v>9</v>
      </c>
      <c r="F31983" s="7">
        <v>35886</v>
      </c>
      <c r="G31983" s="8">
        <v>891000</v>
      </c>
      <c r="H31983" s="8">
        <v>1</v>
      </c>
      <c r="I31983" s="8">
        <v>890999</v>
      </c>
      <c r="J31983" s="8">
        <v>1</v>
      </c>
      <c r="K31983" s="9"/>
      <c r="L31983" s="6"/>
    </row>
    <row r="31984" spans="1:12">
      <c r="A31984" s="6" t="s">
        <v>33096</v>
      </c>
      <c r="B31984" s="6"/>
      <c r="C31984" s="6" t="s">
        <v>32230</v>
      </c>
      <c r="D31984" s="6"/>
      <c r="E31984" s="6" t="s">
        <v>9</v>
      </c>
      <c r="F31984" s="7">
        <v>30042</v>
      </c>
      <c r="G31984" s="8">
        <v>15484500</v>
      </c>
      <c r="H31984" s="8">
        <v>1</v>
      </c>
      <c r="I31984" s="8">
        <v>15484499</v>
      </c>
      <c r="J31984" s="8">
        <v>1</v>
      </c>
      <c r="K31984" s="9"/>
      <c r="L31984" s="6"/>
    </row>
    <row r="31985" spans="1:12">
      <c r="A31985" s="6" t="s">
        <v>33097</v>
      </c>
      <c r="B31985" s="6"/>
      <c r="C31985" s="6" t="s">
        <v>32230</v>
      </c>
      <c r="D31985" s="6"/>
      <c r="E31985" s="6" t="s">
        <v>9</v>
      </c>
      <c r="F31985" s="7">
        <v>30042</v>
      </c>
      <c r="G31985" s="8">
        <v>10991000</v>
      </c>
      <c r="H31985" s="8">
        <v>1</v>
      </c>
      <c r="I31985" s="8">
        <v>10990999</v>
      </c>
      <c r="J31985" s="8">
        <v>1</v>
      </c>
      <c r="K31985" s="9"/>
      <c r="L31985" s="6"/>
    </row>
    <row r="31986" spans="1:12">
      <c r="A31986" s="6" t="s">
        <v>33096</v>
      </c>
      <c r="B31986" s="6"/>
      <c r="C31986" s="6" t="s">
        <v>32230</v>
      </c>
      <c r="D31986" s="6"/>
      <c r="E31986" s="6" t="s">
        <v>9</v>
      </c>
      <c r="F31986" s="7">
        <v>30773</v>
      </c>
      <c r="G31986" s="8">
        <v>4335000</v>
      </c>
      <c r="H31986" s="8">
        <v>1</v>
      </c>
      <c r="I31986" s="8">
        <v>4334999</v>
      </c>
      <c r="J31986" s="8">
        <v>1</v>
      </c>
      <c r="K31986" s="9"/>
      <c r="L31986" s="6"/>
    </row>
    <row r="31987" spans="1:12">
      <c r="A31987" s="6" t="s">
        <v>33096</v>
      </c>
      <c r="B31987" s="6"/>
      <c r="C31987" s="6" t="s">
        <v>32230</v>
      </c>
      <c r="D31987" s="6"/>
      <c r="E31987" s="6" t="s">
        <v>9</v>
      </c>
      <c r="F31987" s="7">
        <v>30773</v>
      </c>
      <c r="G31987" s="8">
        <v>10353000</v>
      </c>
      <c r="H31987" s="8">
        <v>1</v>
      </c>
      <c r="I31987" s="8">
        <v>10352999</v>
      </c>
      <c r="J31987" s="8">
        <v>1</v>
      </c>
      <c r="K31987" s="9"/>
      <c r="L31987" s="6"/>
    </row>
    <row r="31988" spans="1:12">
      <c r="A31988" s="6" t="s">
        <v>33096</v>
      </c>
      <c r="B31988" s="6"/>
      <c r="C31988" s="6" t="s">
        <v>32230</v>
      </c>
      <c r="D31988" s="6"/>
      <c r="E31988" s="6" t="s">
        <v>9</v>
      </c>
      <c r="F31988" s="7">
        <v>30407</v>
      </c>
      <c r="G31988" s="8">
        <v>2702000</v>
      </c>
      <c r="H31988" s="8">
        <v>1</v>
      </c>
      <c r="I31988" s="8">
        <v>2701999</v>
      </c>
      <c r="J31988" s="8">
        <v>1</v>
      </c>
      <c r="K31988" s="9"/>
      <c r="L31988" s="6"/>
    </row>
    <row r="31989" spans="1:12">
      <c r="A31989" s="6" t="s">
        <v>33096</v>
      </c>
      <c r="B31989" s="6"/>
      <c r="C31989" s="6" t="s">
        <v>32230</v>
      </c>
      <c r="D31989" s="6"/>
      <c r="E31989" s="6" t="s">
        <v>9</v>
      </c>
      <c r="F31989" s="7">
        <v>30773</v>
      </c>
      <c r="G31989" s="8">
        <v>8481000</v>
      </c>
      <c r="H31989" s="8">
        <v>1</v>
      </c>
      <c r="I31989" s="8">
        <v>8480999</v>
      </c>
      <c r="J31989" s="8">
        <v>1</v>
      </c>
      <c r="K31989" s="9"/>
      <c r="L31989" s="6"/>
    </row>
    <row r="31990" spans="1:12">
      <c r="A31990" s="6" t="s">
        <v>33096</v>
      </c>
      <c r="B31990" s="6"/>
      <c r="C31990" s="6" t="s">
        <v>32230</v>
      </c>
      <c r="D31990" s="6"/>
      <c r="E31990" s="6" t="s">
        <v>9</v>
      </c>
      <c r="F31990" s="7">
        <v>30407</v>
      </c>
      <c r="G31990" s="8">
        <v>3941000</v>
      </c>
      <c r="H31990" s="8">
        <v>1</v>
      </c>
      <c r="I31990" s="8">
        <v>3940999</v>
      </c>
      <c r="J31990" s="8">
        <v>1</v>
      </c>
      <c r="K31990" s="9"/>
      <c r="L31990" s="6"/>
    </row>
    <row r="31991" spans="1:12">
      <c r="A31991" s="6" t="s">
        <v>33096</v>
      </c>
      <c r="B31991" s="6"/>
      <c r="C31991" s="6" t="s">
        <v>32230</v>
      </c>
      <c r="D31991" s="6"/>
      <c r="E31991" s="6" t="s">
        <v>9</v>
      </c>
      <c r="F31991" s="7">
        <v>30773</v>
      </c>
      <c r="G31991" s="8">
        <v>868653</v>
      </c>
      <c r="H31991" s="8">
        <v>1</v>
      </c>
      <c r="I31991" s="8">
        <v>868652</v>
      </c>
      <c r="J31991" s="8">
        <v>1</v>
      </c>
      <c r="K31991" s="9"/>
      <c r="L31991" s="6"/>
    </row>
    <row r="31992" spans="1:12">
      <c r="A31992" s="6" t="s">
        <v>33096</v>
      </c>
      <c r="B31992" s="6"/>
      <c r="C31992" s="6" t="s">
        <v>32230</v>
      </c>
      <c r="D31992" s="6"/>
      <c r="E31992" s="6" t="s">
        <v>9</v>
      </c>
      <c r="F31992" s="7">
        <v>30773</v>
      </c>
      <c r="G31992" s="8">
        <v>1571010</v>
      </c>
      <c r="H31992" s="8">
        <v>1</v>
      </c>
      <c r="I31992" s="8">
        <v>1571009</v>
      </c>
      <c r="J31992" s="8">
        <v>1</v>
      </c>
      <c r="K31992" s="9"/>
      <c r="L31992" s="6"/>
    </row>
    <row r="31993" spans="1:12">
      <c r="A31993" s="6" t="s">
        <v>33096</v>
      </c>
      <c r="B31993" s="6"/>
      <c r="C31993" s="6" t="s">
        <v>32230</v>
      </c>
      <c r="D31993" s="6"/>
      <c r="E31993" s="6" t="s">
        <v>9</v>
      </c>
      <c r="F31993" s="7">
        <v>30773</v>
      </c>
      <c r="G31993" s="8">
        <v>254335</v>
      </c>
      <c r="H31993" s="8">
        <v>1</v>
      </c>
      <c r="I31993" s="8">
        <v>254334</v>
      </c>
      <c r="J31993" s="8">
        <v>1</v>
      </c>
      <c r="K31993" s="9"/>
      <c r="L31993" s="6"/>
    </row>
    <row r="31994" spans="1:12">
      <c r="A31994" s="6" t="s">
        <v>33097</v>
      </c>
      <c r="B31994" s="6"/>
      <c r="C31994" s="6" t="s">
        <v>32230</v>
      </c>
      <c r="D31994" s="6"/>
      <c r="E31994" s="6" t="s">
        <v>9</v>
      </c>
      <c r="F31994" s="7">
        <v>30407</v>
      </c>
      <c r="G31994" s="8">
        <v>13366000</v>
      </c>
      <c r="H31994" s="8">
        <v>1</v>
      </c>
      <c r="I31994" s="8">
        <v>13365999</v>
      </c>
      <c r="J31994" s="8">
        <v>1</v>
      </c>
      <c r="K31994" s="9"/>
      <c r="L31994" s="6"/>
    </row>
    <row r="31995" spans="1:12">
      <c r="A31995" s="6" t="s">
        <v>33096</v>
      </c>
      <c r="B31995" s="6"/>
      <c r="C31995" s="6" t="s">
        <v>32230</v>
      </c>
      <c r="D31995" s="6"/>
      <c r="E31995" s="6" t="s">
        <v>9</v>
      </c>
      <c r="F31995" s="7">
        <v>30773</v>
      </c>
      <c r="G31995" s="8">
        <v>5265741</v>
      </c>
      <c r="H31995" s="8">
        <v>1</v>
      </c>
      <c r="I31995" s="8">
        <v>5265740</v>
      </c>
      <c r="J31995" s="8">
        <v>1</v>
      </c>
      <c r="K31995" s="9"/>
      <c r="L31995" s="6"/>
    </row>
    <row r="31996" spans="1:12">
      <c r="A31996" s="6" t="s">
        <v>33096</v>
      </c>
      <c r="B31996" s="6"/>
      <c r="C31996" s="6" t="s">
        <v>32230</v>
      </c>
      <c r="D31996" s="6"/>
      <c r="E31996" s="6" t="s">
        <v>9</v>
      </c>
      <c r="F31996" s="7">
        <v>30773</v>
      </c>
      <c r="G31996" s="8">
        <v>5558854</v>
      </c>
      <c r="H31996" s="8">
        <v>1</v>
      </c>
      <c r="I31996" s="8">
        <v>5558853</v>
      </c>
      <c r="J31996" s="8">
        <v>1</v>
      </c>
      <c r="K31996" s="9"/>
      <c r="L31996" s="6"/>
    </row>
    <row r="31997" spans="1:12">
      <c r="A31997" s="6" t="s">
        <v>33096</v>
      </c>
      <c r="B31997" s="6"/>
      <c r="C31997" s="6" t="s">
        <v>32230</v>
      </c>
      <c r="D31997" s="6"/>
      <c r="E31997" s="6" t="s">
        <v>9</v>
      </c>
      <c r="F31997" s="7">
        <v>30407</v>
      </c>
      <c r="G31997" s="8">
        <v>7094695</v>
      </c>
      <c r="H31997" s="8">
        <v>1</v>
      </c>
      <c r="I31997" s="8">
        <v>7094694</v>
      </c>
      <c r="J31997" s="8">
        <v>1</v>
      </c>
      <c r="K31997" s="9"/>
      <c r="L31997" s="6"/>
    </row>
    <row r="31998" spans="1:12">
      <c r="A31998" s="6" t="s">
        <v>33096</v>
      </c>
      <c r="B31998" s="6"/>
      <c r="C31998" s="6" t="s">
        <v>32230</v>
      </c>
      <c r="D31998" s="6"/>
      <c r="E31998" s="6" t="s">
        <v>9</v>
      </c>
      <c r="F31998" s="7">
        <v>30773</v>
      </c>
      <c r="G31998" s="8">
        <v>2831707</v>
      </c>
      <c r="H31998" s="8">
        <v>1</v>
      </c>
      <c r="I31998" s="8">
        <v>2831706</v>
      </c>
      <c r="J31998" s="8">
        <v>1</v>
      </c>
      <c r="K31998" s="9"/>
      <c r="L31998" s="6"/>
    </row>
    <row r="31999" spans="1:12">
      <c r="A31999" s="6" t="s">
        <v>33097</v>
      </c>
      <c r="B31999" s="6"/>
      <c r="C31999" s="6" t="s">
        <v>32230</v>
      </c>
      <c r="D31999" s="6"/>
      <c r="E31999" s="6" t="s">
        <v>9</v>
      </c>
      <c r="F31999" s="7">
        <v>30407</v>
      </c>
      <c r="G31999" s="8">
        <v>6511000</v>
      </c>
      <c r="H31999" s="8">
        <v>1</v>
      </c>
      <c r="I31999" s="8">
        <v>6510999</v>
      </c>
      <c r="J31999" s="8">
        <v>1</v>
      </c>
      <c r="K31999" s="9"/>
      <c r="L31999" s="6"/>
    </row>
    <row r="32000" spans="1:12">
      <c r="A32000" s="6" t="s">
        <v>33097</v>
      </c>
      <c r="B32000" s="6"/>
      <c r="C32000" s="6" t="s">
        <v>32230</v>
      </c>
      <c r="D32000" s="6"/>
      <c r="E32000" s="6" t="s">
        <v>9</v>
      </c>
      <c r="F32000" s="7">
        <v>38443</v>
      </c>
      <c r="G32000" s="8">
        <v>1995000</v>
      </c>
      <c r="H32000" s="8">
        <v>229425</v>
      </c>
      <c r="I32000" s="8">
        <v>1883280</v>
      </c>
      <c r="J32000" s="8">
        <v>111720</v>
      </c>
      <c r="K32000" s="9"/>
      <c r="L32000" s="6"/>
    </row>
    <row r="32001" spans="1:12">
      <c r="A32001" s="6" t="s">
        <v>33096</v>
      </c>
      <c r="B32001" s="6"/>
      <c r="C32001" s="6" t="s">
        <v>32230</v>
      </c>
      <c r="D32001" s="6"/>
      <c r="E32001" s="6" t="s">
        <v>9</v>
      </c>
      <c r="F32001" s="7">
        <v>31138</v>
      </c>
      <c r="G32001" s="8">
        <v>15163278</v>
      </c>
      <c r="H32001" s="8">
        <v>1</v>
      </c>
      <c r="I32001" s="8">
        <v>15163277</v>
      </c>
      <c r="J32001" s="8">
        <v>1</v>
      </c>
      <c r="K32001" s="9"/>
      <c r="L32001" s="6"/>
    </row>
    <row r="32002" spans="1:12">
      <c r="A32002" s="6" t="s">
        <v>33096</v>
      </c>
      <c r="B32002" s="6"/>
      <c r="C32002" s="6" t="s">
        <v>32230</v>
      </c>
      <c r="D32002" s="6"/>
      <c r="E32002" s="6" t="s">
        <v>9</v>
      </c>
      <c r="F32002" s="7">
        <v>31138</v>
      </c>
      <c r="G32002" s="8">
        <v>169148</v>
      </c>
      <c r="H32002" s="8">
        <v>1</v>
      </c>
      <c r="I32002" s="8">
        <v>169147</v>
      </c>
      <c r="J32002" s="8">
        <v>1</v>
      </c>
      <c r="K32002" s="9"/>
      <c r="L32002" s="6"/>
    </row>
    <row r="32003" spans="1:12">
      <c r="A32003" s="6" t="s">
        <v>33096</v>
      </c>
      <c r="B32003" s="6"/>
      <c r="C32003" s="6" t="s">
        <v>32230</v>
      </c>
      <c r="D32003" s="6"/>
      <c r="E32003" s="6" t="s">
        <v>9</v>
      </c>
      <c r="F32003" s="7">
        <v>31138</v>
      </c>
      <c r="G32003" s="8">
        <v>874676</v>
      </c>
      <c r="H32003" s="8">
        <v>1</v>
      </c>
      <c r="I32003" s="8">
        <v>874675</v>
      </c>
      <c r="J32003" s="8">
        <v>1</v>
      </c>
      <c r="K32003" s="9"/>
      <c r="L32003" s="6"/>
    </row>
    <row r="32004" spans="1:12">
      <c r="A32004" s="6" t="s">
        <v>33096</v>
      </c>
      <c r="B32004" s="6"/>
      <c r="C32004" s="6" t="s">
        <v>32230</v>
      </c>
      <c r="D32004" s="6"/>
      <c r="E32004" s="6" t="s">
        <v>9</v>
      </c>
      <c r="F32004" s="7">
        <v>31138</v>
      </c>
      <c r="G32004" s="8">
        <v>511896</v>
      </c>
      <c r="H32004" s="8">
        <v>1</v>
      </c>
      <c r="I32004" s="8">
        <v>511895</v>
      </c>
      <c r="J32004" s="8">
        <v>1</v>
      </c>
      <c r="K32004" s="9"/>
      <c r="L32004" s="6"/>
    </row>
    <row r="32005" spans="1:12">
      <c r="A32005" s="6" t="s">
        <v>33097</v>
      </c>
      <c r="B32005" s="6"/>
      <c r="C32005" s="6" t="s">
        <v>32230</v>
      </c>
      <c r="D32005" s="6"/>
      <c r="E32005" s="6" t="s">
        <v>9</v>
      </c>
      <c r="F32005" s="7">
        <v>31138</v>
      </c>
      <c r="G32005" s="8">
        <v>10955000</v>
      </c>
      <c r="H32005" s="8">
        <v>1</v>
      </c>
      <c r="I32005" s="8">
        <v>10954999</v>
      </c>
      <c r="J32005" s="8">
        <v>1</v>
      </c>
      <c r="K32005" s="9"/>
      <c r="L32005" s="6"/>
    </row>
    <row r="32006" spans="1:12">
      <c r="A32006" s="6" t="s">
        <v>33096</v>
      </c>
      <c r="B32006" s="6"/>
      <c r="C32006" s="6" t="s">
        <v>32230</v>
      </c>
      <c r="D32006" s="6"/>
      <c r="E32006" s="6" t="s">
        <v>9</v>
      </c>
      <c r="F32006" s="7">
        <v>31503</v>
      </c>
      <c r="G32006" s="8">
        <v>2624578</v>
      </c>
      <c r="H32006" s="8">
        <v>1</v>
      </c>
      <c r="I32006" s="8">
        <v>2624577</v>
      </c>
      <c r="J32006" s="8">
        <v>1</v>
      </c>
      <c r="K32006" s="9"/>
      <c r="L32006" s="6"/>
    </row>
    <row r="32007" spans="1:12">
      <c r="A32007" s="6" t="s">
        <v>33096</v>
      </c>
      <c r="B32007" s="6"/>
      <c r="C32007" s="6" t="s">
        <v>32230</v>
      </c>
      <c r="D32007" s="6"/>
      <c r="E32007" s="6" t="s">
        <v>9</v>
      </c>
      <c r="F32007" s="7">
        <v>31503</v>
      </c>
      <c r="G32007" s="8">
        <v>2868897</v>
      </c>
      <c r="H32007" s="8">
        <v>1</v>
      </c>
      <c r="I32007" s="8">
        <v>2868896</v>
      </c>
      <c r="J32007" s="8">
        <v>1</v>
      </c>
      <c r="K32007" s="9"/>
      <c r="L32007" s="6"/>
    </row>
    <row r="32008" spans="1:12">
      <c r="A32008" s="6" t="s">
        <v>33096</v>
      </c>
      <c r="B32008" s="6"/>
      <c r="C32008" s="6" t="s">
        <v>32230</v>
      </c>
      <c r="D32008" s="6"/>
      <c r="E32008" s="6" t="s">
        <v>9</v>
      </c>
      <c r="F32008" s="7">
        <v>31503</v>
      </c>
      <c r="G32008" s="8">
        <v>4908590</v>
      </c>
      <c r="H32008" s="8">
        <v>1</v>
      </c>
      <c r="I32008" s="8">
        <v>4908589</v>
      </c>
      <c r="J32008" s="8">
        <v>1</v>
      </c>
      <c r="K32008" s="9"/>
      <c r="L32008" s="6"/>
    </row>
    <row r="32009" spans="1:12">
      <c r="A32009" s="6" t="s">
        <v>33096</v>
      </c>
      <c r="B32009" s="6"/>
      <c r="C32009" s="6" t="s">
        <v>32230</v>
      </c>
      <c r="D32009" s="6"/>
      <c r="E32009" s="6" t="s">
        <v>9</v>
      </c>
      <c r="F32009" s="7">
        <v>31503</v>
      </c>
      <c r="G32009" s="8">
        <v>993934</v>
      </c>
      <c r="H32009" s="8">
        <v>1</v>
      </c>
      <c r="I32009" s="8">
        <v>993933</v>
      </c>
      <c r="J32009" s="8">
        <v>1</v>
      </c>
      <c r="K32009" s="9"/>
      <c r="L32009" s="6"/>
    </row>
    <row r="32010" spans="1:12">
      <c r="A32010" s="6" t="s">
        <v>33097</v>
      </c>
      <c r="B32010" s="6"/>
      <c r="C32010" s="6" t="s">
        <v>32230</v>
      </c>
      <c r="D32010" s="6"/>
      <c r="E32010" s="6" t="s">
        <v>9</v>
      </c>
      <c r="F32010" s="7">
        <v>31503</v>
      </c>
      <c r="G32010" s="8">
        <v>17261000</v>
      </c>
      <c r="H32010" s="8">
        <v>1</v>
      </c>
      <c r="I32010" s="8">
        <v>17260999</v>
      </c>
      <c r="J32010" s="8">
        <v>1</v>
      </c>
      <c r="K32010" s="9"/>
      <c r="L32010" s="6"/>
    </row>
    <row r="32011" spans="1:12">
      <c r="A32011" s="6" t="s">
        <v>33097</v>
      </c>
      <c r="B32011" s="6"/>
      <c r="C32011" s="6" t="s">
        <v>32230</v>
      </c>
      <c r="D32011" s="6"/>
      <c r="E32011" s="6" t="s">
        <v>9</v>
      </c>
      <c r="F32011" s="7">
        <v>31868</v>
      </c>
      <c r="G32011" s="8">
        <v>3960000</v>
      </c>
      <c r="H32011" s="8">
        <v>1</v>
      </c>
      <c r="I32011" s="8">
        <v>3959999</v>
      </c>
      <c r="J32011" s="8">
        <v>1</v>
      </c>
      <c r="K32011" s="9"/>
      <c r="L32011" s="6"/>
    </row>
    <row r="32012" spans="1:12">
      <c r="A32012" s="6" t="s">
        <v>33096</v>
      </c>
      <c r="B32012" s="6"/>
      <c r="C32012" s="6" t="s">
        <v>32230</v>
      </c>
      <c r="D32012" s="6"/>
      <c r="E32012" s="6" t="s">
        <v>9</v>
      </c>
      <c r="F32012" s="7">
        <v>31503</v>
      </c>
      <c r="G32012" s="8">
        <v>7780000</v>
      </c>
      <c r="H32012" s="8">
        <v>1</v>
      </c>
      <c r="I32012" s="8">
        <v>7779999</v>
      </c>
      <c r="J32012" s="8">
        <v>1</v>
      </c>
      <c r="K32012" s="9"/>
      <c r="L32012" s="6"/>
    </row>
    <row r="32013" spans="1:12">
      <c r="A32013" s="6" t="s">
        <v>33096</v>
      </c>
      <c r="B32013" s="6"/>
      <c r="C32013" s="6" t="s">
        <v>32230</v>
      </c>
      <c r="D32013" s="6"/>
      <c r="E32013" s="6" t="s">
        <v>9</v>
      </c>
      <c r="F32013" s="7">
        <v>31503</v>
      </c>
      <c r="G32013" s="8">
        <v>313200</v>
      </c>
      <c r="H32013" s="8">
        <v>1</v>
      </c>
      <c r="I32013" s="8">
        <v>313199</v>
      </c>
      <c r="J32013" s="8">
        <v>1</v>
      </c>
      <c r="K32013" s="9"/>
      <c r="L32013" s="6"/>
    </row>
    <row r="32014" spans="1:12">
      <c r="A32014" s="6" t="s">
        <v>33096</v>
      </c>
      <c r="B32014" s="6"/>
      <c r="C32014" s="6" t="s">
        <v>32230</v>
      </c>
      <c r="D32014" s="6"/>
      <c r="E32014" s="6" t="s">
        <v>9</v>
      </c>
      <c r="F32014" s="7">
        <v>31503</v>
      </c>
      <c r="G32014" s="8">
        <v>313200</v>
      </c>
      <c r="H32014" s="8">
        <v>1</v>
      </c>
      <c r="I32014" s="8">
        <v>313199</v>
      </c>
      <c r="J32014" s="8">
        <v>1</v>
      </c>
      <c r="K32014" s="9"/>
      <c r="L32014" s="6"/>
    </row>
    <row r="32015" spans="1:12">
      <c r="A32015" s="6" t="s">
        <v>33096</v>
      </c>
      <c r="B32015" s="6"/>
      <c r="C32015" s="6" t="s">
        <v>32230</v>
      </c>
      <c r="D32015" s="6"/>
      <c r="E32015" s="6" t="s">
        <v>9</v>
      </c>
      <c r="F32015" s="7">
        <v>31868</v>
      </c>
      <c r="G32015" s="8">
        <v>9604000</v>
      </c>
      <c r="H32015" s="8">
        <v>1</v>
      </c>
      <c r="I32015" s="8">
        <v>9603999</v>
      </c>
      <c r="J32015" s="8">
        <v>1</v>
      </c>
      <c r="K32015" s="9"/>
      <c r="L32015" s="6"/>
    </row>
    <row r="32016" spans="1:12">
      <c r="A32016" s="6" t="s">
        <v>33097</v>
      </c>
      <c r="B32016" s="6"/>
      <c r="C32016" s="6" t="s">
        <v>32230</v>
      </c>
      <c r="D32016" s="6"/>
      <c r="E32016" s="6" t="s">
        <v>9</v>
      </c>
      <c r="F32016" s="7">
        <v>31138</v>
      </c>
      <c r="G32016" s="8">
        <v>10275000</v>
      </c>
      <c r="H32016" s="8">
        <v>1</v>
      </c>
      <c r="I32016" s="8">
        <v>10274999</v>
      </c>
      <c r="J32016" s="8">
        <v>1</v>
      </c>
      <c r="K32016" s="9"/>
      <c r="L32016" s="6"/>
    </row>
    <row r="32017" spans="1:12">
      <c r="A32017" s="6" t="s">
        <v>33125</v>
      </c>
      <c r="B32017" s="6"/>
      <c r="C32017" s="6" t="s">
        <v>32230</v>
      </c>
      <c r="D32017" s="6"/>
      <c r="E32017" s="6" t="s">
        <v>9</v>
      </c>
      <c r="F32017" s="7">
        <v>42684</v>
      </c>
      <c r="G32017" s="8">
        <v>17757360</v>
      </c>
      <c r="H32017" s="8">
        <v>13566624</v>
      </c>
      <c r="I32017" s="8">
        <v>5238420</v>
      </c>
      <c r="J32017" s="8">
        <v>12518940</v>
      </c>
      <c r="K32017" s="9"/>
      <c r="L32017" s="6"/>
    </row>
    <row r="32018" spans="1:12">
      <c r="A32018" s="6" t="s">
        <v>33096</v>
      </c>
      <c r="B32018" s="6"/>
      <c r="C32018" s="6" t="s">
        <v>32230</v>
      </c>
      <c r="D32018" s="6"/>
      <c r="E32018" s="6" t="s">
        <v>9</v>
      </c>
      <c r="F32018" s="7">
        <v>30773</v>
      </c>
      <c r="G32018" s="8">
        <v>3672000</v>
      </c>
      <c r="H32018" s="8">
        <v>1</v>
      </c>
      <c r="I32018" s="8">
        <v>3671999</v>
      </c>
      <c r="J32018" s="8">
        <v>1</v>
      </c>
      <c r="K32018" s="9"/>
      <c r="L32018" s="6"/>
    </row>
    <row r="32019" spans="1:12">
      <c r="A32019" s="6" t="s">
        <v>33096</v>
      </c>
      <c r="B32019" s="6"/>
      <c r="C32019" s="6" t="s">
        <v>32230</v>
      </c>
      <c r="D32019" s="6"/>
      <c r="E32019" s="6" t="s">
        <v>9</v>
      </c>
      <c r="F32019" s="7">
        <v>30773</v>
      </c>
      <c r="G32019" s="8">
        <v>4144500</v>
      </c>
      <c r="H32019" s="8">
        <v>1</v>
      </c>
      <c r="I32019" s="8">
        <v>4144499</v>
      </c>
      <c r="J32019" s="8">
        <v>1</v>
      </c>
      <c r="K32019" s="9"/>
      <c r="L32019" s="6"/>
    </row>
    <row r="32020" spans="1:12">
      <c r="A32020" s="6" t="s">
        <v>33096</v>
      </c>
      <c r="B32020" s="6"/>
      <c r="C32020" s="6" t="s">
        <v>32230</v>
      </c>
      <c r="D32020" s="6"/>
      <c r="E32020" s="6" t="s">
        <v>9</v>
      </c>
      <c r="F32020" s="7">
        <v>31138</v>
      </c>
      <c r="G32020" s="8">
        <v>16861500</v>
      </c>
      <c r="H32020" s="8">
        <v>1</v>
      </c>
      <c r="I32020" s="8">
        <v>16861499</v>
      </c>
      <c r="J32020" s="8">
        <v>1</v>
      </c>
      <c r="K32020" s="9"/>
      <c r="L32020" s="6"/>
    </row>
    <row r="32021" spans="1:12">
      <c r="A32021" s="6" t="s">
        <v>33096</v>
      </c>
      <c r="B32021" s="6"/>
      <c r="C32021" s="6" t="s">
        <v>32230</v>
      </c>
      <c r="D32021" s="6"/>
      <c r="E32021" s="6" t="s">
        <v>9</v>
      </c>
      <c r="F32021" s="7">
        <v>30773</v>
      </c>
      <c r="G32021" s="8">
        <v>6660900</v>
      </c>
      <c r="H32021" s="8">
        <v>1</v>
      </c>
      <c r="I32021" s="8">
        <v>6660899</v>
      </c>
      <c r="J32021" s="8">
        <v>1</v>
      </c>
      <c r="K32021" s="9"/>
      <c r="L32021" s="6"/>
    </row>
    <row r="32022" spans="1:12">
      <c r="A32022" s="6" t="s">
        <v>33096</v>
      </c>
      <c r="B32022" s="6"/>
      <c r="C32022" s="6" t="s">
        <v>32230</v>
      </c>
      <c r="D32022" s="6"/>
      <c r="E32022" s="6" t="s">
        <v>9</v>
      </c>
      <c r="F32022" s="7">
        <v>30773</v>
      </c>
      <c r="G32022" s="8">
        <v>1603800</v>
      </c>
      <c r="H32022" s="8">
        <v>1</v>
      </c>
      <c r="I32022" s="8">
        <v>1603799</v>
      </c>
      <c r="J32022" s="8">
        <v>1</v>
      </c>
      <c r="K32022" s="9"/>
      <c r="L32022" s="6"/>
    </row>
    <row r="32023" spans="1:12">
      <c r="A32023" s="6" t="s">
        <v>33096</v>
      </c>
      <c r="B32023" s="6"/>
      <c r="C32023" s="6" t="s">
        <v>32230</v>
      </c>
      <c r="D32023" s="6"/>
      <c r="E32023" s="6" t="s">
        <v>9</v>
      </c>
      <c r="F32023" s="7">
        <v>30773</v>
      </c>
      <c r="G32023" s="8">
        <v>1266300</v>
      </c>
      <c r="H32023" s="8">
        <v>1</v>
      </c>
      <c r="I32023" s="8">
        <v>1266299</v>
      </c>
      <c r="J32023" s="8">
        <v>1</v>
      </c>
      <c r="K32023" s="9"/>
      <c r="L32023" s="6"/>
    </row>
    <row r="32024" spans="1:12">
      <c r="A32024" s="6" t="s">
        <v>33096</v>
      </c>
      <c r="B32024" s="6"/>
      <c r="C32024" s="6" t="s">
        <v>32230</v>
      </c>
      <c r="D32024" s="6"/>
      <c r="E32024" s="6" t="s">
        <v>9</v>
      </c>
      <c r="F32024" s="7">
        <v>30773</v>
      </c>
      <c r="G32024" s="8">
        <v>521100</v>
      </c>
      <c r="H32024" s="8">
        <v>1</v>
      </c>
      <c r="I32024" s="8">
        <v>521099</v>
      </c>
      <c r="J32024" s="8">
        <v>1</v>
      </c>
      <c r="K32024" s="9"/>
      <c r="L32024" s="6"/>
    </row>
    <row r="32025" spans="1:12">
      <c r="A32025" s="6" t="s">
        <v>33097</v>
      </c>
      <c r="B32025" s="6"/>
      <c r="C32025" s="6" t="s">
        <v>32230</v>
      </c>
      <c r="D32025" s="6"/>
      <c r="E32025" s="6" t="s">
        <v>9</v>
      </c>
      <c r="F32025" s="7">
        <v>30773</v>
      </c>
      <c r="G32025" s="8">
        <v>1</v>
      </c>
      <c r="H32025" s="8">
        <v>1</v>
      </c>
      <c r="I32025" s="8">
        <v>0</v>
      </c>
      <c r="J32025" s="8">
        <v>1</v>
      </c>
      <c r="K32025" s="9"/>
      <c r="L32025" s="6"/>
    </row>
    <row r="32026" spans="1:12">
      <c r="A32026" s="6" t="s">
        <v>33096</v>
      </c>
      <c r="B32026" s="6"/>
      <c r="C32026" s="6" t="s">
        <v>32230</v>
      </c>
      <c r="D32026" s="6"/>
      <c r="E32026" s="6" t="s">
        <v>9</v>
      </c>
      <c r="F32026" s="7">
        <v>31868</v>
      </c>
      <c r="G32026" s="8">
        <v>261900</v>
      </c>
      <c r="H32026" s="8">
        <v>1</v>
      </c>
      <c r="I32026" s="8">
        <v>261899</v>
      </c>
      <c r="J32026" s="8">
        <v>1</v>
      </c>
      <c r="K32026" s="9"/>
      <c r="L32026" s="6"/>
    </row>
    <row r="32027" spans="1:12">
      <c r="A32027" s="6" t="s">
        <v>33096</v>
      </c>
      <c r="B32027" s="6"/>
      <c r="C32027" s="6" t="s">
        <v>32230</v>
      </c>
      <c r="D32027" s="6"/>
      <c r="E32027" s="6" t="s">
        <v>9</v>
      </c>
      <c r="F32027" s="7">
        <v>31868</v>
      </c>
      <c r="G32027" s="8">
        <v>897000</v>
      </c>
      <c r="H32027" s="8">
        <v>1</v>
      </c>
      <c r="I32027" s="8">
        <v>896999</v>
      </c>
      <c r="J32027" s="8">
        <v>1</v>
      </c>
      <c r="K32027" s="9"/>
      <c r="L32027" s="6"/>
    </row>
    <row r="32028" spans="1:12">
      <c r="A32028" s="6" t="s">
        <v>33097</v>
      </c>
      <c r="B32028" s="6"/>
      <c r="C32028" s="6" t="s">
        <v>32230</v>
      </c>
      <c r="D32028" s="6"/>
      <c r="E32028" s="6" t="s">
        <v>9</v>
      </c>
      <c r="F32028" s="7">
        <v>38443</v>
      </c>
      <c r="G32028" s="8">
        <v>17220000</v>
      </c>
      <c r="H32028" s="8">
        <v>1980300</v>
      </c>
      <c r="I32028" s="8">
        <v>16255680</v>
      </c>
      <c r="J32028" s="8">
        <v>964320</v>
      </c>
      <c r="K32028" s="9"/>
      <c r="L32028" s="6"/>
    </row>
    <row r="32029" spans="1:12">
      <c r="A32029" s="6" t="s">
        <v>33126</v>
      </c>
      <c r="B32029" s="6"/>
      <c r="C32029" s="6" t="s">
        <v>32230</v>
      </c>
      <c r="D32029" s="6"/>
      <c r="E32029" s="6" t="s">
        <v>9</v>
      </c>
      <c r="F32029" s="7">
        <v>42788</v>
      </c>
      <c r="G32029" s="8">
        <v>777600</v>
      </c>
      <c r="H32029" s="8">
        <v>569204</v>
      </c>
      <c r="I32029" s="8">
        <v>260495</v>
      </c>
      <c r="J32029" s="8">
        <v>517105</v>
      </c>
      <c r="K32029" s="9"/>
      <c r="L32029" s="6"/>
    </row>
    <row r="32030" spans="1:12">
      <c r="A32030" s="6" t="s">
        <v>33096</v>
      </c>
      <c r="B32030" s="6"/>
      <c r="C32030" s="6" t="s">
        <v>32230</v>
      </c>
      <c r="D32030" s="6"/>
      <c r="E32030" s="6" t="s">
        <v>9</v>
      </c>
      <c r="F32030" s="7">
        <v>31868</v>
      </c>
      <c r="G32030" s="8">
        <v>118800</v>
      </c>
      <c r="H32030" s="8">
        <v>1</v>
      </c>
      <c r="I32030" s="8">
        <v>118799</v>
      </c>
      <c r="J32030" s="8">
        <v>1</v>
      </c>
      <c r="K32030" s="9"/>
      <c r="L32030" s="6"/>
    </row>
    <row r="32031" spans="1:12">
      <c r="A32031" s="6" t="s">
        <v>33096</v>
      </c>
      <c r="B32031" s="6"/>
      <c r="C32031" s="6" t="s">
        <v>32230</v>
      </c>
      <c r="D32031" s="6"/>
      <c r="E32031" s="6" t="s">
        <v>9</v>
      </c>
      <c r="F32031" s="7">
        <v>31868</v>
      </c>
      <c r="G32031" s="8">
        <v>164700</v>
      </c>
      <c r="H32031" s="8">
        <v>1</v>
      </c>
      <c r="I32031" s="8">
        <v>164699</v>
      </c>
      <c r="J32031" s="8">
        <v>1</v>
      </c>
      <c r="K32031" s="9"/>
      <c r="L32031" s="6"/>
    </row>
    <row r="32032" spans="1:12">
      <c r="A32032" s="6" t="s">
        <v>33096</v>
      </c>
      <c r="B32032" s="6"/>
      <c r="C32032" s="6" t="s">
        <v>32230</v>
      </c>
      <c r="D32032" s="6"/>
      <c r="E32032" s="6" t="s">
        <v>9</v>
      </c>
      <c r="F32032" s="7">
        <v>31868</v>
      </c>
      <c r="G32032" s="8">
        <v>167400</v>
      </c>
      <c r="H32032" s="8">
        <v>1</v>
      </c>
      <c r="I32032" s="8">
        <v>167399</v>
      </c>
      <c r="J32032" s="8">
        <v>1</v>
      </c>
      <c r="K32032" s="9"/>
      <c r="L32032" s="6"/>
    </row>
    <row r="32033" spans="1:12">
      <c r="A32033" s="6" t="s">
        <v>33096</v>
      </c>
      <c r="B32033" s="6"/>
      <c r="C32033" s="6" t="s">
        <v>32230</v>
      </c>
      <c r="D32033" s="6"/>
      <c r="E32033" s="6" t="s">
        <v>9</v>
      </c>
      <c r="F32033" s="7">
        <v>31868</v>
      </c>
      <c r="G32033" s="8">
        <v>12351000</v>
      </c>
      <c r="H32033" s="8">
        <v>1</v>
      </c>
      <c r="I32033" s="8">
        <v>12350999</v>
      </c>
      <c r="J32033" s="8">
        <v>1</v>
      </c>
      <c r="K32033" s="9"/>
      <c r="L32033" s="6"/>
    </row>
    <row r="32034" spans="1:12">
      <c r="A32034" s="6" t="s">
        <v>33096</v>
      </c>
      <c r="B32034" s="6"/>
      <c r="C32034" s="6" t="s">
        <v>32230</v>
      </c>
      <c r="D32034" s="6"/>
      <c r="E32034" s="6" t="s">
        <v>9</v>
      </c>
      <c r="F32034" s="7">
        <v>31868</v>
      </c>
      <c r="G32034" s="8">
        <v>918000</v>
      </c>
      <c r="H32034" s="8">
        <v>1</v>
      </c>
      <c r="I32034" s="8">
        <v>917999</v>
      </c>
      <c r="J32034" s="8">
        <v>1</v>
      </c>
      <c r="K32034" s="9"/>
      <c r="L32034" s="6"/>
    </row>
    <row r="32035" spans="1:12">
      <c r="A32035" s="6" t="s">
        <v>33096</v>
      </c>
      <c r="B32035" s="6"/>
      <c r="C32035" s="6" t="s">
        <v>32230</v>
      </c>
      <c r="D32035" s="6"/>
      <c r="E32035" s="6" t="s">
        <v>9</v>
      </c>
      <c r="F32035" s="7">
        <v>31868</v>
      </c>
      <c r="G32035" s="8">
        <v>12901000</v>
      </c>
      <c r="H32035" s="8">
        <v>1</v>
      </c>
      <c r="I32035" s="8">
        <v>12900999</v>
      </c>
      <c r="J32035" s="8">
        <v>1</v>
      </c>
      <c r="K32035" s="9"/>
      <c r="L32035" s="6"/>
    </row>
    <row r="32036" spans="1:12">
      <c r="A32036" s="6" t="s">
        <v>33096</v>
      </c>
      <c r="B32036" s="6"/>
      <c r="C32036" s="6" t="s">
        <v>32230</v>
      </c>
      <c r="D32036" s="6"/>
      <c r="E32036" s="6" t="s">
        <v>9</v>
      </c>
      <c r="F32036" s="7">
        <v>31868</v>
      </c>
      <c r="G32036" s="8">
        <v>210600</v>
      </c>
      <c r="H32036" s="8">
        <v>1</v>
      </c>
      <c r="I32036" s="8">
        <v>210599</v>
      </c>
      <c r="J32036" s="8">
        <v>1</v>
      </c>
      <c r="K32036" s="9"/>
      <c r="L32036" s="6"/>
    </row>
    <row r="32037" spans="1:12">
      <c r="A32037" s="6" t="s">
        <v>33096</v>
      </c>
      <c r="B32037" s="6"/>
      <c r="C32037" s="6" t="s">
        <v>32230</v>
      </c>
      <c r="D32037" s="6"/>
      <c r="E32037" s="6" t="s">
        <v>9</v>
      </c>
      <c r="F32037" s="7">
        <v>31868</v>
      </c>
      <c r="G32037" s="8">
        <v>918000</v>
      </c>
      <c r="H32037" s="8">
        <v>1</v>
      </c>
      <c r="I32037" s="8">
        <v>917999</v>
      </c>
      <c r="J32037" s="8">
        <v>1</v>
      </c>
      <c r="K32037" s="9"/>
      <c r="L32037" s="6"/>
    </row>
    <row r="32038" spans="1:12">
      <c r="A32038" s="6" t="s">
        <v>33096</v>
      </c>
      <c r="B32038" s="6"/>
      <c r="C32038" s="6" t="s">
        <v>32230</v>
      </c>
      <c r="D32038" s="6"/>
      <c r="E32038" s="6" t="s">
        <v>9</v>
      </c>
      <c r="F32038" s="7">
        <v>32234</v>
      </c>
      <c r="G32038" s="8">
        <v>23603000</v>
      </c>
      <c r="H32038" s="8">
        <v>1</v>
      </c>
      <c r="I32038" s="8">
        <v>23602999</v>
      </c>
      <c r="J32038" s="8">
        <v>1</v>
      </c>
      <c r="K32038" s="9"/>
      <c r="L32038" s="6"/>
    </row>
    <row r="32039" spans="1:12">
      <c r="A32039" s="6" t="s">
        <v>33096</v>
      </c>
      <c r="B32039" s="6"/>
      <c r="C32039" s="6" t="s">
        <v>32230</v>
      </c>
      <c r="D32039" s="6"/>
      <c r="E32039" s="6" t="s">
        <v>9</v>
      </c>
      <c r="F32039" s="7">
        <v>41365</v>
      </c>
      <c r="G32039" s="8">
        <v>41432</v>
      </c>
      <c r="H32039" s="8">
        <v>22007</v>
      </c>
      <c r="I32039" s="8">
        <v>22200</v>
      </c>
      <c r="J32039" s="8">
        <v>19232</v>
      </c>
      <c r="K32039" s="9"/>
      <c r="L32039" s="6"/>
    </row>
    <row r="32040" spans="1:12">
      <c r="A32040" s="6" t="s">
        <v>33097</v>
      </c>
      <c r="B32040" s="6"/>
      <c r="C32040" s="6" t="s">
        <v>32230</v>
      </c>
      <c r="D32040" s="6"/>
      <c r="E32040" s="6" t="s">
        <v>9</v>
      </c>
      <c r="F32040" s="7">
        <v>32234</v>
      </c>
      <c r="G32040" s="8">
        <v>11280000</v>
      </c>
      <c r="H32040" s="8">
        <v>1</v>
      </c>
      <c r="I32040" s="8">
        <v>11279999</v>
      </c>
      <c r="J32040" s="8">
        <v>1</v>
      </c>
      <c r="K32040" s="9"/>
      <c r="L32040" s="6"/>
    </row>
    <row r="32041" spans="1:12">
      <c r="A32041" s="6" t="s">
        <v>33097</v>
      </c>
      <c r="B32041" s="6"/>
      <c r="C32041" s="6" t="s">
        <v>32230</v>
      </c>
      <c r="D32041" s="6"/>
      <c r="E32041" s="6" t="s">
        <v>9</v>
      </c>
      <c r="F32041" s="7">
        <v>40525</v>
      </c>
      <c r="G32041" s="8">
        <v>2940000</v>
      </c>
      <c r="H32041" s="8">
        <v>1205400</v>
      </c>
      <c r="I32041" s="8">
        <v>1908060</v>
      </c>
      <c r="J32041" s="8">
        <v>1031940</v>
      </c>
      <c r="K32041" s="9"/>
      <c r="L32041" s="6"/>
    </row>
    <row r="32042" spans="1:12">
      <c r="A32042" s="6" t="s">
        <v>33127</v>
      </c>
      <c r="B32042" s="6"/>
      <c r="C32042" s="6" t="s">
        <v>32230</v>
      </c>
      <c r="D32042" s="6"/>
      <c r="E32042" s="6" t="s">
        <v>9</v>
      </c>
      <c r="F32042" s="7">
        <v>43461</v>
      </c>
      <c r="G32042" s="8">
        <v>3456000</v>
      </c>
      <c r="H32042" s="8">
        <v>2592000</v>
      </c>
      <c r="I32042" s="8">
        <v>1296000</v>
      </c>
      <c r="J32042" s="8">
        <v>2160000</v>
      </c>
      <c r="K32042" s="9"/>
      <c r="L32042" s="6"/>
    </row>
    <row r="32043" spans="1:12">
      <c r="A32043" s="6" t="s">
        <v>33096</v>
      </c>
      <c r="B32043" s="6"/>
      <c r="C32043" s="6" t="s">
        <v>32230</v>
      </c>
      <c r="D32043" s="6"/>
      <c r="E32043" s="6" t="s">
        <v>9</v>
      </c>
      <c r="F32043" s="7">
        <v>32234</v>
      </c>
      <c r="G32043" s="8">
        <v>199800</v>
      </c>
      <c r="H32043" s="8">
        <v>1</v>
      </c>
      <c r="I32043" s="8">
        <v>199799</v>
      </c>
      <c r="J32043" s="8">
        <v>1</v>
      </c>
      <c r="K32043" s="9"/>
      <c r="L32043" s="6"/>
    </row>
    <row r="32044" spans="1:12">
      <c r="A32044" s="6" t="s">
        <v>33096</v>
      </c>
      <c r="B32044" s="6"/>
      <c r="C32044" s="6" t="s">
        <v>32230</v>
      </c>
      <c r="D32044" s="6"/>
      <c r="E32044" s="6" t="s">
        <v>9</v>
      </c>
      <c r="F32044" s="7">
        <v>32234</v>
      </c>
      <c r="G32044" s="8">
        <v>11530000</v>
      </c>
      <c r="H32044" s="8">
        <v>1</v>
      </c>
      <c r="I32044" s="8">
        <v>11529999</v>
      </c>
      <c r="J32044" s="8">
        <v>1</v>
      </c>
      <c r="K32044" s="9"/>
      <c r="L32044" s="6"/>
    </row>
    <row r="32045" spans="1:12">
      <c r="A32045" s="6" t="s">
        <v>33096</v>
      </c>
      <c r="B32045" s="6"/>
      <c r="C32045" s="6" t="s">
        <v>32230</v>
      </c>
      <c r="D32045" s="6"/>
      <c r="E32045" s="6" t="s">
        <v>9</v>
      </c>
      <c r="F32045" s="7">
        <v>32599</v>
      </c>
      <c r="G32045" s="8">
        <v>12418000</v>
      </c>
      <c r="H32045" s="8">
        <v>1</v>
      </c>
      <c r="I32045" s="8">
        <v>12417999</v>
      </c>
      <c r="J32045" s="8">
        <v>1</v>
      </c>
      <c r="K32045" s="9"/>
      <c r="L32045" s="6"/>
    </row>
    <row r="32046" spans="1:12">
      <c r="A32046" s="6" t="s">
        <v>33096</v>
      </c>
      <c r="B32046" s="6"/>
      <c r="C32046" s="6" t="s">
        <v>32230</v>
      </c>
      <c r="D32046" s="6"/>
      <c r="E32046" s="6" t="s">
        <v>9</v>
      </c>
      <c r="F32046" s="7">
        <v>32599</v>
      </c>
      <c r="G32046" s="8">
        <v>7990000</v>
      </c>
      <c r="H32046" s="8">
        <v>1</v>
      </c>
      <c r="I32046" s="8">
        <v>7989999</v>
      </c>
      <c r="J32046" s="8">
        <v>1</v>
      </c>
      <c r="K32046" s="9"/>
      <c r="L32046" s="6"/>
    </row>
    <row r="32047" spans="1:12">
      <c r="A32047" s="6" t="s">
        <v>33096</v>
      </c>
      <c r="B32047" s="6"/>
      <c r="C32047" s="6" t="s">
        <v>32230</v>
      </c>
      <c r="D32047" s="6"/>
      <c r="E32047" s="6" t="s">
        <v>9</v>
      </c>
      <c r="F32047" s="7">
        <v>32234</v>
      </c>
      <c r="G32047" s="8">
        <v>7293000</v>
      </c>
      <c r="H32047" s="8">
        <v>1</v>
      </c>
      <c r="I32047" s="8">
        <v>7292999</v>
      </c>
      <c r="J32047" s="8">
        <v>1</v>
      </c>
      <c r="K32047" s="9"/>
      <c r="L32047" s="6"/>
    </row>
    <row r="32048" spans="1:12">
      <c r="A32048" s="6" t="s">
        <v>33096</v>
      </c>
      <c r="B32048" s="6"/>
      <c r="C32048" s="6" t="s">
        <v>32230</v>
      </c>
      <c r="D32048" s="6"/>
      <c r="E32048" s="6" t="s">
        <v>9</v>
      </c>
      <c r="F32048" s="7">
        <v>31868</v>
      </c>
      <c r="G32048" s="8">
        <v>20338000</v>
      </c>
      <c r="H32048" s="8">
        <v>1</v>
      </c>
      <c r="I32048" s="8">
        <v>20337999</v>
      </c>
      <c r="J32048" s="8">
        <v>1</v>
      </c>
      <c r="K32048" s="9"/>
      <c r="L32048" s="6"/>
    </row>
    <row r="32049" spans="1:12">
      <c r="A32049" s="6" t="s">
        <v>33096</v>
      </c>
      <c r="B32049" s="6"/>
      <c r="C32049" s="6" t="s">
        <v>32230</v>
      </c>
      <c r="D32049" s="6"/>
      <c r="E32049" s="6" t="s">
        <v>9</v>
      </c>
      <c r="F32049" s="7">
        <v>32234</v>
      </c>
      <c r="G32049" s="8">
        <v>5643000</v>
      </c>
      <c r="H32049" s="8">
        <v>1</v>
      </c>
      <c r="I32049" s="8">
        <v>5642999</v>
      </c>
      <c r="J32049" s="8">
        <v>1</v>
      </c>
      <c r="K32049" s="9"/>
      <c r="L32049" s="6"/>
    </row>
    <row r="32050" spans="1:12">
      <c r="A32050" s="6" t="s">
        <v>33096</v>
      </c>
      <c r="B32050" s="6"/>
      <c r="C32050" s="6" t="s">
        <v>32230</v>
      </c>
      <c r="D32050" s="6"/>
      <c r="E32050" s="6" t="s">
        <v>9</v>
      </c>
      <c r="F32050" s="7">
        <v>41365</v>
      </c>
      <c r="G32050" s="8">
        <v>418887</v>
      </c>
      <c r="H32050" s="8">
        <v>222432</v>
      </c>
      <c r="I32050" s="8">
        <v>224520</v>
      </c>
      <c r="J32050" s="8">
        <v>194367</v>
      </c>
      <c r="K32050" s="9"/>
      <c r="L32050" s="6"/>
    </row>
    <row r="32051" spans="1:12">
      <c r="A32051" s="6" t="s">
        <v>33096</v>
      </c>
      <c r="B32051" s="6"/>
      <c r="C32051" s="6" t="s">
        <v>32230</v>
      </c>
      <c r="D32051" s="6"/>
      <c r="E32051" s="6" t="s">
        <v>9</v>
      </c>
      <c r="F32051" s="7">
        <v>32599</v>
      </c>
      <c r="G32051" s="8">
        <v>7259845</v>
      </c>
      <c r="H32051" s="8">
        <v>1</v>
      </c>
      <c r="I32051" s="8">
        <v>7259844</v>
      </c>
      <c r="J32051" s="8">
        <v>1</v>
      </c>
      <c r="K32051" s="9"/>
      <c r="L32051" s="6"/>
    </row>
    <row r="32052" spans="1:12">
      <c r="A32052" s="6" t="s">
        <v>33096</v>
      </c>
      <c r="B32052" s="6"/>
      <c r="C32052" s="6" t="s">
        <v>32230</v>
      </c>
      <c r="D32052" s="6"/>
      <c r="E32052" s="6" t="s">
        <v>9</v>
      </c>
      <c r="F32052" s="7">
        <v>32599</v>
      </c>
      <c r="G32052" s="8">
        <v>3060154</v>
      </c>
      <c r="H32052" s="8">
        <v>1</v>
      </c>
      <c r="I32052" s="8">
        <v>3060153</v>
      </c>
      <c r="J32052" s="8">
        <v>1</v>
      </c>
      <c r="K32052" s="9"/>
      <c r="L32052" s="6"/>
    </row>
    <row r="32053" spans="1:12">
      <c r="A32053" s="6" t="s">
        <v>33096</v>
      </c>
      <c r="B32053" s="6"/>
      <c r="C32053" s="6" t="s">
        <v>32230</v>
      </c>
      <c r="D32053" s="6"/>
      <c r="E32053" s="6" t="s">
        <v>9</v>
      </c>
      <c r="F32053" s="7">
        <v>32599</v>
      </c>
      <c r="G32053" s="8">
        <v>918000</v>
      </c>
      <c r="H32053" s="8">
        <v>1</v>
      </c>
      <c r="I32053" s="8">
        <v>917999</v>
      </c>
      <c r="J32053" s="8">
        <v>1</v>
      </c>
      <c r="K32053" s="9"/>
      <c r="L32053" s="6"/>
    </row>
    <row r="32054" spans="1:12">
      <c r="A32054" s="6" t="s">
        <v>33097</v>
      </c>
      <c r="B32054" s="6"/>
      <c r="C32054" s="6" t="s">
        <v>32230</v>
      </c>
      <c r="D32054" s="6"/>
      <c r="E32054" s="6" t="s">
        <v>9</v>
      </c>
      <c r="F32054" s="7">
        <v>32599</v>
      </c>
      <c r="G32054" s="8">
        <v>4400000</v>
      </c>
      <c r="H32054" s="8">
        <v>1</v>
      </c>
      <c r="I32054" s="8">
        <v>4399999</v>
      </c>
      <c r="J32054" s="8">
        <v>1</v>
      </c>
      <c r="K32054" s="9"/>
      <c r="L32054" s="6"/>
    </row>
    <row r="32055" spans="1:12">
      <c r="A32055" s="6" t="s">
        <v>33096</v>
      </c>
      <c r="B32055" s="6"/>
      <c r="C32055" s="6" t="s">
        <v>32230</v>
      </c>
      <c r="D32055" s="6"/>
      <c r="E32055" s="6" t="s">
        <v>9</v>
      </c>
      <c r="F32055" s="7">
        <v>32964</v>
      </c>
      <c r="G32055" s="8">
        <v>20017800</v>
      </c>
      <c r="H32055" s="8">
        <v>1</v>
      </c>
      <c r="I32055" s="8">
        <v>20017799</v>
      </c>
      <c r="J32055" s="8">
        <v>1</v>
      </c>
      <c r="K32055" s="9"/>
      <c r="L32055" s="6"/>
    </row>
    <row r="32056" spans="1:12">
      <c r="A32056" s="6" t="s">
        <v>33128</v>
      </c>
      <c r="B32056" s="6"/>
      <c r="C32056" s="6" t="s">
        <v>32230</v>
      </c>
      <c r="D32056" s="6"/>
      <c r="E32056" s="6" t="s">
        <v>9</v>
      </c>
      <c r="F32056" s="7">
        <v>43733</v>
      </c>
      <c r="G32056" s="8">
        <v>623160</v>
      </c>
      <c r="H32056" s="8">
        <v>586394</v>
      </c>
      <c r="I32056" s="8">
        <v>73532</v>
      </c>
      <c r="J32056" s="8">
        <v>549628</v>
      </c>
      <c r="K32056" s="9"/>
      <c r="L32056" s="6"/>
    </row>
    <row r="32057" spans="1:12">
      <c r="A32057" s="6" t="s">
        <v>33096</v>
      </c>
      <c r="B32057" s="6"/>
      <c r="C32057" s="6" t="s">
        <v>32230</v>
      </c>
      <c r="D32057" s="6"/>
      <c r="E32057" s="6" t="s">
        <v>9</v>
      </c>
      <c r="F32057" s="7">
        <v>32964</v>
      </c>
      <c r="G32057" s="8">
        <v>3399300</v>
      </c>
      <c r="H32057" s="8">
        <v>1</v>
      </c>
      <c r="I32057" s="8">
        <v>3399299</v>
      </c>
      <c r="J32057" s="8">
        <v>1</v>
      </c>
      <c r="K32057" s="9"/>
      <c r="L32057" s="6"/>
    </row>
    <row r="32058" spans="1:12">
      <c r="A32058" s="6" t="s">
        <v>33096</v>
      </c>
      <c r="B32058" s="6"/>
      <c r="C32058" s="6" t="s">
        <v>32230</v>
      </c>
      <c r="D32058" s="6"/>
      <c r="E32058" s="6" t="s">
        <v>9</v>
      </c>
      <c r="F32058" s="7">
        <v>32964</v>
      </c>
      <c r="G32058" s="8">
        <v>831600</v>
      </c>
      <c r="H32058" s="8">
        <v>1</v>
      </c>
      <c r="I32058" s="8">
        <v>831599</v>
      </c>
      <c r="J32058" s="8">
        <v>1</v>
      </c>
      <c r="K32058" s="9"/>
      <c r="L32058" s="6"/>
    </row>
    <row r="32059" spans="1:12">
      <c r="A32059" s="6" t="s">
        <v>33096</v>
      </c>
      <c r="B32059" s="6"/>
      <c r="C32059" s="6" t="s">
        <v>32230</v>
      </c>
      <c r="D32059" s="6"/>
      <c r="E32059" s="6" t="s">
        <v>9</v>
      </c>
      <c r="F32059" s="7">
        <v>32964</v>
      </c>
      <c r="G32059" s="8">
        <v>602100</v>
      </c>
      <c r="H32059" s="8">
        <v>1</v>
      </c>
      <c r="I32059" s="8">
        <v>602099</v>
      </c>
      <c r="J32059" s="8">
        <v>1</v>
      </c>
      <c r="K32059" s="9"/>
      <c r="L32059" s="6"/>
    </row>
    <row r="32060" spans="1:12">
      <c r="A32060" s="6" t="s">
        <v>33096</v>
      </c>
      <c r="B32060" s="6"/>
      <c r="C32060" s="6" t="s">
        <v>32230</v>
      </c>
      <c r="D32060" s="6"/>
      <c r="E32060" s="6" t="s">
        <v>9</v>
      </c>
      <c r="F32060" s="7">
        <v>40249</v>
      </c>
      <c r="G32060" s="8">
        <v>6065850</v>
      </c>
      <c r="H32060" s="8">
        <v>1595329</v>
      </c>
      <c r="I32060" s="8">
        <v>4876932</v>
      </c>
      <c r="J32060" s="8">
        <v>1188918</v>
      </c>
      <c r="K32060" s="9"/>
      <c r="L32060" s="6"/>
    </row>
    <row r="32061" spans="1:12">
      <c r="A32061" s="6" t="s">
        <v>33096</v>
      </c>
      <c r="B32061" s="6"/>
      <c r="C32061" s="6" t="s">
        <v>32230</v>
      </c>
      <c r="D32061" s="6"/>
      <c r="E32061" s="6" t="s">
        <v>9</v>
      </c>
      <c r="F32061" s="7">
        <v>32964</v>
      </c>
      <c r="G32061" s="8">
        <v>288900</v>
      </c>
      <c r="H32061" s="8">
        <v>1</v>
      </c>
      <c r="I32061" s="8">
        <v>288899</v>
      </c>
      <c r="J32061" s="8">
        <v>1</v>
      </c>
      <c r="K32061" s="9"/>
      <c r="L32061" s="6"/>
    </row>
    <row r="32062" spans="1:12">
      <c r="A32062" s="6" t="s">
        <v>33096</v>
      </c>
      <c r="B32062" s="6"/>
      <c r="C32062" s="6" t="s">
        <v>32230</v>
      </c>
      <c r="D32062" s="6"/>
      <c r="E32062" s="6" t="s">
        <v>9</v>
      </c>
      <c r="F32062" s="7">
        <v>32964</v>
      </c>
      <c r="G32062" s="8">
        <v>1479600</v>
      </c>
      <c r="H32062" s="8">
        <v>1</v>
      </c>
      <c r="I32062" s="8">
        <v>1479599</v>
      </c>
      <c r="J32062" s="8">
        <v>1</v>
      </c>
      <c r="K32062" s="9"/>
      <c r="L32062" s="6"/>
    </row>
    <row r="32063" spans="1:12">
      <c r="A32063" s="6" t="s">
        <v>33096</v>
      </c>
      <c r="B32063" s="6"/>
      <c r="C32063" s="6" t="s">
        <v>32230</v>
      </c>
      <c r="D32063" s="6"/>
      <c r="E32063" s="6" t="s">
        <v>9</v>
      </c>
      <c r="F32063" s="7">
        <v>41000</v>
      </c>
      <c r="G32063" s="8">
        <v>409500</v>
      </c>
      <c r="H32063" s="8">
        <v>190012</v>
      </c>
      <c r="I32063" s="8">
        <v>246924</v>
      </c>
      <c r="J32063" s="8">
        <v>162576</v>
      </c>
      <c r="K32063" s="9"/>
      <c r="L32063" s="6"/>
    </row>
    <row r="32064" spans="1:12">
      <c r="A32064" s="6" t="s">
        <v>33097</v>
      </c>
      <c r="B32064" s="6"/>
      <c r="C32064" s="6" t="s">
        <v>32230</v>
      </c>
      <c r="D32064" s="6"/>
      <c r="E32064" s="6" t="s">
        <v>9</v>
      </c>
      <c r="F32064" s="7">
        <v>32964</v>
      </c>
      <c r="G32064" s="8">
        <v>9994000</v>
      </c>
      <c r="H32064" s="8">
        <v>1</v>
      </c>
      <c r="I32064" s="8">
        <v>9993999</v>
      </c>
      <c r="J32064" s="8">
        <v>1</v>
      </c>
      <c r="K32064" s="9"/>
      <c r="L32064" s="6"/>
    </row>
    <row r="32065" spans="1:12">
      <c r="A32065" s="6" t="s">
        <v>33096</v>
      </c>
      <c r="B32065" s="6"/>
      <c r="C32065" s="6" t="s">
        <v>32230</v>
      </c>
      <c r="D32065" s="6"/>
      <c r="E32065" s="6" t="s">
        <v>9</v>
      </c>
      <c r="F32065" s="7">
        <v>32964</v>
      </c>
      <c r="G32065" s="8">
        <v>368229</v>
      </c>
      <c r="H32065" s="8">
        <v>1</v>
      </c>
      <c r="I32065" s="8">
        <v>368228</v>
      </c>
      <c r="J32065" s="8">
        <v>1</v>
      </c>
      <c r="K32065" s="9"/>
      <c r="L32065" s="6"/>
    </row>
    <row r="32066" spans="1:12">
      <c r="A32066" s="6" t="s">
        <v>33096</v>
      </c>
      <c r="B32066" s="6"/>
      <c r="C32066" s="6" t="s">
        <v>32230</v>
      </c>
      <c r="D32066" s="6"/>
      <c r="E32066" s="6" t="s">
        <v>9</v>
      </c>
      <c r="F32066" s="7">
        <v>32964</v>
      </c>
      <c r="G32066" s="8">
        <v>809194</v>
      </c>
      <c r="H32066" s="8">
        <v>1</v>
      </c>
      <c r="I32066" s="8">
        <v>809193</v>
      </c>
      <c r="J32066" s="8">
        <v>1</v>
      </c>
      <c r="K32066" s="9"/>
      <c r="L32066" s="6"/>
    </row>
    <row r="32067" spans="1:12">
      <c r="A32067" s="6" t="s">
        <v>33096</v>
      </c>
      <c r="B32067" s="6"/>
      <c r="C32067" s="6" t="s">
        <v>32230</v>
      </c>
      <c r="D32067" s="6"/>
      <c r="E32067" s="6" t="s">
        <v>9</v>
      </c>
      <c r="F32067" s="7">
        <v>32964</v>
      </c>
      <c r="G32067" s="8">
        <v>513702</v>
      </c>
      <c r="H32067" s="8">
        <v>1</v>
      </c>
      <c r="I32067" s="8">
        <v>513701</v>
      </c>
      <c r="J32067" s="8">
        <v>1</v>
      </c>
      <c r="K32067" s="9"/>
      <c r="L32067" s="6"/>
    </row>
    <row r="32068" spans="1:12">
      <c r="A32068" s="6" t="s">
        <v>33096</v>
      </c>
      <c r="B32068" s="6"/>
      <c r="C32068" s="6" t="s">
        <v>32230</v>
      </c>
      <c r="D32068" s="6"/>
      <c r="E32068" s="6" t="s">
        <v>9</v>
      </c>
      <c r="F32068" s="7">
        <v>32964</v>
      </c>
      <c r="G32068" s="8">
        <v>20254873</v>
      </c>
      <c r="H32068" s="8">
        <v>1</v>
      </c>
      <c r="I32068" s="8">
        <v>20254872</v>
      </c>
      <c r="J32068" s="8">
        <v>1</v>
      </c>
      <c r="K32068" s="9"/>
      <c r="L32068" s="6"/>
    </row>
    <row r="32069" spans="1:12">
      <c r="A32069" s="6" t="s">
        <v>33097</v>
      </c>
      <c r="B32069" s="6"/>
      <c r="C32069" s="6" t="s">
        <v>32230</v>
      </c>
      <c r="D32069" s="6"/>
      <c r="E32069" s="6" t="s">
        <v>9</v>
      </c>
      <c r="F32069" s="7">
        <v>32599</v>
      </c>
      <c r="G32069" s="8">
        <v>20198000</v>
      </c>
      <c r="H32069" s="8">
        <v>1</v>
      </c>
      <c r="I32069" s="8">
        <v>20197999</v>
      </c>
      <c r="J32069" s="8">
        <v>1</v>
      </c>
      <c r="K32069" s="9"/>
      <c r="L32069" s="6"/>
    </row>
    <row r="32070" spans="1:12">
      <c r="A32070" s="6" t="s">
        <v>33129</v>
      </c>
      <c r="B32070" s="6"/>
      <c r="C32070" s="6" t="s">
        <v>32230</v>
      </c>
      <c r="D32070" s="6"/>
      <c r="E32070" s="6" t="s">
        <v>9</v>
      </c>
      <c r="F32070" s="7">
        <v>43535</v>
      </c>
      <c r="G32070" s="8">
        <v>648000</v>
      </c>
      <c r="H32070" s="8">
        <v>571536</v>
      </c>
      <c r="I32070" s="8">
        <v>114696</v>
      </c>
      <c r="J32070" s="8">
        <v>533304</v>
      </c>
      <c r="K32070" s="9"/>
      <c r="L32070" s="6"/>
    </row>
    <row r="32071" spans="1:12">
      <c r="A32071" s="6" t="s">
        <v>33096</v>
      </c>
      <c r="B32071" s="6"/>
      <c r="C32071" s="6" t="s">
        <v>32230</v>
      </c>
      <c r="D32071" s="6"/>
      <c r="E32071" s="6" t="s">
        <v>9</v>
      </c>
      <c r="F32071" s="7">
        <v>33329</v>
      </c>
      <c r="G32071" s="8">
        <v>12923000</v>
      </c>
      <c r="H32071" s="8">
        <v>1</v>
      </c>
      <c r="I32071" s="8">
        <v>12922999</v>
      </c>
      <c r="J32071" s="8">
        <v>1</v>
      </c>
      <c r="K32071" s="9"/>
      <c r="L32071" s="6"/>
    </row>
    <row r="32072" spans="1:12">
      <c r="A32072" s="6" t="s">
        <v>33096</v>
      </c>
      <c r="B32072" s="6"/>
      <c r="C32072" s="6" t="s">
        <v>32230</v>
      </c>
      <c r="D32072" s="6"/>
      <c r="E32072" s="6" t="s">
        <v>9</v>
      </c>
      <c r="F32072" s="7">
        <v>33329</v>
      </c>
      <c r="G32072" s="8">
        <v>14987000</v>
      </c>
      <c r="H32072" s="8">
        <v>1</v>
      </c>
      <c r="I32072" s="8">
        <v>14986999</v>
      </c>
      <c r="J32072" s="8">
        <v>1</v>
      </c>
      <c r="K32072" s="9"/>
      <c r="L32072" s="6"/>
    </row>
    <row r="32073" spans="1:12">
      <c r="A32073" s="6" t="s">
        <v>33096</v>
      </c>
      <c r="B32073" s="6"/>
      <c r="C32073" s="6" t="s">
        <v>32230</v>
      </c>
      <c r="D32073" s="6"/>
      <c r="E32073" s="6" t="s">
        <v>9</v>
      </c>
      <c r="F32073" s="7">
        <v>33329</v>
      </c>
      <c r="G32073" s="8">
        <v>3773000</v>
      </c>
      <c r="H32073" s="8">
        <v>1</v>
      </c>
      <c r="I32073" s="8">
        <v>3772999</v>
      </c>
      <c r="J32073" s="8">
        <v>1</v>
      </c>
      <c r="K32073" s="9"/>
      <c r="L32073" s="6"/>
    </row>
    <row r="32074" spans="1:12">
      <c r="A32074" s="6" t="s">
        <v>33096</v>
      </c>
      <c r="B32074" s="6"/>
      <c r="C32074" s="6" t="s">
        <v>32230</v>
      </c>
      <c r="D32074" s="6"/>
      <c r="E32074" s="6" t="s">
        <v>9</v>
      </c>
      <c r="F32074" s="7">
        <v>33329</v>
      </c>
      <c r="G32074" s="8">
        <v>7837000</v>
      </c>
      <c r="H32074" s="8">
        <v>1</v>
      </c>
      <c r="I32074" s="8">
        <v>7836999</v>
      </c>
      <c r="J32074" s="8">
        <v>1</v>
      </c>
      <c r="K32074" s="9"/>
      <c r="L32074" s="6"/>
    </row>
    <row r="32075" spans="1:12">
      <c r="A32075" s="6" t="s">
        <v>33096</v>
      </c>
      <c r="B32075" s="6"/>
      <c r="C32075" s="6" t="s">
        <v>32230</v>
      </c>
      <c r="D32075" s="6"/>
      <c r="E32075" s="6" t="s">
        <v>9</v>
      </c>
      <c r="F32075" s="7">
        <v>33329</v>
      </c>
      <c r="G32075" s="8">
        <v>7754000</v>
      </c>
      <c r="H32075" s="8">
        <v>1</v>
      </c>
      <c r="I32075" s="8">
        <v>7753999</v>
      </c>
      <c r="J32075" s="8">
        <v>1</v>
      </c>
      <c r="K32075" s="9"/>
      <c r="L32075" s="6"/>
    </row>
    <row r="32076" spans="1:12">
      <c r="A32076" s="6" t="s">
        <v>33096</v>
      </c>
      <c r="B32076" s="6"/>
      <c r="C32076" s="6" t="s">
        <v>32230</v>
      </c>
      <c r="D32076" s="6"/>
      <c r="E32076" s="6" t="s">
        <v>9</v>
      </c>
      <c r="F32076" s="7">
        <v>33329</v>
      </c>
      <c r="G32076" s="8">
        <v>1521000</v>
      </c>
      <c r="H32076" s="8">
        <v>1</v>
      </c>
      <c r="I32076" s="8">
        <v>1520999</v>
      </c>
      <c r="J32076" s="8">
        <v>1</v>
      </c>
      <c r="K32076" s="9"/>
      <c r="L32076" s="6"/>
    </row>
    <row r="32077" spans="1:12">
      <c r="A32077" s="6" t="s">
        <v>33097</v>
      </c>
      <c r="B32077" s="6"/>
      <c r="C32077" s="6" t="s">
        <v>32230</v>
      </c>
      <c r="D32077" s="6"/>
      <c r="E32077" s="6" t="s">
        <v>9</v>
      </c>
      <c r="F32077" s="7">
        <v>33329</v>
      </c>
      <c r="G32077" s="8">
        <v>58306000</v>
      </c>
      <c r="H32077" s="8">
        <v>1</v>
      </c>
      <c r="I32077" s="8">
        <v>58305999</v>
      </c>
      <c r="J32077" s="8">
        <v>1</v>
      </c>
      <c r="K32077" s="9"/>
      <c r="L32077" s="6"/>
    </row>
    <row r="32078" spans="1:12">
      <c r="A32078" s="6" t="s">
        <v>33096</v>
      </c>
      <c r="B32078" s="6"/>
      <c r="C32078" s="6" t="s">
        <v>32230</v>
      </c>
      <c r="D32078" s="6"/>
      <c r="E32078" s="6" t="s">
        <v>9</v>
      </c>
      <c r="F32078" s="7">
        <v>33695</v>
      </c>
      <c r="G32078" s="8">
        <v>6420600</v>
      </c>
      <c r="H32078" s="8">
        <v>1</v>
      </c>
      <c r="I32078" s="8">
        <v>6420599</v>
      </c>
      <c r="J32078" s="8">
        <v>1</v>
      </c>
      <c r="K32078" s="9"/>
      <c r="L32078" s="6"/>
    </row>
    <row r="32079" spans="1:12">
      <c r="A32079" s="6" t="s">
        <v>33097</v>
      </c>
      <c r="B32079" s="6"/>
      <c r="C32079" s="6" t="s">
        <v>32230</v>
      </c>
      <c r="D32079" s="6"/>
      <c r="E32079" s="6" t="s">
        <v>9</v>
      </c>
      <c r="F32079" s="7">
        <v>33695</v>
      </c>
      <c r="G32079" s="8">
        <v>1</v>
      </c>
      <c r="H32079" s="8">
        <v>1</v>
      </c>
      <c r="I32079" s="8">
        <v>0</v>
      </c>
      <c r="J32079" s="8">
        <v>1</v>
      </c>
      <c r="K32079" s="9"/>
      <c r="L32079" s="6"/>
    </row>
    <row r="32080" spans="1:12">
      <c r="A32080" s="6" t="s">
        <v>33130</v>
      </c>
      <c r="B32080" s="6"/>
      <c r="C32080" s="6" t="s">
        <v>32230</v>
      </c>
      <c r="D32080" s="6"/>
      <c r="E32080" s="6" t="s">
        <v>9</v>
      </c>
      <c r="F32080" s="7">
        <v>44286</v>
      </c>
      <c r="G32080" s="8">
        <v>5500000</v>
      </c>
      <c r="H32080" s="8">
        <v>5500000</v>
      </c>
      <c r="I32080" s="8">
        <v>324500</v>
      </c>
      <c r="J32080" s="8">
        <v>5175500</v>
      </c>
      <c r="K32080" s="9"/>
      <c r="L32080" s="6"/>
    </row>
    <row r="32081" spans="1:12">
      <c r="A32081" s="6" t="s">
        <v>33096</v>
      </c>
      <c r="B32081" s="6"/>
      <c r="C32081" s="6" t="s">
        <v>32230</v>
      </c>
      <c r="D32081" s="6"/>
      <c r="E32081" s="6" t="s">
        <v>9</v>
      </c>
      <c r="F32081" s="7">
        <v>33695</v>
      </c>
      <c r="G32081" s="8">
        <v>248041</v>
      </c>
      <c r="H32081" s="8">
        <v>1</v>
      </c>
      <c r="I32081" s="8">
        <v>248040</v>
      </c>
      <c r="J32081" s="8">
        <v>1</v>
      </c>
      <c r="K32081" s="9"/>
      <c r="L32081" s="6"/>
    </row>
    <row r="32082" spans="1:12">
      <c r="A32082" s="6" t="s">
        <v>33096</v>
      </c>
      <c r="B32082" s="6"/>
      <c r="C32082" s="6" t="s">
        <v>32230</v>
      </c>
      <c r="D32082" s="6"/>
      <c r="E32082" s="6" t="s">
        <v>9</v>
      </c>
      <c r="F32082" s="7">
        <v>33695</v>
      </c>
      <c r="G32082" s="8">
        <v>977990</v>
      </c>
      <c r="H32082" s="8">
        <v>1</v>
      </c>
      <c r="I32082" s="8">
        <v>977989</v>
      </c>
      <c r="J32082" s="8">
        <v>1</v>
      </c>
      <c r="K32082" s="9"/>
      <c r="L32082" s="6"/>
    </row>
    <row r="32083" spans="1:12">
      <c r="A32083" s="6" t="s">
        <v>33096</v>
      </c>
      <c r="B32083" s="6"/>
      <c r="C32083" s="6" t="s">
        <v>32230</v>
      </c>
      <c r="D32083" s="6"/>
      <c r="E32083" s="6" t="s">
        <v>9</v>
      </c>
      <c r="F32083" s="7">
        <v>33695</v>
      </c>
      <c r="G32083" s="8">
        <v>15439968</v>
      </c>
      <c r="H32083" s="8">
        <v>1</v>
      </c>
      <c r="I32083" s="8">
        <v>15439967</v>
      </c>
      <c r="J32083" s="8">
        <v>1</v>
      </c>
      <c r="K32083" s="9"/>
      <c r="L32083" s="6"/>
    </row>
    <row r="32084" spans="1:12">
      <c r="A32084" s="6" t="s">
        <v>33097</v>
      </c>
      <c r="B32084" s="6"/>
      <c r="C32084" s="6" t="s">
        <v>32230</v>
      </c>
      <c r="D32084" s="6"/>
      <c r="E32084" s="6" t="s">
        <v>9</v>
      </c>
      <c r="F32084" s="7">
        <v>33695</v>
      </c>
      <c r="G32084" s="8">
        <v>8334000</v>
      </c>
      <c r="H32084" s="8">
        <v>1</v>
      </c>
      <c r="I32084" s="8">
        <v>8333999</v>
      </c>
      <c r="J32084" s="8">
        <v>1</v>
      </c>
      <c r="K32084" s="9"/>
      <c r="L32084" s="6"/>
    </row>
    <row r="32085" spans="1:12">
      <c r="A32085" s="6" t="s">
        <v>33096</v>
      </c>
      <c r="B32085" s="6"/>
      <c r="C32085" s="6" t="s">
        <v>32230</v>
      </c>
      <c r="D32085" s="6"/>
      <c r="E32085" s="6" t="s">
        <v>9</v>
      </c>
      <c r="F32085" s="7">
        <v>32964</v>
      </c>
      <c r="G32085" s="8">
        <v>9131400</v>
      </c>
      <c r="H32085" s="8">
        <v>1</v>
      </c>
      <c r="I32085" s="8">
        <v>9131399</v>
      </c>
      <c r="J32085" s="8">
        <v>1</v>
      </c>
      <c r="K32085" s="9"/>
      <c r="L32085" s="6"/>
    </row>
    <row r="32086" spans="1:12">
      <c r="A32086" s="6" t="s">
        <v>33097</v>
      </c>
      <c r="B32086" s="6"/>
      <c r="C32086" s="6" t="s">
        <v>32230</v>
      </c>
      <c r="D32086" s="6"/>
      <c r="E32086" s="6" t="s">
        <v>9</v>
      </c>
      <c r="F32086" s="7">
        <v>33695</v>
      </c>
      <c r="G32086" s="8">
        <v>5304000</v>
      </c>
      <c r="H32086" s="8">
        <v>1</v>
      </c>
      <c r="I32086" s="8">
        <v>5303999</v>
      </c>
      <c r="J32086" s="8">
        <v>1</v>
      </c>
      <c r="K32086" s="9"/>
      <c r="L32086" s="6"/>
    </row>
    <row r="32087" spans="1:12">
      <c r="A32087" s="6" t="s">
        <v>33096</v>
      </c>
      <c r="B32087" s="6"/>
      <c r="C32087" s="6" t="s">
        <v>32230</v>
      </c>
      <c r="D32087" s="6"/>
      <c r="E32087" s="6" t="s">
        <v>9</v>
      </c>
      <c r="F32087" s="7">
        <v>40513</v>
      </c>
      <c r="G32087" s="8">
        <v>6844431</v>
      </c>
      <c r="H32087" s="8">
        <v>2258671</v>
      </c>
      <c r="I32087" s="8">
        <v>5044336</v>
      </c>
      <c r="J32087" s="8">
        <v>1800095</v>
      </c>
      <c r="K32087" s="9"/>
      <c r="L32087" s="6"/>
    </row>
    <row r="32088" spans="1:12">
      <c r="A32088" s="6" t="s">
        <v>33096</v>
      </c>
      <c r="B32088" s="6"/>
      <c r="C32088" s="6" t="s">
        <v>32230</v>
      </c>
      <c r="D32088" s="6"/>
      <c r="E32088" s="6" t="s">
        <v>9</v>
      </c>
      <c r="F32088" s="7">
        <v>41000</v>
      </c>
      <c r="G32088" s="8">
        <v>4612108</v>
      </c>
      <c r="H32088" s="8">
        <v>2140020</v>
      </c>
      <c r="I32088" s="8">
        <v>2781099</v>
      </c>
      <c r="J32088" s="8">
        <v>1831009</v>
      </c>
      <c r="K32088" s="9"/>
      <c r="L32088" s="6"/>
    </row>
    <row r="32089" spans="1:12">
      <c r="A32089" s="6" t="s">
        <v>33096</v>
      </c>
      <c r="B32089" s="6"/>
      <c r="C32089" s="6" t="s">
        <v>32230</v>
      </c>
      <c r="D32089" s="6"/>
      <c r="E32089" s="6" t="s">
        <v>9</v>
      </c>
      <c r="F32089" s="7">
        <v>41000</v>
      </c>
      <c r="G32089" s="8">
        <v>5525457</v>
      </c>
      <c r="H32089" s="8">
        <v>2563817</v>
      </c>
      <c r="I32089" s="8">
        <v>3331845</v>
      </c>
      <c r="J32089" s="8">
        <v>2193612</v>
      </c>
      <c r="K32089" s="9"/>
      <c r="L32089" s="6"/>
    </row>
    <row r="32090" spans="1:12">
      <c r="A32090" s="6" t="s">
        <v>33096</v>
      </c>
      <c r="B32090" s="6"/>
      <c r="C32090" s="6" t="s">
        <v>32230</v>
      </c>
      <c r="D32090" s="6"/>
      <c r="E32090" s="6" t="s">
        <v>9</v>
      </c>
      <c r="F32090" s="7">
        <v>41000</v>
      </c>
      <c r="G32090" s="8">
        <v>499015</v>
      </c>
      <c r="H32090" s="8">
        <v>231543</v>
      </c>
      <c r="I32090" s="8">
        <v>300906</v>
      </c>
      <c r="J32090" s="8">
        <v>198109</v>
      </c>
      <c r="K32090" s="9"/>
      <c r="L32090" s="6"/>
    </row>
    <row r="32091" spans="1:12">
      <c r="A32091" s="6" t="s">
        <v>33096</v>
      </c>
      <c r="B32091" s="6"/>
      <c r="C32091" s="6" t="s">
        <v>32230</v>
      </c>
      <c r="D32091" s="6"/>
      <c r="E32091" s="6" t="s">
        <v>9</v>
      </c>
      <c r="F32091" s="7">
        <v>41000</v>
      </c>
      <c r="G32091" s="8">
        <v>1899281</v>
      </c>
      <c r="H32091" s="8">
        <v>881273</v>
      </c>
      <c r="I32091" s="8">
        <v>1145259</v>
      </c>
      <c r="J32091" s="8">
        <v>754022</v>
      </c>
      <c r="K32091" s="9"/>
      <c r="L32091" s="6"/>
    </row>
    <row r="32092" spans="1:12">
      <c r="A32092" s="6" t="s">
        <v>33096</v>
      </c>
      <c r="B32092" s="6"/>
      <c r="C32092" s="6" t="s">
        <v>32230</v>
      </c>
      <c r="D32092" s="6"/>
      <c r="E32092" s="6" t="s">
        <v>9</v>
      </c>
      <c r="F32092" s="7">
        <v>41000</v>
      </c>
      <c r="G32092" s="8">
        <v>7518492</v>
      </c>
      <c r="H32092" s="8">
        <v>3488588</v>
      </c>
      <c r="I32092" s="8">
        <v>4533642</v>
      </c>
      <c r="J32092" s="8">
        <v>2984850</v>
      </c>
      <c r="K32092" s="9"/>
      <c r="L32092" s="6"/>
    </row>
    <row r="32093" spans="1:12">
      <c r="A32093" s="6" t="s">
        <v>33096</v>
      </c>
      <c r="B32093" s="6"/>
      <c r="C32093" s="6" t="s">
        <v>32230</v>
      </c>
      <c r="D32093" s="6"/>
      <c r="E32093" s="6" t="s">
        <v>9</v>
      </c>
      <c r="F32093" s="7">
        <v>41000</v>
      </c>
      <c r="G32093" s="8">
        <v>5534530</v>
      </c>
      <c r="H32093" s="8">
        <v>2568026</v>
      </c>
      <c r="I32093" s="8">
        <v>3337317</v>
      </c>
      <c r="J32093" s="8">
        <v>2197213</v>
      </c>
      <c r="K32093" s="9"/>
      <c r="L32093" s="6"/>
    </row>
    <row r="32094" spans="1:12">
      <c r="A32094" s="6" t="s">
        <v>33096</v>
      </c>
      <c r="B32094" s="6"/>
      <c r="C32094" s="6" t="s">
        <v>32230</v>
      </c>
      <c r="D32094" s="6"/>
      <c r="E32094" s="6" t="s">
        <v>9</v>
      </c>
      <c r="F32094" s="7">
        <v>41000</v>
      </c>
      <c r="G32094" s="8">
        <v>577647</v>
      </c>
      <c r="H32094" s="8">
        <v>268031</v>
      </c>
      <c r="I32094" s="8">
        <v>348318</v>
      </c>
      <c r="J32094" s="8">
        <v>229329</v>
      </c>
      <c r="K32094" s="9"/>
      <c r="L32094" s="6"/>
    </row>
    <row r="32095" spans="1:12">
      <c r="A32095" s="6" t="s">
        <v>33096</v>
      </c>
      <c r="B32095" s="6"/>
      <c r="C32095" s="6" t="s">
        <v>32230</v>
      </c>
      <c r="D32095" s="6"/>
      <c r="E32095" s="6" t="s">
        <v>9</v>
      </c>
      <c r="F32095" s="7">
        <v>41000</v>
      </c>
      <c r="G32095" s="8">
        <v>541355</v>
      </c>
      <c r="H32095" s="8">
        <v>251195</v>
      </c>
      <c r="I32095" s="8">
        <v>326430</v>
      </c>
      <c r="J32095" s="8">
        <v>214925</v>
      </c>
      <c r="K32095" s="9"/>
      <c r="L32095" s="6"/>
    </row>
    <row r="32096" spans="1:12">
      <c r="A32096" s="6" t="s">
        <v>33097</v>
      </c>
      <c r="B32096" s="6"/>
      <c r="C32096" s="6" t="s">
        <v>32230</v>
      </c>
      <c r="D32096" s="6"/>
      <c r="E32096" s="6" t="s">
        <v>9</v>
      </c>
      <c r="F32096" s="7">
        <v>34060</v>
      </c>
      <c r="G32096" s="8">
        <v>1</v>
      </c>
      <c r="H32096" s="8">
        <v>1</v>
      </c>
      <c r="I32096" s="8">
        <v>0</v>
      </c>
      <c r="J32096" s="8">
        <v>1</v>
      </c>
      <c r="K32096" s="9"/>
      <c r="L32096" s="6"/>
    </row>
    <row r="32097" spans="1:12">
      <c r="A32097" s="6" t="s">
        <v>33096</v>
      </c>
      <c r="B32097" s="6"/>
      <c r="C32097" s="6" t="s">
        <v>32230</v>
      </c>
      <c r="D32097" s="6"/>
      <c r="E32097" s="6" t="s">
        <v>9</v>
      </c>
      <c r="F32097" s="7">
        <v>40513</v>
      </c>
      <c r="G32097" s="8">
        <v>5492709</v>
      </c>
      <c r="H32097" s="8">
        <v>1812599</v>
      </c>
      <c r="I32097" s="8">
        <v>4048121</v>
      </c>
      <c r="J32097" s="8">
        <v>1444588</v>
      </c>
      <c r="K32097" s="9"/>
      <c r="L32097" s="6"/>
    </row>
    <row r="32098" spans="1:12">
      <c r="A32098" s="6" t="s">
        <v>33096</v>
      </c>
      <c r="B32098" s="6"/>
      <c r="C32098" s="6" t="s">
        <v>32230</v>
      </c>
      <c r="D32098" s="6"/>
      <c r="E32098" s="6" t="s">
        <v>9</v>
      </c>
      <c r="F32098" s="7">
        <v>40513</v>
      </c>
      <c r="G32098" s="8">
        <v>8613350</v>
      </c>
      <c r="H32098" s="8">
        <v>2842410</v>
      </c>
      <c r="I32098" s="8">
        <v>6348034</v>
      </c>
      <c r="J32098" s="8">
        <v>2265316</v>
      </c>
      <c r="K32098" s="9"/>
      <c r="L32098" s="6"/>
    </row>
    <row r="32099" spans="1:12">
      <c r="A32099" s="6" t="s">
        <v>33096</v>
      </c>
      <c r="B32099" s="6"/>
      <c r="C32099" s="6" t="s">
        <v>32230</v>
      </c>
      <c r="D32099" s="6"/>
      <c r="E32099" s="6" t="s">
        <v>9</v>
      </c>
      <c r="F32099" s="7">
        <v>40513</v>
      </c>
      <c r="G32099" s="8">
        <v>2753506</v>
      </c>
      <c r="H32099" s="8">
        <v>908666</v>
      </c>
      <c r="I32099" s="8">
        <v>2029324</v>
      </c>
      <c r="J32099" s="8">
        <v>724182</v>
      </c>
      <c r="K32099" s="9"/>
      <c r="L32099" s="6"/>
    </row>
    <row r="32100" spans="1:12">
      <c r="A32100" s="6" t="s">
        <v>33096</v>
      </c>
      <c r="B32100" s="6"/>
      <c r="C32100" s="6" t="s">
        <v>32230</v>
      </c>
      <c r="D32100" s="6"/>
      <c r="E32100" s="6" t="s">
        <v>9</v>
      </c>
      <c r="F32100" s="7">
        <v>40513</v>
      </c>
      <c r="G32100" s="8">
        <v>11991462</v>
      </c>
      <c r="H32100" s="8">
        <v>3957192</v>
      </c>
      <c r="I32100" s="8">
        <v>8837697</v>
      </c>
      <c r="J32100" s="8">
        <v>3153765</v>
      </c>
      <c r="K32100" s="9"/>
      <c r="L32100" s="6"/>
    </row>
    <row r="32101" spans="1:12">
      <c r="A32101" s="6" t="s">
        <v>33096</v>
      </c>
      <c r="B32101" s="6"/>
      <c r="C32101" s="6" t="s">
        <v>32230</v>
      </c>
      <c r="D32101" s="6"/>
      <c r="E32101" s="6" t="s">
        <v>9</v>
      </c>
      <c r="F32101" s="7">
        <v>40513</v>
      </c>
      <c r="G32101" s="8">
        <v>12563620</v>
      </c>
      <c r="H32101" s="8">
        <v>4146000</v>
      </c>
      <c r="I32101" s="8">
        <v>9259382</v>
      </c>
      <c r="J32101" s="8">
        <v>3304238</v>
      </c>
      <c r="K32101" s="9"/>
      <c r="L32101" s="6"/>
    </row>
    <row r="32102" spans="1:12">
      <c r="A32102" s="6" t="s">
        <v>33096</v>
      </c>
      <c r="B32102" s="6"/>
      <c r="C32102" s="6" t="s">
        <v>32230</v>
      </c>
      <c r="D32102" s="6"/>
      <c r="E32102" s="6" t="s">
        <v>9</v>
      </c>
      <c r="F32102" s="7">
        <v>40513</v>
      </c>
      <c r="G32102" s="8">
        <v>1675944</v>
      </c>
      <c r="H32102" s="8">
        <v>553064</v>
      </c>
      <c r="I32102" s="8">
        <v>1235168</v>
      </c>
      <c r="J32102" s="8">
        <v>440776</v>
      </c>
      <c r="K32102" s="9"/>
      <c r="L32102" s="6"/>
    </row>
    <row r="32103" spans="1:12">
      <c r="A32103" s="6" t="s">
        <v>33096</v>
      </c>
      <c r="B32103" s="6"/>
      <c r="C32103" s="6" t="s">
        <v>32230</v>
      </c>
      <c r="D32103" s="6"/>
      <c r="E32103" s="6" t="s">
        <v>9</v>
      </c>
      <c r="F32103" s="7">
        <v>40513</v>
      </c>
      <c r="G32103" s="8">
        <v>2572323</v>
      </c>
      <c r="H32103" s="8">
        <v>848873</v>
      </c>
      <c r="I32103" s="8">
        <v>1895795</v>
      </c>
      <c r="J32103" s="8">
        <v>676528</v>
      </c>
      <c r="K32103" s="9"/>
      <c r="L32103" s="6"/>
    </row>
    <row r="32104" spans="1:12">
      <c r="A32104" s="6" t="s">
        <v>33096</v>
      </c>
      <c r="B32104" s="6"/>
      <c r="C32104" s="6" t="s">
        <v>32230</v>
      </c>
      <c r="D32104" s="6"/>
      <c r="E32104" s="6" t="s">
        <v>9</v>
      </c>
      <c r="F32104" s="7">
        <v>41000</v>
      </c>
      <c r="G32104" s="8">
        <v>4146361</v>
      </c>
      <c r="H32104" s="8">
        <v>1923913</v>
      </c>
      <c r="I32104" s="8">
        <v>2500254</v>
      </c>
      <c r="J32104" s="8">
        <v>1646107</v>
      </c>
      <c r="K32104" s="9"/>
      <c r="L32104" s="6"/>
    </row>
    <row r="32105" spans="1:12">
      <c r="A32105" s="6" t="s">
        <v>33096</v>
      </c>
      <c r="B32105" s="6"/>
      <c r="C32105" s="6" t="s">
        <v>32230</v>
      </c>
      <c r="D32105" s="6"/>
      <c r="E32105" s="6" t="s">
        <v>9</v>
      </c>
      <c r="F32105" s="7">
        <v>34060</v>
      </c>
      <c r="G32105" s="8">
        <v>11763900</v>
      </c>
      <c r="H32105" s="8">
        <v>1</v>
      </c>
      <c r="I32105" s="8">
        <v>11763899</v>
      </c>
      <c r="J32105" s="8">
        <v>1</v>
      </c>
      <c r="K32105" s="9"/>
      <c r="L32105" s="6"/>
    </row>
    <row r="32106" spans="1:12">
      <c r="A32106" s="6" t="s">
        <v>33096</v>
      </c>
      <c r="B32106" s="6"/>
      <c r="C32106" s="6" t="s">
        <v>32230</v>
      </c>
      <c r="D32106" s="6"/>
      <c r="E32106" s="6" t="s">
        <v>9</v>
      </c>
      <c r="F32106" s="7">
        <v>34060</v>
      </c>
      <c r="G32106" s="8">
        <v>8383500</v>
      </c>
      <c r="H32106" s="8">
        <v>1</v>
      </c>
      <c r="I32106" s="8">
        <v>8383499</v>
      </c>
      <c r="J32106" s="8">
        <v>1</v>
      </c>
      <c r="K32106" s="9"/>
      <c r="L32106" s="6"/>
    </row>
    <row r="32107" spans="1:12">
      <c r="A32107" s="6" t="s">
        <v>33096</v>
      </c>
      <c r="B32107" s="6"/>
      <c r="C32107" s="6" t="s">
        <v>32230</v>
      </c>
      <c r="D32107" s="6"/>
      <c r="E32107" s="6" t="s">
        <v>9</v>
      </c>
      <c r="F32107" s="7">
        <v>34060</v>
      </c>
      <c r="G32107" s="8">
        <v>831600</v>
      </c>
      <c r="H32107" s="8">
        <v>1</v>
      </c>
      <c r="I32107" s="8">
        <v>831599</v>
      </c>
      <c r="J32107" s="8">
        <v>1</v>
      </c>
      <c r="K32107" s="9"/>
      <c r="L32107" s="6"/>
    </row>
    <row r="32108" spans="1:12">
      <c r="A32108" s="6" t="s">
        <v>33097</v>
      </c>
      <c r="B32108" s="6"/>
      <c r="C32108" s="6" t="s">
        <v>32230</v>
      </c>
      <c r="D32108" s="6"/>
      <c r="E32108" s="6" t="s">
        <v>9</v>
      </c>
      <c r="F32108" s="7">
        <v>34060</v>
      </c>
      <c r="G32108" s="8">
        <v>1</v>
      </c>
      <c r="H32108" s="8">
        <v>1</v>
      </c>
      <c r="I32108" s="8">
        <v>0</v>
      </c>
      <c r="J32108" s="8">
        <v>1</v>
      </c>
      <c r="K32108" s="9"/>
      <c r="L32108" s="6"/>
    </row>
    <row r="32109" spans="1:12">
      <c r="A32109" s="6" t="s">
        <v>33096</v>
      </c>
      <c r="B32109" s="6"/>
      <c r="C32109" s="6" t="s">
        <v>32230</v>
      </c>
      <c r="D32109" s="6"/>
      <c r="E32109" s="6" t="s">
        <v>9</v>
      </c>
      <c r="F32109" s="7">
        <v>35521</v>
      </c>
      <c r="G32109" s="8">
        <v>407700</v>
      </c>
      <c r="H32109" s="8">
        <v>1</v>
      </c>
      <c r="I32109" s="8">
        <v>407699</v>
      </c>
      <c r="J32109" s="8">
        <v>1</v>
      </c>
      <c r="K32109" s="9"/>
      <c r="L32109" s="6"/>
    </row>
    <row r="32110" spans="1:12">
      <c r="A32110" s="6" t="s">
        <v>33096</v>
      </c>
      <c r="B32110" s="6"/>
      <c r="C32110" s="6" t="s">
        <v>32230</v>
      </c>
      <c r="D32110" s="6"/>
      <c r="E32110" s="6" t="s">
        <v>9</v>
      </c>
      <c r="F32110" s="7">
        <v>35521</v>
      </c>
      <c r="G32110" s="8">
        <v>221400</v>
      </c>
      <c r="H32110" s="8">
        <v>1</v>
      </c>
      <c r="I32110" s="8">
        <v>221399</v>
      </c>
      <c r="J32110" s="8">
        <v>1</v>
      </c>
      <c r="K32110" s="9"/>
      <c r="L32110" s="6"/>
    </row>
    <row r="32111" spans="1:12">
      <c r="A32111" s="6" t="s">
        <v>33096</v>
      </c>
      <c r="B32111" s="6"/>
      <c r="C32111" s="6" t="s">
        <v>32230</v>
      </c>
      <c r="D32111" s="6"/>
      <c r="E32111" s="6" t="s">
        <v>9</v>
      </c>
      <c r="F32111" s="7">
        <v>35521</v>
      </c>
      <c r="G32111" s="8">
        <v>15103800</v>
      </c>
      <c r="H32111" s="8">
        <v>1</v>
      </c>
      <c r="I32111" s="8">
        <v>15103799</v>
      </c>
      <c r="J32111" s="8">
        <v>1</v>
      </c>
      <c r="K32111" s="9"/>
      <c r="L32111" s="6"/>
    </row>
    <row r="32112" spans="1:12">
      <c r="A32112" s="6" t="s">
        <v>33096</v>
      </c>
      <c r="B32112" s="6"/>
      <c r="C32112" s="6" t="s">
        <v>32230</v>
      </c>
      <c r="D32112" s="6"/>
      <c r="E32112" s="6" t="s">
        <v>9</v>
      </c>
      <c r="F32112" s="7">
        <v>35521</v>
      </c>
      <c r="G32112" s="8">
        <v>410400</v>
      </c>
      <c r="H32112" s="8">
        <v>1</v>
      </c>
      <c r="I32112" s="8">
        <v>410399</v>
      </c>
      <c r="J32112" s="8">
        <v>1</v>
      </c>
      <c r="K32112" s="9"/>
      <c r="L32112" s="6"/>
    </row>
    <row r="32113" spans="1:12">
      <c r="A32113" s="6" t="s">
        <v>33096</v>
      </c>
      <c r="B32113" s="6"/>
      <c r="C32113" s="6" t="s">
        <v>32230</v>
      </c>
      <c r="D32113" s="6"/>
      <c r="E32113" s="6" t="s">
        <v>9</v>
      </c>
      <c r="F32113" s="7">
        <v>35521</v>
      </c>
      <c r="G32113" s="8">
        <v>216000</v>
      </c>
      <c r="H32113" s="8">
        <v>1</v>
      </c>
      <c r="I32113" s="8">
        <v>215999</v>
      </c>
      <c r="J32113" s="8">
        <v>1</v>
      </c>
      <c r="K32113" s="9"/>
      <c r="L32113" s="6"/>
    </row>
    <row r="32114" spans="1:12">
      <c r="A32114" s="6" t="s">
        <v>33096</v>
      </c>
      <c r="B32114" s="6"/>
      <c r="C32114" s="6" t="s">
        <v>32230</v>
      </c>
      <c r="D32114" s="6"/>
      <c r="E32114" s="6" t="s">
        <v>9</v>
      </c>
      <c r="F32114" s="7">
        <v>35521</v>
      </c>
      <c r="G32114" s="8">
        <v>148500</v>
      </c>
      <c r="H32114" s="8">
        <v>1</v>
      </c>
      <c r="I32114" s="8">
        <v>148499</v>
      </c>
      <c r="J32114" s="8">
        <v>1</v>
      </c>
      <c r="K32114" s="9"/>
      <c r="L32114" s="6"/>
    </row>
    <row r="32115" spans="1:12">
      <c r="A32115" s="6" t="s">
        <v>33097</v>
      </c>
      <c r="B32115" s="6"/>
      <c r="C32115" s="6" t="s">
        <v>32230</v>
      </c>
      <c r="D32115" s="6"/>
      <c r="E32115" s="6" t="s">
        <v>9</v>
      </c>
      <c r="F32115" s="7">
        <v>35521</v>
      </c>
      <c r="G32115" s="8">
        <v>1</v>
      </c>
      <c r="H32115" s="8">
        <v>1</v>
      </c>
      <c r="I32115" s="8">
        <v>0</v>
      </c>
      <c r="J32115" s="8">
        <v>1</v>
      </c>
      <c r="K32115" s="9"/>
      <c r="L32115" s="6"/>
    </row>
    <row r="32116" spans="1:12">
      <c r="A32116" s="6" t="s">
        <v>33096</v>
      </c>
      <c r="B32116" s="6"/>
      <c r="C32116" s="6" t="s">
        <v>32230</v>
      </c>
      <c r="D32116" s="6"/>
      <c r="E32116" s="6" t="s">
        <v>9</v>
      </c>
      <c r="F32116" s="7">
        <v>35886</v>
      </c>
      <c r="G32116" s="8">
        <v>8681000</v>
      </c>
      <c r="H32116" s="8">
        <v>1</v>
      </c>
      <c r="I32116" s="8">
        <v>8680999</v>
      </c>
      <c r="J32116" s="8">
        <v>1</v>
      </c>
      <c r="K32116" s="9"/>
      <c r="L32116" s="6"/>
    </row>
    <row r="32117" spans="1:12">
      <c r="A32117" s="6" t="s">
        <v>33097</v>
      </c>
      <c r="B32117" s="6"/>
      <c r="C32117" s="6" t="s">
        <v>32230</v>
      </c>
      <c r="D32117" s="6"/>
      <c r="E32117" s="6" t="s">
        <v>9</v>
      </c>
      <c r="F32117" s="7">
        <v>35886</v>
      </c>
      <c r="G32117" s="8">
        <v>10132000</v>
      </c>
      <c r="H32117" s="8">
        <v>1</v>
      </c>
      <c r="I32117" s="8">
        <v>10131999</v>
      </c>
      <c r="J32117" s="8">
        <v>1</v>
      </c>
      <c r="K32117" s="9"/>
      <c r="L32117" s="6"/>
    </row>
    <row r="32118" spans="1:12">
      <c r="A32118" s="6" t="s">
        <v>33096</v>
      </c>
      <c r="B32118" s="6"/>
      <c r="C32118" s="6" t="s">
        <v>32230</v>
      </c>
      <c r="D32118" s="6"/>
      <c r="E32118" s="6" t="s">
        <v>9</v>
      </c>
      <c r="F32118" s="7">
        <v>36617</v>
      </c>
      <c r="G32118" s="8">
        <v>405681</v>
      </c>
      <c r="H32118" s="8">
        <v>1</v>
      </c>
      <c r="I32118" s="8">
        <v>405680</v>
      </c>
      <c r="J32118" s="8">
        <v>1</v>
      </c>
      <c r="K32118" s="9"/>
      <c r="L32118" s="6"/>
    </row>
    <row r="32119" spans="1:12">
      <c r="A32119" s="6" t="s">
        <v>33096</v>
      </c>
      <c r="B32119" s="6"/>
      <c r="C32119" s="6" t="s">
        <v>32230</v>
      </c>
      <c r="D32119" s="6"/>
      <c r="E32119" s="6" t="s">
        <v>9</v>
      </c>
      <c r="F32119" s="7">
        <v>36617</v>
      </c>
      <c r="G32119" s="8">
        <v>133663</v>
      </c>
      <c r="H32119" s="8">
        <v>1</v>
      </c>
      <c r="I32119" s="8">
        <v>133662</v>
      </c>
      <c r="J32119" s="8">
        <v>1</v>
      </c>
      <c r="K32119" s="9"/>
      <c r="L32119" s="6"/>
    </row>
    <row r="32120" spans="1:12">
      <c r="A32120" s="6" t="s">
        <v>33096</v>
      </c>
      <c r="B32120" s="6"/>
      <c r="C32120" s="6" t="s">
        <v>32230</v>
      </c>
      <c r="D32120" s="6"/>
      <c r="E32120" s="6" t="s">
        <v>9</v>
      </c>
      <c r="F32120" s="7">
        <v>36617</v>
      </c>
      <c r="G32120" s="8">
        <v>145388</v>
      </c>
      <c r="H32120" s="8">
        <v>1</v>
      </c>
      <c r="I32120" s="8">
        <v>145387</v>
      </c>
      <c r="J32120" s="8">
        <v>1</v>
      </c>
      <c r="K32120" s="9"/>
      <c r="L32120" s="6"/>
    </row>
    <row r="32121" spans="1:12">
      <c r="A32121" s="6" t="s">
        <v>33096</v>
      </c>
      <c r="B32121" s="6"/>
      <c r="C32121" s="6" t="s">
        <v>32230</v>
      </c>
      <c r="D32121" s="6"/>
      <c r="E32121" s="6" t="s">
        <v>9</v>
      </c>
      <c r="F32121" s="7">
        <v>36617</v>
      </c>
      <c r="G32121" s="8">
        <v>131318</v>
      </c>
      <c r="H32121" s="8">
        <v>1</v>
      </c>
      <c r="I32121" s="8">
        <v>131317</v>
      </c>
      <c r="J32121" s="8">
        <v>1</v>
      </c>
      <c r="K32121" s="9"/>
      <c r="L32121" s="6"/>
    </row>
    <row r="32122" spans="1:12">
      <c r="A32122" s="6" t="s">
        <v>33097</v>
      </c>
      <c r="B32122" s="6"/>
      <c r="C32122" s="6" t="s">
        <v>32230</v>
      </c>
      <c r="D32122" s="6"/>
      <c r="E32122" s="6" t="s">
        <v>9</v>
      </c>
      <c r="F32122" s="7">
        <v>36617</v>
      </c>
      <c r="G32122" s="8">
        <v>24940000</v>
      </c>
      <c r="H32122" s="8">
        <v>1</v>
      </c>
      <c r="I32122" s="8">
        <v>24939999</v>
      </c>
      <c r="J32122" s="8">
        <v>1</v>
      </c>
      <c r="K32122" s="9"/>
      <c r="L32122" s="6"/>
    </row>
    <row r="32123" spans="1:12">
      <c r="A32123" s="6" t="s">
        <v>33097</v>
      </c>
      <c r="B32123" s="6"/>
      <c r="C32123" s="6" t="s">
        <v>32230</v>
      </c>
      <c r="D32123" s="6"/>
      <c r="E32123" s="6" t="s">
        <v>9</v>
      </c>
      <c r="F32123" s="7">
        <v>41590</v>
      </c>
      <c r="G32123" s="8">
        <v>7854000</v>
      </c>
      <c r="H32123" s="8">
        <v>4610298</v>
      </c>
      <c r="I32123" s="8">
        <v>3707088</v>
      </c>
      <c r="J32123" s="8">
        <v>4146912</v>
      </c>
      <c r="K32123" s="9"/>
      <c r="L32123" s="6"/>
    </row>
    <row r="32124" spans="1:12">
      <c r="A32124" s="6" t="s">
        <v>33131</v>
      </c>
      <c r="B32124" s="6"/>
      <c r="C32124" s="6" t="s">
        <v>32230</v>
      </c>
      <c r="D32124" s="6"/>
      <c r="E32124" s="6" t="s">
        <v>9</v>
      </c>
      <c r="F32124" s="7">
        <v>43524</v>
      </c>
      <c r="G32124" s="8">
        <v>172800</v>
      </c>
      <c r="H32124" s="8">
        <v>152410</v>
      </c>
      <c r="I32124" s="8">
        <v>30585</v>
      </c>
      <c r="J32124" s="8">
        <v>142215</v>
      </c>
      <c r="K32124" s="9"/>
      <c r="L32124" s="6"/>
    </row>
    <row r="32125" spans="1:12">
      <c r="A32125" s="6" t="s">
        <v>33096</v>
      </c>
      <c r="B32125" s="6"/>
      <c r="C32125" s="6" t="s">
        <v>32230</v>
      </c>
      <c r="D32125" s="6"/>
      <c r="E32125" s="6" t="s">
        <v>9</v>
      </c>
      <c r="F32125" s="7">
        <v>36617</v>
      </c>
      <c r="G32125" s="8">
        <v>541690</v>
      </c>
      <c r="H32125" s="8">
        <v>1</v>
      </c>
      <c r="I32125" s="8">
        <v>541689</v>
      </c>
      <c r="J32125" s="8">
        <v>1</v>
      </c>
      <c r="K32125" s="9"/>
      <c r="L32125" s="6"/>
    </row>
    <row r="32126" spans="1:12">
      <c r="A32126" s="6" t="s">
        <v>33096</v>
      </c>
      <c r="B32126" s="6"/>
      <c r="C32126" s="6" t="s">
        <v>32230</v>
      </c>
      <c r="D32126" s="6"/>
      <c r="E32126" s="6" t="s">
        <v>9</v>
      </c>
      <c r="F32126" s="7">
        <v>36617</v>
      </c>
      <c r="G32126" s="8">
        <v>27452669</v>
      </c>
      <c r="H32126" s="8">
        <v>1</v>
      </c>
      <c r="I32126" s="8">
        <v>27452668</v>
      </c>
      <c r="J32126" s="8">
        <v>1</v>
      </c>
      <c r="K32126" s="9"/>
      <c r="L32126" s="6"/>
    </row>
    <row r="32127" spans="1:12">
      <c r="A32127" s="6" t="s">
        <v>33096</v>
      </c>
      <c r="B32127" s="6"/>
      <c r="C32127" s="6" t="s">
        <v>32230</v>
      </c>
      <c r="D32127" s="6"/>
      <c r="E32127" s="6" t="s">
        <v>9</v>
      </c>
      <c r="F32127" s="7">
        <v>36617</v>
      </c>
      <c r="G32127" s="8">
        <v>138353</v>
      </c>
      <c r="H32127" s="8">
        <v>1</v>
      </c>
      <c r="I32127" s="8">
        <v>138352</v>
      </c>
      <c r="J32127" s="8">
        <v>1</v>
      </c>
      <c r="K32127" s="9"/>
      <c r="L32127" s="6"/>
    </row>
    <row r="32128" spans="1:12">
      <c r="A32128" s="6" t="s">
        <v>33096</v>
      </c>
      <c r="B32128" s="6"/>
      <c r="C32128" s="6" t="s">
        <v>32230</v>
      </c>
      <c r="D32128" s="6"/>
      <c r="E32128" s="6" t="s">
        <v>9</v>
      </c>
      <c r="F32128" s="7">
        <v>36617</v>
      </c>
      <c r="G32128" s="8">
        <v>138353</v>
      </c>
      <c r="H32128" s="8">
        <v>1</v>
      </c>
      <c r="I32128" s="8">
        <v>138352</v>
      </c>
      <c r="J32128" s="8">
        <v>1</v>
      </c>
      <c r="K32128" s="9"/>
      <c r="L32128" s="6"/>
    </row>
    <row r="32129" spans="1:12">
      <c r="A32129" s="6" t="s">
        <v>33096</v>
      </c>
      <c r="B32129" s="6"/>
      <c r="C32129" s="6" t="s">
        <v>32230</v>
      </c>
      <c r="D32129" s="6"/>
      <c r="E32129" s="6" t="s">
        <v>9</v>
      </c>
      <c r="F32129" s="7">
        <v>36617</v>
      </c>
      <c r="G32129" s="8">
        <v>128973</v>
      </c>
      <c r="H32129" s="8">
        <v>1</v>
      </c>
      <c r="I32129" s="8">
        <v>128972</v>
      </c>
      <c r="J32129" s="8">
        <v>1</v>
      </c>
      <c r="K32129" s="9"/>
      <c r="L32129" s="6"/>
    </row>
    <row r="32130" spans="1:12">
      <c r="A32130" s="6" t="s">
        <v>33096</v>
      </c>
      <c r="B32130" s="6"/>
      <c r="C32130" s="6" t="s">
        <v>32230</v>
      </c>
      <c r="D32130" s="6"/>
      <c r="E32130" s="6" t="s">
        <v>9</v>
      </c>
      <c r="F32130" s="7">
        <v>36617</v>
      </c>
      <c r="G32130" s="8">
        <v>131318</v>
      </c>
      <c r="H32130" s="8">
        <v>1</v>
      </c>
      <c r="I32130" s="8">
        <v>131317</v>
      </c>
      <c r="J32130" s="8">
        <v>1</v>
      </c>
      <c r="K32130" s="9"/>
      <c r="L32130" s="6"/>
    </row>
    <row r="32131" spans="1:12">
      <c r="A32131" s="6" t="s">
        <v>33096</v>
      </c>
      <c r="B32131" s="6"/>
      <c r="C32131" s="6" t="s">
        <v>32230</v>
      </c>
      <c r="D32131" s="6"/>
      <c r="E32131" s="6" t="s">
        <v>9</v>
      </c>
      <c r="F32131" s="7">
        <v>36617</v>
      </c>
      <c r="G32131" s="8">
        <v>143043</v>
      </c>
      <c r="H32131" s="8">
        <v>1</v>
      </c>
      <c r="I32131" s="8">
        <v>143042</v>
      </c>
      <c r="J32131" s="8">
        <v>1</v>
      </c>
      <c r="K32131" s="9"/>
      <c r="L32131" s="6"/>
    </row>
    <row r="32132" spans="1:12">
      <c r="A32132" s="6" t="s">
        <v>33096</v>
      </c>
      <c r="B32132" s="6"/>
      <c r="C32132" s="6" t="s">
        <v>32230</v>
      </c>
      <c r="D32132" s="6"/>
      <c r="E32132" s="6" t="s">
        <v>9</v>
      </c>
      <c r="F32132" s="7">
        <v>36617</v>
      </c>
      <c r="G32132" s="8">
        <v>143043</v>
      </c>
      <c r="H32132" s="8">
        <v>1</v>
      </c>
      <c r="I32132" s="8">
        <v>143042</v>
      </c>
      <c r="J32132" s="8">
        <v>1</v>
      </c>
      <c r="K32132" s="9"/>
      <c r="L32132" s="6"/>
    </row>
    <row r="32133" spans="1:12">
      <c r="A32133" s="6" t="s">
        <v>33096</v>
      </c>
      <c r="B32133" s="6"/>
      <c r="C32133" s="6" t="s">
        <v>32230</v>
      </c>
      <c r="D32133" s="6"/>
      <c r="E32133" s="6" t="s">
        <v>9</v>
      </c>
      <c r="F32133" s="7">
        <v>36982</v>
      </c>
      <c r="G32133" s="8">
        <v>1215000</v>
      </c>
      <c r="H32133" s="8">
        <v>1</v>
      </c>
      <c r="I32133" s="8">
        <v>1214999</v>
      </c>
      <c r="J32133" s="8">
        <v>1</v>
      </c>
      <c r="K32133" s="9"/>
      <c r="L32133" s="6"/>
    </row>
    <row r="32134" spans="1:12">
      <c r="A32134" s="6" t="s">
        <v>33096</v>
      </c>
      <c r="B32134" s="6"/>
      <c r="C32134" s="6" t="s">
        <v>32230</v>
      </c>
      <c r="D32134" s="6"/>
      <c r="E32134" s="6" t="s">
        <v>9</v>
      </c>
      <c r="F32134" s="7">
        <v>41000</v>
      </c>
      <c r="G32134" s="8">
        <v>979146</v>
      </c>
      <c r="H32134" s="8">
        <v>454330</v>
      </c>
      <c r="I32134" s="8">
        <v>590418</v>
      </c>
      <c r="J32134" s="8">
        <v>388728</v>
      </c>
      <c r="K32134" s="9"/>
      <c r="L32134" s="6"/>
    </row>
    <row r="32135" spans="1:12">
      <c r="A32135" s="6" t="s">
        <v>33097</v>
      </c>
      <c r="B32135" s="6"/>
      <c r="C32135" s="6" t="s">
        <v>32230</v>
      </c>
      <c r="D32135" s="6"/>
      <c r="E32135" s="6" t="s">
        <v>9</v>
      </c>
      <c r="F32135" s="7">
        <v>36982</v>
      </c>
      <c r="G32135" s="8">
        <v>1</v>
      </c>
      <c r="H32135" s="8">
        <v>1</v>
      </c>
      <c r="I32135" s="8">
        <v>0</v>
      </c>
      <c r="J32135" s="8">
        <v>1</v>
      </c>
      <c r="K32135" s="9"/>
      <c r="L32135" s="6"/>
    </row>
    <row r="32136" spans="1:12">
      <c r="A32136" s="6" t="s">
        <v>33096</v>
      </c>
      <c r="B32136" s="6"/>
      <c r="C32136" s="6" t="s">
        <v>32230</v>
      </c>
      <c r="D32136" s="6"/>
      <c r="E32136" s="6" t="s">
        <v>9</v>
      </c>
      <c r="F32136" s="7">
        <v>36982</v>
      </c>
      <c r="G32136" s="8">
        <v>14013000</v>
      </c>
      <c r="H32136" s="8">
        <v>1</v>
      </c>
      <c r="I32136" s="8">
        <v>14012999</v>
      </c>
      <c r="J32136" s="8">
        <v>1</v>
      </c>
      <c r="K32136" s="9"/>
      <c r="L32136" s="6"/>
    </row>
    <row r="32137" spans="1:12">
      <c r="A32137" s="6" t="s">
        <v>33096</v>
      </c>
      <c r="B32137" s="6"/>
      <c r="C32137" s="6" t="s">
        <v>32230</v>
      </c>
      <c r="D32137" s="6"/>
      <c r="E32137" s="6" t="s">
        <v>9</v>
      </c>
      <c r="F32137" s="7">
        <v>36982</v>
      </c>
      <c r="G32137" s="8">
        <v>121500</v>
      </c>
      <c r="H32137" s="8">
        <v>1</v>
      </c>
      <c r="I32137" s="8">
        <v>121499</v>
      </c>
      <c r="J32137" s="8">
        <v>1</v>
      </c>
      <c r="K32137" s="9"/>
      <c r="L32137" s="6"/>
    </row>
    <row r="32138" spans="1:12">
      <c r="A32138" s="6" t="s">
        <v>33096</v>
      </c>
      <c r="B32138" s="6"/>
      <c r="C32138" s="6" t="s">
        <v>32230</v>
      </c>
      <c r="D32138" s="6"/>
      <c r="E32138" s="6" t="s">
        <v>9</v>
      </c>
      <c r="F32138" s="7">
        <v>36982</v>
      </c>
      <c r="G32138" s="8">
        <v>156600</v>
      </c>
      <c r="H32138" s="8">
        <v>1</v>
      </c>
      <c r="I32138" s="8">
        <v>156599</v>
      </c>
      <c r="J32138" s="8">
        <v>1</v>
      </c>
      <c r="K32138" s="9"/>
      <c r="L32138" s="6"/>
    </row>
    <row r="32139" spans="1:12">
      <c r="A32139" s="6" t="s">
        <v>33096</v>
      </c>
      <c r="B32139" s="6"/>
      <c r="C32139" s="6" t="s">
        <v>32230</v>
      </c>
      <c r="D32139" s="6"/>
      <c r="E32139" s="6" t="s">
        <v>9</v>
      </c>
      <c r="F32139" s="7">
        <v>36982</v>
      </c>
      <c r="G32139" s="8">
        <v>297000</v>
      </c>
      <c r="H32139" s="8">
        <v>1</v>
      </c>
      <c r="I32139" s="8">
        <v>296999</v>
      </c>
      <c r="J32139" s="8">
        <v>1</v>
      </c>
      <c r="K32139" s="9"/>
      <c r="L32139" s="6"/>
    </row>
    <row r="32140" spans="1:12">
      <c r="A32140" s="6" t="s">
        <v>33096</v>
      </c>
      <c r="B32140" s="6"/>
      <c r="C32140" s="6" t="s">
        <v>32230</v>
      </c>
      <c r="D32140" s="6"/>
      <c r="E32140" s="6" t="s">
        <v>9</v>
      </c>
      <c r="F32140" s="7">
        <v>36982</v>
      </c>
      <c r="G32140" s="8">
        <v>148500</v>
      </c>
      <c r="H32140" s="8">
        <v>1</v>
      </c>
      <c r="I32140" s="8">
        <v>148499</v>
      </c>
      <c r="J32140" s="8">
        <v>1</v>
      </c>
      <c r="K32140" s="9"/>
      <c r="L32140" s="6"/>
    </row>
    <row r="32141" spans="1:12">
      <c r="A32141" s="6" t="s">
        <v>33096</v>
      </c>
      <c r="B32141" s="6"/>
      <c r="C32141" s="6" t="s">
        <v>32230</v>
      </c>
      <c r="D32141" s="6"/>
      <c r="E32141" s="6" t="s">
        <v>9</v>
      </c>
      <c r="F32141" s="7">
        <v>40854</v>
      </c>
      <c r="G32141" s="8">
        <v>7219144</v>
      </c>
      <c r="H32141" s="8">
        <v>2866006</v>
      </c>
      <c r="I32141" s="8">
        <v>4836820</v>
      </c>
      <c r="J32141" s="8">
        <v>2382324</v>
      </c>
      <c r="K32141" s="9"/>
      <c r="L32141" s="6"/>
    </row>
    <row r="32142" spans="1:12">
      <c r="A32142" s="6" t="s">
        <v>33096</v>
      </c>
      <c r="B32142" s="6"/>
      <c r="C32142" s="6" t="s">
        <v>32230</v>
      </c>
      <c r="D32142" s="6"/>
      <c r="E32142" s="6" t="s">
        <v>9</v>
      </c>
      <c r="F32142" s="7">
        <v>40854</v>
      </c>
      <c r="G32142" s="8">
        <v>619105</v>
      </c>
      <c r="H32142" s="8">
        <v>245785</v>
      </c>
      <c r="I32142" s="8">
        <v>414800</v>
      </c>
      <c r="J32142" s="8">
        <v>204305</v>
      </c>
      <c r="K32142" s="9"/>
      <c r="L32142" s="6"/>
    </row>
    <row r="32143" spans="1:12">
      <c r="A32143" s="6" t="s">
        <v>33096</v>
      </c>
      <c r="B32143" s="6"/>
      <c r="C32143" s="6" t="s">
        <v>32230</v>
      </c>
      <c r="D32143" s="6"/>
      <c r="E32143" s="6" t="s">
        <v>9</v>
      </c>
      <c r="F32143" s="7">
        <v>41000</v>
      </c>
      <c r="G32143" s="8">
        <v>4168583</v>
      </c>
      <c r="H32143" s="8">
        <v>1934223</v>
      </c>
      <c r="I32143" s="8">
        <v>2513655</v>
      </c>
      <c r="J32143" s="8">
        <v>1654928</v>
      </c>
      <c r="K32143" s="9"/>
      <c r="L32143" s="6"/>
    </row>
    <row r="32144" spans="1:12">
      <c r="A32144" s="6" t="s">
        <v>33096</v>
      </c>
      <c r="B32144" s="6"/>
      <c r="C32144" s="6" t="s">
        <v>32230</v>
      </c>
      <c r="D32144" s="6"/>
      <c r="E32144" s="6" t="s">
        <v>9</v>
      </c>
      <c r="F32144" s="7">
        <v>40263</v>
      </c>
      <c r="G32144" s="8">
        <v>6844241</v>
      </c>
      <c r="H32144" s="8">
        <v>1800037</v>
      </c>
      <c r="I32144" s="8">
        <v>5502768</v>
      </c>
      <c r="J32144" s="8">
        <v>1341473</v>
      </c>
      <c r="K32144" s="9"/>
      <c r="L32144" s="6"/>
    </row>
    <row r="32145" spans="1:12">
      <c r="A32145" s="6" t="s">
        <v>33096</v>
      </c>
      <c r="B32145" s="6"/>
      <c r="C32145" s="6" t="s">
        <v>32230</v>
      </c>
      <c r="D32145" s="6"/>
      <c r="E32145" s="6" t="s">
        <v>9</v>
      </c>
      <c r="F32145" s="7">
        <v>40263</v>
      </c>
      <c r="G32145" s="8">
        <v>63667</v>
      </c>
      <c r="H32145" s="8">
        <v>16752</v>
      </c>
      <c r="I32145" s="8">
        <v>51180</v>
      </c>
      <c r="J32145" s="8">
        <v>12487</v>
      </c>
      <c r="K32145" s="9"/>
      <c r="L32145" s="6"/>
    </row>
    <row r="32146" spans="1:12">
      <c r="A32146" s="6" t="s">
        <v>33096</v>
      </c>
      <c r="B32146" s="6"/>
      <c r="C32146" s="6" t="s">
        <v>32230</v>
      </c>
      <c r="D32146" s="6"/>
      <c r="E32146" s="6" t="s">
        <v>9</v>
      </c>
      <c r="F32146" s="7">
        <v>40263</v>
      </c>
      <c r="G32146" s="8">
        <v>713074</v>
      </c>
      <c r="H32146" s="8">
        <v>187549</v>
      </c>
      <c r="I32146" s="8">
        <v>573300</v>
      </c>
      <c r="J32146" s="8">
        <v>139774</v>
      </c>
      <c r="K32146" s="9"/>
      <c r="L32146" s="6"/>
    </row>
    <row r="32147" spans="1:12">
      <c r="A32147" s="6" t="s">
        <v>33096</v>
      </c>
      <c r="B32147" s="6"/>
      <c r="C32147" s="6" t="s">
        <v>32230</v>
      </c>
      <c r="D32147" s="6"/>
      <c r="E32147" s="6" t="s">
        <v>9</v>
      </c>
      <c r="F32147" s="7">
        <v>40263</v>
      </c>
      <c r="G32147" s="8">
        <v>1060061</v>
      </c>
      <c r="H32147" s="8">
        <v>278797</v>
      </c>
      <c r="I32147" s="8">
        <v>852288</v>
      </c>
      <c r="J32147" s="8">
        <v>207773</v>
      </c>
      <c r="K32147" s="9"/>
      <c r="L32147" s="6"/>
    </row>
    <row r="32148" spans="1:12">
      <c r="A32148" s="6" t="s">
        <v>33096</v>
      </c>
      <c r="B32148" s="6"/>
      <c r="C32148" s="6" t="s">
        <v>32230</v>
      </c>
      <c r="D32148" s="6"/>
      <c r="E32148" s="6" t="s">
        <v>9</v>
      </c>
      <c r="F32148" s="7">
        <v>40263</v>
      </c>
      <c r="G32148" s="8">
        <v>620756</v>
      </c>
      <c r="H32148" s="8">
        <v>163266</v>
      </c>
      <c r="I32148" s="8">
        <v>499080</v>
      </c>
      <c r="J32148" s="8">
        <v>121676</v>
      </c>
      <c r="K32148" s="9"/>
      <c r="L32148" s="6"/>
    </row>
    <row r="32149" spans="1:12">
      <c r="A32149" s="6" t="s">
        <v>33096</v>
      </c>
      <c r="B32149" s="6"/>
      <c r="C32149" s="6" t="s">
        <v>32230</v>
      </c>
      <c r="D32149" s="6"/>
      <c r="E32149" s="6" t="s">
        <v>9</v>
      </c>
      <c r="F32149" s="7">
        <v>40263</v>
      </c>
      <c r="G32149" s="8">
        <v>611206</v>
      </c>
      <c r="H32149" s="8">
        <v>160756</v>
      </c>
      <c r="I32149" s="8">
        <v>491400</v>
      </c>
      <c r="J32149" s="8">
        <v>119806</v>
      </c>
      <c r="K32149" s="9"/>
      <c r="L32149" s="6"/>
    </row>
    <row r="32150" spans="1:12">
      <c r="A32150" s="6" t="s">
        <v>33096</v>
      </c>
      <c r="B32150" s="6"/>
      <c r="C32150" s="6" t="s">
        <v>32230</v>
      </c>
      <c r="D32150" s="6"/>
      <c r="E32150" s="6" t="s">
        <v>9</v>
      </c>
      <c r="F32150" s="7">
        <v>32234</v>
      </c>
      <c r="G32150" s="8">
        <v>12418000</v>
      </c>
      <c r="H32150" s="8">
        <v>1</v>
      </c>
      <c r="I32150" s="8">
        <v>12417999</v>
      </c>
      <c r="J32150" s="8">
        <v>1</v>
      </c>
      <c r="K32150" s="9"/>
      <c r="L32150" s="6"/>
    </row>
    <row r="32151" spans="1:12">
      <c r="A32151" s="6" t="s">
        <v>33097</v>
      </c>
      <c r="B32151" s="6"/>
      <c r="C32151" s="6" t="s">
        <v>32230</v>
      </c>
      <c r="D32151" s="6"/>
      <c r="E32151" s="6" t="s">
        <v>9</v>
      </c>
      <c r="F32151" s="7">
        <v>40269</v>
      </c>
      <c r="G32151" s="8">
        <v>94997700</v>
      </c>
      <c r="H32151" s="8">
        <v>38949060</v>
      </c>
      <c r="I32151" s="8">
        <v>61653504</v>
      </c>
      <c r="J32151" s="8">
        <v>33344196</v>
      </c>
      <c r="K32151" s="9"/>
      <c r="L32151" s="6"/>
    </row>
    <row r="32152" spans="1:12">
      <c r="A32152" s="6" t="s">
        <v>33132</v>
      </c>
      <c r="B32152" s="6"/>
      <c r="C32152" s="6" t="s">
        <v>32230</v>
      </c>
      <c r="D32152" s="6"/>
      <c r="E32152" s="6" t="s">
        <v>9</v>
      </c>
      <c r="F32152" s="7">
        <v>43171</v>
      </c>
      <c r="G32152" s="8">
        <v>97200</v>
      </c>
      <c r="H32152" s="8">
        <v>91368</v>
      </c>
      <c r="I32152" s="8">
        <v>7776</v>
      </c>
      <c r="J32152" s="8">
        <v>89424</v>
      </c>
      <c r="K32152" s="9"/>
      <c r="L32152" s="6"/>
    </row>
    <row r="32153" spans="1:12">
      <c r="A32153" s="6" t="s">
        <v>33133</v>
      </c>
      <c r="B32153" s="6"/>
      <c r="C32153" s="6" t="s">
        <v>32230</v>
      </c>
      <c r="D32153" s="6"/>
      <c r="E32153" s="6" t="s">
        <v>9</v>
      </c>
      <c r="F32153" s="7">
        <v>43475</v>
      </c>
      <c r="G32153" s="8">
        <v>5130000</v>
      </c>
      <c r="H32153" s="8">
        <v>4524660</v>
      </c>
      <c r="I32153" s="8">
        <v>908010</v>
      </c>
      <c r="J32153" s="8">
        <v>4221990</v>
      </c>
      <c r="K32153" s="9"/>
      <c r="L32153" s="6"/>
    </row>
    <row r="32154" spans="1:12">
      <c r="A32154" s="6" t="s">
        <v>33096</v>
      </c>
      <c r="B32154" s="6"/>
      <c r="C32154" s="6" t="s">
        <v>32230</v>
      </c>
      <c r="D32154" s="6"/>
      <c r="E32154" s="6" t="s">
        <v>9</v>
      </c>
      <c r="F32154" s="7">
        <v>40263</v>
      </c>
      <c r="G32154" s="8">
        <v>7032059</v>
      </c>
      <c r="H32154" s="8">
        <v>1849442</v>
      </c>
      <c r="I32154" s="8">
        <v>5653764</v>
      </c>
      <c r="J32154" s="8">
        <v>1378295</v>
      </c>
      <c r="K32154" s="9"/>
      <c r="L32154" s="6"/>
    </row>
    <row r="32155" spans="1:12">
      <c r="A32155" s="6" t="s">
        <v>33096</v>
      </c>
      <c r="B32155" s="6"/>
      <c r="C32155" s="6" t="s">
        <v>32230</v>
      </c>
      <c r="D32155" s="6"/>
      <c r="E32155" s="6" t="s">
        <v>9</v>
      </c>
      <c r="F32155" s="7">
        <v>40263</v>
      </c>
      <c r="G32155" s="8">
        <v>5790546</v>
      </c>
      <c r="H32155" s="8">
        <v>1522920</v>
      </c>
      <c r="I32155" s="8">
        <v>4655592</v>
      </c>
      <c r="J32155" s="8">
        <v>1134954</v>
      </c>
      <c r="K32155" s="9"/>
      <c r="L32155" s="6"/>
    </row>
    <row r="32156" spans="1:12">
      <c r="A32156" s="6" t="s">
        <v>33096</v>
      </c>
      <c r="B32156" s="6"/>
      <c r="C32156" s="6" t="s">
        <v>32230</v>
      </c>
      <c r="D32156" s="6"/>
      <c r="E32156" s="6" t="s">
        <v>9</v>
      </c>
      <c r="F32156" s="7">
        <v>40263</v>
      </c>
      <c r="G32156" s="8">
        <v>4084261</v>
      </c>
      <c r="H32156" s="8">
        <v>1074166</v>
      </c>
      <c r="I32156" s="8">
        <v>3283740</v>
      </c>
      <c r="J32156" s="8">
        <v>800521</v>
      </c>
      <c r="K32156" s="9"/>
      <c r="L32156" s="6"/>
    </row>
    <row r="32157" spans="1:12">
      <c r="A32157" s="6" t="s">
        <v>33096</v>
      </c>
      <c r="B32157" s="6"/>
      <c r="C32157" s="6" t="s">
        <v>32230</v>
      </c>
      <c r="D32157" s="6"/>
      <c r="E32157" s="6" t="s">
        <v>9</v>
      </c>
      <c r="F32157" s="7">
        <v>40263</v>
      </c>
      <c r="G32157" s="8">
        <v>5029721</v>
      </c>
      <c r="H32157" s="8">
        <v>1322820</v>
      </c>
      <c r="I32157" s="8">
        <v>4043892</v>
      </c>
      <c r="J32157" s="8">
        <v>985829</v>
      </c>
      <c r="K32157" s="9"/>
      <c r="L32157" s="6"/>
    </row>
    <row r="32158" spans="1:12">
      <c r="A32158" s="6" t="s">
        <v>33096</v>
      </c>
      <c r="B32158" s="6"/>
      <c r="C32158" s="6" t="s">
        <v>32230</v>
      </c>
      <c r="D32158" s="6"/>
      <c r="E32158" s="6" t="s">
        <v>9</v>
      </c>
      <c r="F32158" s="7">
        <v>40263</v>
      </c>
      <c r="G32158" s="8">
        <v>5924247</v>
      </c>
      <c r="H32158" s="8">
        <v>1558083</v>
      </c>
      <c r="I32158" s="8">
        <v>4763088</v>
      </c>
      <c r="J32158" s="8">
        <v>1161159</v>
      </c>
      <c r="K32158" s="9"/>
      <c r="L32158" s="6"/>
    </row>
    <row r="32159" spans="1:12">
      <c r="A32159" s="6" t="s">
        <v>33096</v>
      </c>
      <c r="B32159" s="6"/>
      <c r="C32159" s="6" t="s">
        <v>32230</v>
      </c>
      <c r="D32159" s="6"/>
      <c r="E32159" s="6" t="s">
        <v>9</v>
      </c>
      <c r="F32159" s="7">
        <v>40263</v>
      </c>
      <c r="G32159" s="8">
        <v>6793307</v>
      </c>
      <c r="H32159" s="8">
        <v>1786646</v>
      </c>
      <c r="I32159" s="8">
        <v>5461812</v>
      </c>
      <c r="J32159" s="8">
        <v>1331495</v>
      </c>
      <c r="K32159" s="9"/>
      <c r="L32159" s="6"/>
    </row>
    <row r="32160" spans="1:12">
      <c r="A32160" s="6" t="s">
        <v>33096</v>
      </c>
      <c r="B32160" s="6"/>
      <c r="C32160" s="6" t="s">
        <v>32230</v>
      </c>
      <c r="D32160" s="6"/>
      <c r="E32160" s="6" t="s">
        <v>9</v>
      </c>
      <c r="F32160" s="7">
        <v>40263</v>
      </c>
      <c r="G32160" s="8">
        <v>7882019</v>
      </c>
      <c r="H32160" s="8">
        <v>2072974</v>
      </c>
      <c r="I32160" s="8">
        <v>6337140</v>
      </c>
      <c r="J32160" s="8">
        <v>1544879</v>
      </c>
      <c r="K32160" s="9"/>
      <c r="L32160" s="6"/>
    </row>
    <row r="32161" spans="1:12">
      <c r="A32161" s="6" t="s">
        <v>33096</v>
      </c>
      <c r="B32161" s="6"/>
      <c r="C32161" s="6" t="s">
        <v>32230</v>
      </c>
      <c r="D32161" s="6"/>
      <c r="E32161" s="6" t="s">
        <v>9</v>
      </c>
      <c r="F32161" s="7">
        <v>40263</v>
      </c>
      <c r="G32161" s="8">
        <v>620756</v>
      </c>
      <c r="H32161" s="8">
        <v>163266</v>
      </c>
      <c r="I32161" s="8">
        <v>499080</v>
      </c>
      <c r="J32161" s="8">
        <v>121676</v>
      </c>
      <c r="K32161" s="9"/>
      <c r="L32161" s="6"/>
    </row>
    <row r="32162" spans="1:12">
      <c r="A32162" s="6" t="s">
        <v>33096</v>
      </c>
      <c r="B32162" s="6"/>
      <c r="C32162" s="6" t="s">
        <v>32230</v>
      </c>
      <c r="D32162" s="6"/>
      <c r="E32162" s="6" t="s">
        <v>9</v>
      </c>
      <c r="F32162" s="7">
        <v>37347</v>
      </c>
      <c r="G32162" s="8">
        <v>6226200</v>
      </c>
      <c r="H32162" s="8">
        <v>1</v>
      </c>
      <c r="I32162" s="8">
        <v>6226199</v>
      </c>
      <c r="J32162" s="8">
        <v>1</v>
      </c>
      <c r="K32162" s="9"/>
      <c r="L32162" s="6"/>
    </row>
    <row r="32163" spans="1:12">
      <c r="A32163" s="6" t="s">
        <v>33096</v>
      </c>
      <c r="B32163" s="6"/>
      <c r="C32163" s="6" t="s">
        <v>32230</v>
      </c>
      <c r="D32163" s="6"/>
      <c r="E32163" s="6" t="s">
        <v>9</v>
      </c>
      <c r="F32163" s="7">
        <v>40869</v>
      </c>
      <c r="G32163" s="8">
        <v>460631</v>
      </c>
      <c r="H32163" s="8">
        <v>182873</v>
      </c>
      <c r="I32163" s="8">
        <v>308620</v>
      </c>
      <c r="J32163" s="8">
        <v>152011</v>
      </c>
      <c r="K32163" s="9"/>
      <c r="L32163" s="6"/>
    </row>
    <row r="32164" spans="1:12">
      <c r="A32164" s="6" t="s">
        <v>33096</v>
      </c>
      <c r="B32164" s="6"/>
      <c r="C32164" s="6" t="s">
        <v>32230</v>
      </c>
      <c r="D32164" s="6"/>
      <c r="E32164" s="6" t="s">
        <v>9</v>
      </c>
      <c r="F32164" s="7">
        <v>40869</v>
      </c>
      <c r="G32164" s="8">
        <v>10188975</v>
      </c>
      <c r="H32164" s="8">
        <v>4045026</v>
      </c>
      <c r="I32164" s="8">
        <v>6826610</v>
      </c>
      <c r="J32164" s="8">
        <v>3362365</v>
      </c>
      <c r="K32164" s="9"/>
      <c r="L32164" s="6"/>
    </row>
    <row r="32165" spans="1:12">
      <c r="A32165" s="6" t="s">
        <v>33096</v>
      </c>
      <c r="B32165" s="6"/>
      <c r="C32165" s="6" t="s">
        <v>32230</v>
      </c>
      <c r="D32165" s="6"/>
      <c r="E32165" s="6" t="s">
        <v>9</v>
      </c>
      <c r="F32165" s="7">
        <v>40869</v>
      </c>
      <c r="G32165" s="8">
        <v>538238</v>
      </c>
      <c r="H32165" s="8">
        <v>213689</v>
      </c>
      <c r="I32165" s="8">
        <v>360610</v>
      </c>
      <c r="J32165" s="8">
        <v>177628</v>
      </c>
      <c r="K32165" s="9"/>
      <c r="L32165" s="6"/>
    </row>
    <row r="32166" spans="1:12">
      <c r="A32166" s="6" t="s">
        <v>33096</v>
      </c>
      <c r="B32166" s="6"/>
      <c r="C32166" s="6" t="s">
        <v>32230</v>
      </c>
      <c r="D32166" s="6"/>
      <c r="E32166" s="6" t="s">
        <v>9</v>
      </c>
      <c r="F32166" s="7">
        <v>37347</v>
      </c>
      <c r="G32166" s="8">
        <v>151200</v>
      </c>
      <c r="H32166" s="8">
        <v>1</v>
      </c>
      <c r="I32166" s="8">
        <v>151199</v>
      </c>
      <c r="J32166" s="8">
        <v>1</v>
      </c>
      <c r="K32166" s="9"/>
      <c r="L32166" s="6"/>
    </row>
    <row r="32167" spans="1:12">
      <c r="A32167" s="6" t="s">
        <v>33096</v>
      </c>
      <c r="B32167" s="6"/>
      <c r="C32167" s="6" t="s">
        <v>32230</v>
      </c>
      <c r="D32167" s="6"/>
      <c r="E32167" s="6" t="s">
        <v>9</v>
      </c>
      <c r="F32167" s="7">
        <v>37347</v>
      </c>
      <c r="G32167" s="8">
        <v>299700</v>
      </c>
      <c r="H32167" s="8">
        <v>1</v>
      </c>
      <c r="I32167" s="8">
        <v>299699</v>
      </c>
      <c r="J32167" s="8">
        <v>1</v>
      </c>
      <c r="K32167" s="9"/>
      <c r="L32167" s="6"/>
    </row>
    <row r="32168" spans="1:12">
      <c r="A32168" s="6" t="s">
        <v>33096</v>
      </c>
      <c r="B32168" s="6"/>
      <c r="C32168" s="6" t="s">
        <v>32230</v>
      </c>
      <c r="D32168" s="6"/>
      <c r="E32168" s="6" t="s">
        <v>9</v>
      </c>
      <c r="F32168" s="7">
        <v>40512</v>
      </c>
      <c r="G32168" s="8">
        <v>9838024</v>
      </c>
      <c r="H32168" s="8">
        <v>3246554</v>
      </c>
      <c r="I32168" s="8">
        <v>7250617</v>
      </c>
      <c r="J32168" s="8">
        <v>2587407</v>
      </c>
      <c r="K32168" s="9"/>
      <c r="L32168" s="6"/>
    </row>
    <row r="32169" spans="1:12">
      <c r="A32169" s="6" t="s">
        <v>33096</v>
      </c>
      <c r="B32169" s="6"/>
      <c r="C32169" s="6" t="s">
        <v>32230</v>
      </c>
      <c r="D32169" s="6"/>
      <c r="E32169" s="6" t="s">
        <v>9</v>
      </c>
      <c r="F32169" s="7">
        <v>40512</v>
      </c>
      <c r="G32169" s="8">
        <v>8690687</v>
      </c>
      <c r="H32169" s="8">
        <v>2867927</v>
      </c>
      <c r="I32169" s="8">
        <v>6405036</v>
      </c>
      <c r="J32169" s="8">
        <v>2285651</v>
      </c>
      <c r="K32169" s="9"/>
      <c r="L32169" s="6"/>
    </row>
    <row r="32170" spans="1:12">
      <c r="A32170" s="6" t="s">
        <v>33096</v>
      </c>
      <c r="B32170" s="6"/>
      <c r="C32170" s="6" t="s">
        <v>32230</v>
      </c>
      <c r="D32170" s="6"/>
      <c r="E32170" s="6" t="s">
        <v>9</v>
      </c>
      <c r="F32170" s="7">
        <v>40512</v>
      </c>
      <c r="G32170" s="8">
        <v>10987957</v>
      </c>
      <c r="H32170" s="8">
        <v>3626027</v>
      </c>
      <c r="I32170" s="8">
        <v>8098123</v>
      </c>
      <c r="J32170" s="8">
        <v>2889834</v>
      </c>
      <c r="K32170" s="9"/>
      <c r="L32170" s="6"/>
    </row>
    <row r="32171" spans="1:12">
      <c r="A32171" s="6" t="s">
        <v>33096</v>
      </c>
      <c r="B32171" s="6"/>
      <c r="C32171" s="6" t="s">
        <v>32230</v>
      </c>
      <c r="D32171" s="6"/>
      <c r="E32171" s="6" t="s">
        <v>9</v>
      </c>
      <c r="F32171" s="7">
        <v>40512</v>
      </c>
      <c r="G32171" s="8">
        <v>2273907</v>
      </c>
      <c r="H32171" s="8">
        <v>750397</v>
      </c>
      <c r="I32171" s="8">
        <v>1675861</v>
      </c>
      <c r="J32171" s="8">
        <v>598046</v>
      </c>
      <c r="K32171" s="9"/>
      <c r="L32171" s="6"/>
    </row>
    <row r="32172" spans="1:12">
      <c r="A32172" s="6" t="s">
        <v>33096</v>
      </c>
      <c r="B32172" s="6"/>
      <c r="C32172" s="6" t="s">
        <v>32230</v>
      </c>
      <c r="D32172" s="6"/>
      <c r="E32172" s="6" t="s">
        <v>9</v>
      </c>
      <c r="F32172" s="7">
        <v>40512</v>
      </c>
      <c r="G32172" s="8">
        <v>2541273</v>
      </c>
      <c r="H32172" s="8">
        <v>838623</v>
      </c>
      <c r="I32172" s="8">
        <v>1872915</v>
      </c>
      <c r="J32172" s="8">
        <v>668358</v>
      </c>
      <c r="K32172" s="9"/>
      <c r="L32172" s="6"/>
    </row>
    <row r="32173" spans="1:12">
      <c r="A32173" s="6" t="s">
        <v>33096</v>
      </c>
      <c r="B32173" s="6"/>
      <c r="C32173" s="6" t="s">
        <v>32230</v>
      </c>
      <c r="D32173" s="6"/>
      <c r="E32173" s="6" t="s">
        <v>9</v>
      </c>
      <c r="F32173" s="7">
        <v>40869</v>
      </c>
      <c r="G32173" s="8">
        <v>4996854</v>
      </c>
      <c r="H32173" s="8">
        <v>1983753</v>
      </c>
      <c r="I32173" s="8">
        <v>3347890</v>
      </c>
      <c r="J32173" s="8">
        <v>1648964</v>
      </c>
      <c r="K32173" s="9"/>
      <c r="L32173" s="6"/>
    </row>
    <row r="32174" spans="1:12">
      <c r="A32174" s="6" t="s">
        <v>33096</v>
      </c>
      <c r="B32174" s="6"/>
      <c r="C32174" s="6" t="s">
        <v>32230</v>
      </c>
      <c r="D32174" s="6"/>
      <c r="E32174" s="6" t="s">
        <v>9</v>
      </c>
      <c r="F32174" s="7">
        <v>41000</v>
      </c>
      <c r="G32174" s="8">
        <v>2748600</v>
      </c>
      <c r="H32174" s="8">
        <v>1275352</v>
      </c>
      <c r="I32174" s="8">
        <v>1657404</v>
      </c>
      <c r="J32174" s="8">
        <v>1091196</v>
      </c>
      <c r="K32174" s="9"/>
      <c r="L32174" s="6"/>
    </row>
    <row r="32175" spans="1:12">
      <c r="A32175" s="6" t="s">
        <v>33096</v>
      </c>
      <c r="B32175" s="6"/>
      <c r="C32175" s="6" t="s">
        <v>32230</v>
      </c>
      <c r="D32175" s="6"/>
      <c r="E32175" s="6" t="s">
        <v>9</v>
      </c>
      <c r="F32175" s="7">
        <v>41000</v>
      </c>
      <c r="G32175" s="8">
        <v>645300</v>
      </c>
      <c r="H32175" s="8">
        <v>299420</v>
      </c>
      <c r="I32175" s="8">
        <v>389115</v>
      </c>
      <c r="J32175" s="8">
        <v>256185</v>
      </c>
      <c r="K32175" s="9"/>
      <c r="L32175" s="6"/>
    </row>
    <row r="32176" spans="1:12">
      <c r="A32176" s="6" t="s">
        <v>33097</v>
      </c>
      <c r="B32176" s="6"/>
      <c r="C32176" s="6" t="s">
        <v>32230</v>
      </c>
      <c r="D32176" s="6"/>
      <c r="E32176" s="6" t="s">
        <v>9</v>
      </c>
      <c r="F32176" s="7">
        <v>41000</v>
      </c>
      <c r="G32176" s="8">
        <v>1</v>
      </c>
      <c r="H32176" s="8">
        <v>1</v>
      </c>
      <c r="I32176" s="8">
        <v>0</v>
      </c>
      <c r="J32176" s="8">
        <v>1</v>
      </c>
      <c r="K32176" s="9"/>
      <c r="L32176" s="6"/>
    </row>
    <row r="32177" spans="1:12">
      <c r="A32177" s="6" t="s">
        <v>33096</v>
      </c>
      <c r="B32177" s="6"/>
      <c r="C32177" s="6" t="s">
        <v>32230</v>
      </c>
      <c r="D32177" s="6"/>
      <c r="E32177" s="6" t="s">
        <v>9</v>
      </c>
      <c r="F32177" s="7">
        <v>41362</v>
      </c>
      <c r="G32177" s="8">
        <v>15966273</v>
      </c>
      <c r="H32177" s="8">
        <v>7408353</v>
      </c>
      <c r="I32177" s="8">
        <v>9627660</v>
      </c>
      <c r="J32177" s="8">
        <v>6338613</v>
      </c>
      <c r="K32177" s="9"/>
      <c r="L32177" s="6"/>
    </row>
    <row r="32178" spans="1:12">
      <c r="A32178" s="6" t="s">
        <v>33096</v>
      </c>
      <c r="B32178" s="6"/>
      <c r="C32178" s="6" t="s">
        <v>32230</v>
      </c>
      <c r="D32178" s="6"/>
      <c r="E32178" s="6" t="s">
        <v>9</v>
      </c>
      <c r="F32178" s="7">
        <v>41362</v>
      </c>
      <c r="G32178" s="8">
        <v>3960545</v>
      </c>
      <c r="H32178" s="8">
        <v>1837697</v>
      </c>
      <c r="I32178" s="8">
        <v>2388204</v>
      </c>
      <c r="J32178" s="8">
        <v>1572341</v>
      </c>
      <c r="K32178" s="9"/>
      <c r="L32178" s="6"/>
    </row>
    <row r="32179" spans="1:12">
      <c r="A32179" s="6" t="s">
        <v>33096</v>
      </c>
      <c r="B32179" s="6"/>
      <c r="C32179" s="6" t="s">
        <v>32230</v>
      </c>
      <c r="D32179" s="6"/>
      <c r="E32179" s="6" t="s">
        <v>9</v>
      </c>
      <c r="F32179" s="7">
        <v>41362</v>
      </c>
      <c r="G32179" s="8">
        <v>6985244</v>
      </c>
      <c r="H32179" s="8">
        <v>3241156</v>
      </c>
      <c r="I32179" s="8">
        <v>4212099</v>
      </c>
      <c r="J32179" s="8">
        <v>2773145</v>
      </c>
      <c r="K32179" s="9"/>
      <c r="L32179" s="6"/>
    </row>
    <row r="32180" spans="1:12">
      <c r="A32180" s="6" t="s">
        <v>33096</v>
      </c>
      <c r="B32180" s="6"/>
      <c r="C32180" s="6" t="s">
        <v>32230</v>
      </c>
      <c r="D32180" s="6"/>
      <c r="E32180" s="6" t="s">
        <v>9</v>
      </c>
      <c r="F32180" s="7">
        <v>41362</v>
      </c>
      <c r="G32180" s="8">
        <v>6995585</v>
      </c>
      <c r="H32180" s="8">
        <v>3245953</v>
      </c>
      <c r="I32180" s="8">
        <v>4218336</v>
      </c>
      <c r="J32180" s="8">
        <v>2777249</v>
      </c>
      <c r="K32180" s="9"/>
      <c r="L32180" s="6"/>
    </row>
    <row r="32181" spans="1:12">
      <c r="A32181" s="6" t="s">
        <v>33097</v>
      </c>
      <c r="B32181" s="6"/>
      <c r="C32181" s="6" t="s">
        <v>32230</v>
      </c>
      <c r="D32181" s="6"/>
      <c r="E32181" s="6" t="s">
        <v>9</v>
      </c>
      <c r="F32181" s="7">
        <v>40998</v>
      </c>
      <c r="G32181" s="8">
        <v>10115000</v>
      </c>
      <c r="H32181" s="8">
        <v>4743935</v>
      </c>
      <c r="I32181" s="8">
        <v>5967850</v>
      </c>
      <c r="J32181" s="8">
        <v>4147150</v>
      </c>
      <c r="K32181" s="9"/>
      <c r="L32181" s="6"/>
    </row>
    <row r="32182" spans="1:12">
      <c r="A32182" s="6" t="s">
        <v>33097</v>
      </c>
      <c r="B32182" s="6"/>
      <c r="C32182" s="6" t="s">
        <v>32230</v>
      </c>
      <c r="D32182" s="6"/>
      <c r="E32182" s="6" t="s">
        <v>9</v>
      </c>
      <c r="F32182" s="7">
        <v>41255</v>
      </c>
      <c r="G32182" s="8">
        <v>21630000</v>
      </c>
      <c r="H32182" s="8">
        <v>11420640</v>
      </c>
      <c r="I32182" s="8">
        <v>11485530</v>
      </c>
      <c r="J32182" s="8">
        <v>10144470</v>
      </c>
      <c r="K32182" s="9"/>
      <c r="L32182" s="6"/>
    </row>
    <row r="32183" spans="1:12">
      <c r="A32183" s="6" t="s">
        <v>33096</v>
      </c>
      <c r="B32183" s="6"/>
      <c r="C32183" s="6" t="s">
        <v>32230</v>
      </c>
      <c r="D32183" s="6"/>
      <c r="E32183" s="6" t="s">
        <v>9</v>
      </c>
      <c r="F32183" s="7">
        <v>29677</v>
      </c>
      <c r="G32183" s="8">
        <v>3400000</v>
      </c>
      <c r="H32183" s="8">
        <v>1</v>
      </c>
      <c r="I32183" s="8">
        <v>3399999</v>
      </c>
      <c r="J32183" s="8">
        <v>1</v>
      </c>
      <c r="K32183" s="9"/>
      <c r="L32183" s="6"/>
    </row>
    <row r="32184" spans="1:12">
      <c r="A32184" s="6" t="s">
        <v>33096</v>
      </c>
      <c r="B32184" s="6"/>
      <c r="C32184" s="6" t="s">
        <v>32230</v>
      </c>
      <c r="D32184" s="6"/>
      <c r="E32184" s="6" t="s">
        <v>9</v>
      </c>
      <c r="F32184" s="7">
        <v>29677</v>
      </c>
      <c r="G32184" s="8">
        <v>4752000</v>
      </c>
      <c r="H32184" s="8">
        <v>1</v>
      </c>
      <c r="I32184" s="8">
        <v>4751999</v>
      </c>
      <c r="J32184" s="8">
        <v>1</v>
      </c>
      <c r="K32184" s="9"/>
      <c r="L32184" s="6"/>
    </row>
    <row r="32185" spans="1:12">
      <c r="A32185" s="6" t="s">
        <v>33096</v>
      </c>
      <c r="B32185" s="6"/>
      <c r="C32185" s="6" t="s">
        <v>32230</v>
      </c>
      <c r="D32185" s="6"/>
      <c r="E32185" s="6" t="s">
        <v>9</v>
      </c>
      <c r="F32185" s="7">
        <v>30042</v>
      </c>
      <c r="G32185" s="8">
        <v>790000</v>
      </c>
      <c r="H32185" s="8">
        <v>1</v>
      </c>
      <c r="I32185" s="8">
        <v>789999</v>
      </c>
      <c r="J32185" s="8">
        <v>1</v>
      </c>
      <c r="K32185" s="9"/>
      <c r="L32185" s="6"/>
    </row>
    <row r="32186" spans="1:12">
      <c r="A32186" s="6" t="s">
        <v>33096</v>
      </c>
      <c r="B32186" s="6"/>
      <c r="C32186" s="6" t="s">
        <v>32230</v>
      </c>
      <c r="D32186" s="6"/>
      <c r="E32186" s="6" t="s">
        <v>9</v>
      </c>
      <c r="F32186" s="7">
        <v>30042</v>
      </c>
      <c r="G32186" s="8">
        <v>2120000</v>
      </c>
      <c r="H32186" s="8">
        <v>1</v>
      </c>
      <c r="I32186" s="8">
        <v>2119999</v>
      </c>
      <c r="J32186" s="8">
        <v>1</v>
      </c>
      <c r="K32186" s="9"/>
      <c r="L32186" s="6"/>
    </row>
    <row r="32187" spans="1:12">
      <c r="A32187" s="6" t="s">
        <v>33096</v>
      </c>
      <c r="B32187" s="6"/>
      <c r="C32187" s="6" t="s">
        <v>32230</v>
      </c>
      <c r="D32187" s="6"/>
      <c r="E32187" s="6" t="s">
        <v>9</v>
      </c>
      <c r="F32187" s="7">
        <v>30773</v>
      </c>
      <c r="G32187" s="8">
        <v>675539</v>
      </c>
      <c r="H32187" s="8">
        <v>1</v>
      </c>
      <c r="I32187" s="8">
        <v>675538</v>
      </c>
      <c r="J32187" s="8">
        <v>1</v>
      </c>
      <c r="K32187" s="9"/>
      <c r="L32187" s="6"/>
    </row>
    <row r="32188" spans="1:12">
      <c r="A32188" s="6" t="s">
        <v>33096</v>
      </c>
      <c r="B32188" s="6"/>
      <c r="C32188" s="6" t="s">
        <v>32230</v>
      </c>
      <c r="D32188" s="6"/>
      <c r="E32188" s="6" t="s">
        <v>9</v>
      </c>
      <c r="F32188" s="7">
        <v>30773</v>
      </c>
      <c r="G32188" s="8">
        <v>1755699</v>
      </c>
      <c r="H32188" s="8">
        <v>1</v>
      </c>
      <c r="I32188" s="8">
        <v>1755698</v>
      </c>
      <c r="J32188" s="8">
        <v>1</v>
      </c>
      <c r="K32188" s="9"/>
      <c r="L32188" s="6"/>
    </row>
    <row r="32189" spans="1:12">
      <c r="A32189" s="6" t="s">
        <v>33096</v>
      </c>
      <c r="B32189" s="6"/>
      <c r="C32189" s="6" t="s">
        <v>32230</v>
      </c>
      <c r="D32189" s="6"/>
      <c r="E32189" s="6" t="s">
        <v>9</v>
      </c>
      <c r="F32189" s="7">
        <v>30773</v>
      </c>
      <c r="G32189" s="8">
        <v>2339760</v>
      </c>
      <c r="H32189" s="8">
        <v>1</v>
      </c>
      <c r="I32189" s="8">
        <v>2339759</v>
      </c>
      <c r="J32189" s="8">
        <v>1</v>
      </c>
      <c r="K32189" s="9"/>
      <c r="L32189" s="6"/>
    </row>
    <row r="32190" spans="1:12">
      <c r="A32190" s="6" t="s">
        <v>33096</v>
      </c>
      <c r="B32190" s="6"/>
      <c r="C32190" s="6" t="s">
        <v>32230</v>
      </c>
      <c r="D32190" s="6"/>
      <c r="E32190" s="6" t="s">
        <v>9</v>
      </c>
      <c r="F32190" s="7">
        <v>30773</v>
      </c>
      <c r="G32190" s="8">
        <v>3613000</v>
      </c>
      <c r="H32190" s="8">
        <v>1</v>
      </c>
      <c r="I32190" s="8">
        <v>3612999</v>
      </c>
      <c r="J32190" s="8">
        <v>1</v>
      </c>
      <c r="K32190" s="9"/>
      <c r="L32190" s="6"/>
    </row>
    <row r="32191" spans="1:12">
      <c r="A32191" s="6" t="s">
        <v>33096</v>
      </c>
      <c r="B32191" s="6"/>
      <c r="C32191" s="6" t="s">
        <v>32230</v>
      </c>
      <c r="D32191" s="6"/>
      <c r="E32191" s="6" t="s">
        <v>9</v>
      </c>
      <c r="F32191" s="7">
        <v>30042</v>
      </c>
      <c r="G32191" s="8">
        <v>504000</v>
      </c>
      <c r="H32191" s="8">
        <v>1</v>
      </c>
      <c r="I32191" s="8">
        <v>503999</v>
      </c>
      <c r="J32191" s="8">
        <v>1</v>
      </c>
      <c r="K32191" s="9"/>
      <c r="L32191" s="6"/>
    </row>
    <row r="32192" spans="1:12">
      <c r="A32192" s="6" t="s">
        <v>33096</v>
      </c>
      <c r="B32192" s="6"/>
      <c r="C32192" s="6" t="s">
        <v>32230</v>
      </c>
      <c r="D32192" s="6"/>
      <c r="E32192" s="6" t="s">
        <v>9</v>
      </c>
      <c r="F32192" s="7">
        <v>30773</v>
      </c>
      <c r="G32192" s="8">
        <v>3338000</v>
      </c>
      <c r="H32192" s="8">
        <v>1</v>
      </c>
      <c r="I32192" s="8">
        <v>3337999</v>
      </c>
      <c r="J32192" s="8">
        <v>1</v>
      </c>
      <c r="K32192" s="9"/>
      <c r="L32192" s="6"/>
    </row>
    <row r="32193" spans="1:12">
      <c r="A32193" s="6" t="s">
        <v>33096</v>
      </c>
      <c r="B32193" s="6"/>
      <c r="C32193" s="6" t="s">
        <v>32230</v>
      </c>
      <c r="D32193" s="6"/>
      <c r="E32193" s="6" t="s">
        <v>9</v>
      </c>
      <c r="F32193" s="7">
        <v>30773</v>
      </c>
      <c r="G32193" s="8">
        <v>4777245</v>
      </c>
      <c r="H32193" s="8">
        <v>1</v>
      </c>
      <c r="I32193" s="8">
        <v>4777244</v>
      </c>
      <c r="J32193" s="8">
        <v>1</v>
      </c>
      <c r="K32193" s="9"/>
      <c r="L32193" s="6"/>
    </row>
    <row r="32194" spans="1:12">
      <c r="A32194" s="6" t="s">
        <v>33096</v>
      </c>
      <c r="B32194" s="6"/>
      <c r="C32194" s="6" t="s">
        <v>32230</v>
      </c>
      <c r="D32194" s="6"/>
      <c r="E32194" s="6" t="s">
        <v>9</v>
      </c>
      <c r="F32194" s="7">
        <v>30773</v>
      </c>
      <c r="G32194" s="8">
        <v>532754</v>
      </c>
      <c r="H32194" s="8">
        <v>1</v>
      </c>
      <c r="I32194" s="8">
        <v>532753</v>
      </c>
      <c r="J32194" s="8">
        <v>1</v>
      </c>
      <c r="K32194" s="9"/>
      <c r="L32194" s="6"/>
    </row>
    <row r="32195" spans="1:12">
      <c r="A32195" s="6" t="s">
        <v>33096</v>
      </c>
      <c r="B32195" s="6"/>
      <c r="C32195" s="6" t="s">
        <v>32230</v>
      </c>
      <c r="D32195" s="6"/>
      <c r="E32195" s="6" t="s">
        <v>9</v>
      </c>
      <c r="F32195" s="7">
        <v>30042</v>
      </c>
      <c r="G32195" s="8">
        <v>823500</v>
      </c>
      <c r="H32195" s="8">
        <v>1</v>
      </c>
      <c r="I32195" s="8">
        <v>823499</v>
      </c>
      <c r="J32195" s="8">
        <v>1</v>
      </c>
      <c r="K32195" s="9"/>
      <c r="L32195" s="6"/>
    </row>
    <row r="32196" spans="1:12">
      <c r="A32196" s="6" t="s">
        <v>33096</v>
      </c>
      <c r="B32196" s="6"/>
      <c r="C32196" s="6" t="s">
        <v>32230</v>
      </c>
      <c r="D32196" s="6"/>
      <c r="E32196" s="6" t="s">
        <v>9</v>
      </c>
      <c r="F32196" s="7">
        <v>30042</v>
      </c>
      <c r="G32196" s="8">
        <v>1417500</v>
      </c>
      <c r="H32196" s="8">
        <v>1</v>
      </c>
      <c r="I32196" s="8">
        <v>1417499</v>
      </c>
      <c r="J32196" s="8">
        <v>1</v>
      </c>
      <c r="K32196" s="9"/>
      <c r="L32196" s="6"/>
    </row>
    <row r="32197" spans="1:12">
      <c r="A32197" s="6" t="s">
        <v>33134</v>
      </c>
      <c r="B32197" s="6"/>
      <c r="C32197" s="6" t="s">
        <v>32230</v>
      </c>
      <c r="D32197" s="6"/>
      <c r="E32197" s="6" t="s">
        <v>9</v>
      </c>
      <c r="F32197" s="7">
        <v>42657</v>
      </c>
      <c r="G32197" s="8">
        <v>766800</v>
      </c>
      <c r="H32197" s="8">
        <v>561300</v>
      </c>
      <c r="I32197" s="8">
        <v>256875</v>
      </c>
      <c r="J32197" s="8">
        <v>509925</v>
      </c>
      <c r="K32197" s="9"/>
      <c r="L32197" s="6"/>
    </row>
    <row r="32198" spans="1:12">
      <c r="A32198" s="6" t="s">
        <v>33096</v>
      </c>
      <c r="B32198" s="6"/>
      <c r="C32198" s="6" t="s">
        <v>32230</v>
      </c>
      <c r="D32198" s="6"/>
      <c r="E32198" s="6" t="s">
        <v>9</v>
      </c>
      <c r="F32198" s="7">
        <v>30407</v>
      </c>
      <c r="G32198" s="8">
        <v>598315</v>
      </c>
      <c r="H32198" s="8">
        <v>1</v>
      </c>
      <c r="I32198" s="8">
        <v>598314</v>
      </c>
      <c r="J32198" s="8">
        <v>1</v>
      </c>
      <c r="K32198" s="9"/>
      <c r="L32198" s="6"/>
    </row>
    <row r="32199" spans="1:12">
      <c r="A32199" s="6" t="s">
        <v>33096</v>
      </c>
      <c r="B32199" s="6"/>
      <c r="C32199" s="6" t="s">
        <v>32230</v>
      </c>
      <c r="D32199" s="6"/>
      <c r="E32199" s="6" t="s">
        <v>9</v>
      </c>
      <c r="F32199" s="7">
        <v>30407</v>
      </c>
      <c r="G32199" s="8">
        <v>376684</v>
      </c>
      <c r="H32199" s="8">
        <v>1</v>
      </c>
      <c r="I32199" s="8">
        <v>376683</v>
      </c>
      <c r="J32199" s="8">
        <v>1</v>
      </c>
      <c r="K32199" s="9"/>
      <c r="L32199" s="6"/>
    </row>
    <row r="32200" spans="1:12">
      <c r="A32200" s="6" t="s">
        <v>33096</v>
      </c>
      <c r="B32200" s="6"/>
      <c r="C32200" s="6" t="s">
        <v>32230</v>
      </c>
      <c r="D32200" s="6"/>
      <c r="E32200" s="6" t="s">
        <v>9</v>
      </c>
      <c r="F32200" s="7">
        <v>31868</v>
      </c>
      <c r="G32200" s="8">
        <v>337500</v>
      </c>
      <c r="H32200" s="8">
        <v>1</v>
      </c>
      <c r="I32200" s="8">
        <v>337499</v>
      </c>
      <c r="J32200" s="8">
        <v>1</v>
      </c>
      <c r="K32200" s="9"/>
      <c r="L32200" s="6"/>
    </row>
    <row r="32201" spans="1:12">
      <c r="A32201" s="6" t="s">
        <v>33096</v>
      </c>
      <c r="B32201" s="6"/>
      <c r="C32201" s="6" t="s">
        <v>32230</v>
      </c>
      <c r="D32201" s="6"/>
      <c r="E32201" s="6" t="s">
        <v>9</v>
      </c>
      <c r="F32201" s="7">
        <v>31868</v>
      </c>
      <c r="G32201" s="8">
        <v>297000</v>
      </c>
      <c r="H32201" s="8">
        <v>1</v>
      </c>
      <c r="I32201" s="8">
        <v>296999</v>
      </c>
      <c r="J32201" s="8">
        <v>1</v>
      </c>
      <c r="K32201" s="9"/>
      <c r="L32201" s="6"/>
    </row>
    <row r="32202" spans="1:12">
      <c r="A32202" s="6" t="s">
        <v>33096</v>
      </c>
      <c r="B32202" s="6"/>
      <c r="C32202" s="6" t="s">
        <v>32230</v>
      </c>
      <c r="D32202" s="6"/>
      <c r="E32202" s="6" t="s">
        <v>9</v>
      </c>
      <c r="F32202" s="7">
        <v>31868</v>
      </c>
      <c r="G32202" s="8">
        <v>297000</v>
      </c>
      <c r="H32202" s="8">
        <v>1</v>
      </c>
      <c r="I32202" s="8">
        <v>296999</v>
      </c>
      <c r="J32202" s="8">
        <v>1</v>
      </c>
      <c r="K32202" s="9"/>
      <c r="L32202" s="6"/>
    </row>
    <row r="32203" spans="1:12">
      <c r="A32203" s="6" t="s">
        <v>33096</v>
      </c>
      <c r="B32203" s="6"/>
      <c r="C32203" s="6" t="s">
        <v>32230</v>
      </c>
      <c r="D32203" s="6"/>
      <c r="E32203" s="6" t="s">
        <v>9</v>
      </c>
      <c r="F32203" s="7">
        <v>31503</v>
      </c>
      <c r="G32203" s="8">
        <v>162000</v>
      </c>
      <c r="H32203" s="8">
        <v>1</v>
      </c>
      <c r="I32203" s="8">
        <v>161999</v>
      </c>
      <c r="J32203" s="8">
        <v>1</v>
      </c>
      <c r="K32203" s="9"/>
      <c r="L32203" s="6"/>
    </row>
    <row r="32204" spans="1:12">
      <c r="A32204" s="6" t="s">
        <v>33096</v>
      </c>
      <c r="B32204" s="6"/>
      <c r="C32204" s="6" t="s">
        <v>32230</v>
      </c>
      <c r="D32204" s="6"/>
      <c r="E32204" s="6" t="s">
        <v>9</v>
      </c>
      <c r="F32204" s="7">
        <v>36617</v>
      </c>
      <c r="G32204" s="8">
        <v>307800</v>
      </c>
      <c r="H32204" s="8">
        <v>1</v>
      </c>
      <c r="I32204" s="8">
        <v>307799</v>
      </c>
      <c r="J32204" s="8">
        <v>1</v>
      </c>
      <c r="K32204" s="9"/>
      <c r="L32204" s="6"/>
    </row>
    <row r="32205" spans="1:12">
      <c r="A32205" s="6" t="s">
        <v>33096</v>
      </c>
      <c r="B32205" s="6"/>
      <c r="C32205" s="6" t="s">
        <v>32230</v>
      </c>
      <c r="D32205" s="6"/>
      <c r="E32205" s="6" t="s">
        <v>9</v>
      </c>
      <c r="F32205" s="7">
        <v>36617</v>
      </c>
      <c r="G32205" s="8">
        <v>297000</v>
      </c>
      <c r="H32205" s="8">
        <v>1</v>
      </c>
      <c r="I32205" s="8">
        <v>296999</v>
      </c>
      <c r="J32205" s="8">
        <v>1</v>
      </c>
      <c r="K32205" s="9"/>
      <c r="L32205" s="6"/>
    </row>
    <row r="32206" spans="1:12">
      <c r="A32206" s="6" t="s">
        <v>33096</v>
      </c>
      <c r="B32206" s="6"/>
      <c r="C32206" s="6" t="s">
        <v>32230</v>
      </c>
      <c r="D32206" s="6"/>
      <c r="E32206" s="6" t="s">
        <v>9</v>
      </c>
      <c r="F32206" s="7">
        <v>36617</v>
      </c>
      <c r="G32206" s="8">
        <v>7538400</v>
      </c>
      <c r="H32206" s="8">
        <v>1</v>
      </c>
      <c r="I32206" s="8">
        <v>7538399</v>
      </c>
      <c r="J32206" s="8">
        <v>1</v>
      </c>
      <c r="K32206" s="9"/>
      <c r="L32206" s="6"/>
    </row>
    <row r="32207" spans="1:12">
      <c r="A32207" s="6" t="s">
        <v>33096</v>
      </c>
      <c r="B32207" s="6"/>
      <c r="C32207" s="6" t="s">
        <v>32230</v>
      </c>
      <c r="D32207" s="6"/>
      <c r="E32207" s="6" t="s">
        <v>9</v>
      </c>
      <c r="F32207" s="7">
        <v>32964</v>
      </c>
      <c r="G32207" s="8">
        <v>15619500</v>
      </c>
      <c r="H32207" s="8">
        <v>1</v>
      </c>
      <c r="I32207" s="8">
        <v>15619499</v>
      </c>
      <c r="J32207" s="8">
        <v>1</v>
      </c>
      <c r="K32207" s="9"/>
      <c r="L32207" s="6"/>
    </row>
    <row r="32208" spans="1:12">
      <c r="A32208" s="6" t="s">
        <v>33096</v>
      </c>
      <c r="B32208" s="6"/>
      <c r="C32208" s="6" t="s">
        <v>32230</v>
      </c>
      <c r="D32208" s="6"/>
      <c r="E32208" s="6" t="s">
        <v>9</v>
      </c>
      <c r="F32208" s="7">
        <v>32599</v>
      </c>
      <c r="G32208" s="8">
        <v>297000</v>
      </c>
      <c r="H32208" s="8">
        <v>1</v>
      </c>
      <c r="I32208" s="8">
        <v>296999</v>
      </c>
      <c r="J32208" s="8">
        <v>1</v>
      </c>
      <c r="K32208" s="9"/>
      <c r="L32208" s="6"/>
    </row>
    <row r="32209" spans="1:12">
      <c r="A32209" s="6" t="s">
        <v>33096</v>
      </c>
      <c r="B32209" s="6"/>
      <c r="C32209" s="6" t="s">
        <v>32230</v>
      </c>
      <c r="D32209" s="6"/>
      <c r="E32209" s="6" t="s">
        <v>9</v>
      </c>
      <c r="F32209" s="7">
        <v>32599</v>
      </c>
      <c r="G32209" s="8">
        <v>405000</v>
      </c>
      <c r="H32209" s="8">
        <v>1</v>
      </c>
      <c r="I32209" s="8">
        <v>404999</v>
      </c>
      <c r="J32209" s="8">
        <v>1</v>
      </c>
      <c r="K32209" s="9"/>
      <c r="L32209" s="6"/>
    </row>
    <row r="32210" spans="1:12">
      <c r="A32210" s="6" t="s">
        <v>33096</v>
      </c>
      <c r="B32210" s="6"/>
      <c r="C32210" s="6" t="s">
        <v>32230</v>
      </c>
      <c r="D32210" s="6"/>
      <c r="E32210" s="6" t="s">
        <v>9</v>
      </c>
      <c r="F32210" s="7">
        <v>32599</v>
      </c>
      <c r="G32210" s="8">
        <v>540000</v>
      </c>
      <c r="H32210" s="8">
        <v>1</v>
      </c>
      <c r="I32210" s="8">
        <v>539999</v>
      </c>
      <c r="J32210" s="8">
        <v>1</v>
      </c>
      <c r="K32210" s="9"/>
      <c r="L32210" s="6"/>
    </row>
    <row r="32211" spans="1:12">
      <c r="A32211" s="6" t="s">
        <v>33096</v>
      </c>
      <c r="B32211" s="6"/>
      <c r="C32211" s="6" t="s">
        <v>32230</v>
      </c>
      <c r="D32211" s="6"/>
      <c r="E32211" s="6" t="s">
        <v>9</v>
      </c>
      <c r="F32211" s="7">
        <v>32599</v>
      </c>
      <c r="G32211" s="8">
        <v>297000</v>
      </c>
      <c r="H32211" s="8">
        <v>1</v>
      </c>
      <c r="I32211" s="8">
        <v>296999</v>
      </c>
      <c r="J32211" s="8">
        <v>1</v>
      </c>
      <c r="K32211" s="9"/>
      <c r="L32211" s="6"/>
    </row>
    <row r="32212" spans="1:12">
      <c r="A32212" s="6" t="s">
        <v>33096</v>
      </c>
      <c r="B32212" s="6"/>
      <c r="C32212" s="6" t="s">
        <v>32230</v>
      </c>
      <c r="D32212" s="6"/>
      <c r="E32212" s="6" t="s">
        <v>9</v>
      </c>
      <c r="F32212" s="7">
        <v>33329</v>
      </c>
      <c r="G32212" s="8">
        <v>4574608</v>
      </c>
      <c r="H32212" s="8">
        <v>1</v>
      </c>
      <c r="I32212" s="8">
        <v>4574607</v>
      </c>
      <c r="J32212" s="8">
        <v>1</v>
      </c>
      <c r="K32212" s="9"/>
      <c r="L32212" s="6"/>
    </row>
    <row r="32213" spans="1:12">
      <c r="A32213" s="6" t="s">
        <v>33096</v>
      </c>
      <c r="B32213" s="6"/>
      <c r="C32213" s="6" t="s">
        <v>32230</v>
      </c>
      <c r="D32213" s="6"/>
      <c r="E32213" s="6" t="s">
        <v>9</v>
      </c>
      <c r="F32213" s="7">
        <v>33329</v>
      </c>
      <c r="G32213" s="8">
        <v>93500</v>
      </c>
      <c r="H32213" s="8">
        <v>1</v>
      </c>
      <c r="I32213" s="8">
        <v>93499</v>
      </c>
      <c r="J32213" s="8">
        <v>1</v>
      </c>
      <c r="K32213" s="9"/>
      <c r="L32213" s="6"/>
    </row>
    <row r="32214" spans="1:12">
      <c r="A32214" s="6" t="s">
        <v>33096</v>
      </c>
      <c r="B32214" s="6"/>
      <c r="C32214" s="6" t="s">
        <v>32230</v>
      </c>
      <c r="D32214" s="6"/>
      <c r="E32214" s="6" t="s">
        <v>9</v>
      </c>
      <c r="F32214" s="7">
        <v>33329</v>
      </c>
      <c r="G32214" s="8">
        <v>98695</v>
      </c>
      <c r="H32214" s="8">
        <v>1</v>
      </c>
      <c r="I32214" s="8">
        <v>98694</v>
      </c>
      <c r="J32214" s="8">
        <v>1</v>
      </c>
      <c r="K32214" s="9"/>
      <c r="L32214" s="6"/>
    </row>
    <row r="32215" spans="1:12">
      <c r="A32215" s="6" t="s">
        <v>33096</v>
      </c>
      <c r="B32215" s="6"/>
      <c r="C32215" s="6" t="s">
        <v>32230</v>
      </c>
      <c r="D32215" s="6"/>
      <c r="E32215" s="6" t="s">
        <v>9</v>
      </c>
      <c r="F32215" s="7">
        <v>33329</v>
      </c>
      <c r="G32215" s="8">
        <v>192195</v>
      </c>
      <c r="H32215" s="8">
        <v>1</v>
      </c>
      <c r="I32215" s="8">
        <v>192194</v>
      </c>
      <c r="J32215" s="8">
        <v>1</v>
      </c>
      <c r="K32215" s="9"/>
      <c r="L32215" s="6"/>
    </row>
    <row r="32216" spans="1:12">
      <c r="A32216" s="6" t="s">
        <v>33096</v>
      </c>
      <c r="B32216" s="6"/>
      <c r="C32216" s="6" t="s">
        <v>32230</v>
      </c>
      <c r="D32216" s="6"/>
      <c r="E32216" s="6" t="s">
        <v>9</v>
      </c>
      <c r="F32216" s="7">
        <v>32599</v>
      </c>
      <c r="G32216" s="8">
        <v>1782000</v>
      </c>
      <c r="H32216" s="8">
        <v>1</v>
      </c>
      <c r="I32216" s="8">
        <v>1781999</v>
      </c>
      <c r="J32216" s="8">
        <v>1</v>
      </c>
      <c r="K32216" s="9"/>
      <c r="L32216" s="6"/>
    </row>
    <row r="32217" spans="1:12">
      <c r="A32217" s="6" t="s">
        <v>33096</v>
      </c>
      <c r="B32217" s="6"/>
      <c r="C32217" s="6" t="s">
        <v>32230</v>
      </c>
      <c r="D32217" s="6"/>
      <c r="E32217" s="6" t="s">
        <v>9</v>
      </c>
      <c r="F32217" s="7">
        <v>33329</v>
      </c>
      <c r="G32217" s="8">
        <v>418500</v>
      </c>
      <c r="H32217" s="8">
        <v>1</v>
      </c>
      <c r="I32217" s="8">
        <v>418499</v>
      </c>
      <c r="J32217" s="8">
        <v>1</v>
      </c>
      <c r="K32217" s="9"/>
      <c r="L32217" s="6"/>
    </row>
    <row r="32218" spans="1:12">
      <c r="A32218" s="6" t="s">
        <v>33096</v>
      </c>
      <c r="B32218" s="6"/>
      <c r="C32218" s="6" t="s">
        <v>32230</v>
      </c>
      <c r="D32218" s="6"/>
      <c r="E32218" s="6" t="s">
        <v>9</v>
      </c>
      <c r="F32218" s="7">
        <v>34425</v>
      </c>
      <c r="G32218" s="8">
        <v>289710</v>
      </c>
      <c r="H32218" s="8">
        <v>1</v>
      </c>
      <c r="I32218" s="8">
        <v>289709</v>
      </c>
      <c r="J32218" s="8">
        <v>1</v>
      </c>
      <c r="K32218" s="9"/>
      <c r="L32218" s="6"/>
    </row>
    <row r="32219" spans="1:12">
      <c r="A32219" s="6" t="s">
        <v>33096</v>
      </c>
      <c r="B32219" s="6"/>
      <c r="C32219" s="6" t="s">
        <v>32230</v>
      </c>
      <c r="D32219" s="6"/>
      <c r="E32219" s="6" t="s">
        <v>9</v>
      </c>
      <c r="F32219" s="7">
        <v>34425</v>
      </c>
      <c r="G32219" s="8">
        <v>297000</v>
      </c>
      <c r="H32219" s="8">
        <v>1</v>
      </c>
      <c r="I32219" s="8">
        <v>296999</v>
      </c>
      <c r="J32219" s="8">
        <v>1</v>
      </c>
      <c r="K32219" s="9"/>
      <c r="L32219" s="6"/>
    </row>
    <row r="32220" spans="1:12">
      <c r="A32220" s="6" t="s">
        <v>33096</v>
      </c>
      <c r="B32220" s="6"/>
      <c r="C32220" s="6" t="s">
        <v>32230</v>
      </c>
      <c r="D32220" s="6"/>
      <c r="E32220" s="6" t="s">
        <v>9</v>
      </c>
      <c r="F32220" s="7">
        <v>34425</v>
      </c>
      <c r="G32220" s="8">
        <v>2601450</v>
      </c>
      <c r="H32220" s="8">
        <v>1</v>
      </c>
      <c r="I32220" s="8">
        <v>2601449</v>
      </c>
      <c r="J32220" s="8">
        <v>1</v>
      </c>
      <c r="K32220" s="9"/>
      <c r="L32220" s="6"/>
    </row>
    <row r="32221" spans="1:12">
      <c r="A32221" s="6" t="s">
        <v>33096</v>
      </c>
      <c r="B32221" s="6"/>
      <c r="C32221" s="6" t="s">
        <v>32230</v>
      </c>
      <c r="D32221" s="6"/>
      <c r="E32221" s="6" t="s">
        <v>9</v>
      </c>
      <c r="F32221" s="7">
        <v>34425</v>
      </c>
      <c r="G32221" s="8">
        <v>297000</v>
      </c>
      <c r="H32221" s="8">
        <v>1</v>
      </c>
      <c r="I32221" s="8">
        <v>296999</v>
      </c>
      <c r="J32221" s="8">
        <v>1</v>
      </c>
      <c r="K32221" s="9"/>
      <c r="L32221" s="6"/>
    </row>
    <row r="32222" spans="1:12">
      <c r="A32222" s="6" t="s">
        <v>33096</v>
      </c>
      <c r="B32222" s="6"/>
      <c r="C32222" s="6" t="s">
        <v>32230</v>
      </c>
      <c r="D32222" s="6"/>
      <c r="E32222" s="6" t="s">
        <v>9</v>
      </c>
      <c r="F32222" s="7">
        <v>34060</v>
      </c>
      <c r="G32222" s="8">
        <v>3102300</v>
      </c>
      <c r="H32222" s="8">
        <v>1</v>
      </c>
      <c r="I32222" s="8">
        <v>3102299</v>
      </c>
      <c r="J32222" s="8">
        <v>1</v>
      </c>
      <c r="K32222" s="9"/>
      <c r="L32222" s="6"/>
    </row>
    <row r="32223" spans="1:12">
      <c r="A32223" s="6" t="s">
        <v>33096</v>
      </c>
      <c r="B32223" s="6"/>
      <c r="C32223" s="6" t="s">
        <v>32230</v>
      </c>
      <c r="D32223" s="6"/>
      <c r="E32223" s="6" t="s">
        <v>9</v>
      </c>
      <c r="F32223" s="7">
        <v>34790</v>
      </c>
      <c r="G32223" s="8">
        <v>7695000</v>
      </c>
      <c r="H32223" s="8">
        <v>1</v>
      </c>
      <c r="I32223" s="8">
        <v>7694999</v>
      </c>
      <c r="J32223" s="8">
        <v>1</v>
      </c>
      <c r="K32223" s="9"/>
      <c r="L32223" s="6"/>
    </row>
    <row r="32224" spans="1:12">
      <c r="A32224" s="6" t="s">
        <v>33096</v>
      </c>
      <c r="B32224" s="6"/>
      <c r="C32224" s="6" t="s">
        <v>32230</v>
      </c>
      <c r="D32224" s="6"/>
      <c r="E32224" s="6" t="s">
        <v>9</v>
      </c>
      <c r="F32224" s="7">
        <v>34790</v>
      </c>
      <c r="G32224" s="8">
        <v>2049300</v>
      </c>
      <c r="H32224" s="8">
        <v>1</v>
      </c>
      <c r="I32224" s="8">
        <v>2049299</v>
      </c>
      <c r="J32224" s="8">
        <v>1</v>
      </c>
      <c r="K32224" s="9"/>
      <c r="L32224" s="6"/>
    </row>
    <row r="32225" spans="1:12">
      <c r="A32225" s="6" t="s">
        <v>33096</v>
      </c>
      <c r="B32225" s="6"/>
      <c r="C32225" s="6" t="s">
        <v>32230</v>
      </c>
      <c r="D32225" s="6"/>
      <c r="E32225" s="6" t="s">
        <v>9</v>
      </c>
      <c r="F32225" s="7">
        <v>34790</v>
      </c>
      <c r="G32225" s="8">
        <v>2959200</v>
      </c>
      <c r="H32225" s="8">
        <v>1</v>
      </c>
      <c r="I32225" s="8">
        <v>2959199</v>
      </c>
      <c r="J32225" s="8">
        <v>1</v>
      </c>
      <c r="K32225" s="9"/>
      <c r="L32225" s="6"/>
    </row>
    <row r="32226" spans="1:12">
      <c r="A32226" s="6" t="s">
        <v>33096</v>
      </c>
      <c r="B32226" s="6"/>
      <c r="C32226" s="6" t="s">
        <v>32230</v>
      </c>
      <c r="D32226" s="6"/>
      <c r="E32226" s="6" t="s">
        <v>9</v>
      </c>
      <c r="F32226" s="7">
        <v>36617</v>
      </c>
      <c r="G32226" s="8">
        <v>1080000</v>
      </c>
      <c r="H32226" s="8">
        <v>1</v>
      </c>
      <c r="I32226" s="8">
        <v>1079999</v>
      </c>
      <c r="J32226" s="8">
        <v>1</v>
      </c>
      <c r="K32226" s="9"/>
      <c r="L32226" s="6"/>
    </row>
    <row r="32227" spans="1:12">
      <c r="A32227" s="6" t="s">
        <v>33096</v>
      </c>
      <c r="B32227" s="6"/>
      <c r="C32227" s="6" t="s">
        <v>32230</v>
      </c>
      <c r="D32227" s="6"/>
      <c r="E32227" s="6" t="s">
        <v>9</v>
      </c>
      <c r="F32227" s="7">
        <v>28946</v>
      </c>
      <c r="G32227" s="8">
        <v>7339108</v>
      </c>
      <c r="H32227" s="8">
        <v>1</v>
      </c>
      <c r="I32227" s="8">
        <v>7339107</v>
      </c>
      <c r="J32227" s="8">
        <v>1</v>
      </c>
      <c r="K32227" s="9"/>
      <c r="L32227" s="6"/>
    </row>
    <row r="32228" spans="1:12">
      <c r="A32228" s="6" t="s">
        <v>33096</v>
      </c>
      <c r="B32228" s="6"/>
      <c r="C32228" s="6" t="s">
        <v>32230</v>
      </c>
      <c r="D32228" s="6"/>
      <c r="E32228" s="6" t="s">
        <v>9</v>
      </c>
      <c r="F32228" s="7">
        <v>28946</v>
      </c>
      <c r="G32228" s="8">
        <v>4802712</v>
      </c>
      <c r="H32228" s="8">
        <v>1</v>
      </c>
      <c r="I32228" s="8">
        <v>4802711</v>
      </c>
      <c r="J32228" s="8">
        <v>1</v>
      </c>
      <c r="K32228" s="9"/>
      <c r="L32228" s="6"/>
    </row>
    <row r="32229" spans="1:12">
      <c r="A32229" s="6" t="s">
        <v>33096</v>
      </c>
      <c r="B32229" s="6"/>
      <c r="C32229" s="6" t="s">
        <v>32230</v>
      </c>
      <c r="D32229" s="6"/>
      <c r="E32229" s="6" t="s">
        <v>9</v>
      </c>
      <c r="F32229" s="7">
        <v>28946</v>
      </c>
      <c r="G32229" s="8">
        <v>2430712</v>
      </c>
      <c r="H32229" s="8">
        <v>1</v>
      </c>
      <c r="I32229" s="8">
        <v>2430711</v>
      </c>
      <c r="J32229" s="8">
        <v>1</v>
      </c>
      <c r="K32229" s="9"/>
      <c r="L32229" s="6"/>
    </row>
    <row r="32230" spans="1:12">
      <c r="A32230" s="6" t="s">
        <v>33096</v>
      </c>
      <c r="B32230" s="6"/>
      <c r="C32230" s="6" t="s">
        <v>32230</v>
      </c>
      <c r="D32230" s="6"/>
      <c r="E32230" s="6" t="s">
        <v>9</v>
      </c>
      <c r="F32230" s="7">
        <v>28946</v>
      </c>
      <c r="G32230" s="8">
        <v>857207</v>
      </c>
      <c r="H32230" s="8">
        <v>1</v>
      </c>
      <c r="I32230" s="8">
        <v>857206</v>
      </c>
      <c r="J32230" s="8">
        <v>1</v>
      </c>
      <c r="K32230" s="9"/>
      <c r="L32230" s="6"/>
    </row>
    <row r="32231" spans="1:12">
      <c r="A32231" s="6" t="s">
        <v>33096</v>
      </c>
      <c r="B32231" s="6"/>
      <c r="C32231" s="6" t="s">
        <v>32230</v>
      </c>
      <c r="D32231" s="6"/>
      <c r="E32231" s="6" t="s">
        <v>9</v>
      </c>
      <c r="F32231" s="7">
        <v>28946</v>
      </c>
      <c r="G32231" s="8">
        <v>868950</v>
      </c>
      <c r="H32231" s="8">
        <v>1</v>
      </c>
      <c r="I32231" s="8">
        <v>868949</v>
      </c>
      <c r="J32231" s="8">
        <v>1</v>
      </c>
      <c r="K32231" s="9"/>
      <c r="L32231" s="6"/>
    </row>
    <row r="32232" spans="1:12">
      <c r="A32232" s="6" t="s">
        <v>33096</v>
      </c>
      <c r="B32232" s="6"/>
      <c r="C32232" s="6" t="s">
        <v>32230</v>
      </c>
      <c r="D32232" s="6"/>
      <c r="E32232" s="6" t="s">
        <v>9</v>
      </c>
      <c r="F32232" s="7">
        <v>28946</v>
      </c>
      <c r="G32232" s="8">
        <v>1491306</v>
      </c>
      <c r="H32232" s="8">
        <v>1</v>
      </c>
      <c r="I32232" s="8">
        <v>1491305</v>
      </c>
      <c r="J32232" s="8">
        <v>1</v>
      </c>
      <c r="K32232" s="9"/>
      <c r="L32232" s="6"/>
    </row>
    <row r="32233" spans="1:12">
      <c r="A32233" s="6" t="s">
        <v>33096</v>
      </c>
      <c r="B32233" s="6"/>
      <c r="C32233" s="6" t="s">
        <v>32230</v>
      </c>
      <c r="D32233" s="6"/>
      <c r="E32233" s="6" t="s">
        <v>9</v>
      </c>
      <c r="F32233" s="7">
        <v>28946</v>
      </c>
      <c r="G32233" s="8">
        <v>3780000</v>
      </c>
      <c r="H32233" s="8">
        <v>1</v>
      </c>
      <c r="I32233" s="8">
        <v>3779999</v>
      </c>
      <c r="J32233" s="8">
        <v>1</v>
      </c>
      <c r="K32233" s="9"/>
      <c r="L32233" s="6"/>
    </row>
    <row r="32234" spans="1:12">
      <c r="A32234" s="6" t="s">
        <v>33097</v>
      </c>
      <c r="B32234" s="6"/>
      <c r="C32234" s="6" t="s">
        <v>32230</v>
      </c>
      <c r="D32234" s="6"/>
      <c r="E32234" s="6" t="s">
        <v>9</v>
      </c>
      <c r="F32234" s="7">
        <v>28946</v>
      </c>
      <c r="G32234" s="8">
        <v>9210000</v>
      </c>
      <c r="H32234" s="8">
        <v>1</v>
      </c>
      <c r="I32234" s="8">
        <v>9209999</v>
      </c>
      <c r="J32234" s="8">
        <v>1</v>
      </c>
      <c r="K32234" s="9"/>
      <c r="L32234" s="6"/>
    </row>
    <row r="32235" spans="1:12">
      <c r="A32235" s="6" t="s">
        <v>33096</v>
      </c>
      <c r="B32235" s="6"/>
      <c r="C32235" s="6" t="s">
        <v>32230</v>
      </c>
      <c r="D32235" s="6"/>
      <c r="E32235" s="6" t="s">
        <v>9</v>
      </c>
      <c r="F32235" s="7">
        <v>29312</v>
      </c>
      <c r="G32235" s="8">
        <v>4248973</v>
      </c>
      <c r="H32235" s="8">
        <v>1</v>
      </c>
      <c r="I32235" s="8">
        <v>4248972</v>
      </c>
      <c r="J32235" s="8">
        <v>1</v>
      </c>
      <c r="K32235" s="9"/>
      <c r="L32235" s="6"/>
    </row>
    <row r="32236" spans="1:12">
      <c r="A32236" s="6" t="s">
        <v>33097</v>
      </c>
      <c r="B32236" s="6"/>
      <c r="C32236" s="6" t="s">
        <v>32230</v>
      </c>
      <c r="D32236" s="6"/>
      <c r="E32236" s="6" t="s">
        <v>9</v>
      </c>
      <c r="F32236" s="7">
        <v>36617</v>
      </c>
      <c r="G32236" s="8">
        <v>1</v>
      </c>
      <c r="H32236" s="8">
        <v>1</v>
      </c>
      <c r="I32236" s="8">
        <v>0</v>
      </c>
      <c r="J32236" s="8">
        <v>1</v>
      </c>
      <c r="K32236" s="9"/>
      <c r="L32236" s="6"/>
    </row>
    <row r="32237" spans="1:12">
      <c r="A32237" s="6" t="s">
        <v>33096</v>
      </c>
      <c r="B32237" s="6"/>
      <c r="C32237" s="6" t="s">
        <v>32230</v>
      </c>
      <c r="D32237" s="6"/>
      <c r="E32237" s="6" t="s">
        <v>9</v>
      </c>
      <c r="F32237" s="7">
        <v>29312</v>
      </c>
      <c r="G32237" s="8">
        <v>2167667</v>
      </c>
      <c r="H32237" s="8">
        <v>1</v>
      </c>
      <c r="I32237" s="8">
        <v>2167666</v>
      </c>
      <c r="J32237" s="8">
        <v>1</v>
      </c>
      <c r="K32237" s="9"/>
      <c r="L32237" s="6"/>
    </row>
    <row r="32238" spans="1:12">
      <c r="A32238" s="6" t="s">
        <v>33096</v>
      </c>
      <c r="B32238" s="6"/>
      <c r="C32238" s="6" t="s">
        <v>32230</v>
      </c>
      <c r="D32238" s="6"/>
      <c r="E32238" s="6" t="s">
        <v>9</v>
      </c>
      <c r="F32238" s="7">
        <v>29312</v>
      </c>
      <c r="G32238" s="8">
        <v>1526866</v>
      </c>
      <c r="H32238" s="8">
        <v>1</v>
      </c>
      <c r="I32238" s="8">
        <v>1526865</v>
      </c>
      <c r="J32238" s="8">
        <v>1</v>
      </c>
      <c r="K32238" s="9"/>
      <c r="L32238" s="6"/>
    </row>
    <row r="32239" spans="1:12">
      <c r="A32239" s="6" t="s">
        <v>33096</v>
      </c>
      <c r="B32239" s="6"/>
      <c r="C32239" s="6" t="s">
        <v>32230</v>
      </c>
      <c r="D32239" s="6"/>
      <c r="E32239" s="6" t="s">
        <v>9</v>
      </c>
      <c r="F32239" s="7">
        <v>29312</v>
      </c>
      <c r="G32239" s="8">
        <v>2048488</v>
      </c>
      <c r="H32239" s="8">
        <v>1</v>
      </c>
      <c r="I32239" s="8">
        <v>2048487</v>
      </c>
      <c r="J32239" s="8">
        <v>1</v>
      </c>
      <c r="K32239" s="9"/>
      <c r="L32239" s="6"/>
    </row>
    <row r="32240" spans="1:12">
      <c r="A32240" s="6" t="s">
        <v>33096</v>
      </c>
      <c r="B32240" s="6"/>
      <c r="C32240" s="6" t="s">
        <v>32230</v>
      </c>
      <c r="D32240" s="6"/>
      <c r="E32240" s="6" t="s">
        <v>9</v>
      </c>
      <c r="F32240" s="7">
        <v>29312</v>
      </c>
      <c r="G32240" s="8">
        <v>1001790</v>
      </c>
      <c r="H32240" s="8">
        <v>1</v>
      </c>
      <c r="I32240" s="8">
        <v>1001789</v>
      </c>
      <c r="J32240" s="8">
        <v>1</v>
      </c>
      <c r="K32240" s="9"/>
      <c r="L32240" s="6"/>
    </row>
    <row r="32241" spans="1:12">
      <c r="A32241" s="6" t="s">
        <v>33096</v>
      </c>
      <c r="B32241" s="6"/>
      <c r="C32241" s="6" t="s">
        <v>32230</v>
      </c>
      <c r="D32241" s="6"/>
      <c r="E32241" s="6" t="s">
        <v>9</v>
      </c>
      <c r="F32241" s="7">
        <v>29312</v>
      </c>
      <c r="G32241" s="8">
        <v>1424960</v>
      </c>
      <c r="H32241" s="8">
        <v>1</v>
      </c>
      <c r="I32241" s="8">
        <v>1424959</v>
      </c>
      <c r="J32241" s="8">
        <v>1</v>
      </c>
      <c r="K32241" s="9"/>
      <c r="L32241" s="6"/>
    </row>
    <row r="32242" spans="1:12">
      <c r="A32242" s="6" t="s">
        <v>33096</v>
      </c>
      <c r="B32242" s="6"/>
      <c r="C32242" s="6" t="s">
        <v>32230</v>
      </c>
      <c r="D32242" s="6"/>
      <c r="E32242" s="6" t="s">
        <v>9</v>
      </c>
      <c r="F32242" s="7">
        <v>29312</v>
      </c>
      <c r="G32242" s="8">
        <v>1295418</v>
      </c>
      <c r="H32242" s="8">
        <v>1</v>
      </c>
      <c r="I32242" s="8">
        <v>1295417</v>
      </c>
      <c r="J32242" s="8">
        <v>1</v>
      </c>
      <c r="K32242" s="9"/>
      <c r="L32242" s="6"/>
    </row>
    <row r="32243" spans="1:12">
      <c r="A32243" s="6" t="s">
        <v>33096</v>
      </c>
      <c r="B32243" s="6"/>
      <c r="C32243" s="6" t="s">
        <v>32230</v>
      </c>
      <c r="D32243" s="6"/>
      <c r="E32243" s="6" t="s">
        <v>9</v>
      </c>
      <c r="F32243" s="7">
        <v>29312</v>
      </c>
      <c r="G32243" s="8">
        <v>1874038</v>
      </c>
      <c r="H32243" s="8">
        <v>1</v>
      </c>
      <c r="I32243" s="8">
        <v>1874037</v>
      </c>
      <c r="J32243" s="8">
        <v>1</v>
      </c>
      <c r="K32243" s="9"/>
      <c r="L32243" s="6"/>
    </row>
    <row r="32244" spans="1:12">
      <c r="A32244" s="6" t="s">
        <v>33096</v>
      </c>
      <c r="B32244" s="6"/>
      <c r="C32244" s="6" t="s">
        <v>32230</v>
      </c>
      <c r="D32244" s="6"/>
      <c r="E32244" s="6" t="s">
        <v>9</v>
      </c>
      <c r="F32244" s="7">
        <v>29312</v>
      </c>
      <c r="G32244" s="8">
        <v>811795</v>
      </c>
      <c r="H32244" s="8">
        <v>1</v>
      </c>
      <c r="I32244" s="8">
        <v>811794</v>
      </c>
      <c r="J32244" s="8">
        <v>1</v>
      </c>
      <c r="K32244" s="9"/>
      <c r="L32244" s="6"/>
    </row>
    <row r="32245" spans="1:12">
      <c r="A32245" s="6" t="s">
        <v>33096</v>
      </c>
      <c r="B32245" s="6"/>
      <c r="C32245" s="6" t="s">
        <v>32230</v>
      </c>
      <c r="D32245" s="6"/>
      <c r="E32245" s="6" t="s">
        <v>9</v>
      </c>
      <c r="F32245" s="7">
        <v>29312</v>
      </c>
      <c r="G32245" s="8">
        <v>1988182</v>
      </c>
      <c r="H32245" s="8">
        <v>1</v>
      </c>
      <c r="I32245" s="8">
        <v>1988181</v>
      </c>
      <c r="J32245" s="8">
        <v>1</v>
      </c>
      <c r="K32245" s="9"/>
      <c r="L32245" s="6"/>
    </row>
    <row r="32246" spans="1:12">
      <c r="A32246" s="6" t="s">
        <v>33096</v>
      </c>
      <c r="B32246" s="6"/>
      <c r="C32246" s="6" t="s">
        <v>32230</v>
      </c>
      <c r="D32246" s="6"/>
      <c r="E32246" s="6" t="s">
        <v>9</v>
      </c>
      <c r="F32246" s="7">
        <v>29312</v>
      </c>
      <c r="G32246" s="8">
        <v>4019010</v>
      </c>
      <c r="H32246" s="8">
        <v>1</v>
      </c>
      <c r="I32246" s="8">
        <v>4019009</v>
      </c>
      <c r="J32246" s="8">
        <v>1</v>
      </c>
      <c r="K32246" s="9"/>
      <c r="L32246" s="6"/>
    </row>
    <row r="32247" spans="1:12">
      <c r="A32247" s="6" t="s">
        <v>33096</v>
      </c>
      <c r="B32247" s="6"/>
      <c r="C32247" s="6" t="s">
        <v>32230</v>
      </c>
      <c r="D32247" s="6"/>
      <c r="E32247" s="6" t="s">
        <v>9</v>
      </c>
      <c r="F32247" s="7">
        <v>29312</v>
      </c>
      <c r="G32247" s="8">
        <v>2633753</v>
      </c>
      <c r="H32247" s="8">
        <v>1</v>
      </c>
      <c r="I32247" s="8">
        <v>2633752</v>
      </c>
      <c r="J32247" s="8">
        <v>1</v>
      </c>
      <c r="K32247" s="9"/>
      <c r="L32247" s="6"/>
    </row>
    <row r="32248" spans="1:12">
      <c r="A32248" s="6" t="s">
        <v>33096</v>
      </c>
      <c r="B32248" s="6"/>
      <c r="C32248" s="6" t="s">
        <v>32230</v>
      </c>
      <c r="D32248" s="6"/>
      <c r="E32248" s="6" t="s">
        <v>9</v>
      </c>
      <c r="F32248" s="7">
        <v>29312</v>
      </c>
      <c r="G32248" s="8">
        <v>1902890</v>
      </c>
      <c r="H32248" s="8">
        <v>1</v>
      </c>
      <c r="I32248" s="8">
        <v>1902889</v>
      </c>
      <c r="J32248" s="8">
        <v>1</v>
      </c>
      <c r="K32248" s="9"/>
      <c r="L32248" s="6"/>
    </row>
    <row r="32249" spans="1:12">
      <c r="A32249" s="6" t="s">
        <v>33096</v>
      </c>
      <c r="B32249" s="6"/>
      <c r="C32249" s="6" t="s">
        <v>32230</v>
      </c>
      <c r="D32249" s="6"/>
      <c r="E32249" s="6" t="s">
        <v>9</v>
      </c>
      <c r="F32249" s="7">
        <v>29312</v>
      </c>
      <c r="G32249" s="8">
        <v>466164</v>
      </c>
      <c r="H32249" s="8">
        <v>1</v>
      </c>
      <c r="I32249" s="8">
        <v>466163</v>
      </c>
      <c r="J32249" s="8">
        <v>1</v>
      </c>
      <c r="K32249" s="9"/>
      <c r="L32249" s="6"/>
    </row>
    <row r="32250" spans="1:12">
      <c r="A32250" s="6" t="s">
        <v>33097</v>
      </c>
      <c r="B32250" s="6"/>
      <c r="C32250" s="6" t="s">
        <v>32230</v>
      </c>
      <c r="D32250" s="6"/>
      <c r="E32250" s="6" t="s">
        <v>9</v>
      </c>
      <c r="F32250" s="7">
        <v>29312</v>
      </c>
      <c r="G32250" s="8">
        <v>7430000</v>
      </c>
      <c r="H32250" s="8">
        <v>1</v>
      </c>
      <c r="I32250" s="8">
        <v>7429999</v>
      </c>
      <c r="J32250" s="8">
        <v>1</v>
      </c>
      <c r="K32250" s="9"/>
      <c r="L32250" s="6"/>
    </row>
    <row r="32251" spans="1:12">
      <c r="A32251" s="6" t="s">
        <v>33096</v>
      </c>
      <c r="B32251" s="6"/>
      <c r="C32251" s="6" t="s">
        <v>32230</v>
      </c>
      <c r="D32251" s="6"/>
      <c r="E32251" s="6" t="s">
        <v>9</v>
      </c>
      <c r="F32251" s="7">
        <v>29677</v>
      </c>
      <c r="G32251" s="8">
        <v>12710000</v>
      </c>
      <c r="H32251" s="8">
        <v>1</v>
      </c>
      <c r="I32251" s="8">
        <v>12709999</v>
      </c>
      <c r="J32251" s="8">
        <v>1</v>
      </c>
      <c r="K32251" s="9"/>
      <c r="L32251" s="6"/>
    </row>
    <row r="32252" spans="1:12">
      <c r="A32252" s="6" t="s">
        <v>33097</v>
      </c>
      <c r="B32252" s="6"/>
      <c r="C32252" s="6" t="s">
        <v>32230</v>
      </c>
      <c r="D32252" s="6"/>
      <c r="E32252" s="6" t="s">
        <v>9</v>
      </c>
      <c r="F32252" s="7">
        <v>29677</v>
      </c>
      <c r="G32252" s="8">
        <v>8170000</v>
      </c>
      <c r="H32252" s="8">
        <v>1</v>
      </c>
      <c r="I32252" s="8">
        <v>8169999</v>
      </c>
      <c r="J32252" s="8">
        <v>1</v>
      </c>
      <c r="K32252" s="9"/>
      <c r="L32252" s="6"/>
    </row>
    <row r="32253" spans="1:12">
      <c r="A32253" s="6" t="s">
        <v>33097</v>
      </c>
      <c r="B32253" s="6"/>
      <c r="C32253" s="6" t="s">
        <v>32230</v>
      </c>
      <c r="D32253" s="6"/>
      <c r="E32253" s="6" t="s">
        <v>9</v>
      </c>
      <c r="F32253" s="7">
        <v>41724</v>
      </c>
      <c r="G32253" s="8">
        <v>2746800</v>
      </c>
      <c r="H32253" s="8">
        <v>1612373</v>
      </c>
      <c r="I32253" s="8">
        <v>1296488</v>
      </c>
      <c r="J32253" s="8">
        <v>1450312</v>
      </c>
      <c r="K32253" s="9"/>
      <c r="L32253" s="6"/>
    </row>
    <row r="32254" spans="1:12">
      <c r="A32254" s="6" t="s">
        <v>33096</v>
      </c>
      <c r="B32254" s="6"/>
      <c r="C32254" s="6" t="s">
        <v>32230</v>
      </c>
      <c r="D32254" s="6"/>
      <c r="E32254" s="6" t="s">
        <v>9</v>
      </c>
      <c r="F32254" s="7">
        <v>29677</v>
      </c>
      <c r="G32254" s="8">
        <v>4017621</v>
      </c>
      <c r="H32254" s="8">
        <v>1</v>
      </c>
      <c r="I32254" s="8">
        <v>4017620</v>
      </c>
      <c r="J32254" s="8">
        <v>1</v>
      </c>
      <c r="K32254" s="9"/>
      <c r="L32254" s="6"/>
    </row>
    <row r="32255" spans="1:12">
      <c r="A32255" s="6" t="s">
        <v>33096</v>
      </c>
      <c r="B32255" s="6"/>
      <c r="C32255" s="6" t="s">
        <v>32230</v>
      </c>
      <c r="D32255" s="6"/>
      <c r="E32255" s="6" t="s">
        <v>9</v>
      </c>
      <c r="F32255" s="7">
        <v>29677</v>
      </c>
      <c r="G32255" s="8">
        <v>1702002</v>
      </c>
      <c r="H32255" s="8">
        <v>1</v>
      </c>
      <c r="I32255" s="8">
        <v>1702001</v>
      </c>
      <c r="J32255" s="8">
        <v>1</v>
      </c>
      <c r="K32255" s="9"/>
      <c r="L32255" s="6"/>
    </row>
    <row r="32256" spans="1:12">
      <c r="A32256" s="6" t="s">
        <v>33096</v>
      </c>
      <c r="B32256" s="6"/>
      <c r="C32256" s="6" t="s">
        <v>32230</v>
      </c>
      <c r="D32256" s="6"/>
      <c r="E32256" s="6" t="s">
        <v>9</v>
      </c>
      <c r="F32256" s="7">
        <v>29677</v>
      </c>
      <c r="G32256" s="8">
        <v>658406</v>
      </c>
      <c r="H32256" s="8">
        <v>1</v>
      </c>
      <c r="I32256" s="8">
        <v>658405</v>
      </c>
      <c r="J32256" s="8">
        <v>1</v>
      </c>
      <c r="K32256" s="9"/>
      <c r="L32256" s="6"/>
    </row>
    <row r="32257" spans="1:12">
      <c r="A32257" s="6" t="s">
        <v>33096</v>
      </c>
      <c r="B32257" s="6"/>
      <c r="C32257" s="6" t="s">
        <v>32230</v>
      </c>
      <c r="D32257" s="6"/>
      <c r="E32257" s="6" t="s">
        <v>9</v>
      </c>
      <c r="F32257" s="7">
        <v>29677</v>
      </c>
      <c r="G32257" s="8">
        <v>309047</v>
      </c>
      <c r="H32257" s="8">
        <v>1</v>
      </c>
      <c r="I32257" s="8">
        <v>309046</v>
      </c>
      <c r="J32257" s="8">
        <v>1</v>
      </c>
      <c r="K32257" s="9"/>
      <c r="L32257" s="6"/>
    </row>
    <row r="32258" spans="1:12">
      <c r="A32258" s="6" t="s">
        <v>33096</v>
      </c>
      <c r="B32258" s="6"/>
      <c r="C32258" s="6" t="s">
        <v>32230</v>
      </c>
      <c r="D32258" s="6"/>
      <c r="E32258" s="6" t="s">
        <v>9</v>
      </c>
      <c r="F32258" s="7">
        <v>29677</v>
      </c>
      <c r="G32258" s="8">
        <v>1532921</v>
      </c>
      <c r="H32258" s="8">
        <v>1</v>
      </c>
      <c r="I32258" s="8">
        <v>1532920</v>
      </c>
      <c r="J32258" s="8">
        <v>1</v>
      </c>
      <c r="K32258" s="9"/>
      <c r="L32258" s="6"/>
    </row>
    <row r="32259" spans="1:12">
      <c r="A32259" s="6" t="s">
        <v>33096</v>
      </c>
      <c r="B32259" s="6"/>
      <c r="C32259" s="6" t="s">
        <v>32230</v>
      </c>
      <c r="D32259" s="6"/>
      <c r="E32259" s="6" t="s">
        <v>9</v>
      </c>
      <c r="F32259" s="7">
        <v>29677</v>
      </c>
      <c r="G32259" s="8">
        <v>1574100</v>
      </c>
      <c r="H32259" s="8">
        <v>1</v>
      </c>
      <c r="I32259" s="8">
        <v>1574099</v>
      </c>
      <c r="J32259" s="8">
        <v>1</v>
      </c>
      <c r="K32259" s="9"/>
      <c r="L32259" s="6"/>
    </row>
    <row r="32260" spans="1:12">
      <c r="A32260" s="6" t="s">
        <v>33096</v>
      </c>
      <c r="B32260" s="6"/>
      <c r="C32260" s="6" t="s">
        <v>32230</v>
      </c>
      <c r="D32260" s="6"/>
      <c r="E32260" s="6" t="s">
        <v>9</v>
      </c>
      <c r="F32260" s="7">
        <v>29677</v>
      </c>
      <c r="G32260" s="8">
        <v>2735100</v>
      </c>
      <c r="H32260" s="8">
        <v>1</v>
      </c>
      <c r="I32260" s="8">
        <v>2735099</v>
      </c>
      <c r="J32260" s="8">
        <v>1</v>
      </c>
      <c r="K32260" s="9"/>
      <c r="L32260" s="6"/>
    </row>
    <row r="32261" spans="1:12">
      <c r="A32261" s="6" t="s">
        <v>33096</v>
      </c>
      <c r="B32261" s="6"/>
      <c r="C32261" s="6" t="s">
        <v>32230</v>
      </c>
      <c r="D32261" s="6"/>
      <c r="E32261" s="6" t="s">
        <v>9</v>
      </c>
      <c r="F32261" s="7">
        <v>29677</v>
      </c>
      <c r="G32261" s="8">
        <v>5661900</v>
      </c>
      <c r="H32261" s="8">
        <v>1</v>
      </c>
      <c r="I32261" s="8">
        <v>5661899</v>
      </c>
      <c r="J32261" s="8">
        <v>1</v>
      </c>
      <c r="K32261" s="9"/>
      <c r="L32261" s="6"/>
    </row>
    <row r="32262" spans="1:12">
      <c r="A32262" s="6" t="s">
        <v>33096</v>
      </c>
      <c r="B32262" s="6"/>
      <c r="C32262" s="6" t="s">
        <v>32230</v>
      </c>
      <c r="D32262" s="6"/>
      <c r="E32262" s="6" t="s">
        <v>9</v>
      </c>
      <c r="F32262" s="7">
        <v>29677</v>
      </c>
      <c r="G32262" s="8">
        <v>6569600</v>
      </c>
      <c r="H32262" s="8">
        <v>1</v>
      </c>
      <c r="I32262" s="8">
        <v>6569599</v>
      </c>
      <c r="J32262" s="8">
        <v>1</v>
      </c>
      <c r="K32262" s="9"/>
      <c r="L32262" s="6"/>
    </row>
    <row r="32263" spans="1:12">
      <c r="A32263" s="6" t="s">
        <v>33097</v>
      </c>
      <c r="B32263" s="6"/>
      <c r="C32263" s="6" t="s">
        <v>32230</v>
      </c>
      <c r="D32263" s="6"/>
      <c r="E32263" s="6" t="s">
        <v>9</v>
      </c>
      <c r="F32263" s="7">
        <v>29677</v>
      </c>
      <c r="G32263" s="8">
        <v>8300000</v>
      </c>
      <c r="H32263" s="8">
        <v>1</v>
      </c>
      <c r="I32263" s="8">
        <v>8299999</v>
      </c>
      <c r="J32263" s="8">
        <v>1</v>
      </c>
      <c r="K32263" s="9"/>
      <c r="L32263" s="6"/>
    </row>
    <row r="32264" spans="1:12">
      <c r="A32264" s="6" t="s">
        <v>33097</v>
      </c>
      <c r="B32264" s="6"/>
      <c r="C32264" s="6" t="s">
        <v>32230</v>
      </c>
      <c r="D32264" s="6"/>
      <c r="E32264" s="6" t="s">
        <v>9</v>
      </c>
      <c r="F32264" s="7">
        <v>41529</v>
      </c>
      <c r="G32264" s="8">
        <v>1155000</v>
      </c>
      <c r="H32264" s="8">
        <v>677985</v>
      </c>
      <c r="I32264" s="8">
        <v>545160</v>
      </c>
      <c r="J32264" s="8">
        <v>609840</v>
      </c>
      <c r="K32264" s="9"/>
      <c r="L32264" s="6"/>
    </row>
    <row r="32265" spans="1:12">
      <c r="A32265" s="6" t="s">
        <v>33135</v>
      </c>
      <c r="B32265" s="6"/>
      <c r="C32265" s="6" t="s">
        <v>32230</v>
      </c>
      <c r="D32265" s="6"/>
      <c r="E32265" s="6" t="s">
        <v>9</v>
      </c>
      <c r="F32265" s="7">
        <v>43539</v>
      </c>
      <c r="G32265" s="8">
        <v>486000</v>
      </c>
      <c r="H32265" s="8">
        <v>428652</v>
      </c>
      <c r="I32265" s="8">
        <v>86022</v>
      </c>
      <c r="J32265" s="8">
        <v>399978</v>
      </c>
      <c r="K32265" s="9"/>
      <c r="L32265" s="6"/>
    </row>
    <row r="32266" spans="1:12">
      <c r="A32266" s="6" t="s">
        <v>33096</v>
      </c>
      <c r="B32266" s="6"/>
      <c r="C32266" s="6" t="s">
        <v>32230</v>
      </c>
      <c r="D32266" s="6"/>
      <c r="E32266" s="6" t="s">
        <v>9</v>
      </c>
      <c r="F32266" s="7">
        <v>29677</v>
      </c>
      <c r="G32266" s="8">
        <v>2743577</v>
      </c>
      <c r="H32266" s="8">
        <v>1</v>
      </c>
      <c r="I32266" s="8">
        <v>2743576</v>
      </c>
      <c r="J32266" s="8">
        <v>1</v>
      </c>
      <c r="K32266" s="9"/>
      <c r="L32266" s="6"/>
    </row>
    <row r="32267" spans="1:12">
      <c r="A32267" s="6" t="s">
        <v>33096</v>
      </c>
      <c r="B32267" s="6"/>
      <c r="C32267" s="6" t="s">
        <v>32230</v>
      </c>
      <c r="D32267" s="6"/>
      <c r="E32267" s="6" t="s">
        <v>9</v>
      </c>
      <c r="F32267" s="7">
        <v>29677</v>
      </c>
      <c r="G32267" s="8">
        <v>2741983</v>
      </c>
      <c r="H32267" s="8">
        <v>1</v>
      </c>
      <c r="I32267" s="8">
        <v>2741982</v>
      </c>
      <c r="J32267" s="8">
        <v>1</v>
      </c>
      <c r="K32267" s="9"/>
      <c r="L32267" s="6"/>
    </row>
    <row r="32268" spans="1:12">
      <c r="A32268" s="6" t="s">
        <v>33096</v>
      </c>
      <c r="B32268" s="6"/>
      <c r="C32268" s="6" t="s">
        <v>32230</v>
      </c>
      <c r="D32268" s="6"/>
      <c r="E32268" s="6" t="s">
        <v>9</v>
      </c>
      <c r="F32268" s="7">
        <v>29677</v>
      </c>
      <c r="G32268" s="8">
        <v>2096341</v>
      </c>
      <c r="H32268" s="8">
        <v>1</v>
      </c>
      <c r="I32268" s="8">
        <v>2096340</v>
      </c>
      <c r="J32268" s="8">
        <v>1</v>
      </c>
      <c r="K32268" s="9"/>
      <c r="L32268" s="6"/>
    </row>
    <row r="32269" spans="1:12">
      <c r="A32269" s="6" t="s">
        <v>33096</v>
      </c>
      <c r="B32269" s="6"/>
      <c r="C32269" s="6" t="s">
        <v>32230</v>
      </c>
      <c r="D32269" s="6"/>
      <c r="E32269" s="6" t="s">
        <v>9</v>
      </c>
      <c r="F32269" s="7">
        <v>29677</v>
      </c>
      <c r="G32269" s="8">
        <v>742886</v>
      </c>
      <c r="H32269" s="8">
        <v>1</v>
      </c>
      <c r="I32269" s="8">
        <v>742885</v>
      </c>
      <c r="J32269" s="8">
        <v>1</v>
      </c>
      <c r="K32269" s="9"/>
      <c r="L32269" s="6"/>
    </row>
    <row r="32270" spans="1:12">
      <c r="A32270" s="6" t="s">
        <v>33096</v>
      </c>
      <c r="B32270" s="6"/>
      <c r="C32270" s="6" t="s">
        <v>32230</v>
      </c>
      <c r="D32270" s="6"/>
      <c r="E32270" s="6" t="s">
        <v>9</v>
      </c>
      <c r="F32270" s="7">
        <v>29677</v>
      </c>
      <c r="G32270" s="8">
        <v>887956</v>
      </c>
      <c r="H32270" s="8">
        <v>1</v>
      </c>
      <c r="I32270" s="8">
        <v>887955</v>
      </c>
      <c r="J32270" s="8">
        <v>1</v>
      </c>
      <c r="K32270" s="9"/>
      <c r="L32270" s="6"/>
    </row>
    <row r="32271" spans="1:12">
      <c r="A32271" s="6" t="s">
        <v>33096</v>
      </c>
      <c r="B32271" s="6"/>
      <c r="C32271" s="6" t="s">
        <v>32230</v>
      </c>
      <c r="D32271" s="6"/>
      <c r="E32271" s="6" t="s">
        <v>9</v>
      </c>
      <c r="F32271" s="7">
        <v>29677</v>
      </c>
      <c r="G32271" s="8">
        <v>942158</v>
      </c>
      <c r="H32271" s="8">
        <v>1</v>
      </c>
      <c r="I32271" s="8">
        <v>942157</v>
      </c>
      <c r="J32271" s="8">
        <v>1</v>
      </c>
      <c r="K32271" s="9"/>
      <c r="L32271" s="6"/>
    </row>
    <row r="32272" spans="1:12">
      <c r="A32272" s="6" t="s">
        <v>33096</v>
      </c>
      <c r="B32272" s="6"/>
      <c r="C32272" s="6" t="s">
        <v>32230</v>
      </c>
      <c r="D32272" s="6"/>
      <c r="E32272" s="6" t="s">
        <v>9</v>
      </c>
      <c r="F32272" s="7">
        <v>29677</v>
      </c>
      <c r="G32272" s="8">
        <v>575497</v>
      </c>
      <c r="H32272" s="8">
        <v>1</v>
      </c>
      <c r="I32272" s="8">
        <v>575496</v>
      </c>
      <c r="J32272" s="8">
        <v>1</v>
      </c>
      <c r="K32272" s="9"/>
      <c r="L32272" s="6"/>
    </row>
    <row r="32273" spans="1:12">
      <c r="A32273" s="6" t="s">
        <v>33096</v>
      </c>
      <c r="B32273" s="6"/>
      <c r="C32273" s="6" t="s">
        <v>32230</v>
      </c>
      <c r="D32273" s="6"/>
      <c r="E32273" s="6" t="s">
        <v>9</v>
      </c>
      <c r="F32273" s="7">
        <v>29677</v>
      </c>
      <c r="G32273" s="8">
        <v>1080000</v>
      </c>
      <c r="H32273" s="8">
        <v>1</v>
      </c>
      <c r="I32273" s="8">
        <v>1079999</v>
      </c>
      <c r="J32273" s="8">
        <v>1</v>
      </c>
      <c r="K32273" s="9"/>
      <c r="L32273" s="6"/>
    </row>
    <row r="32274" spans="1:12">
      <c r="A32274" s="6" t="s">
        <v>33096</v>
      </c>
      <c r="B32274" s="6"/>
      <c r="C32274" s="6" t="s">
        <v>32230</v>
      </c>
      <c r="D32274" s="6"/>
      <c r="E32274" s="6" t="s">
        <v>9</v>
      </c>
      <c r="F32274" s="7">
        <v>29677</v>
      </c>
      <c r="G32274" s="8">
        <v>2189782</v>
      </c>
      <c r="H32274" s="8">
        <v>1</v>
      </c>
      <c r="I32274" s="8">
        <v>2189781</v>
      </c>
      <c r="J32274" s="8">
        <v>1</v>
      </c>
      <c r="K32274" s="9"/>
      <c r="L32274" s="6"/>
    </row>
    <row r="32275" spans="1:12">
      <c r="A32275" s="6" t="s">
        <v>33096</v>
      </c>
      <c r="B32275" s="6"/>
      <c r="C32275" s="6" t="s">
        <v>32230</v>
      </c>
      <c r="D32275" s="6"/>
      <c r="E32275" s="6" t="s">
        <v>9</v>
      </c>
      <c r="F32275" s="7">
        <v>29677</v>
      </c>
      <c r="G32275" s="8">
        <v>1633500</v>
      </c>
      <c r="H32275" s="8">
        <v>1</v>
      </c>
      <c r="I32275" s="8">
        <v>1633499</v>
      </c>
      <c r="J32275" s="8">
        <v>1</v>
      </c>
      <c r="K32275" s="9"/>
      <c r="L32275" s="6"/>
    </row>
    <row r="32276" spans="1:12">
      <c r="A32276" s="6" t="s">
        <v>33096</v>
      </c>
      <c r="B32276" s="6"/>
      <c r="C32276" s="6" t="s">
        <v>32230</v>
      </c>
      <c r="D32276" s="6"/>
      <c r="E32276" s="6" t="s">
        <v>9</v>
      </c>
      <c r="F32276" s="7">
        <v>29677</v>
      </c>
      <c r="G32276" s="8">
        <v>12420000</v>
      </c>
      <c r="H32276" s="8">
        <v>1</v>
      </c>
      <c r="I32276" s="8">
        <v>12419999</v>
      </c>
      <c r="J32276" s="8">
        <v>1</v>
      </c>
      <c r="K32276" s="9"/>
      <c r="L32276" s="6"/>
    </row>
    <row r="32277" spans="1:12">
      <c r="A32277" s="6" t="s">
        <v>33097</v>
      </c>
      <c r="B32277" s="6"/>
      <c r="C32277" s="6" t="s">
        <v>32230</v>
      </c>
      <c r="D32277" s="6"/>
      <c r="E32277" s="6" t="s">
        <v>9</v>
      </c>
      <c r="F32277" s="7">
        <v>41264</v>
      </c>
      <c r="G32277" s="8">
        <v>14471100</v>
      </c>
      <c r="H32277" s="8">
        <v>7640748</v>
      </c>
      <c r="I32277" s="8">
        <v>7684146</v>
      </c>
      <c r="J32277" s="8">
        <v>6786954</v>
      </c>
      <c r="K32277" s="9"/>
      <c r="L32277" s="6"/>
    </row>
    <row r="32278" spans="1:12">
      <c r="A32278" s="6" t="s">
        <v>33136</v>
      </c>
      <c r="B32278" s="6"/>
      <c r="C32278" s="6" t="s">
        <v>32230</v>
      </c>
      <c r="D32278" s="6"/>
      <c r="E32278" s="6" t="s">
        <v>9</v>
      </c>
      <c r="F32278" s="7">
        <v>43535</v>
      </c>
      <c r="G32278" s="8">
        <v>723600</v>
      </c>
      <c r="H32278" s="8">
        <v>638216</v>
      </c>
      <c r="I32278" s="8">
        <v>128076</v>
      </c>
      <c r="J32278" s="8">
        <v>595524</v>
      </c>
      <c r="K32278" s="9"/>
      <c r="L32278" s="6"/>
    </row>
    <row r="32279" spans="1:12">
      <c r="A32279" s="6" t="s">
        <v>33096</v>
      </c>
      <c r="B32279" s="6"/>
      <c r="C32279" s="6" t="s">
        <v>32230</v>
      </c>
      <c r="D32279" s="6"/>
      <c r="E32279" s="6" t="s">
        <v>9</v>
      </c>
      <c r="F32279" s="7">
        <v>29677</v>
      </c>
      <c r="G32279" s="8">
        <v>4573028</v>
      </c>
      <c r="H32279" s="8">
        <v>1</v>
      </c>
      <c r="I32279" s="8">
        <v>4573027</v>
      </c>
      <c r="J32279" s="8">
        <v>1</v>
      </c>
      <c r="K32279" s="9"/>
      <c r="L32279" s="6"/>
    </row>
    <row r="32280" spans="1:12">
      <c r="A32280" s="6" t="s">
        <v>33096</v>
      </c>
      <c r="B32280" s="6"/>
      <c r="C32280" s="6" t="s">
        <v>32230</v>
      </c>
      <c r="D32280" s="6"/>
      <c r="E32280" s="6" t="s">
        <v>9</v>
      </c>
      <c r="F32280" s="7">
        <v>29677</v>
      </c>
      <c r="G32280" s="8">
        <v>2994478</v>
      </c>
      <c r="H32280" s="8">
        <v>1</v>
      </c>
      <c r="I32280" s="8">
        <v>2994477</v>
      </c>
      <c r="J32280" s="8">
        <v>1</v>
      </c>
      <c r="K32280" s="9"/>
      <c r="L32280" s="6"/>
    </row>
    <row r="32281" spans="1:12">
      <c r="A32281" s="6" t="s">
        <v>33096</v>
      </c>
      <c r="B32281" s="6"/>
      <c r="C32281" s="6" t="s">
        <v>32230</v>
      </c>
      <c r="D32281" s="6"/>
      <c r="E32281" s="6" t="s">
        <v>9</v>
      </c>
      <c r="F32281" s="7">
        <v>29677</v>
      </c>
      <c r="G32281" s="8">
        <v>3967403</v>
      </c>
      <c r="H32281" s="8">
        <v>1</v>
      </c>
      <c r="I32281" s="8">
        <v>3967402</v>
      </c>
      <c r="J32281" s="8">
        <v>1</v>
      </c>
      <c r="K32281" s="9"/>
      <c r="L32281" s="6"/>
    </row>
    <row r="32282" spans="1:12">
      <c r="A32282" s="6" t="s">
        <v>33096</v>
      </c>
      <c r="B32282" s="6"/>
      <c r="C32282" s="6" t="s">
        <v>32230</v>
      </c>
      <c r="D32282" s="6"/>
      <c r="E32282" s="6" t="s">
        <v>9</v>
      </c>
      <c r="F32282" s="7">
        <v>29677</v>
      </c>
      <c r="G32282" s="8">
        <v>350477</v>
      </c>
      <c r="H32282" s="8">
        <v>1</v>
      </c>
      <c r="I32282" s="8">
        <v>350476</v>
      </c>
      <c r="J32282" s="8">
        <v>1</v>
      </c>
      <c r="K32282" s="9"/>
      <c r="L32282" s="6"/>
    </row>
    <row r="32283" spans="1:12">
      <c r="A32283" s="6" t="s">
        <v>33096</v>
      </c>
      <c r="B32283" s="6"/>
      <c r="C32283" s="6" t="s">
        <v>32230</v>
      </c>
      <c r="D32283" s="6"/>
      <c r="E32283" s="6" t="s">
        <v>9</v>
      </c>
      <c r="F32283" s="7">
        <v>29677</v>
      </c>
      <c r="G32283" s="8">
        <v>416367</v>
      </c>
      <c r="H32283" s="8">
        <v>1</v>
      </c>
      <c r="I32283" s="8">
        <v>416366</v>
      </c>
      <c r="J32283" s="8">
        <v>1</v>
      </c>
      <c r="K32283" s="9"/>
      <c r="L32283" s="6"/>
    </row>
    <row r="32284" spans="1:12">
      <c r="A32284" s="6" t="s">
        <v>33096</v>
      </c>
      <c r="B32284" s="6"/>
      <c r="C32284" s="6" t="s">
        <v>32230</v>
      </c>
      <c r="D32284" s="6"/>
      <c r="E32284" s="6" t="s">
        <v>9</v>
      </c>
      <c r="F32284" s="7">
        <v>29677</v>
      </c>
      <c r="G32284" s="8">
        <v>406553</v>
      </c>
      <c r="H32284" s="8">
        <v>1</v>
      </c>
      <c r="I32284" s="8">
        <v>406552</v>
      </c>
      <c r="J32284" s="8">
        <v>1</v>
      </c>
      <c r="K32284" s="9"/>
      <c r="L32284" s="6"/>
    </row>
    <row r="32285" spans="1:12">
      <c r="A32285" s="6" t="s">
        <v>33096</v>
      </c>
      <c r="B32285" s="6"/>
      <c r="C32285" s="6" t="s">
        <v>32230</v>
      </c>
      <c r="D32285" s="6"/>
      <c r="E32285" s="6" t="s">
        <v>9</v>
      </c>
      <c r="F32285" s="7">
        <v>29677</v>
      </c>
      <c r="G32285" s="8">
        <v>1401909</v>
      </c>
      <c r="H32285" s="8">
        <v>1</v>
      </c>
      <c r="I32285" s="8">
        <v>1401908</v>
      </c>
      <c r="J32285" s="8">
        <v>1</v>
      </c>
      <c r="K32285" s="9"/>
      <c r="L32285" s="6"/>
    </row>
    <row r="32286" spans="1:12">
      <c r="A32286" s="6" t="s">
        <v>33096</v>
      </c>
      <c r="B32286" s="6"/>
      <c r="C32286" s="6" t="s">
        <v>32230</v>
      </c>
      <c r="D32286" s="6"/>
      <c r="E32286" s="6" t="s">
        <v>9</v>
      </c>
      <c r="F32286" s="7">
        <v>29677</v>
      </c>
      <c r="G32286" s="8">
        <v>1485000</v>
      </c>
      <c r="H32286" s="8">
        <v>1</v>
      </c>
      <c r="I32286" s="8">
        <v>1484999</v>
      </c>
      <c r="J32286" s="8">
        <v>1</v>
      </c>
      <c r="K32286" s="9"/>
      <c r="L32286" s="6"/>
    </row>
    <row r="32287" spans="1:12">
      <c r="A32287" s="6" t="s">
        <v>33096</v>
      </c>
      <c r="B32287" s="6"/>
      <c r="C32287" s="6" t="s">
        <v>32230</v>
      </c>
      <c r="D32287" s="6"/>
      <c r="E32287" s="6" t="s">
        <v>9</v>
      </c>
      <c r="F32287" s="7">
        <v>30042</v>
      </c>
      <c r="G32287" s="8">
        <v>14218200</v>
      </c>
      <c r="H32287" s="8">
        <v>1</v>
      </c>
      <c r="I32287" s="8">
        <v>14218199</v>
      </c>
      <c r="J32287" s="8">
        <v>1</v>
      </c>
      <c r="K32287" s="9"/>
      <c r="L32287" s="6"/>
    </row>
    <row r="32288" spans="1:12">
      <c r="A32288" s="6" t="s">
        <v>33096</v>
      </c>
      <c r="B32288" s="6"/>
      <c r="C32288" s="6" t="s">
        <v>32230</v>
      </c>
      <c r="D32288" s="6"/>
      <c r="E32288" s="6" t="s">
        <v>9</v>
      </c>
      <c r="F32288" s="7">
        <v>30042</v>
      </c>
      <c r="G32288" s="8">
        <v>6709500</v>
      </c>
      <c r="H32288" s="8">
        <v>1</v>
      </c>
      <c r="I32288" s="8">
        <v>6709499</v>
      </c>
      <c r="J32288" s="8">
        <v>1</v>
      </c>
      <c r="K32288" s="9"/>
      <c r="L32288" s="6"/>
    </row>
    <row r="32289" spans="1:12">
      <c r="A32289" s="6" t="s">
        <v>33096</v>
      </c>
      <c r="B32289" s="6"/>
      <c r="C32289" s="6" t="s">
        <v>32230</v>
      </c>
      <c r="D32289" s="6"/>
      <c r="E32289" s="6" t="s">
        <v>9</v>
      </c>
      <c r="F32289" s="7">
        <v>30042</v>
      </c>
      <c r="G32289" s="8">
        <v>3734100</v>
      </c>
      <c r="H32289" s="8">
        <v>1</v>
      </c>
      <c r="I32289" s="8">
        <v>3734099</v>
      </c>
      <c r="J32289" s="8">
        <v>1</v>
      </c>
      <c r="K32289" s="9"/>
      <c r="L32289" s="6"/>
    </row>
    <row r="32290" spans="1:12">
      <c r="A32290" s="6" t="s">
        <v>33096</v>
      </c>
      <c r="B32290" s="6"/>
      <c r="C32290" s="6" t="s">
        <v>32230</v>
      </c>
      <c r="D32290" s="6"/>
      <c r="E32290" s="6" t="s">
        <v>9</v>
      </c>
      <c r="F32290" s="7">
        <v>30042</v>
      </c>
      <c r="G32290" s="8">
        <v>2457000</v>
      </c>
      <c r="H32290" s="8">
        <v>1</v>
      </c>
      <c r="I32290" s="8">
        <v>2456999</v>
      </c>
      <c r="J32290" s="8">
        <v>1</v>
      </c>
      <c r="K32290" s="9"/>
      <c r="L32290" s="6"/>
    </row>
    <row r="32291" spans="1:12">
      <c r="A32291" s="6" t="s">
        <v>33097</v>
      </c>
      <c r="B32291" s="6"/>
      <c r="C32291" s="6" t="s">
        <v>32230</v>
      </c>
      <c r="D32291" s="6"/>
      <c r="E32291" s="6" t="s">
        <v>9</v>
      </c>
      <c r="F32291" s="7">
        <v>30042</v>
      </c>
      <c r="G32291" s="8">
        <v>8920000</v>
      </c>
      <c r="H32291" s="8">
        <v>1</v>
      </c>
      <c r="I32291" s="8">
        <v>8919999</v>
      </c>
      <c r="J32291" s="8">
        <v>1</v>
      </c>
      <c r="K32291" s="9"/>
      <c r="L32291" s="6"/>
    </row>
    <row r="32292" spans="1:12">
      <c r="A32292" s="6" t="s">
        <v>33137</v>
      </c>
      <c r="B32292" s="6"/>
      <c r="C32292" s="6" t="s">
        <v>32230</v>
      </c>
      <c r="D32292" s="6"/>
      <c r="E32292" s="6" t="s">
        <v>9</v>
      </c>
      <c r="F32292" s="7">
        <v>42692</v>
      </c>
      <c r="G32292" s="8">
        <v>1705320</v>
      </c>
      <c r="H32292" s="8">
        <v>1248296</v>
      </c>
      <c r="I32292" s="8">
        <v>571280</v>
      </c>
      <c r="J32292" s="8">
        <v>1134040</v>
      </c>
      <c r="K32292" s="9"/>
      <c r="L32292" s="6"/>
    </row>
    <row r="32293" spans="1:12">
      <c r="A32293" s="6" t="s">
        <v>33138</v>
      </c>
      <c r="B32293" s="6"/>
      <c r="C32293" s="6" t="s">
        <v>32230</v>
      </c>
      <c r="D32293" s="6"/>
      <c r="E32293" s="6" t="s">
        <v>9</v>
      </c>
      <c r="F32293" s="7">
        <v>43475</v>
      </c>
      <c r="G32293" s="8">
        <v>1166400</v>
      </c>
      <c r="H32293" s="8">
        <v>1010104</v>
      </c>
      <c r="I32293" s="8">
        <v>234444</v>
      </c>
      <c r="J32293" s="8">
        <v>931956</v>
      </c>
      <c r="K32293" s="9"/>
      <c r="L32293" s="6"/>
    </row>
    <row r="32294" spans="1:12">
      <c r="A32294" s="6" t="s">
        <v>33096</v>
      </c>
      <c r="B32294" s="6"/>
      <c r="C32294" s="6" t="s">
        <v>32230</v>
      </c>
      <c r="D32294" s="6"/>
      <c r="E32294" s="6" t="s">
        <v>9</v>
      </c>
      <c r="F32294" s="7">
        <v>30042</v>
      </c>
      <c r="G32294" s="8">
        <v>12411900</v>
      </c>
      <c r="H32294" s="8">
        <v>1</v>
      </c>
      <c r="I32294" s="8">
        <v>12411899</v>
      </c>
      <c r="J32294" s="8">
        <v>1</v>
      </c>
      <c r="K32294" s="9"/>
      <c r="L32294" s="6"/>
    </row>
    <row r="32295" spans="1:12">
      <c r="A32295" s="6" t="s">
        <v>33096</v>
      </c>
      <c r="B32295" s="6"/>
      <c r="C32295" s="6" t="s">
        <v>32230</v>
      </c>
      <c r="D32295" s="6"/>
      <c r="E32295" s="6" t="s">
        <v>9</v>
      </c>
      <c r="F32295" s="7">
        <v>30042</v>
      </c>
      <c r="G32295" s="8">
        <v>1946700</v>
      </c>
      <c r="H32295" s="8">
        <v>1</v>
      </c>
      <c r="I32295" s="8">
        <v>1946699</v>
      </c>
      <c r="J32295" s="8">
        <v>1</v>
      </c>
      <c r="K32295" s="9"/>
      <c r="L32295" s="6"/>
    </row>
    <row r="32296" spans="1:12">
      <c r="A32296" s="6" t="s">
        <v>33096</v>
      </c>
      <c r="B32296" s="6"/>
      <c r="C32296" s="6" t="s">
        <v>32230</v>
      </c>
      <c r="D32296" s="6"/>
      <c r="E32296" s="6" t="s">
        <v>9</v>
      </c>
      <c r="F32296" s="7">
        <v>30042</v>
      </c>
      <c r="G32296" s="8">
        <v>2378700</v>
      </c>
      <c r="H32296" s="8">
        <v>1</v>
      </c>
      <c r="I32296" s="8">
        <v>2378699</v>
      </c>
      <c r="J32296" s="8">
        <v>1</v>
      </c>
      <c r="K32296" s="9"/>
      <c r="L32296" s="6"/>
    </row>
    <row r="32297" spans="1:12">
      <c r="A32297" s="6" t="s">
        <v>33096</v>
      </c>
      <c r="B32297" s="6"/>
      <c r="C32297" s="6" t="s">
        <v>32230</v>
      </c>
      <c r="D32297" s="6"/>
      <c r="E32297" s="6" t="s">
        <v>9</v>
      </c>
      <c r="F32297" s="7">
        <v>30042</v>
      </c>
      <c r="G32297" s="8">
        <v>1061100</v>
      </c>
      <c r="H32297" s="8">
        <v>1</v>
      </c>
      <c r="I32297" s="8">
        <v>1061099</v>
      </c>
      <c r="J32297" s="8">
        <v>1</v>
      </c>
      <c r="K32297" s="9"/>
      <c r="L32297" s="6"/>
    </row>
    <row r="32298" spans="1:12">
      <c r="A32298" s="6" t="s">
        <v>33096</v>
      </c>
      <c r="B32298" s="6"/>
      <c r="C32298" s="6" t="s">
        <v>32230</v>
      </c>
      <c r="D32298" s="6"/>
      <c r="E32298" s="6" t="s">
        <v>9</v>
      </c>
      <c r="F32298" s="7">
        <v>30042</v>
      </c>
      <c r="G32298" s="8">
        <v>1134000</v>
      </c>
      <c r="H32298" s="8">
        <v>1</v>
      </c>
      <c r="I32298" s="8">
        <v>1133999</v>
      </c>
      <c r="J32298" s="8">
        <v>1</v>
      </c>
      <c r="K32298" s="9"/>
      <c r="L32298" s="6"/>
    </row>
    <row r="32299" spans="1:12">
      <c r="A32299" s="6" t="s">
        <v>33096</v>
      </c>
      <c r="B32299" s="6"/>
      <c r="C32299" s="6" t="s">
        <v>32230</v>
      </c>
      <c r="D32299" s="6"/>
      <c r="E32299" s="6" t="s">
        <v>9</v>
      </c>
      <c r="F32299" s="7">
        <v>30042</v>
      </c>
      <c r="G32299" s="8">
        <v>391500</v>
      </c>
      <c r="H32299" s="8">
        <v>1</v>
      </c>
      <c r="I32299" s="8">
        <v>391499</v>
      </c>
      <c r="J32299" s="8">
        <v>1</v>
      </c>
      <c r="K32299" s="9"/>
      <c r="L32299" s="6"/>
    </row>
    <row r="32300" spans="1:12">
      <c r="A32300" s="6" t="s">
        <v>33096</v>
      </c>
      <c r="B32300" s="6"/>
      <c r="C32300" s="6" t="s">
        <v>32230</v>
      </c>
      <c r="D32300" s="6"/>
      <c r="E32300" s="6" t="s">
        <v>9</v>
      </c>
      <c r="F32300" s="7">
        <v>30042</v>
      </c>
      <c r="G32300" s="8">
        <v>1358100</v>
      </c>
      <c r="H32300" s="8">
        <v>1</v>
      </c>
      <c r="I32300" s="8">
        <v>1358099</v>
      </c>
      <c r="J32300" s="8">
        <v>1</v>
      </c>
      <c r="K32300" s="9"/>
      <c r="L32300" s="6"/>
    </row>
    <row r="32301" spans="1:12">
      <c r="A32301" s="6" t="s">
        <v>33096</v>
      </c>
      <c r="B32301" s="6"/>
      <c r="C32301" s="6" t="s">
        <v>32230</v>
      </c>
      <c r="D32301" s="6"/>
      <c r="E32301" s="6" t="s">
        <v>9</v>
      </c>
      <c r="F32301" s="7">
        <v>30042</v>
      </c>
      <c r="G32301" s="8">
        <v>4044600</v>
      </c>
      <c r="H32301" s="8">
        <v>1</v>
      </c>
      <c r="I32301" s="8">
        <v>4044599</v>
      </c>
      <c r="J32301" s="8">
        <v>1</v>
      </c>
      <c r="K32301" s="9"/>
      <c r="L32301" s="6"/>
    </row>
    <row r="32302" spans="1:12">
      <c r="A32302" s="6" t="s">
        <v>33096</v>
      </c>
      <c r="B32302" s="6"/>
      <c r="C32302" s="6" t="s">
        <v>32230</v>
      </c>
      <c r="D32302" s="6"/>
      <c r="E32302" s="6" t="s">
        <v>9</v>
      </c>
      <c r="F32302" s="7">
        <v>30042</v>
      </c>
      <c r="G32302" s="8">
        <v>9116501</v>
      </c>
      <c r="H32302" s="8">
        <v>1</v>
      </c>
      <c r="I32302" s="8">
        <v>9116500</v>
      </c>
      <c r="J32302" s="8">
        <v>1</v>
      </c>
      <c r="K32302" s="9"/>
      <c r="L32302" s="6"/>
    </row>
    <row r="32303" spans="1:12">
      <c r="A32303" s="6" t="s">
        <v>33096</v>
      </c>
      <c r="B32303" s="6"/>
      <c r="C32303" s="6" t="s">
        <v>32230</v>
      </c>
      <c r="D32303" s="6"/>
      <c r="E32303" s="6" t="s">
        <v>9</v>
      </c>
      <c r="F32303" s="7">
        <v>30042</v>
      </c>
      <c r="G32303" s="8">
        <v>5515803</v>
      </c>
      <c r="H32303" s="8">
        <v>1</v>
      </c>
      <c r="I32303" s="8">
        <v>5515802</v>
      </c>
      <c r="J32303" s="8">
        <v>1</v>
      </c>
      <c r="K32303" s="9"/>
      <c r="L32303" s="6"/>
    </row>
    <row r="32304" spans="1:12">
      <c r="A32304" s="6" t="s">
        <v>33096</v>
      </c>
      <c r="B32304" s="6"/>
      <c r="C32304" s="6" t="s">
        <v>32230</v>
      </c>
      <c r="D32304" s="6"/>
      <c r="E32304" s="6" t="s">
        <v>9</v>
      </c>
      <c r="F32304" s="7">
        <v>30042</v>
      </c>
      <c r="G32304" s="8">
        <v>2287694</v>
      </c>
      <c r="H32304" s="8">
        <v>1</v>
      </c>
      <c r="I32304" s="8">
        <v>2287693</v>
      </c>
      <c r="J32304" s="8">
        <v>1</v>
      </c>
      <c r="K32304" s="9"/>
      <c r="L32304" s="6"/>
    </row>
    <row r="32305" spans="1:12">
      <c r="A32305" s="6" t="s">
        <v>33097</v>
      </c>
      <c r="B32305" s="6"/>
      <c r="C32305" s="6" t="s">
        <v>32230</v>
      </c>
      <c r="D32305" s="6"/>
      <c r="E32305" s="6" t="s">
        <v>9</v>
      </c>
      <c r="F32305" s="7">
        <v>30042</v>
      </c>
      <c r="G32305" s="8">
        <v>7400000</v>
      </c>
      <c r="H32305" s="8">
        <v>1</v>
      </c>
      <c r="I32305" s="8">
        <v>7399999</v>
      </c>
      <c r="J32305" s="8">
        <v>1</v>
      </c>
      <c r="K32305" s="9"/>
      <c r="L32305" s="6"/>
    </row>
    <row r="32306" spans="1:12">
      <c r="A32306" s="6" t="s">
        <v>33139</v>
      </c>
      <c r="B32306" s="6"/>
      <c r="C32306" s="6" t="s">
        <v>32230</v>
      </c>
      <c r="D32306" s="6"/>
      <c r="E32306" s="6" t="s">
        <v>9</v>
      </c>
      <c r="F32306" s="7">
        <v>43136</v>
      </c>
      <c r="G32306" s="8">
        <v>19273680</v>
      </c>
      <c r="H32306" s="8">
        <v>13491576</v>
      </c>
      <c r="I32306" s="8">
        <v>7709472</v>
      </c>
      <c r="J32306" s="8">
        <v>11564208</v>
      </c>
      <c r="K32306" s="9"/>
      <c r="L32306" s="6"/>
    </row>
    <row r="32307" spans="1:12">
      <c r="A32307" s="6" t="s">
        <v>33096</v>
      </c>
      <c r="B32307" s="6"/>
      <c r="C32307" s="6" t="s">
        <v>32230</v>
      </c>
      <c r="D32307" s="6"/>
      <c r="E32307" s="6" t="s">
        <v>9</v>
      </c>
      <c r="F32307" s="7">
        <v>30773</v>
      </c>
      <c r="G32307" s="8">
        <v>11858400</v>
      </c>
      <c r="H32307" s="8">
        <v>1</v>
      </c>
      <c r="I32307" s="8">
        <v>11858399</v>
      </c>
      <c r="J32307" s="8">
        <v>1</v>
      </c>
      <c r="K32307" s="9"/>
      <c r="L32307" s="6"/>
    </row>
    <row r="32308" spans="1:12">
      <c r="A32308" s="6" t="s">
        <v>33096</v>
      </c>
      <c r="B32308" s="6"/>
      <c r="C32308" s="6" t="s">
        <v>32230</v>
      </c>
      <c r="D32308" s="6"/>
      <c r="E32308" s="6" t="s">
        <v>9</v>
      </c>
      <c r="F32308" s="7">
        <v>30773</v>
      </c>
      <c r="G32308" s="8">
        <v>1603800</v>
      </c>
      <c r="H32308" s="8">
        <v>1</v>
      </c>
      <c r="I32308" s="8">
        <v>1603799</v>
      </c>
      <c r="J32308" s="8">
        <v>1</v>
      </c>
      <c r="K32308" s="9"/>
      <c r="L32308" s="6"/>
    </row>
    <row r="32309" spans="1:12">
      <c r="A32309" s="6" t="s">
        <v>33096</v>
      </c>
      <c r="B32309" s="6"/>
      <c r="C32309" s="6" t="s">
        <v>32230</v>
      </c>
      <c r="D32309" s="6"/>
      <c r="E32309" s="6" t="s">
        <v>9</v>
      </c>
      <c r="F32309" s="7">
        <v>30773</v>
      </c>
      <c r="G32309" s="8">
        <v>1806300</v>
      </c>
      <c r="H32309" s="8">
        <v>1</v>
      </c>
      <c r="I32309" s="8">
        <v>1806299</v>
      </c>
      <c r="J32309" s="8">
        <v>1</v>
      </c>
      <c r="K32309" s="9"/>
      <c r="L32309" s="6"/>
    </row>
    <row r="32310" spans="1:12">
      <c r="A32310" s="6" t="s">
        <v>33096</v>
      </c>
      <c r="B32310" s="6"/>
      <c r="C32310" s="6" t="s">
        <v>32230</v>
      </c>
      <c r="D32310" s="6"/>
      <c r="E32310" s="6" t="s">
        <v>9</v>
      </c>
      <c r="F32310" s="7">
        <v>30773</v>
      </c>
      <c r="G32310" s="8">
        <v>939600</v>
      </c>
      <c r="H32310" s="8">
        <v>1</v>
      </c>
      <c r="I32310" s="8">
        <v>939599</v>
      </c>
      <c r="J32310" s="8">
        <v>1</v>
      </c>
      <c r="K32310" s="9"/>
      <c r="L32310" s="6"/>
    </row>
    <row r="32311" spans="1:12">
      <c r="A32311" s="6" t="s">
        <v>33097</v>
      </c>
      <c r="B32311" s="6"/>
      <c r="C32311" s="6" t="s">
        <v>32230</v>
      </c>
      <c r="D32311" s="6"/>
      <c r="E32311" s="6" t="s">
        <v>9</v>
      </c>
      <c r="F32311" s="7">
        <v>30773</v>
      </c>
      <c r="G32311" s="8">
        <v>1</v>
      </c>
      <c r="H32311" s="8">
        <v>1</v>
      </c>
      <c r="I32311" s="8">
        <v>0</v>
      </c>
      <c r="J32311" s="8">
        <v>1</v>
      </c>
      <c r="K32311" s="9"/>
      <c r="L32311" s="6"/>
    </row>
    <row r="32312" spans="1:12">
      <c r="A32312" s="6" t="s">
        <v>33096</v>
      </c>
      <c r="B32312" s="6"/>
      <c r="C32312" s="6" t="s">
        <v>32230</v>
      </c>
      <c r="D32312" s="6"/>
      <c r="E32312" s="6" t="s">
        <v>9</v>
      </c>
      <c r="F32312" s="7">
        <v>31138</v>
      </c>
      <c r="G32312" s="8">
        <v>8839800</v>
      </c>
      <c r="H32312" s="8">
        <v>1</v>
      </c>
      <c r="I32312" s="8">
        <v>8839799</v>
      </c>
      <c r="J32312" s="8">
        <v>1</v>
      </c>
      <c r="K32312" s="9"/>
      <c r="L32312" s="6"/>
    </row>
    <row r="32313" spans="1:12">
      <c r="A32313" s="6" t="s">
        <v>33096</v>
      </c>
      <c r="B32313" s="6"/>
      <c r="C32313" s="6" t="s">
        <v>32230</v>
      </c>
      <c r="D32313" s="6"/>
      <c r="E32313" s="6" t="s">
        <v>9</v>
      </c>
      <c r="F32313" s="7">
        <v>31138</v>
      </c>
      <c r="G32313" s="8">
        <v>5940000</v>
      </c>
      <c r="H32313" s="8">
        <v>1</v>
      </c>
      <c r="I32313" s="8">
        <v>5939999</v>
      </c>
      <c r="J32313" s="8">
        <v>1</v>
      </c>
      <c r="K32313" s="9"/>
      <c r="L32313" s="6"/>
    </row>
    <row r="32314" spans="1:12">
      <c r="A32314" s="6" t="s">
        <v>33096</v>
      </c>
      <c r="B32314" s="6"/>
      <c r="C32314" s="6" t="s">
        <v>32230</v>
      </c>
      <c r="D32314" s="6"/>
      <c r="E32314" s="6" t="s">
        <v>9</v>
      </c>
      <c r="F32314" s="7">
        <v>31138</v>
      </c>
      <c r="G32314" s="8">
        <v>5548500</v>
      </c>
      <c r="H32314" s="8">
        <v>1</v>
      </c>
      <c r="I32314" s="8">
        <v>5548499</v>
      </c>
      <c r="J32314" s="8">
        <v>1</v>
      </c>
      <c r="K32314" s="9"/>
      <c r="L32314" s="6"/>
    </row>
    <row r="32315" spans="1:12">
      <c r="A32315" s="6" t="s">
        <v>33096</v>
      </c>
      <c r="B32315" s="6"/>
      <c r="C32315" s="6" t="s">
        <v>32230</v>
      </c>
      <c r="D32315" s="6"/>
      <c r="E32315" s="6" t="s">
        <v>9</v>
      </c>
      <c r="F32315" s="7">
        <v>31138</v>
      </c>
      <c r="G32315" s="8">
        <v>11739600</v>
      </c>
      <c r="H32315" s="8">
        <v>1</v>
      </c>
      <c r="I32315" s="8">
        <v>11739599</v>
      </c>
      <c r="J32315" s="8">
        <v>1</v>
      </c>
      <c r="K32315" s="9"/>
      <c r="L32315" s="6"/>
    </row>
    <row r="32316" spans="1:12">
      <c r="A32316" s="6" t="s">
        <v>33096</v>
      </c>
      <c r="B32316" s="6"/>
      <c r="C32316" s="6" t="s">
        <v>32230</v>
      </c>
      <c r="D32316" s="6"/>
      <c r="E32316" s="6" t="s">
        <v>9</v>
      </c>
      <c r="F32316" s="7">
        <v>38443</v>
      </c>
      <c r="G32316" s="8">
        <v>5956200</v>
      </c>
      <c r="H32316" s="8">
        <v>1</v>
      </c>
      <c r="I32316" s="8">
        <v>5956199</v>
      </c>
      <c r="J32316" s="8">
        <v>1</v>
      </c>
      <c r="K32316" s="9"/>
      <c r="L32316" s="6"/>
    </row>
    <row r="32317" spans="1:12">
      <c r="A32317" s="6" t="s">
        <v>33097</v>
      </c>
      <c r="B32317" s="6"/>
      <c r="C32317" s="6" t="s">
        <v>32230</v>
      </c>
      <c r="D32317" s="6"/>
      <c r="E32317" s="6" t="s">
        <v>9</v>
      </c>
      <c r="F32317" s="7">
        <v>31138</v>
      </c>
      <c r="G32317" s="8">
        <v>1</v>
      </c>
      <c r="H32317" s="8">
        <v>1</v>
      </c>
      <c r="I32317" s="8">
        <v>0</v>
      </c>
      <c r="J32317" s="8">
        <v>1</v>
      </c>
      <c r="K32317" s="9"/>
      <c r="L32317" s="6"/>
    </row>
    <row r="32318" spans="1:12">
      <c r="A32318" s="6" t="s">
        <v>33097</v>
      </c>
      <c r="B32318" s="6"/>
      <c r="C32318" s="6" t="s">
        <v>32230</v>
      </c>
      <c r="D32318" s="6"/>
      <c r="E32318" s="6" t="s">
        <v>9</v>
      </c>
      <c r="F32318" s="7">
        <v>42460</v>
      </c>
      <c r="G32318" s="8">
        <v>1176120</v>
      </c>
      <c r="H32318" s="8">
        <v>829165</v>
      </c>
      <c r="I32318" s="8">
        <v>416346</v>
      </c>
      <c r="J32318" s="8">
        <v>759774</v>
      </c>
      <c r="K32318" s="9"/>
      <c r="L32318" s="6"/>
    </row>
    <row r="32319" spans="1:12">
      <c r="A32319" s="6" t="s">
        <v>33096</v>
      </c>
      <c r="B32319" s="6"/>
      <c r="C32319" s="6" t="s">
        <v>32230</v>
      </c>
      <c r="D32319" s="6"/>
      <c r="E32319" s="6" t="s">
        <v>9</v>
      </c>
      <c r="F32319" s="7">
        <v>31503</v>
      </c>
      <c r="G32319" s="8">
        <v>13672800</v>
      </c>
      <c r="H32319" s="8">
        <v>1</v>
      </c>
      <c r="I32319" s="8">
        <v>13672799</v>
      </c>
      <c r="J32319" s="8">
        <v>1</v>
      </c>
      <c r="K32319" s="9"/>
      <c r="L32319" s="6"/>
    </row>
    <row r="32320" spans="1:12">
      <c r="A32320" s="6" t="s">
        <v>33096</v>
      </c>
      <c r="B32320" s="6"/>
      <c r="C32320" s="6" t="s">
        <v>32230</v>
      </c>
      <c r="D32320" s="6"/>
      <c r="E32320" s="6" t="s">
        <v>9</v>
      </c>
      <c r="F32320" s="7">
        <v>31503</v>
      </c>
      <c r="G32320" s="8">
        <v>4509000</v>
      </c>
      <c r="H32320" s="8">
        <v>1</v>
      </c>
      <c r="I32320" s="8">
        <v>4508999</v>
      </c>
      <c r="J32320" s="8">
        <v>1</v>
      </c>
      <c r="K32320" s="9"/>
      <c r="L32320" s="6"/>
    </row>
    <row r="32321" spans="1:12">
      <c r="A32321" s="6" t="s">
        <v>33096</v>
      </c>
      <c r="B32321" s="6"/>
      <c r="C32321" s="6" t="s">
        <v>32230</v>
      </c>
      <c r="D32321" s="6"/>
      <c r="E32321" s="6" t="s">
        <v>9</v>
      </c>
      <c r="F32321" s="7">
        <v>31503</v>
      </c>
      <c r="G32321" s="8">
        <v>3672000</v>
      </c>
      <c r="H32321" s="8">
        <v>1</v>
      </c>
      <c r="I32321" s="8">
        <v>3671999</v>
      </c>
      <c r="J32321" s="8">
        <v>1</v>
      </c>
      <c r="K32321" s="9"/>
      <c r="L32321" s="6"/>
    </row>
    <row r="32322" spans="1:12">
      <c r="A32322" s="6" t="s">
        <v>33096</v>
      </c>
      <c r="B32322" s="6"/>
      <c r="C32322" s="6" t="s">
        <v>32230</v>
      </c>
      <c r="D32322" s="6"/>
      <c r="E32322" s="6" t="s">
        <v>9</v>
      </c>
      <c r="F32322" s="7">
        <v>31503</v>
      </c>
      <c r="G32322" s="8">
        <v>4322700</v>
      </c>
      <c r="H32322" s="8">
        <v>1</v>
      </c>
      <c r="I32322" s="8">
        <v>4322699</v>
      </c>
      <c r="J32322" s="8">
        <v>1</v>
      </c>
      <c r="K32322" s="9"/>
      <c r="L32322" s="6"/>
    </row>
    <row r="32323" spans="1:12">
      <c r="A32323" s="6" t="s">
        <v>33096</v>
      </c>
      <c r="B32323" s="6"/>
      <c r="C32323" s="6" t="s">
        <v>32230</v>
      </c>
      <c r="D32323" s="6"/>
      <c r="E32323" s="6" t="s">
        <v>9</v>
      </c>
      <c r="F32323" s="7">
        <v>31503</v>
      </c>
      <c r="G32323" s="8">
        <v>2467800</v>
      </c>
      <c r="H32323" s="8">
        <v>1</v>
      </c>
      <c r="I32323" s="8">
        <v>2467799</v>
      </c>
      <c r="J32323" s="8">
        <v>1</v>
      </c>
      <c r="K32323" s="9"/>
      <c r="L32323" s="6"/>
    </row>
    <row r="32324" spans="1:12">
      <c r="A32324" s="6" t="s">
        <v>33096</v>
      </c>
      <c r="B32324" s="6"/>
      <c r="C32324" s="6" t="s">
        <v>32230</v>
      </c>
      <c r="D32324" s="6"/>
      <c r="E32324" s="6" t="s">
        <v>9</v>
      </c>
      <c r="F32324" s="7">
        <v>31503</v>
      </c>
      <c r="G32324" s="8">
        <v>826200</v>
      </c>
      <c r="H32324" s="8">
        <v>1</v>
      </c>
      <c r="I32324" s="8">
        <v>826199</v>
      </c>
      <c r="J32324" s="8">
        <v>1</v>
      </c>
      <c r="K32324" s="9"/>
      <c r="L32324" s="6"/>
    </row>
    <row r="32325" spans="1:12">
      <c r="A32325" s="6" t="s">
        <v>33097</v>
      </c>
      <c r="B32325" s="6"/>
      <c r="C32325" s="6" t="s">
        <v>32230</v>
      </c>
      <c r="D32325" s="6"/>
      <c r="E32325" s="6" t="s">
        <v>9</v>
      </c>
      <c r="F32325" s="7">
        <v>31503</v>
      </c>
      <c r="G32325" s="8">
        <v>1</v>
      </c>
      <c r="H32325" s="8">
        <v>1</v>
      </c>
      <c r="I32325" s="8">
        <v>0</v>
      </c>
      <c r="J32325" s="8">
        <v>1</v>
      </c>
      <c r="K32325" s="9"/>
      <c r="L32325" s="6"/>
    </row>
    <row r="32326" spans="1:12">
      <c r="A32326" s="6" t="s">
        <v>33096</v>
      </c>
      <c r="B32326" s="6"/>
      <c r="C32326" s="6" t="s">
        <v>32230</v>
      </c>
      <c r="D32326" s="6"/>
      <c r="E32326" s="6" t="s">
        <v>9</v>
      </c>
      <c r="F32326" s="7">
        <v>32234</v>
      </c>
      <c r="G32326" s="8">
        <v>45894600</v>
      </c>
      <c r="H32326" s="8">
        <v>1</v>
      </c>
      <c r="I32326" s="8">
        <v>45894599</v>
      </c>
      <c r="J32326" s="8">
        <v>1</v>
      </c>
      <c r="K32326" s="9"/>
      <c r="L32326" s="6"/>
    </row>
    <row r="32327" spans="1:12">
      <c r="A32327" s="6" t="s">
        <v>33096</v>
      </c>
      <c r="B32327" s="6"/>
      <c r="C32327" s="6" t="s">
        <v>32230</v>
      </c>
      <c r="D32327" s="6"/>
      <c r="E32327" s="6" t="s">
        <v>9</v>
      </c>
      <c r="F32327" s="7">
        <v>32234</v>
      </c>
      <c r="G32327" s="8">
        <v>5340600</v>
      </c>
      <c r="H32327" s="8">
        <v>1</v>
      </c>
      <c r="I32327" s="8">
        <v>5340599</v>
      </c>
      <c r="J32327" s="8">
        <v>1</v>
      </c>
      <c r="K32327" s="9"/>
      <c r="L32327" s="6"/>
    </row>
    <row r="32328" spans="1:12">
      <c r="A32328" s="6" t="s">
        <v>33097</v>
      </c>
      <c r="B32328" s="6"/>
      <c r="C32328" s="6" t="s">
        <v>32230</v>
      </c>
      <c r="D32328" s="6"/>
      <c r="E32328" s="6" t="s">
        <v>9</v>
      </c>
      <c r="F32328" s="7">
        <v>32234</v>
      </c>
      <c r="G32328" s="8">
        <v>1</v>
      </c>
      <c r="H32328" s="8">
        <v>1</v>
      </c>
      <c r="I32328" s="8">
        <v>0</v>
      </c>
      <c r="J32328" s="8">
        <v>1</v>
      </c>
      <c r="K32328" s="9"/>
      <c r="L32328" s="6"/>
    </row>
    <row r="32329" spans="1:12">
      <c r="A32329" s="6" t="s">
        <v>33140</v>
      </c>
      <c r="B32329" s="6"/>
      <c r="C32329" s="6" t="s">
        <v>32230</v>
      </c>
      <c r="D32329" s="6"/>
      <c r="E32329" s="6" t="s">
        <v>9</v>
      </c>
      <c r="F32329" s="7">
        <v>43733</v>
      </c>
      <c r="G32329" s="8">
        <v>756000</v>
      </c>
      <c r="H32329" s="8">
        <v>711396</v>
      </c>
      <c r="I32329" s="8">
        <v>89208</v>
      </c>
      <c r="J32329" s="8">
        <v>666792</v>
      </c>
      <c r="K32329" s="9"/>
      <c r="L32329" s="6"/>
    </row>
    <row r="32330" spans="1:12">
      <c r="A32330" s="6" t="s">
        <v>33141</v>
      </c>
      <c r="B32330" s="6"/>
      <c r="C32330" s="6" t="s">
        <v>32230</v>
      </c>
      <c r="D32330" s="6"/>
      <c r="E32330" s="6" t="s">
        <v>9</v>
      </c>
      <c r="F32330" s="7">
        <v>44186</v>
      </c>
      <c r="G32330" s="8">
        <v>1160500</v>
      </c>
      <c r="H32330" s="8">
        <v>1160500</v>
      </c>
      <c r="I32330" s="8">
        <v>68469</v>
      </c>
      <c r="J32330" s="8">
        <v>1092031</v>
      </c>
      <c r="K32330" s="9"/>
      <c r="L32330" s="6"/>
    </row>
    <row r="32331" spans="1:12">
      <c r="A32331" s="6" t="s">
        <v>33096</v>
      </c>
      <c r="B32331" s="6"/>
      <c r="C32331" s="6" t="s">
        <v>32230</v>
      </c>
      <c r="D32331" s="6"/>
      <c r="E32331" s="6" t="s">
        <v>9</v>
      </c>
      <c r="F32331" s="7">
        <v>32234</v>
      </c>
      <c r="G32331" s="8">
        <v>5127300</v>
      </c>
      <c r="H32331" s="8">
        <v>1</v>
      </c>
      <c r="I32331" s="8">
        <v>5127299</v>
      </c>
      <c r="J32331" s="8">
        <v>1</v>
      </c>
      <c r="K32331" s="9"/>
      <c r="L32331" s="6"/>
    </row>
    <row r="32332" spans="1:12">
      <c r="A32332" s="6" t="s">
        <v>33096</v>
      </c>
      <c r="B32332" s="6"/>
      <c r="C32332" s="6" t="s">
        <v>32230</v>
      </c>
      <c r="D32332" s="6"/>
      <c r="E32332" s="6" t="s">
        <v>9</v>
      </c>
      <c r="F32332" s="7">
        <v>32234</v>
      </c>
      <c r="G32332" s="8">
        <v>11294100</v>
      </c>
      <c r="H32332" s="8">
        <v>1</v>
      </c>
      <c r="I32332" s="8">
        <v>11294099</v>
      </c>
      <c r="J32332" s="8">
        <v>1</v>
      </c>
      <c r="K32332" s="9"/>
      <c r="L32332" s="6"/>
    </row>
    <row r="32333" spans="1:12">
      <c r="A32333" s="6" t="s">
        <v>33096</v>
      </c>
      <c r="B32333" s="6"/>
      <c r="C32333" s="6" t="s">
        <v>32230</v>
      </c>
      <c r="D32333" s="6"/>
      <c r="E32333" s="6" t="s">
        <v>9</v>
      </c>
      <c r="F32333" s="7">
        <v>32234</v>
      </c>
      <c r="G32333" s="8">
        <v>996300</v>
      </c>
      <c r="H32333" s="8">
        <v>1</v>
      </c>
      <c r="I32333" s="8">
        <v>996299</v>
      </c>
      <c r="J32333" s="8">
        <v>1</v>
      </c>
      <c r="K32333" s="9"/>
      <c r="L32333" s="6"/>
    </row>
    <row r="32334" spans="1:12">
      <c r="A32334" s="6" t="s">
        <v>33096</v>
      </c>
      <c r="B32334" s="6"/>
      <c r="C32334" s="6" t="s">
        <v>32230</v>
      </c>
      <c r="D32334" s="6"/>
      <c r="E32334" s="6" t="s">
        <v>9</v>
      </c>
      <c r="F32334" s="7">
        <v>32234</v>
      </c>
      <c r="G32334" s="8">
        <v>4090500</v>
      </c>
      <c r="H32334" s="8">
        <v>1</v>
      </c>
      <c r="I32334" s="8">
        <v>4090499</v>
      </c>
      <c r="J32334" s="8">
        <v>1</v>
      </c>
      <c r="K32334" s="9"/>
      <c r="L32334" s="6"/>
    </row>
    <row r="32335" spans="1:12">
      <c r="A32335" s="6" t="s">
        <v>33096</v>
      </c>
      <c r="B32335" s="6"/>
      <c r="C32335" s="6" t="s">
        <v>32230</v>
      </c>
      <c r="D32335" s="6"/>
      <c r="E32335" s="6" t="s">
        <v>9</v>
      </c>
      <c r="F32335" s="7">
        <v>32234</v>
      </c>
      <c r="G32335" s="8">
        <v>1908900</v>
      </c>
      <c r="H32335" s="8">
        <v>1</v>
      </c>
      <c r="I32335" s="8">
        <v>1908899</v>
      </c>
      <c r="J32335" s="8">
        <v>1</v>
      </c>
      <c r="K32335" s="9"/>
      <c r="L32335" s="6"/>
    </row>
    <row r="32336" spans="1:12">
      <c r="A32336" s="6" t="s">
        <v>33096</v>
      </c>
      <c r="B32336" s="6"/>
      <c r="C32336" s="6" t="s">
        <v>32230</v>
      </c>
      <c r="D32336" s="6"/>
      <c r="E32336" s="6" t="s">
        <v>9</v>
      </c>
      <c r="F32336" s="7">
        <v>32234</v>
      </c>
      <c r="G32336" s="8">
        <v>3223800</v>
      </c>
      <c r="H32336" s="8">
        <v>1</v>
      </c>
      <c r="I32336" s="8">
        <v>3223799</v>
      </c>
      <c r="J32336" s="8">
        <v>1</v>
      </c>
      <c r="K32336" s="9"/>
      <c r="L32336" s="6"/>
    </row>
    <row r="32337" spans="1:12">
      <c r="A32337" s="6" t="s">
        <v>33096</v>
      </c>
      <c r="B32337" s="6"/>
      <c r="C32337" s="6" t="s">
        <v>32230</v>
      </c>
      <c r="D32337" s="6"/>
      <c r="E32337" s="6" t="s">
        <v>9</v>
      </c>
      <c r="F32337" s="7">
        <v>32234</v>
      </c>
      <c r="G32337" s="8">
        <v>596700</v>
      </c>
      <c r="H32337" s="8">
        <v>1</v>
      </c>
      <c r="I32337" s="8">
        <v>596699</v>
      </c>
      <c r="J32337" s="8">
        <v>1</v>
      </c>
      <c r="K32337" s="9"/>
      <c r="L32337" s="6"/>
    </row>
    <row r="32338" spans="1:12">
      <c r="A32338" s="6" t="s">
        <v>33097</v>
      </c>
      <c r="B32338" s="6"/>
      <c r="C32338" s="6" t="s">
        <v>32230</v>
      </c>
      <c r="D32338" s="6"/>
      <c r="E32338" s="6" t="s">
        <v>9</v>
      </c>
      <c r="F32338" s="7">
        <v>32234</v>
      </c>
      <c r="G32338" s="8">
        <v>1</v>
      </c>
      <c r="H32338" s="8">
        <v>1</v>
      </c>
      <c r="I32338" s="8">
        <v>0</v>
      </c>
      <c r="J32338" s="8">
        <v>1</v>
      </c>
      <c r="K32338" s="9"/>
      <c r="L32338" s="6"/>
    </row>
    <row r="32339" spans="1:12">
      <c r="A32339" s="6" t="s">
        <v>33096</v>
      </c>
      <c r="B32339" s="6"/>
      <c r="C32339" s="6" t="s">
        <v>32230</v>
      </c>
      <c r="D32339" s="6"/>
      <c r="E32339" s="6" t="s">
        <v>9</v>
      </c>
      <c r="F32339" s="7">
        <v>32234</v>
      </c>
      <c r="G32339" s="8">
        <v>12787200</v>
      </c>
      <c r="H32339" s="8">
        <v>1</v>
      </c>
      <c r="I32339" s="8">
        <v>12787199</v>
      </c>
      <c r="J32339" s="8">
        <v>1</v>
      </c>
      <c r="K32339" s="9"/>
      <c r="L32339" s="6"/>
    </row>
    <row r="32340" spans="1:12">
      <c r="A32340" s="6" t="s">
        <v>33096</v>
      </c>
      <c r="B32340" s="6"/>
      <c r="C32340" s="6" t="s">
        <v>32230</v>
      </c>
      <c r="D32340" s="6"/>
      <c r="E32340" s="6" t="s">
        <v>9</v>
      </c>
      <c r="F32340" s="7">
        <v>32234</v>
      </c>
      <c r="G32340" s="8">
        <v>6644700</v>
      </c>
      <c r="H32340" s="8">
        <v>1</v>
      </c>
      <c r="I32340" s="8">
        <v>6644699</v>
      </c>
      <c r="J32340" s="8">
        <v>1</v>
      </c>
      <c r="K32340" s="9"/>
      <c r="L32340" s="6"/>
    </row>
    <row r="32341" spans="1:12">
      <c r="A32341" s="6" t="s">
        <v>33096</v>
      </c>
      <c r="B32341" s="6"/>
      <c r="C32341" s="6" t="s">
        <v>32230</v>
      </c>
      <c r="D32341" s="6"/>
      <c r="E32341" s="6" t="s">
        <v>9</v>
      </c>
      <c r="F32341" s="7">
        <v>32234</v>
      </c>
      <c r="G32341" s="8">
        <v>2235600</v>
      </c>
      <c r="H32341" s="8">
        <v>1</v>
      </c>
      <c r="I32341" s="8">
        <v>2235599</v>
      </c>
      <c r="J32341" s="8">
        <v>1</v>
      </c>
      <c r="K32341" s="9"/>
      <c r="L32341" s="6"/>
    </row>
    <row r="32342" spans="1:12">
      <c r="A32342" s="6" t="s">
        <v>33096</v>
      </c>
      <c r="B32342" s="6"/>
      <c r="C32342" s="6" t="s">
        <v>32230</v>
      </c>
      <c r="D32342" s="6"/>
      <c r="E32342" s="6" t="s">
        <v>9</v>
      </c>
      <c r="F32342" s="7">
        <v>32234</v>
      </c>
      <c r="G32342" s="8">
        <v>2216700</v>
      </c>
      <c r="H32342" s="8">
        <v>1</v>
      </c>
      <c r="I32342" s="8">
        <v>2216699</v>
      </c>
      <c r="J32342" s="8">
        <v>1</v>
      </c>
      <c r="K32342" s="9"/>
      <c r="L32342" s="6"/>
    </row>
    <row r="32343" spans="1:12">
      <c r="A32343" s="6" t="s">
        <v>33096</v>
      </c>
      <c r="B32343" s="6"/>
      <c r="C32343" s="6" t="s">
        <v>32230</v>
      </c>
      <c r="D32343" s="6"/>
      <c r="E32343" s="6" t="s">
        <v>9</v>
      </c>
      <c r="F32343" s="7">
        <v>32234</v>
      </c>
      <c r="G32343" s="8">
        <v>1331100</v>
      </c>
      <c r="H32343" s="8">
        <v>1</v>
      </c>
      <c r="I32343" s="8">
        <v>1331099</v>
      </c>
      <c r="J32343" s="8">
        <v>1</v>
      </c>
      <c r="K32343" s="9"/>
      <c r="L32343" s="6"/>
    </row>
    <row r="32344" spans="1:12">
      <c r="A32344" s="6" t="s">
        <v>33097</v>
      </c>
      <c r="B32344" s="6"/>
      <c r="C32344" s="6" t="s">
        <v>32230</v>
      </c>
      <c r="D32344" s="6"/>
      <c r="E32344" s="6" t="s">
        <v>9</v>
      </c>
      <c r="F32344" s="7">
        <v>32234</v>
      </c>
      <c r="G32344" s="8">
        <v>1</v>
      </c>
      <c r="H32344" s="8">
        <v>1</v>
      </c>
      <c r="I32344" s="8">
        <v>0</v>
      </c>
      <c r="J32344" s="8">
        <v>1</v>
      </c>
      <c r="K32344" s="9"/>
      <c r="L32344" s="6"/>
    </row>
    <row r="32345" spans="1:12">
      <c r="A32345" s="6" t="s">
        <v>33096</v>
      </c>
      <c r="B32345" s="6"/>
      <c r="C32345" s="6" t="s">
        <v>32230</v>
      </c>
      <c r="D32345" s="6"/>
      <c r="E32345" s="6" t="s">
        <v>9</v>
      </c>
      <c r="F32345" s="7">
        <v>32964</v>
      </c>
      <c r="G32345" s="8">
        <v>5540400</v>
      </c>
      <c r="H32345" s="8">
        <v>1</v>
      </c>
      <c r="I32345" s="8">
        <v>5540399</v>
      </c>
      <c r="J32345" s="8">
        <v>1</v>
      </c>
      <c r="K32345" s="9"/>
      <c r="L32345" s="6"/>
    </row>
    <row r="32346" spans="1:12">
      <c r="A32346" s="6" t="s">
        <v>33096</v>
      </c>
      <c r="B32346" s="6"/>
      <c r="C32346" s="6" t="s">
        <v>32230</v>
      </c>
      <c r="D32346" s="6"/>
      <c r="E32346" s="6" t="s">
        <v>9</v>
      </c>
      <c r="F32346" s="7">
        <v>32964</v>
      </c>
      <c r="G32346" s="8">
        <v>3091500</v>
      </c>
      <c r="H32346" s="8">
        <v>1</v>
      </c>
      <c r="I32346" s="8">
        <v>3091499</v>
      </c>
      <c r="J32346" s="8">
        <v>1</v>
      </c>
      <c r="K32346" s="9"/>
      <c r="L32346" s="6"/>
    </row>
    <row r="32347" spans="1:12">
      <c r="A32347" s="6" t="s">
        <v>33096</v>
      </c>
      <c r="B32347" s="6"/>
      <c r="C32347" s="6" t="s">
        <v>32230</v>
      </c>
      <c r="D32347" s="6"/>
      <c r="E32347" s="6" t="s">
        <v>9</v>
      </c>
      <c r="F32347" s="7">
        <v>32964</v>
      </c>
      <c r="G32347" s="8">
        <v>5996700</v>
      </c>
      <c r="H32347" s="8">
        <v>1</v>
      </c>
      <c r="I32347" s="8">
        <v>5996699</v>
      </c>
      <c r="J32347" s="8">
        <v>1</v>
      </c>
      <c r="K32347" s="9"/>
      <c r="L32347" s="6"/>
    </row>
    <row r="32348" spans="1:12">
      <c r="A32348" s="6" t="s">
        <v>33096</v>
      </c>
      <c r="B32348" s="6"/>
      <c r="C32348" s="6" t="s">
        <v>32230</v>
      </c>
      <c r="D32348" s="6"/>
      <c r="E32348" s="6" t="s">
        <v>9</v>
      </c>
      <c r="F32348" s="7">
        <v>32964</v>
      </c>
      <c r="G32348" s="8">
        <v>3310200</v>
      </c>
      <c r="H32348" s="8">
        <v>1</v>
      </c>
      <c r="I32348" s="8">
        <v>3310199</v>
      </c>
      <c r="J32348" s="8">
        <v>1</v>
      </c>
      <c r="K32348" s="9"/>
      <c r="L32348" s="6"/>
    </row>
    <row r="32349" spans="1:12">
      <c r="A32349" s="6" t="s">
        <v>33096</v>
      </c>
      <c r="B32349" s="6"/>
      <c r="C32349" s="6" t="s">
        <v>32230</v>
      </c>
      <c r="D32349" s="6"/>
      <c r="E32349" s="6" t="s">
        <v>9</v>
      </c>
      <c r="F32349" s="7">
        <v>32964</v>
      </c>
      <c r="G32349" s="8">
        <v>4341600</v>
      </c>
      <c r="H32349" s="8">
        <v>1</v>
      </c>
      <c r="I32349" s="8">
        <v>4341599</v>
      </c>
      <c r="J32349" s="8">
        <v>1</v>
      </c>
      <c r="K32349" s="9"/>
      <c r="L32349" s="6"/>
    </row>
    <row r="32350" spans="1:12">
      <c r="A32350" s="6" t="s">
        <v>33097</v>
      </c>
      <c r="B32350" s="6"/>
      <c r="C32350" s="6" t="s">
        <v>32230</v>
      </c>
      <c r="D32350" s="6"/>
      <c r="E32350" s="6" t="s">
        <v>9</v>
      </c>
      <c r="F32350" s="7">
        <v>32964</v>
      </c>
      <c r="G32350" s="8">
        <v>1</v>
      </c>
      <c r="H32350" s="8">
        <v>1</v>
      </c>
      <c r="I32350" s="8">
        <v>0</v>
      </c>
      <c r="J32350" s="8">
        <v>1</v>
      </c>
      <c r="K32350" s="9"/>
      <c r="L32350" s="6"/>
    </row>
    <row r="32351" spans="1:12">
      <c r="A32351" s="6" t="s">
        <v>33096</v>
      </c>
      <c r="B32351" s="6"/>
      <c r="C32351" s="6" t="s">
        <v>32230</v>
      </c>
      <c r="D32351" s="6"/>
      <c r="E32351" s="6" t="s">
        <v>9</v>
      </c>
      <c r="F32351" s="7">
        <v>32964</v>
      </c>
      <c r="G32351" s="8">
        <v>15168600</v>
      </c>
      <c r="H32351" s="8">
        <v>1</v>
      </c>
      <c r="I32351" s="8">
        <v>15168599</v>
      </c>
      <c r="J32351" s="8">
        <v>1</v>
      </c>
      <c r="K32351" s="9"/>
      <c r="L32351" s="6"/>
    </row>
    <row r="32352" spans="1:12">
      <c r="A32352" s="6" t="s">
        <v>33096</v>
      </c>
      <c r="B32352" s="6"/>
      <c r="C32352" s="6" t="s">
        <v>32230</v>
      </c>
      <c r="D32352" s="6"/>
      <c r="E32352" s="6" t="s">
        <v>9</v>
      </c>
      <c r="F32352" s="7">
        <v>32964</v>
      </c>
      <c r="G32352" s="8">
        <v>8313300</v>
      </c>
      <c r="H32352" s="8">
        <v>1</v>
      </c>
      <c r="I32352" s="8">
        <v>8313299</v>
      </c>
      <c r="J32352" s="8">
        <v>1</v>
      </c>
      <c r="K32352" s="9"/>
      <c r="L32352" s="6"/>
    </row>
    <row r="32353" spans="1:12">
      <c r="A32353" s="6" t="s">
        <v>33096</v>
      </c>
      <c r="B32353" s="6"/>
      <c r="C32353" s="6" t="s">
        <v>32230</v>
      </c>
      <c r="D32353" s="6"/>
      <c r="E32353" s="6" t="s">
        <v>9</v>
      </c>
      <c r="F32353" s="7">
        <v>32964</v>
      </c>
      <c r="G32353" s="8">
        <v>955800</v>
      </c>
      <c r="H32353" s="8">
        <v>1</v>
      </c>
      <c r="I32353" s="8">
        <v>955799</v>
      </c>
      <c r="J32353" s="8">
        <v>1</v>
      </c>
      <c r="K32353" s="9"/>
      <c r="L32353" s="6"/>
    </row>
    <row r="32354" spans="1:12">
      <c r="A32354" s="6" t="s">
        <v>33097</v>
      </c>
      <c r="B32354" s="6"/>
      <c r="C32354" s="6" t="s">
        <v>32230</v>
      </c>
      <c r="D32354" s="6"/>
      <c r="E32354" s="6" t="s">
        <v>9</v>
      </c>
      <c r="F32354" s="7">
        <v>32964</v>
      </c>
      <c r="G32354" s="8">
        <v>1</v>
      </c>
      <c r="H32354" s="8">
        <v>1</v>
      </c>
      <c r="I32354" s="8">
        <v>0</v>
      </c>
      <c r="J32354" s="8">
        <v>1</v>
      </c>
      <c r="K32354" s="9"/>
      <c r="L32354" s="6"/>
    </row>
    <row r="32355" spans="1:12">
      <c r="A32355" s="6" t="s">
        <v>33097</v>
      </c>
      <c r="B32355" s="6"/>
      <c r="C32355" s="6" t="s">
        <v>32230</v>
      </c>
      <c r="D32355" s="6"/>
      <c r="E32355" s="6" t="s">
        <v>9</v>
      </c>
      <c r="F32355" s="7">
        <v>42095</v>
      </c>
      <c r="G32355" s="8">
        <v>3054240</v>
      </c>
      <c r="H32355" s="8">
        <v>2153240</v>
      </c>
      <c r="I32355" s="8">
        <v>1081200</v>
      </c>
      <c r="J32355" s="8">
        <v>1973040</v>
      </c>
      <c r="K32355" s="9"/>
      <c r="L32355" s="6"/>
    </row>
    <row r="32356" spans="1:12">
      <c r="A32356" s="6" t="s">
        <v>33096</v>
      </c>
      <c r="B32356" s="6"/>
      <c r="C32356" s="6" t="s">
        <v>32230</v>
      </c>
      <c r="D32356" s="6"/>
      <c r="E32356" s="6" t="s">
        <v>9</v>
      </c>
      <c r="F32356" s="7">
        <v>32964</v>
      </c>
      <c r="G32356" s="8">
        <v>2427300</v>
      </c>
      <c r="H32356" s="8">
        <v>1</v>
      </c>
      <c r="I32356" s="8">
        <v>2427299</v>
      </c>
      <c r="J32356" s="8">
        <v>1</v>
      </c>
      <c r="K32356" s="9"/>
      <c r="L32356" s="6"/>
    </row>
    <row r="32357" spans="1:12">
      <c r="A32357" s="6" t="s">
        <v>33096</v>
      </c>
      <c r="B32357" s="6"/>
      <c r="C32357" s="6" t="s">
        <v>32230</v>
      </c>
      <c r="D32357" s="6"/>
      <c r="E32357" s="6" t="s">
        <v>9</v>
      </c>
      <c r="F32357" s="7">
        <v>32964</v>
      </c>
      <c r="G32357" s="8">
        <v>10114200</v>
      </c>
      <c r="H32357" s="8">
        <v>1</v>
      </c>
      <c r="I32357" s="8">
        <v>10114199</v>
      </c>
      <c r="J32357" s="8">
        <v>1</v>
      </c>
      <c r="K32357" s="9"/>
      <c r="L32357" s="6"/>
    </row>
    <row r="32358" spans="1:12">
      <c r="A32358" s="6" t="s">
        <v>33096</v>
      </c>
      <c r="B32358" s="6"/>
      <c r="C32358" s="6" t="s">
        <v>32230</v>
      </c>
      <c r="D32358" s="6"/>
      <c r="E32358" s="6" t="s">
        <v>9</v>
      </c>
      <c r="F32358" s="7">
        <v>32964</v>
      </c>
      <c r="G32358" s="8">
        <v>2003400</v>
      </c>
      <c r="H32358" s="8">
        <v>1</v>
      </c>
      <c r="I32358" s="8">
        <v>2003399</v>
      </c>
      <c r="J32358" s="8">
        <v>1</v>
      </c>
      <c r="K32358" s="9"/>
      <c r="L32358" s="6"/>
    </row>
    <row r="32359" spans="1:12">
      <c r="A32359" s="6" t="s">
        <v>33096</v>
      </c>
      <c r="B32359" s="6"/>
      <c r="C32359" s="6" t="s">
        <v>32230</v>
      </c>
      <c r="D32359" s="6"/>
      <c r="E32359" s="6" t="s">
        <v>9</v>
      </c>
      <c r="F32359" s="7">
        <v>32964</v>
      </c>
      <c r="G32359" s="8">
        <v>4071600</v>
      </c>
      <c r="H32359" s="8">
        <v>1</v>
      </c>
      <c r="I32359" s="8">
        <v>4071599</v>
      </c>
      <c r="J32359" s="8">
        <v>1</v>
      </c>
      <c r="K32359" s="9"/>
      <c r="L32359" s="6"/>
    </row>
    <row r="32360" spans="1:12">
      <c r="A32360" s="6" t="s">
        <v>33096</v>
      </c>
      <c r="B32360" s="6"/>
      <c r="C32360" s="6" t="s">
        <v>32230</v>
      </c>
      <c r="D32360" s="6"/>
      <c r="E32360" s="6" t="s">
        <v>9</v>
      </c>
      <c r="F32360" s="7">
        <v>32964</v>
      </c>
      <c r="G32360" s="8">
        <v>1080000</v>
      </c>
      <c r="H32360" s="8">
        <v>1</v>
      </c>
      <c r="I32360" s="8">
        <v>1079999</v>
      </c>
      <c r="J32360" s="8">
        <v>1</v>
      </c>
      <c r="K32360" s="9"/>
      <c r="L32360" s="6"/>
    </row>
    <row r="32361" spans="1:12">
      <c r="A32361" s="6" t="s">
        <v>33096</v>
      </c>
      <c r="B32361" s="6"/>
      <c r="C32361" s="6" t="s">
        <v>32230</v>
      </c>
      <c r="D32361" s="6"/>
      <c r="E32361" s="6" t="s">
        <v>9</v>
      </c>
      <c r="F32361" s="7">
        <v>32964</v>
      </c>
      <c r="G32361" s="8">
        <v>1163700</v>
      </c>
      <c r="H32361" s="8">
        <v>1</v>
      </c>
      <c r="I32361" s="8">
        <v>1163699</v>
      </c>
      <c r="J32361" s="8">
        <v>1</v>
      </c>
      <c r="K32361" s="9"/>
      <c r="L32361" s="6"/>
    </row>
    <row r="32362" spans="1:12">
      <c r="A32362" s="6" t="s">
        <v>33096</v>
      </c>
      <c r="B32362" s="6"/>
      <c r="C32362" s="6" t="s">
        <v>32230</v>
      </c>
      <c r="D32362" s="6"/>
      <c r="E32362" s="6" t="s">
        <v>9</v>
      </c>
      <c r="F32362" s="7">
        <v>32964</v>
      </c>
      <c r="G32362" s="8">
        <v>3369600</v>
      </c>
      <c r="H32362" s="8">
        <v>1</v>
      </c>
      <c r="I32362" s="8">
        <v>3369599</v>
      </c>
      <c r="J32362" s="8">
        <v>1</v>
      </c>
      <c r="K32362" s="9"/>
      <c r="L32362" s="6"/>
    </row>
    <row r="32363" spans="1:12">
      <c r="A32363" s="6" t="s">
        <v>33096</v>
      </c>
      <c r="B32363" s="6"/>
      <c r="C32363" s="6" t="s">
        <v>32230</v>
      </c>
      <c r="D32363" s="6"/>
      <c r="E32363" s="6" t="s">
        <v>9</v>
      </c>
      <c r="F32363" s="7">
        <v>32964</v>
      </c>
      <c r="G32363" s="8">
        <v>2211300</v>
      </c>
      <c r="H32363" s="8">
        <v>1</v>
      </c>
      <c r="I32363" s="8">
        <v>2211299</v>
      </c>
      <c r="J32363" s="8">
        <v>1</v>
      </c>
      <c r="K32363" s="9"/>
      <c r="L32363" s="6"/>
    </row>
    <row r="32364" spans="1:12">
      <c r="A32364" s="6" t="s">
        <v>33096</v>
      </c>
      <c r="B32364" s="6"/>
      <c r="C32364" s="6" t="s">
        <v>32230</v>
      </c>
      <c r="D32364" s="6"/>
      <c r="E32364" s="6" t="s">
        <v>9</v>
      </c>
      <c r="F32364" s="7">
        <v>34060</v>
      </c>
      <c r="G32364" s="8">
        <v>16986200</v>
      </c>
      <c r="H32364" s="8">
        <v>1</v>
      </c>
      <c r="I32364" s="8">
        <v>16986199</v>
      </c>
      <c r="J32364" s="8">
        <v>1</v>
      </c>
      <c r="K32364" s="9"/>
      <c r="L32364" s="6"/>
    </row>
    <row r="32365" spans="1:12">
      <c r="A32365" s="6" t="s">
        <v>33096</v>
      </c>
      <c r="B32365" s="6"/>
      <c r="C32365" s="6" t="s">
        <v>32230</v>
      </c>
      <c r="D32365" s="6"/>
      <c r="E32365" s="6" t="s">
        <v>9</v>
      </c>
      <c r="F32365" s="7">
        <v>34060</v>
      </c>
      <c r="G32365" s="8">
        <v>8769619</v>
      </c>
      <c r="H32365" s="8">
        <v>1</v>
      </c>
      <c r="I32365" s="8">
        <v>8769618</v>
      </c>
      <c r="J32365" s="8">
        <v>1</v>
      </c>
      <c r="K32365" s="9"/>
      <c r="L32365" s="6"/>
    </row>
    <row r="32366" spans="1:12">
      <c r="A32366" s="6" t="s">
        <v>33096</v>
      </c>
      <c r="B32366" s="6"/>
      <c r="C32366" s="6" t="s">
        <v>32230</v>
      </c>
      <c r="D32366" s="6"/>
      <c r="E32366" s="6" t="s">
        <v>9</v>
      </c>
      <c r="F32366" s="7">
        <v>34060</v>
      </c>
      <c r="G32366" s="8">
        <v>1990940</v>
      </c>
      <c r="H32366" s="8">
        <v>1</v>
      </c>
      <c r="I32366" s="8">
        <v>1990939</v>
      </c>
      <c r="J32366" s="8">
        <v>1</v>
      </c>
      <c r="K32366" s="9"/>
      <c r="L32366" s="6"/>
    </row>
    <row r="32367" spans="1:12">
      <c r="A32367" s="6" t="s">
        <v>33096</v>
      </c>
      <c r="B32367" s="6"/>
      <c r="C32367" s="6" t="s">
        <v>32230</v>
      </c>
      <c r="D32367" s="6"/>
      <c r="E32367" s="6" t="s">
        <v>9</v>
      </c>
      <c r="F32367" s="7">
        <v>34060</v>
      </c>
      <c r="G32367" s="8">
        <v>632044</v>
      </c>
      <c r="H32367" s="8">
        <v>1</v>
      </c>
      <c r="I32367" s="8">
        <v>632043</v>
      </c>
      <c r="J32367" s="8">
        <v>1</v>
      </c>
      <c r="K32367" s="9"/>
      <c r="L32367" s="6"/>
    </row>
    <row r="32368" spans="1:12">
      <c r="A32368" s="6" t="s">
        <v>33097</v>
      </c>
      <c r="B32368" s="6"/>
      <c r="C32368" s="6" t="s">
        <v>32230</v>
      </c>
      <c r="D32368" s="6"/>
      <c r="E32368" s="6" t="s">
        <v>9</v>
      </c>
      <c r="F32368" s="7">
        <v>34060</v>
      </c>
      <c r="G32368" s="8">
        <v>1</v>
      </c>
      <c r="H32368" s="8">
        <v>1</v>
      </c>
      <c r="I32368" s="8">
        <v>0</v>
      </c>
      <c r="J32368" s="8">
        <v>1</v>
      </c>
      <c r="K32368" s="9"/>
      <c r="L32368" s="6"/>
    </row>
    <row r="32369" spans="1:12">
      <c r="A32369" s="6" t="s">
        <v>33096</v>
      </c>
      <c r="B32369" s="6"/>
      <c r="C32369" s="6" t="s">
        <v>32230</v>
      </c>
      <c r="D32369" s="6"/>
      <c r="E32369" s="6" t="s">
        <v>9</v>
      </c>
      <c r="F32369" s="7">
        <v>34060</v>
      </c>
      <c r="G32369" s="8">
        <v>17318023</v>
      </c>
      <c r="H32369" s="8">
        <v>1</v>
      </c>
      <c r="I32369" s="8">
        <v>17318022</v>
      </c>
      <c r="J32369" s="8">
        <v>1</v>
      </c>
      <c r="K32369" s="9"/>
      <c r="L32369" s="6"/>
    </row>
    <row r="32370" spans="1:12">
      <c r="A32370" s="6" t="s">
        <v>33096</v>
      </c>
      <c r="B32370" s="6"/>
      <c r="C32370" s="6" t="s">
        <v>32230</v>
      </c>
      <c r="D32370" s="6"/>
      <c r="E32370" s="6" t="s">
        <v>9</v>
      </c>
      <c r="F32370" s="7">
        <v>34060</v>
      </c>
      <c r="G32370" s="8">
        <v>16243547</v>
      </c>
      <c r="H32370" s="8">
        <v>1</v>
      </c>
      <c r="I32370" s="8">
        <v>16243546</v>
      </c>
      <c r="J32370" s="8">
        <v>1</v>
      </c>
      <c r="K32370" s="9"/>
      <c r="L32370" s="6"/>
    </row>
    <row r="32371" spans="1:12">
      <c r="A32371" s="6" t="s">
        <v>33096</v>
      </c>
      <c r="B32371" s="6"/>
      <c r="C32371" s="6" t="s">
        <v>32230</v>
      </c>
      <c r="D32371" s="6"/>
      <c r="E32371" s="6" t="s">
        <v>9</v>
      </c>
      <c r="F32371" s="7">
        <v>34060</v>
      </c>
      <c r="G32371" s="8">
        <v>5656799</v>
      </c>
      <c r="H32371" s="8">
        <v>1</v>
      </c>
      <c r="I32371" s="8">
        <v>5656798</v>
      </c>
      <c r="J32371" s="8">
        <v>1</v>
      </c>
      <c r="K32371" s="9"/>
      <c r="L32371" s="6"/>
    </row>
    <row r="32372" spans="1:12">
      <c r="A32372" s="6" t="s">
        <v>33096</v>
      </c>
      <c r="B32372" s="6"/>
      <c r="C32372" s="6" t="s">
        <v>32230</v>
      </c>
      <c r="D32372" s="6"/>
      <c r="E32372" s="6" t="s">
        <v>9</v>
      </c>
      <c r="F32372" s="7">
        <v>34060</v>
      </c>
      <c r="G32372" s="8">
        <v>6146634</v>
      </c>
      <c r="H32372" s="8">
        <v>1</v>
      </c>
      <c r="I32372" s="8">
        <v>6146633</v>
      </c>
      <c r="J32372" s="8">
        <v>1</v>
      </c>
      <c r="K32372" s="9"/>
      <c r="L32372" s="6"/>
    </row>
    <row r="32373" spans="1:12">
      <c r="A32373" s="6" t="s">
        <v>33096</v>
      </c>
      <c r="B32373" s="6"/>
      <c r="C32373" s="6" t="s">
        <v>32230</v>
      </c>
      <c r="D32373" s="6"/>
      <c r="E32373" s="6" t="s">
        <v>9</v>
      </c>
      <c r="F32373" s="7">
        <v>34060</v>
      </c>
      <c r="G32373" s="8">
        <v>2430211</v>
      </c>
      <c r="H32373" s="8">
        <v>1</v>
      </c>
      <c r="I32373" s="8">
        <v>2430210</v>
      </c>
      <c r="J32373" s="8">
        <v>1</v>
      </c>
      <c r="K32373" s="9"/>
      <c r="L32373" s="6"/>
    </row>
    <row r="32374" spans="1:12">
      <c r="A32374" s="6" t="s">
        <v>33096</v>
      </c>
      <c r="B32374" s="6"/>
      <c r="C32374" s="6" t="s">
        <v>32230</v>
      </c>
      <c r="D32374" s="6"/>
      <c r="E32374" s="6" t="s">
        <v>9</v>
      </c>
      <c r="F32374" s="7">
        <v>34060</v>
      </c>
      <c r="G32374" s="8">
        <v>7047298</v>
      </c>
      <c r="H32374" s="8">
        <v>1</v>
      </c>
      <c r="I32374" s="8">
        <v>7047297</v>
      </c>
      <c r="J32374" s="8">
        <v>1</v>
      </c>
      <c r="K32374" s="9"/>
      <c r="L32374" s="6"/>
    </row>
    <row r="32375" spans="1:12">
      <c r="A32375" s="6" t="s">
        <v>33096</v>
      </c>
      <c r="B32375" s="6"/>
      <c r="C32375" s="6" t="s">
        <v>32230</v>
      </c>
      <c r="D32375" s="6"/>
      <c r="E32375" s="6" t="s">
        <v>9</v>
      </c>
      <c r="F32375" s="7">
        <v>34060</v>
      </c>
      <c r="G32375" s="8">
        <v>2780996</v>
      </c>
      <c r="H32375" s="8">
        <v>1</v>
      </c>
      <c r="I32375" s="8">
        <v>2780995</v>
      </c>
      <c r="J32375" s="8">
        <v>1</v>
      </c>
      <c r="K32375" s="9"/>
      <c r="L32375" s="6"/>
    </row>
    <row r="32376" spans="1:12">
      <c r="A32376" s="6" t="s">
        <v>33096</v>
      </c>
      <c r="B32376" s="6"/>
      <c r="C32376" s="6" t="s">
        <v>32230</v>
      </c>
      <c r="D32376" s="6"/>
      <c r="E32376" s="6" t="s">
        <v>9</v>
      </c>
      <c r="F32376" s="7">
        <v>34060</v>
      </c>
      <c r="G32376" s="8">
        <v>3997682</v>
      </c>
      <c r="H32376" s="8">
        <v>1</v>
      </c>
      <c r="I32376" s="8">
        <v>3997681</v>
      </c>
      <c r="J32376" s="8">
        <v>1</v>
      </c>
      <c r="K32376" s="9"/>
      <c r="L32376" s="6"/>
    </row>
    <row r="32377" spans="1:12">
      <c r="A32377" s="6" t="s">
        <v>33096</v>
      </c>
      <c r="B32377" s="6"/>
      <c r="C32377" s="6" t="s">
        <v>32230</v>
      </c>
      <c r="D32377" s="6"/>
      <c r="E32377" s="6" t="s">
        <v>9</v>
      </c>
      <c r="F32377" s="7">
        <v>34060</v>
      </c>
      <c r="G32377" s="8">
        <v>16974900</v>
      </c>
      <c r="H32377" s="8">
        <v>1</v>
      </c>
      <c r="I32377" s="8">
        <v>16974899</v>
      </c>
      <c r="J32377" s="8">
        <v>1</v>
      </c>
      <c r="K32377" s="9"/>
      <c r="L32377" s="6"/>
    </row>
    <row r="32378" spans="1:12">
      <c r="A32378" s="6" t="s">
        <v>33096</v>
      </c>
      <c r="B32378" s="6"/>
      <c r="C32378" s="6" t="s">
        <v>32230</v>
      </c>
      <c r="D32378" s="6"/>
      <c r="E32378" s="6" t="s">
        <v>9</v>
      </c>
      <c r="F32378" s="7">
        <v>34060</v>
      </c>
      <c r="G32378" s="8">
        <v>8067600</v>
      </c>
      <c r="H32378" s="8">
        <v>1</v>
      </c>
      <c r="I32378" s="8">
        <v>8067599</v>
      </c>
      <c r="J32378" s="8">
        <v>1</v>
      </c>
      <c r="K32378" s="9"/>
      <c r="L32378" s="6"/>
    </row>
    <row r="32379" spans="1:12">
      <c r="A32379" s="6" t="s">
        <v>33096</v>
      </c>
      <c r="B32379" s="6"/>
      <c r="C32379" s="6" t="s">
        <v>32230</v>
      </c>
      <c r="D32379" s="6"/>
      <c r="E32379" s="6" t="s">
        <v>9</v>
      </c>
      <c r="F32379" s="7">
        <v>34060</v>
      </c>
      <c r="G32379" s="8">
        <v>24210900</v>
      </c>
      <c r="H32379" s="8">
        <v>1</v>
      </c>
      <c r="I32379" s="8">
        <v>24210899</v>
      </c>
      <c r="J32379" s="8">
        <v>1</v>
      </c>
      <c r="K32379" s="9"/>
      <c r="L32379" s="6"/>
    </row>
    <row r="32380" spans="1:12">
      <c r="A32380" s="6" t="s">
        <v>33096</v>
      </c>
      <c r="B32380" s="6"/>
      <c r="C32380" s="6" t="s">
        <v>32230</v>
      </c>
      <c r="D32380" s="6"/>
      <c r="E32380" s="6" t="s">
        <v>9</v>
      </c>
      <c r="F32380" s="7">
        <v>34060</v>
      </c>
      <c r="G32380" s="8">
        <v>5537700</v>
      </c>
      <c r="H32380" s="8">
        <v>1</v>
      </c>
      <c r="I32380" s="8">
        <v>5537699</v>
      </c>
      <c r="J32380" s="8">
        <v>1</v>
      </c>
      <c r="K32380" s="9"/>
      <c r="L32380" s="6"/>
    </row>
    <row r="32381" spans="1:12">
      <c r="A32381" s="6" t="s">
        <v>33096</v>
      </c>
      <c r="B32381" s="6"/>
      <c r="C32381" s="6" t="s">
        <v>32230</v>
      </c>
      <c r="D32381" s="6"/>
      <c r="E32381" s="6" t="s">
        <v>9</v>
      </c>
      <c r="F32381" s="7">
        <v>34060</v>
      </c>
      <c r="G32381" s="8">
        <v>6682500</v>
      </c>
      <c r="H32381" s="8">
        <v>1</v>
      </c>
      <c r="I32381" s="8">
        <v>6682499</v>
      </c>
      <c r="J32381" s="8">
        <v>1</v>
      </c>
      <c r="K32381" s="9"/>
      <c r="L32381" s="6"/>
    </row>
    <row r="32382" spans="1:12">
      <c r="A32382" s="6" t="s">
        <v>33097</v>
      </c>
      <c r="B32382" s="6"/>
      <c r="C32382" s="6" t="s">
        <v>32230</v>
      </c>
      <c r="D32382" s="6"/>
      <c r="E32382" s="6" t="s">
        <v>9</v>
      </c>
      <c r="F32382" s="7">
        <v>34060</v>
      </c>
      <c r="G32382" s="8">
        <v>1</v>
      </c>
      <c r="H32382" s="8">
        <v>1</v>
      </c>
      <c r="I32382" s="8">
        <v>0</v>
      </c>
      <c r="J32382" s="8">
        <v>1</v>
      </c>
      <c r="K32382" s="9"/>
      <c r="L32382" s="6"/>
    </row>
    <row r="32383" spans="1:12">
      <c r="A32383" s="6" t="s">
        <v>33096</v>
      </c>
      <c r="B32383" s="6"/>
      <c r="C32383" s="6" t="s">
        <v>32230</v>
      </c>
      <c r="D32383" s="6"/>
      <c r="E32383" s="6" t="s">
        <v>9</v>
      </c>
      <c r="F32383" s="7">
        <v>34425</v>
      </c>
      <c r="G32383" s="8">
        <v>17104500</v>
      </c>
      <c r="H32383" s="8">
        <v>1</v>
      </c>
      <c r="I32383" s="8">
        <v>17104499</v>
      </c>
      <c r="J32383" s="8">
        <v>1</v>
      </c>
      <c r="K32383" s="9"/>
      <c r="L32383" s="6"/>
    </row>
    <row r="32384" spans="1:12">
      <c r="A32384" s="6" t="s">
        <v>33096</v>
      </c>
      <c r="B32384" s="6"/>
      <c r="C32384" s="6" t="s">
        <v>32230</v>
      </c>
      <c r="D32384" s="6"/>
      <c r="E32384" s="6" t="s">
        <v>9</v>
      </c>
      <c r="F32384" s="7">
        <v>34425</v>
      </c>
      <c r="G32384" s="8">
        <v>3861000</v>
      </c>
      <c r="H32384" s="8">
        <v>1</v>
      </c>
      <c r="I32384" s="8">
        <v>3860999</v>
      </c>
      <c r="J32384" s="8">
        <v>1</v>
      </c>
      <c r="K32384" s="9"/>
      <c r="L32384" s="6"/>
    </row>
    <row r="32385" spans="1:12">
      <c r="A32385" s="6" t="s">
        <v>33096</v>
      </c>
      <c r="B32385" s="6"/>
      <c r="C32385" s="6" t="s">
        <v>32230</v>
      </c>
      <c r="D32385" s="6"/>
      <c r="E32385" s="6" t="s">
        <v>9</v>
      </c>
      <c r="F32385" s="7">
        <v>34425</v>
      </c>
      <c r="G32385" s="8">
        <v>540000</v>
      </c>
      <c r="H32385" s="8">
        <v>1</v>
      </c>
      <c r="I32385" s="8">
        <v>539999</v>
      </c>
      <c r="J32385" s="8">
        <v>1</v>
      </c>
      <c r="K32385" s="9"/>
      <c r="L32385" s="6"/>
    </row>
    <row r="32386" spans="1:12">
      <c r="A32386" s="6" t="s">
        <v>33097</v>
      </c>
      <c r="B32386" s="6"/>
      <c r="C32386" s="6" t="s">
        <v>32230</v>
      </c>
      <c r="D32386" s="6"/>
      <c r="E32386" s="6" t="s">
        <v>9</v>
      </c>
      <c r="F32386" s="7">
        <v>34425</v>
      </c>
      <c r="G32386" s="8">
        <v>33494500</v>
      </c>
      <c r="H32386" s="8">
        <v>1</v>
      </c>
      <c r="I32386" s="8">
        <v>33494499</v>
      </c>
      <c r="J32386" s="8">
        <v>1</v>
      </c>
      <c r="K32386" s="9"/>
      <c r="L32386" s="6"/>
    </row>
    <row r="32387" spans="1:12">
      <c r="A32387" s="6" t="s">
        <v>33096</v>
      </c>
      <c r="B32387" s="6"/>
      <c r="C32387" s="6" t="s">
        <v>32230</v>
      </c>
      <c r="D32387" s="6"/>
      <c r="E32387" s="6" t="s">
        <v>9</v>
      </c>
      <c r="F32387" s="7">
        <v>34425</v>
      </c>
      <c r="G32387" s="8">
        <v>11488500</v>
      </c>
      <c r="H32387" s="8">
        <v>1</v>
      </c>
      <c r="I32387" s="8">
        <v>11488499</v>
      </c>
      <c r="J32387" s="8">
        <v>1</v>
      </c>
      <c r="K32387" s="9"/>
      <c r="L32387" s="6"/>
    </row>
    <row r="32388" spans="1:12">
      <c r="A32388" s="6" t="s">
        <v>33096</v>
      </c>
      <c r="B32388" s="6"/>
      <c r="C32388" s="6" t="s">
        <v>32230</v>
      </c>
      <c r="D32388" s="6"/>
      <c r="E32388" s="6" t="s">
        <v>9</v>
      </c>
      <c r="F32388" s="7">
        <v>34425</v>
      </c>
      <c r="G32388" s="8">
        <v>10602900</v>
      </c>
      <c r="H32388" s="8">
        <v>1</v>
      </c>
      <c r="I32388" s="8">
        <v>10602899</v>
      </c>
      <c r="J32388" s="8">
        <v>1</v>
      </c>
      <c r="K32388" s="9"/>
      <c r="L32388" s="6"/>
    </row>
    <row r="32389" spans="1:12">
      <c r="A32389" s="6" t="s">
        <v>33096</v>
      </c>
      <c r="B32389" s="6"/>
      <c r="C32389" s="6" t="s">
        <v>32230</v>
      </c>
      <c r="D32389" s="6"/>
      <c r="E32389" s="6" t="s">
        <v>9</v>
      </c>
      <c r="F32389" s="7">
        <v>34425</v>
      </c>
      <c r="G32389" s="8">
        <v>12833100</v>
      </c>
      <c r="H32389" s="8">
        <v>1</v>
      </c>
      <c r="I32389" s="8">
        <v>12833099</v>
      </c>
      <c r="J32389" s="8">
        <v>1</v>
      </c>
      <c r="K32389" s="9"/>
      <c r="L32389" s="6"/>
    </row>
    <row r="32390" spans="1:12">
      <c r="A32390" s="6" t="s">
        <v>33096</v>
      </c>
      <c r="B32390" s="6"/>
      <c r="C32390" s="6" t="s">
        <v>32230</v>
      </c>
      <c r="D32390" s="6"/>
      <c r="E32390" s="6" t="s">
        <v>9</v>
      </c>
      <c r="F32390" s="7">
        <v>34425</v>
      </c>
      <c r="G32390" s="8">
        <v>4239000</v>
      </c>
      <c r="H32390" s="8">
        <v>1</v>
      </c>
      <c r="I32390" s="8">
        <v>4238999</v>
      </c>
      <c r="J32390" s="8">
        <v>1</v>
      </c>
      <c r="K32390" s="9"/>
      <c r="L32390" s="6"/>
    </row>
    <row r="32391" spans="1:12">
      <c r="A32391" s="6" t="s">
        <v>33096</v>
      </c>
      <c r="B32391" s="6"/>
      <c r="C32391" s="6" t="s">
        <v>32230</v>
      </c>
      <c r="D32391" s="6"/>
      <c r="E32391" s="6" t="s">
        <v>9</v>
      </c>
      <c r="F32391" s="7">
        <v>34425</v>
      </c>
      <c r="G32391" s="8">
        <v>4446900</v>
      </c>
      <c r="H32391" s="8">
        <v>1</v>
      </c>
      <c r="I32391" s="8">
        <v>4446899</v>
      </c>
      <c r="J32391" s="8">
        <v>1</v>
      </c>
      <c r="K32391" s="9"/>
      <c r="L32391" s="6"/>
    </row>
    <row r="32392" spans="1:12">
      <c r="A32392" s="6" t="s">
        <v>33097</v>
      </c>
      <c r="B32392" s="6"/>
      <c r="C32392" s="6" t="s">
        <v>32230</v>
      </c>
      <c r="D32392" s="6"/>
      <c r="E32392" s="6" t="s">
        <v>9</v>
      </c>
      <c r="F32392" s="7">
        <v>34425</v>
      </c>
      <c r="G32392" s="8">
        <v>1</v>
      </c>
      <c r="H32392" s="8">
        <v>1</v>
      </c>
      <c r="I32392" s="8">
        <v>0</v>
      </c>
      <c r="J32392" s="8">
        <v>1</v>
      </c>
      <c r="K32392" s="9"/>
      <c r="L32392" s="6"/>
    </row>
    <row r="32393" spans="1:12">
      <c r="A32393" s="6" t="s">
        <v>33142</v>
      </c>
      <c r="B32393" s="6"/>
      <c r="C32393" s="6" t="s">
        <v>32230</v>
      </c>
      <c r="D32393" s="6"/>
      <c r="E32393" s="6" t="s">
        <v>9</v>
      </c>
      <c r="F32393" s="7">
        <v>42724</v>
      </c>
      <c r="G32393" s="8">
        <v>972000</v>
      </c>
      <c r="H32393" s="8">
        <v>711504</v>
      </c>
      <c r="I32393" s="8">
        <v>325620</v>
      </c>
      <c r="J32393" s="8">
        <v>646380</v>
      </c>
      <c r="K32393" s="9"/>
      <c r="L32393" s="6"/>
    </row>
    <row r="32394" spans="1:12">
      <c r="A32394" s="6" t="s">
        <v>33096</v>
      </c>
      <c r="B32394" s="6"/>
      <c r="C32394" s="6" t="s">
        <v>32230</v>
      </c>
      <c r="D32394" s="6"/>
      <c r="E32394" s="6" t="s">
        <v>9</v>
      </c>
      <c r="F32394" s="7">
        <v>34790</v>
      </c>
      <c r="G32394" s="8">
        <v>10565100</v>
      </c>
      <c r="H32394" s="8">
        <v>1</v>
      </c>
      <c r="I32394" s="8">
        <v>10565099</v>
      </c>
      <c r="J32394" s="8">
        <v>1</v>
      </c>
      <c r="K32394" s="9"/>
      <c r="L32394" s="6"/>
    </row>
    <row r="32395" spans="1:12">
      <c r="A32395" s="6" t="s">
        <v>33096</v>
      </c>
      <c r="B32395" s="6"/>
      <c r="C32395" s="6" t="s">
        <v>32230</v>
      </c>
      <c r="D32395" s="6"/>
      <c r="E32395" s="6" t="s">
        <v>9</v>
      </c>
      <c r="F32395" s="7">
        <v>34790</v>
      </c>
      <c r="G32395" s="8">
        <v>4708800</v>
      </c>
      <c r="H32395" s="8">
        <v>1</v>
      </c>
      <c r="I32395" s="8">
        <v>4708799</v>
      </c>
      <c r="J32395" s="8">
        <v>1</v>
      </c>
      <c r="K32395" s="9"/>
      <c r="L32395" s="6"/>
    </row>
    <row r="32396" spans="1:12">
      <c r="A32396" s="6" t="s">
        <v>33096</v>
      </c>
      <c r="B32396" s="6"/>
      <c r="C32396" s="6" t="s">
        <v>32230</v>
      </c>
      <c r="D32396" s="6"/>
      <c r="E32396" s="6" t="s">
        <v>9</v>
      </c>
      <c r="F32396" s="7">
        <v>34790</v>
      </c>
      <c r="G32396" s="8">
        <v>2432700</v>
      </c>
      <c r="H32396" s="8">
        <v>1</v>
      </c>
      <c r="I32396" s="8">
        <v>2432699</v>
      </c>
      <c r="J32396" s="8">
        <v>1</v>
      </c>
      <c r="K32396" s="9"/>
      <c r="L32396" s="6"/>
    </row>
    <row r="32397" spans="1:12">
      <c r="A32397" s="6" t="s">
        <v>33096</v>
      </c>
      <c r="B32397" s="6"/>
      <c r="C32397" s="6" t="s">
        <v>32230</v>
      </c>
      <c r="D32397" s="6"/>
      <c r="E32397" s="6" t="s">
        <v>9</v>
      </c>
      <c r="F32397" s="7">
        <v>34790</v>
      </c>
      <c r="G32397" s="8">
        <v>12463200</v>
      </c>
      <c r="H32397" s="8">
        <v>1</v>
      </c>
      <c r="I32397" s="8">
        <v>12463199</v>
      </c>
      <c r="J32397" s="8">
        <v>1</v>
      </c>
      <c r="K32397" s="9"/>
      <c r="L32397" s="6"/>
    </row>
    <row r="32398" spans="1:12">
      <c r="A32398" s="6" t="s">
        <v>33096</v>
      </c>
      <c r="B32398" s="6"/>
      <c r="C32398" s="6" t="s">
        <v>32230</v>
      </c>
      <c r="D32398" s="6"/>
      <c r="E32398" s="6" t="s">
        <v>9</v>
      </c>
      <c r="F32398" s="7">
        <v>34790</v>
      </c>
      <c r="G32398" s="8">
        <v>4182300</v>
      </c>
      <c r="H32398" s="8">
        <v>1</v>
      </c>
      <c r="I32398" s="8">
        <v>4182299</v>
      </c>
      <c r="J32398" s="8">
        <v>1</v>
      </c>
      <c r="K32398" s="9"/>
      <c r="L32398" s="6"/>
    </row>
    <row r="32399" spans="1:12">
      <c r="A32399" s="6" t="s">
        <v>33096</v>
      </c>
      <c r="B32399" s="6"/>
      <c r="C32399" s="6" t="s">
        <v>32230</v>
      </c>
      <c r="D32399" s="6"/>
      <c r="E32399" s="6" t="s">
        <v>9</v>
      </c>
      <c r="F32399" s="7">
        <v>34790</v>
      </c>
      <c r="G32399" s="8">
        <v>2332800</v>
      </c>
      <c r="H32399" s="8">
        <v>1</v>
      </c>
      <c r="I32399" s="8">
        <v>2332799</v>
      </c>
      <c r="J32399" s="8">
        <v>1</v>
      </c>
      <c r="K32399" s="9"/>
      <c r="L32399" s="6"/>
    </row>
    <row r="32400" spans="1:12">
      <c r="A32400" s="6" t="s">
        <v>33096</v>
      </c>
      <c r="B32400" s="6"/>
      <c r="C32400" s="6" t="s">
        <v>32230</v>
      </c>
      <c r="D32400" s="6"/>
      <c r="E32400" s="6" t="s">
        <v>9</v>
      </c>
      <c r="F32400" s="7">
        <v>34790</v>
      </c>
      <c r="G32400" s="8">
        <v>2999700</v>
      </c>
      <c r="H32400" s="8">
        <v>1</v>
      </c>
      <c r="I32400" s="8">
        <v>2999699</v>
      </c>
      <c r="J32400" s="8">
        <v>1</v>
      </c>
      <c r="K32400" s="9"/>
      <c r="L32400" s="6"/>
    </row>
    <row r="32401" spans="1:12">
      <c r="A32401" s="6" t="s">
        <v>33097</v>
      </c>
      <c r="B32401" s="6"/>
      <c r="C32401" s="6" t="s">
        <v>32230</v>
      </c>
      <c r="D32401" s="6"/>
      <c r="E32401" s="6" t="s">
        <v>9</v>
      </c>
      <c r="F32401" s="7">
        <v>34790</v>
      </c>
      <c r="G32401" s="8">
        <v>1</v>
      </c>
      <c r="H32401" s="8">
        <v>1</v>
      </c>
      <c r="I32401" s="8">
        <v>0</v>
      </c>
      <c r="J32401" s="8">
        <v>1</v>
      </c>
      <c r="K32401" s="9"/>
      <c r="L32401" s="6"/>
    </row>
    <row r="32402" spans="1:12">
      <c r="A32402" s="6" t="s">
        <v>33096</v>
      </c>
      <c r="B32402" s="6"/>
      <c r="C32402" s="6" t="s">
        <v>32230</v>
      </c>
      <c r="D32402" s="6"/>
      <c r="E32402" s="6" t="s">
        <v>9</v>
      </c>
      <c r="F32402" s="7">
        <v>35886</v>
      </c>
      <c r="G32402" s="8">
        <v>2609816</v>
      </c>
      <c r="H32402" s="8">
        <v>1</v>
      </c>
      <c r="I32402" s="8">
        <v>2609815</v>
      </c>
      <c r="J32402" s="8">
        <v>1</v>
      </c>
      <c r="K32402" s="9"/>
      <c r="L32402" s="6"/>
    </row>
    <row r="32403" spans="1:12">
      <c r="A32403" s="6" t="s">
        <v>33096</v>
      </c>
      <c r="B32403" s="6"/>
      <c r="C32403" s="6" t="s">
        <v>32230</v>
      </c>
      <c r="D32403" s="6"/>
      <c r="E32403" s="6" t="s">
        <v>9</v>
      </c>
      <c r="F32403" s="7">
        <v>35886</v>
      </c>
      <c r="G32403" s="8">
        <v>4508447</v>
      </c>
      <c r="H32403" s="8">
        <v>1</v>
      </c>
      <c r="I32403" s="8">
        <v>4508446</v>
      </c>
      <c r="J32403" s="8">
        <v>1</v>
      </c>
      <c r="K32403" s="9"/>
      <c r="L32403" s="6"/>
    </row>
    <row r="32404" spans="1:12">
      <c r="A32404" s="6" t="s">
        <v>33096</v>
      </c>
      <c r="B32404" s="6"/>
      <c r="C32404" s="6" t="s">
        <v>32230</v>
      </c>
      <c r="D32404" s="6"/>
      <c r="E32404" s="6" t="s">
        <v>9</v>
      </c>
      <c r="F32404" s="7">
        <v>35886</v>
      </c>
      <c r="G32404" s="8">
        <v>939704</v>
      </c>
      <c r="H32404" s="8">
        <v>1</v>
      </c>
      <c r="I32404" s="8">
        <v>939703</v>
      </c>
      <c r="J32404" s="8">
        <v>1</v>
      </c>
      <c r="K32404" s="9"/>
      <c r="L32404" s="6"/>
    </row>
    <row r="32405" spans="1:12">
      <c r="A32405" s="6" t="s">
        <v>33096</v>
      </c>
      <c r="B32405" s="6"/>
      <c r="C32405" s="6" t="s">
        <v>32230</v>
      </c>
      <c r="D32405" s="6"/>
      <c r="E32405" s="6" t="s">
        <v>9</v>
      </c>
      <c r="F32405" s="7">
        <v>35886</v>
      </c>
      <c r="G32405" s="8">
        <v>4634453</v>
      </c>
      <c r="H32405" s="8">
        <v>1</v>
      </c>
      <c r="I32405" s="8">
        <v>4634452</v>
      </c>
      <c r="J32405" s="8">
        <v>1</v>
      </c>
      <c r="K32405" s="9"/>
      <c r="L32405" s="6"/>
    </row>
    <row r="32406" spans="1:12">
      <c r="A32406" s="6" t="s">
        <v>33096</v>
      </c>
      <c r="B32406" s="6"/>
      <c r="C32406" s="6" t="s">
        <v>32230</v>
      </c>
      <c r="D32406" s="6"/>
      <c r="E32406" s="6" t="s">
        <v>9</v>
      </c>
      <c r="F32406" s="7">
        <v>35886</v>
      </c>
      <c r="G32406" s="8">
        <v>1460813</v>
      </c>
      <c r="H32406" s="8">
        <v>1</v>
      </c>
      <c r="I32406" s="8">
        <v>1460812</v>
      </c>
      <c r="J32406" s="8">
        <v>1</v>
      </c>
      <c r="K32406" s="9"/>
      <c r="L32406" s="6"/>
    </row>
    <row r="32407" spans="1:12">
      <c r="A32407" s="6" t="s">
        <v>33096</v>
      </c>
      <c r="B32407" s="6"/>
      <c r="C32407" s="6" t="s">
        <v>32230</v>
      </c>
      <c r="D32407" s="6"/>
      <c r="E32407" s="6" t="s">
        <v>9</v>
      </c>
      <c r="F32407" s="7">
        <v>35886</v>
      </c>
      <c r="G32407" s="8">
        <v>1439457</v>
      </c>
      <c r="H32407" s="8">
        <v>1</v>
      </c>
      <c r="I32407" s="8">
        <v>1439456</v>
      </c>
      <c r="J32407" s="8">
        <v>1</v>
      </c>
      <c r="K32407" s="9"/>
      <c r="L32407" s="6"/>
    </row>
    <row r="32408" spans="1:12">
      <c r="A32408" s="6" t="s">
        <v>33096</v>
      </c>
      <c r="B32408" s="6"/>
      <c r="C32408" s="6" t="s">
        <v>32230</v>
      </c>
      <c r="D32408" s="6"/>
      <c r="E32408" s="6" t="s">
        <v>9</v>
      </c>
      <c r="F32408" s="7">
        <v>35886</v>
      </c>
      <c r="G32408" s="8">
        <v>1501392</v>
      </c>
      <c r="H32408" s="8">
        <v>1</v>
      </c>
      <c r="I32408" s="8">
        <v>1501391</v>
      </c>
      <c r="J32408" s="8">
        <v>1</v>
      </c>
      <c r="K32408" s="9"/>
      <c r="L32408" s="6"/>
    </row>
    <row r="32409" spans="1:12">
      <c r="A32409" s="6" t="s">
        <v>33097</v>
      </c>
      <c r="B32409" s="6"/>
      <c r="C32409" s="6" t="s">
        <v>32230</v>
      </c>
      <c r="D32409" s="6"/>
      <c r="E32409" s="6" t="s">
        <v>9</v>
      </c>
      <c r="F32409" s="7">
        <v>35886</v>
      </c>
      <c r="G32409" s="8">
        <v>34608000</v>
      </c>
      <c r="H32409" s="8">
        <v>1</v>
      </c>
      <c r="I32409" s="8">
        <v>34607999</v>
      </c>
      <c r="J32409" s="8">
        <v>1</v>
      </c>
      <c r="K32409" s="9"/>
      <c r="L32409" s="6"/>
    </row>
    <row r="32410" spans="1:12">
      <c r="A32410" s="6" t="s">
        <v>33096</v>
      </c>
      <c r="B32410" s="6"/>
      <c r="C32410" s="6" t="s">
        <v>32230</v>
      </c>
      <c r="D32410" s="6"/>
      <c r="E32410" s="6" t="s">
        <v>9</v>
      </c>
      <c r="F32410" s="7">
        <v>35886</v>
      </c>
      <c r="G32410" s="8">
        <v>6355822</v>
      </c>
      <c r="H32410" s="8">
        <v>1</v>
      </c>
      <c r="I32410" s="8">
        <v>6355821</v>
      </c>
      <c r="J32410" s="8">
        <v>1</v>
      </c>
      <c r="K32410" s="9"/>
      <c r="L32410" s="6"/>
    </row>
    <row r="32411" spans="1:12">
      <c r="A32411" s="6" t="s">
        <v>33096</v>
      </c>
      <c r="B32411" s="6"/>
      <c r="C32411" s="6" t="s">
        <v>32230</v>
      </c>
      <c r="D32411" s="6"/>
      <c r="E32411" s="6" t="s">
        <v>9</v>
      </c>
      <c r="F32411" s="7">
        <v>35886</v>
      </c>
      <c r="G32411" s="8">
        <v>8410358</v>
      </c>
      <c r="H32411" s="8">
        <v>1</v>
      </c>
      <c r="I32411" s="8">
        <v>8410357</v>
      </c>
      <c r="J32411" s="8">
        <v>1</v>
      </c>
      <c r="K32411" s="9"/>
      <c r="L32411" s="6"/>
    </row>
    <row r="32412" spans="1:12">
      <c r="A32412" s="6" t="s">
        <v>33096</v>
      </c>
      <c r="B32412" s="6"/>
      <c r="C32412" s="6" t="s">
        <v>32230</v>
      </c>
      <c r="D32412" s="6"/>
      <c r="E32412" s="6" t="s">
        <v>9</v>
      </c>
      <c r="F32412" s="7">
        <v>35886</v>
      </c>
      <c r="G32412" s="8">
        <v>5873155</v>
      </c>
      <c r="H32412" s="8">
        <v>1</v>
      </c>
      <c r="I32412" s="8">
        <v>5873154</v>
      </c>
      <c r="J32412" s="8">
        <v>1</v>
      </c>
      <c r="K32412" s="9"/>
      <c r="L32412" s="6"/>
    </row>
    <row r="32413" spans="1:12">
      <c r="A32413" s="6" t="s">
        <v>33096</v>
      </c>
      <c r="B32413" s="6"/>
      <c r="C32413" s="6" t="s">
        <v>32230</v>
      </c>
      <c r="D32413" s="6"/>
      <c r="E32413" s="6" t="s">
        <v>9</v>
      </c>
      <c r="F32413" s="7">
        <v>35886</v>
      </c>
      <c r="G32413" s="8">
        <v>896991</v>
      </c>
      <c r="H32413" s="8">
        <v>1</v>
      </c>
      <c r="I32413" s="8">
        <v>896990</v>
      </c>
      <c r="J32413" s="8">
        <v>1</v>
      </c>
      <c r="K32413" s="9"/>
      <c r="L32413" s="6"/>
    </row>
    <row r="32414" spans="1:12">
      <c r="A32414" s="6" t="s">
        <v>33096</v>
      </c>
      <c r="B32414" s="6"/>
      <c r="C32414" s="6" t="s">
        <v>32230</v>
      </c>
      <c r="D32414" s="6"/>
      <c r="E32414" s="6" t="s">
        <v>9</v>
      </c>
      <c r="F32414" s="7">
        <v>35886</v>
      </c>
      <c r="G32414" s="8">
        <v>3241981</v>
      </c>
      <c r="H32414" s="8">
        <v>1</v>
      </c>
      <c r="I32414" s="8">
        <v>3241980</v>
      </c>
      <c r="J32414" s="8">
        <v>1</v>
      </c>
      <c r="K32414" s="9"/>
      <c r="L32414" s="6"/>
    </row>
    <row r="32415" spans="1:12">
      <c r="A32415" s="6" t="s">
        <v>33096</v>
      </c>
      <c r="B32415" s="6"/>
      <c r="C32415" s="6" t="s">
        <v>32230</v>
      </c>
      <c r="D32415" s="6"/>
      <c r="E32415" s="6" t="s">
        <v>9</v>
      </c>
      <c r="F32415" s="7">
        <v>35886</v>
      </c>
      <c r="G32415" s="8">
        <v>3135197</v>
      </c>
      <c r="H32415" s="8">
        <v>1</v>
      </c>
      <c r="I32415" s="8">
        <v>3135196</v>
      </c>
      <c r="J32415" s="8">
        <v>1</v>
      </c>
      <c r="K32415" s="9"/>
      <c r="L32415" s="6"/>
    </row>
    <row r="32416" spans="1:12">
      <c r="A32416" s="6" t="s">
        <v>33096</v>
      </c>
      <c r="B32416" s="6"/>
      <c r="C32416" s="6" t="s">
        <v>32230</v>
      </c>
      <c r="D32416" s="6"/>
      <c r="E32416" s="6" t="s">
        <v>9</v>
      </c>
      <c r="F32416" s="7">
        <v>35886</v>
      </c>
      <c r="G32416" s="8">
        <v>3066855</v>
      </c>
      <c r="H32416" s="8">
        <v>1</v>
      </c>
      <c r="I32416" s="8">
        <v>3066854</v>
      </c>
      <c r="J32416" s="8">
        <v>1</v>
      </c>
      <c r="K32416" s="9"/>
      <c r="L32416" s="6"/>
    </row>
    <row r="32417" spans="1:12">
      <c r="A32417" s="6" t="s">
        <v>33096</v>
      </c>
      <c r="B32417" s="6"/>
      <c r="C32417" s="6" t="s">
        <v>32230</v>
      </c>
      <c r="D32417" s="6"/>
      <c r="E32417" s="6" t="s">
        <v>9</v>
      </c>
      <c r="F32417" s="7">
        <v>35886</v>
      </c>
      <c r="G32417" s="8">
        <v>1313451</v>
      </c>
      <c r="H32417" s="8">
        <v>1</v>
      </c>
      <c r="I32417" s="8">
        <v>1313450</v>
      </c>
      <c r="J32417" s="8">
        <v>1</v>
      </c>
      <c r="K32417" s="9"/>
      <c r="L32417" s="6"/>
    </row>
    <row r="32418" spans="1:12">
      <c r="A32418" s="6" t="s">
        <v>33096</v>
      </c>
      <c r="B32418" s="6"/>
      <c r="C32418" s="6" t="s">
        <v>32230</v>
      </c>
      <c r="D32418" s="6"/>
      <c r="E32418" s="6" t="s">
        <v>9</v>
      </c>
      <c r="F32418" s="7">
        <v>36251</v>
      </c>
      <c r="G32418" s="8">
        <v>4671000</v>
      </c>
      <c r="H32418" s="8">
        <v>1</v>
      </c>
      <c r="I32418" s="8">
        <v>4670999</v>
      </c>
      <c r="J32418" s="8">
        <v>1</v>
      </c>
      <c r="K32418" s="9"/>
      <c r="L32418" s="6"/>
    </row>
    <row r="32419" spans="1:12">
      <c r="A32419" s="6" t="s">
        <v>33096</v>
      </c>
      <c r="B32419" s="6"/>
      <c r="C32419" s="6" t="s">
        <v>32230</v>
      </c>
      <c r="D32419" s="6"/>
      <c r="E32419" s="6" t="s">
        <v>9</v>
      </c>
      <c r="F32419" s="7">
        <v>36251</v>
      </c>
      <c r="G32419" s="8">
        <v>6874200</v>
      </c>
      <c r="H32419" s="8">
        <v>1</v>
      </c>
      <c r="I32419" s="8">
        <v>6874199</v>
      </c>
      <c r="J32419" s="8">
        <v>1</v>
      </c>
      <c r="K32419" s="9"/>
      <c r="L32419" s="6"/>
    </row>
    <row r="32420" spans="1:12">
      <c r="A32420" s="6" t="s">
        <v>33096</v>
      </c>
      <c r="B32420" s="6"/>
      <c r="C32420" s="6" t="s">
        <v>32230</v>
      </c>
      <c r="D32420" s="6"/>
      <c r="E32420" s="6" t="s">
        <v>9</v>
      </c>
      <c r="F32420" s="7">
        <v>36251</v>
      </c>
      <c r="G32420" s="8">
        <v>5216400</v>
      </c>
      <c r="H32420" s="8">
        <v>1</v>
      </c>
      <c r="I32420" s="8">
        <v>5216399</v>
      </c>
      <c r="J32420" s="8">
        <v>1</v>
      </c>
      <c r="K32420" s="9"/>
      <c r="L32420" s="6"/>
    </row>
    <row r="32421" spans="1:12">
      <c r="A32421" s="6" t="s">
        <v>33096</v>
      </c>
      <c r="B32421" s="6"/>
      <c r="C32421" s="6" t="s">
        <v>32230</v>
      </c>
      <c r="D32421" s="6"/>
      <c r="E32421" s="6" t="s">
        <v>9</v>
      </c>
      <c r="F32421" s="7">
        <v>36251</v>
      </c>
      <c r="G32421" s="8">
        <v>3161700</v>
      </c>
      <c r="H32421" s="8">
        <v>1</v>
      </c>
      <c r="I32421" s="8">
        <v>3161699</v>
      </c>
      <c r="J32421" s="8">
        <v>1</v>
      </c>
      <c r="K32421" s="9"/>
      <c r="L32421" s="6"/>
    </row>
    <row r="32422" spans="1:12">
      <c r="A32422" s="6" t="s">
        <v>33096</v>
      </c>
      <c r="B32422" s="6"/>
      <c r="C32422" s="6" t="s">
        <v>32230</v>
      </c>
      <c r="D32422" s="6"/>
      <c r="E32422" s="6" t="s">
        <v>9</v>
      </c>
      <c r="F32422" s="7">
        <v>38443</v>
      </c>
      <c r="G32422" s="8">
        <v>9585000</v>
      </c>
      <c r="H32422" s="8">
        <v>1</v>
      </c>
      <c r="I32422" s="8">
        <v>9584999</v>
      </c>
      <c r="J32422" s="8">
        <v>1</v>
      </c>
      <c r="K32422" s="9"/>
      <c r="L32422" s="6"/>
    </row>
    <row r="32423" spans="1:12">
      <c r="A32423" s="6" t="s">
        <v>33097</v>
      </c>
      <c r="B32423" s="6"/>
      <c r="C32423" s="6" t="s">
        <v>32230</v>
      </c>
      <c r="D32423" s="6"/>
      <c r="E32423" s="6" t="s">
        <v>9</v>
      </c>
      <c r="F32423" s="7">
        <v>36251</v>
      </c>
      <c r="G32423" s="8">
        <v>1</v>
      </c>
      <c r="H32423" s="8">
        <v>1</v>
      </c>
      <c r="I32423" s="8">
        <v>0</v>
      </c>
      <c r="J32423" s="8">
        <v>1</v>
      </c>
      <c r="K32423" s="9"/>
      <c r="L32423" s="6"/>
    </row>
    <row r="32424" spans="1:12">
      <c r="A32424" s="6" t="s">
        <v>33096</v>
      </c>
      <c r="B32424" s="6"/>
      <c r="C32424" s="6" t="s">
        <v>32230</v>
      </c>
      <c r="D32424" s="6"/>
      <c r="E32424" s="6" t="s">
        <v>9</v>
      </c>
      <c r="F32424" s="7">
        <v>36251</v>
      </c>
      <c r="G32424" s="8">
        <v>4482000</v>
      </c>
      <c r="H32424" s="8">
        <v>1</v>
      </c>
      <c r="I32424" s="8">
        <v>4481999</v>
      </c>
      <c r="J32424" s="8">
        <v>1</v>
      </c>
      <c r="K32424" s="9"/>
      <c r="L32424" s="6"/>
    </row>
    <row r="32425" spans="1:12">
      <c r="A32425" s="6" t="s">
        <v>33096</v>
      </c>
      <c r="B32425" s="6"/>
      <c r="C32425" s="6" t="s">
        <v>32230</v>
      </c>
      <c r="D32425" s="6"/>
      <c r="E32425" s="6" t="s">
        <v>9</v>
      </c>
      <c r="F32425" s="7">
        <v>36251</v>
      </c>
      <c r="G32425" s="8">
        <v>977400</v>
      </c>
      <c r="H32425" s="8">
        <v>1</v>
      </c>
      <c r="I32425" s="8">
        <v>977399</v>
      </c>
      <c r="J32425" s="8">
        <v>1</v>
      </c>
      <c r="K32425" s="9"/>
      <c r="L32425" s="6"/>
    </row>
    <row r="32426" spans="1:12">
      <c r="A32426" s="6" t="s">
        <v>33096</v>
      </c>
      <c r="B32426" s="6"/>
      <c r="C32426" s="6" t="s">
        <v>32230</v>
      </c>
      <c r="D32426" s="6"/>
      <c r="E32426" s="6" t="s">
        <v>9</v>
      </c>
      <c r="F32426" s="7">
        <v>36251</v>
      </c>
      <c r="G32426" s="8">
        <v>4803300</v>
      </c>
      <c r="H32426" s="8">
        <v>1</v>
      </c>
      <c r="I32426" s="8">
        <v>4803299</v>
      </c>
      <c r="J32426" s="8">
        <v>1</v>
      </c>
      <c r="K32426" s="9"/>
      <c r="L32426" s="6"/>
    </row>
    <row r="32427" spans="1:12">
      <c r="A32427" s="6" t="s">
        <v>33096</v>
      </c>
      <c r="B32427" s="6"/>
      <c r="C32427" s="6" t="s">
        <v>32230</v>
      </c>
      <c r="D32427" s="6"/>
      <c r="E32427" s="6" t="s">
        <v>9</v>
      </c>
      <c r="F32427" s="7">
        <v>36251</v>
      </c>
      <c r="G32427" s="8">
        <v>2964600</v>
      </c>
      <c r="H32427" s="8">
        <v>1</v>
      </c>
      <c r="I32427" s="8">
        <v>2964599</v>
      </c>
      <c r="J32427" s="8">
        <v>1</v>
      </c>
      <c r="K32427" s="9"/>
      <c r="L32427" s="6"/>
    </row>
    <row r="32428" spans="1:12">
      <c r="A32428" s="6" t="s">
        <v>33096</v>
      </c>
      <c r="B32428" s="6"/>
      <c r="C32428" s="6" t="s">
        <v>32230</v>
      </c>
      <c r="D32428" s="6"/>
      <c r="E32428" s="6" t="s">
        <v>9</v>
      </c>
      <c r="F32428" s="7">
        <v>36251</v>
      </c>
      <c r="G32428" s="8">
        <v>4819500</v>
      </c>
      <c r="H32428" s="8">
        <v>1</v>
      </c>
      <c r="I32428" s="8">
        <v>4819499</v>
      </c>
      <c r="J32428" s="8">
        <v>1</v>
      </c>
      <c r="K32428" s="9"/>
      <c r="L32428" s="6"/>
    </row>
    <row r="32429" spans="1:12">
      <c r="A32429" s="6" t="s">
        <v>33096</v>
      </c>
      <c r="B32429" s="6"/>
      <c r="C32429" s="6" t="s">
        <v>32230</v>
      </c>
      <c r="D32429" s="6"/>
      <c r="E32429" s="6" t="s">
        <v>9</v>
      </c>
      <c r="F32429" s="7">
        <v>36251</v>
      </c>
      <c r="G32429" s="8">
        <v>4725000</v>
      </c>
      <c r="H32429" s="8">
        <v>1</v>
      </c>
      <c r="I32429" s="8">
        <v>4724999</v>
      </c>
      <c r="J32429" s="8">
        <v>1</v>
      </c>
      <c r="K32429" s="9"/>
      <c r="L32429" s="6"/>
    </row>
    <row r="32430" spans="1:12">
      <c r="A32430" s="6" t="s">
        <v>33096</v>
      </c>
      <c r="B32430" s="6"/>
      <c r="C32430" s="6" t="s">
        <v>32230</v>
      </c>
      <c r="D32430" s="6"/>
      <c r="E32430" s="6" t="s">
        <v>9</v>
      </c>
      <c r="F32430" s="7">
        <v>36251</v>
      </c>
      <c r="G32430" s="8">
        <v>3366900</v>
      </c>
      <c r="H32430" s="8">
        <v>1</v>
      </c>
      <c r="I32430" s="8">
        <v>3366899</v>
      </c>
      <c r="J32430" s="8">
        <v>1</v>
      </c>
      <c r="K32430" s="9"/>
      <c r="L32430" s="6"/>
    </row>
    <row r="32431" spans="1:12">
      <c r="A32431" s="6" t="s">
        <v>33096</v>
      </c>
      <c r="B32431" s="6"/>
      <c r="C32431" s="6" t="s">
        <v>32230</v>
      </c>
      <c r="D32431" s="6"/>
      <c r="E32431" s="6" t="s">
        <v>9</v>
      </c>
      <c r="F32431" s="7">
        <v>36251</v>
      </c>
      <c r="G32431" s="8">
        <v>3653100</v>
      </c>
      <c r="H32431" s="8">
        <v>1</v>
      </c>
      <c r="I32431" s="8">
        <v>3653099</v>
      </c>
      <c r="J32431" s="8">
        <v>1</v>
      </c>
      <c r="K32431" s="9"/>
      <c r="L32431" s="6"/>
    </row>
    <row r="32432" spans="1:12">
      <c r="A32432" s="6" t="s">
        <v>33096</v>
      </c>
      <c r="B32432" s="6"/>
      <c r="C32432" s="6" t="s">
        <v>32230</v>
      </c>
      <c r="D32432" s="6"/>
      <c r="E32432" s="6" t="s">
        <v>9</v>
      </c>
      <c r="F32432" s="7">
        <v>36251</v>
      </c>
      <c r="G32432" s="8">
        <v>6239700</v>
      </c>
      <c r="H32432" s="8">
        <v>1</v>
      </c>
      <c r="I32432" s="8">
        <v>6239699</v>
      </c>
      <c r="J32432" s="8">
        <v>1</v>
      </c>
      <c r="K32432" s="9"/>
      <c r="L32432" s="6"/>
    </row>
    <row r="32433" spans="1:12">
      <c r="A32433" s="6" t="s">
        <v>33096</v>
      </c>
      <c r="B32433" s="6"/>
      <c r="C32433" s="6" t="s">
        <v>32230</v>
      </c>
      <c r="D32433" s="6"/>
      <c r="E32433" s="6" t="s">
        <v>9</v>
      </c>
      <c r="F32433" s="7">
        <v>36251</v>
      </c>
      <c r="G32433" s="8">
        <v>1725300</v>
      </c>
      <c r="H32433" s="8">
        <v>1</v>
      </c>
      <c r="I32433" s="8">
        <v>1725299</v>
      </c>
      <c r="J32433" s="8">
        <v>1</v>
      </c>
      <c r="K32433" s="9"/>
      <c r="L32433" s="6"/>
    </row>
    <row r="32434" spans="1:12">
      <c r="A32434" s="6" t="s">
        <v>33096</v>
      </c>
      <c r="B32434" s="6"/>
      <c r="C32434" s="6" t="s">
        <v>32230</v>
      </c>
      <c r="D32434" s="6"/>
      <c r="E32434" s="6" t="s">
        <v>9</v>
      </c>
      <c r="F32434" s="7">
        <v>36251</v>
      </c>
      <c r="G32434" s="8">
        <v>1460700</v>
      </c>
      <c r="H32434" s="8">
        <v>1</v>
      </c>
      <c r="I32434" s="8">
        <v>1460699</v>
      </c>
      <c r="J32434" s="8">
        <v>1</v>
      </c>
      <c r="K32434" s="9"/>
      <c r="L32434" s="6"/>
    </row>
    <row r="32435" spans="1:12">
      <c r="A32435" s="6" t="s">
        <v>33097</v>
      </c>
      <c r="B32435" s="6"/>
      <c r="C32435" s="6" t="s">
        <v>32230</v>
      </c>
      <c r="D32435" s="6"/>
      <c r="E32435" s="6" t="s">
        <v>9</v>
      </c>
      <c r="F32435" s="7">
        <v>36251</v>
      </c>
      <c r="G32435" s="8">
        <v>1</v>
      </c>
      <c r="H32435" s="8">
        <v>1</v>
      </c>
      <c r="I32435" s="8">
        <v>0</v>
      </c>
      <c r="J32435" s="8">
        <v>1</v>
      </c>
      <c r="K32435" s="9"/>
      <c r="L32435" s="6"/>
    </row>
    <row r="32436" spans="1:12">
      <c r="A32436" s="6" t="s">
        <v>33096</v>
      </c>
      <c r="B32436" s="6"/>
      <c r="C32436" s="6" t="s">
        <v>32230</v>
      </c>
      <c r="D32436" s="6"/>
      <c r="E32436" s="6" t="s">
        <v>9</v>
      </c>
      <c r="F32436" s="7">
        <v>36251</v>
      </c>
      <c r="G32436" s="8">
        <v>3364200</v>
      </c>
      <c r="H32436" s="8">
        <v>1</v>
      </c>
      <c r="I32436" s="8">
        <v>3364199</v>
      </c>
      <c r="J32436" s="8">
        <v>1</v>
      </c>
      <c r="K32436" s="9"/>
      <c r="L32436" s="6"/>
    </row>
    <row r="32437" spans="1:12">
      <c r="A32437" s="6" t="s">
        <v>33096</v>
      </c>
      <c r="B32437" s="6"/>
      <c r="C32437" s="6" t="s">
        <v>32230</v>
      </c>
      <c r="D32437" s="6"/>
      <c r="E32437" s="6" t="s">
        <v>9</v>
      </c>
      <c r="F32437" s="7">
        <v>36251</v>
      </c>
      <c r="G32437" s="8">
        <v>16937100</v>
      </c>
      <c r="H32437" s="8">
        <v>1</v>
      </c>
      <c r="I32437" s="8">
        <v>16937099</v>
      </c>
      <c r="J32437" s="8">
        <v>1</v>
      </c>
      <c r="K32437" s="9"/>
      <c r="L32437" s="6"/>
    </row>
    <row r="32438" spans="1:12">
      <c r="A32438" s="6" t="s">
        <v>33096</v>
      </c>
      <c r="B32438" s="6"/>
      <c r="C32438" s="6" t="s">
        <v>32230</v>
      </c>
      <c r="D32438" s="6"/>
      <c r="E32438" s="6" t="s">
        <v>9</v>
      </c>
      <c r="F32438" s="7">
        <v>36251</v>
      </c>
      <c r="G32438" s="8">
        <v>2276100</v>
      </c>
      <c r="H32438" s="8">
        <v>1</v>
      </c>
      <c r="I32438" s="8">
        <v>2276099</v>
      </c>
      <c r="J32438" s="8">
        <v>1</v>
      </c>
      <c r="K32438" s="9"/>
      <c r="L32438" s="6"/>
    </row>
    <row r="32439" spans="1:12">
      <c r="A32439" s="6" t="s">
        <v>33096</v>
      </c>
      <c r="B32439" s="6"/>
      <c r="C32439" s="6" t="s">
        <v>32230</v>
      </c>
      <c r="D32439" s="6"/>
      <c r="E32439" s="6" t="s">
        <v>9</v>
      </c>
      <c r="F32439" s="7">
        <v>36251</v>
      </c>
      <c r="G32439" s="8">
        <v>2656800</v>
      </c>
      <c r="H32439" s="8">
        <v>1</v>
      </c>
      <c r="I32439" s="8">
        <v>2656799</v>
      </c>
      <c r="J32439" s="8">
        <v>1</v>
      </c>
      <c r="K32439" s="9"/>
      <c r="L32439" s="6"/>
    </row>
    <row r="32440" spans="1:12">
      <c r="A32440" s="6" t="s">
        <v>33096</v>
      </c>
      <c r="B32440" s="6"/>
      <c r="C32440" s="6" t="s">
        <v>32230</v>
      </c>
      <c r="D32440" s="6"/>
      <c r="E32440" s="6" t="s">
        <v>9</v>
      </c>
      <c r="F32440" s="7">
        <v>36251</v>
      </c>
      <c r="G32440" s="8">
        <v>3113100</v>
      </c>
      <c r="H32440" s="8">
        <v>1</v>
      </c>
      <c r="I32440" s="8">
        <v>3113099</v>
      </c>
      <c r="J32440" s="8">
        <v>1</v>
      </c>
      <c r="K32440" s="9"/>
      <c r="L32440" s="6"/>
    </row>
    <row r="32441" spans="1:12">
      <c r="A32441" s="6" t="s">
        <v>33096</v>
      </c>
      <c r="B32441" s="6"/>
      <c r="C32441" s="6" t="s">
        <v>32230</v>
      </c>
      <c r="D32441" s="6"/>
      <c r="E32441" s="6" t="s">
        <v>9</v>
      </c>
      <c r="F32441" s="7">
        <v>36251</v>
      </c>
      <c r="G32441" s="8">
        <v>2338200</v>
      </c>
      <c r="H32441" s="8">
        <v>1</v>
      </c>
      <c r="I32441" s="8">
        <v>2338199</v>
      </c>
      <c r="J32441" s="8">
        <v>1</v>
      </c>
      <c r="K32441" s="9"/>
      <c r="L32441" s="6"/>
    </row>
    <row r="32442" spans="1:12">
      <c r="A32442" s="6" t="s">
        <v>33096</v>
      </c>
      <c r="B32442" s="6"/>
      <c r="C32442" s="6" t="s">
        <v>32230</v>
      </c>
      <c r="D32442" s="6"/>
      <c r="E32442" s="6" t="s">
        <v>9</v>
      </c>
      <c r="F32442" s="7">
        <v>36251</v>
      </c>
      <c r="G32442" s="8">
        <v>3042900</v>
      </c>
      <c r="H32442" s="8">
        <v>1</v>
      </c>
      <c r="I32442" s="8">
        <v>3042899</v>
      </c>
      <c r="J32442" s="8">
        <v>1</v>
      </c>
      <c r="K32442" s="9"/>
      <c r="L32442" s="6"/>
    </row>
    <row r="32443" spans="1:12">
      <c r="A32443" s="6" t="s">
        <v>33096</v>
      </c>
      <c r="B32443" s="6"/>
      <c r="C32443" s="6" t="s">
        <v>32230</v>
      </c>
      <c r="D32443" s="6"/>
      <c r="E32443" s="6" t="s">
        <v>9</v>
      </c>
      <c r="F32443" s="7">
        <v>36251</v>
      </c>
      <c r="G32443" s="8">
        <v>2527200</v>
      </c>
      <c r="H32443" s="8">
        <v>1</v>
      </c>
      <c r="I32443" s="8">
        <v>2527199</v>
      </c>
      <c r="J32443" s="8">
        <v>1</v>
      </c>
      <c r="K32443" s="9"/>
      <c r="L32443" s="6"/>
    </row>
    <row r="32444" spans="1:12">
      <c r="A32444" s="6" t="s">
        <v>33096</v>
      </c>
      <c r="B32444" s="6"/>
      <c r="C32444" s="6" t="s">
        <v>32230</v>
      </c>
      <c r="D32444" s="6"/>
      <c r="E32444" s="6" t="s">
        <v>9</v>
      </c>
      <c r="F32444" s="7">
        <v>36617</v>
      </c>
      <c r="G32444" s="8">
        <v>4633200</v>
      </c>
      <c r="H32444" s="8">
        <v>1</v>
      </c>
      <c r="I32444" s="8">
        <v>4633199</v>
      </c>
      <c r="J32444" s="8">
        <v>1</v>
      </c>
      <c r="K32444" s="9"/>
      <c r="L32444" s="6"/>
    </row>
    <row r="32445" spans="1:12">
      <c r="A32445" s="6" t="s">
        <v>33096</v>
      </c>
      <c r="B32445" s="6"/>
      <c r="C32445" s="6" t="s">
        <v>32230</v>
      </c>
      <c r="D32445" s="6"/>
      <c r="E32445" s="6" t="s">
        <v>9</v>
      </c>
      <c r="F32445" s="7">
        <v>36617</v>
      </c>
      <c r="G32445" s="8">
        <v>2837700</v>
      </c>
      <c r="H32445" s="8">
        <v>1</v>
      </c>
      <c r="I32445" s="8">
        <v>2837699</v>
      </c>
      <c r="J32445" s="8">
        <v>1</v>
      </c>
      <c r="K32445" s="9"/>
      <c r="L32445" s="6"/>
    </row>
    <row r="32446" spans="1:12">
      <c r="A32446" s="6" t="s">
        <v>33096</v>
      </c>
      <c r="B32446" s="6"/>
      <c r="C32446" s="6" t="s">
        <v>32230</v>
      </c>
      <c r="D32446" s="6"/>
      <c r="E32446" s="6" t="s">
        <v>9</v>
      </c>
      <c r="F32446" s="7">
        <v>36617</v>
      </c>
      <c r="G32446" s="8">
        <v>572400</v>
      </c>
      <c r="H32446" s="8">
        <v>1</v>
      </c>
      <c r="I32446" s="8">
        <v>572399</v>
      </c>
      <c r="J32446" s="8">
        <v>1</v>
      </c>
      <c r="K32446" s="9"/>
      <c r="L32446" s="6"/>
    </row>
    <row r="32447" spans="1:12">
      <c r="A32447" s="6" t="s">
        <v>33096</v>
      </c>
      <c r="B32447" s="6"/>
      <c r="C32447" s="6" t="s">
        <v>32230</v>
      </c>
      <c r="D32447" s="6"/>
      <c r="E32447" s="6" t="s">
        <v>9</v>
      </c>
      <c r="F32447" s="7">
        <v>36617</v>
      </c>
      <c r="G32447" s="8">
        <v>7560000</v>
      </c>
      <c r="H32447" s="8">
        <v>1</v>
      </c>
      <c r="I32447" s="8">
        <v>7559999</v>
      </c>
      <c r="J32447" s="8">
        <v>1</v>
      </c>
      <c r="K32447" s="9"/>
      <c r="L32447" s="6"/>
    </row>
    <row r="32448" spans="1:12">
      <c r="A32448" s="6" t="s">
        <v>33096</v>
      </c>
      <c r="B32448" s="6"/>
      <c r="C32448" s="6" t="s">
        <v>32230</v>
      </c>
      <c r="D32448" s="6"/>
      <c r="E32448" s="6" t="s">
        <v>9</v>
      </c>
      <c r="F32448" s="7">
        <v>36617</v>
      </c>
      <c r="G32448" s="8">
        <v>445500</v>
      </c>
      <c r="H32448" s="8">
        <v>1</v>
      </c>
      <c r="I32448" s="8">
        <v>445499</v>
      </c>
      <c r="J32448" s="8">
        <v>1</v>
      </c>
      <c r="K32448" s="9"/>
      <c r="L32448" s="6"/>
    </row>
    <row r="32449" spans="1:12">
      <c r="A32449" s="6" t="s">
        <v>33097</v>
      </c>
      <c r="B32449" s="6"/>
      <c r="C32449" s="6" t="s">
        <v>32230</v>
      </c>
      <c r="D32449" s="6"/>
      <c r="E32449" s="6" t="s">
        <v>9</v>
      </c>
      <c r="F32449" s="7">
        <v>36617</v>
      </c>
      <c r="G32449" s="8">
        <v>40982940</v>
      </c>
      <c r="H32449" s="8">
        <v>1</v>
      </c>
      <c r="I32449" s="8">
        <v>40982939</v>
      </c>
      <c r="J32449" s="8">
        <v>1</v>
      </c>
      <c r="K32449" s="9"/>
      <c r="L32449" s="6"/>
    </row>
    <row r="32450" spans="1:12">
      <c r="A32450" s="6" t="s">
        <v>33096</v>
      </c>
      <c r="B32450" s="6"/>
      <c r="C32450" s="6" t="s">
        <v>32230</v>
      </c>
      <c r="D32450" s="6"/>
      <c r="E32450" s="6" t="s">
        <v>9</v>
      </c>
      <c r="F32450" s="7">
        <v>36617</v>
      </c>
      <c r="G32450" s="8">
        <v>27129600</v>
      </c>
      <c r="H32450" s="8">
        <v>1</v>
      </c>
      <c r="I32450" s="8">
        <v>27129599</v>
      </c>
      <c r="J32450" s="8">
        <v>1</v>
      </c>
      <c r="K32450" s="9"/>
      <c r="L32450" s="6"/>
    </row>
    <row r="32451" spans="1:12">
      <c r="A32451" s="6" t="s">
        <v>33096</v>
      </c>
      <c r="B32451" s="6"/>
      <c r="C32451" s="6" t="s">
        <v>32230</v>
      </c>
      <c r="D32451" s="6"/>
      <c r="E32451" s="6" t="s">
        <v>9</v>
      </c>
      <c r="F32451" s="7">
        <v>36617</v>
      </c>
      <c r="G32451" s="8">
        <v>14520600</v>
      </c>
      <c r="H32451" s="8">
        <v>1</v>
      </c>
      <c r="I32451" s="8">
        <v>14520599</v>
      </c>
      <c r="J32451" s="8">
        <v>1</v>
      </c>
      <c r="K32451" s="9"/>
      <c r="L32451" s="6"/>
    </row>
    <row r="32452" spans="1:12">
      <c r="A32452" s="6" t="s">
        <v>33096</v>
      </c>
      <c r="B32452" s="6"/>
      <c r="C32452" s="6" t="s">
        <v>32230</v>
      </c>
      <c r="D32452" s="6"/>
      <c r="E32452" s="6" t="s">
        <v>9</v>
      </c>
      <c r="F32452" s="7">
        <v>36617</v>
      </c>
      <c r="G32452" s="8">
        <v>6053400</v>
      </c>
      <c r="H32452" s="8">
        <v>1</v>
      </c>
      <c r="I32452" s="8">
        <v>6053399</v>
      </c>
      <c r="J32452" s="8">
        <v>1</v>
      </c>
      <c r="K32452" s="9"/>
      <c r="L32452" s="6"/>
    </row>
    <row r="32453" spans="1:12">
      <c r="A32453" s="6" t="s">
        <v>33096</v>
      </c>
      <c r="B32453" s="6"/>
      <c r="C32453" s="6" t="s">
        <v>32230</v>
      </c>
      <c r="D32453" s="6"/>
      <c r="E32453" s="6" t="s">
        <v>9</v>
      </c>
      <c r="F32453" s="7">
        <v>36617</v>
      </c>
      <c r="G32453" s="8">
        <v>4905900</v>
      </c>
      <c r="H32453" s="8">
        <v>1</v>
      </c>
      <c r="I32453" s="8">
        <v>4905899</v>
      </c>
      <c r="J32453" s="8">
        <v>1</v>
      </c>
      <c r="K32453" s="9"/>
      <c r="L32453" s="6"/>
    </row>
    <row r="32454" spans="1:12">
      <c r="A32454" s="6" t="s">
        <v>33097</v>
      </c>
      <c r="B32454" s="6"/>
      <c r="C32454" s="6" t="s">
        <v>32230</v>
      </c>
      <c r="D32454" s="6"/>
      <c r="E32454" s="6" t="s">
        <v>9</v>
      </c>
      <c r="F32454" s="7">
        <v>36617</v>
      </c>
      <c r="G32454" s="8">
        <v>8561500</v>
      </c>
      <c r="H32454" s="8">
        <v>1</v>
      </c>
      <c r="I32454" s="8">
        <v>8561499</v>
      </c>
      <c r="J32454" s="8">
        <v>1</v>
      </c>
      <c r="K32454" s="9"/>
      <c r="L32454" s="6"/>
    </row>
    <row r="32455" spans="1:12">
      <c r="A32455" s="6" t="s">
        <v>33096</v>
      </c>
      <c r="B32455" s="6"/>
      <c r="C32455" s="6" t="s">
        <v>32230</v>
      </c>
      <c r="D32455" s="6"/>
      <c r="E32455" s="6" t="s">
        <v>9</v>
      </c>
      <c r="F32455" s="7">
        <v>37712</v>
      </c>
      <c r="G32455" s="8">
        <v>13653900</v>
      </c>
      <c r="H32455" s="8">
        <v>1</v>
      </c>
      <c r="I32455" s="8">
        <v>13653899</v>
      </c>
      <c r="J32455" s="8">
        <v>1</v>
      </c>
      <c r="K32455" s="9"/>
      <c r="L32455" s="6"/>
    </row>
    <row r="32456" spans="1:12">
      <c r="A32456" s="6" t="s">
        <v>33096</v>
      </c>
      <c r="B32456" s="6"/>
      <c r="C32456" s="6" t="s">
        <v>32230</v>
      </c>
      <c r="D32456" s="6"/>
      <c r="E32456" s="6" t="s">
        <v>9</v>
      </c>
      <c r="F32456" s="7">
        <v>37712</v>
      </c>
      <c r="G32456" s="8">
        <v>15114600</v>
      </c>
      <c r="H32456" s="8">
        <v>1</v>
      </c>
      <c r="I32456" s="8">
        <v>15114599</v>
      </c>
      <c r="J32456" s="8">
        <v>1</v>
      </c>
      <c r="K32456" s="9"/>
      <c r="L32456" s="6"/>
    </row>
    <row r="32457" spans="1:12">
      <c r="A32457" s="6" t="s">
        <v>33096</v>
      </c>
      <c r="B32457" s="6"/>
      <c r="C32457" s="6" t="s">
        <v>32230</v>
      </c>
      <c r="D32457" s="6"/>
      <c r="E32457" s="6" t="s">
        <v>9</v>
      </c>
      <c r="F32457" s="7">
        <v>37712</v>
      </c>
      <c r="G32457" s="8">
        <v>2195100</v>
      </c>
      <c r="H32457" s="8">
        <v>1</v>
      </c>
      <c r="I32457" s="8">
        <v>2195099</v>
      </c>
      <c r="J32457" s="8">
        <v>1</v>
      </c>
      <c r="K32457" s="9"/>
      <c r="L32457" s="6"/>
    </row>
    <row r="32458" spans="1:12">
      <c r="A32458" s="6" t="s">
        <v>33096</v>
      </c>
      <c r="B32458" s="6"/>
      <c r="C32458" s="6" t="s">
        <v>32230</v>
      </c>
      <c r="D32458" s="6"/>
      <c r="E32458" s="6" t="s">
        <v>9</v>
      </c>
      <c r="F32458" s="7">
        <v>37712</v>
      </c>
      <c r="G32458" s="8">
        <v>5721300</v>
      </c>
      <c r="H32458" s="8">
        <v>1</v>
      </c>
      <c r="I32458" s="8">
        <v>5721299</v>
      </c>
      <c r="J32458" s="8">
        <v>1</v>
      </c>
      <c r="K32458" s="9"/>
      <c r="L32458" s="6"/>
    </row>
    <row r="32459" spans="1:12">
      <c r="A32459" s="6" t="s">
        <v>33096</v>
      </c>
      <c r="B32459" s="6"/>
      <c r="C32459" s="6" t="s">
        <v>32230</v>
      </c>
      <c r="D32459" s="6"/>
      <c r="E32459" s="6" t="s">
        <v>9</v>
      </c>
      <c r="F32459" s="7">
        <v>37712</v>
      </c>
      <c r="G32459" s="8">
        <v>2689200</v>
      </c>
      <c r="H32459" s="8">
        <v>1</v>
      </c>
      <c r="I32459" s="8">
        <v>2689199</v>
      </c>
      <c r="J32459" s="8">
        <v>1</v>
      </c>
      <c r="K32459" s="9"/>
      <c r="L32459" s="6"/>
    </row>
    <row r="32460" spans="1:12">
      <c r="A32460" s="6" t="s">
        <v>33096</v>
      </c>
      <c r="B32460" s="6"/>
      <c r="C32460" s="6" t="s">
        <v>32230</v>
      </c>
      <c r="D32460" s="6"/>
      <c r="E32460" s="6" t="s">
        <v>9</v>
      </c>
      <c r="F32460" s="7">
        <v>37712</v>
      </c>
      <c r="G32460" s="8">
        <v>1503900</v>
      </c>
      <c r="H32460" s="8">
        <v>1</v>
      </c>
      <c r="I32460" s="8">
        <v>1503899</v>
      </c>
      <c r="J32460" s="8">
        <v>1</v>
      </c>
      <c r="K32460" s="9"/>
      <c r="L32460" s="6"/>
    </row>
    <row r="32461" spans="1:12">
      <c r="A32461" s="6" t="s">
        <v>33097</v>
      </c>
      <c r="B32461" s="6"/>
      <c r="C32461" s="6" t="s">
        <v>32230</v>
      </c>
      <c r="D32461" s="6"/>
      <c r="E32461" s="6" t="s">
        <v>9</v>
      </c>
      <c r="F32461" s="7">
        <v>37712</v>
      </c>
      <c r="G32461" s="8">
        <v>1</v>
      </c>
      <c r="H32461" s="8">
        <v>1</v>
      </c>
      <c r="I32461" s="8">
        <v>0</v>
      </c>
      <c r="J32461" s="8">
        <v>1</v>
      </c>
      <c r="K32461" s="9"/>
      <c r="L32461" s="6"/>
    </row>
    <row r="32462" spans="1:12">
      <c r="A32462" s="6" t="s">
        <v>33096</v>
      </c>
      <c r="B32462" s="6"/>
      <c r="C32462" s="6" t="s">
        <v>32230</v>
      </c>
      <c r="D32462" s="6"/>
      <c r="E32462" s="6" t="s">
        <v>9</v>
      </c>
      <c r="F32462" s="7">
        <v>38078</v>
      </c>
      <c r="G32462" s="8">
        <v>4563000</v>
      </c>
      <c r="H32462" s="8">
        <v>1</v>
      </c>
      <c r="I32462" s="8">
        <v>4562999</v>
      </c>
      <c r="J32462" s="8">
        <v>1</v>
      </c>
      <c r="K32462" s="9"/>
      <c r="L32462" s="6"/>
    </row>
    <row r="32463" spans="1:12">
      <c r="A32463" s="6" t="s">
        <v>33096</v>
      </c>
      <c r="B32463" s="6"/>
      <c r="C32463" s="6" t="s">
        <v>32230</v>
      </c>
      <c r="D32463" s="6"/>
      <c r="E32463" s="6" t="s">
        <v>9</v>
      </c>
      <c r="F32463" s="7">
        <v>38078</v>
      </c>
      <c r="G32463" s="8">
        <v>2238300</v>
      </c>
      <c r="H32463" s="8">
        <v>1</v>
      </c>
      <c r="I32463" s="8">
        <v>2238299</v>
      </c>
      <c r="J32463" s="8">
        <v>1</v>
      </c>
      <c r="K32463" s="9"/>
      <c r="L32463" s="6"/>
    </row>
    <row r="32464" spans="1:12">
      <c r="A32464" s="6" t="s">
        <v>33096</v>
      </c>
      <c r="B32464" s="6"/>
      <c r="C32464" s="6" t="s">
        <v>32230</v>
      </c>
      <c r="D32464" s="6"/>
      <c r="E32464" s="6" t="s">
        <v>9</v>
      </c>
      <c r="F32464" s="7">
        <v>38078</v>
      </c>
      <c r="G32464" s="8">
        <v>2978100</v>
      </c>
      <c r="H32464" s="8">
        <v>1</v>
      </c>
      <c r="I32464" s="8">
        <v>2978099</v>
      </c>
      <c r="J32464" s="8">
        <v>1</v>
      </c>
      <c r="K32464" s="9"/>
      <c r="L32464" s="6"/>
    </row>
    <row r="32465" spans="1:12">
      <c r="A32465" s="6" t="s">
        <v>33096</v>
      </c>
      <c r="B32465" s="6"/>
      <c r="C32465" s="6" t="s">
        <v>32230</v>
      </c>
      <c r="D32465" s="6"/>
      <c r="E32465" s="6" t="s">
        <v>9</v>
      </c>
      <c r="F32465" s="7">
        <v>38078</v>
      </c>
      <c r="G32465" s="8">
        <v>2200500</v>
      </c>
      <c r="H32465" s="8">
        <v>1</v>
      </c>
      <c r="I32465" s="8">
        <v>2200499</v>
      </c>
      <c r="J32465" s="8">
        <v>1</v>
      </c>
      <c r="K32465" s="9"/>
      <c r="L32465" s="6"/>
    </row>
    <row r="32466" spans="1:12">
      <c r="A32466" s="6" t="s">
        <v>33096</v>
      </c>
      <c r="B32466" s="6"/>
      <c r="C32466" s="6" t="s">
        <v>32230</v>
      </c>
      <c r="D32466" s="6"/>
      <c r="E32466" s="6" t="s">
        <v>9</v>
      </c>
      <c r="F32466" s="7">
        <v>38078</v>
      </c>
      <c r="G32466" s="8">
        <v>2916000</v>
      </c>
      <c r="H32466" s="8">
        <v>1</v>
      </c>
      <c r="I32466" s="8">
        <v>2915999</v>
      </c>
      <c r="J32466" s="8">
        <v>1</v>
      </c>
      <c r="K32466" s="9"/>
      <c r="L32466" s="6"/>
    </row>
    <row r="32467" spans="1:12">
      <c r="A32467" s="6" t="s">
        <v>33096</v>
      </c>
      <c r="B32467" s="6"/>
      <c r="C32467" s="6" t="s">
        <v>32230</v>
      </c>
      <c r="D32467" s="6"/>
      <c r="E32467" s="6" t="s">
        <v>9</v>
      </c>
      <c r="F32467" s="7">
        <v>38078</v>
      </c>
      <c r="G32467" s="8">
        <v>1306800</v>
      </c>
      <c r="H32467" s="8">
        <v>1</v>
      </c>
      <c r="I32467" s="8">
        <v>1306799</v>
      </c>
      <c r="J32467" s="8">
        <v>1</v>
      </c>
      <c r="K32467" s="9"/>
      <c r="L32467" s="6"/>
    </row>
    <row r="32468" spans="1:12">
      <c r="A32468" s="6" t="s">
        <v>33096</v>
      </c>
      <c r="B32468" s="6"/>
      <c r="C32468" s="6" t="s">
        <v>32230</v>
      </c>
      <c r="D32468" s="6"/>
      <c r="E32468" s="6" t="s">
        <v>9</v>
      </c>
      <c r="F32468" s="7">
        <v>38078</v>
      </c>
      <c r="G32468" s="8">
        <v>988200</v>
      </c>
      <c r="H32468" s="8">
        <v>1</v>
      </c>
      <c r="I32468" s="8">
        <v>988199</v>
      </c>
      <c r="J32468" s="8">
        <v>1</v>
      </c>
      <c r="K32468" s="9"/>
      <c r="L32468" s="6"/>
    </row>
    <row r="32469" spans="1:12">
      <c r="A32469" s="6" t="s">
        <v>33097</v>
      </c>
      <c r="B32469" s="6"/>
      <c r="C32469" s="6" t="s">
        <v>32230</v>
      </c>
      <c r="D32469" s="6"/>
      <c r="E32469" s="6" t="s">
        <v>9</v>
      </c>
      <c r="F32469" s="7">
        <v>38078</v>
      </c>
      <c r="G32469" s="8">
        <v>1</v>
      </c>
      <c r="H32469" s="8">
        <v>1</v>
      </c>
      <c r="I32469" s="8">
        <v>0</v>
      </c>
      <c r="J32469" s="8">
        <v>1</v>
      </c>
      <c r="K32469" s="9"/>
      <c r="L32469" s="6"/>
    </row>
    <row r="32470" spans="1:12">
      <c r="A32470" s="6" t="s">
        <v>33096</v>
      </c>
      <c r="B32470" s="6"/>
      <c r="C32470" s="6" t="s">
        <v>32230</v>
      </c>
      <c r="D32470" s="6"/>
      <c r="E32470" s="6" t="s">
        <v>9</v>
      </c>
      <c r="F32470" s="7">
        <v>38443</v>
      </c>
      <c r="G32470" s="8">
        <v>10497600</v>
      </c>
      <c r="H32470" s="8">
        <v>1</v>
      </c>
      <c r="I32470" s="8">
        <v>10497599</v>
      </c>
      <c r="J32470" s="8">
        <v>1</v>
      </c>
      <c r="K32470" s="9"/>
      <c r="L32470" s="6"/>
    </row>
    <row r="32471" spans="1:12">
      <c r="A32471" s="6" t="s">
        <v>33096</v>
      </c>
      <c r="B32471" s="6"/>
      <c r="C32471" s="6" t="s">
        <v>32230</v>
      </c>
      <c r="D32471" s="6"/>
      <c r="E32471" s="6" t="s">
        <v>9</v>
      </c>
      <c r="F32471" s="7">
        <v>38443</v>
      </c>
      <c r="G32471" s="8">
        <v>6763500</v>
      </c>
      <c r="H32471" s="8">
        <v>1</v>
      </c>
      <c r="I32471" s="8">
        <v>6763499</v>
      </c>
      <c r="J32471" s="8">
        <v>1</v>
      </c>
      <c r="K32471" s="9"/>
      <c r="L32471" s="6"/>
    </row>
    <row r="32472" spans="1:12">
      <c r="A32472" s="6" t="s">
        <v>33096</v>
      </c>
      <c r="B32472" s="6"/>
      <c r="C32472" s="6" t="s">
        <v>32230</v>
      </c>
      <c r="D32472" s="6"/>
      <c r="E32472" s="6" t="s">
        <v>9</v>
      </c>
      <c r="F32472" s="7">
        <v>38443</v>
      </c>
      <c r="G32472" s="8">
        <v>4938300</v>
      </c>
      <c r="H32472" s="8">
        <v>1</v>
      </c>
      <c r="I32472" s="8">
        <v>4938299</v>
      </c>
      <c r="J32472" s="8">
        <v>1</v>
      </c>
      <c r="K32472" s="9"/>
      <c r="L32472" s="6"/>
    </row>
    <row r="32473" spans="1:12">
      <c r="A32473" s="6" t="s">
        <v>33096</v>
      </c>
      <c r="B32473" s="6"/>
      <c r="C32473" s="6" t="s">
        <v>32230</v>
      </c>
      <c r="D32473" s="6"/>
      <c r="E32473" s="6" t="s">
        <v>9</v>
      </c>
      <c r="F32473" s="7">
        <v>38443</v>
      </c>
      <c r="G32473" s="8">
        <v>2513700</v>
      </c>
      <c r="H32473" s="8">
        <v>1</v>
      </c>
      <c r="I32473" s="8">
        <v>2513699</v>
      </c>
      <c r="J32473" s="8">
        <v>1</v>
      </c>
      <c r="K32473" s="9"/>
      <c r="L32473" s="6"/>
    </row>
    <row r="32474" spans="1:12">
      <c r="A32474" s="6" t="s">
        <v>33096</v>
      </c>
      <c r="B32474" s="6"/>
      <c r="C32474" s="6" t="s">
        <v>32230</v>
      </c>
      <c r="D32474" s="6"/>
      <c r="E32474" s="6" t="s">
        <v>9</v>
      </c>
      <c r="F32474" s="7">
        <v>38443</v>
      </c>
      <c r="G32474" s="8">
        <v>540000</v>
      </c>
      <c r="H32474" s="8">
        <v>1</v>
      </c>
      <c r="I32474" s="8">
        <v>539999</v>
      </c>
      <c r="J32474" s="8">
        <v>1</v>
      </c>
      <c r="K32474" s="9"/>
      <c r="L32474" s="6"/>
    </row>
    <row r="32475" spans="1:12">
      <c r="A32475" s="6" t="s">
        <v>33096</v>
      </c>
      <c r="B32475" s="6"/>
      <c r="C32475" s="6" t="s">
        <v>32230</v>
      </c>
      <c r="D32475" s="6"/>
      <c r="E32475" s="6" t="s">
        <v>9</v>
      </c>
      <c r="F32475" s="7">
        <v>38443</v>
      </c>
      <c r="G32475" s="8">
        <v>1987200</v>
      </c>
      <c r="H32475" s="8">
        <v>1</v>
      </c>
      <c r="I32475" s="8">
        <v>1987199</v>
      </c>
      <c r="J32475" s="8">
        <v>1</v>
      </c>
      <c r="K32475" s="9"/>
      <c r="L32475" s="6"/>
    </row>
    <row r="32476" spans="1:12">
      <c r="A32476" s="6" t="s">
        <v>33096</v>
      </c>
      <c r="B32476" s="6"/>
      <c r="C32476" s="6" t="s">
        <v>32230</v>
      </c>
      <c r="D32476" s="6"/>
      <c r="E32476" s="6" t="s">
        <v>9</v>
      </c>
      <c r="F32476" s="7">
        <v>38443</v>
      </c>
      <c r="G32476" s="8">
        <v>10384200</v>
      </c>
      <c r="H32476" s="8">
        <v>1</v>
      </c>
      <c r="I32476" s="8">
        <v>10384199</v>
      </c>
      <c r="J32476" s="8">
        <v>1</v>
      </c>
      <c r="K32476" s="9"/>
      <c r="L32476" s="6"/>
    </row>
    <row r="32477" spans="1:12">
      <c r="A32477" s="6" t="s">
        <v>33096</v>
      </c>
      <c r="B32477" s="6"/>
      <c r="C32477" s="6" t="s">
        <v>32230</v>
      </c>
      <c r="D32477" s="6"/>
      <c r="E32477" s="6" t="s">
        <v>9</v>
      </c>
      <c r="F32477" s="7">
        <v>38443</v>
      </c>
      <c r="G32477" s="8">
        <v>540000</v>
      </c>
      <c r="H32477" s="8">
        <v>1</v>
      </c>
      <c r="I32477" s="8">
        <v>539999</v>
      </c>
      <c r="J32477" s="8">
        <v>1</v>
      </c>
      <c r="K32477" s="9"/>
      <c r="L32477" s="6"/>
    </row>
    <row r="32478" spans="1:12">
      <c r="A32478" s="6" t="s">
        <v>33097</v>
      </c>
      <c r="B32478" s="6"/>
      <c r="C32478" s="6" t="s">
        <v>32230</v>
      </c>
      <c r="D32478" s="6"/>
      <c r="E32478" s="6" t="s">
        <v>9</v>
      </c>
      <c r="F32478" s="7">
        <v>38443</v>
      </c>
      <c r="G32478" s="8">
        <v>1</v>
      </c>
      <c r="H32478" s="8">
        <v>1</v>
      </c>
      <c r="I32478" s="8">
        <v>0</v>
      </c>
      <c r="J32478" s="8">
        <v>1</v>
      </c>
      <c r="K32478" s="9"/>
      <c r="L32478" s="6"/>
    </row>
    <row r="32479" spans="1:12">
      <c r="A32479" s="6" t="s">
        <v>33096</v>
      </c>
      <c r="B32479" s="6"/>
      <c r="C32479" s="6" t="s">
        <v>32230</v>
      </c>
      <c r="D32479" s="6"/>
      <c r="E32479" s="6" t="s">
        <v>9</v>
      </c>
      <c r="F32479" s="7">
        <v>38443</v>
      </c>
      <c r="G32479" s="8">
        <v>4738500</v>
      </c>
      <c r="H32479" s="8">
        <v>1</v>
      </c>
      <c r="I32479" s="8">
        <v>4738499</v>
      </c>
      <c r="J32479" s="8">
        <v>1</v>
      </c>
      <c r="K32479" s="9"/>
      <c r="L32479" s="6"/>
    </row>
    <row r="32480" spans="1:12">
      <c r="A32480" s="6" t="s">
        <v>33096</v>
      </c>
      <c r="B32480" s="6"/>
      <c r="C32480" s="6" t="s">
        <v>32230</v>
      </c>
      <c r="D32480" s="6"/>
      <c r="E32480" s="6" t="s">
        <v>9</v>
      </c>
      <c r="F32480" s="7">
        <v>38443</v>
      </c>
      <c r="G32480" s="8">
        <v>13383900</v>
      </c>
      <c r="H32480" s="8">
        <v>1</v>
      </c>
      <c r="I32480" s="8">
        <v>13383899</v>
      </c>
      <c r="J32480" s="8">
        <v>1</v>
      </c>
      <c r="K32480" s="9"/>
      <c r="L32480" s="6"/>
    </row>
    <row r="32481" spans="1:12">
      <c r="A32481" s="6" t="s">
        <v>33096</v>
      </c>
      <c r="B32481" s="6"/>
      <c r="C32481" s="6" t="s">
        <v>32230</v>
      </c>
      <c r="D32481" s="6"/>
      <c r="E32481" s="6" t="s">
        <v>9</v>
      </c>
      <c r="F32481" s="7">
        <v>38443</v>
      </c>
      <c r="G32481" s="8">
        <v>10986300</v>
      </c>
      <c r="H32481" s="8">
        <v>1</v>
      </c>
      <c r="I32481" s="8">
        <v>10986299</v>
      </c>
      <c r="J32481" s="8">
        <v>1</v>
      </c>
      <c r="K32481" s="9"/>
      <c r="L32481" s="6"/>
    </row>
    <row r="32482" spans="1:12">
      <c r="A32482" s="6" t="s">
        <v>33096</v>
      </c>
      <c r="B32482" s="6"/>
      <c r="C32482" s="6" t="s">
        <v>32230</v>
      </c>
      <c r="D32482" s="6"/>
      <c r="E32482" s="6" t="s">
        <v>9</v>
      </c>
      <c r="F32482" s="7">
        <v>38443</v>
      </c>
      <c r="G32482" s="8">
        <v>4311900</v>
      </c>
      <c r="H32482" s="8">
        <v>1</v>
      </c>
      <c r="I32482" s="8">
        <v>4311899</v>
      </c>
      <c r="J32482" s="8">
        <v>1</v>
      </c>
      <c r="K32482" s="9"/>
      <c r="L32482" s="6"/>
    </row>
    <row r="32483" spans="1:12">
      <c r="A32483" s="6" t="s">
        <v>33096</v>
      </c>
      <c r="B32483" s="6"/>
      <c r="C32483" s="6" t="s">
        <v>32230</v>
      </c>
      <c r="D32483" s="6"/>
      <c r="E32483" s="6" t="s">
        <v>9</v>
      </c>
      <c r="F32483" s="7">
        <v>38443</v>
      </c>
      <c r="G32483" s="8">
        <v>2176200</v>
      </c>
      <c r="H32483" s="8">
        <v>1</v>
      </c>
      <c r="I32483" s="8">
        <v>2176199</v>
      </c>
      <c r="J32483" s="8">
        <v>1</v>
      </c>
      <c r="K32483" s="9"/>
      <c r="L32483" s="6"/>
    </row>
    <row r="32484" spans="1:12">
      <c r="A32484" s="6" t="s">
        <v>33096</v>
      </c>
      <c r="B32484" s="6"/>
      <c r="C32484" s="6" t="s">
        <v>32230</v>
      </c>
      <c r="D32484" s="6"/>
      <c r="E32484" s="6" t="s">
        <v>9</v>
      </c>
      <c r="F32484" s="7">
        <v>38443</v>
      </c>
      <c r="G32484" s="8">
        <v>2162700</v>
      </c>
      <c r="H32484" s="8">
        <v>1</v>
      </c>
      <c r="I32484" s="8">
        <v>2162699</v>
      </c>
      <c r="J32484" s="8">
        <v>1</v>
      </c>
      <c r="K32484" s="9"/>
      <c r="L32484" s="6"/>
    </row>
    <row r="32485" spans="1:12">
      <c r="A32485" s="6" t="s">
        <v>33096</v>
      </c>
      <c r="B32485" s="6"/>
      <c r="C32485" s="6" t="s">
        <v>32230</v>
      </c>
      <c r="D32485" s="6"/>
      <c r="E32485" s="6" t="s">
        <v>9</v>
      </c>
      <c r="F32485" s="7">
        <v>38443</v>
      </c>
      <c r="G32485" s="8">
        <v>1287900</v>
      </c>
      <c r="H32485" s="8">
        <v>1</v>
      </c>
      <c r="I32485" s="8">
        <v>1287899</v>
      </c>
      <c r="J32485" s="8">
        <v>1</v>
      </c>
      <c r="K32485" s="9"/>
      <c r="L32485" s="6"/>
    </row>
    <row r="32486" spans="1:12">
      <c r="A32486" s="6" t="s">
        <v>33096</v>
      </c>
      <c r="B32486" s="6"/>
      <c r="C32486" s="6" t="s">
        <v>32230</v>
      </c>
      <c r="D32486" s="6"/>
      <c r="E32486" s="6" t="s">
        <v>9</v>
      </c>
      <c r="F32486" s="7">
        <v>38443</v>
      </c>
      <c r="G32486" s="8">
        <v>1244700</v>
      </c>
      <c r="H32486" s="8">
        <v>1</v>
      </c>
      <c r="I32486" s="8">
        <v>1244699</v>
      </c>
      <c r="J32486" s="8">
        <v>1</v>
      </c>
      <c r="K32486" s="9"/>
      <c r="L32486" s="6"/>
    </row>
    <row r="32487" spans="1:12">
      <c r="A32487" s="6" t="s">
        <v>33096</v>
      </c>
      <c r="B32487" s="6"/>
      <c r="C32487" s="6" t="s">
        <v>32230</v>
      </c>
      <c r="D32487" s="6"/>
      <c r="E32487" s="6" t="s">
        <v>9</v>
      </c>
      <c r="F32487" s="7">
        <v>38808</v>
      </c>
      <c r="G32487" s="8">
        <v>16419755</v>
      </c>
      <c r="H32487" s="8">
        <v>1018033</v>
      </c>
      <c r="I32487" s="8">
        <v>16419754</v>
      </c>
      <c r="J32487" s="8">
        <v>1</v>
      </c>
      <c r="K32487" s="9"/>
      <c r="L32487" s="6"/>
    </row>
    <row r="32488" spans="1:12">
      <c r="A32488" s="6" t="s">
        <v>33096</v>
      </c>
      <c r="B32488" s="6"/>
      <c r="C32488" s="6" t="s">
        <v>32230</v>
      </c>
      <c r="D32488" s="6"/>
      <c r="E32488" s="6" t="s">
        <v>9</v>
      </c>
      <c r="F32488" s="7">
        <v>38808</v>
      </c>
      <c r="G32488" s="8">
        <v>4979780</v>
      </c>
      <c r="H32488" s="8">
        <v>308750</v>
      </c>
      <c r="I32488" s="8">
        <v>4979779</v>
      </c>
      <c r="J32488" s="8">
        <v>1</v>
      </c>
      <c r="K32488" s="9"/>
      <c r="L32488" s="6"/>
    </row>
    <row r="32489" spans="1:12">
      <c r="A32489" s="6" t="s">
        <v>33096</v>
      </c>
      <c r="B32489" s="6"/>
      <c r="C32489" s="6" t="s">
        <v>32230</v>
      </c>
      <c r="D32489" s="6"/>
      <c r="E32489" s="6" t="s">
        <v>9</v>
      </c>
      <c r="F32489" s="7">
        <v>38808</v>
      </c>
      <c r="G32489" s="8">
        <v>4596379</v>
      </c>
      <c r="H32489" s="8">
        <v>284981</v>
      </c>
      <c r="I32489" s="8">
        <v>4596378</v>
      </c>
      <c r="J32489" s="8">
        <v>1</v>
      </c>
      <c r="K32489" s="9"/>
      <c r="L32489" s="6"/>
    </row>
    <row r="32490" spans="1:12">
      <c r="A32490" s="6" t="s">
        <v>33096</v>
      </c>
      <c r="B32490" s="6"/>
      <c r="C32490" s="6" t="s">
        <v>32230</v>
      </c>
      <c r="D32490" s="6"/>
      <c r="E32490" s="6" t="s">
        <v>9</v>
      </c>
      <c r="F32490" s="7">
        <v>38808</v>
      </c>
      <c r="G32490" s="8">
        <v>4412435</v>
      </c>
      <c r="H32490" s="8">
        <v>273573</v>
      </c>
      <c r="I32490" s="8">
        <v>4412434</v>
      </c>
      <c r="J32490" s="8">
        <v>1</v>
      </c>
      <c r="K32490" s="9"/>
      <c r="L32490" s="6"/>
    </row>
    <row r="32491" spans="1:12">
      <c r="A32491" s="6" t="s">
        <v>33096</v>
      </c>
      <c r="B32491" s="6"/>
      <c r="C32491" s="6" t="s">
        <v>32230</v>
      </c>
      <c r="D32491" s="6"/>
      <c r="E32491" s="6" t="s">
        <v>9</v>
      </c>
      <c r="F32491" s="7">
        <v>38808</v>
      </c>
      <c r="G32491" s="8">
        <v>1992355</v>
      </c>
      <c r="H32491" s="8">
        <v>123537</v>
      </c>
      <c r="I32491" s="8">
        <v>1992354</v>
      </c>
      <c r="J32491" s="8">
        <v>1</v>
      </c>
      <c r="K32491" s="9"/>
      <c r="L32491" s="6"/>
    </row>
    <row r="32492" spans="1:12">
      <c r="A32492" s="6" t="s">
        <v>33096</v>
      </c>
      <c r="B32492" s="6"/>
      <c r="C32492" s="6" t="s">
        <v>32230</v>
      </c>
      <c r="D32492" s="6"/>
      <c r="E32492" s="6" t="s">
        <v>9</v>
      </c>
      <c r="F32492" s="7">
        <v>38808</v>
      </c>
      <c r="G32492" s="8">
        <v>1378470</v>
      </c>
      <c r="H32492" s="8">
        <v>85472</v>
      </c>
      <c r="I32492" s="8">
        <v>1378469</v>
      </c>
      <c r="J32492" s="8">
        <v>1</v>
      </c>
      <c r="K32492" s="9"/>
      <c r="L32492" s="6"/>
    </row>
    <row r="32493" spans="1:12">
      <c r="A32493" s="6" t="s">
        <v>33096</v>
      </c>
      <c r="B32493" s="6"/>
      <c r="C32493" s="6" t="s">
        <v>32230</v>
      </c>
      <c r="D32493" s="6"/>
      <c r="E32493" s="6" t="s">
        <v>9</v>
      </c>
      <c r="F32493" s="7">
        <v>38808</v>
      </c>
      <c r="G32493" s="8">
        <v>1894842</v>
      </c>
      <c r="H32493" s="8">
        <v>117486</v>
      </c>
      <c r="I32493" s="8">
        <v>1894841</v>
      </c>
      <c r="J32493" s="8">
        <v>1</v>
      </c>
      <c r="K32493" s="9"/>
      <c r="L32493" s="6"/>
    </row>
    <row r="32494" spans="1:12">
      <c r="A32494" s="6" t="s">
        <v>33096</v>
      </c>
      <c r="B32494" s="6"/>
      <c r="C32494" s="6" t="s">
        <v>32230</v>
      </c>
      <c r="D32494" s="6"/>
      <c r="E32494" s="6" t="s">
        <v>9</v>
      </c>
      <c r="F32494" s="7">
        <v>38808</v>
      </c>
      <c r="G32494" s="8">
        <v>2878831</v>
      </c>
      <c r="H32494" s="8">
        <v>178497</v>
      </c>
      <c r="I32494" s="8">
        <v>2878830</v>
      </c>
      <c r="J32494" s="8">
        <v>1</v>
      </c>
      <c r="K32494" s="9"/>
      <c r="L32494" s="6"/>
    </row>
    <row r="32495" spans="1:12">
      <c r="A32495" s="6" t="s">
        <v>33097</v>
      </c>
      <c r="B32495" s="6"/>
      <c r="C32495" s="6" t="s">
        <v>32230</v>
      </c>
      <c r="D32495" s="6"/>
      <c r="E32495" s="6" t="s">
        <v>9</v>
      </c>
      <c r="F32495" s="7">
        <v>38808</v>
      </c>
      <c r="G32495" s="8">
        <v>1</v>
      </c>
      <c r="H32495" s="8">
        <v>1</v>
      </c>
      <c r="I32495" s="8">
        <v>0</v>
      </c>
      <c r="J32495" s="8">
        <v>1</v>
      </c>
      <c r="K32495" s="9"/>
      <c r="L32495" s="6"/>
    </row>
    <row r="32496" spans="1:12">
      <c r="A32496" s="6" t="s">
        <v>33096</v>
      </c>
      <c r="B32496" s="6"/>
      <c r="C32496" s="6" t="s">
        <v>32230</v>
      </c>
      <c r="D32496" s="6"/>
      <c r="E32496" s="6" t="s">
        <v>9</v>
      </c>
      <c r="F32496" s="7">
        <v>39414</v>
      </c>
      <c r="G32496" s="8">
        <v>13151742</v>
      </c>
      <c r="H32496" s="8">
        <v>1696584</v>
      </c>
      <c r="I32496" s="8">
        <v>12336324</v>
      </c>
      <c r="J32496" s="8">
        <v>815418</v>
      </c>
      <c r="K32496" s="9"/>
      <c r="L32496" s="6"/>
    </row>
    <row r="32497" spans="1:12">
      <c r="A32497" s="6" t="s">
        <v>33096</v>
      </c>
      <c r="B32497" s="6"/>
      <c r="C32497" s="6" t="s">
        <v>32230</v>
      </c>
      <c r="D32497" s="6"/>
      <c r="E32497" s="6" t="s">
        <v>9</v>
      </c>
      <c r="F32497" s="7">
        <v>39414</v>
      </c>
      <c r="G32497" s="8">
        <v>2973985</v>
      </c>
      <c r="H32497" s="8">
        <v>383657</v>
      </c>
      <c r="I32497" s="8">
        <v>2789584</v>
      </c>
      <c r="J32497" s="8">
        <v>184401</v>
      </c>
      <c r="K32497" s="9"/>
      <c r="L32497" s="6"/>
    </row>
    <row r="32498" spans="1:12">
      <c r="A32498" s="6" t="s">
        <v>33096</v>
      </c>
      <c r="B32498" s="6"/>
      <c r="C32498" s="6" t="s">
        <v>32230</v>
      </c>
      <c r="D32498" s="6"/>
      <c r="E32498" s="6" t="s">
        <v>9</v>
      </c>
      <c r="F32498" s="7">
        <v>39414</v>
      </c>
      <c r="G32498" s="8">
        <v>1450212</v>
      </c>
      <c r="H32498" s="8">
        <v>187080</v>
      </c>
      <c r="I32498" s="8">
        <v>1360296</v>
      </c>
      <c r="J32498" s="8">
        <v>89916</v>
      </c>
      <c r="K32498" s="9"/>
      <c r="L32498" s="6"/>
    </row>
    <row r="32499" spans="1:12">
      <c r="A32499" s="6" t="s">
        <v>33096</v>
      </c>
      <c r="B32499" s="6"/>
      <c r="C32499" s="6" t="s">
        <v>32230</v>
      </c>
      <c r="D32499" s="6"/>
      <c r="E32499" s="6" t="s">
        <v>9</v>
      </c>
      <c r="F32499" s="7">
        <v>39414</v>
      </c>
      <c r="G32499" s="8">
        <v>1510637</v>
      </c>
      <c r="H32499" s="8">
        <v>194881</v>
      </c>
      <c r="I32499" s="8">
        <v>1416968</v>
      </c>
      <c r="J32499" s="8">
        <v>93669</v>
      </c>
      <c r="K32499" s="9"/>
      <c r="L32499" s="6"/>
    </row>
    <row r="32500" spans="1:12">
      <c r="A32500" s="6" t="s">
        <v>33096</v>
      </c>
      <c r="B32500" s="6"/>
      <c r="C32500" s="6" t="s">
        <v>32230</v>
      </c>
      <c r="D32500" s="6"/>
      <c r="E32500" s="6" t="s">
        <v>9</v>
      </c>
      <c r="F32500" s="7">
        <v>39414</v>
      </c>
      <c r="G32500" s="8">
        <v>1486992</v>
      </c>
      <c r="H32500" s="8">
        <v>191828</v>
      </c>
      <c r="I32500" s="8">
        <v>1394792</v>
      </c>
      <c r="J32500" s="8">
        <v>92200</v>
      </c>
      <c r="K32500" s="9"/>
      <c r="L32500" s="6"/>
    </row>
    <row r="32501" spans="1:12">
      <c r="A32501" s="6" t="s">
        <v>33096</v>
      </c>
      <c r="B32501" s="6"/>
      <c r="C32501" s="6" t="s">
        <v>32230</v>
      </c>
      <c r="D32501" s="6"/>
      <c r="E32501" s="6" t="s">
        <v>9</v>
      </c>
      <c r="F32501" s="7">
        <v>39414</v>
      </c>
      <c r="G32501" s="8">
        <v>1484365</v>
      </c>
      <c r="H32501" s="8">
        <v>191489</v>
      </c>
      <c r="I32501" s="8">
        <v>1392328</v>
      </c>
      <c r="J32501" s="8">
        <v>92037</v>
      </c>
      <c r="K32501" s="9"/>
      <c r="L32501" s="6"/>
    </row>
    <row r="32502" spans="1:12">
      <c r="A32502" s="6" t="s">
        <v>33096</v>
      </c>
      <c r="B32502" s="6"/>
      <c r="C32502" s="6" t="s">
        <v>32230</v>
      </c>
      <c r="D32502" s="6"/>
      <c r="E32502" s="6" t="s">
        <v>9</v>
      </c>
      <c r="F32502" s="7">
        <v>39414</v>
      </c>
      <c r="G32502" s="8">
        <v>2138537</v>
      </c>
      <c r="H32502" s="8">
        <v>275884</v>
      </c>
      <c r="I32502" s="8">
        <v>2005934</v>
      </c>
      <c r="J32502" s="8">
        <v>132603</v>
      </c>
      <c r="K32502" s="9"/>
      <c r="L32502" s="6"/>
    </row>
    <row r="32503" spans="1:12">
      <c r="A32503" s="6" t="s">
        <v>33096</v>
      </c>
      <c r="B32503" s="6"/>
      <c r="C32503" s="6" t="s">
        <v>32230</v>
      </c>
      <c r="D32503" s="6"/>
      <c r="E32503" s="6" t="s">
        <v>9</v>
      </c>
      <c r="F32503" s="7">
        <v>39414</v>
      </c>
      <c r="G32503" s="8">
        <v>1019352</v>
      </c>
      <c r="H32503" s="8">
        <v>131504</v>
      </c>
      <c r="I32503" s="8">
        <v>956144</v>
      </c>
      <c r="J32503" s="8">
        <v>63208</v>
      </c>
      <c r="K32503" s="9"/>
      <c r="L32503" s="6"/>
    </row>
    <row r="32504" spans="1:12">
      <c r="A32504" s="6" t="s">
        <v>33096</v>
      </c>
      <c r="B32504" s="6"/>
      <c r="C32504" s="6" t="s">
        <v>32230</v>
      </c>
      <c r="D32504" s="6"/>
      <c r="E32504" s="6" t="s">
        <v>9</v>
      </c>
      <c r="F32504" s="7">
        <v>39414</v>
      </c>
      <c r="G32504" s="8">
        <v>1486992</v>
      </c>
      <c r="H32504" s="8">
        <v>191828</v>
      </c>
      <c r="I32504" s="8">
        <v>1394792</v>
      </c>
      <c r="J32504" s="8">
        <v>92200</v>
      </c>
      <c r="K32504" s="9"/>
      <c r="L32504" s="6"/>
    </row>
    <row r="32505" spans="1:12">
      <c r="A32505" s="6" t="s">
        <v>33096</v>
      </c>
      <c r="B32505" s="6"/>
      <c r="C32505" s="6" t="s">
        <v>32230</v>
      </c>
      <c r="D32505" s="6"/>
      <c r="E32505" s="6" t="s">
        <v>9</v>
      </c>
      <c r="F32505" s="7">
        <v>39414</v>
      </c>
      <c r="G32505" s="8">
        <v>1452839</v>
      </c>
      <c r="H32505" s="8">
        <v>187419</v>
      </c>
      <c r="I32505" s="8">
        <v>1362760</v>
      </c>
      <c r="J32505" s="8">
        <v>90079</v>
      </c>
      <c r="K32505" s="9"/>
      <c r="L32505" s="6"/>
    </row>
    <row r="32506" spans="1:12">
      <c r="A32506" s="6" t="s">
        <v>33096</v>
      </c>
      <c r="B32506" s="6"/>
      <c r="C32506" s="6" t="s">
        <v>32230</v>
      </c>
      <c r="D32506" s="6"/>
      <c r="E32506" s="6" t="s">
        <v>9</v>
      </c>
      <c r="F32506" s="7">
        <v>39414</v>
      </c>
      <c r="G32506" s="8">
        <v>998334</v>
      </c>
      <c r="H32506" s="8">
        <v>128790</v>
      </c>
      <c r="I32506" s="8">
        <v>936432</v>
      </c>
      <c r="J32506" s="8">
        <v>61902</v>
      </c>
      <c r="K32506" s="9"/>
      <c r="L32506" s="6"/>
    </row>
    <row r="32507" spans="1:12">
      <c r="A32507" s="6" t="s">
        <v>33096</v>
      </c>
      <c r="B32507" s="6"/>
      <c r="C32507" s="6" t="s">
        <v>32230</v>
      </c>
      <c r="D32507" s="6"/>
      <c r="E32507" s="6" t="s">
        <v>9</v>
      </c>
      <c r="F32507" s="7">
        <v>39414</v>
      </c>
      <c r="G32507" s="8">
        <v>13290984</v>
      </c>
      <c r="H32507" s="8">
        <v>1714549</v>
      </c>
      <c r="I32507" s="8">
        <v>12466930</v>
      </c>
      <c r="J32507" s="8">
        <v>824054</v>
      </c>
      <c r="K32507" s="9"/>
      <c r="L32507" s="6"/>
    </row>
    <row r="32508" spans="1:12">
      <c r="A32508" s="6" t="s">
        <v>33096</v>
      </c>
      <c r="B32508" s="6"/>
      <c r="C32508" s="6" t="s">
        <v>32230</v>
      </c>
      <c r="D32508" s="6"/>
      <c r="E32508" s="6" t="s">
        <v>9</v>
      </c>
      <c r="F32508" s="7">
        <v>39414</v>
      </c>
      <c r="G32508" s="8">
        <v>1066641</v>
      </c>
      <c r="H32508" s="8">
        <v>137609</v>
      </c>
      <c r="I32508" s="8">
        <v>1000496</v>
      </c>
      <c r="J32508" s="8">
        <v>66145</v>
      </c>
      <c r="K32508" s="9"/>
      <c r="L32508" s="6"/>
    </row>
    <row r="32509" spans="1:12">
      <c r="A32509" s="6" t="s">
        <v>33096</v>
      </c>
      <c r="B32509" s="6"/>
      <c r="C32509" s="6" t="s">
        <v>32230</v>
      </c>
      <c r="D32509" s="6"/>
      <c r="E32509" s="6" t="s">
        <v>9</v>
      </c>
      <c r="F32509" s="7">
        <v>39414</v>
      </c>
      <c r="G32509" s="8">
        <v>3699091</v>
      </c>
      <c r="H32509" s="8">
        <v>477184</v>
      </c>
      <c r="I32509" s="8">
        <v>3469746</v>
      </c>
      <c r="J32509" s="8">
        <v>229345</v>
      </c>
      <c r="K32509" s="9"/>
      <c r="L32509" s="6"/>
    </row>
    <row r="32510" spans="1:12">
      <c r="A32510" s="6" t="s">
        <v>33096</v>
      </c>
      <c r="B32510" s="6"/>
      <c r="C32510" s="6" t="s">
        <v>32230</v>
      </c>
      <c r="D32510" s="6"/>
      <c r="E32510" s="6" t="s">
        <v>9</v>
      </c>
      <c r="F32510" s="7">
        <v>39414</v>
      </c>
      <c r="G32510" s="8">
        <v>1053505</v>
      </c>
      <c r="H32510" s="8">
        <v>135913</v>
      </c>
      <c r="I32510" s="8">
        <v>988176</v>
      </c>
      <c r="J32510" s="8">
        <v>65329</v>
      </c>
      <c r="K32510" s="9"/>
      <c r="L32510" s="6"/>
    </row>
    <row r="32511" spans="1:12">
      <c r="A32511" s="6" t="s">
        <v>33096</v>
      </c>
      <c r="B32511" s="6"/>
      <c r="C32511" s="6" t="s">
        <v>32230</v>
      </c>
      <c r="D32511" s="6"/>
      <c r="E32511" s="6" t="s">
        <v>9</v>
      </c>
      <c r="F32511" s="7">
        <v>39414</v>
      </c>
      <c r="G32511" s="8">
        <v>367807</v>
      </c>
      <c r="H32511" s="8">
        <v>47448</v>
      </c>
      <c r="I32511" s="8">
        <v>345002</v>
      </c>
      <c r="J32511" s="8">
        <v>22805</v>
      </c>
      <c r="K32511" s="9"/>
      <c r="L32511" s="6"/>
    </row>
    <row r="32512" spans="1:12">
      <c r="A32512" s="6" t="s">
        <v>33096</v>
      </c>
      <c r="B32512" s="6"/>
      <c r="C32512" s="6" t="s">
        <v>32230</v>
      </c>
      <c r="D32512" s="6"/>
      <c r="E32512" s="6" t="s">
        <v>9</v>
      </c>
      <c r="F32512" s="7">
        <v>39414</v>
      </c>
      <c r="G32512" s="8">
        <v>882737</v>
      </c>
      <c r="H32512" s="8">
        <v>113878</v>
      </c>
      <c r="I32512" s="8">
        <v>828002</v>
      </c>
      <c r="J32512" s="8">
        <v>54735</v>
      </c>
      <c r="K32512" s="9"/>
      <c r="L32512" s="6"/>
    </row>
    <row r="32513" spans="1:12">
      <c r="A32513" s="6" t="s">
        <v>33097</v>
      </c>
      <c r="B32513" s="6"/>
      <c r="C32513" s="6" t="s">
        <v>32230</v>
      </c>
      <c r="D32513" s="6"/>
      <c r="E32513" s="6" t="s">
        <v>9</v>
      </c>
      <c r="F32513" s="7">
        <v>39539</v>
      </c>
      <c r="G32513" s="8">
        <v>1</v>
      </c>
      <c r="H32513" s="8">
        <v>1</v>
      </c>
      <c r="I32513" s="8">
        <v>0</v>
      </c>
      <c r="J32513" s="8">
        <v>1</v>
      </c>
      <c r="K32513" s="9"/>
      <c r="L32513" s="6"/>
    </row>
    <row r="32514" spans="1:12">
      <c r="A32514" s="6" t="s">
        <v>33143</v>
      </c>
      <c r="B32514" s="6"/>
      <c r="C32514" s="6" t="s">
        <v>32230</v>
      </c>
      <c r="D32514" s="6"/>
      <c r="E32514" s="6" t="s">
        <v>9</v>
      </c>
      <c r="F32514" s="7">
        <v>39472</v>
      </c>
      <c r="G32514" s="8">
        <v>1239000</v>
      </c>
      <c r="H32514" s="8">
        <v>1</v>
      </c>
      <c r="I32514" s="8">
        <v>1238999</v>
      </c>
      <c r="J32514" s="8">
        <v>1</v>
      </c>
      <c r="K32514" s="9"/>
      <c r="L32514" s="6"/>
    </row>
    <row r="32515" spans="1:12">
      <c r="A32515" s="6" t="s">
        <v>33096</v>
      </c>
      <c r="B32515" s="6"/>
      <c r="C32515" s="6" t="s">
        <v>32230</v>
      </c>
      <c r="D32515" s="6"/>
      <c r="E32515" s="6" t="s">
        <v>9</v>
      </c>
      <c r="F32515" s="7">
        <v>39414</v>
      </c>
      <c r="G32515" s="8">
        <v>4069526</v>
      </c>
      <c r="H32515" s="8">
        <v>524972</v>
      </c>
      <c r="I32515" s="8">
        <v>3817212</v>
      </c>
      <c r="J32515" s="8">
        <v>252314</v>
      </c>
      <c r="K32515" s="9"/>
      <c r="L32515" s="6"/>
    </row>
    <row r="32516" spans="1:12">
      <c r="A32516" s="6" t="s">
        <v>33096</v>
      </c>
      <c r="B32516" s="6"/>
      <c r="C32516" s="6" t="s">
        <v>32230</v>
      </c>
      <c r="D32516" s="6"/>
      <c r="E32516" s="6" t="s">
        <v>9</v>
      </c>
      <c r="F32516" s="7">
        <v>39414</v>
      </c>
      <c r="G32516" s="8">
        <v>7621495</v>
      </c>
      <c r="H32516" s="8">
        <v>983175</v>
      </c>
      <c r="I32516" s="8">
        <v>7148960</v>
      </c>
      <c r="J32516" s="8">
        <v>472535</v>
      </c>
      <c r="K32516" s="9"/>
      <c r="L32516" s="6"/>
    </row>
    <row r="32517" spans="1:12">
      <c r="A32517" s="6" t="s">
        <v>33096</v>
      </c>
      <c r="B32517" s="6"/>
      <c r="C32517" s="6" t="s">
        <v>32230</v>
      </c>
      <c r="D32517" s="6"/>
      <c r="E32517" s="6" t="s">
        <v>9</v>
      </c>
      <c r="F32517" s="7">
        <v>39414</v>
      </c>
      <c r="G32517" s="8">
        <v>8895685</v>
      </c>
      <c r="H32517" s="8">
        <v>1147555</v>
      </c>
      <c r="I32517" s="8">
        <v>8344140</v>
      </c>
      <c r="J32517" s="8">
        <v>551545</v>
      </c>
      <c r="K32517" s="9"/>
      <c r="L32517" s="6"/>
    </row>
    <row r="32518" spans="1:12">
      <c r="A32518" s="6" t="s">
        <v>33096</v>
      </c>
      <c r="B32518" s="6"/>
      <c r="C32518" s="6" t="s">
        <v>32230</v>
      </c>
      <c r="D32518" s="6"/>
      <c r="E32518" s="6" t="s">
        <v>9</v>
      </c>
      <c r="F32518" s="7">
        <v>39414</v>
      </c>
      <c r="G32518" s="8">
        <v>1465975</v>
      </c>
      <c r="H32518" s="8">
        <v>189115</v>
      </c>
      <c r="I32518" s="8">
        <v>1375080</v>
      </c>
      <c r="J32518" s="8">
        <v>90895</v>
      </c>
      <c r="K32518" s="9"/>
      <c r="L32518" s="6"/>
    </row>
    <row r="32519" spans="1:12">
      <c r="A32519" s="6" t="s">
        <v>33096</v>
      </c>
      <c r="B32519" s="6"/>
      <c r="C32519" s="6" t="s">
        <v>32230</v>
      </c>
      <c r="D32519" s="6"/>
      <c r="E32519" s="6" t="s">
        <v>9</v>
      </c>
      <c r="F32519" s="7">
        <v>42307</v>
      </c>
      <c r="G32519" s="8">
        <v>2354400</v>
      </c>
      <c r="H32519" s="8">
        <v>1565680</v>
      </c>
      <c r="I32519" s="8">
        <v>946464</v>
      </c>
      <c r="J32519" s="8">
        <v>1407936</v>
      </c>
      <c r="K32519" s="9"/>
      <c r="L32519" s="6"/>
    </row>
    <row r="32520" spans="1:12">
      <c r="A32520" s="6" t="s">
        <v>33096</v>
      </c>
      <c r="B32520" s="6"/>
      <c r="C32520" s="6" t="s">
        <v>32230</v>
      </c>
      <c r="D32520" s="6"/>
      <c r="E32520" s="6" t="s">
        <v>9</v>
      </c>
      <c r="F32520" s="7">
        <v>39414</v>
      </c>
      <c r="G32520" s="8">
        <v>1518519</v>
      </c>
      <c r="H32520" s="8">
        <v>195899</v>
      </c>
      <c r="I32520" s="8">
        <v>1424360</v>
      </c>
      <c r="J32520" s="8">
        <v>94159</v>
      </c>
      <c r="K32520" s="9"/>
      <c r="L32520" s="6"/>
    </row>
    <row r="32521" spans="1:12">
      <c r="A32521" s="6" t="s">
        <v>33096</v>
      </c>
      <c r="B32521" s="6"/>
      <c r="C32521" s="6" t="s">
        <v>32230</v>
      </c>
      <c r="D32521" s="6"/>
      <c r="E32521" s="6" t="s">
        <v>9</v>
      </c>
      <c r="F32521" s="7">
        <v>39414</v>
      </c>
      <c r="G32521" s="8">
        <v>6055686</v>
      </c>
      <c r="H32521" s="8">
        <v>781196</v>
      </c>
      <c r="I32521" s="8">
        <v>5680220</v>
      </c>
      <c r="J32521" s="8">
        <v>375466</v>
      </c>
      <c r="K32521" s="9"/>
      <c r="L32521" s="6"/>
    </row>
    <row r="32522" spans="1:12">
      <c r="A32522" s="6" t="s">
        <v>33096</v>
      </c>
      <c r="B32522" s="6"/>
      <c r="C32522" s="6" t="s">
        <v>32230</v>
      </c>
      <c r="D32522" s="6"/>
      <c r="E32522" s="6" t="s">
        <v>9</v>
      </c>
      <c r="F32522" s="7">
        <v>39731</v>
      </c>
      <c r="G32522" s="8">
        <v>12652872</v>
      </c>
      <c r="H32522" s="8">
        <v>2479968</v>
      </c>
      <c r="I32522" s="8">
        <v>11020646</v>
      </c>
      <c r="J32522" s="8">
        <v>1632226</v>
      </c>
      <c r="K32522" s="9"/>
      <c r="L32522" s="6"/>
    </row>
    <row r="32523" spans="1:12">
      <c r="A32523" s="6" t="s">
        <v>33096</v>
      </c>
      <c r="B32523" s="6"/>
      <c r="C32523" s="6" t="s">
        <v>32230</v>
      </c>
      <c r="D32523" s="6"/>
      <c r="E32523" s="6" t="s">
        <v>9</v>
      </c>
      <c r="F32523" s="7">
        <v>39731</v>
      </c>
      <c r="G32523" s="8">
        <v>626332</v>
      </c>
      <c r="H32523" s="8">
        <v>122764</v>
      </c>
      <c r="I32523" s="8">
        <v>545532</v>
      </c>
      <c r="J32523" s="8">
        <v>80800</v>
      </c>
      <c r="K32523" s="9"/>
      <c r="L32523" s="6"/>
    </row>
    <row r="32524" spans="1:12">
      <c r="A32524" s="6" t="s">
        <v>33097</v>
      </c>
      <c r="B32524" s="6"/>
      <c r="C32524" s="6" t="s">
        <v>32230</v>
      </c>
      <c r="D32524" s="6"/>
      <c r="E32524" s="6" t="s">
        <v>9</v>
      </c>
      <c r="F32524" s="7">
        <v>39519</v>
      </c>
      <c r="G32524" s="8">
        <v>32187750</v>
      </c>
      <c r="H32524" s="8">
        <v>7499749</v>
      </c>
      <c r="I32524" s="8">
        <v>26587078</v>
      </c>
      <c r="J32524" s="8">
        <v>5600672</v>
      </c>
      <c r="K32524" s="9"/>
      <c r="L32524" s="6"/>
    </row>
    <row r="32525" spans="1:12">
      <c r="A32525" s="6" t="s">
        <v>33143</v>
      </c>
      <c r="B32525" s="6"/>
      <c r="C32525" s="6" t="s">
        <v>32230</v>
      </c>
      <c r="D32525" s="6"/>
      <c r="E32525" s="6" t="s">
        <v>9</v>
      </c>
      <c r="F32525" s="7">
        <v>39521</v>
      </c>
      <c r="G32525" s="8">
        <v>976500</v>
      </c>
      <c r="H32525" s="8">
        <v>1</v>
      </c>
      <c r="I32525" s="8">
        <v>976499</v>
      </c>
      <c r="J32525" s="8">
        <v>1</v>
      </c>
      <c r="K32525" s="9"/>
      <c r="L32525" s="6"/>
    </row>
    <row r="32526" spans="1:12">
      <c r="A32526" s="6" t="s">
        <v>33096</v>
      </c>
      <c r="B32526" s="6"/>
      <c r="C32526" s="6" t="s">
        <v>32230</v>
      </c>
      <c r="D32526" s="6"/>
      <c r="E32526" s="6" t="s">
        <v>9</v>
      </c>
      <c r="F32526" s="7">
        <v>39731</v>
      </c>
      <c r="G32526" s="8">
        <v>2157632</v>
      </c>
      <c r="H32526" s="8">
        <v>422900</v>
      </c>
      <c r="I32526" s="8">
        <v>1879293</v>
      </c>
      <c r="J32526" s="8">
        <v>278339</v>
      </c>
      <c r="K32526" s="9"/>
      <c r="L32526" s="6"/>
    </row>
    <row r="32527" spans="1:12">
      <c r="A32527" s="6" t="s">
        <v>33096</v>
      </c>
      <c r="B32527" s="6"/>
      <c r="C32527" s="6" t="s">
        <v>32230</v>
      </c>
      <c r="D32527" s="6"/>
      <c r="E32527" s="6" t="s">
        <v>9</v>
      </c>
      <c r="F32527" s="7">
        <v>39731</v>
      </c>
      <c r="G32527" s="8">
        <v>9123499</v>
      </c>
      <c r="H32527" s="8">
        <v>1788211</v>
      </c>
      <c r="I32527" s="8">
        <v>7946562</v>
      </c>
      <c r="J32527" s="8">
        <v>1176937</v>
      </c>
      <c r="K32527" s="9"/>
      <c r="L32527" s="6"/>
    </row>
    <row r="32528" spans="1:12">
      <c r="A32528" s="6" t="s">
        <v>33096</v>
      </c>
      <c r="B32528" s="6"/>
      <c r="C32528" s="6" t="s">
        <v>32230</v>
      </c>
      <c r="D32528" s="6"/>
      <c r="E32528" s="6" t="s">
        <v>9</v>
      </c>
      <c r="F32528" s="7">
        <v>39731</v>
      </c>
      <c r="G32528" s="8">
        <v>6091859</v>
      </c>
      <c r="H32528" s="8">
        <v>1194011</v>
      </c>
      <c r="I32528" s="8">
        <v>5306002</v>
      </c>
      <c r="J32528" s="8">
        <v>785857</v>
      </c>
      <c r="K32528" s="9"/>
      <c r="L32528" s="6"/>
    </row>
    <row r="32529" spans="1:12">
      <c r="A32529" s="6" t="s">
        <v>33096</v>
      </c>
      <c r="B32529" s="6"/>
      <c r="C32529" s="6" t="s">
        <v>32230</v>
      </c>
      <c r="D32529" s="6"/>
      <c r="E32529" s="6" t="s">
        <v>9</v>
      </c>
      <c r="F32529" s="7">
        <v>39731</v>
      </c>
      <c r="G32529" s="8">
        <v>6091859</v>
      </c>
      <c r="H32529" s="8">
        <v>1194011</v>
      </c>
      <c r="I32529" s="8">
        <v>5306002</v>
      </c>
      <c r="J32529" s="8">
        <v>785857</v>
      </c>
      <c r="K32529" s="9"/>
      <c r="L32529" s="6"/>
    </row>
    <row r="32530" spans="1:12">
      <c r="A32530" s="6" t="s">
        <v>33096</v>
      </c>
      <c r="B32530" s="6"/>
      <c r="C32530" s="6" t="s">
        <v>32230</v>
      </c>
      <c r="D32530" s="6"/>
      <c r="E32530" s="6" t="s">
        <v>9</v>
      </c>
      <c r="F32530" s="7">
        <v>39731</v>
      </c>
      <c r="G32530" s="8">
        <v>3869926</v>
      </c>
      <c r="H32530" s="8">
        <v>758506</v>
      </c>
      <c r="I32530" s="8">
        <v>3370705</v>
      </c>
      <c r="J32530" s="8">
        <v>499221</v>
      </c>
      <c r="K32530" s="9"/>
      <c r="L32530" s="6"/>
    </row>
    <row r="32531" spans="1:12">
      <c r="A32531" s="6" t="s">
        <v>33096</v>
      </c>
      <c r="B32531" s="6"/>
      <c r="C32531" s="6" t="s">
        <v>32230</v>
      </c>
      <c r="D32531" s="6"/>
      <c r="E32531" s="6" t="s">
        <v>9</v>
      </c>
      <c r="F32531" s="7">
        <v>39731</v>
      </c>
      <c r="G32531" s="8">
        <v>962123</v>
      </c>
      <c r="H32531" s="8">
        <v>188579</v>
      </c>
      <c r="I32531" s="8">
        <v>838006</v>
      </c>
      <c r="J32531" s="8">
        <v>124117</v>
      </c>
      <c r="K32531" s="9"/>
      <c r="L32531" s="6"/>
    </row>
    <row r="32532" spans="1:12">
      <c r="A32532" s="6" t="s">
        <v>33096</v>
      </c>
      <c r="B32532" s="6"/>
      <c r="C32532" s="6" t="s">
        <v>32230</v>
      </c>
      <c r="D32532" s="6"/>
      <c r="E32532" s="6" t="s">
        <v>9</v>
      </c>
      <c r="F32532" s="7">
        <v>39731</v>
      </c>
      <c r="G32532" s="8">
        <v>433431</v>
      </c>
      <c r="H32532" s="8">
        <v>84963</v>
      </c>
      <c r="I32532" s="8">
        <v>377507</v>
      </c>
      <c r="J32532" s="8">
        <v>55924</v>
      </c>
      <c r="K32532" s="9"/>
      <c r="L32532" s="6"/>
    </row>
    <row r="32533" spans="1:12">
      <c r="A32533" s="6" t="s">
        <v>33096</v>
      </c>
      <c r="B32533" s="6"/>
      <c r="C32533" s="6" t="s">
        <v>32230</v>
      </c>
      <c r="D32533" s="6"/>
      <c r="E32533" s="6" t="s">
        <v>9</v>
      </c>
      <c r="F32533" s="7">
        <v>39731</v>
      </c>
      <c r="G32533" s="8">
        <v>976412</v>
      </c>
      <c r="H32533" s="8">
        <v>191384</v>
      </c>
      <c r="I32533" s="8">
        <v>850447</v>
      </c>
      <c r="J32533" s="8">
        <v>125965</v>
      </c>
      <c r="K32533" s="9"/>
      <c r="L32533" s="6"/>
    </row>
    <row r="32534" spans="1:12">
      <c r="A32534" s="6" t="s">
        <v>33096</v>
      </c>
      <c r="B32534" s="6"/>
      <c r="C32534" s="6" t="s">
        <v>32230</v>
      </c>
      <c r="D32534" s="6"/>
      <c r="E32534" s="6" t="s">
        <v>9</v>
      </c>
      <c r="F32534" s="7">
        <v>28946</v>
      </c>
      <c r="G32534" s="8">
        <v>1555200</v>
      </c>
      <c r="H32534" s="8">
        <v>1</v>
      </c>
      <c r="I32534" s="8">
        <v>1555199</v>
      </c>
      <c r="J32534" s="8">
        <v>1</v>
      </c>
      <c r="K32534" s="9"/>
      <c r="L32534" s="6"/>
    </row>
    <row r="32535" spans="1:12">
      <c r="A32535" s="6" t="s">
        <v>33096</v>
      </c>
      <c r="B32535" s="6"/>
      <c r="C32535" s="6" t="s">
        <v>32230</v>
      </c>
      <c r="D32535" s="6"/>
      <c r="E32535" s="6" t="s">
        <v>9</v>
      </c>
      <c r="F32535" s="7">
        <v>29312</v>
      </c>
      <c r="G32535" s="8">
        <v>10030500</v>
      </c>
      <c r="H32535" s="8">
        <v>1</v>
      </c>
      <c r="I32535" s="8">
        <v>10030499</v>
      </c>
      <c r="J32535" s="8">
        <v>1</v>
      </c>
      <c r="K32535" s="9"/>
      <c r="L32535" s="6"/>
    </row>
    <row r="32536" spans="1:12">
      <c r="A32536" s="6" t="s">
        <v>33097</v>
      </c>
      <c r="B32536" s="6"/>
      <c r="C32536" s="6" t="s">
        <v>32230</v>
      </c>
      <c r="D32536" s="6"/>
      <c r="E32536" s="6" t="s">
        <v>9</v>
      </c>
      <c r="F32536" s="7">
        <v>36982</v>
      </c>
      <c r="G32536" s="8">
        <v>5250000</v>
      </c>
      <c r="H32536" s="8">
        <v>1</v>
      </c>
      <c r="I32536" s="8">
        <v>5249999</v>
      </c>
      <c r="J32536" s="8">
        <v>1</v>
      </c>
      <c r="K32536" s="9"/>
      <c r="L32536" s="6"/>
    </row>
    <row r="32537" spans="1:12">
      <c r="A32537" s="6" t="s">
        <v>33096</v>
      </c>
      <c r="B32537" s="6"/>
      <c r="C32537" s="6" t="s">
        <v>32230</v>
      </c>
      <c r="D32537" s="6"/>
      <c r="E32537" s="6" t="s">
        <v>9</v>
      </c>
      <c r="F32537" s="7">
        <v>29312</v>
      </c>
      <c r="G32537" s="8">
        <v>3323700</v>
      </c>
      <c r="H32537" s="8">
        <v>1</v>
      </c>
      <c r="I32537" s="8">
        <v>3323699</v>
      </c>
      <c r="J32537" s="8">
        <v>1</v>
      </c>
      <c r="K32537" s="9"/>
      <c r="L32537" s="6"/>
    </row>
    <row r="32538" spans="1:12">
      <c r="A32538" s="6" t="s">
        <v>33096</v>
      </c>
      <c r="B32538" s="6"/>
      <c r="C32538" s="6" t="s">
        <v>32230</v>
      </c>
      <c r="D32538" s="6"/>
      <c r="E32538" s="6" t="s">
        <v>9</v>
      </c>
      <c r="F32538" s="7">
        <v>29312</v>
      </c>
      <c r="G32538" s="8">
        <v>3434400</v>
      </c>
      <c r="H32538" s="8">
        <v>1</v>
      </c>
      <c r="I32538" s="8">
        <v>3434399</v>
      </c>
      <c r="J32538" s="8">
        <v>1</v>
      </c>
      <c r="K32538" s="9"/>
      <c r="L32538" s="6"/>
    </row>
    <row r="32539" spans="1:12">
      <c r="A32539" s="6" t="s">
        <v>33096</v>
      </c>
      <c r="B32539" s="6"/>
      <c r="C32539" s="6" t="s">
        <v>32230</v>
      </c>
      <c r="D32539" s="6"/>
      <c r="E32539" s="6" t="s">
        <v>9</v>
      </c>
      <c r="F32539" s="7">
        <v>29312</v>
      </c>
      <c r="G32539" s="8">
        <v>783000</v>
      </c>
      <c r="H32539" s="8">
        <v>1</v>
      </c>
      <c r="I32539" s="8">
        <v>782999</v>
      </c>
      <c r="J32539" s="8">
        <v>1</v>
      </c>
      <c r="K32539" s="9"/>
      <c r="L32539" s="6"/>
    </row>
    <row r="32540" spans="1:12">
      <c r="A32540" s="6" t="s">
        <v>33097</v>
      </c>
      <c r="B32540" s="6"/>
      <c r="C32540" s="6" t="s">
        <v>32230</v>
      </c>
      <c r="D32540" s="6"/>
      <c r="E32540" s="6" t="s">
        <v>9</v>
      </c>
      <c r="F32540" s="7">
        <v>36617</v>
      </c>
      <c r="G32540" s="8">
        <v>5040000</v>
      </c>
      <c r="H32540" s="8">
        <v>1</v>
      </c>
      <c r="I32540" s="8">
        <v>5039999</v>
      </c>
      <c r="J32540" s="8">
        <v>1</v>
      </c>
      <c r="K32540" s="9"/>
      <c r="L32540" s="6"/>
    </row>
    <row r="32541" spans="1:12">
      <c r="A32541" s="6" t="s">
        <v>33096</v>
      </c>
      <c r="B32541" s="6"/>
      <c r="C32541" s="6" t="s">
        <v>32230</v>
      </c>
      <c r="D32541" s="6"/>
      <c r="E32541" s="6" t="s">
        <v>9</v>
      </c>
      <c r="F32541" s="7">
        <v>30042</v>
      </c>
      <c r="G32541" s="8">
        <v>1350000</v>
      </c>
      <c r="H32541" s="8">
        <v>1</v>
      </c>
      <c r="I32541" s="8">
        <v>1349999</v>
      </c>
      <c r="J32541" s="8">
        <v>1</v>
      </c>
      <c r="K32541" s="9"/>
      <c r="L32541" s="6"/>
    </row>
    <row r="32542" spans="1:12">
      <c r="A32542" s="6" t="s">
        <v>33096</v>
      </c>
      <c r="B32542" s="6"/>
      <c r="C32542" s="6" t="s">
        <v>32230</v>
      </c>
      <c r="D32542" s="6"/>
      <c r="E32542" s="6" t="s">
        <v>9</v>
      </c>
      <c r="F32542" s="7">
        <v>32599</v>
      </c>
      <c r="G32542" s="8">
        <v>1269000</v>
      </c>
      <c r="H32542" s="8">
        <v>1</v>
      </c>
      <c r="I32542" s="8">
        <v>1268999</v>
      </c>
      <c r="J32542" s="8">
        <v>1</v>
      </c>
      <c r="K32542" s="9"/>
      <c r="L32542" s="6"/>
    </row>
    <row r="32543" spans="1:12">
      <c r="A32543" s="6" t="s">
        <v>33097</v>
      </c>
      <c r="B32543" s="6"/>
      <c r="C32543" s="6" t="s">
        <v>32230</v>
      </c>
      <c r="D32543" s="6"/>
      <c r="E32543" s="6" t="s">
        <v>9</v>
      </c>
      <c r="F32543" s="7">
        <v>32599</v>
      </c>
      <c r="G32543" s="8">
        <v>11411000</v>
      </c>
      <c r="H32543" s="8">
        <v>1</v>
      </c>
      <c r="I32543" s="8">
        <v>11410999</v>
      </c>
      <c r="J32543" s="8">
        <v>1</v>
      </c>
      <c r="K32543" s="9"/>
      <c r="L32543" s="6"/>
    </row>
    <row r="32544" spans="1:12">
      <c r="A32544" s="6" t="s">
        <v>33096</v>
      </c>
      <c r="B32544" s="6"/>
      <c r="C32544" s="6" t="s">
        <v>32230</v>
      </c>
      <c r="D32544" s="6"/>
      <c r="E32544" s="6" t="s">
        <v>9</v>
      </c>
      <c r="F32544" s="7">
        <v>32964</v>
      </c>
      <c r="G32544" s="8">
        <v>5670000</v>
      </c>
      <c r="H32544" s="8">
        <v>1</v>
      </c>
      <c r="I32544" s="8">
        <v>5669999</v>
      </c>
      <c r="J32544" s="8">
        <v>1</v>
      </c>
      <c r="K32544" s="9"/>
      <c r="L32544" s="6"/>
    </row>
    <row r="32545" spans="1:12">
      <c r="A32545" s="6" t="s">
        <v>33096</v>
      </c>
      <c r="B32545" s="6"/>
      <c r="C32545" s="6" t="s">
        <v>32230</v>
      </c>
      <c r="D32545" s="6"/>
      <c r="E32545" s="6" t="s">
        <v>9</v>
      </c>
      <c r="F32545" s="7">
        <v>33695</v>
      </c>
      <c r="G32545" s="8">
        <v>594000</v>
      </c>
      <c r="H32545" s="8">
        <v>1</v>
      </c>
      <c r="I32545" s="8">
        <v>593999</v>
      </c>
      <c r="J32545" s="8">
        <v>1</v>
      </c>
      <c r="K32545" s="9"/>
      <c r="L32545" s="6"/>
    </row>
    <row r="32546" spans="1:12">
      <c r="A32546" s="6" t="s">
        <v>33096</v>
      </c>
      <c r="B32546" s="6"/>
      <c r="C32546" s="6" t="s">
        <v>32230</v>
      </c>
      <c r="D32546" s="6"/>
      <c r="E32546" s="6" t="s">
        <v>9</v>
      </c>
      <c r="F32546" s="7">
        <v>33695</v>
      </c>
      <c r="G32546" s="8">
        <v>594000</v>
      </c>
      <c r="H32546" s="8">
        <v>1</v>
      </c>
      <c r="I32546" s="8">
        <v>593999</v>
      </c>
      <c r="J32546" s="8">
        <v>1</v>
      </c>
      <c r="K32546" s="9"/>
      <c r="L32546" s="6"/>
    </row>
    <row r="32547" spans="1:12">
      <c r="A32547" s="6" t="s">
        <v>33096</v>
      </c>
      <c r="B32547" s="6"/>
      <c r="C32547" s="6" t="s">
        <v>32230</v>
      </c>
      <c r="D32547" s="6"/>
      <c r="E32547" s="6" t="s">
        <v>9</v>
      </c>
      <c r="F32547" s="7">
        <v>33695</v>
      </c>
      <c r="G32547" s="8">
        <v>594000</v>
      </c>
      <c r="H32547" s="8">
        <v>1</v>
      </c>
      <c r="I32547" s="8">
        <v>593999</v>
      </c>
      <c r="J32547" s="8">
        <v>1</v>
      </c>
      <c r="K32547" s="9"/>
      <c r="L32547" s="6"/>
    </row>
    <row r="32548" spans="1:12">
      <c r="A32548" s="6" t="s">
        <v>33096</v>
      </c>
      <c r="B32548" s="6"/>
      <c r="C32548" s="6" t="s">
        <v>32230</v>
      </c>
      <c r="D32548" s="6"/>
      <c r="E32548" s="6" t="s">
        <v>9</v>
      </c>
      <c r="F32548" s="7">
        <v>33695</v>
      </c>
      <c r="G32548" s="8">
        <v>594000</v>
      </c>
      <c r="H32548" s="8">
        <v>1</v>
      </c>
      <c r="I32548" s="8">
        <v>593999</v>
      </c>
      <c r="J32548" s="8">
        <v>1</v>
      </c>
      <c r="K32548" s="9"/>
      <c r="L32548" s="6"/>
    </row>
    <row r="32549" spans="1:12">
      <c r="A32549" s="6" t="s">
        <v>33096</v>
      </c>
      <c r="B32549" s="6"/>
      <c r="C32549" s="6" t="s">
        <v>32230</v>
      </c>
      <c r="D32549" s="6"/>
      <c r="E32549" s="6" t="s">
        <v>9</v>
      </c>
      <c r="F32549" s="7">
        <v>36251</v>
      </c>
      <c r="G32549" s="8">
        <v>4633200</v>
      </c>
      <c r="H32549" s="8">
        <v>1</v>
      </c>
      <c r="I32549" s="8">
        <v>4633199</v>
      </c>
      <c r="J32549" s="8">
        <v>1</v>
      </c>
      <c r="K32549" s="9"/>
      <c r="L32549" s="6"/>
    </row>
    <row r="32550" spans="1:12">
      <c r="A32550" s="6" t="s">
        <v>33096</v>
      </c>
      <c r="B32550" s="6"/>
      <c r="C32550" s="6" t="s">
        <v>32230</v>
      </c>
      <c r="D32550" s="6"/>
      <c r="E32550" s="6" t="s">
        <v>9</v>
      </c>
      <c r="F32550" s="7">
        <v>36251</v>
      </c>
      <c r="G32550" s="8">
        <v>1312200</v>
      </c>
      <c r="H32550" s="8">
        <v>1</v>
      </c>
      <c r="I32550" s="8">
        <v>1312199</v>
      </c>
      <c r="J32550" s="8">
        <v>1</v>
      </c>
      <c r="K32550" s="9"/>
      <c r="L32550" s="6"/>
    </row>
    <row r="32551" spans="1:12">
      <c r="A32551" s="6" t="s">
        <v>33096</v>
      </c>
      <c r="B32551" s="6"/>
      <c r="C32551" s="6" t="s">
        <v>32230</v>
      </c>
      <c r="D32551" s="6"/>
      <c r="E32551" s="6" t="s">
        <v>9</v>
      </c>
      <c r="F32551" s="7">
        <v>36251</v>
      </c>
      <c r="G32551" s="8">
        <v>2133000</v>
      </c>
      <c r="H32551" s="8">
        <v>1</v>
      </c>
      <c r="I32551" s="8">
        <v>2132999</v>
      </c>
      <c r="J32551" s="8">
        <v>1</v>
      </c>
      <c r="K32551" s="9"/>
      <c r="L32551" s="6"/>
    </row>
    <row r="32552" spans="1:12">
      <c r="A32552" s="6" t="s">
        <v>33097</v>
      </c>
      <c r="B32552" s="6"/>
      <c r="C32552" s="6" t="s">
        <v>32230</v>
      </c>
      <c r="D32552" s="6"/>
      <c r="E32552" s="6" t="s">
        <v>9</v>
      </c>
      <c r="F32552" s="7">
        <v>36982</v>
      </c>
      <c r="G32552" s="8">
        <v>1695000</v>
      </c>
      <c r="H32552" s="8">
        <v>1</v>
      </c>
      <c r="I32552" s="8">
        <v>1694999</v>
      </c>
      <c r="J32552" s="8">
        <v>1</v>
      </c>
      <c r="K32552" s="9"/>
      <c r="L32552" s="6"/>
    </row>
    <row r="32553" spans="1:12">
      <c r="A32553" s="6" t="s">
        <v>33096</v>
      </c>
      <c r="B32553" s="6"/>
      <c r="C32553" s="6" t="s">
        <v>32230</v>
      </c>
      <c r="D32553" s="6"/>
      <c r="E32553" s="6" t="s">
        <v>9</v>
      </c>
      <c r="F32553" s="7">
        <v>30407</v>
      </c>
      <c r="G32553" s="8">
        <v>8486100</v>
      </c>
      <c r="H32553" s="8">
        <v>1</v>
      </c>
      <c r="I32553" s="8">
        <v>8486099</v>
      </c>
      <c r="J32553" s="8">
        <v>1</v>
      </c>
      <c r="K32553" s="9"/>
      <c r="L32553" s="6"/>
    </row>
    <row r="32554" spans="1:12">
      <c r="A32554" s="6" t="s">
        <v>33096</v>
      </c>
      <c r="B32554" s="6"/>
      <c r="C32554" s="6" t="s">
        <v>32230</v>
      </c>
      <c r="D32554" s="6"/>
      <c r="E32554" s="6" t="s">
        <v>9</v>
      </c>
      <c r="F32554" s="7">
        <v>30407</v>
      </c>
      <c r="G32554" s="8">
        <v>3172500</v>
      </c>
      <c r="H32554" s="8">
        <v>1</v>
      </c>
      <c r="I32554" s="8">
        <v>3172499</v>
      </c>
      <c r="J32554" s="8">
        <v>1</v>
      </c>
      <c r="K32554" s="9"/>
      <c r="L32554" s="6"/>
    </row>
    <row r="32555" spans="1:12">
      <c r="A32555" s="6" t="s">
        <v>33096</v>
      </c>
      <c r="B32555" s="6"/>
      <c r="C32555" s="6" t="s">
        <v>32230</v>
      </c>
      <c r="D32555" s="6"/>
      <c r="E32555" s="6" t="s">
        <v>9</v>
      </c>
      <c r="F32555" s="7">
        <v>30407</v>
      </c>
      <c r="G32555" s="8">
        <v>7074000</v>
      </c>
      <c r="H32555" s="8">
        <v>1</v>
      </c>
      <c r="I32555" s="8">
        <v>7073999</v>
      </c>
      <c r="J32555" s="8">
        <v>1</v>
      </c>
      <c r="K32555" s="9"/>
      <c r="L32555" s="6"/>
    </row>
    <row r="32556" spans="1:12">
      <c r="A32556" s="6" t="s">
        <v>33096</v>
      </c>
      <c r="B32556" s="6"/>
      <c r="C32556" s="6" t="s">
        <v>32230</v>
      </c>
      <c r="D32556" s="6"/>
      <c r="E32556" s="6" t="s">
        <v>9</v>
      </c>
      <c r="F32556" s="7">
        <v>30407</v>
      </c>
      <c r="G32556" s="8">
        <v>831600</v>
      </c>
      <c r="H32556" s="8">
        <v>1</v>
      </c>
      <c r="I32556" s="8">
        <v>831599</v>
      </c>
      <c r="J32556" s="8">
        <v>1</v>
      </c>
      <c r="K32556" s="9"/>
      <c r="L32556" s="6"/>
    </row>
    <row r="32557" spans="1:12">
      <c r="A32557" s="6" t="s">
        <v>33096</v>
      </c>
      <c r="B32557" s="6"/>
      <c r="C32557" s="6" t="s">
        <v>32230</v>
      </c>
      <c r="D32557" s="6"/>
      <c r="E32557" s="6" t="s">
        <v>9</v>
      </c>
      <c r="F32557" s="7">
        <v>30407</v>
      </c>
      <c r="G32557" s="8">
        <v>7695000</v>
      </c>
      <c r="H32557" s="8">
        <v>1</v>
      </c>
      <c r="I32557" s="8">
        <v>7694999</v>
      </c>
      <c r="J32557" s="8">
        <v>1</v>
      </c>
      <c r="K32557" s="9"/>
      <c r="L32557" s="6"/>
    </row>
    <row r="32558" spans="1:12">
      <c r="A32558" s="6" t="s">
        <v>33096</v>
      </c>
      <c r="B32558" s="6"/>
      <c r="C32558" s="6" t="s">
        <v>32230</v>
      </c>
      <c r="D32558" s="6"/>
      <c r="E32558" s="6" t="s">
        <v>9</v>
      </c>
      <c r="F32558" s="7">
        <v>30407</v>
      </c>
      <c r="G32558" s="8">
        <v>6255900</v>
      </c>
      <c r="H32558" s="8">
        <v>1</v>
      </c>
      <c r="I32558" s="8">
        <v>6255899</v>
      </c>
      <c r="J32558" s="8">
        <v>1</v>
      </c>
      <c r="K32558" s="9"/>
      <c r="L32558" s="6"/>
    </row>
    <row r="32559" spans="1:12">
      <c r="A32559" s="6" t="s">
        <v>33096</v>
      </c>
      <c r="B32559" s="6"/>
      <c r="C32559" s="6" t="s">
        <v>32230</v>
      </c>
      <c r="D32559" s="6"/>
      <c r="E32559" s="6" t="s">
        <v>9</v>
      </c>
      <c r="F32559" s="7">
        <v>30407</v>
      </c>
      <c r="G32559" s="8">
        <v>3674700</v>
      </c>
      <c r="H32559" s="8">
        <v>1</v>
      </c>
      <c r="I32559" s="8">
        <v>3674699</v>
      </c>
      <c r="J32559" s="8">
        <v>1</v>
      </c>
      <c r="K32559" s="9"/>
      <c r="L32559" s="6"/>
    </row>
    <row r="32560" spans="1:12">
      <c r="A32560" s="6" t="s">
        <v>33096</v>
      </c>
      <c r="B32560" s="6"/>
      <c r="C32560" s="6" t="s">
        <v>32230</v>
      </c>
      <c r="D32560" s="6"/>
      <c r="E32560" s="6" t="s">
        <v>9</v>
      </c>
      <c r="F32560" s="7">
        <v>42307</v>
      </c>
      <c r="G32560" s="8">
        <v>4839480</v>
      </c>
      <c r="H32560" s="8">
        <v>3218255</v>
      </c>
      <c r="I32560" s="8">
        <v>1945470</v>
      </c>
      <c r="J32560" s="8">
        <v>2894010</v>
      </c>
      <c r="K32560" s="9"/>
      <c r="L32560" s="6"/>
    </row>
    <row r="32561" spans="1:12">
      <c r="A32561" s="6" t="s">
        <v>33097</v>
      </c>
      <c r="B32561" s="6"/>
      <c r="C32561" s="6" t="s">
        <v>32230</v>
      </c>
      <c r="D32561" s="6"/>
      <c r="E32561" s="6" t="s">
        <v>9</v>
      </c>
      <c r="F32561" s="7">
        <v>30407</v>
      </c>
      <c r="G32561" s="8">
        <v>1</v>
      </c>
      <c r="H32561" s="8">
        <v>1</v>
      </c>
      <c r="I32561" s="8">
        <v>0</v>
      </c>
      <c r="J32561" s="8">
        <v>1</v>
      </c>
      <c r="K32561" s="9"/>
      <c r="L32561" s="6"/>
    </row>
    <row r="32562" spans="1:12">
      <c r="A32562" s="6" t="s">
        <v>33096</v>
      </c>
      <c r="B32562" s="6"/>
      <c r="C32562" s="6" t="s">
        <v>32230</v>
      </c>
      <c r="D32562" s="6"/>
      <c r="E32562" s="6" t="s">
        <v>9</v>
      </c>
      <c r="F32562" s="7">
        <v>30773</v>
      </c>
      <c r="G32562" s="8">
        <v>11094300</v>
      </c>
      <c r="H32562" s="8">
        <v>1</v>
      </c>
      <c r="I32562" s="8">
        <v>11094299</v>
      </c>
      <c r="J32562" s="8">
        <v>1</v>
      </c>
      <c r="K32562" s="9"/>
      <c r="L32562" s="6"/>
    </row>
    <row r="32563" spans="1:12">
      <c r="A32563" s="6" t="s">
        <v>33096</v>
      </c>
      <c r="B32563" s="6"/>
      <c r="C32563" s="6" t="s">
        <v>32230</v>
      </c>
      <c r="D32563" s="6"/>
      <c r="E32563" s="6" t="s">
        <v>9</v>
      </c>
      <c r="F32563" s="7">
        <v>31503</v>
      </c>
      <c r="G32563" s="8">
        <v>2035800</v>
      </c>
      <c r="H32563" s="8">
        <v>1</v>
      </c>
      <c r="I32563" s="8">
        <v>2035799</v>
      </c>
      <c r="J32563" s="8">
        <v>1</v>
      </c>
      <c r="K32563" s="9"/>
      <c r="L32563" s="6"/>
    </row>
    <row r="32564" spans="1:12">
      <c r="A32564" s="6" t="s">
        <v>33096</v>
      </c>
      <c r="B32564" s="6"/>
      <c r="C32564" s="6" t="s">
        <v>32230</v>
      </c>
      <c r="D32564" s="6"/>
      <c r="E32564" s="6" t="s">
        <v>9</v>
      </c>
      <c r="F32564" s="7">
        <v>31503</v>
      </c>
      <c r="G32564" s="8">
        <v>2203200</v>
      </c>
      <c r="H32564" s="8">
        <v>1</v>
      </c>
      <c r="I32564" s="8">
        <v>2203199</v>
      </c>
      <c r="J32564" s="8">
        <v>1</v>
      </c>
      <c r="K32564" s="9"/>
      <c r="L32564" s="6"/>
    </row>
    <row r="32565" spans="1:12">
      <c r="A32565" s="6" t="s">
        <v>33097</v>
      </c>
      <c r="B32565" s="6"/>
      <c r="C32565" s="6" t="s">
        <v>32230</v>
      </c>
      <c r="D32565" s="6"/>
      <c r="E32565" s="6" t="s">
        <v>9</v>
      </c>
      <c r="F32565" s="7">
        <v>42293</v>
      </c>
      <c r="G32565" s="8">
        <v>2862000</v>
      </c>
      <c r="H32565" s="8">
        <v>2017710</v>
      </c>
      <c r="I32565" s="8">
        <v>1013148</v>
      </c>
      <c r="J32565" s="8">
        <v>1848852</v>
      </c>
      <c r="K32565" s="9"/>
      <c r="L32565" s="6"/>
    </row>
    <row r="32566" spans="1:12">
      <c r="A32566" s="6" t="s">
        <v>33096</v>
      </c>
      <c r="B32566" s="6"/>
      <c r="C32566" s="6" t="s">
        <v>32230</v>
      </c>
      <c r="D32566" s="6"/>
      <c r="E32566" s="6" t="s">
        <v>9</v>
      </c>
      <c r="F32566" s="7">
        <v>30773</v>
      </c>
      <c r="G32566" s="8">
        <v>7246800</v>
      </c>
      <c r="H32566" s="8">
        <v>1</v>
      </c>
      <c r="I32566" s="8">
        <v>7246799</v>
      </c>
      <c r="J32566" s="8">
        <v>1</v>
      </c>
      <c r="K32566" s="9"/>
      <c r="L32566" s="6"/>
    </row>
    <row r="32567" spans="1:12">
      <c r="A32567" s="6" t="s">
        <v>33096</v>
      </c>
      <c r="B32567" s="6"/>
      <c r="C32567" s="6" t="s">
        <v>32230</v>
      </c>
      <c r="D32567" s="6"/>
      <c r="E32567" s="6" t="s">
        <v>9</v>
      </c>
      <c r="F32567" s="7">
        <v>31503</v>
      </c>
      <c r="G32567" s="8">
        <v>1827900</v>
      </c>
      <c r="H32567" s="8">
        <v>1</v>
      </c>
      <c r="I32567" s="8">
        <v>1827899</v>
      </c>
      <c r="J32567" s="8">
        <v>1</v>
      </c>
      <c r="K32567" s="9"/>
      <c r="L32567" s="6"/>
    </row>
    <row r="32568" spans="1:12">
      <c r="A32568" s="6" t="s">
        <v>33096</v>
      </c>
      <c r="B32568" s="6"/>
      <c r="C32568" s="6" t="s">
        <v>32230</v>
      </c>
      <c r="D32568" s="6"/>
      <c r="E32568" s="6" t="s">
        <v>9</v>
      </c>
      <c r="F32568" s="7">
        <v>31503</v>
      </c>
      <c r="G32568" s="8">
        <v>1728000</v>
      </c>
      <c r="H32568" s="8">
        <v>1</v>
      </c>
      <c r="I32568" s="8">
        <v>1727999</v>
      </c>
      <c r="J32568" s="8">
        <v>1</v>
      </c>
      <c r="K32568" s="9"/>
      <c r="L32568" s="6"/>
    </row>
    <row r="32569" spans="1:12">
      <c r="A32569" s="6" t="s">
        <v>33096</v>
      </c>
      <c r="B32569" s="6"/>
      <c r="C32569" s="6" t="s">
        <v>32230</v>
      </c>
      <c r="D32569" s="6"/>
      <c r="E32569" s="6" t="s">
        <v>9</v>
      </c>
      <c r="F32569" s="7">
        <v>31503</v>
      </c>
      <c r="G32569" s="8">
        <v>1282500</v>
      </c>
      <c r="H32569" s="8">
        <v>1</v>
      </c>
      <c r="I32569" s="8">
        <v>1282499</v>
      </c>
      <c r="J32569" s="8">
        <v>1</v>
      </c>
      <c r="K32569" s="9"/>
      <c r="L32569" s="6"/>
    </row>
    <row r="32570" spans="1:12">
      <c r="A32570" s="6" t="s">
        <v>33096</v>
      </c>
      <c r="B32570" s="6"/>
      <c r="C32570" s="6" t="s">
        <v>32230</v>
      </c>
      <c r="D32570" s="6"/>
      <c r="E32570" s="6" t="s">
        <v>9</v>
      </c>
      <c r="F32570" s="7">
        <v>31503</v>
      </c>
      <c r="G32570" s="8">
        <v>1744200</v>
      </c>
      <c r="H32570" s="8">
        <v>1</v>
      </c>
      <c r="I32570" s="8">
        <v>1744199</v>
      </c>
      <c r="J32570" s="8">
        <v>1</v>
      </c>
      <c r="K32570" s="9"/>
      <c r="L32570" s="6"/>
    </row>
    <row r="32571" spans="1:12">
      <c r="A32571" s="6" t="s">
        <v>33096</v>
      </c>
      <c r="B32571" s="6"/>
      <c r="C32571" s="6" t="s">
        <v>32230</v>
      </c>
      <c r="D32571" s="6"/>
      <c r="E32571" s="6" t="s">
        <v>9</v>
      </c>
      <c r="F32571" s="7">
        <v>31503</v>
      </c>
      <c r="G32571" s="8">
        <v>2478600</v>
      </c>
      <c r="H32571" s="8">
        <v>1</v>
      </c>
      <c r="I32571" s="8">
        <v>2478599</v>
      </c>
      <c r="J32571" s="8">
        <v>1</v>
      </c>
      <c r="K32571" s="9"/>
      <c r="L32571" s="6"/>
    </row>
    <row r="32572" spans="1:12">
      <c r="A32572" s="6" t="s">
        <v>33096</v>
      </c>
      <c r="B32572" s="6"/>
      <c r="C32572" s="6" t="s">
        <v>32230</v>
      </c>
      <c r="D32572" s="6"/>
      <c r="E32572" s="6" t="s">
        <v>9</v>
      </c>
      <c r="F32572" s="7">
        <v>31503</v>
      </c>
      <c r="G32572" s="8">
        <v>3240000</v>
      </c>
      <c r="H32572" s="8">
        <v>1</v>
      </c>
      <c r="I32572" s="8">
        <v>3239999</v>
      </c>
      <c r="J32572" s="8">
        <v>1</v>
      </c>
      <c r="K32572" s="9"/>
      <c r="L32572" s="6"/>
    </row>
    <row r="32573" spans="1:12">
      <c r="A32573" s="6" t="s">
        <v>33096</v>
      </c>
      <c r="B32573" s="6"/>
      <c r="C32573" s="6" t="s">
        <v>32230</v>
      </c>
      <c r="D32573" s="6"/>
      <c r="E32573" s="6" t="s">
        <v>9</v>
      </c>
      <c r="F32573" s="7">
        <v>31503</v>
      </c>
      <c r="G32573" s="8">
        <v>2430000</v>
      </c>
      <c r="H32573" s="8">
        <v>1</v>
      </c>
      <c r="I32573" s="8">
        <v>2429999</v>
      </c>
      <c r="J32573" s="8">
        <v>1</v>
      </c>
      <c r="K32573" s="9"/>
      <c r="L32573" s="6"/>
    </row>
    <row r="32574" spans="1:12">
      <c r="A32574" s="6" t="s">
        <v>33096</v>
      </c>
      <c r="B32574" s="6"/>
      <c r="C32574" s="6" t="s">
        <v>32230</v>
      </c>
      <c r="D32574" s="6"/>
      <c r="E32574" s="6" t="s">
        <v>9</v>
      </c>
      <c r="F32574" s="7">
        <v>31503</v>
      </c>
      <c r="G32574" s="8">
        <v>31328100</v>
      </c>
      <c r="H32574" s="8">
        <v>1</v>
      </c>
      <c r="I32574" s="8">
        <v>31328099</v>
      </c>
      <c r="J32574" s="8">
        <v>1</v>
      </c>
      <c r="K32574" s="9"/>
      <c r="L32574" s="6"/>
    </row>
    <row r="32575" spans="1:12">
      <c r="A32575" s="6" t="s">
        <v>33096</v>
      </c>
      <c r="B32575" s="6"/>
      <c r="C32575" s="6" t="s">
        <v>32230</v>
      </c>
      <c r="D32575" s="6"/>
      <c r="E32575" s="6" t="s">
        <v>9</v>
      </c>
      <c r="F32575" s="7">
        <v>31503</v>
      </c>
      <c r="G32575" s="8">
        <v>648000</v>
      </c>
      <c r="H32575" s="8">
        <v>1</v>
      </c>
      <c r="I32575" s="8">
        <v>647999</v>
      </c>
      <c r="J32575" s="8">
        <v>1</v>
      </c>
      <c r="K32575" s="9"/>
      <c r="L32575" s="6"/>
    </row>
    <row r="32576" spans="1:12">
      <c r="A32576" s="6" t="s">
        <v>33096</v>
      </c>
      <c r="B32576" s="6"/>
      <c r="C32576" s="6" t="s">
        <v>32230</v>
      </c>
      <c r="D32576" s="6"/>
      <c r="E32576" s="6" t="s">
        <v>9</v>
      </c>
      <c r="F32576" s="7">
        <v>31503</v>
      </c>
      <c r="G32576" s="8">
        <v>1242000</v>
      </c>
      <c r="H32576" s="8">
        <v>1</v>
      </c>
      <c r="I32576" s="8">
        <v>1241999</v>
      </c>
      <c r="J32576" s="8">
        <v>1</v>
      </c>
      <c r="K32576" s="9"/>
      <c r="L32576" s="6"/>
    </row>
    <row r="32577" spans="1:12">
      <c r="A32577" s="6" t="s">
        <v>33096</v>
      </c>
      <c r="B32577" s="6"/>
      <c r="C32577" s="6" t="s">
        <v>32230</v>
      </c>
      <c r="D32577" s="6"/>
      <c r="E32577" s="6" t="s">
        <v>9</v>
      </c>
      <c r="F32577" s="7">
        <v>31503</v>
      </c>
      <c r="G32577" s="8">
        <v>1252800</v>
      </c>
      <c r="H32577" s="8">
        <v>1</v>
      </c>
      <c r="I32577" s="8">
        <v>1252799</v>
      </c>
      <c r="J32577" s="8">
        <v>1</v>
      </c>
      <c r="K32577" s="9"/>
      <c r="L32577" s="6"/>
    </row>
    <row r="32578" spans="1:12">
      <c r="A32578" s="6" t="s">
        <v>33097</v>
      </c>
      <c r="B32578" s="6"/>
      <c r="C32578" s="6" t="s">
        <v>32230</v>
      </c>
      <c r="D32578" s="6"/>
      <c r="E32578" s="6" t="s">
        <v>9</v>
      </c>
      <c r="F32578" s="7">
        <v>42460</v>
      </c>
      <c r="G32578" s="8">
        <v>3013200</v>
      </c>
      <c r="H32578" s="8">
        <v>2124310</v>
      </c>
      <c r="I32578" s="8">
        <v>1066668</v>
      </c>
      <c r="J32578" s="8">
        <v>1946532</v>
      </c>
      <c r="K32578" s="9"/>
      <c r="L32578" s="6"/>
    </row>
    <row r="32579" spans="1:12">
      <c r="A32579" s="6" t="s">
        <v>33096</v>
      </c>
      <c r="B32579" s="6"/>
      <c r="C32579" s="6" t="s">
        <v>32230</v>
      </c>
      <c r="D32579" s="6"/>
      <c r="E32579" s="6" t="s">
        <v>9</v>
      </c>
      <c r="F32579" s="7">
        <v>31138</v>
      </c>
      <c r="G32579" s="8">
        <v>1703700</v>
      </c>
      <c r="H32579" s="8">
        <v>1</v>
      </c>
      <c r="I32579" s="8">
        <v>1703699</v>
      </c>
      <c r="J32579" s="8">
        <v>1</v>
      </c>
      <c r="K32579" s="9"/>
      <c r="L32579" s="6"/>
    </row>
    <row r="32580" spans="1:12">
      <c r="A32580" s="6" t="s">
        <v>33096</v>
      </c>
      <c r="B32580" s="6"/>
      <c r="C32580" s="6" t="s">
        <v>32230</v>
      </c>
      <c r="D32580" s="6"/>
      <c r="E32580" s="6" t="s">
        <v>9</v>
      </c>
      <c r="F32580" s="7">
        <v>31138</v>
      </c>
      <c r="G32580" s="8">
        <v>1331100</v>
      </c>
      <c r="H32580" s="8">
        <v>1</v>
      </c>
      <c r="I32580" s="8">
        <v>1331099</v>
      </c>
      <c r="J32580" s="8">
        <v>1</v>
      </c>
      <c r="K32580" s="9"/>
      <c r="L32580" s="6"/>
    </row>
    <row r="32581" spans="1:12">
      <c r="A32581" s="6" t="s">
        <v>33097</v>
      </c>
      <c r="B32581" s="6"/>
      <c r="C32581" s="6" t="s">
        <v>32230</v>
      </c>
      <c r="D32581" s="6"/>
      <c r="E32581" s="6" t="s">
        <v>9</v>
      </c>
      <c r="F32581" s="7">
        <v>31138</v>
      </c>
      <c r="G32581" s="8">
        <v>1</v>
      </c>
      <c r="H32581" s="8">
        <v>1</v>
      </c>
      <c r="I32581" s="8">
        <v>0</v>
      </c>
      <c r="J32581" s="8">
        <v>1</v>
      </c>
      <c r="K32581" s="9"/>
      <c r="L32581" s="6"/>
    </row>
    <row r="32582" spans="1:12">
      <c r="A32582" s="6" t="s">
        <v>33144</v>
      </c>
      <c r="B32582" s="6"/>
      <c r="C32582" s="6" t="s">
        <v>32230</v>
      </c>
      <c r="D32582" s="6"/>
      <c r="E32582" s="6" t="s">
        <v>9</v>
      </c>
      <c r="F32582" s="7">
        <v>43045</v>
      </c>
      <c r="G32582" s="8">
        <v>2408400</v>
      </c>
      <c r="H32582" s="8">
        <v>1685880</v>
      </c>
      <c r="I32582" s="8">
        <v>963360</v>
      </c>
      <c r="J32582" s="8">
        <v>1445040</v>
      </c>
      <c r="K32582" s="9"/>
      <c r="L32582" s="6"/>
    </row>
    <row r="32583" spans="1:12">
      <c r="A32583" s="6" t="s">
        <v>33096</v>
      </c>
      <c r="B32583" s="6"/>
      <c r="C32583" s="6" t="s">
        <v>32230</v>
      </c>
      <c r="D32583" s="6"/>
      <c r="E32583" s="6" t="s">
        <v>9</v>
      </c>
      <c r="F32583" s="7">
        <v>31138</v>
      </c>
      <c r="G32583" s="8">
        <v>10189800</v>
      </c>
      <c r="H32583" s="8">
        <v>1</v>
      </c>
      <c r="I32583" s="8">
        <v>10189799</v>
      </c>
      <c r="J32583" s="8">
        <v>1</v>
      </c>
      <c r="K32583" s="9"/>
      <c r="L32583" s="6"/>
    </row>
    <row r="32584" spans="1:12">
      <c r="A32584" s="6" t="s">
        <v>33096</v>
      </c>
      <c r="B32584" s="6"/>
      <c r="C32584" s="6" t="s">
        <v>32230</v>
      </c>
      <c r="D32584" s="6"/>
      <c r="E32584" s="6" t="s">
        <v>9</v>
      </c>
      <c r="F32584" s="7">
        <v>31138</v>
      </c>
      <c r="G32584" s="8">
        <v>10818900</v>
      </c>
      <c r="H32584" s="8">
        <v>1</v>
      </c>
      <c r="I32584" s="8">
        <v>10818899</v>
      </c>
      <c r="J32584" s="8">
        <v>1</v>
      </c>
      <c r="K32584" s="9"/>
      <c r="L32584" s="6"/>
    </row>
    <row r="32585" spans="1:12">
      <c r="A32585" s="6" t="s">
        <v>33096</v>
      </c>
      <c r="B32585" s="6"/>
      <c r="C32585" s="6" t="s">
        <v>32230</v>
      </c>
      <c r="D32585" s="6"/>
      <c r="E32585" s="6" t="s">
        <v>9</v>
      </c>
      <c r="F32585" s="7">
        <v>31138</v>
      </c>
      <c r="G32585" s="8">
        <v>5370300</v>
      </c>
      <c r="H32585" s="8">
        <v>1</v>
      </c>
      <c r="I32585" s="8">
        <v>5370299</v>
      </c>
      <c r="J32585" s="8">
        <v>1</v>
      </c>
      <c r="K32585" s="9"/>
      <c r="L32585" s="6"/>
    </row>
    <row r="32586" spans="1:12">
      <c r="A32586" s="6" t="s">
        <v>33096</v>
      </c>
      <c r="B32586" s="6"/>
      <c r="C32586" s="6" t="s">
        <v>32230</v>
      </c>
      <c r="D32586" s="6"/>
      <c r="E32586" s="6" t="s">
        <v>9</v>
      </c>
      <c r="F32586" s="7">
        <v>31138</v>
      </c>
      <c r="G32586" s="8">
        <v>7886700</v>
      </c>
      <c r="H32586" s="8">
        <v>1</v>
      </c>
      <c r="I32586" s="8">
        <v>7886699</v>
      </c>
      <c r="J32586" s="8">
        <v>1</v>
      </c>
      <c r="K32586" s="9"/>
      <c r="L32586" s="6"/>
    </row>
    <row r="32587" spans="1:12">
      <c r="A32587" s="6" t="s">
        <v>33096</v>
      </c>
      <c r="B32587" s="6"/>
      <c r="C32587" s="6" t="s">
        <v>32230</v>
      </c>
      <c r="D32587" s="6"/>
      <c r="E32587" s="6" t="s">
        <v>9</v>
      </c>
      <c r="F32587" s="7">
        <v>31138</v>
      </c>
      <c r="G32587" s="8">
        <v>4722300</v>
      </c>
      <c r="H32587" s="8">
        <v>1</v>
      </c>
      <c r="I32587" s="8">
        <v>4722299</v>
      </c>
      <c r="J32587" s="8">
        <v>1</v>
      </c>
      <c r="K32587" s="9"/>
      <c r="L32587" s="6"/>
    </row>
    <row r="32588" spans="1:12">
      <c r="A32588" s="6" t="s">
        <v>33096</v>
      </c>
      <c r="B32588" s="6"/>
      <c r="C32588" s="6" t="s">
        <v>32230</v>
      </c>
      <c r="D32588" s="6"/>
      <c r="E32588" s="6" t="s">
        <v>9</v>
      </c>
      <c r="F32588" s="7">
        <v>31138</v>
      </c>
      <c r="G32588" s="8">
        <v>1293300</v>
      </c>
      <c r="H32588" s="8">
        <v>1</v>
      </c>
      <c r="I32588" s="8">
        <v>1293299</v>
      </c>
      <c r="J32588" s="8">
        <v>1</v>
      </c>
      <c r="K32588" s="9"/>
      <c r="L32588" s="6"/>
    </row>
    <row r="32589" spans="1:12">
      <c r="A32589" s="6" t="s">
        <v>33096</v>
      </c>
      <c r="B32589" s="6"/>
      <c r="C32589" s="6" t="s">
        <v>32230</v>
      </c>
      <c r="D32589" s="6"/>
      <c r="E32589" s="6" t="s">
        <v>9</v>
      </c>
      <c r="F32589" s="7">
        <v>31138</v>
      </c>
      <c r="G32589" s="8">
        <v>1287900</v>
      </c>
      <c r="H32589" s="8">
        <v>1</v>
      </c>
      <c r="I32589" s="8">
        <v>1287899</v>
      </c>
      <c r="J32589" s="8">
        <v>1</v>
      </c>
      <c r="K32589" s="9"/>
      <c r="L32589" s="6"/>
    </row>
    <row r="32590" spans="1:12">
      <c r="A32590" s="6" t="s">
        <v>33096</v>
      </c>
      <c r="B32590" s="6"/>
      <c r="C32590" s="6" t="s">
        <v>32230</v>
      </c>
      <c r="D32590" s="6"/>
      <c r="E32590" s="6" t="s">
        <v>9</v>
      </c>
      <c r="F32590" s="7">
        <v>31138</v>
      </c>
      <c r="G32590" s="8">
        <v>2054700</v>
      </c>
      <c r="H32590" s="8">
        <v>1</v>
      </c>
      <c r="I32590" s="8">
        <v>2054699</v>
      </c>
      <c r="J32590" s="8">
        <v>1</v>
      </c>
      <c r="K32590" s="9"/>
      <c r="L32590" s="6"/>
    </row>
    <row r="32591" spans="1:12">
      <c r="A32591" s="6" t="s">
        <v>33096</v>
      </c>
      <c r="B32591" s="6"/>
      <c r="C32591" s="6" t="s">
        <v>32230</v>
      </c>
      <c r="D32591" s="6"/>
      <c r="E32591" s="6" t="s">
        <v>9</v>
      </c>
      <c r="F32591" s="7">
        <v>31138</v>
      </c>
      <c r="G32591" s="8">
        <v>7173900</v>
      </c>
      <c r="H32591" s="8">
        <v>1</v>
      </c>
      <c r="I32591" s="8">
        <v>7173899</v>
      </c>
      <c r="J32591" s="8">
        <v>1</v>
      </c>
      <c r="K32591" s="9"/>
      <c r="L32591" s="6"/>
    </row>
    <row r="32592" spans="1:12">
      <c r="A32592" s="6" t="s">
        <v>33096</v>
      </c>
      <c r="B32592" s="6"/>
      <c r="C32592" s="6" t="s">
        <v>32230</v>
      </c>
      <c r="D32592" s="6"/>
      <c r="E32592" s="6" t="s">
        <v>9</v>
      </c>
      <c r="F32592" s="7">
        <v>31138</v>
      </c>
      <c r="G32592" s="8">
        <v>3655800</v>
      </c>
      <c r="H32592" s="8">
        <v>1</v>
      </c>
      <c r="I32592" s="8">
        <v>3655799</v>
      </c>
      <c r="J32592" s="8">
        <v>1</v>
      </c>
      <c r="K32592" s="9"/>
      <c r="L32592" s="6"/>
    </row>
    <row r="32593" spans="1:12">
      <c r="A32593" s="6" t="s">
        <v>33096</v>
      </c>
      <c r="B32593" s="6"/>
      <c r="C32593" s="6" t="s">
        <v>32230</v>
      </c>
      <c r="D32593" s="6"/>
      <c r="E32593" s="6" t="s">
        <v>9</v>
      </c>
      <c r="F32593" s="7">
        <v>31138</v>
      </c>
      <c r="G32593" s="8">
        <v>1112400</v>
      </c>
      <c r="H32593" s="8">
        <v>1</v>
      </c>
      <c r="I32593" s="8">
        <v>1112399</v>
      </c>
      <c r="J32593" s="8">
        <v>1</v>
      </c>
      <c r="K32593" s="9"/>
      <c r="L32593" s="6"/>
    </row>
    <row r="32594" spans="1:12">
      <c r="A32594" s="6" t="s">
        <v>33097</v>
      </c>
      <c r="B32594" s="6"/>
      <c r="C32594" s="6" t="s">
        <v>32230</v>
      </c>
      <c r="D32594" s="6"/>
      <c r="E32594" s="6" t="s">
        <v>9</v>
      </c>
      <c r="F32594" s="7">
        <v>39836</v>
      </c>
      <c r="G32594" s="8">
        <v>15119750</v>
      </c>
      <c r="H32594" s="8">
        <v>4414970</v>
      </c>
      <c r="I32594" s="8">
        <v>11596845</v>
      </c>
      <c r="J32594" s="8">
        <v>3522905</v>
      </c>
      <c r="K32594" s="9"/>
      <c r="L32594" s="6"/>
    </row>
    <row r="32595" spans="1:12">
      <c r="A32595" s="6" t="s">
        <v>33097</v>
      </c>
      <c r="B32595" s="6"/>
      <c r="C32595" s="6" t="s">
        <v>32230</v>
      </c>
      <c r="D32595" s="6"/>
      <c r="E32595" s="6" t="s">
        <v>9</v>
      </c>
      <c r="F32595" s="7">
        <v>39832</v>
      </c>
      <c r="G32595" s="8">
        <v>2077950</v>
      </c>
      <c r="H32595" s="8">
        <v>606762</v>
      </c>
      <c r="I32595" s="8">
        <v>1593787</v>
      </c>
      <c r="J32595" s="8">
        <v>484163</v>
      </c>
      <c r="K32595" s="9"/>
      <c r="L32595" s="6"/>
    </row>
    <row r="32596" spans="1:12">
      <c r="A32596" s="6" t="s">
        <v>33096</v>
      </c>
      <c r="B32596" s="6"/>
      <c r="C32596" s="6" t="s">
        <v>32230</v>
      </c>
      <c r="D32596" s="6"/>
      <c r="E32596" s="6" t="s">
        <v>9</v>
      </c>
      <c r="F32596" s="7">
        <v>31138</v>
      </c>
      <c r="G32596" s="8">
        <v>2686500</v>
      </c>
      <c r="H32596" s="8">
        <v>1</v>
      </c>
      <c r="I32596" s="8">
        <v>2686499</v>
      </c>
      <c r="J32596" s="8">
        <v>1</v>
      </c>
      <c r="K32596" s="9"/>
      <c r="L32596" s="6"/>
    </row>
    <row r="32597" spans="1:12">
      <c r="A32597" s="6" t="s">
        <v>33096</v>
      </c>
      <c r="B32597" s="6"/>
      <c r="C32597" s="6" t="s">
        <v>32230</v>
      </c>
      <c r="D32597" s="6"/>
      <c r="E32597" s="6" t="s">
        <v>9</v>
      </c>
      <c r="F32597" s="7">
        <v>31138</v>
      </c>
      <c r="G32597" s="8">
        <v>10184400</v>
      </c>
      <c r="H32597" s="8">
        <v>1</v>
      </c>
      <c r="I32597" s="8">
        <v>10184399</v>
      </c>
      <c r="J32597" s="8">
        <v>1</v>
      </c>
      <c r="K32597" s="9"/>
      <c r="L32597" s="6"/>
    </row>
    <row r="32598" spans="1:12">
      <c r="A32598" s="6" t="s">
        <v>33096</v>
      </c>
      <c r="B32598" s="6"/>
      <c r="C32598" s="6" t="s">
        <v>32230</v>
      </c>
      <c r="D32598" s="6"/>
      <c r="E32598" s="6" t="s">
        <v>9</v>
      </c>
      <c r="F32598" s="7">
        <v>31138</v>
      </c>
      <c r="G32598" s="8">
        <v>6496200</v>
      </c>
      <c r="H32598" s="8">
        <v>1</v>
      </c>
      <c r="I32598" s="8">
        <v>6496199</v>
      </c>
      <c r="J32598" s="8">
        <v>1</v>
      </c>
      <c r="K32598" s="9"/>
      <c r="L32598" s="6"/>
    </row>
    <row r="32599" spans="1:12">
      <c r="A32599" s="6" t="s">
        <v>33096</v>
      </c>
      <c r="B32599" s="6"/>
      <c r="C32599" s="6" t="s">
        <v>32230</v>
      </c>
      <c r="D32599" s="6"/>
      <c r="E32599" s="6" t="s">
        <v>9</v>
      </c>
      <c r="F32599" s="7">
        <v>31138</v>
      </c>
      <c r="G32599" s="8">
        <v>1115100</v>
      </c>
      <c r="H32599" s="8">
        <v>1</v>
      </c>
      <c r="I32599" s="8">
        <v>1115099</v>
      </c>
      <c r="J32599" s="8">
        <v>1</v>
      </c>
      <c r="K32599" s="9"/>
      <c r="L32599" s="6"/>
    </row>
    <row r="32600" spans="1:12">
      <c r="A32600" s="6" t="s">
        <v>33096</v>
      </c>
      <c r="B32600" s="6"/>
      <c r="C32600" s="6" t="s">
        <v>32230</v>
      </c>
      <c r="D32600" s="6"/>
      <c r="E32600" s="6" t="s">
        <v>9</v>
      </c>
      <c r="F32600" s="7">
        <v>31138</v>
      </c>
      <c r="G32600" s="8">
        <v>9117900</v>
      </c>
      <c r="H32600" s="8">
        <v>1</v>
      </c>
      <c r="I32600" s="8">
        <v>9117899</v>
      </c>
      <c r="J32600" s="8">
        <v>1</v>
      </c>
      <c r="K32600" s="9"/>
      <c r="L32600" s="6"/>
    </row>
    <row r="32601" spans="1:12">
      <c r="A32601" s="6" t="s">
        <v>33096</v>
      </c>
      <c r="B32601" s="6"/>
      <c r="C32601" s="6" t="s">
        <v>32230</v>
      </c>
      <c r="D32601" s="6"/>
      <c r="E32601" s="6" t="s">
        <v>9</v>
      </c>
      <c r="F32601" s="7">
        <v>31138</v>
      </c>
      <c r="G32601" s="8">
        <v>3898800</v>
      </c>
      <c r="H32601" s="8">
        <v>1</v>
      </c>
      <c r="I32601" s="8">
        <v>3898799</v>
      </c>
      <c r="J32601" s="8">
        <v>1</v>
      </c>
      <c r="K32601" s="9"/>
      <c r="L32601" s="6"/>
    </row>
    <row r="32602" spans="1:12">
      <c r="A32602" s="6" t="s">
        <v>33096</v>
      </c>
      <c r="B32602" s="6"/>
      <c r="C32602" s="6" t="s">
        <v>32230</v>
      </c>
      <c r="D32602" s="6"/>
      <c r="E32602" s="6" t="s">
        <v>9</v>
      </c>
      <c r="F32602" s="7">
        <v>31138</v>
      </c>
      <c r="G32602" s="8">
        <v>4463100</v>
      </c>
      <c r="H32602" s="8">
        <v>1</v>
      </c>
      <c r="I32602" s="8">
        <v>4463099</v>
      </c>
      <c r="J32602" s="8">
        <v>1</v>
      </c>
      <c r="K32602" s="9"/>
      <c r="L32602" s="6"/>
    </row>
    <row r="32603" spans="1:12">
      <c r="A32603" s="6" t="s">
        <v>33096</v>
      </c>
      <c r="B32603" s="6"/>
      <c r="C32603" s="6" t="s">
        <v>32230</v>
      </c>
      <c r="D32603" s="6"/>
      <c r="E32603" s="6" t="s">
        <v>9</v>
      </c>
      <c r="F32603" s="7">
        <v>31138</v>
      </c>
      <c r="G32603" s="8">
        <v>3917700</v>
      </c>
      <c r="H32603" s="8">
        <v>1</v>
      </c>
      <c r="I32603" s="8">
        <v>3917699</v>
      </c>
      <c r="J32603" s="8">
        <v>1</v>
      </c>
      <c r="K32603" s="9"/>
      <c r="L32603" s="6"/>
    </row>
    <row r="32604" spans="1:12">
      <c r="A32604" s="6" t="s">
        <v>33096</v>
      </c>
      <c r="B32604" s="6"/>
      <c r="C32604" s="6" t="s">
        <v>32230</v>
      </c>
      <c r="D32604" s="6"/>
      <c r="E32604" s="6" t="s">
        <v>9</v>
      </c>
      <c r="F32604" s="7">
        <v>31503</v>
      </c>
      <c r="G32604" s="8">
        <v>6863400</v>
      </c>
      <c r="H32604" s="8">
        <v>1</v>
      </c>
      <c r="I32604" s="8">
        <v>6863399</v>
      </c>
      <c r="J32604" s="8">
        <v>1</v>
      </c>
      <c r="K32604" s="9"/>
      <c r="L32604" s="6"/>
    </row>
    <row r="32605" spans="1:12">
      <c r="A32605" s="6" t="s">
        <v>33097</v>
      </c>
      <c r="B32605" s="6"/>
      <c r="C32605" s="6" t="s">
        <v>32230</v>
      </c>
      <c r="D32605" s="6"/>
      <c r="E32605" s="6" t="s">
        <v>9</v>
      </c>
      <c r="F32605" s="7">
        <v>31503</v>
      </c>
      <c r="G32605" s="8">
        <v>1</v>
      </c>
      <c r="H32605" s="8">
        <v>1</v>
      </c>
      <c r="I32605" s="8">
        <v>0</v>
      </c>
      <c r="J32605" s="8">
        <v>1</v>
      </c>
      <c r="K32605" s="9"/>
      <c r="L32605" s="6"/>
    </row>
    <row r="32606" spans="1:12">
      <c r="A32606" s="6" t="s">
        <v>33096</v>
      </c>
      <c r="B32606" s="6"/>
      <c r="C32606" s="6" t="s">
        <v>32230</v>
      </c>
      <c r="D32606" s="6"/>
      <c r="E32606" s="6" t="s">
        <v>9</v>
      </c>
      <c r="F32606" s="7">
        <v>31503</v>
      </c>
      <c r="G32606" s="8">
        <v>2124900</v>
      </c>
      <c r="H32606" s="8">
        <v>1</v>
      </c>
      <c r="I32606" s="8">
        <v>2124899</v>
      </c>
      <c r="J32606" s="8">
        <v>1</v>
      </c>
      <c r="K32606" s="9"/>
      <c r="L32606" s="6"/>
    </row>
    <row r="32607" spans="1:12">
      <c r="A32607" s="6" t="s">
        <v>33096</v>
      </c>
      <c r="B32607" s="6"/>
      <c r="C32607" s="6" t="s">
        <v>32230</v>
      </c>
      <c r="D32607" s="6"/>
      <c r="E32607" s="6" t="s">
        <v>9</v>
      </c>
      <c r="F32607" s="7">
        <v>31503</v>
      </c>
      <c r="G32607" s="8">
        <v>3996000</v>
      </c>
      <c r="H32607" s="8">
        <v>1</v>
      </c>
      <c r="I32607" s="8">
        <v>3995999</v>
      </c>
      <c r="J32607" s="8">
        <v>1</v>
      </c>
      <c r="K32607" s="9"/>
      <c r="L32607" s="6"/>
    </row>
    <row r="32608" spans="1:12">
      <c r="A32608" s="6" t="s">
        <v>33096</v>
      </c>
      <c r="B32608" s="6"/>
      <c r="C32608" s="6" t="s">
        <v>32230</v>
      </c>
      <c r="D32608" s="6"/>
      <c r="E32608" s="6" t="s">
        <v>9</v>
      </c>
      <c r="F32608" s="7">
        <v>31503</v>
      </c>
      <c r="G32608" s="8">
        <v>1134000</v>
      </c>
      <c r="H32608" s="8">
        <v>1</v>
      </c>
      <c r="I32608" s="8">
        <v>1133999</v>
      </c>
      <c r="J32608" s="8">
        <v>1</v>
      </c>
      <c r="K32608" s="9"/>
      <c r="L32608" s="6"/>
    </row>
    <row r="32609" spans="1:12">
      <c r="A32609" s="6" t="s">
        <v>33096</v>
      </c>
      <c r="B32609" s="6"/>
      <c r="C32609" s="6" t="s">
        <v>32230</v>
      </c>
      <c r="D32609" s="6"/>
      <c r="E32609" s="6" t="s">
        <v>9</v>
      </c>
      <c r="F32609" s="7">
        <v>31503</v>
      </c>
      <c r="G32609" s="8">
        <v>5162400</v>
      </c>
      <c r="H32609" s="8">
        <v>1</v>
      </c>
      <c r="I32609" s="8">
        <v>5162399</v>
      </c>
      <c r="J32609" s="8">
        <v>1</v>
      </c>
      <c r="K32609" s="9"/>
      <c r="L32609" s="6"/>
    </row>
    <row r="32610" spans="1:12">
      <c r="A32610" s="6" t="s">
        <v>33096</v>
      </c>
      <c r="B32610" s="6"/>
      <c r="C32610" s="6" t="s">
        <v>32230</v>
      </c>
      <c r="D32610" s="6"/>
      <c r="E32610" s="6" t="s">
        <v>9</v>
      </c>
      <c r="F32610" s="7">
        <v>31503</v>
      </c>
      <c r="G32610" s="8">
        <v>4914000</v>
      </c>
      <c r="H32610" s="8">
        <v>1</v>
      </c>
      <c r="I32610" s="8">
        <v>4913999</v>
      </c>
      <c r="J32610" s="8">
        <v>1</v>
      </c>
      <c r="K32610" s="9"/>
      <c r="L32610" s="6"/>
    </row>
    <row r="32611" spans="1:12">
      <c r="A32611" s="6" t="s">
        <v>33096</v>
      </c>
      <c r="B32611" s="6"/>
      <c r="C32611" s="6" t="s">
        <v>32230</v>
      </c>
      <c r="D32611" s="6"/>
      <c r="E32611" s="6" t="s">
        <v>9</v>
      </c>
      <c r="F32611" s="7">
        <v>31503</v>
      </c>
      <c r="G32611" s="8">
        <v>4093200</v>
      </c>
      <c r="H32611" s="8">
        <v>1</v>
      </c>
      <c r="I32611" s="8">
        <v>4093199</v>
      </c>
      <c r="J32611" s="8">
        <v>1</v>
      </c>
      <c r="K32611" s="9"/>
      <c r="L32611" s="6"/>
    </row>
    <row r="32612" spans="1:12">
      <c r="A32612" s="6" t="s">
        <v>33096</v>
      </c>
      <c r="B32612" s="6"/>
      <c r="C32612" s="6" t="s">
        <v>32230</v>
      </c>
      <c r="D32612" s="6"/>
      <c r="E32612" s="6" t="s">
        <v>9</v>
      </c>
      <c r="F32612" s="7">
        <v>31503</v>
      </c>
      <c r="G32612" s="8">
        <v>796500</v>
      </c>
      <c r="H32612" s="8">
        <v>1</v>
      </c>
      <c r="I32612" s="8">
        <v>796499</v>
      </c>
      <c r="J32612" s="8">
        <v>1</v>
      </c>
      <c r="K32612" s="9"/>
      <c r="L32612" s="6"/>
    </row>
    <row r="32613" spans="1:12">
      <c r="A32613" s="6" t="s">
        <v>33096</v>
      </c>
      <c r="B32613" s="6"/>
      <c r="C32613" s="6" t="s">
        <v>32230</v>
      </c>
      <c r="D32613" s="6"/>
      <c r="E32613" s="6" t="s">
        <v>9</v>
      </c>
      <c r="F32613" s="7">
        <v>31503</v>
      </c>
      <c r="G32613" s="8">
        <v>1549800</v>
      </c>
      <c r="H32613" s="8">
        <v>1</v>
      </c>
      <c r="I32613" s="8">
        <v>1549799</v>
      </c>
      <c r="J32613" s="8">
        <v>1</v>
      </c>
      <c r="K32613" s="9"/>
      <c r="L32613" s="6"/>
    </row>
    <row r="32614" spans="1:12">
      <c r="A32614" s="6" t="s">
        <v>33096</v>
      </c>
      <c r="B32614" s="6"/>
      <c r="C32614" s="6" t="s">
        <v>32230</v>
      </c>
      <c r="D32614" s="6"/>
      <c r="E32614" s="6" t="s">
        <v>9</v>
      </c>
      <c r="F32614" s="7">
        <v>31503</v>
      </c>
      <c r="G32614" s="8">
        <v>7435800</v>
      </c>
      <c r="H32614" s="8">
        <v>1</v>
      </c>
      <c r="I32614" s="8">
        <v>7435799</v>
      </c>
      <c r="J32614" s="8">
        <v>1</v>
      </c>
      <c r="K32614" s="9"/>
      <c r="L32614" s="6"/>
    </row>
    <row r="32615" spans="1:12">
      <c r="A32615" s="6" t="s">
        <v>33097</v>
      </c>
      <c r="B32615" s="6"/>
      <c r="C32615" s="6" t="s">
        <v>32230</v>
      </c>
      <c r="D32615" s="6"/>
      <c r="E32615" s="6" t="s">
        <v>9</v>
      </c>
      <c r="F32615" s="7">
        <v>31503</v>
      </c>
      <c r="G32615" s="8">
        <v>1</v>
      </c>
      <c r="H32615" s="8">
        <v>1</v>
      </c>
      <c r="I32615" s="8">
        <v>0</v>
      </c>
      <c r="J32615" s="8">
        <v>1</v>
      </c>
      <c r="K32615" s="9"/>
      <c r="L32615" s="6"/>
    </row>
    <row r="32616" spans="1:12">
      <c r="A32616" s="6" t="s">
        <v>33096</v>
      </c>
      <c r="B32616" s="6"/>
      <c r="C32616" s="6" t="s">
        <v>32230</v>
      </c>
      <c r="D32616" s="6"/>
      <c r="E32616" s="6" t="s">
        <v>9</v>
      </c>
      <c r="F32616" s="7">
        <v>31503</v>
      </c>
      <c r="G32616" s="8">
        <v>3345300</v>
      </c>
      <c r="H32616" s="8">
        <v>1</v>
      </c>
      <c r="I32616" s="8">
        <v>3345299</v>
      </c>
      <c r="J32616" s="8">
        <v>1</v>
      </c>
      <c r="K32616" s="9"/>
      <c r="L32616" s="6"/>
    </row>
    <row r="32617" spans="1:12">
      <c r="A32617" s="6" t="s">
        <v>33096</v>
      </c>
      <c r="B32617" s="6"/>
      <c r="C32617" s="6" t="s">
        <v>32230</v>
      </c>
      <c r="D32617" s="6"/>
      <c r="E32617" s="6" t="s">
        <v>9</v>
      </c>
      <c r="F32617" s="7">
        <v>31503</v>
      </c>
      <c r="G32617" s="8">
        <v>2178900</v>
      </c>
      <c r="H32617" s="8">
        <v>1</v>
      </c>
      <c r="I32617" s="8">
        <v>2178899</v>
      </c>
      <c r="J32617" s="8">
        <v>1</v>
      </c>
      <c r="K32617" s="9"/>
      <c r="L32617" s="6"/>
    </row>
    <row r="32618" spans="1:12">
      <c r="A32618" s="6" t="s">
        <v>33096</v>
      </c>
      <c r="B32618" s="6"/>
      <c r="C32618" s="6" t="s">
        <v>32230</v>
      </c>
      <c r="D32618" s="6"/>
      <c r="E32618" s="6" t="s">
        <v>9</v>
      </c>
      <c r="F32618" s="7">
        <v>31503</v>
      </c>
      <c r="G32618" s="8">
        <v>1139400</v>
      </c>
      <c r="H32618" s="8">
        <v>1</v>
      </c>
      <c r="I32618" s="8">
        <v>1139399</v>
      </c>
      <c r="J32618" s="8">
        <v>1</v>
      </c>
      <c r="K32618" s="9"/>
      <c r="L32618" s="6"/>
    </row>
    <row r="32619" spans="1:12">
      <c r="A32619" s="6" t="s">
        <v>33096</v>
      </c>
      <c r="B32619" s="6"/>
      <c r="C32619" s="6" t="s">
        <v>32230</v>
      </c>
      <c r="D32619" s="6"/>
      <c r="E32619" s="6" t="s">
        <v>9</v>
      </c>
      <c r="F32619" s="7">
        <v>31503</v>
      </c>
      <c r="G32619" s="8">
        <v>3582900</v>
      </c>
      <c r="H32619" s="8">
        <v>1</v>
      </c>
      <c r="I32619" s="8">
        <v>3582899</v>
      </c>
      <c r="J32619" s="8">
        <v>1</v>
      </c>
      <c r="K32619" s="9"/>
      <c r="L32619" s="6"/>
    </row>
    <row r="32620" spans="1:12">
      <c r="A32620" s="6" t="s">
        <v>33096</v>
      </c>
      <c r="B32620" s="6"/>
      <c r="C32620" s="6" t="s">
        <v>32230</v>
      </c>
      <c r="D32620" s="6"/>
      <c r="E32620" s="6" t="s">
        <v>9</v>
      </c>
      <c r="F32620" s="7">
        <v>31503</v>
      </c>
      <c r="G32620" s="8">
        <v>4760100</v>
      </c>
      <c r="H32620" s="8">
        <v>1</v>
      </c>
      <c r="I32620" s="8">
        <v>4760099</v>
      </c>
      <c r="J32620" s="8">
        <v>1</v>
      </c>
      <c r="K32620" s="9"/>
      <c r="L32620" s="6"/>
    </row>
    <row r="32621" spans="1:12">
      <c r="A32621" s="6" t="s">
        <v>33096</v>
      </c>
      <c r="B32621" s="6"/>
      <c r="C32621" s="6" t="s">
        <v>32230</v>
      </c>
      <c r="D32621" s="6"/>
      <c r="E32621" s="6" t="s">
        <v>9</v>
      </c>
      <c r="F32621" s="7">
        <v>31503</v>
      </c>
      <c r="G32621" s="8">
        <v>2046600</v>
      </c>
      <c r="H32621" s="8">
        <v>1</v>
      </c>
      <c r="I32621" s="8">
        <v>2046599</v>
      </c>
      <c r="J32621" s="8">
        <v>1</v>
      </c>
      <c r="K32621" s="9"/>
      <c r="L32621" s="6"/>
    </row>
    <row r="32622" spans="1:12">
      <c r="A32622" s="6" t="s">
        <v>33096</v>
      </c>
      <c r="B32622" s="6"/>
      <c r="C32622" s="6" t="s">
        <v>32230</v>
      </c>
      <c r="D32622" s="6"/>
      <c r="E32622" s="6" t="s">
        <v>9</v>
      </c>
      <c r="F32622" s="7">
        <v>31503</v>
      </c>
      <c r="G32622" s="8">
        <v>1679400</v>
      </c>
      <c r="H32622" s="8">
        <v>1</v>
      </c>
      <c r="I32622" s="8">
        <v>1679399</v>
      </c>
      <c r="J32622" s="8">
        <v>1</v>
      </c>
      <c r="K32622" s="9"/>
      <c r="L32622" s="6"/>
    </row>
    <row r="32623" spans="1:12">
      <c r="A32623" s="6" t="s">
        <v>33096</v>
      </c>
      <c r="B32623" s="6"/>
      <c r="C32623" s="6" t="s">
        <v>32230</v>
      </c>
      <c r="D32623" s="6"/>
      <c r="E32623" s="6" t="s">
        <v>9</v>
      </c>
      <c r="F32623" s="7">
        <v>31503</v>
      </c>
      <c r="G32623" s="8">
        <v>1112400</v>
      </c>
      <c r="H32623" s="8">
        <v>1</v>
      </c>
      <c r="I32623" s="8">
        <v>1112399</v>
      </c>
      <c r="J32623" s="8">
        <v>1</v>
      </c>
      <c r="K32623" s="9"/>
      <c r="L32623" s="6"/>
    </row>
    <row r="32624" spans="1:12">
      <c r="A32624" s="6" t="s">
        <v>33096</v>
      </c>
      <c r="B32624" s="6"/>
      <c r="C32624" s="6" t="s">
        <v>32230</v>
      </c>
      <c r="D32624" s="6"/>
      <c r="E32624" s="6" t="s">
        <v>9</v>
      </c>
      <c r="F32624" s="7">
        <v>32234</v>
      </c>
      <c r="G32624" s="8">
        <v>3121200</v>
      </c>
      <c r="H32624" s="8">
        <v>1</v>
      </c>
      <c r="I32624" s="8">
        <v>3121199</v>
      </c>
      <c r="J32624" s="8">
        <v>1</v>
      </c>
      <c r="K32624" s="9"/>
      <c r="L32624" s="6"/>
    </row>
    <row r="32625" spans="1:12">
      <c r="A32625" s="6" t="s">
        <v>33096</v>
      </c>
      <c r="B32625" s="6"/>
      <c r="C32625" s="6" t="s">
        <v>32230</v>
      </c>
      <c r="D32625" s="6"/>
      <c r="E32625" s="6" t="s">
        <v>9</v>
      </c>
      <c r="F32625" s="7">
        <v>32234</v>
      </c>
      <c r="G32625" s="8">
        <v>4436100</v>
      </c>
      <c r="H32625" s="8">
        <v>1</v>
      </c>
      <c r="I32625" s="8">
        <v>4436099</v>
      </c>
      <c r="J32625" s="8">
        <v>1</v>
      </c>
      <c r="K32625" s="9"/>
      <c r="L32625" s="6"/>
    </row>
    <row r="32626" spans="1:12">
      <c r="A32626" s="6" t="s">
        <v>33096</v>
      </c>
      <c r="B32626" s="6"/>
      <c r="C32626" s="6" t="s">
        <v>32230</v>
      </c>
      <c r="D32626" s="6"/>
      <c r="E32626" s="6" t="s">
        <v>9</v>
      </c>
      <c r="F32626" s="7">
        <v>32234</v>
      </c>
      <c r="G32626" s="8">
        <v>5923800</v>
      </c>
      <c r="H32626" s="8">
        <v>1</v>
      </c>
      <c r="I32626" s="8">
        <v>5923799</v>
      </c>
      <c r="J32626" s="8">
        <v>1</v>
      </c>
      <c r="K32626" s="9"/>
      <c r="L32626" s="6"/>
    </row>
    <row r="32627" spans="1:12">
      <c r="A32627" s="6" t="s">
        <v>33096</v>
      </c>
      <c r="B32627" s="6"/>
      <c r="C32627" s="6" t="s">
        <v>32230</v>
      </c>
      <c r="D32627" s="6"/>
      <c r="E32627" s="6" t="s">
        <v>9</v>
      </c>
      <c r="F32627" s="7">
        <v>32234</v>
      </c>
      <c r="G32627" s="8">
        <v>1066500</v>
      </c>
      <c r="H32627" s="8">
        <v>1</v>
      </c>
      <c r="I32627" s="8">
        <v>1066499</v>
      </c>
      <c r="J32627" s="8">
        <v>1</v>
      </c>
      <c r="K32627" s="9"/>
      <c r="L32627" s="6"/>
    </row>
    <row r="32628" spans="1:12">
      <c r="A32628" s="6" t="s">
        <v>33097</v>
      </c>
      <c r="B32628" s="6"/>
      <c r="C32628" s="6" t="s">
        <v>32230</v>
      </c>
      <c r="D32628" s="6"/>
      <c r="E32628" s="6" t="s">
        <v>9</v>
      </c>
      <c r="F32628" s="7">
        <v>40912</v>
      </c>
      <c r="G32628" s="8">
        <v>14160300</v>
      </c>
      <c r="H32628" s="8">
        <v>6641187</v>
      </c>
      <c r="I32628" s="8">
        <v>8354570</v>
      </c>
      <c r="J32628" s="8">
        <v>5805730</v>
      </c>
      <c r="K32628" s="9"/>
      <c r="L32628" s="6"/>
    </row>
    <row r="32629" spans="1:12">
      <c r="A32629" s="6" t="s">
        <v>33096</v>
      </c>
      <c r="B32629" s="6"/>
      <c r="C32629" s="6" t="s">
        <v>32230</v>
      </c>
      <c r="D32629" s="6"/>
      <c r="E32629" s="6" t="s">
        <v>9</v>
      </c>
      <c r="F32629" s="7">
        <v>32234</v>
      </c>
      <c r="G32629" s="8">
        <v>7465500</v>
      </c>
      <c r="H32629" s="8">
        <v>1</v>
      </c>
      <c r="I32629" s="8">
        <v>7465499</v>
      </c>
      <c r="J32629" s="8">
        <v>1</v>
      </c>
      <c r="K32629" s="9"/>
      <c r="L32629" s="6"/>
    </row>
    <row r="32630" spans="1:12">
      <c r="A32630" s="6" t="s">
        <v>33096</v>
      </c>
      <c r="B32630" s="6"/>
      <c r="C32630" s="6" t="s">
        <v>32230</v>
      </c>
      <c r="D32630" s="6"/>
      <c r="E32630" s="6" t="s">
        <v>9</v>
      </c>
      <c r="F32630" s="7">
        <v>32234</v>
      </c>
      <c r="G32630" s="8">
        <v>5397300</v>
      </c>
      <c r="H32630" s="8">
        <v>1</v>
      </c>
      <c r="I32630" s="8">
        <v>5397299</v>
      </c>
      <c r="J32630" s="8">
        <v>1</v>
      </c>
      <c r="K32630" s="9"/>
      <c r="L32630" s="6"/>
    </row>
    <row r="32631" spans="1:12">
      <c r="A32631" s="6" t="s">
        <v>33096</v>
      </c>
      <c r="B32631" s="6"/>
      <c r="C32631" s="6" t="s">
        <v>32230</v>
      </c>
      <c r="D32631" s="6"/>
      <c r="E32631" s="6" t="s">
        <v>9</v>
      </c>
      <c r="F32631" s="7">
        <v>32234</v>
      </c>
      <c r="G32631" s="8">
        <v>4325400</v>
      </c>
      <c r="H32631" s="8">
        <v>1</v>
      </c>
      <c r="I32631" s="8">
        <v>4325399</v>
      </c>
      <c r="J32631" s="8">
        <v>1</v>
      </c>
      <c r="K32631" s="9"/>
      <c r="L32631" s="6"/>
    </row>
    <row r="32632" spans="1:12">
      <c r="A32632" s="6" t="s">
        <v>33096</v>
      </c>
      <c r="B32632" s="6"/>
      <c r="C32632" s="6" t="s">
        <v>32230</v>
      </c>
      <c r="D32632" s="6"/>
      <c r="E32632" s="6" t="s">
        <v>9</v>
      </c>
      <c r="F32632" s="7">
        <v>32234</v>
      </c>
      <c r="G32632" s="8">
        <v>3329100</v>
      </c>
      <c r="H32632" s="8">
        <v>1</v>
      </c>
      <c r="I32632" s="8">
        <v>3329099</v>
      </c>
      <c r="J32632" s="8">
        <v>1</v>
      </c>
      <c r="K32632" s="9"/>
      <c r="L32632" s="6"/>
    </row>
    <row r="32633" spans="1:12">
      <c r="A32633" s="6" t="s">
        <v>33096</v>
      </c>
      <c r="B32633" s="6"/>
      <c r="C32633" s="6" t="s">
        <v>32230</v>
      </c>
      <c r="D32633" s="6"/>
      <c r="E32633" s="6" t="s">
        <v>9</v>
      </c>
      <c r="F32633" s="7">
        <v>32234</v>
      </c>
      <c r="G32633" s="8">
        <v>1085400</v>
      </c>
      <c r="H32633" s="8">
        <v>1</v>
      </c>
      <c r="I32633" s="8">
        <v>1085399</v>
      </c>
      <c r="J32633" s="8">
        <v>1</v>
      </c>
      <c r="K32633" s="9"/>
      <c r="L32633" s="6"/>
    </row>
    <row r="32634" spans="1:12">
      <c r="A32634" s="6" t="s">
        <v>33096</v>
      </c>
      <c r="B32634" s="6"/>
      <c r="C32634" s="6" t="s">
        <v>32230</v>
      </c>
      <c r="D32634" s="6"/>
      <c r="E32634" s="6" t="s">
        <v>9</v>
      </c>
      <c r="F32634" s="7">
        <v>32234</v>
      </c>
      <c r="G32634" s="8">
        <v>3450600</v>
      </c>
      <c r="H32634" s="8">
        <v>1</v>
      </c>
      <c r="I32634" s="8">
        <v>3450599</v>
      </c>
      <c r="J32634" s="8">
        <v>1</v>
      </c>
      <c r="K32634" s="9"/>
      <c r="L32634" s="6"/>
    </row>
    <row r="32635" spans="1:12">
      <c r="A32635" s="6" t="s">
        <v>33096</v>
      </c>
      <c r="B32635" s="6"/>
      <c r="C32635" s="6" t="s">
        <v>32230</v>
      </c>
      <c r="D32635" s="6"/>
      <c r="E32635" s="6" t="s">
        <v>9</v>
      </c>
      <c r="F32635" s="7">
        <v>32234</v>
      </c>
      <c r="G32635" s="8">
        <v>5356800</v>
      </c>
      <c r="H32635" s="8">
        <v>1</v>
      </c>
      <c r="I32635" s="8">
        <v>5356799</v>
      </c>
      <c r="J32635" s="8">
        <v>1</v>
      </c>
      <c r="K32635" s="9"/>
      <c r="L32635" s="6"/>
    </row>
    <row r="32636" spans="1:12">
      <c r="A32636" s="6" t="s">
        <v>33096</v>
      </c>
      <c r="B32636" s="6"/>
      <c r="C32636" s="6" t="s">
        <v>32230</v>
      </c>
      <c r="D32636" s="6"/>
      <c r="E32636" s="6" t="s">
        <v>9</v>
      </c>
      <c r="F32636" s="7">
        <v>32234</v>
      </c>
      <c r="G32636" s="8">
        <v>639900</v>
      </c>
      <c r="H32636" s="8">
        <v>1</v>
      </c>
      <c r="I32636" s="8">
        <v>639899</v>
      </c>
      <c r="J32636" s="8">
        <v>1</v>
      </c>
      <c r="K32636" s="9"/>
      <c r="L32636" s="6"/>
    </row>
    <row r="32637" spans="1:12">
      <c r="A32637" s="6" t="s">
        <v>33096</v>
      </c>
      <c r="B32637" s="6"/>
      <c r="C32637" s="6" t="s">
        <v>32230</v>
      </c>
      <c r="D32637" s="6"/>
      <c r="E32637" s="6" t="s">
        <v>9</v>
      </c>
      <c r="F32637" s="7">
        <v>32234</v>
      </c>
      <c r="G32637" s="8">
        <v>18827100</v>
      </c>
      <c r="H32637" s="8">
        <v>1</v>
      </c>
      <c r="I32637" s="8">
        <v>18827099</v>
      </c>
      <c r="J32637" s="8">
        <v>1</v>
      </c>
      <c r="K32637" s="9"/>
      <c r="L32637" s="6"/>
    </row>
    <row r="32638" spans="1:12">
      <c r="A32638" s="6" t="s">
        <v>33145</v>
      </c>
      <c r="B32638" s="6"/>
      <c r="C32638" s="6" t="s">
        <v>32230</v>
      </c>
      <c r="D32638" s="6"/>
      <c r="E32638" s="6" t="s">
        <v>9</v>
      </c>
      <c r="F32638" s="7">
        <v>43733</v>
      </c>
      <c r="G32638" s="8">
        <v>766800</v>
      </c>
      <c r="H32638" s="8">
        <v>721559</v>
      </c>
      <c r="I32638" s="8">
        <v>90482</v>
      </c>
      <c r="J32638" s="8">
        <v>676318</v>
      </c>
      <c r="K32638" s="9"/>
      <c r="L32638" s="6"/>
    </row>
    <row r="32639" spans="1:12">
      <c r="A32639" s="6" t="s">
        <v>33096</v>
      </c>
      <c r="B32639" s="6"/>
      <c r="C32639" s="6" t="s">
        <v>32230</v>
      </c>
      <c r="D32639" s="6"/>
      <c r="E32639" s="6" t="s">
        <v>9</v>
      </c>
      <c r="F32639" s="7">
        <v>32234</v>
      </c>
      <c r="G32639" s="8">
        <v>364500</v>
      </c>
      <c r="H32639" s="8">
        <v>1</v>
      </c>
      <c r="I32639" s="8">
        <v>364499</v>
      </c>
      <c r="J32639" s="8">
        <v>1</v>
      </c>
      <c r="K32639" s="9"/>
      <c r="L32639" s="6"/>
    </row>
    <row r="32640" spans="1:12">
      <c r="A32640" s="6" t="s">
        <v>33096</v>
      </c>
      <c r="B32640" s="6"/>
      <c r="C32640" s="6" t="s">
        <v>32230</v>
      </c>
      <c r="D32640" s="6"/>
      <c r="E32640" s="6" t="s">
        <v>9</v>
      </c>
      <c r="F32640" s="7">
        <v>32234</v>
      </c>
      <c r="G32640" s="8">
        <v>648000</v>
      </c>
      <c r="H32640" s="8">
        <v>1</v>
      </c>
      <c r="I32640" s="8">
        <v>647999</v>
      </c>
      <c r="J32640" s="8">
        <v>1</v>
      </c>
      <c r="K32640" s="9"/>
      <c r="L32640" s="6"/>
    </row>
    <row r="32641" spans="1:12">
      <c r="A32641" s="6" t="s">
        <v>33096</v>
      </c>
      <c r="B32641" s="6"/>
      <c r="C32641" s="6" t="s">
        <v>32230</v>
      </c>
      <c r="D32641" s="6"/>
      <c r="E32641" s="6" t="s">
        <v>9</v>
      </c>
      <c r="F32641" s="7">
        <v>32234</v>
      </c>
      <c r="G32641" s="8">
        <v>11901600</v>
      </c>
      <c r="H32641" s="8">
        <v>1</v>
      </c>
      <c r="I32641" s="8">
        <v>11901599</v>
      </c>
      <c r="J32641" s="8">
        <v>1</v>
      </c>
      <c r="K32641" s="9"/>
      <c r="L32641" s="6"/>
    </row>
    <row r="32642" spans="1:12">
      <c r="A32642" s="6" t="s">
        <v>33096</v>
      </c>
      <c r="B32642" s="6"/>
      <c r="C32642" s="6" t="s">
        <v>32230</v>
      </c>
      <c r="D32642" s="6"/>
      <c r="E32642" s="6" t="s">
        <v>9</v>
      </c>
      <c r="F32642" s="7">
        <v>32234</v>
      </c>
      <c r="G32642" s="8">
        <v>367200</v>
      </c>
      <c r="H32642" s="8">
        <v>1</v>
      </c>
      <c r="I32642" s="8">
        <v>367199</v>
      </c>
      <c r="J32642" s="8">
        <v>1</v>
      </c>
      <c r="K32642" s="9"/>
      <c r="L32642" s="6"/>
    </row>
    <row r="32643" spans="1:12">
      <c r="A32643" s="6" t="s">
        <v>33096</v>
      </c>
      <c r="B32643" s="6"/>
      <c r="C32643" s="6" t="s">
        <v>32230</v>
      </c>
      <c r="D32643" s="6"/>
      <c r="E32643" s="6" t="s">
        <v>9</v>
      </c>
      <c r="F32643" s="7">
        <v>32234</v>
      </c>
      <c r="G32643" s="8">
        <v>642600</v>
      </c>
      <c r="H32643" s="8">
        <v>1</v>
      </c>
      <c r="I32643" s="8">
        <v>642599</v>
      </c>
      <c r="J32643" s="8">
        <v>1</v>
      </c>
      <c r="K32643" s="9"/>
      <c r="L32643" s="6"/>
    </row>
    <row r="32644" spans="1:12">
      <c r="A32644" s="6" t="s">
        <v>33096</v>
      </c>
      <c r="B32644" s="6"/>
      <c r="C32644" s="6" t="s">
        <v>32230</v>
      </c>
      <c r="D32644" s="6"/>
      <c r="E32644" s="6" t="s">
        <v>9</v>
      </c>
      <c r="F32644" s="7">
        <v>32234</v>
      </c>
      <c r="G32644" s="8">
        <v>1209600</v>
      </c>
      <c r="H32644" s="8">
        <v>1</v>
      </c>
      <c r="I32644" s="8">
        <v>1209599</v>
      </c>
      <c r="J32644" s="8">
        <v>1</v>
      </c>
      <c r="K32644" s="9"/>
      <c r="L32644" s="6"/>
    </row>
    <row r="32645" spans="1:12">
      <c r="A32645" s="6" t="s">
        <v>33097</v>
      </c>
      <c r="B32645" s="6"/>
      <c r="C32645" s="6" t="s">
        <v>32230</v>
      </c>
      <c r="D32645" s="6"/>
      <c r="E32645" s="6" t="s">
        <v>9</v>
      </c>
      <c r="F32645" s="7">
        <v>31868</v>
      </c>
      <c r="G32645" s="8">
        <v>1</v>
      </c>
      <c r="H32645" s="8">
        <v>1</v>
      </c>
      <c r="I32645" s="8">
        <v>0</v>
      </c>
      <c r="J32645" s="8">
        <v>1</v>
      </c>
      <c r="K32645" s="9"/>
      <c r="L32645" s="6"/>
    </row>
    <row r="32646" spans="1:12">
      <c r="A32646" s="6" t="s">
        <v>33146</v>
      </c>
      <c r="B32646" s="6"/>
      <c r="C32646" s="6" t="s">
        <v>32230</v>
      </c>
      <c r="D32646" s="6"/>
      <c r="E32646" s="6" t="s">
        <v>9</v>
      </c>
      <c r="F32646" s="7">
        <v>43516</v>
      </c>
      <c r="G32646" s="8">
        <v>324000</v>
      </c>
      <c r="H32646" s="8">
        <v>285768</v>
      </c>
      <c r="I32646" s="8">
        <v>57348</v>
      </c>
      <c r="J32646" s="8">
        <v>266652</v>
      </c>
      <c r="K32646" s="9"/>
      <c r="L32646" s="6"/>
    </row>
    <row r="32647" spans="1:12">
      <c r="A32647" s="6" t="s">
        <v>33096</v>
      </c>
      <c r="B32647" s="6"/>
      <c r="C32647" s="6" t="s">
        <v>32230</v>
      </c>
      <c r="D32647" s="6"/>
      <c r="E32647" s="6" t="s">
        <v>9</v>
      </c>
      <c r="F32647" s="7">
        <v>32599</v>
      </c>
      <c r="G32647" s="8">
        <v>5146200</v>
      </c>
      <c r="H32647" s="8">
        <v>1</v>
      </c>
      <c r="I32647" s="8">
        <v>5146199</v>
      </c>
      <c r="J32647" s="8">
        <v>1</v>
      </c>
      <c r="K32647" s="9"/>
      <c r="L32647" s="6"/>
    </row>
    <row r="32648" spans="1:12">
      <c r="A32648" s="6" t="s">
        <v>33096</v>
      </c>
      <c r="B32648" s="6"/>
      <c r="C32648" s="6" t="s">
        <v>32230</v>
      </c>
      <c r="D32648" s="6"/>
      <c r="E32648" s="6" t="s">
        <v>9</v>
      </c>
      <c r="F32648" s="7">
        <v>32599</v>
      </c>
      <c r="G32648" s="8">
        <v>2608200</v>
      </c>
      <c r="H32648" s="8">
        <v>1</v>
      </c>
      <c r="I32648" s="8">
        <v>2608199</v>
      </c>
      <c r="J32648" s="8">
        <v>1</v>
      </c>
      <c r="K32648" s="9"/>
      <c r="L32648" s="6"/>
    </row>
    <row r="32649" spans="1:12">
      <c r="A32649" s="6" t="s">
        <v>33096</v>
      </c>
      <c r="B32649" s="6"/>
      <c r="C32649" s="6" t="s">
        <v>32230</v>
      </c>
      <c r="D32649" s="6"/>
      <c r="E32649" s="6" t="s">
        <v>9</v>
      </c>
      <c r="F32649" s="7">
        <v>32599</v>
      </c>
      <c r="G32649" s="8">
        <v>1347300</v>
      </c>
      <c r="H32649" s="8">
        <v>1</v>
      </c>
      <c r="I32649" s="8">
        <v>1347299</v>
      </c>
      <c r="J32649" s="8">
        <v>1</v>
      </c>
      <c r="K32649" s="9"/>
      <c r="L32649" s="6"/>
    </row>
    <row r="32650" spans="1:12">
      <c r="A32650" s="6" t="s">
        <v>33096</v>
      </c>
      <c r="B32650" s="6"/>
      <c r="C32650" s="6" t="s">
        <v>32230</v>
      </c>
      <c r="D32650" s="6"/>
      <c r="E32650" s="6" t="s">
        <v>9</v>
      </c>
      <c r="F32650" s="7">
        <v>32599</v>
      </c>
      <c r="G32650" s="8">
        <v>1350000</v>
      </c>
      <c r="H32650" s="8">
        <v>1</v>
      </c>
      <c r="I32650" s="8">
        <v>1349999</v>
      </c>
      <c r="J32650" s="8">
        <v>1</v>
      </c>
      <c r="K32650" s="9"/>
      <c r="L32650" s="6"/>
    </row>
    <row r="32651" spans="1:12">
      <c r="A32651" s="6" t="s">
        <v>33097</v>
      </c>
      <c r="B32651" s="6"/>
      <c r="C32651" s="6" t="s">
        <v>32230</v>
      </c>
      <c r="D32651" s="6"/>
      <c r="E32651" s="6" t="s">
        <v>9</v>
      </c>
      <c r="F32651" s="7">
        <v>42293</v>
      </c>
      <c r="G32651" s="8">
        <v>2862000</v>
      </c>
      <c r="H32651" s="8">
        <v>2017710</v>
      </c>
      <c r="I32651" s="8">
        <v>1013148</v>
      </c>
      <c r="J32651" s="8">
        <v>1848852</v>
      </c>
      <c r="K32651" s="9"/>
      <c r="L32651" s="6"/>
    </row>
    <row r="32652" spans="1:12">
      <c r="A32652" s="6" t="s">
        <v>33096</v>
      </c>
      <c r="B32652" s="6"/>
      <c r="C32652" s="6" t="s">
        <v>32230</v>
      </c>
      <c r="D32652" s="6"/>
      <c r="E32652" s="6" t="s">
        <v>9</v>
      </c>
      <c r="F32652" s="7">
        <v>32599</v>
      </c>
      <c r="G32652" s="8">
        <v>4206600</v>
      </c>
      <c r="H32652" s="8">
        <v>1</v>
      </c>
      <c r="I32652" s="8">
        <v>4206599</v>
      </c>
      <c r="J32652" s="8">
        <v>1</v>
      </c>
      <c r="K32652" s="9"/>
      <c r="L32652" s="6"/>
    </row>
    <row r="32653" spans="1:12">
      <c r="A32653" s="6" t="s">
        <v>33096</v>
      </c>
      <c r="B32653" s="6"/>
      <c r="C32653" s="6" t="s">
        <v>32230</v>
      </c>
      <c r="D32653" s="6"/>
      <c r="E32653" s="6" t="s">
        <v>9</v>
      </c>
      <c r="F32653" s="7">
        <v>32599</v>
      </c>
      <c r="G32653" s="8">
        <v>5872500</v>
      </c>
      <c r="H32653" s="8">
        <v>1</v>
      </c>
      <c r="I32653" s="8">
        <v>5872499</v>
      </c>
      <c r="J32653" s="8">
        <v>1</v>
      </c>
      <c r="K32653" s="9"/>
      <c r="L32653" s="6"/>
    </row>
    <row r="32654" spans="1:12">
      <c r="A32654" s="6" t="s">
        <v>33096</v>
      </c>
      <c r="B32654" s="6"/>
      <c r="C32654" s="6" t="s">
        <v>32230</v>
      </c>
      <c r="D32654" s="6"/>
      <c r="E32654" s="6" t="s">
        <v>9</v>
      </c>
      <c r="F32654" s="7">
        <v>32599</v>
      </c>
      <c r="G32654" s="8">
        <v>1817100</v>
      </c>
      <c r="H32654" s="8">
        <v>1</v>
      </c>
      <c r="I32654" s="8">
        <v>1817099</v>
      </c>
      <c r="J32654" s="8">
        <v>1</v>
      </c>
      <c r="K32654" s="9"/>
      <c r="L32654" s="6"/>
    </row>
    <row r="32655" spans="1:12">
      <c r="A32655" s="6" t="s">
        <v>33096</v>
      </c>
      <c r="B32655" s="6"/>
      <c r="C32655" s="6" t="s">
        <v>32230</v>
      </c>
      <c r="D32655" s="6"/>
      <c r="E32655" s="6" t="s">
        <v>9</v>
      </c>
      <c r="F32655" s="7">
        <v>32599</v>
      </c>
      <c r="G32655" s="8">
        <v>459000</v>
      </c>
      <c r="H32655" s="8">
        <v>1</v>
      </c>
      <c r="I32655" s="8">
        <v>458999</v>
      </c>
      <c r="J32655" s="8">
        <v>1</v>
      </c>
      <c r="K32655" s="9"/>
      <c r="L32655" s="6"/>
    </row>
    <row r="32656" spans="1:12">
      <c r="A32656" s="6" t="s">
        <v>33096</v>
      </c>
      <c r="B32656" s="6"/>
      <c r="C32656" s="6" t="s">
        <v>32230</v>
      </c>
      <c r="D32656" s="6"/>
      <c r="E32656" s="6" t="s">
        <v>9</v>
      </c>
      <c r="F32656" s="7">
        <v>32599</v>
      </c>
      <c r="G32656" s="8">
        <v>440100</v>
      </c>
      <c r="H32656" s="8">
        <v>1</v>
      </c>
      <c r="I32656" s="8">
        <v>440099</v>
      </c>
      <c r="J32656" s="8">
        <v>1</v>
      </c>
      <c r="K32656" s="9"/>
      <c r="L32656" s="6"/>
    </row>
    <row r="32657" spans="1:12">
      <c r="A32657" s="6" t="s">
        <v>33096</v>
      </c>
      <c r="B32657" s="6"/>
      <c r="C32657" s="6" t="s">
        <v>32230</v>
      </c>
      <c r="D32657" s="6"/>
      <c r="E32657" s="6" t="s">
        <v>9</v>
      </c>
      <c r="F32657" s="7">
        <v>32599</v>
      </c>
      <c r="G32657" s="8">
        <v>5702400</v>
      </c>
      <c r="H32657" s="8">
        <v>1</v>
      </c>
      <c r="I32657" s="8">
        <v>5702399</v>
      </c>
      <c r="J32657" s="8">
        <v>1</v>
      </c>
      <c r="K32657" s="9"/>
      <c r="L32657" s="6"/>
    </row>
    <row r="32658" spans="1:12">
      <c r="A32658" s="6" t="s">
        <v>33096</v>
      </c>
      <c r="B32658" s="6"/>
      <c r="C32658" s="6" t="s">
        <v>32230</v>
      </c>
      <c r="D32658" s="6"/>
      <c r="E32658" s="6" t="s">
        <v>9</v>
      </c>
      <c r="F32658" s="7">
        <v>32599</v>
      </c>
      <c r="G32658" s="8">
        <v>1593000</v>
      </c>
      <c r="H32658" s="8">
        <v>1</v>
      </c>
      <c r="I32658" s="8">
        <v>1592999</v>
      </c>
      <c r="J32658" s="8">
        <v>1</v>
      </c>
      <c r="K32658" s="9"/>
      <c r="L32658" s="6"/>
    </row>
    <row r="32659" spans="1:12">
      <c r="A32659" s="6" t="s">
        <v>33096</v>
      </c>
      <c r="B32659" s="6"/>
      <c r="C32659" s="6" t="s">
        <v>32230</v>
      </c>
      <c r="D32659" s="6"/>
      <c r="E32659" s="6" t="s">
        <v>9</v>
      </c>
      <c r="F32659" s="7">
        <v>32599</v>
      </c>
      <c r="G32659" s="8">
        <v>8766900</v>
      </c>
      <c r="H32659" s="8">
        <v>1</v>
      </c>
      <c r="I32659" s="8">
        <v>8766899</v>
      </c>
      <c r="J32659" s="8">
        <v>1</v>
      </c>
      <c r="K32659" s="9"/>
      <c r="L32659" s="6"/>
    </row>
    <row r="32660" spans="1:12">
      <c r="A32660" s="6" t="s">
        <v>33096</v>
      </c>
      <c r="B32660" s="6"/>
      <c r="C32660" s="6" t="s">
        <v>32230</v>
      </c>
      <c r="D32660" s="6"/>
      <c r="E32660" s="6" t="s">
        <v>9</v>
      </c>
      <c r="F32660" s="7">
        <v>32599</v>
      </c>
      <c r="G32660" s="8">
        <v>6528600</v>
      </c>
      <c r="H32660" s="8">
        <v>1</v>
      </c>
      <c r="I32660" s="8">
        <v>6528599</v>
      </c>
      <c r="J32660" s="8">
        <v>1</v>
      </c>
      <c r="K32660" s="9"/>
      <c r="L32660" s="6"/>
    </row>
    <row r="32661" spans="1:12">
      <c r="A32661" s="6" t="s">
        <v>33096</v>
      </c>
      <c r="B32661" s="6"/>
      <c r="C32661" s="6" t="s">
        <v>32230</v>
      </c>
      <c r="D32661" s="6"/>
      <c r="E32661" s="6" t="s">
        <v>9</v>
      </c>
      <c r="F32661" s="7">
        <v>32599</v>
      </c>
      <c r="G32661" s="8">
        <v>5143500</v>
      </c>
      <c r="H32661" s="8">
        <v>1</v>
      </c>
      <c r="I32661" s="8">
        <v>5143499</v>
      </c>
      <c r="J32661" s="8">
        <v>1</v>
      </c>
      <c r="K32661" s="9"/>
      <c r="L32661" s="6"/>
    </row>
    <row r="32662" spans="1:12">
      <c r="A32662" s="6" t="s">
        <v>33096</v>
      </c>
      <c r="B32662" s="6"/>
      <c r="C32662" s="6" t="s">
        <v>32230</v>
      </c>
      <c r="D32662" s="6"/>
      <c r="E32662" s="6" t="s">
        <v>9</v>
      </c>
      <c r="F32662" s="7">
        <v>32599</v>
      </c>
      <c r="G32662" s="8">
        <v>1368900</v>
      </c>
      <c r="H32662" s="8">
        <v>1</v>
      </c>
      <c r="I32662" s="8">
        <v>1368899</v>
      </c>
      <c r="J32662" s="8">
        <v>1</v>
      </c>
      <c r="K32662" s="9"/>
      <c r="L32662" s="6"/>
    </row>
    <row r="32663" spans="1:12">
      <c r="A32663" s="6" t="s">
        <v>33096</v>
      </c>
      <c r="B32663" s="6"/>
      <c r="C32663" s="6" t="s">
        <v>32230</v>
      </c>
      <c r="D32663" s="6"/>
      <c r="E32663" s="6" t="s">
        <v>9</v>
      </c>
      <c r="F32663" s="7">
        <v>32599</v>
      </c>
      <c r="G32663" s="8">
        <v>7452000</v>
      </c>
      <c r="H32663" s="8">
        <v>1</v>
      </c>
      <c r="I32663" s="8">
        <v>7451999</v>
      </c>
      <c r="J32663" s="8">
        <v>1</v>
      </c>
      <c r="K32663" s="9"/>
      <c r="L32663" s="6"/>
    </row>
    <row r="32664" spans="1:12">
      <c r="A32664" s="6" t="s">
        <v>33096</v>
      </c>
      <c r="B32664" s="6"/>
      <c r="C32664" s="6" t="s">
        <v>32230</v>
      </c>
      <c r="D32664" s="6"/>
      <c r="E32664" s="6" t="s">
        <v>9</v>
      </c>
      <c r="F32664" s="7">
        <v>32599</v>
      </c>
      <c r="G32664" s="8">
        <v>1350000</v>
      </c>
      <c r="H32664" s="8">
        <v>1</v>
      </c>
      <c r="I32664" s="8">
        <v>1349999</v>
      </c>
      <c r="J32664" s="8">
        <v>1</v>
      </c>
      <c r="K32664" s="9"/>
      <c r="L32664" s="6"/>
    </row>
    <row r="32665" spans="1:12">
      <c r="A32665" s="6" t="s">
        <v>33096</v>
      </c>
      <c r="B32665" s="6"/>
      <c r="C32665" s="6" t="s">
        <v>32230</v>
      </c>
      <c r="D32665" s="6"/>
      <c r="E32665" s="6" t="s">
        <v>9</v>
      </c>
      <c r="F32665" s="7">
        <v>32599</v>
      </c>
      <c r="G32665" s="8">
        <v>4725000</v>
      </c>
      <c r="H32665" s="8">
        <v>1</v>
      </c>
      <c r="I32665" s="8">
        <v>4724999</v>
      </c>
      <c r="J32665" s="8">
        <v>1</v>
      </c>
      <c r="K32665" s="9"/>
      <c r="L32665" s="6"/>
    </row>
    <row r="32666" spans="1:12">
      <c r="A32666" s="6" t="s">
        <v>33096</v>
      </c>
      <c r="B32666" s="6"/>
      <c r="C32666" s="6" t="s">
        <v>32230</v>
      </c>
      <c r="D32666" s="6"/>
      <c r="E32666" s="6" t="s">
        <v>9</v>
      </c>
      <c r="F32666" s="7">
        <v>32599</v>
      </c>
      <c r="G32666" s="8">
        <v>1674000</v>
      </c>
      <c r="H32666" s="8">
        <v>1</v>
      </c>
      <c r="I32666" s="8">
        <v>1673999</v>
      </c>
      <c r="J32666" s="8">
        <v>1</v>
      </c>
      <c r="K32666" s="9"/>
      <c r="L32666" s="6"/>
    </row>
    <row r="32667" spans="1:12">
      <c r="A32667" s="6" t="s">
        <v>33097</v>
      </c>
      <c r="B32667" s="6"/>
      <c r="C32667" s="6" t="s">
        <v>32230</v>
      </c>
      <c r="D32667" s="6"/>
      <c r="E32667" s="6" t="s">
        <v>9</v>
      </c>
      <c r="F32667" s="7">
        <v>38808</v>
      </c>
      <c r="G32667" s="8">
        <v>1643355</v>
      </c>
      <c r="H32667" s="8">
        <v>285957</v>
      </c>
      <c r="I32667" s="8">
        <v>1454355</v>
      </c>
      <c r="J32667" s="8">
        <v>189000</v>
      </c>
      <c r="K32667" s="9"/>
      <c r="L32667" s="6"/>
    </row>
    <row r="32668" spans="1:12">
      <c r="A32668" s="6" t="s">
        <v>33096</v>
      </c>
      <c r="B32668" s="6"/>
      <c r="C32668" s="6" t="s">
        <v>32230</v>
      </c>
      <c r="D32668" s="6"/>
      <c r="E32668" s="6" t="s">
        <v>9</v>
      </c>
      <c r="F32668" s="7">
        <v>32964</v>
      </c>
      <c r="G32668" s="8">
        <v>7832700</v>
      </c>
      <c r="H32668" s="8">
        <v>1</v>
      </c>
      <c r="I32668" s="8">
        <v>7832699</v>
      </c>
      <c r="J32668" s="8">
        <v>1</v>
      </c>
      <c r="K32668" s="9"/>
      <c r="L32668" s="6"/>
    </row>
    <row r="32669" spans="1:12">
      <c r="A32669" s="6" t="s">
        <v>33096</v>
      </c>
      <c r="B32669" s="6"/>
      <c r="C32669" s="6" t="s">
        <v>32230</v>
      </c>
      <c r="D32669" s="6"/>
      <c r="E32669" s="6" t="s">
        <v>9</v>
      </c>
      <c r="F32669" s="7">
        <v>32964</v>
      </c>
      <c r="G32669" s="8">
        <v>8999100</v>
      </c>
      <c r="H32669" s="8">
        <v>1</v>
      </c>
      <c r="I32669" s="8">
        <v>8999099</v>
      </c>
      <c r="J32669" s="8">
        <v>1</v>
      </c>
      <c r="K32669" s="9"/>
      <c r="L32669" s="6"/>
    </row>
    <row r="32670" spans="1:12">
      <c r="A32670" s="6" t="s">
        <v>33096</v>
      </c>
      <c r="B32670" s="6"/>
      <c r="C32670" s="6" t="s">
        <v>32230</v>
      </c>
      <c r="D32670" s="6"/>
      <c r="E32670" s="6" t="s">
        <v>9</v>
      </c>
      <c r="F32670" s="7">
        <v>32964</v>
      </c>
      <c r="G32670" s="8">
        <v>2754000</v>
      </c>
      <c r="H32670" s="8">
        <v>1</v>
      </c>
      <c r="I32670" s="8">
        <v>2753999</v>
      </c>
      <c r="J32670" s="8">
        <v>1</v>
      </c>
      <c r="K32670" s="9"/>
      <c r="L32670" s="6"/>
    </row>
    <row r="32671" spans="1:12">
      <c r="A32671" s="6" t="s">
        <v>33096</v>
      </c>
      <c r="B32671" s="6"/>
      <c r="C32671" s="6" t="s">
        <v>32230</v>
      </c>
      <c r="D32671" s="6"/>
      <c r="E32671" s="6" t="s">
        <v>9</v>
      </c>
      <c r="F32671" s="7">
        <v>32964</v>
      </c>
      <c r="G32671" s="8">
        <v>4125600</v>
      </c>
      <c r="H32671" s="8">
        <v>1</v>
      </c>
      <c r="I32671" s="8">
        <v>4125599</v>
      </c>
      <c r="J32671" s="8">
        <v>1</v>
      </c>
      <c r="K32671" s="9"/>
      <c r="L32671" s="6"/>
    </row>
    <row r="32672" spans="1:12">
      <c r="A32672" s="6" t="s">
        <v>33096</v>
      </c>
      <c r="B32672" s="6"/>
      <c r="C32672" s="6" t="s">
        <v>32230</v>
      </c>
      <c r="D32672" s="6"/>
      <c r="E32672" s="6" t="s">
        <v>9</v>
      </c>
      <c r="F32672" s="7">
        <v>32964</v>
      </c>
      <c r="G32672" s="8">
        <v>1161000</v>
      </c>
      <c r="H32672" s="8">
        <v>1</v>
      </c>
      <c r="I32672" s="8">
        <v>1160999</v>
      </c>
      <c r="J32672" s="8">
        <v>1</v>
      </c>
      <c r="K32672" s="9"/>
      <c r="L32672" s="6"/>
    </row>
    <row r="32673" spans="1:12">
      <c r="A32673" s="6" t="s">
        <v>33096</v>
      </c>
      <c r="B32673" s="6"/>
      <c r="C32673" s="6" t="s">
        <v>32230</v>
      </c>
      <c r="D32673" s="6"/>
      <c r="E32673" s="6" t="s">
        <v>9</v>
      </c>
      <c r="F32673" s="7">
        <v>32964</v>
      </c>
      <c r="G32673" s="8">
        <v>9134100</v>
      </c>
      <c r="H32673" s="8">
        <v>1</v>
      </c>
      <c r="I32673" s="8">
        <v>9134099</v>
      </c>
      <c r="J32673" s="8">
        <v>1</v>
      </c>
      <c r="K32673" s="9"/>
      <c r="L32673" s="6"/>
    </row>
    <row r="32674" spans="1:12">
      <c r="A32674" s="6" t="s">
        <v>33096</v>
      </c>
      <c r="B32674" s="6"/>
      <c r="C32674" s="6" t="s">
        <v>32230</v>
      </c>
      <c r="D32674" s="6"/>
      <c r="E32674" s="6" t="s">
        <v>9</v>
      </c>
      <c r="F32674" s="7">
        <v>32964</v>
      </c>
      <c r="G32674" s="8">
        <v>7119900</v>
      </c>
      <c r="H32674" s="8">
        <v>1</v>
      </c>
      <c r="I32674" s="8">
        <v>7119899</v>
      </c>
      <c r="J32674" s="8">
        <v>1</v>
      </c>
      <c r="K32674" s="9"/>
      <c r="L32674" s="6"/>
    </row>
    <row r="32675" spans="1:12">
      <c r="A32675" s="6" t="s">
        <v>33096</v>
      </c>
      <c r="B32675" s="6"/>
      <c r="C32675" s="6" t="s">
        <v>32230</v>
      </c>
      <c r="D32675" s="6"/>
      <c r="E32675" s="6" t="s">
        <v>9</v>
      </c>
      <c r="F32675" s="7">
        <v>32964</v>
      </c>
      <c r="G32675" s="8">
        <v>2964600</v>
      </c>
      <c r="H32675" s="8">
        <v>1</v>
      </c>
      <c r="I32675" s="8">
        <v>2964599</v>
      </c>
      <c r="J32675" s="8">
        <v>1</v>
      </c>
      <c r="K32675" s="9"/>
      <c r="L32675" s="6"/>
    </row>
    <row r="32676" spans="1:12">
      <c r="A32676" s="6" t="s">
        <v>33097</v>
      </c>
      <c r="B32676" s="6"/>
      <c r="C32676" s="6" t="s">
        <v>32230</v>
      </c>
      <c r="D32676" s="6"/>
      <c r="E32676" s="6" t="s">
        <v>9</v>
      </c>
      <c r="F32676" s="7">
        <v>32599</v>
      </c>
      <c r="G32676" s="8">
        <v>1</v>
      </c>
      <c r="H32676" s="8">
        <v>1</v>
      </c>
      <c r="I32676" s="8">
        <v>0</v>
      </c>
      <c r="J32676" s="8">
        <v>1</v>
      </c>
      <c r="K32676" s="9"/>
      <c r="L32676" s="6"/>
    </row>
    <row r="32677" spans="1:12">
      <c r="A32677" s="6" t="s">
        <v>33096</v>
      </c>
      <c r="B32677" s="6"/>
      <c r="C32677" s="6" t="s">
        <v>32230</v>
      </c>
      <c r="D32677" s="6"/>
      <c r="E32677" s="6" t="s">
        <v>9</v>
      </c>
      <c r="F32677" s="7">
        <v>31503</v>
      </c>
      <c r="G32677" s="8">
        <v>9954900</v>
      </c>
      <c r="H32677" s="8">
        <v>1</v>
      </c>
      <c r="I32677" s="8">
        <v>9954899</v>
      </c>
      <c r="J32677" s="8">
        <v>1</v>
      </c>
      <c r="K32677" s="9"/>
      <c r="L32677" s="6"/>
    </row>
    <row r="32678" spans="1:12">
      <c r="A32678" s="6" t="s">
        <v>33096</v>
      </c>
      <c r="B32678" s="6"/>
      <c r="C32678" s="6" t="s">
        <v>32230</v>
      </c>
      <c r="D32678" s="6"/>
      <c r="E32678" s="6" t="s">
        <v>9</v>
      </c>
      <c r="F32678" s="7">
        <v>31503</v>
      </c>
      <c r="G32678" s="8">
        <v>8715600</v>
      </c>
      <c r="H32678" s="8">
        <v>1</v>
      </c>
      <c r="I32678" s="8">
        <v>8715599</v>
      </c>
      <c r="J32678" s="8">
        <v>1</v>
      </c>
      <c r="K32678" s="9"/>
      <c r="L32678" s="6"/>
    </row>
    <row r="32679" spans="1:12">
      <c r="A32679" s="6" t="s">
        <v>33097</v>
      </c>
      <c r="B32679" s="6"/>
      <c r="C32679" s="6" t="s">
        <v>32230</v>
      </c>
      <c r="D32679" s="6"/>
      <c r="E32679" s="6" t="s">
        <v>9</v>
      </c>
      <c r="F32679" s="7">
        <v>31138</v>
      </c>
      <c r="G32679" s="8">
        <v>10470000</v>
      </c>
      <c r="H32679" s="8">
        <v>1</v>
      </c>
      <c r="I32679" s="8">
        <v>10469999</v>
      </c>
      <c r="J32679" s="8">
        <v>1</v>
      </c>
      <c r="K32679" s="9"/>
      <c r="L32679" s="6"/>
    </row>
    <row r="32680" spans="1:12">
      <c r="A32680" s="6" t="s">
        <v>33096</v>
      </c>
      <c r="B32680" s="6"/>
      <c r="C32680" s="6" t="s">
        <v>32230</v>
      </c>
      <c r="D32680" s="6"/>
      <c r="E32680" s="6" t="s">
        <v>9</v>
      </c>
      <c r="F32680" s="7">
        <v>32599</v>
      </c>
      <c r="G32680" s="8">
        <v>14385600</v>
      </c>
      <c r="H32680" s="8">
        <v>1</v>
      </c>
      <c r="I32680" s="8">
        <v>14385599</v>
      </c>
      <c r="J32680" s="8">
        <v>1</v>
      </c>
      <c r="K32680" s="9"/>
      <c r="L32680" s="6"/>
    </row>
    <row r="32681" spans="1:12">
      <c r="A32681" s="6" t="s">
        <v>33096</v>
      </c>
      <c r="B32681" s="6"/>
      <c r="C32681" s="6" t="s">
        <v>32230</v>
      </c>
      <c r="D32681" s="6"/>
      <c r="E32681" s="6" t="s">
        <v>9</v>
      </c>
      <c r="F32681" s="7">
        <v>32599</v>
      </c>
      <c r="G32681" s="8">
        <v>7846200</v>
      </c>
      <c r="H32681" s="8">
        <v>1</v>
      </c>
      <c r="I32681" s="8">
        <v>7846199</v>
      </c>
      <c r="J32681" s="8">
        <v>1</v>
      </c>
      <c r="K32681" s="9"/>
      <c r="L32681" s="6"/>
    </row>
    <row r="32682" spans="1:12">
      <c r="A32682" s="6" t="s">
        <v>33096</v>
      </c>
      <c r="B32682" s="6"/>
      <c r="C32682" s="6" t="s">
        <v>32230</v>
      </c>
      <c r="D32682" s="6"/>
      <c r="E32682" s="6" t="s">
        <v>9</v>
      </c>
      <c r="F32682" s="7">
        <v>32599</v>
      </c>
      <c r="G32682" s="8">
        <v>6795900</v>
      </c>
      <c r="H32682" s="8">
        <v>1</v>
      </c>
      <c r="I32682" s="8">
        <v>6795899</v>
      </c>
      <c r="J32682" s="8">
        <v>1</v>
      </c>
      <c r="K32682" s="9"/>
      <c r="L32682" s="6"/>
    </row>
    <row r="32683" spans="1:12">
      <c r="A32683" s="6" t="s">
        <v>33096</v>
      </c>
      <c r="B32683" s="6"/>
      <c r="C32683" s="6" t="s">
        <v>32230</v>
      </c>
      <c r="D32683" s="6"/>
      <c r="E32683" s="6" t="s">
        <v>9</v>
      </c>
      <c r="F32683" s="7">
        <v>32599</v>
      </c>
      <c r="G32683" s="8">
        <v>5988600</v>
      </c>
      <c r="H32683" s="8">
        <v>1</v>
      </c>
      <c r="I32683" s="8">
        <v>5988599</v>
      </c>
      <c r="J32683" s="8">
        <v>1</v>
      </c>
      <c r="K32683" s="9"/>
      <c r="L32683" s="6"/>
    </row>
    <row r="32684" spans="1:12">
      <c r="A32684" s="6" t="s">
        <v>33097</v>
      </c>
      <c r="B32684" s="6"/>
      <c r="C32684" s="6" t="s">
        <v>32230</v>
      </c>
      <c r="D32684" s="6"/>
      <c r="E32684" s="6" t="s">
        <v>9</v>
      </c>
      <c r="F32684" s="7">
        <v>39173</v>
      </c>
      <c r="G32684" s="8">
        <v>1860600</v>
      </c>
      <c r="H32684" s="8">
        <v>433525</v>
      </c>
      <c r="I32684" s="8">
        <v>1536850</v>
      </c>
      <c r="J32684" s="8">
        <v>323750</v>
      </c>
      <c r="K32684" s="9"/>
      <c r="L32684" s="6"/>
    </row>
    <row r="32685" spans="1:12">
      <c r="A32685" s="6" t="s">
        <v>33097</v>
      </c>
      <c r="B32685" s="6"/>
      <c r="C32685" s="6" t="s">
        <v>32230</v>
      </c>
      <c r="D32685" s="6"/>
      <c r="E32685" s="6" t="s">
        <v>9</v>
      </c>
      <c r="F32685" s="7">
        <v>32964</v>
      </c>
      <c r="G32685" s="8">
        <v>1</v>
      </c>
      <c r="H32685" s="8">
        <v>1</v>
      </c>
      <c r="I32685" s="8">
        <v>0</v>
      </c>
      <c r="J32685" s="8">
        <v>1</v>
      </c>
      <c r="K32685" s="9"/>
      <c r="L32685" s="6"/>
    </row>
    <row r="32686" spans="1:12">
      <c r="A32686" s="6" t="s">
        <v>33096</v>
      </c>
      <c r="B32686" s="6"/>
      <c r="C32686" s="6" t="s">
        <v>32230</v>
      </c>
      <c r="D32686" s="6"/>
      <c r="E32686" s="6" t="s">
        <v>9</v>
      </c>
      <c r="F32686" s="7">
        <v>32964</v>
      </c>
      <c r="G32686" s="8">
        <v>7317000</v>
      </c>
      <c r="H32686" s="8">
        <v>1</v>
      </c>
      <c r="I32686" s="8">
        <v>7316999</v>
      </c>
      <c r="J32686" s="8">
        <v>1</v>
      </c>
      <c r="K32686" s="9"/>
      <c r="L32686" s="6"/>
    </row>
    <row r="32687" spans="1:12">
      <c r="A32687" s="6" t="s">
        <v>33097</v>
      </c>
      <c r="B32687" s="6"/>
      <c r="C32687" s="6" t="s">
        <v>32230</v>
      </c>
      <c r="D32687" s="6"/>
      <c r="E32687" s="6" t="s">
        <v>9</v>
      </c>
      <c r="F32687" s="7">
        <v>32599</v>
      </c>
      <c r="G32687" s="8">
        <v>1</v>
      </c>
      <c r="H32687" s="8">
        <v>1</v>
      </c>
      <c r="I32687" s="8">
        <v>0</v>
      </c>
      <c r="J32687" s="8">
        <v>1</v>
      </c>
      <c r="K32687" s="9"/>
      <c r="L32687" s="6"/>
    </row>
    <row r="32688" spans="1:12">
      <c r="A32688" s="6" t="s">
        <v>33147</v>
      </c>
      <c r="B32688" s="6"/>
      <c r="C32688" s="6" t="s">
        <v>32230</v>
      </c>
      <c r="D32688" s="6"/>
      <c r="E32688" s="6" t="s">
        <v>9</v>
      </c>
      <c r="F32688" s="7">
        <v>43733</v>
      </c>
      <c r="G32688" s="8">
        <v>723600</v>
      </c>
      <c r="H32688" s="8">
        <v>680908</v>
      </c>
      <c r="I32688" s="8">
        <v>85384</v>
      </c>
      <c r="J32688" s="8">
        <v>638216</v>
      </c>
      <c r="K32688" s="9"/>
      <c r="L32688" s="6"/>
    </row>
    <row r="32689" spans="1:12">
      <c r="A32689" s="6" t="s">
        <v>33096</v>
      </c>
      <c r="B32689" s="6"/>
      <c r="C32689" s="6" t="s">
        <v>32230</v>
      </c>
      <c r="D32689" s="6"/>
      <c r="E32689" s="6" t="s">
        <v>9</v>
      </c>
      <c r="F32689" s="7">
        <v>32964</v>
      </c>
      <c r="G32689" s="8">
        <v>2808000</v>
      </c>
      <c r="H32689" s="8">
        <v>1</v>
      </c>
      <c r="I32689" s="8">
        <v>2807999</v>
      </c>
      <c r="J32689" s="8">
        <v>1</v>
      </c>
      <c r="K32689" s="9"/>
      <c r="L32689" s="6"/>
    </row>
    <row r="32690" spans="1:12">
      <c r="A32690" s="6" t="s">
        <v>33096</v>
      </c>
      <c r="B32690" s="6"/>
      <c r="C32690" s="6" t="s">
        <v>32230</v>
      </c>
      <c r="D32690" s="6"/>
      <c r="E32690" s="6" t="s">
        <v>9</v>
      </c>
      <c r="F32690" s="7">
        <v>32964</v>
      </c>
      <c r="G32690" s="8">
        <v>2994300</v>
      </c>
      <c r="H32690" s="8">
        <v>1</v>
      </c>
      <c r="I32690" s="8">
        <v>2994299</v>
      </c>
      <c r="J32690" s="8">
        <v>1</v>
      </c>
      <c r="K32690" s="9"/>
      <c r="L32690" s="6"/>
    </row>
    <row r="32691" spans="1:12">
      <c r="A32691" s="6" t="s">
        <v>33096</v>
      </c>
      <c r="B32691" s="6"/>
      <c r="C32691" s="6" t="s">
        <v>32230</v>
      </c>
      <c r="D32691" s="6"/>
      <c r="E32691" s="6" t="s">
        <v>9</v>
      </c>
      <c r="F32691" s="7">
        <v>32964</v>
      </c>
      <c r="G32691" s="8">
        <v>2708100</v>
      </c>
      <c r="H32691" s="8">
        <v>1</v>
      </c>
      <c r="I32691" s="8">
        <v>2708099</v>
      </c>
      <c r="J32691" s="8">
        <v>1</v>
      </c>
      <c r="K32691" s="9"/>
      <c r="L32691" s="6"/>
    </row>
    <row r="32692" spans="1:12">
      <c r="A32692" s="6" t="s">
        <v>33096</v>
      </c>
      <c r="B32692" s="6"/>
      <c r="C32692" s="6" t="s">
        <v>32230</v>
      </c>
      <c r="D32692" s="6"/>
      <c r="E32692" s="6" t="s">
        <v>9</v>
      </c>
      <c r="F32692" s="7">
        <v>32964</v>
      </c>
      <c r="G32692" s="8">
        <v>2794500</v>
      </c>
      <c r="H32692" s="8">
        <v>1</v>
      </c>
      <c r="I32692" s="8">
        <v>2794499</v>
      </c>
      <c r="J32692" s="8">
        <v>1</v>
      </c>
      <c r="K32692" s="9"/>
      <c r="L32692" s="6"/>
    </row>
    <row r="32693" spans="1:12">
      <c r="A32693" s="6" t="s">
        <v>33096</v>
      </c>
      <c r="B32693" s="6"/>
      <c r="C32693" s="6" t="s">
        <v>32230</v>
      </c>
      <c r="D32693" s="6"/>
      <c r="E32693" s="6" t="s">
        <v>9</v>
      </c>
      <c r="F32693" s="7">
        <v>32964</v>
      </c>
      <c r="G32693" s="8">
        <v>3426300</v>
      </c>
      <c r="H32693" s="8">
        <v>1</v>
      </c>
      <c r="I32693" s="8">
        <v>3426299</v>
      </c>
      <c r="J32693" s="8">
        <v>1</v>
      </c>
      <c r="K32693" s="9"/>
      <c r="L32693" s="6"/>
    </row>
    <row r="32694" spans="1:12">
      <c r="A32694" s="6" t="s">
        <v>33096</v>
      </c>
      <c r="B32694" s="6"/>
      <c r="C32694" s="6" t="s">
        <v>32230</v>
      </c>
      <c r="D32694" s="6"/>
      <c r="E32694" s="6" t="s">
        <v>9</v>
      </c>
      <c r="F32694" s="7">
        <v>32964</v>
      </c>
      <c r="G32694" s="8">
        <v>3426300</v>
      </c>
      <c r="H32694" s="8">
        <v>1</v>
      </c>
      <c r="I32694" s="8">
        <v>3426299</v>
      </c>
      <c r="J32694" s="8">
        <v>1</v>
      </c>
      <c r="K32694" s="9"/>
      <c r="L32694" s="6"/>
    </row>
    <row r="32695" spans="1:12">
      <c r="A32695" s="6" t="s">
        <v>33096</v>
      </c>
      <c r="B32695" s="6"/>
      <c r="C32695" s="6" t="s">
        <v>32230</v>
      </c>
      <c r="D32695" s="6"/>
      <c r="E32695" s="6" t="s">
        <v>9</v>
      </c>
      <c r="F32695" s="7">
        <v>32964</v>
      </c>
      <c r="G32695" s="8">
        <v>2740500</v>
      </c>
      <c r="H32695" s="8">
        <v>1</v>
      </c>
      <c r="I32695" s="8">
        <v>2740499</v>
      </c>
      <c r="J32695" s="8">
        <v>1</v>
      </c>
      <c r="K32695" s="9"/>
      <c r="L32695" s="6"/>
    </row>
    <row r="32696" spans="1:12">
      <c r="A32696" s="6" t="s">
        <v>33096</v>
      </c>
      <c r="B32696" s="6"/>
      <c r="C32696" s="6" t="s">
        <v>32230</v>
      </c>
      <c r="D32696" s="6"/>
      <c r="E32696" s="6" t="s">
        <v>9</v>
      </c>
      <c r="F32696" s="7">
        <v>32964</v>
      </c>
      <c r="G32696" s="8">
        <v>10829700</v>
      </c>
      <c r="H32696" s="8">
        <v>1</v>
      </c>
      <c r="I32696" s="8">
        <v>10829699</v>
      </c>
      <c r="J32696" s="8">
        <v>1</v>
      </c>
      <c r="K32696" s="9"/>
      <c r="L32696" s="6"/>
    </row>
    <row r="32697" spans="1:12">
      <c r="A32697" s="6" t="s">
        <v>33096</v>
      </c>
      <c r="B32697" s="6"/>
      <c r="C32697" s="6" t="s">
        <v>32230</v>
      </c>
      <c r="D32697" s="6"/>
      <c r="E32697" s="6" t="s">
        <v>9</v>
      </c>
      <c r="F32697" s="7">
        <v>33329</v>
      </c>
      <c r="G32697" s="8">
        <v>24192000</v>
      </c>
      <c r="H32697" s="8">
        <v>1</v>
      </c>
      <c r="I32697" s="8">
        <v>24191999</v>
      </c>
      <c r="J32697" s="8">
        <v>1</v>
      </c>
      <c r="K32697" s="9"/>
      <c r="L32697" s="6"/>
    </row>
    <row r="32698" spans="1:12">
      <c r="A32698" s="6" t="s">
        <v>33096</v>
      </c>
      <c r="B32698" s="6"/>
      <c r="C32698" s="6" t="s">
        <v>32230</v>
      </c>
      <c r="D32698" s="6"/>
      <c r="E32698" s="6" t="s">
        <v>9</v>
      </c>
      <c r="F32698" s="7">
        <v>34060</v>
      </c>
      <c r="G32698" s="8">
        <v>2500200</v>
      </c>
      <c r="H32698" s="8">
        <v>1</v>
      </c>
      <c r="I32698" s="8">
        <v>2500199</v>
      </c>
      <c r="J32698" s="8">
        <v>1</v>
      </c>
      <c r="K32698" s="9"/>
      <c r="L32698" s="6"/>
    </row>
    <row r="32699" spans="1:12">
      <c r="A32699" s="6" t="s">
        <v>33097</v>
      </c>
      <c r="B32699" s="6"/>
      <c r="C32699" s="6" t="s">
        <v>32230</v>
      </c>
      <c r="D32699" s="6"/>
      <c r="E32699" s="6" t="s">
        <v>9</v>
      </c>
      <c r="F32699" s="7">
        <v>33329</v>
      </c>
      <c r="G32699" s="8">
        <v>1</v>
      </c>
      <c r="H32699" s="8">
        <v>1</v>
      </c>
      <c r="I32699" s="8">
        <v>0</v>
      </c>
      <c r="J32699" s="8">
        <v>1</v>
      </c>
      <c r="K32699" s="9"/>
      <c r="L32699" s="6"/>
    </row>
    <row r="32700" spans="1:12">
      <c r="A32700" s="6" t="s">
        <v>33148</v>
      </c>
      <c r="B32700" s="6"/>
      <c r="C32700" s="6" t="s">
        <v>32230</v>
      </c>
      <c r="D32700" s="6"/>
      <c r="E32700" s="6" t="s">
        <v>9</v>
      </c>
      <c r="F32700" s="7">
        <v>44286</v>
      </c>
      <c r="G32700" s="8">
        <v>7227000</v>
      </c>
      <c r="H32700" s="8">
        <v>7227000</v>
      </c>
      <c r="I32700" s="8">
        <v>426393</v>
      </c>
      <c r="J32700" s="8">
        <v>6800607</v>
      </c>
      <c r="K32700" s="9"/>
      <c r="L32700" s="6"/>
    </row>
    <row r="32701" spans="1:12">
      <c r="A32701" s="6" t="s">
        <v>33096</v>
      </c>
      <c r="B32701" s="6"/>
      <c r="C32701" s="6" t="s">
        <v>32230</v>
      </c>
      <c r="D32701" s="6"/>
      <c r="E32701" s="6" t="s">
        <v>9</v>
      </c>
      <c r="F32701" s="7">
        <v>33329</v>
      </c>
      <c r="G32701" s="8">
        <v>977400</v>
      </c>
      <c r="H32701" s="8">
        <v>1</v>
      </c>
      <c r="I32701" s="8">
        <v>977399</v>
      </c>
      <c r="J32701" s="8">
        <v>1</v>
      </c>
      <c r="K32701" s="9"/>
      <c r="L32701" s="6"/>
    </row>
    <row r="32702" spans="1:12">
      <c r="A32702" s="6" t="s">
        <v>33096</v>
      </c>
      <c r="B32702" s="6"/>
      <c r="C32702" s="6" t="s">
        <v>32230</v>
      </c>
      <c r="D32702" s="6"/>
      <c r="E32702" s="6" t="s">
        <v>9</v>
      </c>
      <c r="F32702" s="7">
        <v>34060</v>
      </c>
      <c r="G32702" s="8">
        <v>2276100</v>
      </c>
      <c r="H32702" s="8">
        <v>1</v>
      </c>
      <c r="I32702" s="8">
        <v>2276099</v>
      </c>
      <c r="J32702" s="8">
        <v>1</v>
      </c>
      <c r="K32702" s="9"/>
      <c r="L32702" s="6"/>
    </row>
    <row r="32703" spans="1:12">
      <c r="A32703" s="6" t="s">
        <v>33096</v>
      </c>
      <c r="B32703" s="6"/>
      <c r="C32703" s="6" t="s">
        <v>32230</v>
      </c>
      <c r="D32703" s="6"/>
      <c r="E32703" s="6" t="s">
        <v>9</v>
      </c>
      <c r="F32703" s="7">
        <v>34060</v>
      </c>
      <c r="G32703" s="8">
        <v>1930500</v>
      </c>
      <c r="H32703" s="8">
        <v>1</v>
      </c>
      <c r="I32703" s="8">
        <v>1930499</v>
      </c>
      <c r="J32703" s="8">
        <v>1</v>
      </c>
      <c r="K32703" s="9"/>
      <c r="L32703" s="6"/>
    </row>
    <row r="32704" spans="1:12">
      <c r="A32704" s="6" t="s">
        <v>33096</v>
      </c>
      <c r="B32704" s="6"/>
      <c r="C32704" s="6" t="s">
        <v>32230</v>
      </c>
      <c r="D32704" s="6"/>
      <c r="E32704" s="6" t="s">
        <v>9</v>
      </c>
      <c r="F32704" s="7">
        <v>34060</v>
      </c>
      <c r="G32704" s="8">
        <v>1458000</v>
      </c>
      <c r="H32704" s="8">
        <v>1</v>
      </c>
      <c r="I32704" s="8">
        <v>1457999</v>
      </c>
      <c r="J32704" s="8">
        <v>1</v>
      </c>
      <c r="K32704" s="9"/>
      <c r="L32704" s="6"/>
    </row>
    <row r="32705" spans="1:12">
      <c r="A32705" s="6" t="s">
        <v>33096</v>
      </c>
      <c r="B32705" s="6"/>
      <c r="C32705" s="6" t="s">
        <v>32230</v>
      </c>
      <c r="D32705" s="6"/>
      <c r="E32705" s="6" t="s">
        <v>9</v>
      </c>
      <c r="F32705" s="7">
        <v>34060</v>
      </c>
      <c r="G32705" s="8">
        <v>2019600</v>
      </c>
      <c r="H32705" s="8">
        <v>1</v>
      </c>
      <c r="I32705" s="8">
        <v>2019599</v>
      </c>
      <c r="J32705" s="8">
        <v>1</v>
      </c>
      <c r="K32705" s="9"/>
      <c r="L32705" s="6"/>
    </row>
    <row r="32706" spans="1:12">
      <c r="A32706" s="6" t="s">
        <v>33096</v>
      </c>
      <c r="B32706" s="6"/>
      <c r="C32706" s="6" t="s">
        <v>32230</v>
      </c>
      <c r="D32706" s="6"/>
      <c r="E32706" s="6" t="s">
        <v>9</v>
      </c>
      <c r="F32706" s="7">
        <v>34060</v>
      </c>
      <c r="G32706" s="8">
        <v>1846800</v>
      </c>
      <c r="H32706" s="8">
        <v>1</v>
      </c>
      <c r="I32706" s="8">
        <v>1846799</v>
      </c>
      <c r="J32706" s="8">
        <v>1</v>
      </c>
      <c r="K32706" s="9"/>
      <c r="L32706" s="6"/>
    </row>
    <row r="32707" spans="1:12">
      <c r="A32707" s="6" t="s">
        <v>33096</v>
      </c>
      <c r="B32707" s="6"/>
      <c r="C32707" s="6" t="s">
        <v>32230</v>
      </c>
      <c r="D32707" s="6"/>
      <c r="E32707" s="6" t="s">
        <v>9</v>
      </c>
      <c r="F32707" s="7">
        <v>34060</v>
      </c>
      <c r="G32707" s="8">
        <v>1647000</v>
      </c>
      <c r="H32707" s="8">
        <v>1</v>
      </c>
      <c r="I32707" s="8">
        <v>1646999</v>
      </c>
      <c r="J32707" s="8">
        <v>1</v>
      </c>
      <c r="K32707" s="9"/>
      <c r="L32707" s="6"/>
    </row>
    <row r="32708" spans="1:12">
      <c r="A32708" s="6" t="s">
        <v>33096</v>
      </c>
      <c r="B32708" s="6"/>
      <c r="C32708" s="6" t="s">
        <v>32230</v>
      </c>
      <c r="D32708" s="6"/>
      <c r="E32708" s="6" t="s">
        <v>9</v>
      </c>
      <c r="F32708" s="7">
        <v>34060</v>
      </c>
      <c r="G32708" s="8">
        <v>772200</v>
      </c>
      <c r="H32708" s="8">
        <v>1</v>
      </c>
      <c r="I32708" s="8">
        <v>772199</v>
      </c>
      <c r="J32708" s="8">
        <v>1</v>
      </c>
      <c r="K32708" s="9"/>
      <c r="L32708" s="6"/>
    </row>
    <row r="32709" spans="1:12">
      <c r="A32709" s="6" t="s">
        <v>33096</v>
      </c>
      <c r="B32709" s="6"/>
      <c r="C32709" s="6" t="s">
        <v>32230</v>
      </c>
      <c r="D32709" s="6"/>
      <c r="E32709" s="6" t="s">
        <v>9</v>
      </c>
      <c r="F32709" s="7">
        <v>32964</v>
      </c>
      <c r="G32709" s="8">
        <v>11704500</v>
      </c>
      <c r="H32709" s="8">
        <v>1</v>
      </c>
      <c r="I32709" s="8">
        <v>11704499</v>
      </c>
      <c r="J32709" s="8">
        <v>1</v>
      </c>
      <c r="K32709" s="9"/>
      <c r="L32709" s="6"/>
    </row>
    <row r="32710" spans="1:12">
      <c r="A32710" s="6" t="s">
        <v>33096</v>
      </c>
      <c r="B32710" s="6"/>
      <c r="C32710" s="6" t="s">
        <v>32230</v>
      </c>
      <c r="D32710" s="6"/>
      <c r="E32710" s="6" t="s">
        <v>9</v>
      </c>
      <c r="F32710" s="7">
        <v>32964</v>
      </c>
      <c r="G32710" s="8">
        <v>297000</v>
      </c>
      <c r="H32710" s="8">
        <v>1</v>
      </c>
      <c r="I32710" s="8">
        <v>296999</v>
      </c>
      <c r="J32710" s="8">
        <v>1</v>
      </c>
      <c r="K32710" s="9"/>
      <c r="L32710" s="6"/>
    </row>
    <row r="32711" spans="1:12">
      <c r="A32711" s="6" t="s">
        <v>33097</v>
      </c>
      <c r="B32711" s="6"/>
      <c r="C32711" s="6" t="s">
        <v>32230</v>
      </c>
      <c r="D32711" s="6"/>
      <c r="E32711" s="6" t="s">
        <v>9</v>
      </c>
      <c r="F32711" s="7">
        <v>33329</v>
      </c>
      <c r="G32711" s="8">
        <v>1</v>
      </c>
      <c r="H32711" s="8">
        <v>1</v>
      </c>
      <c r="I32711" s="8">
        <v>0</v>
      </c>
      <c r="J32711" s="8">
        <v>1</v>
      </c>
      <c r="K32711" s="9"/>
      <c r="L32711" s="6"/>
    </row>
    <row r="32712" spans="1:12">
      <c r="A32712" s="6" t="s">
        <v>33096</v>
      </c>
      <c r="B32712" s="6"/>
      <c r="C32712" s="6" t="s">
        <v>32230</v>
      </c>
      <c r="D32712" s="6"/>
      <c r="E32712" s="6" t="s">
        <v>9</v>
      </c>
      <c r="F32712" s="7">
        <v>32964</v>
      </c>
      <c r="G32712" s="8">
        <v>16016400</v>
      </c>
      <c r="H32712" s="8">
        <v>1</v>
      </c>
      <c r="I32712" s="8">
        <v>16016399</v>
      </c>
      <c r="J32712" s="8">
        <v>1</v>
      </c>
      <c r="K32712" s="9"/>
      <c r="L32712" s="6"/>
    </row>
    <row r="32713" spans="1:12">
      <c r="A32713" s="6" t="s">
        <v>33096</v>
      </c>
      <c r="B32713" s="6"/>
      <c r="C32713" s="6" t="s">
        <v>32230</v>
      </c>
      <c r="D32713" s="6"/>
      <c r="E32713" s="6" t="s">
        <v>9</v>
      </c>
      <c r="F32713" s="7">
        <v>34425</v>
      </c>
      <c r="G32713" s="8">
        <v>6747300</v>
      </c>
      <c r="H32713" s="8">
        <v>1</v>
      </c>
      <c r="I32713" s="8">
        <v>6747299</v>
      </c>
      <c r="J32713" s="8">
        <v>1</v>
      </c>
      <c r="K32713" s="9"/>
      <c r="L32713" s="6"/>
    </row>
    <row r="32714" spans="1:12">
      <c r="A32714" s="6" t="s">
        <v>33096</v>
      </c>
      <c r="B32714" s="6"/>
      <c r="C32714" s="6" t="s">
        <v>32230</v>
      </c>
      <c r="D32714" s="6"/>
      <c r="E32714" s="6" t="s">
        <v>9</v>
      </c>
      <c r="F32714" s="7">
        <v>34425</v>
      </c>
      <c r="G32714" s="8">
        <v>1536300</v>
      </c>
      <c r="H32714" s="8">
        <v>1</v>
      </c>
      <c r="I32714" s="8">
        <v>1536299</v>
      </c>
      <c r="J32714" s="8">
        <v>1</v>
      </c>
      <c r="K32714" s="9"/>
      <c r="L32714" s="6"/>
    </row>
    <row r="32715" spans="1:12">
      <c r="A32715" s="6" t="s">
        <v>33097</v>
      </c>
      <c r="B32715" s="6"/>
      <c r="C32715" s="6" t="s">
        <v>32230</v>
      </c>
      <c r="D32715" s="6"/>
      <c r="E32715" s="6" t="s">
        <v>9</v>
      </c>
      <c r="F32715" s="7">
        <v>32964</v>
      </c>
      <c r="G32715" s="8">
        <v>1</v>
      </c>
      <c r="H32715" s="8">
        <v>1</v>
      </c>
      <c r="I32715" s="8">
        <v>0</v>
      </c>
      <c r="J32715" s="8">
        <v>1</v>
      </c>
      <c r="K32715" s="9"/>
      <c r="L32715" s="6"/>
    </row>
    <row r="32716" spans="1:12">
      <c r="A32716" s="6" t="s">
        <v>33097</v>
      </c>
      <c r="B32716" s="6"/>
      <c r="C32716" s="6" t="s">
        <v>32230</v>
      </c>
      <c r="D32716" s="6"/>
      <c r="E32716" s="6" t="s">
        <v>9</v>
      </c>
      <c r="F32716" s="7">
        <v>40527</v>
      </c>
      <c r="G32716" s="8">
        <v>914235</v>
      </c>
      <c r="H32716" s="8">
        <v>374845</v>
      </c>
      <c r="I32716" s="8">
        <v>593329</v>
      </c>
      <c r="J32716" s="8">
        <v>320906</v>
      </c>
      <c r="K32716" s="9"/>
      <c r="L32716" s="6"/>
    </row>
    <row r="32717" spans="1:12">
      <c r="A32717" s="6" t="s">
        <v>33149</v>
      </c>
      <c r="B32717" s="6"/>
      <c r="C32717" s="6" t="s">
        <v>32230</v>
      </c>
      <c r="D32717" s="6"/>
      <c r="E32717" s="6" t="s">
        <v>9</v>
      </c>
      <c r="F32717" s="7">
        <v>43913</v>
      </c>
      <c r="G32717" s="8">
        <v>2695000</v>
      </c>
      <c r="H32717" s="8">
        <v>2535995</v>
      </c>
      <c r="I32717" s="8">
        <v>318010</v>
      </c>
      <c r="J32717" s="8">
        <v>2376990</v>
      </c>
      <c r="K32717" s="9"/>
      <c r="L32717" s="6"/>
    </row>
    <row r="32718" spans="1:12">
      <c r="A32718" s="6" t="s">
        <v>33096</v>
      </c>
      <c r="B32718" s="6"/>
      <c r="C32718" s="6" t="s">
        <v>32230</v>
      </c>
      <c r="D32718" s="6"/>
      <c r="E32718" s="6" t="s">
        <v>9</v>
      </c>
      <c r="F32718" s="7">
        <v>37712</v>
      </c>
      <c r="G32718" s="8">
        <v>8505000</v>
      </c>
      <c r="H32718" s="8">
        <v>1</v>
      </c>
      <c r="I32718" s="8">
        <v>8504999</v>
      </c>
      <c r="J32718" s="8">
        <v>1</v>
      </c>
      <c r="K32718" s="9"/>
      <c r="L32718" s="6"/>
    </row>
    <row r="32719" spans="1:12">
      <c r="A32719" s="6" t="s">
        <v>33096</v>
      </c>
      <c r="B32719" s="6"/>
      <c r="C32719" s="6" t="s">
        <v>32230</v>
      </c>
      <c r="D32719" s="6"/>
      <c r="E32719" s="6" t="s">
        <v>9</v>
      </c>
      <c r="F32719" s="7">
        <v>37712</v>
      </c>
      <c r="G32719" s="8">
        <v>3780000</v>
      </c>
      <c r="H32719" s="8">
        <v>1</v>
      </c>
      <c r="I32719" s="8">
        <v>3779999</v>
      </c>
      <c r="J32719" s="8">
        <v>1</v>
      </c>
      <c r="K32719" s="9"/>
      <c r="L32719" s="6"/>
    </row>
    <row r="32720" spans="1:12">
      <c r="A32720" s="6" t="s">
        <v>33096</v>
      </c>
      <c r="B32720" s="6"/>
      <c r="C32720" s="6" t="s">
        <v>32230</v>
      </c>
      <c r="D32720" s="6"/>
      <c r="E32720" s="6" t="s">
        <v>9</v>
      </c>
      <c r="F32720" s="7">
        <v>37712</v>
      </c>
      <c r="G32720" s="8">
        <v>2079000</v>
      </c>
      <c r="H32720" s="8">
        <v>1</v>
      </c>
      <c r="I32720" s="8">
        <v>2078999</v>
      </c>
      <c r="J32720" s="8">
        <v>1</v>
      </c>
      <c r="K32720" s="9"/>
      <c r="L32720" s="6"/>
    </row>
    <row r="32721" spans="1:12">
      <c r="A32721" s="6" t="s">
        <v>33096</v>
      </c>
      <c r="B32721" s="6"/>
      <c r="C32721" s="6" t="s">
        <v>32230</v>
      </c>
      <c r="D32721" s="6"/>
      <c r="E32721" s="6" t="s">
        <v>9</v>
      </c>
      <c r="F32721" s="7">
        <v>37712</v>
      </c>
      <c r="G32721" s="8">
        <v>3348000</v>
      </c>
      <c r="H32721" s="8">
        <v>1</v>
      </c>
      <c r="I32721" s="8">
        <v>3347999</v>
      </c>
      <c r="J32721" s="8">
        <v>1</v>
      </c>
      <c r="K32721" s="9"/>
      <c r="L32721" s="6"/>
    </row>
    <row r="32722" spans="1:12">
      <c r="A32722" s="6" t="s">
        <v>33096</v>
      </c>
      <c r="B32722" s="6"/>
      <c r="C32722" s="6" t="s">
        <v>32230</v>
      </c>
      <c r="D32722" s="6"/>
      <c r="E32722" s="6" t="s">
        <v>9</v>
      </c>
      <c r="F32722" s="7">
        <v>37712</v>
      </c>
      <c r="G32722" s="8">
        <v>8737200</v>
      </c>
      <c r="H32722" s="8">
        <v>1</v>
      </c>
      <c r="I32722" s="8">
        <v>8737199</v>
      </c>
      <c r="J32722" s="8">
        <v>1</v>
      </c>
      <c r="K32722" s="9"/>
      <c r="L32722" s="6"/>
    </row>
    <row r="32723" spans="1:12">
      <c r="A32723" s="6" t="s">
        <v>33096</v>
      </c>
      <c r="B32723" s="6"/>
      <c r="C32723" s="6" t="s">
        <v>32230</v>
      </c>
      <c r="D32723" s="6"/>
      <c r="E32723" s="6" t="s">
        <v>9</v>
      </c>
      <c r="F32723" s="7">
        <v>37712</v>
      </c>
      <c r="G32723" s="8">
        <v>2187000</v>
      </c>
      <c r="H32723" s="8">
        <v>1</v>
      </c>
      <c r="I32723" s="8">
        <v>2186999</v>
      </c>
      <c r="J32723" s="8">
        <v>1</v>
      </c>
      <c r="K32723" s="9"/>
      <c r="L32723" s="6"/>
    </row>
    <row r="32724" spans="1:12">
      <c r="A32724" s="6" t="s">
        <v>33096</v>
      </c>
      <c r="B32724" s="6"/>
      <c r="C32724" s="6" t="s">
        <v>32230</v>
      </c>
      <c r="D32724" s="6"/>
      <c r="E32724" s="6" t="s">
        <v>9</v>
      </c>
      <c r="F32724" s="7">
        <v>37712</v>
      </c>
      <c r="G32724" s="8">
        <v>2997000</v>
      </c>
      <c r="H32724" s="8">
        <v>1</v>
      </c>
      <c r="I32724" s="8">
        <v>2996999</v>
      </c>
      <c r="J32724" s="8">
        <v>1</v>
      </c>
      <c r="K32724" s="9"/>
      <c r="L32724" s="6"/>
    </row>
    <row r="32725" spans="1:12">
      <c r="A32725" s="6" t="s">
        <v>33097</v>
      </c>
      <c r="B32725" s="6"/>
      <c r="C32725" s="6" t="s">
        <v>32230</v>
      </c>
      <c r="D32725" s="6"/>
      <c r="E32725" s="6" t="s">
        <v>9</v>
      </c>
      <c r="F32725" s="7">
        <v>37712</v>
      </c>
      <c r="G32725" s="8">
        <v>1</v>
      </c>
      <c r="H32725" s="8">
        <v>1</v>
      </c>
      <c r="I32725" s="8">
        <v>0</v>
      </c>
      <c r="J32725" s="8">
        <v>1</v>
      </c>
      <c r="K32725" s="9"/>
      <c r="L32725" s="6"/>
    </row>
    <row r="32726" spans="1:12">
      <c r="A32726" s="6" t="s">
        <v>33096</v>
      </c>
      <c r="B32726" s="6"/>
      <c r="C32726" s="6" t="s">
        <v>32230</v>
      </c>
      <c r="D32726" s="6"/>
      <c r="E32726" s="6" t="s">
        <v>9</v>
      </c>
      <c r="F32726" s="7">
        <v>38443</v>
      </c>
      <c r="G32726" s="8">
        <v>5454000</v>
      </c>
      <c r="H32726" s="8">
        <v>1</v>
      </c>
      <c r="I32726" s="8">
        <v>5453999</v>
      </c>
      <c r="J32726" s="8">
        <v>1</v>
      </c>
      <c r="K32726" s="9"/>
      <c r="L32726" s="6"/>
    </row>
    <row r="32727" spans="1:12">
      <c r="A32727" s="6" t="s">
        <v>33096</v>
      </c>
      <c r="B32727" s="6"/>
      <c r="C32727" s="6" t="s">
        <v>32230</v>
      </c>
      <c r="D32727" s="6"/>
      <c r="E32727" s="6" t="s">
        <v>9</v>
      </c>
      <c r="F32727" s="7">
        <v>38443</v>
      </c>
      <c r="G32727" s="8">
        <v>1107000</v>
      </c>
      <c r="H32727" s="8">
        <v>1</v>
      </c>
      <c r="I32727" s="8">
        <v>1106999</v>
      </c>
      <c r="J32727" s="8">
        <v>1</v>
      </c>
      <c r="K32727" s="9"/>
      <c r="L32727" s="6"/>
    </row>
    <row r="32728" spans="1:12">
      <c r="A32728" s="6" t="s">
        <v>33096</v>
      </c>
      <c r="B32728" s="6"/>
      <c r="C32728" s="6" t="s">
        <v>32230</v>
      </c>
      <c r="D32728" s="6"/>
      <c r="E32728" s="6" t="s">
        <v>9</v>
      </c>
      <c r="F32728" s="7">
        <v>38443</v>
      </c>
      <c r="G32728" s="8">
        <v>378000</v>
      </c>
      <c r="H32728" s="8">
        <v>1</v>
      </c>
      <c r="I32728" s="8">
        <v>377999</v>
      </c>
      <c r="J32728" s="8">
        <v>1</v>
      </c>
      <c r="K32728" s="9"/>
      <c r="L32728" s="6"/>
    </row>
    <row r="32729" spans="1:12">
      <c r="A32729" s="6" t="s">
        <v>33096</v>
      </c>
      <c r="B32729" s="6"/>
      <c r="C32729" s="6" t="s">
        <v>32230</v>
      </c>
      <c r="D32729" s="6"/>
      <c r="E32729" s="6" t="s">
        <v>9</v>
      </c>
      <c r="F32729" s="7">
        <v>38443</v>
      </c>
      <c r="G32729" s="8">
        <v>4185000</v>
      </c>
      <c r="H32729" s="8">
        <v>1</v>
      </c>
      <c r="I32729" s="8">
        <v>4184999</v>
      </c>
      <c r="J32729" s="8">
        <v>1</v>
      </c>
      <c r="K32729" s="9"/>
      <c r="L32729" s="6"/>
    </row>
    <row r="32730" spans="1:12">
      <c r="A32730" s="6" t="s">
        <v>33096</v>
      </c>
      <c r="B32730" s="6"/>
      <c r="C32730" s="6" t="s">
        <v>32230</v>
      </c>
      <c r="D32730" s="6"/>
      <c r="E32730" s="6" t="s">
        <v>9</v>
      </c>
      <c r="F32730" s="7">
        <v>38443</v>
      </c>
      <c r="G32730" s="8">
        <v>1782000</v>
      </c>
      <c r="H32730" s="8">
        <v>1</v>
      </c>
      <c r="I32730" s="8">
        <v>1781999</v>
      </c>
      <c r="J32730" s="8">
        <v>1</v>
      </c>
      <c r="K32730" s="9"/>
      <c r="L32730" s="6"/>
    </row>
    <row r="32731" spans="1:12">
      <c r="A32731" s="6" t="s">
        <v>33096</v>
      </c>
      <c r="B32731" s="6"/>
      <c r="C32731" s="6" t="s">
        <v>32230</v>
      </c>
      <c r="D32731" s="6"/>
      <c r="E32731" s="6" t="s">
        <v>9</v>
      </c>
      <c r="F32731" s="7">
        <v>38443</v>
      </c>
      <c r="G32731" s="8">
        <v>783000</v>
      </c>
      <c r="H32731" s="8">
        <v>1</v>
      </c>
      <c r="I32731" s="8">
        <v>782999</v>
      </c>
      <c r="J32731" s="8">
        <v>1</v>
      </c>
      <c r="K32731" s="9"/>
      <c r="L32731" s="6"/>
    </row>
    <row r="32732" spans="1:12">
      <c r="A32732" s="6" t="s">
        <v>33097</v>
      </c>
      <c r="B32732" s="6"/>
      <c r="C32732" s="6" t="s">
        <v>32230</v>
      </c>
      <c r="D32732" s="6"/>
      <c r="E32732" s="6" t="s">
        <v>9</v>
      </c>
      <c r="F32732" s="7">
        <v>38443</v>
      </c>
      <c r="G32732" s="8">
        <v>1</v>
      </c>
      <c r="H32732" s="8">
        <v>1</v>
      </c>
      <c r="I32732" s="8">
        <v>0</v>
      </c>
      <c r="J32732" s="8">
        <v>1</v>
      </c>
      <c r="K32732" s="9"/>
      <c r="L32732" s="6"/>
    </row>
    <row r="32733" spans="1:12">
      <c r="A32733" s="6" t="s">
        <v>33096</v>
      </c>
      <c r="B32733" s="6"/>
      <c r="C32733" s="6" t="s">
        <v>32230</v>
      </c>
      <c r="D32733" s="6"/>
      <c r="E32733" s="6" t="s">
        <v>9</v>
      </c>
      <c r="F32733" s="7">
        <v>37712</v>
      </c>
      <c r="G32733" s="8">
        <v>4749300</v>
      </c>
      <c r="H32733" s="8">
        <v>1</v>
      </c>
      <c r="I32733" s="8">
        <v>4749299</v>
      </c>
      <c r="J32733" s="8">
        <v>1</v>
      </c>
      <c r="K32733" s="9"/>
      <c r="L32733" s="6"/>
    </row>
    <row r="32734" spans="1:12">
      <c r="A32734" s="6" t="s">
        <v>33096</v>
      </c>
      <c r="B32734" s="6"/>
      <c r="C32734" s="6" t="s">
        <v>32230</v>
      </c>
      <c r="D32734" s="6"/>
      <c r="E32734" s="6" t="s">
        <v>9</v>
      </c>
      <c r="F32734" s="7">
        <v>37712</v>
      </c>
      <c r="G32734" s="8">
        <v>985500</v>
      </c>
      <c r="H32734" s="8">
        <v>1</v>
      </c>
      <c r="I32734" s="8">
        <v>985499</v>
      </c>
      <c r="J32734" s="8">
        <v>1</v>
      </c>
      <c r="K32734" s="9"/>
      <c r="L32734" s="6"/>
    </row>
    <row r="32735" spans="1:12">
      <c r="A32735" s="6" t="s">
        <v>33096</v>
      </c>
      <c r="B32735" s="6"/>
      <c r="C32735" s="6" t="s">
        <v>32230</v>
      </c>
      <c r="D32735" s="6"/>
      <c r="E32735" s="6" t="s">
        <v>9</v>
      </c>
      <c r="F32735" s="7">
        <v>37712</v>
      </c>
      <c r="G32735" s="8">
        <v>783000</v>
      </c>
      <c r="H32735" s="8">
        <v>1</v>
      </c>
      <c r="I32735" s="8">
        <v>782999</v>
      </c>
      <c r="J32735" s="8">
        <v>1</v>
      </c>
      <c r="K32735" s="9"/>
      <c r="L32735" s="6"/>
    </row>
    <row r="32736" spans="1:12">
      <c r="A32736" s="6" t="s">
        <v>33096</v>
      </c>
      <c r="B32736" s="6"/>
      <c r="C32736" s="6" t="s">
        <v>32230</v>
      </c>
      <c r="D32736" s="6"/>
      <c r="E32736" s="6" t="s">
        <v>9</v>
      </c>
      <c r="F32736" s="7">
        <v>37712</v>
      </c>
      <c r="G32736" s="8">
        <v>2403000</v>
      </c>
      <c r="H32736" s="8">
        <v>1</v>
      </c>
      <c r="I32736" s="8">
        <v>2402999</v>
      </c>
      <c r="J32736" s="8">
        <v>1</v>
      </c>
      <c r="K32736" s="9"/>
      <c r="L32736" s="6"/>
    </row>
    <row r="32737" spans="1:12">
      <c r="A32737" s="6" t="s">
        <v>33096</v>
      </c>
      <c r="B32737" s="6"/>
      <c r="C32737" s="6" t="s">
        <v>32230</v>
      </c>
      <c r="D32737" s="6"/>
      <c r="E32737" s="6" t="s">
        <v>9</v>
      </c>
      <c r="F32737" s="7">
        <v>37712</v>
      </c>
      <c r="G32737" s="8">
        <v>4117500</v>
      </c>
      <c r="H32737" s="8">
        <v>1</v>
      </c>
      <c r="I32737" s="8">
        <v>4117499</v>
      </c>
      <c r="J32737" s="8">
        <v>1</v>
      </c>
      <c r="K32737" s="9"/>
      <c r="L32737" s="6"/>
    </row>
    <row r="32738" spans="1:12">
      <c r="A32738" s="6" t="s">
        <v>33096</v>
      </c>
      <c r="B32738" s="6"/>
      <c r="C32738" s="6" t="s">
        <v>32230</v>
      </c>
      <c r="D32738" s="6"/>
      <c r="E32738" s="6" t="s">
        <v>9</v>
      </c>
      <c r="F32738" s="7">
        <v>37712</v>
      </c>
      <c r="G32738" s="8">
        <v>202500</v>
      </c>
      <c r="H32738" s="8">
        <v>1</v>
      </c>
      <c r="I32738" s="8">
        <v>202499</v>
      </c>
      <c r="J32738" s="8">
        <v>1</v>
      </c>
      <c r="K32738" s="9"/>
      <c r="L32738" s="6"/>
    </row>
    <row r="32739" spans="1:12">
      <c r="A32739" s="6" t="s">
        <v>33097</v>
      </c>
      <c r="B32739" s="6"/>
      <c r="C32739" s="6" t="s">
        <v>32230</v>
      </c>
      <c r="D32739" s="6"/>
      <c r="E32739" s="6" t="s">
        <v>9</v>
      </c>
      <c r="F32739" s="7">
        <v>36982</v>
      </c>
      <c r="G32739" s="8">
        <v>1</v>
      </c>
      <c r="H32739" s="8">
        <v>1</v>
      </c>
      <c r="I32739" s="8">
        <v>0</v>
      </c>
      <c r="J32739" s="8">
        <v>1</v>
      </c>
      <c r="K32739" s="9"/>
      <c r="L32739" s="6"/>
    </row>
    <row r="32740" spans="1:12">
      <c r="A32740" s="6" t="s">
        <v>33096</v>
      </c>
      <c r="B32740" s="6"/>
      <c r="C32740" s="6" t="s">
        <v>32230</v>
      </c>
      <c r="D32740" s="6"/>
      <c r="E32740" s="6" t="s">
        <v>9</v>
      </c>
      <c r="F32740" s="7">
        <v>37347</v>
      </c>
      <c r="G32740" s="8">
        <v>1026000</v>
      </c>
      <c r="H32740" s="8">
        <v>1</v>
      </c>
      <c r="I32740" s="8">
        <v>1025999</v>
      </c>
      <c r="J32740" s="8">
        <v>1</v>
      </c>
      <c r="K32740" s="9"/>
      <c r="L32740" s="6"/>
    </row>
    <row r="32741" spans="1:12">
      <c r="A32741" s="6" t="s">
        <v>33096</v>
      </c>
      <c r="B32741" s="6"/>
      <c r="C32741" s="6" t="s">
        <v>32230</v>
      </c>
      <c r="D32741" s="6"/>
      <c r="E32741" s="6" t="s">
        <v>9</v>
      </c>
      <c r="F32741" s="7">
        <v>37347</v>
      </c>
      <c r="G32741" s="8">
        <v>6399000</v>
      </c>
      <c r="H32741" s="8">
        <v>1</v>
      </c>
      <c r="I32741" s="8">
        <v>6398999</v>
      </c>
      <c r="J32741" s="8">
        <v>1</v>
      </c>
      <c r="K32741" s="9"/>
      <c r="L32741" s="6"/>
    </row>
    <row r="32742" spans="1:12">
      <c r="A32742" s="6" t="s">
        <v>33096</v>
      </c>
      <c r="B32742" s="6"/>
      <c r="C32742" s="6" t="s">
        <v>32230</v>
      </c>
      <c r="D32742" s="6"/>
      <c r="E32742" s="6" t="s">
        <v>9</v>
      </c>
      <c r="F32742" s="7">
        <v>37347</v>
      </c>
      <c r="G32742" s="8">
        <v>7668000</v>
      </c>
      <c r="H32742" s="8">
        <v>1</v>
      </c>
      <c r="I32742" s="8">
        <v>7667999</v>
      </c>
      <c r="J32742" s="8">
        <v>1</v>
      </c>
      <c r="K32742" s="9"/>
      <c r="L32742" s="6"/>
    </row>
    <row r="32743" spans="1:12">
      <c r="A32743" s="6" t="s">
        <v>33096</v>
      </c>
      <c r="B32743" s="6"/>
      <c r="C32743" s="6" t="s">
        <v>32230</v>
      </c>
      <c r="D32743" s="6"/>
      <c r="E32743" s="6" t="s">
        <v>9</v>
      </c>
      <c r="F32743" s="7">
        <v>37347</v>
      </c>
      <c r="G32743" s="8">
        <v>1036800</v>
      </c>
      <c r="H32743" s="8">
        <v>1</v>
      </c>
      <c r="I32743" s="8">
        <v>1036799</v>
      </c>
      <c r="J32743" s="8">
        <v>1</v>
      </c>
      <c r="K32743" s="9"/>
      <c r="L32743" s="6"/>
    </row>
    <row r="32744" spans="1:12">
      <c r="A32744" s="6" t="s">
        <v>33096</v>
      </c>
      <c r="B32744" s="6"/>
      <c r="C32744" s="6" t="s">
        <v>32230</v>
      </c>
      <c r="D32744" s="6"/>
      <c r="E32744" s="6" t="s">
        <v>9</v>
      </c>
      <c r="F32744" s="7">
        <v>37347</v>
      </c>
      <c r="G32744" s="8">
        <v>6588000</v>
      </c>
      <c r="H32744" s="8">
        <v>1</v>
      </c>
      <c r="I32744" s="8">
        <v>6587999</v>
      </c>
      <c r="J32744" s="8">
        <v>1</v>
      </c>
      <c r="K32744" s="9"/>
      <c r="L32744" s="6"/>
    </row>
    <row r="32745" spans="1:12">
      <c r="A32745" s="6" t="s">
        <v>33096</v>
      </c>
      <c r="B32745" s="6"/>
      <c r="C32745" s="6" t="s">
        <v>32230</v>
      </c>
      <c r="D32745" s="6"/>
      <c r="E32745" s="6" t="s">
        <v>9</v>
      </c>
      <c r="F32745" s="7">
        <v>37347</v>
      </c>
      <c r="G32745" s="8">
        <v>8424000</v>
      </c>
      <c r="H32745" s="8">
        <v>1</v>
      </c>
      <c r="I32745" s="8">
        <v>8423999</v>
      </c>
      <c r="J32745" s="8">
        <v>1</v>
      </c>
      <c r="K32745" s="9"/>
      <c r="L32745" s="6"/>
    </row>
    <row r="32746" spans="1:12">
      <c r="A32746" s="6" t="s">
        <v>33097</v>
      </c>
      <c r="B32746" s="6"/>
      <c r="C32746" s="6" t="s">
        <v>32230</v>
      </c>
      <c r="D32746" s="6"/>
      <c r="E32746" s="6" t="s">
        <v>9</v>
      </c>
      <c r="F32746" s="7">
        <v>36982</v>
      </c>
      <c r="G32746" s="8">
        <v>1</v>
      </c>
      <c r="H32746" s="8">
        <v>1</v>
      </c>
      <c r="I32746" s="8">
        <v>0</v>
      </c>
      <c r="J32746" s="8">
        <v>1</v>
      </c>
      <c r="K32746" s="9"/>
      <c r="L32746" s="6"/>
    </row>
    <row r="32747" spans="1:12">
      <c r="A32747" s="6" t="s">
        <v>33096</v>
      </c>
      <c r="B32747" s="6"/>
      <c r="C32747" s="6" t="s">
        <v>32230</v>
      </c>
      <c r="D32747" s="6"/>
      <c r="E32747" s="6" t="s">
        <v>9</v>
      </c>
      <c r="F32747" s="7">
        <v>29312</v>
      </c>
      <c r="G32747" s="8">
        <v>7681500</v>
      </c>
      <c r="H32747" s="8">
        <v>1</v>
      </c>
      <c r="I32747" s="8">
        <v>7681499</v>
      </c>
      <c r="J32747" s="8">
        <v>1</v>
      </c>
      <c r="K32747" s="9"/>
      <c r="L32747" s="6"/>
    </row>
    <row r="32748" spans="1:12">
      <c r="A32748" s="6" t="s">
        <v>33096</v>
      </c>
      <c r="B32748" s="6"/>
      <c r="C32748" s="6" t="s">
        <v>32230</v>
      </c>
      <c r="D32748" s="6"/>
      <c r="E32748" s="6" t="s">
        <v>9</v>
      </c>
      <c r="F32748" s="7">
        <v>29312</v>
      </c>
      <c r="G32748" s="8">
        <v>1417500</v>
      </c>
      <c r="H32748" s="8">
        <v>1</v>
      </c>
      <c r="I32748" s="8">
        <v>1417499</v>
      </c>
      <c r="J32748" s="8">
        <v>1</v>
      </c>
      <c r="K32748" s="9"/>
      <c r="L32748" s="6"/>
    </row>
    <row r="32749" spans="1:12">
      <c r="A32749" s="6" t="s">
        <v>33096</v>
      </c>
      <c r="B32749" s="6"/>
      <c r="C32749" s="6" t="s">
        <v>32230</v>
      </c>
      <c r="D32749" s="6"/>
      <c r="E32749" s="6" t="s">
        <v>9</v>
      </c>
      <c r="F32749" s="7">
        <v>31503</v>
      </c>
      <c r="G32749" s="8">
        <v>594000</v>
      </c>
      <c r="H32749" s="8">
        <v>1</v>
      </c>
      <c r="I32749" s="8">
        <v>593999</v>
      </c>
      <c r="J32749" s="8">
        <v>1</v>
      </c>
      <c r="K32749" s="9"/>
      <c r="L32749" s="6"/>
    </row>
    <row r="32750" spans="1:12">
      <c r="A32750" s="6" t="s">
        <v>33096</v>
      </c>
      <c r="B32750" s="6"/>
      <c r="C32750" s="6" t="s">
        <v>32230</v>
      </c>
      <c r="D32750" s="6"/>
      <c r="E32750" s="6" t="s">
        <v>9</v>
      </c>
      <c r="F32750" s="7">
        <v>32964</v>
      </c>
      <c r="G32750" s="8">
        <v>14717700</v>
      </c>
      <c r="H32750" s="8">
        <v>1</v>
      </c>
      <c r="I32750" s="8">
        <v>14717699</v>
      </c>
      <c r="J32750" s="8">
        <v>1</v>
      </c>
      <c r="K32750" s="9"/>
      <c r="L32750" s="6"/>
    </row>
    <row r="32751" spans="1:12">
      <c r="A32751" s="6" t="s">
        <v>33096</v>
      </c>
      <c r="B32751" s="6"/>
      <c r="C32751" s="6" t="s">
        <v>32230</v>
      </c>
      <c r="D32751" s="6"/>
      <c r="E32751" s="6" t="s">
        <v>9</v>
      </c>
      <c r="F32751" s="7">
        <v>32964</v>
      </c>
      <c r="G32751" s="8">
        <v>2413800</v>
      </c>
      <c r="H32751" s="8">
        <v>1</v>
      </c>
      <c r="I32751" s="8">
        <v>2413799</v>
      </c>
      <c r="J32751" s="8">
        <v>1</v>
      </c>
      <c r="K32751" s="9"/>
      <c r="L32751" s="6"/>
    </row>
    <row r="32752" spans="1:12">
      <c r="A32752" s="6" t="s">
        <v>33097</v>
      </c>
      <c r="B32752" s="6"/>
      <c r="C32752" s="6" t="s">
        <v>32230</v>
      </c>
      <c r="D32752" s="6"/>
      <c r="E32752" s="6" t="s">
        <v>9</v>
      </c>
      <c r="F32752" s="7">
        <v>36982</v>
      </c>
      <c r="G32752" s="8">
        <v>6804000</v>
      </c>
      <c r="H32752" s="8">
        <v>1</v>
      </c>
      <c r="I32752" s="8">
        <v>6803999</v>
      </c>
      <c r="J32752" s="8">
        <v>1</v>
      </c>
      <c r="K32752" s="9"/>
      <c r="L32752" s="6"/>
    </row>
    <row r="32753" spans="1:12">
      <c r="A32753" s="6" t="s">
        <v>33096</v>
      </c>
      <c r="B32753" s="6"/>
      <c r="C32753" s="6" t="s">
        <v>32230</v>
      </c>
      <c r="D32753" s="6"/>
      <c r="E32753" s="6" t="s">
        <v>9</v>
      </c>
      <c r="F32753" s="7">
        <v>31503</v>
      </c>
      <c r="G32753" s="8">
        <v>4579200</v>
      </c>
      <c r="H32753" s="8">
        <v>1</v>
      </c>
      <c r="I32753" s="8">
        <v>4579199</v>
      </c>
      <c r="J32753" s="8">
        <v>1</v>
      </c>
      <c r="K32753" s="9"/>
      <c r="L32753" s="6"/>
    </row>
    <row r="32754" spans="1:12">
      <c r="A32754" s="6" t="s">
        <v>33096</v>
      </c>
      <c r="B32754" s="6"/>
      <c r="C32754" s="6" t="s">
        <v>32230</v>
      </c>
      <c r="D32754" s="6"/>
      <c r="E32754" s="6" t="s">
        <v>9</v>
      </c>
      <c r="F32754" s="7">
        <v>31503</v>
      </c>
      <c r="G32754" s="8">
        <v>2662200</v>
      </c>
      <c r="H32754" s="8">
        <v>1</v>
      </c>
      <c r="I32754" s="8">
        <v>2662199</v>
      </c>
      <c r="J32754" s="8">
        <v>1</v>
      </c>
      <c r="K32754" s="9"/>
      <c r="L32754" s="6"/>
    </row>
    <row r="32755" spans="1:12">
      <c r="A32755" s="6" t="s">
        <v>33096</v>
      </c>
      <c r="B32755" s="6"/>
      <c r="C32755" s="6" t="s">
        <v>32230</v>
      </c>
      <c r="D32755" s="6"/>
      <c r="E32755" s="6" t="s">
        <v>9</v>
      </c>
      <c r="F32755" s="7">
        <v>31503</v>
      </c>
      <c r="G32755" s="8">
        <v>4298400</v>
      </c>
      <c r="H32755" s="8">
        <v>1</v>
      </c>
      <c r="I32755" s="8">
        <v>4298399</v>
      </c>
      <c r="J32755" s="8">
        <v>1</v>
      </c>
      <c r="K32755" s="9"/>
      <c r="L32755" s="6"/>
    </row>
    <row r="32756" spans="1:12">
      <c r="A32756" s="6" t="s">
        <v>33096</v>
      </c>
      <c r="B32756" s="6"/>
      <c r="C32756" s="6" t="s">
        <v>32230</v>
      </c>
      <c r="D32756" s="6"/>
      <c r="E32756" s="6" t="s">
        <v>9</v>
      </c>
      <c r="F32756" s="7">
        <v>31503</v>
      </c>
      <c r="G32756" s="8">
        <v>4619700</v>
      </c>
      <c r="H32756" s="8">
        <v>1</v>
      </c>
      <c r="I32756" s="8">
        <v>4619699</v>
      </c>
      <c r="J32756" s="8">
        <v>1</v>
      </c>
      <c r="K32756" s="9"/>
      <c r="L32756" s="6"/>
    </row>
    <row r="32757" spans="1:12">
      <c r="A32757" s="6" t="s">
        <v>33096</v>
      </c>
      <c r="B32757" s="6"/>
      <c r="C32757" s="6" t="s">
        <v>32230</v>
      </c>
      <c r="D32757" s="6"/>
      <c r="E32757" s="6" t="s">
        <v>9</v>
      </c>
      <c r="F32757" s="7">
        <v>31503</v>
      </c>
      <c r="G32757" s="8">
        <v>4255200</v>
      </c>
      <c r="H32757" s="8">
        <v>1</v>
      </c>
      <c r="I32757" s="8">
        <v>4255199</v>
      </c>
      <c r="J32757" s="8">
        <v>1</v>
      </c>
      <c r="K32757" s="9"/>
      <c r="L32757" s="6"/>
    </row>
    <row r="32758" spans="1:12">
      <c r="A32758" s="6" t="s">
        <v>33097</v>
      </c>
      <c r="B32758" s="6"/>
      <c r="C32758" s="6" t="s">
        <v>32230</v>
      </c>
      <c r="D32758" s="6"/>
      <c r="E32758" s="6" t="s">
        <v>9</v>
      </c>
      <c r="F32758" s="7">
        <v>39539</v>
      </c>
      <c r="G32758" s="8">
        <v>798000</v>
      </c>
      <c r="H32758" s="8">
        <v>233016</v>
      </c>
      <c r="I32758" s="8">
        <v>612066</v>
      </c>
      <c r="J32758" s="8">
        <v>185934</v>
      </c>
      <c r="K32758" s="9"/>
      <c r="L32758" s="6"/>
    </row>
    <row r="32759" spans="1:12">
      <c r="A32759" s="6" t="s">
        <v>33096</v>
      </c>
      <c r="B32759" s="6"/>
      <c r="C32759" s="6" t="s">
        <v>32230</v>
      </c>
      <c r="D32759" s="6"/>
      <c r="E32759" s="6" t="s">
        <v>9</v>
      </c>
      <c r="F32759" s="7">
        <v>31503</v>
      </c>
      <c r="G32759" s="8">
        <v>6758100</v>
      </c>
      <c r="H32759" s="8">
        <v>1</v>
      </c>
      <c r="I32759" s="8">
        <v>6758099</v>
      </c>
      <c r="J32759" s="8">
        <v>1</v>
      </c>
      <c r="K32759" s="9"/>
      <c r="L32759" s="6"/>
    </row>
    <row r="32760" spans="1:12">
      <c r="A32760" s="6" t="s">
        <v>33096</v>
      </c>
      <c r="B32760" s="6"/>
      <c r="C32760" s="6" t="s">
        <v>32230</v>
      </c>
      <c r="D32760" s="6"/>
      <c r="E32760" s="6" t="s">
        <v>9</v>
      </c>
      <c r="F32760" s="7">
        <v>31503</v>
      </c>
      <c r="G32760" s="8">
        <v>3221100</v>
      </c>
      <c r="H32760" s="8">
        <v>1</v>
      </c>
      <c r="I32760" s="8">
        <v>3221099</v>
      </c>
      <c r="J32760" s="8">
        <v>1</v>
      </c>
      <c r="K32760" s="9"/>
      <c r="L32760" s="6"/>
    </row>
    <row r="32761" spans="1:12">
      <c r="A32761" s="6" t="s">
        <v>33096</v>
      </c>
      <c r="B32761" s="6"/>
      <c r="C32761" s="6" t="s">
        <v>32230</v>
      </c>
      <c r="D32761" s="6"/>
      <c r="E32761" s="6" t="s">
        <v>9</v>
      </c>
      <c r="F32761" s="7">
        <v>31503</v>
      </c>
      <c r="G32761" s="8">
        <v>7214400</v>
      </c>
      <c r="H32761" s="8">
        <v>1</v>
      </c>
      <c r="I32761" s="8">
        <v>7214399</v>
      </c>
      <c r="J32761" s="8">
        <v>1</v>
      </c>
      <c r="K32761" s="9"/>
      <c r="L32761" s="6"/>
    </row>
    <row r="32762" spans="1:12">
      <c r="A32762" s="6" t="s">
        <v>33096</v>
      </c>
      <c r="B32762" s="6"/>
      <c r="C32762" s="6" t="s">
        <v>32230</v>
      </c>
      <c r="D32762" s="6"/>
      <c r="E32762" s="6" t="s">
        <v>9</v>
      </c>
      <c r="F32762" s="7">
        <v>31503</v>
      </c>
      <c r="G32762" s="8">
        <v>1074600</v>
      </c>
      <c r="H32762" s="8">
        <v>1</v>
      </c>
      <c r="I32762" s="8">
        <v>1074599</v>
      </c>
      <c r="J32762" s="8">
        <v>1</v>
      </c>
      <c r="K32762" s="9"/>
      <c r="L32762" s="6"/>
    </row>
    <row r="32763" spans="1:12">
      <c r="A32763" s="6" t="s">
        <v>33096</v>
      </c>
      <c r="B32763" s="6"/>
      <c r="C32763" s="6" t="s">
        <v>32230</v>
      </c>
      <c r="D32763" s="6"/>
      <c r="E32763" s="6" t="s">
        <v>9</v>
      </c>
      <c r="F32763" s="7">
        <v>31503</v>
      </c>
      <c r="G32763" s="8">
        <v>3099600</v>
      </c>
      <c r="H32763" s="8">
        <v>1</v>
      </c>
      <c r="I32763" s="8">
        <v>3099599</v>
      </c>
      <c r="J32763" s="8">
        <v>1</v>
      </c>
      <c r="K32763" s="9"/>
      <c r="L32763" s="6"/>
    </row>
    <row r="32764" spans="1:12">
      <c r="A32764" s="6" t="s">
        <v>33097</v>
      </c>
      <c r="B32764" s="6"/>
      <c r="C32764" s="6" t="s">
        <v>32230</v>
      </c>
      <c r="D32764" s="6"/>
      <c r="E32764" s="6" t="s">
        <v>9</v>
      </c>
      <c r="F32764" s="7">
        <v>31503</v>
      </c>
      <c r="G32764" s="8">
        <v>1</v>
      </c>
      <c r="H32764" s="8">
        <v>1</v>
      </c>
      <c r="I32764" s="8">
        <v>0</v>
      </c>
      <c r="J32764" s="8">
        <v>1</v>
      </c>
      <c r="K32764" s="9"/>
      <c r="L32764" s="6"/>
    </row>
    <row r="32765" spans="1:12">
      <c r="A32765" s="6" t="s">
        <v>33097</v>
      </c>
      <c r="B32765" s="6"/>
      <c r="C32765" s="6" t="s">
        <v>32230</v>
      </c>
      <c r="D32765" s="6"/>
      <c r="E32765" s="6" t="s">
        <v>9</v>
      </c>
      <c r="F32765" s="7">
        <v>40219</v>
      </c>
      <c r="G32765" s="8">
        <v>2604000</v>
      </c>
      <c r="H32765" s="8">
        <v>914004</v>
      </c>
      <c r="I32765" s="8">
        <v>1843632</v>
      </c>
      <c r="J32765" s="8">
        <v>760368</v>
      </c>
      <c r="K32765" s="9"/>
      <c r="L32765" s="6"/>
    </row>
    <row r="32766" spans="1:12">
      <c r="A32766" s="6" t="s">
        <v>33150</v>
      </c>
      <c r="B32766" s="6"/>
      <c r="C32766" s="6" t="s">
        <v>32230</v>
      </c>
      <c r="D32766" s="6"/>
      <c r="E32766" s="6" t="s">
        <v>9</v>
      </c>
      <c r="F32766" s="7">
        <v>43555</v>
      </c>
      <c r="G32766" s="8">
        <v>480600</v>
      </c>
      <c r="H32766" s="8">
        <v>458494</v>
      </c>
      <c r="I32766" s="8">
        <v>33159</v>
      </c>
      <c r="J32766" s="8">
        <v>447441</v>
      </c>
      <c r="K32766" s="9"/>
      <c r="L32766" s="6"/>
    </row>
    <row r="32767" spans="1:12">
      <c r="A32767" s="6" t="s">
        <v>33096</v>
      </c>
      <c r="B32767" s="6"/>
      <c r="C32767" s="6" t="s">
        <v>32230</v>
      </c>
      <c r="D32767" s="6"/>
      <c r="E32767" s="6" t="s">
        <v>9</v>
      </c>
      <c r="F32767" s="7">
        <v>31503</v>
      </c>
      <c r="G32767" s="8">
        <v>19539900</v>
      </c>
      <c r="H32767" s="8">
        <v>1</v>
      </c>
      <c r="I32767" s="8">
        <v>19539899</v>
      </c>
      <c r="J32767" s="8">
        <v>1</v>
      </c>
      <c r="K32767" s="9"/>
      <c r="L32767" s="6"/>
    </row>
    <row r="32768" spans="1:12">
      <c r="A32768" s="6" t="s">
        <v>33096</v>
      </c>
      <c r="B32768" s="6"/>
      <c r="C32768" s="6" t="s">
        <v>32230</v>
      </c>
      <c r="D32768" s="6"/>
      <c r="E32768" s="6" t="s">
        <v>9</v>
      </c>
      <c r="F32768" s="7">
        <v>31503</v>
      </c>
      <c r="G32768" s="8">
        <v>453600</v>
      </c>
      <c r="H32768" s="8">
        <v>1</v>
      </c>
      <c r="I32768" s="8">
        <v>453599</v>
      </c>
      <c r="J32768" s="8">
        <v>1</v>
      </c>
      <c r="K32768" s="9"/>
      <c r="L32768" s="6"/>
    </row>
    <row r="32769" spans="1:12">
      <c r="A32769" s="6" t="s">
        <v>33096</v>
      </c>
      <c r="B32769" s="6"/>
      <c r="C32769" s="6" t="s">
        <v>32230</v>
      </c>
      <c r="D32769" s="6"/>
      <c r="E32769" s="6" t="s">
        <v>9</v>
      </c>
      <c r="F32769" s="7">
        <v>31503</v>
      </c>
      <c r="G32769" s="8">
        <v>818100</v>
      </c>
      <c r="H32769" s="8">
        <v>1</v>
      </c>
      <c r="I32769" s="8">
        <v>818099</v>
      </c>
      <c r="J32769" s="8">
        <v>1</v>
      </c>
      <c r="K32769" s="9"/>
      <c r="L32769" s="6"/>
    </row>
    <row r="32770" spans="1:12">
      <c r="A32770" s="6" t="s">
        <v>33096</v>
      </c>
      <c r="B32770" s="6"/>
      <c r="C32770" s="6" t="s">
        <v>32230</v>
      </c>
      <c r="D32770" s="6"/>
      <c r="E32770" s="6" t="s">
        <v>9</v>
      </c>
      <c r="F32770" s="7">
        <v>31503</v>
      </c>
      <c r="G32770" s="8">
        <v>666900</v>
      </c>
      <c r="H32770" s="8">
        <v>1</v>
      </c>
      <c r="I32770" s="8">
        <v>666899</v>
      </c>
      <c r="J32770" s="8">
        <v>1</v>
      </c>
      <c r="K32770" s="9"/>
      <c r="L32770" s="6"/>
    </row>
    <row r="32771" spans="1:12">
      <c r="A32771" s="6" t="s">
        <v>33096</v>
      </c>
      <c r="B32771" s="6"/>
      <c r="C32771" s="6" t="s">
        <v>32230</v>
      </c>
      <c r="D32771" s="6"/>
      <c r="E32771" s="6" t="s">
        <v>9</v>
      </c>
      <c r="F32771" s="7">
        <v>31503</v>
      </c>
      <c r="G32771" s="8">
        <v>151200</v>
      </c>
      <c r="H32771" s="8">
        <v>1</v>
      </c>
      <c r="I32771" s="8">
        <v>151199</v>
      </c>
      <c r="J32771" s="8">
        <v>1</v>
      </c>
      <c r="K32771" s="9"/>
      <c r="L32771" s="6"/>
    </row>
    <row r="32772" spans="1:12">
      <c r="A32772" s="6" t="s">
        <v>33096</v>
      </c>
      <c r="B32772" s="6"/>
      <c r="C32772" s="6" t="s">
        <v>32230</v>
      </c>
      <c r="D32772" s="6"/>
      <c r="E32772" s="6" t="s">
        <v>9</v>
      </c>
      <c r="F32772" s="7">
        <v>31503</v>
      </c>
      <c r="G32772" s="8">
        <v>259200</v>
      </c>
      <c r="H32772" s="8">
        <v>1</v>
      </c>
      <c r="I32772" s="8">
        <v>259199</v>
      </c>
      <c r="J32772" s="8">
        <v>1</v>
      </c>
      <c r="K32772" s="9"/>
      <c r="L32772" s="6"/>
    </row>
    <row r="32773" spans="1:12">
      <c r="A32773" s="6" t="s">
        <v>33097</v>
      </c>
      <c r="B32773" s="6"/>
      <c r="C32773" s="6" t="s">
        <v>32230</v>
      </c>
      <c r="D32773" s="6"/>
      <c r="E32773" s="6" t="s">
        <v>9</v>
      </c>
      <c r="F32773" s="7">
        <v>34060</v>
      </c>
      <c r="G32773" s="8">
        <v>1</v>
      </c>
      <c r="H32773" s="8">
        <v>1</v>
      </c>
      <c r="I32773" s="8">
        <v>0</v>
      </c>
      <c r="J32773" s="8">
        <v>1</v>
      </c>
      <c r="K32773" s="9"/>
      <c r="L32773" s="6"/>
    </row>
    <row r="32774" spans="1:12">
      <c r="A32774" s="6" t="s">
        <v>33097</v>
      </c>
      <c r="B32774" s="6"/>
      <c r="C32774" s="6" t="s">
        <v>32230</v>
      </c>
      <c r="D32774" s="6"/>
      <c r="E32774" s="6" t="s">
        <v>9</v>
      </c>
      <c r="F32774" s="7">
        <v>41730</v>
      </c>
      <c r="G32774" s="8">
        <v>2562000</v>
      </c>
      <c r="H32774" s="8">
        <v>1655052</v>
      </c>
      <c r="I32774" s="8">
        <v>1058106</v>
      </c>
      <c r="J32774" s="8">
        <v>1503894</v>
      </c>
      <c r="K32774" s="9"/>
      <c r="L32774" s="6"/>
    </row>
    <row r="32775" spans="1:12">
      <c r="A32775" s="6" t="s">
        <v>33096</v>
      </c>
      <c r="B32775" s="6"/>
      <c r="C32775" s="6" t="s">
        <v>32230</v>
      </c>
      <c r="D32775" s="6"/>
      <c r="E32775" s="6" t="s">
        <v>9</v>
      </c>
      <c r="F32775" s="7">
        <v>31503</v>
      </c>
      <c r="G32775" s="8">
        <v>9933300</v>
      </c>
      <c r="H32775" s="8">
        <v>1</v>
      </c>
      <c r="I32775" s="8">
        <v>9933299</v>
      </c>
      <c r="J32775" s="8">
        <v>1</v>
      </c>
      <c r="K32775" s="9"/>
      <c r="L32775" s="6"/>
    </row>
    <row r="32776" spans="1:12">
      <c r="A32776" s="6" t="s">
        <v>33096</v>
      </c>
      <c r="B32776" s="6"/>
      <c r="C32776" s="6" t="s">
        <v>32230</v>
      </c>
      <c r="D32776" s="6"/>
      <c r="E32776" s="6" t="s">
        <v>9</v>
      </c>
      <c r="F32776" s="7">
        <v>31503</v>
      </c>
      <c r="G32776" s="8">
        <v>1792800</v>
      </c>
      <c r="H32776" s="8">
        <v>1</v>
      </c>
      <c r="I32776" s="8">
        <v>1792799</v>
      </c>
      <c r="J32776" s="8">
        <v>1</v>
      </c>
      <c r="K32776" s="9"/>
      <c r="L32776" s="6"/>
    </row>
    <row r="32777" spans="1:12">
      <c r="A32777" s="6" t="s">
        <v>33096</v>
      </c>
      <c r="B32777" s="6"/>
      <c r="C32777" s="6" t="s">
        <v>32230</v>
      </c>
      <c r="D32777" s="6"/>
      <c r="E32777" s="6" t="s">
        <v>9</v>
      </c>
      <c r="F32777" s="7">
        <v>31503</v>
      </c>
      <c r="G32777" s="8">
        <v>1830600</v>
      </c>
      <c r="H32777" s="8">
        <v>1</v>
      </c>
      <c r="I32777" s="8">
        <v>1830599</v>
      </c>
      <c r="J32777" s="8">
        <v>1</v>
      </c>
      <c r="K32777" s="9"/>
      <c r="L32777" s="6"/>
    </row>
    <row r="32778" spans="1:12">
      <c r="A32778" s="6" t="s">
        <v>33097</v>
      </c>
      <c r="B32778" s="6"/>
      <c r="C32778" s="6" t="s">
        <v>32230</v>
      </c>
      <c r="D32778" s="6"/>
      <c r="E32778" s="6" t="s">
        <v>9</v>
      </c>
      <c r="F32778" s="7">
        <v>32234</v>
      </c>
      <c r="G32778" s="8">
        <v>1</v>
      </c>
      <c r="H32778" s="8">
        <v>1</v>
      </c>
      <c r="I32778" s="8">
        <v>0</v>
      </c>
      <c r="J32778" s="8">
        <v>1</v>
      </c>
      <c r="K32778" s="9"/>
      <c r="L32778" s="6"/>
    </row>
    <row r="32779" spans="1:12">
      <c r="A32779" s="6" t="s">
        <v>33097</v>
      </c>
      <c r="B32779" s="6"/>
      <c r="C32779" s="6" t="s">
        <v>32230</v>
      </c>
      <c r="D32779" s="6"/>
      <c r="E32779" s="6" t="s">
        <v>9</v>
      </c>
      <c r="F32779" s="7">
        <v>34790</v>
      </c>
      <c r="G32779" s="8">
        <v>1751000</v>
      </c>
      <c r="H32779" s="8">
        <v>1</v>
      </c>
      <c r="I32779" s="8">
        <v>1750999</v>
      </c>
      <c r="J32779" s="8">
        <v>1</v>
      </c>
      <c r="K32779" s="9"/>
      <c r="L32779" s="6"/>
    </row>
    <row r="32780" spans="1:12">
      <c r="A32780" s="6" t="s">
        <v>33097</v>
      </c>
      <c r="B32780" s="6"/>
      <c r="C32780" s="6" t="s">
        <v>32230</v>
      </c>
      <c r="D32780" s="6"/>
      <c r="E32780" s="6" t="s">
        <v>9</v>
      </c>
      <c r="F32780" s="7">
        <v>42095</v>
      </c>
      <c r="G32780" s="8">
        <v>1249560</v>
      </c>
      <c r="H32780" s="8">
        <v>880940</v>
      </c>
      <c r="I32780" s="8">
        <v>442344</v>
      </c>
      <c r="J32780" s="8">
        <v>807216</v>
      </c>
      <c r="K32780" s="9"/>
      <c r="L32780" s="6"/>
    </row>
    <row r="32781" spans="1:12">
      <c r="A32781" s="6" t="s">
        <v>33096</v>
      </c>
      <c r="B32781" s="6"/>
      <c r="C32781" s="6" t="s">
        <v>32230</v>
      </c>
      <c r="D32781" s="6"/>
      <c r="E32781" s="6" t="s">
        <v>9</v>
      </c>
      <c r="F32781" s="7">
        <v>31503</v>
      </c>
      <c r="G32781" s="8">
        <v>1107000</v>
      </c>
      <c r="H32781" s="8">
        <v>1</v>
      </c>
      <c r="I32781" s="8">
        <v>1106999</v>
      </c>
      <c r="J32781" s="8">
        <v>1</v>
      </c>
      <c r="K32781" s="9"/>
      <c r="L32781" s="6"/>
    </row>
    <row r="32782" spans="1:12">
      <c r="A32782" s="6" t="s">
        <v>33096</v>
      </c>
      <c r="B32782" s="6"/>
      <c r="C32782" s="6" t="s">
        <v>32230</v>
      </c>
      <c r="D32782" s="6"/>
      <c r="E32782" s="6" t="s">
        <v>9</v>
      </c>
      <c r="F32782" s="7">
        <v>31503</v>
      </c>
      <c r="G32782" s="8">
        <v>2835000</v>
      </c>
      <c r="H32782" s="8">
        <v>1</v>
      </c>
      <c r="I32782" s="8">
        <v>2834999</v>
      </c>
      <c r="J32782" s="8">
        <v>1</v>
      </c>
      <c r="K32782" s="9"/>
      <c r="L32782" s="6"/>
    </row>
    <row r="32783" spans="1:12">
      <c r="A32783" s="6" t="s">
        <v>33096</v>
      </c>
      <c r="B32783" s="6"/>
      <c r="C32783" s="6" t="s">
        <v>32230</v>
      </c>
      <c r="D32783" s="6"/>
      <c r="E32783" s="6" t="s">
        <v>9</v>
      </c>
      <c r="F32783" s="7">
        <v>31503</v>
      </c>
      <c r="G32783" s="8">
        <v>1503900</v>
      </c>
      <c r="H32783" s="8">
        <v>1</v>
      </c>
      <c r="I32783" s="8">
        <v>1503899</v>
      </c>
      <c r="J32783" s="8">
        <v>1</v>
      </c>
      <c r="K32783" s="9"/>
      <c r="L32783" s="6"/>
    </row>
    <row r="32784" spans="1:12">
      <c r="A32784" s="6" t="s">
        <v>33096</v>
      </c>
      <c r="B32784" s="6"/>
      <c r="C32784" s="6" t="s">
        <v>32230</v>
      </c>
      <c r="D32784" s="6"/>
      <c r="E32784" s="6" t="s">
        <v>9</v>
      </c>
      <c r="F32784" s="7">
        <v>31503</v>
      </c>
      <c r="G32784" s="8">
        <v>3950100</v>
      </c>
      <c r="H32784" s="8">
        <v>1</v>
      </c>
      <c r="I32784" s="8">
        <v>3950099</v>
      </c>
      <c r="J32784" s="8">
        <v>1</v>
      </c>
      <c r="K32784" s="9"/>
      <c r="L32784" s="6"/>
    </row>
    <row r="32785" spans="1:12">
      <c r="A32785" s="6" t="s">
        <v>33096</v>
      </c>
      <c r="B32785" s="6"/>
      <c r="C32785" s="6" t="s">
        <v>32230</v>
      </c>
      <c r="D32785" s="6"/>
      <c r="E32785" s="6" t="s">
        <v>9</v>
      </c>
      <c r="F32785" s="7">
        <v>31503</v>
      </c>
      <c r="G32785" s="8">
        <v>3142800</v>
      </c>
      <c r="H32785" s="8">
        <v>1</v>
      </c>
      <c r="I32785" s="8">
        <v>3142799</v>
      </c>
      <c r="J32785" s="8">
        <v>1</v>
      </c>
      <c r="K32785" s="9"/>
      <c r="L32785" s="6"/>
    </row>
    <row r="32786" spans="1:12">
      <c r="A32786" s="6" t="s">
        <v>33096</v>
      </c>
      <c r="B32786" s="6"/>
      <c r="C32786" s="6" t="s">
        <v>32230</v>
      </c>
      <c r="D32786" s="6"/>
      <c r="E32786" s="6" t="s">
        <v>9</v>
      </c>
      <c r="F32786" s="7">
        <v>31503</v>
      </c>
      <c r="G32786" s="8">
        <v>999000</v>
      </c>
      <c r="H32786" s="8">
        <v>1</v>
      </c>
      <c r="I32786" s="8">
        <v>998999</v>
      </c>
      <c r="J32786" s="8">
        <v>1</v>
      </c>
      <c r="K32786" s="9"/>
      <c r="L32786" s="6"/>
    </row>
    <row r="32787" spans="1:12">
      <c r="A32787" s="6" t="s">
        <v>33096</v>
      </c>
      <c r="B32787" s="6"/>
      <c r="C32787" s="6" t="s">
        <v>32230</v>
      </c>
      <c r="D32787" s="6"/>
      <c r="E32787" s="6" t="s">
        <v>9</v>
      </c>
      <c r="F32787" s="7">
        <v>31503</v>
      </c>
      <c r="G32787" s="8">
        <v>3920400</v>
      </c>
      <c r="H32787" s="8">
        <v>1</v>
      </c>
      <c r="I32787" s="8">
        <v>3920399</v>
      </c>
      <c r="J32787" s="8">
        <v>1</v>
      </c>
      <c r="K32787" s="9"/>
      <c r="L32787" s="6"/>
    </row>
    <row r="32788" spans="1:12">
      <c r="A32788" s="6" t="s">
        <v>33096</v>
      </c>
      <c r="B32788" s="6"/>
      <c r="C32788" s="6" t="s">
        <v>32230</v>
      </c>
      <c r="D32788" s="6"/>
      <c r="E32788" s="6" t="s">
        <v>9</v>
      </c>
      <c r="F32788" s="7">
        <v>31503</v>
      </c>
      <c r="G32788" s="8">
        <v>1844100</v>
      </c>
      <c r="H32788" s="8">
        <v>1</v>
      </c>
      <c r="I32788" s="8">
        <v>1844099</v>
      </c>
      <c r="J32788" s="8">
        <v>1</v>
      </c>
      <c r="K32788" s="9"/>
      <c r="L32788" s="6"/>
    </row>
    <row r="32789" spans="1:12">
      <c r="A32789" s="6" t="s">
        <v>33096</v>
      </c>
      <c r="B32789" s="6"/>
      <c r="C32789" s="6" t="s">
        <v>32230</v>
      </c>
      <c r="D32789" s="6"/>
      <c r="E32789" s="6" t="s">
        <v>9</v>
      </c>
      <c r="F32789" s="7">
        <v>31503</v>
      </c>
      <c r="G32789" s="8">
        <v>3396600</v>
      </c>
      <c r="H32789" s="8">
        <v>1</v>
      </c>
      <c r="I32789" s="8">
        <v>3396599</v>
      </c>
      <c r="J32789" s="8">
        <v>1</v>
      </c>
      <c r="K32789" s="9"/>
      <c r="L32789" s="6"/>
    </row>
    <row r="32790" spans="1:12">
      <c r="A32790" s="6" t="s">
        <v>33097</v>
      </c>
      <c r="B32790" s="6"/>
      <c r="C32790" s="6" t="s">
        <v>32230</v>
      </c>
      <c r="D32790" s="6"/>
      <c r="E32790" s="6" t="s">
        <v>9</v>
      </c>
      <c r="F32790" s="7">
        <v>36251</v>
      </c>
      <c r="G32790" s="8">
        <v>1448500</v>
      </c>
      <c r="H32790" s="8">
        <v>1</v>
      </c>
      <c r="I32790" s="8">
        <v>1448499</v>
      </c>
      <c r="J32790" s="8">
        <v>1</v>
      </c>
      <c r="K32790" s="9"/>
      <c r="L32790" s="6"/>
    </row>
    <row r="32791" spans="1:12">
      <c r="A32791" s="6" t="s">
        <v>33096</v>
      </c>
      <c r="B32791" s="6"/>
      <c r="C32791" s="6" t="s">
        <v>32230</v>
      </c>
      <c r="D32791" s="6"/>
      <c r="E32791" s="6" t="s">
        <v>9</v>
      </c>
      <c r="F32791" s="7">
        <v>31503</v>
      </c>
      <c r="G32791" s="8">
        <v>12744000</v>
      </c>
      <c r="H32791" s="8">
        <v>1</v>
      </c>
      <c r="I32791" s="8">
        <v>12743999</v>
      </c>
      <c r="J32791" s="8">
        <v>1</v>
      </c>
      <c r="K32791" s="9"/>
      <c r="L32791" s="6"/>
    </row>
    <row r="32792" spans="1:12">
      <c r="A32792" s="6" t="s">
        <v>33096</v>
      </c>
      <c r="B32792" s="6"/>
      <c r="C32792" s="6" t="s">
        <v>32230</v>
      </c>
      <c r="D32792" s="6"/>
      <c r="E32792" s="6" t="s">
        <v>9</v>
      </c>
      <c r="F32792" s="7">
        <v>31503</v>
      </c>
      <c r="G32792" s="8">
        <v>2454300</v>
      </c>
      <c r="H32792" s="8">
        <v>1</v>
      </c>
      <c r="I32792" s="8">
        <v>2454299</v>
      </c>
      <c r="J32792" s="8">
        <v>1</v>
      </c>
      <c r="K32792" s="9"/>
      <c r="L32792" s="6"/>
    </row>
    <row r="32793" spans="1:12">
      <c r="A32793" s="6" t="s">
        <v>33096</v>
      </c>
      <c r="B32793" s="6"/>
      <c r="C32793" s="6" t="s">
        <v>32230</v>
      </c>
      <c r="D32793" s="6"/>
      <c r="E32793" s="6" t="s">
        <v>9</v>
      </c>
      <c r="F32793" s="7">
        <v>31503</v>
      </c>
      <c r="G32793" s="8">
        <v>1617300</v>
      </c>
      <c r="H32793" s="8">
        <v>1</v>
      </c>
      <c r="I32793" s="8">
        <v>1617299</v>
      </c>
      <c r="J32793" s="8">
        <v>1</v>
      </c>
      <c r="K32793" s="9"/>
      <c r="L32793" s="6"/>
    </row>
    <row r="32794" spans="1:12">
      <c r="A32794" s="6" t="s">
        <v>33096</v>
      </c>
      <c r="B32794" s="6"/>
      <c r="C32794" s="6" t="s">
        <v>32230</v>
      </c>
      <c r="D32794" s="6"/>
      <c r="E32794" s="6" t="s">
        <v>9</v>
      </c>
      <c r="F32794" s="7">
        <v>31503</v>
      </c>
      <c r="G32794" s="8">
        <v>1728000</v>
      </c>
      <c r="H32794" s="8">
        <v>1</v>
      </c>
      <c r="I32794" s="8">
        <v>1727999</v>
      </c>
      <c r="J32794" s="8">
        <v>1</v>
      </c>
      <c r="K32794" s="9"/>
      <c r="L32794" s="6"/>
    </row>
    <row r="32795" spans="1:12">
      <c r="A32795" s="6" t="s">
        <v>33096</v>
      </c>
      <c r="B32795" s="6"/>
      <c r="C32795" s="6" t="s">
        <v>32230</v>
      </c>
      <c r="D32795" s="6"/>
      <c r="E32795" s="6" t="s">
        <v>9</v>
      </c>
      <c r="F32795" s="7">
        <v>31503</v>
      </c>
      <c r="G32795" s="8">
        <v>1919700</v>
      </c>
      <c r="H32795" s="8">
        <v>1</v>
      </c>
      <c r="I32795" s="8">
        <v>1919699</v>
      </c>
      <c r="J32795" s="8">
        <v>1</v>
      </c>
      <c r="K32795" s="9"/>
      <c r="L32795" s="6"/>
    </row>
    <row r="32796" spans="1:12">
      <c r="A32796" s="6" t="s">
        <v>33096</v>
      </c>
      <c r="B32796" s="6"/>
      <c r="C32796" s="6" t="s">
        <v>32230</v>
      </c>
      <c r="D32796" s="6"/>
      <c r="E32796" s="6" t="s">
        <v>9</v>
      </c>
      <c r="F32796" s="7">
        <v>31503</v>
      </c>
      <c r="G32796" s="8">
        <v>3690900</v>
      </c>
      <c r="H32796" s="8">
        <v>1</v>
      </c>
      <c r="I32796" s="8">
        <v>3690899</v>
      </c>
      <c r="J32796" s="8">
        <v>1</v>
      </c>
      <c r="K32796" s="9"/>
      <c r="L32796" s="6"/>
    </row>
    <row r="32797" spans="1:12">
      <c r="A32797" s="6" t="s">
        <v>33096</v>
      </c>
      <c r="B32797" s="6"/>
      <c r="C32797" s="6" t="s">
        <v>32230</v>
      </c>
      <c r="D32797" s="6"/>
      <c r="E32797" s="6" t="s">
        <v>9</v>
      </c>
      <c r="F32797" s="7">
        <v>31503</v>
      </c>
      <c r="G32797" s="8">
        <v>4344300</v>
      </c>
      <c r="H32797" s="8">
        <v>1</v>
      </c>
      <c r="I32797" s="8">
        <v>4344299</v>
      </c>
      <c r="J32797" s="8">
        <v>1</v>
      </c>
      <c r="K32797" s="9"/>
      <c r="L32797" s="6"/>
    </row>
    <row r="32798" spans="1:12">
      <c r="A32798" s="6" t="s">
        <v>33097</v>
      </c>
      <c r="B32798" s="6"/>
      <c r="C32798" s="6" t="s">
        <v>32230</v>
      </c>
      <c r="D32798" s="6"/>
      <c r="E32798" s="6" t="s">
        <v>9</v>
      </c>
      <c r="F32798" s="7">
        <v>31138</v>
      </c>
      <c r="G32798" s="8">
        <v>1</v>
      </c>
      <c r="H32798" s="8">
        <v>1</v>
      </c>
      <c r="I32798" s="8">
        <v>0</v>
      </c>
      <c r="J32798" s="8">
        <v>1</v>
      </c>
      <c r="K32798" s="9"/>
      <c r="L32798" s="6"/>
    </row>
    <row r="32799" spans="1:12">
      <c r="A32799" s="6" t="s">
        <v>33096</v>
      </c>
      <c r="B32799" s="6"/>
      <c r="C32799" s="6" t="s">
        <v>32230</v>
      </c>
      <c r="D32799" s="6"/>
      <c r="E32799" s="6" t="s">
        <v>9</v>
      </c>
      <c r="F32799" s="7">
        <v>31503</v>
      </c>
      <c r="G32799" s="8">
        <v>8361900</v>
      </c>
      <c r="H32799" s="8">
        <v>1</v>
      </c>
      <c r="I32799" s="8">
        <v>8361899</v>
      </c>
      <c r="J32799" s="8">
        <v>1</v>
      </c>
      <c r="K32799" s="9"/>
      <c r="L32799" s="6"/>
    </row>
    <row r="32800" spans="1:12">
      <c r="A32800" s="6" t="s">
        <v>33096</v>
      </c>
      <c r="B32800" s="6"/>
      <c r="C32800" s="6" t="s">
        <v>32230</v>
      </c>
      <c r="D32800" s="6"/>
      <c r="E32800" s="6" t="s">
        <v>9</v>
      </c>
      <c r="F32800" s="7">
        <v>31503</v>
      </c>
      <c r="G32800" s="8">
        <v>4392900</v>
      </c>
      <c r="H32800" s="8">
        <v>1</v>
      </c>
      <c r="I32800" s="8">
        <v>4392899</v>
      </c>
      <c r="J32800" s="8">
        <v>1</v>
      </c>
      <c r="K32800" s="9"/>
      <c r="L32800" s="6"/>
    </row>
    <row r="32801" spans="1:12">
      <c r="A32801" s="6" t="s">
        <v>33096</v>
      </c>
      <c r="B32801" s="6"/>
      <c r="C32801" s="6" t="s">
        <v>32230</v>
      </c>
      <c r="D32801" s="6"/>
      <c r="E32801" s="6" t="s">
        <v>9</v>
      </c>
      <c r="F32801" s="7">
        <v>31503</v>
      </c>
      <c r="G32801" s="8">
        <v>12239100</v>
      </c>
      <c r="H32801" s="8">
        <v>1</v>
      </c>
      <c r="I32801" s="8">
        <v>12239099</v>
      </c>
      <c r="J32801" s="8">
        <v>1</v>
      </c>
      <c r="K32801" s="9"/>
      <c r="L32801" s="6"/>
    </row>
    <row r="32802" spans="1:12">
      <c r="A32802" s="6" t="s">
        <v>33096</v>
      </c>
      <c r="B32802" s="6"/>
      <c r="C32802" s="6" t="s">
        <v>32230</v>
      </c>
      <c r="D32802" s="6"/>
      <c r="E32802" s="6" t="s">
        <v>9</v>
      </c>
      <c r="F32802" s="7">
        <v>31503</v>
      </c>
      <c r="G32802" s="8">
        <v>3744900</v>
      </c>
      <c r="H32802" s="8">
        <v>1</v>
      </c>
      <c r="I32802" s="8">
        <v>3744899</v>
      </c>
      <c r="J32802" s="8">
        <v>1</v>
      </c>
      <c r="K32802" s="9"/>
      <c r="L32802" s="6"/>
    </row>
    <row r="32803" spans="1:12">
      <c r="A32803" s="6" t="s">
        <v>33096</v>
      </c>
      <c r="B32803" s="6"/>
      <c r="C32803" s="6" t="s">
        <v>32230</v>
      </c>
      <c r="D32803" s="6"/>
      <c r="E32803" s="6" t="s">
        <v>9</v>
      </c>
      <c r="F32803" s="7">
        <v>31503</v>
      </c>
      <c r="G32803" s="8">
        <v>2889000</v>
      </c>
      <c r="H32803" s="8">
        <v>1</v>
      </c>
      <c r="I32803" s="8">
        <v>2888999</v>
      </c>
      <c r="J32803" s="8">
        <v>1</v>
      </c>
      <c r="K32803" s="9"/>
      <c r="L32803" s="6"/>
    </row>
    <row r="32804" spans="1:12">
      <c r="A32804" s="6" t="s">
        <v>33097</v>
      </c>
      <c r="B32804" s="6"/>
      <c r="C32804" s="6" t="s">
        <v>32230</v>
      </c>
      <c r="D32804" s="6"/>
      <c r="E32804" s="6" t="s">
        <v>9</v>
      </c>
      <c r="F32804" s="7">
        <v>39836</v>
      </c>
      <c r="G32804" s="8">
        <v>14731500</v>
      </c>
      <c r="H32804" s="8">
        <v>4301604</v>
      </c>
      <c r="I32804" s="8">
        <v>11299054</v>
      </c>
      <c r="J32804" s="8">
        <v>3432446</v>
      </c>
      <c r="K32804" s="9"/>
      <c r="L32804" s="6"/>
    </row>
    <row r="32805" spans="1:12">
      <c r="A32805" s="6" t="s">
        <v>33096</v>
      </c>
      <c r="B32805" s="6"/>
      <c r="C32805" s="6" t="s">
        <v>32230</v>
      </c>
      <c r="D32805" s="6"/>
      <c r="E32805" s="6" t="s">
        <v>9</v>
      </c>
      <c r="F32805" s="7">
        <v>31138</v>
      </c>
      <c r="G32805" s="8">
        <v>2054700</v>
      </c>
      <c r="H32805" s="8">
        <v>1</v>
      </c>
      <c r="I32805" s="8">
        <v>2054699</v>
      </c>
      <c r="J32805" s="8">
        <v>1</v>
      </c>
      <c r="K32805" s="9"/>
      <c r="L32805" s="6"/>
    </row>
    <row r="32806" spans="1:12">
      <c r="A32806" s="6" t="s">
        <v>33151</v>
      </c>
      <c r="B32806" s="6"/>
      <c r="C32806" s="6" t="s">
        <v>32230</v>
      </c>
      <c r="D32806" s="6"/>
      <c r="E32806" s="6" t="s">
        <v>9</v>
      </c>
      <c r="F32806" s="7">
        <v>43697</v>
      </c>
      <c r="G32806" s="8">
        <v>995760</v>
      </c>
      <c r="H32806" s="8">
        <v>972858</v>
      </c>
      <c r="I32806" s="8">
        <v>45804</v>
      </c>
      <c r="J32806" s="8">
        <v>949956</v>
      </c>
      <c r="K32806" s="9"/>
      <c r="L32806" s="6"/>
    </row>
    <row r="32807" spans="1:12">
      <c r="A32807" s="6" t="s">
        <v>33096</v>
      </c>
      <c r="B32807" s="6"/>
      <c r="C32807" s="6" t="s">
        <v>32230</v>
      </c>
      <c r="D32807" s="6"/>
      <c r="E32807" s="6" t="s">
        <v>9</v>
      </c>
      <c r="F32807" s="7">
        <v>31138</v>
      </c>
      <c r="G32807" s="8">
        <v>1606500</v>
      </c>
      <c r="H32807" s="8">
        <v>1</v>
      </c>
      <c r="I32807" s="8">
        <v>1606499</v>
      </c>
      <c r="J32807" s="8">
        <v>1</v>
      </c>
      <c r="K32807" s="9"/>
      <c r="L32807" s="6"/>
    </row>
    <row r="32808" spans="1:12">
      <c r="A32808" s="6" t="s">
        <v>33096</v>
      </c>
      <c r="B32808" s="6"/>
      <c r="C32808" s="6" t="s">
        <v>32230</v>
      </c>
      <c r="D32808" s="6"/>
      <c r="E32808" s="6" t="s">
        <v>9</v>
      </c>
      <c r="F32808" s="7">
        <v>31138</v>
      </c>
      <c r="G32808" s="8">
        <v>1441800</v>
      </c>
      <c r="H32808" s="8">
        <v>1</v>
      </c>
      <c r="I32808" s="8">
        <v>1441799</v>
      </c>
      <c r="J32808" s="8">
        <v>1</v>
      </c>
      <c r="K32808" s="9"/>
      <c r="L32808" s="6"/>
    </row>
    <row r="32809" spans="1:12">
      <c r="A32809" s="6" t="s">
        <v>33096</v>
      </c>
      <c r="B32809" s="6"/>
      <c r="C32809" s="6" t="s">
        <v>32230</v>
      </c>
      <c r="D32809" s="6"/>
      <c r="E32809" s="6" t="s">
        <v>9</v>
      </c>
      <c r="F32809" s="7">
        <v>31138</v>
      </c>
      <c r="G32809" s="8">
        <v>2192400</v>
      </c>
      <c r="H32809" s="8">
        <v>1</v>
      </c>
      <c r="I32809" s="8">
        <v>2192399</v>
      </c>
      <c r="J32809" s="8">
        <v>1</v>
      </c>
      <c r="K32809" s="9"/>
      <c r="L32809" s="6"/>
    </row>
    <row r="32810" spans="1:12">
      <c r="A32810" s="6" t="s">
        <v>33096</v>
      </c>
      <c r="B32810" s="6"/>
      <c r="C32810" s="6" t="s">
        <v>32230</v>
      </c>
      <c r="D32810" s="6"/>
      <c r="E32810" s="6" t="s">
        <v>9</v>
      </c>
      <c r="F32810" s="7">
        <v>31138</v>
      </c>
      <c r="G32810" s="8">
        <v>4284900</v>
      </c>
      <c r="H32810" s="8">
        <v>1</v>
      </c>
      <c r="I32810" s="8">
        <v>4284899</v>
      </c>
      <c r="J32810" s="8">
        <v>1</v>
      </c>
      <c r="K32810" s="9"/>
      <c r="L32810" s="6"/>
    </row>
    <row r="32811" spans="1:12">
      <c r="A32811" s="6" t="s">
        <v>33096</v>
      </c>
      <c r="B32811" s="6"/>
      <c r="C32811" s="6" t="s">
        <v>32230</v>
      </c>
      <c r="D32811" s="6"/>
      <c r="E32811" s="6" t="s">
        <v>9</v>
      </c>
      <c r="F32811" s="7">
        <v>31138</v>
      </c>
      <c r="G32811" s="8">
        <v>4749300</v>
      </c>
      <c r="H32811" s="8">
        <v>1</v>
      </c>
      <c r="I32811" s="8">
        <v>4749299</v>
      </c>
      <c r="J32811" s="8">
        <v>1</v>
      </c>
      <c r="K32811" s="9"/>
      <c r="L32811" s="6"/>
    </row>
    <row r="32812" spans="1:12">
      <c r="A32812" s="6" t="s">
        <v>33097</v>
      </c>
      <c r="B32812" s="6"/>
      <c r="C32812" s="6" t="s">
        <v>32230</v>
      </c>
      <c r="D32812" s="6"/>
      <c r="E32812" s="6" t="s">
        <v>9</v>
      </c>
      <c r="F32812" s="7">
        <v>37347</v>
      </c>
      <c r="G32812" s="8">
        <v>1</v>
      </c>
      <c r="H32812" s="8">
        <v>1</v>
      </c>
      <c r="I32812" s="8">
        <v>0</v>
      </c>
      <c r="J32812" s="8">
        <v>1</v>
      </c>
      <c r="K32812" s="9"/>
      <c r="L32812" s="6"/>
    </row>
    <row r="32813" spans="1:12">
      <c r="A32813" s="6" t="s">
        <v>33152</v>
      </c>
      <c r="B32813" s="6"/>
      <c r="C32813" s="6" t="s">
        <v>32230</v>
      </c>
      <c r="D32813" s="6"/>
      <c r="E32813" s="6" t="s">
        <v>9</v>
      </c>
      <c r="F32813" s="7">
        <v>43444</v>
      </c>
      <c r="G32813" s="8">
        <v>1425600</v>
      </c>
      <c r="H32813" s="8">
        <v>1234570</v>
      </c>
      <c r="I32813" s="8">
        <v>286545</v>
      </c>
      <c r="J32813" s="8">
        <v>1139055</v>
      </c>
      <c r="K32813" s="9"/>
      <c r="L32813" s="6"/>
    </row>
    <row r="32814" spans="1:12">
      <c r="A32814" s="6" t="s">
        <v>33153</v>
      </c>
      <c r="B32814" s="6"/>
      <c r="C32814" s="6" t="s">
        <v>32230</v>
      </c>
      <c r="D32814" s="6"/>
      <c r="E32814" s="6" t="s">
        <v>9</v>
      </c>
      <c r="F32814" s="7">
        <v>43798</v>
      </c>
      <c r="G32814" s="8">
        <v>998800</v>
      </c>
      <c r="H32814" s="8">
        <v>975828</v>
      </c>
      <c r="I32814" s="8">
        <v>45944</v>
      </c>
      <c r="J32814" s="8">
        <v>952856</v>
      </c>
      <c r="K32814" s="9"/>
      <c r="L32814" s="6"/>
    </row>
    <row r="32815" spans="1:12">
      <c r="A32815" s="6" t="s">
        <v>33096</v>
      </c>
      <c r="B32815" s="6"/>
      <c r="C32815" s="6" t="s">
        <v>32230</v>
      </c>
      <c r="D32815" s="6"/>
      <c r="E32815" s="6" t="s">
        <v>9</v>
      </c>
      <c r="F32815" s="7">
        <v>31503</v>
      </c>
      <c r="G32815" s="8">
        <v>10524600</v>
      </c>
      <c r="H32815" s="8">
        <v>1</v>
      </c>
      <c r="I32815" s="8">
        <v>10524599</v>
      </c>
      <c r="J32815" s="8">
        <v>1</v>
      </c>
      <c r="K32815" s="9"/>
      <c r="L32815" s="6"/>
    </row>
    <row r="32816" spans="1:12">
      <c r="A32816" s="6" t="s">
        <v>33096</v>
      </c>
      <c r="B32816" s="6"/>
      <c r="C32816" s="6" t="s">
        <v>32230</v>
      </c>
      <c r="D32816" s="6"/>
      <c r="E32816" s="6" t="s">
        <v>9</v>
      </c>
      <c r="F32816" s="7">
        <v>31503</v>
      </c>
      <c r="G32816" s="8">
        <v>5354100</v>
      </c>
      <c r="H32816" s="8">
        <v>1</v>
      </c>
      <c r="I32816" s="8">
        <v>5354099</v>
      </c>
      <c r="J32816" s="8">
        <v>1</v>
      </c>
      <c r="K32816" s="9"/>
      <c r="L32816" s="6"/>
    </row>
    <row r="32817" spans="1:12">
      <c r="A32817" s="6" t="s">
        <v>33096</v>
      </c>
      <c r="B32817" s="6"/>
      <c r="C32817" s="6" t="s">
        <v>32230</v>
      </c>
      <c r="D32817" s="6"/>
      <c r="E32817" s="6" t="s">
        <v>9</v>
      </c>
      <c r="F32817" s="7">
        <v>31503</v>
      </c>
      <c r="G32817" s="8">
        <v>3339900</v>
      </c>
      <c r="H32817" s="8">
        <v>1</v>
      </c>
      <c r="I32817" s="8">
        <v>3339899</v>
      </c>
      <c r="J32817" s="8">
        <v>1</v>
      </c>
      <c r="K32817" s="9"/>
      <c r="L32817" s="6"/>
    </row>
    <row r="32818" spans="1:12">
      <c r="A32818" s="6" t="s">
        <v>33097</v>
      </c>
      <c r="B32818" s="6"/>
      <c r="C32818" s="6" t="s">
        <v>32230</v>
      </c>
      <c r="D32818" s="6"/>
      <c r="E32818" s="6" t="s">
        <v>9</v>
      </c>
      <c r="F32818" s="7">
        <v>31503</v>
      </c>
      <c r="G32818" s="8">
        <v>1</v>
      </c>
      <c r="H32818" s="8">
        <v>1</v>
      </c>
      <c r="I32818" s="8">
        <v>0</v>
      </c>
      <c r="J32818" s="8">
        <v>1</v>
      </c>
      <c r="K32818" s="9"/>
      <c r="L32818" s="6"/>
    </row>
    <row r="32819" spans="1:12">
      <c r="A32819" s="6" t="s">
        <v>33096</v>
      </c>
      <c r="B32819" s="6"/>
      <c r="C32819" s="6" t="s">
        <v>32230</v>
      </c>
      <c r="D32819" s="6"/>
      <c r="E32819" s="6" t="s">
        <v>9</v>
      </c>
      <c r="F32819" s="7">
        <v>34060</v>
      </c>
      <c r="G32819" s="8">
        <v>6671700</v>
      </c>
      <c r="H32819" s="8">
        <v>1</v>
      </c>
      <c r="I32819" s="8">
        <v>6671699</v>
      </c>
      <c r="J32819" s="8">
        <v>1</v>
      </c>
      <c r="K32819" s="9"/>
      <c r="L32819" s="6"/>
    </row>
    <row r="32820" spans="1:12">
      <c r="A32820" s="6" t="s">
        <v>33096</v>
      </c>
      <c r="B32820" s="6"/>
      <c r="C32820" s="6" t="s">
        <v>32230</v>
      </c>
      <c r="D32820" s="6"/>
      <c r="E32820" s="6" t="s">
        <v>9</v>
      </c>
      <c r="F32820" s="7">
        <v>34060</v>
      </c>
      <c r="G32820" s="8">
        <v>3634200</v>
      </c>
      <c r="H32820" s="8">
        <v>1</v>
      </c>
      <c r="I32820" s="8">
        <v>3634199</v>
      </c>
      <c r="J32820" s="8">
        <v>1</v>
      </c>
      <c r="K32820" s="9"/>
      <c r="L32820" s="6"/>
    </row>
    <row r="32821" spans="1:12">
      <c r="A32821" s="6" t="s">
        <v>33096</v>
      </c>
      <c r="B32821" s="6"/>
      <c r="C32821" s="6" t="s">
        <v>32230</v>
      </c>
      <c r="D32821" s="6"/>
      <c r="E32821" s="6" t="s">
        <v>9</v>
      </c>
      <c r="F32821" s="7">
        <v>34060</v>
      </c>
      <c r="G32821" s="8">
        <v>3218400</v>
      </c>
      <c r="H32821" s="8">
        <v>1</v>
      </c>
      <c r="I32821" s="8">
        <v>3218399</v>
      </c>
      <c r="J32821" s="8">
        <v>1</v>
      </c>
      <c r="K32821" s="9"/>
      <c r="L32821" s="6"/>
    </row>
    <row r="32822" spans="1:12">
      <c r="A32822" s="6" t="s">
        <v>33097</v>
      </c>
      <c r="B32822" s="6"/>
      <c r="C32822" s="6" t="s">
        <v>32230</v>
      </c>
      <c r="D32822" s="6"/>
      <c r="E32822" s="6" t="s">
        <v>9</v>
      </c>
      <c r="F32822" s="7">
        <v>34060</v>
      </c>
      <c r="G32822" s="8">
        <v>1</v>
      </c>
      <c r="H32822" s="8">
        <v>1</v>
      </c>
      <c r="I32822" s="8">
        <v>0</v>
      </c>
      <c r="J32822" s="8">
        <v>1</v>
      </c>
      <c r="K32822" s="9"/>
      <c r="L32822" s="6"/>
    </row>
    <row r="32823" spans="1:12">
      <c r="A32823" s="6" t="s">
        <v>33096</v>
      </c>
      <c r="B32823" s="6"/>
      <c r="C32823" s="6" t="s">
        <v>32230</v>
      </c>
      <c r="D32823" s="6"/>
      <c r="E32823" s="6" t="s">
        <v>9</v>
      </c>
      <c r="F32823" s="7">
        <v>33329</v>
      </c>
      <c r="G32823" s="8">
        <v>5699700</v>
      </c>
      <c r="H32823" s="8">
        <v>1</v>
      </c>
      <c r="I32823" s="8">
        <v>5699699</v>
      </c>
      <c r="J32823" s="8">
        <v>1</v>
      </c>
      <c r="K32823" s="9"/>
      <c r="L32823" s="6"/>
    </row>
    <row r="32824" spans="1:12">
      <c r="A32824" s="6" t="s">
        <v>33096</v>
      </c>
      <c r="B32824" s="6"/>
      <c r="C32824" s="6" t="s">
        <v>32230</v>
      </c>
      <c r="D32824" s="6"/>
      <c r="E32824" s="6" t="s">
        <v>9</v>
      </c>
      <c r="F32824" s="7">
        <v>33329</v>
      </c>
      <c r="G32824" s="8">
        <v>11240100</v>
      </c>
      <c r="H32824" s="8">
        <v>1</v>
      </c>
      <c r="I32824" s="8">
        <v>11240099</v>
      </c>
      <c r="J32824" s="8">
        <v>1</v>
      </c>
      <c r="K32824" s="9"/>
      <c r="L32824" s="6"/>
    </row>
    <row r="32825" spans="1:12">
      <c r="A32825" s="6" t="s">
        <v>33096</v>
      </c>
      <c r="B32825" s="6"/>
      <c r="C32825" s="6" t="s">
        <v>32230</v>
      </c>
      <c r="D32825" s="6"/>
      <c r="E32825" s="6" t="s">
        <v>9</v>
      </c>
      <c r="F32825" s="7">
        <v>33329</v>
      </c>
      <c r="G32825" s="8">
        <v>1703700</v>
      </c>
      <c r="H32825" s="8">
        <v>1</v>
      </c>
      <c r="I32825" s="8">
        <v>1703699</v>
      </c>
      <c r="J32825" s="8">
        <v>1</v>
      </c>
      <c r="K32825" s="9"/>
      <c r="L32825" s="6"/>
    </row>
    <row r="32826" spans="1:12">
      <c r="A32826" s="6" t="s">
        <v>33096</v>
      </c>
      <c r="B32826" s="6"/>
      <c r="C32826" s="6" t="s">
        <v>32230</v>
      </c>
      <c r="D32826" s="6"/>
      <c r="E32826" s="6" t="s">
        <v>9</v>
      </c>
      <c r="F32826" s="7">
        <v>33329</v>
      </c>
      <c r="G32826" s="8">
        <v>7095600</v>
      </c>
      <c r="H32826" s="8">
        <v>1</v>
      </c>
      <c r="I32826" s="8">
        <v>7095599</v>
      </c>
      <c r="J32826" s="8">
        <v>1</v>
      </c>
      <c r="K32826" s="9"/>
      <c r="L32826" s="6"/>
    </row>
    <row r="32827" spans="1:12">
      <c r="A32827" s="6" t="s">
        <v>33096</v>
      </c>
      <c r="B32827" s="6"/>
      <c r="C32827" s="6" t="s">
        <v>32230</v>
      </c>
      <c r="D32827" s="6"/>
      <c r="E32827" s="6" t="s">
        <v>9</v>
      </c>
      <c r="F32827" s="7">
        <v>33329</v>
      </c>
      <c r="G32827" s="8">
        <v>6733800</v>
      </c>
      <c r="H32827" s="8">
        <v>1</v>
      </c>
      <c r="I32827" s="8">
        <v>6733799</v>
      </c>
      <c r="J32827" s="8">
        <v>1</v>
      </c>
      <c r="K32827" s="9"/>
      <c r="L32827" s="6"/>
    </row>
    <row r="32828" spans="1:12">
      <c r="A32828" s="6" t="s">
        <v>33096</v>
      </c>
      <c r="B32828" s="6"/>
      <c r="C32828" s="6" t="s">
        <v>32230</v>
      </c>
      <c r="D32828" s="6"/>
      <c r="E32828" s="6" t="s">
        <v>9</v>
      </c>
      <c r="F32828" s="7">
        <v>33329</v>
      </c>
      <c r="G32828" s="8">
        <v>2338200</v>
      </c>
      <c r="H32828" s="8">
        <v>1</v>
      </c>
      <c r="I32828" s="8">
        <v>2338199</v>
      </c>
      <c r="J32828" s="8">
        <v>1</v>
      </c>
      <c r="K32828" s="9"/>
      <c r="L32828" s="6"/>
    </row>
    <row r="32829" spans="1:12">
      <c r="A32829" s="6" t="s">
        <v>33096</v>
      </c>
      <c r="B32829" s="6"/>
      <c r="C32829" s="6" t="s">
        <v>32230</v>
      </c>
      <c r="D32829" s="6"/>
      <c r="E32829" s="6" t="s">
        <v>9</v>
      </c>
      <c r="F32829" s="7">
        <v>33329</v>
      </c>
      <c r="G32829" s="8">
        <v>1706400</v>
      </c>
      <c r="H32829" s="8">
        <v>1</v>
      </c>
      <c r="I32829" s="8">
        <v>1706399</v>
      </c>
      <c r="J32829" s="8">
        <v>1</v>
      </c>
      <c r="K32829" s="9"/>
      <c r="L32829" s="6"/>
    </row>
    <row r="32830" spans="1:12">
      <c r="A32830" s="6" t="s">
        <v>33096</v>
      </c>
      <c r="B32830" s="6"/>
      <c r="C32830" s="6" t="s">
        <v>32230</v>
      </c>
      <c r="D32830" s="6"/>
      <c r="E32830" s="6" t="s">
        <v>9</v>
      </c>
      <c r="F32830" s="7">
        <v>33329</v>
      </c>
      <c r="G32830" s="8">
        <v>777600</v>
      </c>
      <c r="H32830" s="8">
        <v>1</v>
      </c>
      <c r="I32830" s="8">
        <v>777599</v>
      </c>
      <c r="J32830" s="8">
        <v>1</v>
      </c>
      <c r="K32830" s="9"/>
      <c r="L32830" s="6"/>
    </row>
    <row r="32831" spans="1:12">
      <c r="A32831" s="6" t="s">
        <v>33097</v>
      </c>
      <c r="B32831" s="6"/>
      <c r="C32831" s="6" t="s">
        <v>32230</v>
      </c>
      <c r="D32831" s="6"/>
      <c r="E32831" s="6" t="s">
        <v>9</v>
      </c>
      <c r="F32831" s="7">
        <v>33329</v>
      </c>
      <c r="G32831" s="8">
        <v>1</v>
      </c>
      <c r="H32831" s="8">
        <v>1</v>
      </c>
      <c r="I32831" s="8">
        <v>0</v>
      </c>
      <c r="J32831" s="8">
        <v>1</v>
      </c>
      <c r="K32831" s="9"/>
      <c r="L32831" s="6"/>
    </row>
    <row r="32832" spans="1:12">
      <c r="A32832" s="6" t="s">
        <v>33096</v>
      </c>
      <c r="B32832" s="6"/>
      <c r="C32832" s="6" t="s">
        <v>32230</v>
      </c>
      <c r="D32832" s="6"/>
      <c r="E32832" s="6" t="s">
        <v>9</v>
      </c>
      <c r="F32832" s="7">
        <v>33329</v>
      </c>
      <c r="G32832" s="8">
        <v>8143200</v>
      </c>
      <c r="H32832" s="8">
        <v>1</v>
      </c>
      <c r="I32832" s="8">
        <v>8143199</v>
      </c>
      <c r="J32832" s="8">
        <v>1</v>
      </c>
      <c r="K32832" s="9"/>
      <c r="L32832" s="6"/>
    </row>
    <row r="32833" spans="1:12">
      <c r="A32833" s="6" t="s">
        <v>33096</v>
      </c>
      <c r="B32833" s="6"/>
      <c r="C32833" s="6" t="s">
        <v>32230</v>
      </c>
      <c r="D32833" s="6"/>
      <c r="E32833" s="6" t="s">
        <v>9</v>
      </c>
      <c r="F32833" s="7">
        <v>33329</v>
      </c>
      <c r="G32833" s="8">
        <v>6434100</v>
      </c>
      <c r="H32833" s="8">
        <v>1</v>
      </c>
      <c r="I32833" s="8">
        <v>6434099</v>
      </c>
      <c r="J32833" s="8">
        <v>1</v>
      </c>
      <c r="K32833" s="9"/>
      <c r="L32833" s="6"/>
    </row>
    <row r="32834" spans="1:12">
      <c r="A32834" s="6" t="s">
        <v>33096</v>
      </c>
      <c r="B32834" s="6"/>
      <c r="C32834" s="6" t="s">
        <v>32230</v>
      </c>
      <c r="D32834" s="6"/>
      <c r="E32834" s="6" t="s">
        <v>9</v>
      </c>
      <c r="F32834" s="7">
        <v>33329</v>
      </c>
      <c r="G32834" s="8">
        <v>8075700</v>
      </c>
      <c r="H32834" s="8">
        <v>1</v>
      </c>
      <c r="I32834" s="8">
        <v>8075699</v>
      </c>
      <c r="J32834" s="8">
        <v>1</v>
      </c>
      <c r="K32834" s="9"/>
      <c r="L32834" s="6"/>
    </row>
    <row r="32835" spans="1:12">
      <c r="A32835" s="6" t="s">
        <v>33096</v>
      </c>
      <c r="B32835" s="6"/>
      <c r="C32835" s="6" t="s">
        <v>32230</v>
      </c>
      <c r="D32835" s="6"/>
      <c r="E32835" s="6" t="s">
        <v>9</v>
      </c>
      <c r="F32835" s="7">
        <v>33329</v>
      </c>
      <c r="G32835" s="8">
        <v>3820500</v>
      </c>
      <c r="H32835" s="8">
        <v>1</v>
      </c>
      <c r="I32835" s="8">
        <v>3820499</v>
      </c>
      <c r="J32835" s="8">
        <v>1</v>
      </c>
      <c r="K32835" s="9"/>
      <c r="L32835" s="6"/>
    </row>
    <row r="32836" spans="1:12">
      <c r="A32836" s="6" t="s">
        <v>33096</v>
      </c>
      <c r="B32836" s="6"/>
      <c r="C32836" s="6" t="s">
        <v>32230</v>
      </c>
      <c r="D32836" s="6"/>
      <c r="E32836" s="6" t="s">
        <v>9</v>
      </c>
      <c r="F32836" s="7">
        <v>33329</v>
      </c>
      <c r="G32836" s="8">
        <v>2986200</v>
      </c>
      <c r="H32836" s="8">
        <v>1</v>
      </c>
      <c r="I32836" s="8">
        <v>2986199</v>
      </c>
      <c r="J32836" s="8">
        <v>1</v>
      </c>
      <c r="K32836" s="9"/>
      <c r="L32836" s="6"/>
    </row>
    <row r="32837" spans="1:12">
      <c r="A32837" s="6" t="s">
        <v>33096</v>
      </c>
      <c r="B32837" s="6"/>
      <c r="C32837" s="6" t="s">
        <v>32230</v>
      </c>
      <c r="D32837" s="6"/>
      <c r="E32837" s="6" t="s">
        <v>9</v>
      </c>
      <c r="F32837" s="7">
        <v>33329</v>
      </c>
      <c r="G32837" s="8">
        <v>1552500</v>
      </c>
      <c r="H32837" s="8">
        <v>1</v>
      </c>
      <c r="I32837" s="8">
        <v>1552499</v>
      </c>
      <c r="J32837" s="8">
        <v>1</v>
      </c>
      <c r="K32837" s="9"/>
      <c r="L32837" s="6"/>
    </row>
    <row r="32838" spans="1:12">
      <c r="A32838" s="6" t="s">
        <v>33096</v>
      </c>
      <c r="B32838" s="6"/>
      <c r="C32838" s="6" t="s">
        <v>32230</v>
      </c>
      <c r="D32838" s="6"/>
      <c r="E32838" s="6" t="s">
        <v>9</v>
      </c>
      <c r="F32838" s="7">
        <v>33329</v>
      </c>
      <c r="G32838" s="8">
        <v>4741200</v>
      </c>
      <c r="H32838" s="8">
        <v>1</v>
      </c>
      <c r="I32838" s="8">
        <v>4741199</v>
      </c>
      <c r="J32838" s="8">
        <v>1</v>
      </c>
      <c r="K32838" s="9"/>
      <c r="L32838" s="6"/>
    </row>
    <row r="32839" spans="1:12">
      <c r="A32839" s="6" t="s">
        <v>33097</v>
      </c>
      <c r="B32839" s="6"/>
      <c r="C32839" s="6" t="s">
        <v>32230</v>
      </c>
      <c r="D32839" s="6"/>
      <c r="E32839" s="6" t="s">
        <v>9</v>
      </c>
      <c r="F32839" s="7">
        <v>33329</v>
      </c>
      <c r="G32839" s="8">
        <v>1</v>
      </c>
      <c r="H32839" s="8">
        <v>1</v>
      </c>
      <c r="I32839" s="8">
        <v>0</v>
      </c>
      <c r="J32839" s="8">
        <v>1</v>
      </c>
      <c r="K32839" s="9"/>
      <c r="L32839" s="6"/>
    </row>
    <row r="32840" spans="1:12">
      <c r="A32840" s="6" t="s">
        <v>33096</v>
      </c>
      <c r="B32840" s="6"/>
      <c r="C32840" s="6" t="s">
        <v>32230</v>
      </c>
      <c r="D32840" s="6"/>
      <c r="E32840" s="6" t="s">
        <v>9</v>
      </c>
      <c r="F32840" s="7">
        <v>38078</v>
      </c>
      <c r="G32840" s="8">
        <v>4252500</v>
      </c>
      <c r="H32840" s="8">
        <v>1</v>
      </c>
      <c r="I32840" s="8">
        <v>4252499</v>
      </c>
      <c r="J32840" s="8">
        <v>1</v>
      </c>
      <c r="K32840" s="9"/>
      <c r="L32840" s="6"/>
    </row>
    <row r="32841" spans="1:12">
      <c r="A32841" s="6" t="s">
        <v>33096</v>
      </c>
      <c r="B32841" s="6"/>
      <c r="C32841" s="6" t="s">
        <v>32230</v>
      </c>
      <c r="D32841" s="6"/>
      <c r="E32841" s="6" t="s">
        <v>9</v>
      </c>
      <c r="F32841" s="7">
        <v>38078</v>
      </c>
      <c r="G32841" s="8">
        <v>4271400</v>
      </c>
      <c r="H32841" s="8">
        <v>1</v>
      </c>
      <c r="I32841" s="8">
        <v>4271399</v>
      </c>
      <c r="J32841" s="8">
        <v>1</v>
      </c>
      <c r="K32841" s="9"/>
      <c r="L32841" s="6"/>
    </row>
    <row r="32842" spans="1:12">
      <c r="A32842" s="6" t="s">
        <v>33096</v>
      </c>
      <c r="B32842" s="6"/>
      <c r="C32842" s="6" t="s">
        <v>32230</v>
      </c>
      <c r="D32842" s="6"/>
      <c r="E32842" s="6" t="s">
        <v>9</v>
      </c>
      <c r="F32842" s="7">
        <v>38078</v>
      </c>
      <c r="G32842" s="8">
        <v>4301100</v>
      </c>
      <c r="H32842" s="8">
        <v>1</v>
      </c>
      <c r="I32842" s="8">
        <v>4301099</v>
      </c>
      <c r="J32842" s="8">
        <v>1</v>
      </c>
      <c r="K32842" s="9"/>
      <c r="L32842" s="6"/>
    </row>
    <row r="32843" spans="1:12">
      <c r="A32843" s="6" t="s">
        <v>33096</v>
      </c>
      <c r="B32843" s="6"/>
      <c r="C32843" s="6" t="s">
        <v>32230</v>
      </c>
      <c r="D32843" s="6"/>
      <c r="E32843" s="6" t="s">
        <v>9</v>
      </c>
      <c r="F32843" s="7">
        <v>38078</v>
      </c>
      <c r="G32843" s="8">
        <v>4230900</v>
      </c>
      <c r="H32843" s="8">
        <v>1</v>
      </c>
      <c r="I32843" s="8">
        <v>4230899</v>
      </c>
      <c r="J32843" s="8">
        <v>1</v>
      </c>
      <c r="K32843" s="9"/>
      <c r="L32843" s="6"/>
    </row>
    <row r="32844" spans="1:12">
      <c r="A32844" s="6" t="s">
        <v>33096</v>
      </c>
      <c r="B32844" s="6"/>
      <c r="C32844" s="6" t="s">
        <v>32230</v>
      </c>
      <c r="D32844" s="6"/>
      <c r="E32844" s="6" t="s">
        <v>9</v>
      </c>
      <c r="F32844" s="7">
        <v>38078</v>
      </c>
      <c r="G32844" s="8">
        <v>4230900</v>
      </c>
      <c r="H32844" s="8">
        <v>1</v>
      </c>
      <c r="I32844" s="8">
        <v>4230899</v>
      </c>
      <c r="J32844" s="8">
        <v>1</v>
      </c>
      <c r="K32844" s="9"/>
      <c r="L32844" s="6"/>
    </row>
    <row r="32845" spans="1:12">
      <c r="A32845" s="6" t="s">
        <v>33096</v>
      </c>
      <c r="B32845" s="6"/>
      <c r="C32845" s="6" t="s">
        <v>32230</v>
      </c>
      <c r="D32845" s="6"/>
      <c r="E32845" s="6" t="s">
        <v>9</v>
      </c>
      <c r="F32845" s="7">
        <v>38078</v>
      </c>
      <c r="G32845" s="8">
        <v>569700</v>
      </c>
      <c r="H32845" s="8">
        <v>1</v>
      </c>
      <c r="I32845" s="8">
        <v>569699</v>
      </c>
      <c r="J32845" s="8">
        <v>1</v>
      </c>
      <c r="K32845" s="9"/>
      <c r="L32845" s="6"/>
    </row>
    <row r="32846" spans="1:12">
      <c r="A32846" s="6" t="s">
        <v>33096</v>
      </c>
      <c r="B32846" s="6"/>
      <c r="C32846" s="6" t="s">
        <v>32230</v>
      </c>
      <c r="D32846" s="6"/>
      <c r="E32846" s="6" t="s">
        <v>9</v>
      </c>
      <c r="F32846" s="7">
        <v>38078</v>
      </c>
      <c r="G32846" s="8">
        <v>1981800</v>
      </c>
      <c r="H32846" s="8">
        <v>1</v>
      </c>
      <c r="I32846" s="8">
        <v>1981799</v>
      </c>
      <c r="J32846" s="8">
        <v>1</v>
      </c>
      <c r="K32846" s="9"/>
      <c r="L32846" s="6"/>
    </row>
    <row r="32847" spans="1:12">
      <c r="A32847" s="6" t="s">
        <v>33096</v>
      </c>
      <c r="B32847" s="6"/>
      <c r="C32847" s="6" t="s">
        <v>32230</v>
      </c>
      <c r="D32847" s="6"/>
      <c r="E32847" s="6" t="s">
        <v>9</v>
      </c>
      <c r="F32847" s="7">
        <v>38078</v>
      </c>
      <c r="G32847" s="8">
        <v>369900</v>
      </c>
      <c r="H32847" s="8">
        <v>1</v>
      </c>
      <c r="I32847" s="8">
        <v>369899</v>
      </c>
      <c r="J32847" s="8">
        <v>1</v>
      </c>
      <c r="K32847" s="9"/>
      <c r="L32847" s="6"/>
    </row>
    <row r="32848" spans="1:12">
      <c r="A32848" s="6" t="s">
        <v>33097</v>
      </c>
      <c r="B32848" s="6"/>
      <c r="C32848" s="6" t="s">
        <v>32230</v>
      </c>
      <c r="D32848" s="6"/>
      <c r="E32848" s="6" t="s">
        <v>9</v>
      </c>
      <c r="F32848" s="7">
        <v>38078</v>
      </c>
      <c r="G32848" s="8">
        <v>1</v>
      </c>
      <c r="H32848" s="8">
        <v>1</v>
      </c>
      <c r="I32848" s="8">
        <v>0</v>
      </c>
      <c r="J32848" s="8">
        <v>1</v>
      </c>
      <c r="K32848" s="9"/>
      <c r="L32848" s="6"/>
    </row>
    <row r="32849" spans="1:12">
      <c r="A32849" s="6" t="s">
        <v>33096</v>
      </c>
      <c r="B32849" s="6"/>
      <c r="C32849" s="6" t="s">
        <v>32230</v>
      </c>
      <c r="D32849" s="6"/>
      <c r="E32849" s="6" t="s">
        <v>9</v>
      </c>
      <c r="F32849" s="7">
        <v>30042</v>
      </c>
      <c r="G32849" s="8">
        <v>12595500</v>
      </c>
      <c r="H32849" s="8">
        <v>1</v>
      </c>
      <c r="I32849" s="8">
        <v>12595499</v>
      </c>
      <c r="J32849" s="8">
        <v>1</v>
      </c>
      <c r="K32849" s="9"/>
      <c r="L32849" s="6"/>
    </row>
    <row r="32850" spans="1:12">
      <c r="A32850" s="6" t="s">
        <v>33096</v>
      </c>
      <c r="B32850" s="6"/>
      <c r="C32850" s="6" t="s">
        <v>32230</v>
      </c>
      <c r="D32850" s="6"/>
      <c r="E32850" s="6" t="s">
        <v>9</v>
      </c>
      <c r="F32850" s="7">
        <v>30042</v>
      </c>
      <c r="G32850" s="8">
        <v>11180700</v>
      </c>
      <c r="H32850" s="8">
        <v>1</v>
      </c>
      <c r="I32850" s="8">
        <v>11180699</v>
      </c>
      <c r="J32850" s="8">
        <v>1</v>
      </c>
      <c r="K32850" s="9"/>
      <c r="L32850" s="6"/>
    </row>
    <row r="32851" spans="1:12">
      <c r="A32851" s="6" t="s">
        <v>33096</v>
      </c>
      <c r="B32851" s="6"/>
      <c r="C32851" s="6" t="s">
        <v>32230</v>
      </c>
      <c r="D32851" s="6"/>
      <c r="E32851" s="6" t="s">
        <v>9</v>
      </c>
      <c r="F32851" s="7">
        <v>30042</v>
      </c>
      <c r="G32851" s="8">
        <v>3580200</v>
      </c>
      <c r="H32851" s="8">
        <v>1</v>
      </c>
      <c r="I32851" s="8">
        <v>3580199</v>
      </c>
      <c r="J32851" s="8">
        <v>1</v>
      </c>
      <c r="K32851" s="9"/>
      <c r="L32851" s="6"/>
    </row>
    <row r="32852" spans="1:12">
      <c r="A32852" s="6" t="s">
        <v>33096</v>
      </c>
      <c r="B32852" s="6"/>
      <c r="C32852" s="6" t="s">
        <v>32230</v>
      </c>
      <c r="D32852" s="6"/>
      <c r="E32852" s="6" t="s">
        <v>9</v>
      </c>
      <c r="F32852" s="7">
        <v>30042</v>
      </c>
      <c r="G32852" s="8">
        <v>2959200</v>
      </c>
      <c r="H32852" s="8">
        <v>1</v>
      </c>
      <c r="I32852" s="8">
        <v>2959199</v>
      </c>
      <c r="J32852" s="8">
        <v>1</v>
      </c>
      <c r="K32852" s="9"/>
      <c r="L32852" s="6"/>
    </row>
    <row r="32853" spans="1:12">
      <c r="A32853" s="6" t="s">
        <v>33097</v>
      </c>
      <c r="B32853" s="6"/>
      <c r="C32853" s="6" t="s">
        <v>32230</v>
      </c>
      <c r="D32853" s="6"/>
      <c r="E32853" s="6" t="s">
        <v>9</v>
      </c>
      <c r="F32853" s="7">
        <v>38443</v>
      </c>
      <c r="G32853" s="8">
        <v>1</v>
      </c>
      <c r="H32853" s="8">
        <v>1</v>
      </c>
      <c r="I32853" s="8">
        <v>0</v>
      </c>
      <c r="J32853" s="8">
        <v>1</v>
      </c>
      <c r="K32853" s="9"/>
      <c r="L32853" s="6"/>
    </row>
    <row r="32854" spans="1:12">
      <c r="A32854" s="6" t="s">
        <v>33096</v>
      </c>
      <c r="B32854" s="6"/>
      <c r="C32854" s="6" t="s">
        <v>32230</v>
      </c>
      <c r="D32854" s="6"/>
      <c r="E32854" s="6" t="s">
        <v>9</v>
      </c>
      <c r="F32854" s="7">
        <v>30042</v>
      </c>
      <c r="G32854" s="8">
        <v>4993000</v>
      </c>
      <c r="H32854" s="8">
        <v>1</v>
      </c>
      <c r="I32854" s="8">
        <v>4992999</v>
      </c>
      <c r="J32854" s="8">
        <v>1</v>
      </c>
      <c r="K32854" s="9"/>
      <c r="L32854" s="6"/>
    </row>
    <row r="32855" spans="1:12">
      <c r="A32855" s="6" t="s">
        <v>33096</v>
      </c>
      <c r="B32855" s="6"/>
      <c r="C32855" s="6" t="s">
        <v>32230</v>
      </c>
      <c r="D32855" s="6"/>
      <c r="E32855" s="6" t="s">
        <v>9</v>
      </c>
      <c r="F32855" s="7">
        <v>32599</v>
      </c>
      <c r="G32855" s="8">
        <v>15201000</v>
      </c>
      <c r="H32855" s="8">
        <v>1</v>
      </c>
      <c r="I32855" s="8">
        <v>15200999</v>
      </c>
      <c r="J32855" s="8">
        <v>1</v>
      </c>
      <c r="K32855" s="9"/>
      <c r="L32855" s="6"/>
    </row>
    <row r="32856" spans="1:12">
      <c r="A32856" s="6" t="s">
        <v>33096</v>
      </c>
      <c r="B32856" s="6"/>
      <c r="C32856" s="6" t="s">
        <v>32230</v>
      </c>
      <c r="D32856" s="6"/>
      <c r="E32856" s="6" t="s">
        <v>9</v>
      </c>
      <c r="F32856" s="7">
        <v>43115</v>
      </c>
      <c r="G32856" s="8">
        <v>42452640</v>
      </c>
      <c r="H32856" s="8">
        <v>33919662</v>
      </c>
      <c r="I32856" s="8">
        <v>11377304</v>
      </c>
      <c r="J32856" s="8">
        <v>31075336</v>
      </c>
      <c r="K32856" s="9"/>
      <c r="L32856" s="6"/>
    </row>
    <row r="32857" spans="1:12">
      <c r="A32857" s="6" t="s">
        <v>33096</v>
      </c>
      <c r="B32857" s="6"/>
      <c r="C32857" s="6" t="s">
        <v>32230</v>
      </c>
      <c r="D32857" s="6"/>
      <c r="E32857" s="6" t="s">
        <v>9</v>
      </c>
      <c r="F32857" s="7">
        <v>43115</v>
      </c>
      <c r="G32857" s="8">
        <v>20051280</v>
      </c>
      <c r="H32857" s="8">
        <v>16020975</v>
      </c>
      <c r="I32857" s="8">
        <v>5373740</v>
      </c>
      <c r="J32857" s="8">
        <v>14677540</v>
      </c>
      <c r="K32857" s="9"/>
      <c r="L32857" s="6"/>
    </row>
    <row r="32858" spans="1:12">
      <c r="A32858" s="6" t="s">
        <v>33096</v>
      </c>
      <c r="B32858" s="6"/>
      <c r="C32858" s="6" t="s">
        <v>32230</v>
      </c>
      <c r="D32858" s="6"/>
      <c r="E32858" s="6" t="s">
        <v>9</v>
      </c>
      <c r="F32858" s="7">
        <v>43115</v>
      </c>
      <c r="G32858" s="8">
        <v>11100240</v>
      </c>
      <c r="H32858" s="8">
        <v>8869092</v>
      </c>
      <c r="I32858" s="8">
        <v>2974864</v>
      </c>
      <c r="J32858" s="8">
        <v>8125376</v>
      </c>
      <c r="K32858" s="9"/>
      <c r="L32858" s="6"/>
    </row>
    <row r="32859" spans="1:12">
      <c r="A32859" s="6" t="s">
        <v>33154</v>
      </c>
      <c r="B32859" s="6"/>
      <c r="C32859" s="6" t="s">
        <v>32230</v>
      </c>
      <c r="D32859" s="6"/>
      <c r="E32859" s="6" t="s">
        <v>9</v>
      </c>
      <c r="F32859" s="7">
        <v>43115</v>
      </c>
      <c r="G32859" s="8">
        <v>25727760</v>
      </c>
      <c r="H32859" s="8">
        <v>21173949</v>
      </c>
      <c r="I32859" s="8">
        <v>6071748</v>
      </c>
      <c r="J32859" s="8">
        <v>19656012</v>
      </c>
      <c r="K32859" s="9"/>
      <c r="L32859" s="6"/>
    </row>
    <row r="32860" spans="1:12">
      <c r="A32860" s="6" t="s">
        <v>33155</v>
      </c>
      <c r="B32860" s="6"/>
      <c r="C32860" s="6" t="s">
        <v>32230</v>
      </c>
      <c r="D32860" s="6"/>
      <c r="E32860" s="6" t="s">
        <v>9</v>
      </c>
      <c r="F32860" s="7">
        <v>43115</v>
      </c>
      <c r="G32860" s="8">
        <v>10099080</v>
      </c>
      <c r="H32860" s="8">
        <v>8311545</v>
      </c>
      <c r="I32860" s="8">
        <v>2383380</v>
      </c>
      <c r="J32860" s="8">
        <v>7715700</v>
      </c>
      <c r="K32860" s="9"/>
      <c r="L32860" s="6"/>
    </row>
    <row r="32861" spans="1:12">
      <c r="A32861" s="6" t="s">
        <v>33096</v>
      </c>
      <c r="B32861" s="6"/>
      <c r="C32861" s="6" t="s">
        <v>32230</v>
      </c>
      <c r="D32861" s="6"/>
      <c r="E32861" s="6" t="s">
        <v>9</v>
      </c>
      <c r="F32861" s="7">
        <v>43122</v>
      </c>
      <c r="G32861" s="8">
        <v>5328720</v>
      </c>
      <c r="H32861" s="8">
        <v>4257648</v>
      </c>
      <c r="I32861" s="8">
        <v>1428096</v>
      </c>
      <c r="J32861" s="8">
        <v>3900624</v>
      </c>
      <c r="K32861" s="9"/>
      <c r="L32861" s="6"/>
    </row>
    <row r="32862" spans="1:12">
      <c r="A32862" s="6" t="s">
        <v>33156</v>
      </c>
      <c r="B32862" s="6"/>
      <c r="C32862" s="6" t="s">
        <v>32230</v>
      </c>
      <c r="D32862" s="6"/>
      <c r="E32862" s="6" t="s">
        <v>25121</v>
      </c>
      <c r="F32862" s="7">
        <v>43179</v>
      </c>
      <c r="G32862" s="8">
        <v>16200</v>
      </c>
      <c r="H32862" s="8">
        <v>12945</v>
      </c>
      <c r="I32862" s="8">
        <v>4340</v>
      </c>
      <c r="J32862" s="8">
        <v>11860</v>
      </c>
      <c r="K32862" s="9"/>
      <c r="L32862" s="6"/>
    </row>
    <row r="32863" spans="1:12">
      <c r="A32863" s="6" t="s">
        <v>33157</v>
      </c>
      <c r="B32863" s="6"/>
      <c r="C32863" s="6" t="s">
        <v>32230</v>
      </c>
      <c r="D32863" s="6"/>
      <c r="E32863" s="6" t="s">
        <v>25121</v>
      </c>
      <c r="F32863" s="7">
        <v>41971</v>
      </c>
      <c r="G32863" s="8">
        <v>894240</v>
      </c>
      <c r="H32863" s="8">
        <v>534756</v>
      </c>
      <c r="I32863" s="8">
        <v>419398</v>
      </c>
      <c r="J32863" s="8">
        <v>474842</v>
      </c>
      <c r="K32863" s="9"/>
      <c r="L32863" s="6"/>
    </row>
    <row r="32864" spans="1:12">
      <c r="A32864" s="6" t="s">
        <v>33158</v>
      </c>
      <c r="B32864" s="6"/>
      <c r="C32864" s="6" t="s">
        <v>32230</v>
      </c>
      <c r="D32864" s="6"/>
      <c r="E32864" s="6" t="s">
        <v>25121</v>
      </c>
      <c r="F32864" s="7">
        <v>42277</v>
      </c>
      <c r="G32864" s="8">
        <v>4428000</v>
      </c>
      <c r="H32864" s="8">
        <v>2214000</v>
      </c>
      <c r="I32864" s="8">
        <v>2656800</v>
      </c>
      <c r="J32864" s="8">
        <v>1771200</v>
      </c>
      <c r="K32864" s="9"/>
      <c r="L32864" s="6"/>
    </row>
    <row r="32865" spans="1:12">
      <c r="A32865" s="6" t="s">
        <v>33159</v>
      </c>
      <c r="B32865" s="6"/>
      <c r="C32865" s="6" t="s">
        <v>32230</v>
      </c>
      <c r="D32865" s="6"/>
      <c r="E32865" s="6" t="s">
        <v>9</v>
      </c>
      <c r="F32865" s="7">
        <v>29305</v>
      </c>
      <c r="G32865" s="8">
        <v>17458200</v>
      </c>
      <c r="H32865" s="8">
        <v>3142476</v>
      </c>
      <c r="I32865" s="8">
        <v>14664888</v>
      </c>
      <c r="J32865" s="8">
        <v>2793312</v>
      </c>
      <c r="K32865" s="9"/>
      <c r="L32865" s="6"/>
    </row>
    <row r="32866" spans="1:12">
      <c r="A32866" s="6" t="s">
        <v>33160</v>
      </c>
      <c r="B32866" s="6"/>
      <c r="C32866" s="6" t="s">
        <v>32230</v>
      </c>
      <c r="D32866" s="6"/>
      <c r="E32866" s="6" t="s">
        <v>9</v>
      </c>
      <c r="F32866" s="7">
        <v>29305</v>
      </c>
      <c r="G32866" s="8">
        <v>29994300</v>
      </c>
      <c r="H32866" s="8">
        <v>5398974</v>
      </c>
      <c r="I32866" s="8">
        <v>25195212</v>
      </c>
      <c r="J32866" s="8">
        <v>4799088</v>
      </c>
      <c r="K32866" s="9"/>
      <c r="L32866" s="6"/>
    </row>
    <row r="32867" spans="1:12">
      <c r="A32867" s="6" t="s">
        <v>33161</v>
      </c>
      <c r="B32867" s="6"/>
      <c r="C32867" s="6" t="s">
        <v>32230</v>
      </c>
      <c r="D32867" s="6"/>
      <c r="E32867" s="6" t="s">
        <v>9</v>
      </c>
      <c r="F32867" s="7">
        <v>29305</v>
      </c>
      <c r="G32867" s="8">
        <v>6876900</v>
      </c>
      <c r="H32867" s="8">
        <v>1237842</v>
      </c>
      <c r="I32867" s="8">
        <v>5776596</v>
      </c>
      <c r="J32867" s="8">
        <v>1100304</v>
      </c>
      <c r="K32867" s="9"/>
      <c r="L32867" s="6"/>
    </row>
    <row r="32868" spans="1:12">
      <c r="A32868" s="6" t="s">
        <v>33162</v>
      </c>
      <c r="B32868" s="6"/>
      <c r="C32868" s="6" t="s">
        <v>32230</v>
      </c>
      <c r="D32868" s="6"/>
      <c r="E32868" s="6" t="s">
        <v>9</v>
      </c>
      <c r="F32868" s="7">
        <v>29305</v>
      </c>
      <c r="G32868" s="8">
        <v>799200</v>
      </c>
      <c r="H32868" s="8">
        <v>143856</v>
      </c>
      <c r="I32868" s="8">
        <v>671328</v>
      </c>
      <c r="J32868" s="8">
        <v>127872</v>
      </c>
      <c r="K32868" s="9"/>
      <c r="L32868" s="6"/>
    </row>
    <row r="32869" spans="1:12">
      <c r="A32869" s="6" t="s">
        <v>33163</v>
      </c>
      <c r="B32869" s="6"/>
      <c r="C32869" s="6" t="s">
        <v>32230</v>
      </c>
      <c r="D32869" s="6"/>
      <c r="E32869" s="6" t="s">
        <v>9</v>
      </c>
      <c r="F32869" s="7">
        <v>29305</v>
      </c>
      <c r="G32869" s="8">
        <v>5864400</v>
      </c>
      <c r="H32869" s="8">
        <v>1055592</v>
      </c>
      <c r="I32869" s="8">
        <v>4926096</v>
      </c>
      <c r="J32869" s="8">
        <v>938304</v>
      </c>
      <c r="K32869" s="9"/>
      <c r="L32869" s="6"/>
    </row>
    <row r="32870" spans="1:12">
      <c r="A32870" s="6" t="s">
        <v>33164</v>
      </c>
      <c r="B32870" s="6"/>
      <c r="C32870" s="6" t="s">
        <v>32230</v>
      </c>
      <c r="D32870" s="6"/>
      <c r="E32870" s="6" t="s">
        <v>9</v>
      </c>
      <c r="F32870" s="7">
        <v>29305</v>
      </c>
      <c r="G32870" s="8">
        <v>2356000</v>
      </c>
      <c r="H32870" s="8">
        <v>424080</v>
      </c>
      <c r="I32870" s="8">
        <v>1979040</v>
      </c>
      <c r="J32870" s="8">
        <v>376960</v>
      </c>
      <c r="K32870" s="9"/>
      <c r="L32870" s="6"/>
    </row>
    <row r="32871" spans="1:12">
      <c r="A32871" s="6" t="s">
        <v>33165</v>
      </c>
      <c r="B32871" s="6"/>
      <c r="C32871" s="6" t="s">
        <v>32230</v>
      </c>
      <c r="D32871" s="6"/>
      <c r="E32871" s="6" t="s">
        <v>9</v>
      </c>
      <c r="F32871" s="7">
        <v>29305</v>
      </c>
      <c r="G32871" s="8">
        <v>5022000</v>
      </c>
      <c r="H32871" s="8">
        <v>903960</v>
      </c>
      <c r="I32871" s="8">
        <v>4218480</v>
      </c>
      <c r="J32871" s="8">
        <v>803520</v>
      </c>
      <c r="K32871" s="9"/>
      <c r="L32871" s="6"/>
    </row>
    <row r="32872" spans="1:12">
      <c r="A32872" s="6" t="s">
        <v>33166</v>
      </c>
      <c r="B32872" s="6"/>
      <c r="C32872" s="6" t="s">
        <v>32230</v>
      </c>
      <c r="D32872" s="6"/>
      <c r="E32872" s="6" t="s">
        <v>9</v>
      </c>
      <c r="F32872" s="7">
        <v>29305</v>
      </c>
      <c r="G32872" s="8">
        <v>1086800</v>
      </c>
      <c r="H32872" s="8">
        <v>195624</v>
      </c>
      <c r="I32872" s="8">
        <v>912912</v>
      </c>
      <c r="J32872" s="8">
        <v>173888</v>
      </c>
      <c r="K32872" s="9"/>
      <c r="L32872" s="6"/>
    </row>
    <row r="32873" spans="1:12">
      <c r="A32873" s="6" t="s">
        <v>33167</v>
      </c>
      <c r="B32873" s="6"/>
      <c r="C32873" s="6" t="s">
        <v>32230</v>
      </c>
      <c r="D32873" s="6"/>
      <c r="E32873" s="6" t="s">
        <v>9</v>
      </c>
      <c r="F32873" s="7">
        <v>29305</v>
      </c>
      <c r="G32873" s="8">
        <v>1366200</v>
      </c>
      <c r="H32873" s="8">
        <v>245916</v>
      </c>
      <c r="I32873" s="8">
        <v>1147608</v>
      </c>
      <c r="J32873" s="8">
        <v>218592</v>
      </c>
      <c r="K32873" s="9"/>
      <c r="L32873" s="6"/>
    </row>
    <row r="32874" spans="1:12">
      <c r="A32874" s="6" t="s">
        <v>33168</v>
      </c>
      <c r="B32874" s="6"/>
      <c r="C32874" s="6" t="s">
        <v>32230</v>
      </c>
      <c r="D32874" s="6"/>
      <c r="E32874" s="6" t="s">
        <v>9</v>
      </c>
      <c r="F32874" s="7">
        <v>29305</v>
      </c>
      <c r="G32874" s="8">
        <v>1577000</v>
      </c>
      <c r="H32874" s="8">
        <v>283860</v>
      </c>
      <c r="I32874" s="8">
        <v>1324680</v>
      </c>
      <c r="J32874" s="8">
        <v>252320</v>
      </c>
      <c r="K32874" s="9"/>
      <c r="L32874" s="6"/>
    </row>
    <row r="32875" spans="1:12">
      <c r="A32875" s="6" t="s">
        <v>33169</v>
      </c>
      <c r="B32875" s="6"/>
      <c r="C32875" s="6" t="s">
        <v>32230</v>
      </c>
      <c r="D32875" s="6"/>
      <c r="E32875" s="6" t="s">
        <v>9</v>
      </c>
      <c r="F32875" s="7">
        <v>29305</v>
      </c>
      <c r="G32875" s="8">
        <v>779000</v>
      </c>
      <c r="H32875" s="8">
        <v>140220</v>
      </c>
      <c r="I32875" s="8">
        <v>654360</v>
      </c>
      <c r="J32875" s="8">
        <v>124640</v>
      </c>
      <c r="K32875" s="9"/>
      <c r="L32875" s="6"/>
    </row>
    <row r="32876" spans="1:12">
      <c r="A32876" s="6" t="s">
        <v>33170</v>
      </c>
      <c r="B32876" s="6"/>
      <c r="C32876" s="6" t="s">
        <v>32230</v>
      </c>
      <c r="D32876" s="6"/>
      <c r="E32876" s="6" t="s">
        <v>9</v>
      </c>
      <c r="F32876" s="7">
        <v>29305</v>
      </c>
      <c r="G32876" s="8">
        <v>864000</v>
      </c>
      <c r="H32876" s="8">
        <v>155520</v>
      </c>
      <c r="I32876" s="8">
        <v>725760</v>
      </c>
      <c r="J32876" s="8">
        <v>138240</v>
      </c>
      <c r="K32876" s="9"/>
      <c r="L32876" s="6"/>
    </row>
    <row r="32877" spans="1:12">
      <c r="A32877" s="6" t="s">
        <v>33171</v>
      </c>
      <c r="B32877" s="6"/>
      <c r="C32877" s="6" t="s">
        <v>32230</v>
      </c>
      <c r="D32877" s="6"/>
      <c r="E32877" s="6" t="s">
        <v>9</v>
      </c>
      <c r="F32877" s="7">
        <v>29305</v>
      </c>
      <c r="G32877" s="8">
        <v>467400</v>
      </c>
      <c r="H32877" s="8">
        <v>84132</v>
      </c>
      <c r="I32877" s="8">
        <v>392616</v>
      </c>
      <c r="J32877" s="8">
        <v>74784</v>
      </c>
      <c r="K32877" s="9"/>
      <c r="L32877" s="6"/>
    </row>
    <row r="32878" spans="1:12">
      <c r="A32878" s="6" t="s">
        <v>33172</v>
      </c>
      <c r="B32878" s="6"/>
      <c r="C32878" s="6" t="s">
        <v>32230</v>
      </c>
      <c r="D32878" s="6"/>
      <c r="E32878" s="6" t="s">
        <v>9</v>
      </c>
      <c r="F32878" s="7">
        <v>29305</v>
      </c>
      <c r="G32878" s="8">
        <v>672600</v>
      </c>
      <c r="H32878" s="8">
        <v>121068</v>
      </c>
      <c r="I32878" s="8">
        <v>564984</v>
      </c>
      <c r="J32878" s="8">
        <v>107616</v>
      </c>
      <c r="K32878" s="9"/>
      <c r="L32878" s="6"/>
    </row>
    <row r="32879" spans="1:12">
      <c r="A32879" s="6" t="s">
        <v>33173</v>
      </c>
      <c r="B32879" s="6"/>
      <c r="C32879" s="6" t="s">
        <v>32230</v>
      </c>
      <c r="D32879" s="6"/>
      <c r="E32879" s="6" t="s">
        <v>9</v>
      </c>
      <c r="F32879" s="7">
        <v>29305</v>
      </c>
      <c r="G32879" s="8">
        <v>560500</v>
      </c>
      <c r="H32879" s="8">
        <v>100890</v>
      </c>
      <c r="I32879" s="8">
        <v>470820</v>
      </c>
      <c r="J32879" s="8">
        <v>89680</v>
      </c>
      <c r="K32879" s="9"/>
      <c r="L32879" s="6"/>
    </row>
    <row r="32880" spans="1:12">
      <c r="A32880" s="6" t="s">
        <v>33174</v>
      </c>
      <c r="B32880" s="6"/>
      <c r="C32880" s="6" t="s">
        <v>32230</v>
      </c>
      <c r="D32880" s="6"/>
      <c r="E32880" s="6" t="s">
        <v>9</v>
      </c>
      <c r="F32880" s="7">
        <v>29305</v>
      </c>
      <c r="G32880" s="8">
        <v>552900</v>
      </c>
      <c r="H32880" s="8">
        <v>99522</v>
      </c>
      <c r="I32880" s="8">
        <v>464436</v>
      </c>
      <c r="J32880" s="8">
        <v>88464</v>
      </c>
      <c r="K32880" s="9"/>
      <c r="L32880" s="6"/>
    </row>
    <row r="32881" spans="1:12">
      <c r="A32881" s="6" t="s">
        <v>33175</v>
      </c>
      <c r="B32881" s="6"/>
      <c r="C32881" s="6" t="s">
        <v>32230</v>
      </c>
      <c r="D32881" s="6"/>
      <c r="E32881" s="6" t="s">
        <v>9</v>
      </c>
      <c r="F32881" s="7">
        <v>29305</v>
      </c>
      <c r="G32881" s="8">
        <v>537700</v>
      </c>
      <c r="H32881" s="8">
        <v>96786</v>
      </c>
      <c r="I32881" s="8">
        <v>451668</v>
      </c>
      <c r="J32881" s="8">
        <v>86032</v>
      </c>
      <c r="K32881" s="9"/>
      <c r="L32881" s="6"/>
    </row>
    <row r="32882" spans="1:12">
      <c r="A32882" s="6" t="s">
        <v>33176</v>
      </c>
      <c r="B32882" s="6"/>
      <c r="C32882" s="6" t="s">
        <v>32230</v>
      </c>
      <c r="D32882" s="6"/>
      <c r="E32882" s="6" t="s">
        <v>9</v>
      </c>
      <c r="F32882" s="7">
        <v>29305</v>
      </c>
      <c r="G32882" s="8">
        <v>1613100</v>
      </c>
      <c r="H32882" s="8">
        <v>290358</v>
      </c>
      <c r="I32882" s="8">
        <v>1355004</v>
      </c>
      <c r="J32882" s="8">
        <v>258096</v>
      </c>
      <c r="K32882" s="9"/>
      <c r="L32882" s="6"/>
    </row>
    <row r="32883" spans="1:12">
      <c r="A32883" s="6" t="s">
        <v>33177</v>
      </c>
      <c r="B32883" s="6"/>
      <c r="C32883" s="6" t="s">
        <v>32230</v>
      </c>
      <c r="D32883" s="6"/>
      <c r="E32883" s="6" t="s">
        <v>9</v>
      </c>
      <c r="F32883" s="7">
        <v>29305</v>
      </c>
      <c r="G32883" s="8">
        <v>1383200</v>
      </c>
      <c r="H32883" s="8">
        <v>248976</v>
      </c>
      <c r="I32883" s="8">
        <v>1161888</v>
      </c>
      <c r="J32883" s="8">
        <v>221312</v>
      </c>
      <c r="K32883" s="9"/>
      <c r="L32883" s="6"/>
    </row>
    <row r="32884" spans="1:12">
      <c r="A32884" s="6" t="s">
        <v>33178</v>
      </c>
      <c r="B32884" s="6"/>
      <c r="C32884" s="6" t="s">
        <v>32230</v>
      </c>
      <c r="D32884" s="6"/>
      <c r="E32884" s="6" t="s">
        <v>9</v>
      </c>
      <c r="F32884" s="7">
        <v>29305</v>
      </c>
      <c r="G32884" s="8">
        <v>1242600</v>
      </c>
      <c r="H32884" s="8">
        <v>223668</v>
      </c>
      <c r="I32884" s="8">
        <v>1043784</v>
      </c>
      <c r="J32884" s="8">
        <v>198816</v>
      </c>
      <c r="K32884" s="9"/>
      <c r="L32884" s="6"/>
    </row>
    <row r="32885" spans="1:12">
      <c r="A32885" s="6" t="s">
        <v>33179</v>
      </c>
      <c r="B32885" s="6"/>
      <c r="C32885" s="6" t="s">
        <v>32230</v>
      </c>
      <c r="D32885" s="6"/>
      <c r="E32885" s="6" t="s">
        <v>9</v>
      </c>
      <c r="F32885" s="7">
        <v>29305</v>
      </c>
      <c r="G32885" s="8">
        <v>526300</v>
      </c>
      <c r="H32885" s="8">
        <v>94734</v>
      </c>
      <c r="I32885" s="8">
        <v>442092</v>
      </c>
      <c r="J32885" s="8">
        <v>84208</v>
      </c>
      <c r="K32885" s="9"/>
      <c r="L32885" s="6"/>
    </row>
    <row r="32886" spans="1:12">
      <c r="A32886" s="6" t="s">
        <v>33180</v>
      </c>
      <c r="B32886" s="6"/>
      <c r="C32886" s="6" t="s">
        <v>32230</v>
      </c>
      <c r="D32886" s="6"/>
      <c r="E32886" s="6" t="s">
        <v>9</v>
      </c>
      <c r="F32886" s="7">
        <v>29305</v>
      </c>
      <c r="G32886" s="8">
        <v>803700</v>
      </c>
      <c r="H32886" s="8">
        <v>144666</v>
      </c>
      <c r="I32886" s="8">
        <v>675108</v>
      </c>
      <c r="J32886" s="8">
        <v>128592</v>
      </c>
      <c r="K32886" s="9"/>
      <c r="L32886" s="6"/>
    </row>
    <row r="32887" spans="1:12">
      <c r="A32887" s="6" t="s">
        <v>33181</v>
      </c>
      <c r="B32887" s="6"/>
      <c r="C32887" s="6" t="s">
        <v>32230</v>
      </c>
      <c r="D32887" s="6"/>
      <c r="E32887" s="6" t="s">
        <v>9</v>
      </c>
      <c r="F32887" s="7">
        <v>29305</v>
      </c>
      <c r="G32887" s="8">
        <v>556700</v>
      </c>
      <c r="H32887" s="8">
        <v>100206</v>
      </c>
      <c r="I32887" s="8">
        <v>467628</v>
      </c>
      <c r="J32887" s="8">
        <v>89072</v>
      </c>
      <c r="K32887" s="9"/>
      <c r="L32887" s="6"/>
    </row>
    <row r="32888" spans="1:12">
      <c r="A32888" s="6" t="s">
        <v>33182</v>
      </c>
      <c r="B32888" s="6"/>
      <c r="C32888" s="6" t="s">
        <v>32230</v>
      </c>
      <c r="D32888" s="6"/>
      <c r="E32888" s="6" t="s">
        <v>9</v>
      </c>
      <c r="F32888" s="7">
        <v>29305</v>
      </c>
      <c r="G32888" s="8">
        <v>1472500</v>
      </c>
      <c r="H32888" s="8">
        <v>265050</v>
      </c>
      <c r="I32888" s="8">
        <v>1236900</v>
      </c>
      <c r="J32888" s="8">
        <v>235600</v>
      </c>
      <c r="K32888" s="9"/>
      <c r="L32888" s="6"/>
    </row>
    <row r="32889" spans="1:12">
      <c r="A32889" s="6" t="s">
        <v>33183</v>
      </c>
      <c r="B32889" s="6"/>
      <c r="C32889" s="6" t="s">
        <v>32230</v>
      </c>
      <c r="D32889" s="6"/>
      <c r="E32889" s="6" t="s">
        <v>9</v>
      </c>
      <c r="F32889" s="7">
        <v>29305</v>
      </c>
      <c r="G32889" s="8">
        <v>547200</v>
      </c>
      <c r="H32889" s="8">
        <v>98496</v>
      </c>
      <c r="I32889" s="8">
        <v>459648</v>
      </c>
      <c r="J32889" s="8">
        <v>87552</v>
      </c>
      <c r="K32889" s="9"/>
      <c r="L32889" s="6"/>
    </row>
    <row r="32890" spans="1:12">
      <c r="A32890" s="6" t="s">
        <v>33184</v>
      </c>
      <c r="B32890" s="6"/>
      <c r="C32890" s="6" t="s">
        <v>32230</v>
      </c>
      <c r="D32890" s="6"/>
      <c r="E32890" s="6" t="s">
        <v>9</v>
      </c>
      <c r="F32890" s="7">
        <v>29305</v>
      </c>
      <c r="G32890" s="8">
        <v>5580800</v>
      </c>
      <c r="H32890" s="8">
        <v>1004544</v>
      </c>
      <c r="I32890" s="8">
        <v>4687872</v>
      </c>
      <c r="J32890" s="8">
        <v>892928</v>
      </c>
      <c r="K32890" s="9"/>
      <c r="L32890" s="6"/>
    </row>
    <row r="32891" spans="1:12">
      <c r="A32891" s="6" t="s">
        <v>33185</v>
      </c>
      <c r="B32891" s="6"/>
      <c r="C32891" s="6" t="s">
        <v>32230</v>
      </c>
      <c r="D32891" s="6"/>
      <c r="E32891" s="6" t="s">
        <v>9</v>
      </c>
      <c r="F32891" s="7"/>
      <c r="G32891" s="8">
        <v>1</v>
      </c>
      <c r="H32891" s="8">
        <v>1</v>
      </c>
      <c r="I32891" s="8">
        <v>0</v>
      </c>
      <c r="J32891" s="8">
        <v>1</v>
      </c>
      <c r="K32891" s="9"/>
      <c r="L32891" s="6"/>
    </row>
    <row r="32892" spans="1:12">
      <c r="A32892" s="6" t="s">
        <v>33186</v>
      </c>
      <c r="B32892" s="6"/>
      <c r="C32892" s="6" t="s">
        <v>32230</v>
      </c>
      <c r="D32892" s="6"/>
      <c r="E32892" s="6" t="s">
        <v>9</v>
      </c>
      <c r="F32892" s="7">
        <v>29305</v>
      </c>
      <c r="G32892" s="8">
        <v>2241000</v>
      </c>
      <c r="H32892" s="8">
        <v>403380</v>
      </c>
      <c r="I32892" s="8">
        <v>1882440</v>
      </c>
      <c r="J32892" s="8">
        <v>358560</v>
      </c>
      <c r="K32892" s="9"/>
      <c r="L32892" s="6"/>
    </row>
    <row r="32893" spans="1:12">
      <c r="A32893" s="6" t="s">
        <v>33187</v>
      </c>
      <c r="B32893" s="6"/>
      <c r="C32893" s="6" t="s">
        <v>32230</v>
      </c>
      <c r="D32893" s="6"/>
      <c r="E32893" s="6" t="s">
        <v>9</v>
      </c>
      <c r="F32893" s="7">
        <v>42389</v>
      </c>
      <c r="G32893" s="8">
        <v>885600</v>
      </c>
      <c r="H32893" s="8">
        <v>797040</v>
      </c>
      <c r="I32893" s="8">
        <v>106272</v>
      </c>
      <c r="J32893" s="8">
        <v>779328</v>
      </c>
      <c r="K32893" s="9"/>
      <c r="L32893" s="6"/>
    </row>
    <row r="32894" spans="1:12">
      <c r="A32894" s="6" t="s">
        <v>33188</v>
      </c>
      <c r="B32894" s="6"/>
      <c r="C32894" s="6" t="s">
        <v>32230</v>
      </c>
      <c r="D32894" s="6"/>
      <c r="E32894" s="6" t="s">
        <v>9</v>
      </c>
      <c r="F32894" s="7">
        <v>42587</v>
      </c>
      <c r="G32894" s="8">
        <v>1209600</v>
      </c>
      <c r="H32894" s="8">
        <v>885428</v>
      </c>
      <c r="I32894" s="8">
        <v>405215</v>
      </c>
      <c r="J32894" s="8">
        <v>804385</v>
      </c>
      <c r="K32894" s="9"/>
      <c r="L32894" s="6"/>
    </row>
    <row r="32895" spans="1:12">
      <c r="A32895" s="6" t="s">
        <v>33189</v>
      </c>
      <c r="B32895" s="6"/>
      <c r="C32895" s="6" t="s">
        <v>32230</v>
      </c>
      <c r="D32895" s="6"/>
      <c r="E32895" s="6" t="s">
        <v>9</v>
      </c>
      <c r="F32895" s="7">
        <v>29305</v>
      </c>
      <c r="G32895" s="8">
        <v>311600</v>
      </c>
      <c r="H32895" s="8">
        <v>56088</v>
      </c>
      <c r="I32895" s="8">
        <v>261744</v>
      </c>
      <c r="J32895" s="8">
        <v>49856</v>
      </c>
      <c r="K32895" s="9"/>
      <c r="L32895" s="6"/>
    </row>
    <row r="32896" spans="1:12">
      <c r="A32896" s="6" t="s">
        <v>33190</v>
      </c>
      <c r="B32896" s="6"/>
      <c r="C32896" s="6" t="s">
        <v>32230</v>
      </c>
      <c r="D32896" s="6"/>
      <c r="E32896" s="6" t="s">
        <v>9</v>
      </c>
      <c r="F32896" s="7">
        <v>29305</v>
      </c>
      <c r="G32896" s="8">
        <v>590900</v>
      </c>
      <c r="H32896" s="8">
        <v>106362</v>
      </c>
      <c r="I32896" s="8">
        <v>496356</v>
      </c>
      <c r="J32896" s="8">
        <v>94544</v>
      </c>
      <c r="K32896" s="9"/>
      <c r="L32896" s="6"/>
    </row>
    <row r="32897" spans="1:12">
      <c r="A32897" s="6" t="s">
        <v>33191</v>
      </c>
      <c r="B32897" s="6"/>
      <c r="C32897" s="6" t="s">
        <v>32230</v>
      </c>
      <c r="D32897" s="6"/>
      <c r="E32897" s="6" t="s">
        <v>9</v>
      </c>
      <c r="F32897" s="7">
        <v>29305</v>
      </c>
      <c r="G32897" s="8">
        <v>539600</v>
      </c>
      <c r="H32897" s="8">
        <v>97128</v>
      </c>
      <c r="I32897" s="8">
        <v>453264</v>
      </c>
      <c r="J32897" s="8">
        <v>86336</v>
      </c>
      <c r="K32897" s="9"/>
      <c r="L32897" s="6"/>
    </row>
    <row r="32898" spans="1:12">
      <c r="A32898" s="6" t="s">
        <v>33192</v>
      </c>
      <c r="B32898" s="6"/>
      <c r="C32898" s="6" t="s">
        <v>32230</v>
      </c>
      <c r="D32898" s="6"/>
      <c r="E32898" s="6" t="s">
        <v>9</v>
      </c>
      <c r="F32898" s="7">
        <v>29305</v>
      </c>
      <c r="G32898" s="8">
        <v>1675800</v>
      </c>
      <c r="H32898" s="8">
        <v>301644</v>
      </c>
      <c r="I32898" s="8">
        <v>1407672</v>
      </c>
      <c r="J32898" s="8">
        <v>268128</v>
      </c>
      <c r="K32898" s="9"/>
      <c r="L32898" s="6"/>
    </row>
    <row r="32899" spans="1:12">
      <c r="A32899" s="6" t="s">
        <v>33193</v>
      </c>
      <c r="B32899" s="6"/>
      <c r="C32899" s="6" t="s">
        <v>32230</v>
      </c>
      <c r="D32899" s="6"/>
      <c r="E32899" s="6" t="s">
        <v>9</v>
      </c>
      <c r="F32899" s="7">
        <v>29305</v>
      </c>
      <c r="G32899" s="8">
        <v>2344600</v>
      </c>
      <c r="H32899" s="8">
        <v>422028</v>
      </c>
      <c r="I32899" s="8">
        <v>1969464</v>
      </c>
      <c r="J32899" s="8">
        <v>375136</v>
      </c>
      <c r="K32899" s="9"/>
      <c r="L32899" s="6"/>
    </row>
    <row r="32900" spans="1:12">
      <c r="A32900" s="6" t="s">
        <v>33194</v>
      </c>
      <c r="B32900" s="6"/>
      <c r="C32900" s="6" t="s">
        <v>32230</v>
      </c>
      <c r="D32900" s="6"/>
      <c r="E32900" s="6" t="s">
        <v>9</v>
      </c>
      <c r="F32900" s="7">
        <v>29305</v>
      </c>
      <c r="G32900" s="8">
        <v>520600</v>
      </c>
      <c r="H32900" s="8">
        <v>93708</v>
      </c>
      <c r="I32900" s="8">
        <v>437304</v>
      </c>
      <c r="J32900" s="8">
        <v>83296</v>
      </c>
      <c r="K32900" s="9"/>
      <c r="L32900" s="6"/>
    </row>
    <row r="32901" spans="1:12">
      <c r="A32901" s="6" t="s">
        <v>33195</v>
      </c>
      <c r="B32901" s="6"/>
      <c r="C32901" s="6" t="s">
        <v>32230</v>
      </c>
      <c r="D32901" s="6"/>
      <c r="E32901" s="6" t="s">
        <v>9</v>
      </c>
      <c r="F32901" s="7">
        <v>29305</v>
      </c>
      <c r="G32901" s="8">
        <v>437000</v>
      </c>
      <c r="H32901" s="8">
        <v>78660</v>
      </c>
      <c r="I32901" s="8">
        <v>367080</v>
      </c>
      <c r="J32901" s="8">
        <v>69920</v>
      </c>
      <c r="K32901" s="9"/>
      <c r="L32901" s="6"/>
    </row>
    <row r="32902" spans="1:12">
      <c r="A32902" s="6" t="s">
        <v>33196</v>
      </c>
      <c r="B32902" s="6"/>
      <c r="C32902" s="6" t="s">
        <v>32230</v>
      </c>
      <c r="D32902" s="6"/>
      <c r="E32902" s="6" t="s">
        <v>9</v>
      </c>
      <c r="F32902" s="7">
        <v>29305</v>
      </c>
      <c r="G32902" s="8">
        <v>518700</v>
      </c>
      <c r="H32902" s="8">
        <v>93366</v>
      </c>
      <c r="I32902" s="8">
        <v>435708</v>
      </c>
      <c r="J32902" s="8">
        <v>82992</v>
      </c>
      <c r="K32902" s="9"/>
      <c r="L32902" s="6"/>
    </row>
    <row r="32903" spans="1:12">
      <c r="A32903" s="6" t="s">
        <v>33197</v>
      </c>
      <c r="B32903" s="6"/>
      <c r="C32903" s="6" t="s">
        <v>32230</v>
      </c>
      <c r="D32903" s="6"/>
      <c r="E32903" s="6" t="s">
        <v>9</v>
      </c>
      <c r="F32903" s="7">
        <v>29305</v>
      </c>
      <c r="G32903" s="8">
        <v>1102000</v>
      </c>
      <c r="H32903" s="8">
        <v>198360</v>
      </c>
      <c r="I32903" s="8">
        <v>925680</v>
      </c>
      <c r="J32903" s="8">
        <v>176320</v>
      </c>
      <c r="K32903" s="9"/>
      <c r="L32903" s="6"/>
    </row>
    <row r="32904" spans="1:12">
      <c r="A32904" s="6" t="s">
        <v>33198</v>
      </c>
      <c r="B32904" s="6"/>
      <c r="C32904" s="6" t="s">
        <v>32230</v>
      </c>
      <c r="D32904" s="6"/>
      <c r="E32904" s="6" t="s">
        <v>9</v>
      </c>
      <c r="F32904" s="7">
        <v>29305</v>
      </c>
      <c r="G32904" s="8">
        <v>431300</v>
      </c>
      <c r="H32904" s="8">
        <v>77634</v>
      </c>
      <c r="I32904" s="8">
        <v>362292</v>
      </c>
      <c r="J32904" s="8">
        <v>69008</v>
      </c>
      <c r="K32904" s="9"/>
      <c r="L32904" s="6"/>
    </row>
    <row r="32905" spans="1:12">
      <c r="A32905" s="6" t="s">
        <v>33199</v>
      </c>
      <c r="B32905" s="6"/>
      <c r="C32905" s="6" t="s">
        <v>32230</v>
      </c>
      <c r="D32905" s="6"/>
      <c r="E32905" s="6" t="s">
        <v>9</v>
      </c>
      <c r="F32905" s="7">
        <v>29305</v>
      </c>
      <c r="G32905" s="8">
        <v>469300</v>
      </c>
      <c r="H32905" s="8">
        <v>84474</v>
      </c>
      <c r="I32905" s="8">
        <v>394212</v>
      </c>
      <c r="J32905" s="8">
        <v>75088</v>
      </c>
      <c r="K32905" s="9"/>
      <c r="L32905" s="6"/>
    </row>
    <row r="32906" spans="1:12">
      <c r="A32906" s="6" t="s">
        <v>33200</v>
      </c>
      <c r="B32906" s="6"/>
      <c r="C32906" s="6" t="s">
        <v>32230</v>
      </c>
      <c r="D32906" s="6"/>
      <c r="E32906" s="6" t="s">
        <v>9</v>
      </c>
      <c r="F32906" s="7">
        <v>29305</v>
      </c>
      <c r="G32906" s="8">
        <v>608000</v>
      </c>
      <c r="H32906" s="8">
        <v>109440</v>
      </c>
      <c r="I32906" s="8">
        <v>510720</v>
      </c>
      <c r="J32906" s="8">
        <v>97280</v>
      </c>
      <c r="K32906" s="9"/>
      <c r="L32906" s="6"/>
    </row>
    <row r="32907" spans="1:12">
      <c r="A32907" s="6" t="s">
        <v>33201</v>
      </c>
      <c r="B32907" s="6"/>
      <c r="C32907" s="6" t="s">
        <v>32230</v>
      </c>
      <c r="D32907" s="6"/>
      <c r="E32907" s="6" t="s">
        <v>9</v>
      </c>
      <c r="F32907" s="7">
        <v>29305</v>
      </c>
      <c r="G32907" s="8">
        <v>2470000</v>
      </c>
      <c r="H32907" s="8">
        <v>444600</v>
      </c>
      <c r="I32907" s="8">
        <v>2074800</v>
      </c>
      <c r="J32907" s="8">
        <v>395200</v>
      </c>
      <c r="K32907" s="9"/>
      <c r="L32907" s="6"/>
    </row>
    <row r="32908" spans="1:12">
      <c r="A32908" s="6" t="s">
        <v>33202</v>
      </c>
      <c r="B32908" s="6"/>
      <c r="C32908" s="6" t="s">
        <v>32230</v>
      </c>
      <c r="D32908" s="6"/>
      <c r="E32908" s="6" t="s">
        <v>9</v>
      </c>
      <c r="F32908" s="7">
        <v>29305</v>
      </c>
      <c r="G32908" s="8">
        <v>429400</v>
      </c>
      <c r="H32908" s="8">
        <v>77292</v>
      </c>
      <c r="I32908" s="8">
        <v>360696</v>
      </c>
      <c r="J32908" s="8">
        <v>68704</v>
      </c>
      <c r="K32908" s="9"/>
      <c r="L32908" s="6"/>
    </row>
    <row r="32909" spans="1:12">
      <c r="A32909" s="6" t="s">
        <v>33203</v>
      </c>
      <c r="B32909" s="6"/>
      <c r="C32909" s="6" t="s">
        <v>32230</v>
      </c>
      <c r="D32909" s="6"/>
      <c r="E32909" s="6" t="s">
        <v>9</v>
      </c>
      <c r="F32909" s="7">
        <v>29305</v>
      </c>
      <c r="G32909" s="8">
        <v>433200</v>
      </c>
      <c r="H32909" s="8">
        <v>77976</v>
      </c>
      <c r="I32909" s="8">
        <v>363888</v>
      </c>
      <c r="J32909" s="8">
        <v>69312</v>
      </c>
      <c r="K32909" s="9"/>
      <c r="L32909" s="6"/>
    </row>
    <row r="32910" spans="1:12">
      <c r="A32910" s="6" t="s">
        <v>33204</v>
      </c>
      <c r="B32910" s="6"/>
      <c r="C32910" s="6" t="s">
        <v>32230</v>
      </c>
      <c r="D32910" s="6"/>
      <c r="E32910" s="6" t="s">
        <v>9</v>
      </c>
      <c r="F32910" s="7">
        <v>29305</v>
      </c>
      <c r="G32910" s="8">
        <v>414200</v>
      </c>
      <c r="H32910" s="8">
        <v>74556</v>
      </c>
      <c r="I32910" s="8">
        <v>347928</v>
      </c>
      <c r="J32910" s="8">
        <v>66272</v>
      </c>
      <c r="K32910" s="9"/>
      <c r="L32910" s="6"/>
    </row>
    <row r="32911" spans="1:12">
      <c r="A32911" s="6" t="s">
        <v>33205</v>
      </c>
      <c r="B32911" s="6"/>
      <c r="C32911" s="6" t="s">
        <v>32230</v>
      </c>
      <c r="D32911" s="6"/>
      <c r="E32911" s="6" t="s">
        <v>9</v>
      </c>
      <c r="F32911" s="7">
        <v>29305</v>
      </c>
      <c r="G32911" s="8">
        <v>1778400</v>
      </c>
      <c r="H32911" s="8">
        <v>320112</v>
      </c>
      <c r="I32911" s="8">
        <v>1493856</v>
      </c>
      <c r="J32911" s="8">
        <v>284544</v>
      </c>
      <c r="K32911" s="9"/>
      <c r="L32911" s="6"/>
    </row>
    <row r="32912" spans="1:12">
      <c r="A32912" s="6" t="s">
        <v>33206</v>
      </c>
      <c r="B32912" s="6"/>
      <c r="C32912" s="6" t="s">
        <v>32230</v>
      </c>
      <c r="D32912" s="6"/>
      <c r="E32912" s="6" t="s">
        <v>9</v>
      </c>
      <c r="F32912" s="7">
        <v>29305</v>
      </c>
      <c r="G32912" s="8">
        <v>2209700</v>
      </c>
      <c r="H32912" s="8">
        <v>397746</v>
      </c>
      <c r="I32912" s="8">
        <v>1856148</v>
      </c>
      <c r="J32912" s="8">
        <v>353552</v>
      </c>
      <c r="K32912" s="9"/>
      <c r="L32912" s="6"/>
    </row>
    <row r="32913" spans="1:12">
      <c r="A32913" s="6" t="s">
        <v>33207</v>
      </c>
      <c r="B32913" s="6"/>
      <c r="C32913" s="6" t="s">
        <v>32230</v>
      </c>
      <c r="D32913" s="6"/>
      <c r="E32913" s="6" t="s">
        <v>9</v>
      </c>
      <c r="F32913" s="7">
        <v>29305</v>
      </c>
      <c r="G32913" s="8">
        <v>463600</v>
      </c>
      <c r="H32913" s="8">
        <v>83448</v>
      </c>
      <c r="I32913" s="8">
        <v>389424</v>
      </c>
      <c r="J32913" s="8">
        <v>74176</v>
      </c>
      <c r="K32913" s="9"/>
      <c r="L32913" s="6"/>
    </row>
    <row r="32914" spans="1:12">
      <c r="A32914" s="6" t="s">
        <v>33208</v>
      </c>
      <c r="B32914" s="6"/>
      <c r="C32914" s="6" t="s">
        <v>32230</v>
      </c>
      <c r="D32914" s="6"/>
      <c r="E32914" s="6" t="s">
        <v>9</v>
      </c>
      <c r="F32914" s="7">
        <v>29305</v>
      </c>
      <c r="G32914" s="8">
        <v>957600</v>
      </c>
      <c r="H32914" s="8">
        <v>172368</v>
      </c>
      <c r="I32914" s="8">
        <v>804384</v>
      </c>
      <c r="J32914" s="8">
        <v>153216</v>
      </c>
      <c r="K32914" s="9"/>
      <c r="L32914" s="6"/>
    </row>
    <row r="32915" spans="1:12">
      <c r="A32915" s="6" t="s">
        <v>33209</v>
      </c>
      <c r="B32915" s="6"/>
      <c r="C32915" s="6" t="s">
        <v>32230</v>
      </c>
      <c r="D32915" s="6"/>
      <c r="E32915" s="6" t="s">
        <v>9</v>
      </c>
      <c r="F32915" s="7">
        <v>29305</v>
      </c>
      <c r="G32915" s="8">
        <v>1863000</v>
      </c>
      <c r="H32915" s="8">
        <v>335340</v>
      </c>
      <c r="I32915" s="8">
        <v>1564920</v>
      </c>
      <c r="J32915" s="8">
        <v>298080</v>
      </c>
      <c r="K32915" s="9"/>
      <c r="L32915" s="6"/>
    </row>
    <row r="32916" spans="1:12">
      <c r="A32916" s="6" t="s">
        <v>33210</v>
      </c>
      <c r="B32916" s="6"/>
      <c r="C32916" s="6" t="s">
        <v>32230</v>
      </c>
      <c r="D32916" s="6"/>
      <c r="E32916" s="6" t="s">
        <v>9</v>
      </c>
      <c r="F32916" s="7">
        <v>32947</v>
      </c>
      <c r="G32916" s="8">
        <v>803700</v>
      </c>
      <c r="H32916" s="8">
        <v>305406</v>
      </c>
      <c r="I32916" s="8">
        <v>514368</v>
      </c>
      <c r="J32916" s="8">
        <v>289332</v>
      </c>
      <c r="K32916" s="9"/>
      <c r="L32916" s="6"/>
    </row>
    <row r="32917" spans="1:12">
      <c r="A32917" s="6" t="s">
        <v>33211</v>
      </c>
      <c r="B32917" s="6"/>
      <c r="C32917" s="6" t="s">
        <v>32230</v>
      </c>
      <c r="D32917" s="6"/>
      <c r="E32917" s="6" t="s">
        <v>9</v>
      </c>
      <c r="F32917" s="7">
        <v>29305</v>
      </c>
      <c r="G32917" s="8">
        <v>2478600</v>
      </c>
      <c r="H32917" s="8">
        <v>446148</v>
      </c>
      <c r="I32917" s="8">
        <v>2082024</v>
      </c>
      <c r="J32917" s="8">
        <v>396576</v>
      </c>
      <c r="K32917" s="9"/>
      <c r="L32917" s="6"/>
    </row>
    <row r="32918" spans="1:12">
      <c r="A32918" s="6" t="s">
        <v>33185</v>
      </c>
      <c r="B32918" s="6"/>
      <c r="C32918" s="6" t="s">
        <v>32230</v>
      </c>
      <c r="D32918" s="6"/>
      <c r="E32918" s="6" t="s">
        <v>9</v>
      </c>
      <c r="F32918" s="7">
        <v>12875</v>
      </c>
      <c r="G32918" s="8">
        <v>6224400</v>
      </c>
      <c r="H32918" s="8">
        <v>1</v>
      </c>
      <c r="I32918" s="8">
        <v>6224399</v>
      </c>
      <c r="J32918" s="8">
        <v>1</v>
      </c>
      <c r="K32918" s="9"/>
      <c r="L32918" s="6"/>
    </row>
    <row r="32919" spans="1:12">
      <c r="A32919" s="6" t="s">
        <v>33212</v>
      </c>
      <c r="B32919" s="6"/>
      <c r="C32919" s="6" t="s">
        <v>32230</v>
      </c>
      <c r="D32919" s="6"/>
      <c r="E32919" s="6" t="s">
        <v>9</v>
      </c>
      <c r="F32919" s="7">
        <v>29305</v>
      </c>
      <c r="G32919" s="8">
        <v>570000</v>
      </c>
      <c r="H32919" s="8">
        <v>102600</v>
      </c>
      <c r="I32919" s="8">
        <v>478800</v>
      </c>
      <c r="J32919" s="8">
        <v>91200</v>
      </c>
      <c r="K32919" s="9"/>
      <c r="L32919" s="6"/>
    </row>
    <row r="32920" spans="1:12">
      <c r="A32920" s="6" t="s">
        <v>33213</v>
      </c>
      <c r="B32920" s="6"/>
      <c r="C32920" s="6" t="s">
        <v>32230</v>
      </c>
      <c r="D32920" s="6"/>
      <c r="E32920" s="6" t="s">
        <v>9</v>
      </c>
      <c r="F32920" s="7">
        <v>29305</v>
      </c>
      <c r="G32920" s="8">
        <v>1290100</v>
      </c>
      <c r="H32920" s="8">
        <v>232218</v>
      </c>
      <c r="I32920" s="8">
        <v>1083684</v>
      </c>
      <c r="J32920" s="8">
        <v>206416</v>
      </c>
      <c r="K32920" s="9"/>
      <c r="L32920" s="6"/>
    </row>
    <row r="32921" spans="1:12">
      <c r="A32921" s="6" t="s">
        <v>33214</v>
      </c>
      <c r="B32921" s="6"/>
      <c r="C32921" s="6" t="s">
        <v>32230</v>
      </c>
      <c r="D32921" s="6"/>
      <c r="E32921" s="6" t="s">
        <v>9</v>
      </c>
      <c r="F32921" s="7">
        <v>29305</v>
      </c>
      <c r="G32921" s="8">
        <v>950000</v>
      </c>
      <c r="H32921" s="8">
        <v>171000</v>
      </c>
      <c r="I32921" s="8">
        <v>798000</v>
      </c>
      <c r="J32921" s="8">
        <v>152000</v>
      </c>
      <c r="K32921" s="9"/>
      <c r="L32921" s="6"/>
    </row>
    <row r="32922" spans="1:12">
      <c r="A32922" s="6" t="s">
        <v>33215</v>
      </c>
      <c r="B32922" s="6"/>
      <c r="C32922" s="6" t="s">
        <v>32230</v>
      </c>
      <c r="D32922" s="6"/>
      <c r="E32922" s="6" t="s">
        <v>9</v>
      </c>
      <c r="F32922" s="7">
        <v>29305</v>
      </c>
      <c r="G32922" s="8">
        <v>342000</v>
      </c>
      <c r="H32922" s="8">
        <v>61560</v>
      </c>
      <c r="I32922" s="8">
        <v>287280</v>
      </c>
      <c r="J32922" s="8">
        <v>54720</v>
      </c>
      <c r="K32922" s="9"/>
      <c r="L32922" s="6"/>
    </row>
    <row r="32923" spans="1:12">
      <c r="A32923" s="6" t="s">
        <v>33216</v>
      </c>
      <c r="B32923" s="6"/>
      <c r="C32923" s="6" t="s">
        <v>32230</v>
      </c>
      <c r="D32923" s="6"/>
      <c r="E32923" s="6" t="s">
        <v>9</v>
      </c>
      <c r="F32923" s="7">
        <v>29305</v>
      </c>
      <c r="G32923" s="8">
        <v>1695600</v>
      </c>
      <c r="H32923" s="8">
        <v>305208</v>
      </c>
      <c r="I32923" s="8">
        <v>1424304</v>
      </c>
      <c r="J32923" s="8">
        <v>271296</v>
      </c>
      <c r="K32923" s="9"/>
      <c r="L32923" s="6"/>
    </row>
    <row r="32924" spans="1:12">
      <c r="A32924" s="6" t="s">
        <v>33217</v>
      </c>
      <c r="B32924" s="6"/>
      <c r="C32924" s="6" t="s">
        <v>32230</v>
      </c>
      <c r="D32924" s="6"/>
      <c r="E32924" s="6" t="s">
        <v>9</v>
      </c>
      <c r="F32924" s="7">
        <v>29305</v>
      </c>
      <c r="G32924" s="8">
        <v>1816400</v>
      </c>
      <c r="H32924" s="8">
        <v>326952</v>
      </c>
      <c r="I32924" s="8">
        <v>1525776</v>
      </c>
      <c r="J32924" s="8">
        <v>290624</v>
      </c>
      <c r="K32924" s="9"/>
      <c r="L32924" s="6"/>
    </row>
    <row r="32925" spans="1:12">
      <c r="A32925" s="6" t="s">
        <v>33218</v>
      </c>
      <c r="B32925" s="6"/>
      <c r="C32925" s="6" t="s">
        <v>32230</v>
      </c>
      <c r="D32925" s="6"/>
      <c r="E32925" s="6" t="s">
        <v>9</v>
      </c>
      <c r="F32925" s="7">
        <v>29305</v>
      </c>
      <c r="G32925" s="8">
        <v>661200</v>
      </c>
      <c r="H32925" s="8">
        <v>119016</v>
      </c>
      <c r="I32925" s="8">
        <v>555408</v>
      </c>
      <c r="J32925" s="8">
        <v>105792</v>
      </c>
      <c r="K32925" s="9"/>
      <c r="L32925" s="6"/>
    </row>
    <row r="32926" spans="1:12">
      <c r="A32926" s="6" t="s">
        <v>33219</v>
      </c>
      <c r="B32926" s="6"/>
      <c r="C32926" s="6" t="s">
        <v>32230</v>
      </c>
      <c r="D32926" s="6"/>
      <c r="E32926" s="6" t="s">
        <v>9</v>
      </c>
      <c r="F32926" s="7">
        <v>29305</v>
      </c>
      <c r="G32926" s="8">
        <v>1269200</v>
      </c>
      <c r="H32926" s="8">
        <v>228456</v>
      </c>
      <c r="I32926" s="8">
        <v>1066128</v>
      </c>
      <c r="J32926" s="8">
        <v>203072</v>
      </c>
      <c r="K32926" s="9"/>
      <c r="L32926" s="6"/>
    </row>
    <row r="32927" spans="1:12">
      <c r="A32927" s="6" t="s">
        <v>33220</v>
      </c>
      <c r="B32927" s="6"/>
      <c r="C32927" s="6" t="s">
        <v>32230</v>
      </c>
      <c r="D32927" s="6"/>
      <c r="E32927" s="6" t="s">
        <v>9</v>
      </c>
      <c r="F32927" s="7">
        <v>29305</v>
      </c>
      <c r="G32927" s="8">
        <v>619400</v>
      </c>
      <c r="H32927" s="8">
        <v>111492</v>
      </c>
      <c r="I32927" s="8">
        <v>520296</v>
      </c>
      <c r="J32927" s="8">
        <v>99104</v>
      </c>
      <c r="K32927" s="9"/>
      <c r="L32927" s="6"/>
    </row>
    <row r="32928" spans="1:12">
      <c r="A32928" s="6" t="s">
        <v>33221</v>
      </c>
      <c r="B32928" s="6"/>
      <c r="C32928" s="6" t="s">
        <v>32230</v>
      </c>
      <c r="D32928" s="6"/>
      <c r="E32928" s="6" t="s">
        <v>9</v>
      </c>
      <c r="F32928" s="7">
        <v>29305</v>
      </c>
      <c r="G32928" s="8">
        <v>1193200</v>
      </c>
      <c r="H32928" s="8">
        <v>214776</v>
      </c>
      <c r="I32928" s="8">
        <v>1002288</v>
      </c>
      <c r="J32928" s="8">
        <v>190912</v>
      </c>
      <c r="K32928" s="9"/>
      <c r="L32928" s="6"/>
    </row>
    <row r="32929" spans="1:12">
      <c r="A32929" s="6" t="s">
        <v>33222</v>
      </c>
      <c r="B32929" s="6"/>
      <c r="C32929" s="6" t="s">
        <v>32230</v>
      </c>
      <c r="D32929" s="6"/>
      <c r="E32929" s="6" t="s">
        <v>9</v>
      </c>
      <c r="F32929" s="7">
        <v>29305</v>
      </c>
      <c r="G32929" s="8">
        <v>1717200</v>
      </c>
      <c r="H32929" s="8">
        <v>309096</v>
      </c>
      <c r="I32929" s="8">
        <v>1442448</v>
      </c>
      <c r="J32929" s="8">
        <v>274752</v>
      </c>
      <c r="K32929" s="9"/>
      <c r="L32929" s="6"/>
    </row>
    <row r="32930" spans="1:12">
      <c r="A32930" s="6" t="s">
        <v>33223</v>
      </c>
      <c r="B32930" s="6"/>
      <c r="C32930" s="6" t="s">
        <v>32230</v>
      </c>
      <c r="D32930" s="6"/>
      <c r="E32930" s="6" t="s">
        <v>9</v>
      </c>
      <c r="F32930" s="7">
        <v>29305</v>
      </c>
      <c r="G32930" s="8">
        <v>8991000</v>
      </c>
      <c r="H32930" s="8">
        <v>1618380</v>
      </c>
      <c r="I32930" s="8">
        <v>7552440</v>
      </c>
      <c r="J32930" s="8">
        <v>1438560</v>
      </c>
      <c r="K32930" s="9"/>
      <c r="L32930" s="6"/>
    </row>
    <row r="32931" spans="1:12">
      <c r="A32931" s="6" t="s">
        <v>33224</v>
      </c>
      <c r="B32931" s="6"/>
      <c r="C32931" s="6" t="s">
        <v>32230</v>
      </c>
      <c r="D32931" s="6"/>
      <c r="E32931" s="6" t="s">
        <v>9</v>
      </c>
      <c r="F32931" s="7">
        <v>29305</v>
      </c>
      <c r="G32931" s="8">
        <v>1679600</v>
      </c>
      <c r="H32931" s="8">
        <v>302328</v>
      </c>
      <c r="I32931" s="8">
        <v>1410864</v>
      </c>
      <c r="J32931" s="8">
        <v>268736</v>
      </c>
      <c r="K32931" s="9"/>
      <c r="L32931" s="6"/>
    </row>
    <row r="32932" spans="1:12">
      <c r="A32932" s="6" t="s">
        <v>33225</v>
      </c>
      <c r="B32932" s="6"/>
      <c r="C32932" s="6" t="s">
        <v>32230</v>
      </c>
      <c r="D32932" s="6"/>
      <c r="E32932" s="6" t="s">
        <v>9</v>
      </c>
      <c r="F32932" s="7">
        <v>29305</v>
      </c>
      <c r="G32932" s="8">
        <v>1635900</v>
      </c>
      <c r="H32932" s="8">
        <v>294462</v>
      </c>
      <c r="I32932" s="8">
        <v>1374156</v>
      </c>
      <c r="J32932" s="8">
        <v>261744</v>
      </c>
      <c r="K32932" s="9"/>
      <c r="L32932" s="6"/>
    </row>
    <row r="32933" spans="1:12">
      <c r="A32933" s="6" t="s">
        <v>33226</v>
      </c>
      <c r="B32933" s="6"/>
      <c r="C32933" s="6" t="s">
        <v>32230</v>
      </c>
      <c r="D32933" s="6"/>
      <c r="E32933" s="6" t="s">
        <v>9</v>
      </c>
      <c r="F32933" s="7">
        <v>29305</v>
      </c>
      <c r="G32933" s="8">
        <v>1347100</v>
      </c>
      <c r="H32933" s="8">
        <v>242478</v>
      </c>
      <c r="I32933" s="8">
        <v>1131564</v>
      </c>
      <c r="J32933" s="8">
        <v>215536</v>
      </c>
      <c r="K32933" s="9"/>
      <c r="L32933" s="6"/>
    </row>
    <row r="32934" spans="1:12">
      <c r="A32934" s="6" t="s">
        <v>33227</v>
      </c>
      <c r="B32934" s="6"/>
      <c r="C32934" s="6" t="s">
        <v>32230</v>
      </c>
      <c r="D32934" s="6"/>
      <c r="E32934" s="6" t="s">
        <v>9</v>
      </c>
      <c r="F32934" s="7">
        <v>29305</v>
      </c>
      <c r="G32934" s="8">
        <v>1292000</v>
      </c>
      <c r="H32934" s="8">
        <v>232560</v>
      </c>
      <c r="I32934" s="8">
        <v>1085280</v>
      </c>
      <c r="J32934" s="8">
        <v>206720</v>
      </c>
      <c r="K32934" s="9"/>
      <c r="L32934" s="6"/>
    </row>
    <row r="32935" spans="1:12">
      <c r="A32935" s="6" t="s">
        <v>33228</v>
      </c>
      <c r="B32935" s="6"/>
      <c r="C32935" s="6" t="s">
        <v>32230</v>
      </c>
      <c r="D32935" s="6"/>
      <c r="E32935" s="6" t="s">
        <v>9</v>
      </c>
      <c r="F32935" s="7">
        <v>29305</v>
      </c>
      <c r="G32935" s="8">
        <v>1470600</v>
      </c>
      <c r="H32935" s="8">
        <v>264708</v>
      </c>
      <c r="I32935" s="8">
        <v>1235304</v>
      </c>
      <c r="J32935" s="8">
        <v>235296</v>
      </c>
      <c r="K32935" s="9"/>
      <c r="L32935" s="6"/>
    </row>
    <row r="32936" spans="1:12">
      <c r="A32936" s="6" t="s">
        <v>33229</v>
      </c>
      <c r="B32936" s="6"/>
      <c r="C32936" s="6" t="s">
        <v>32230</v>
      </c>
      <c r="D32936" s="6"/>
      <c r="E32936" s="6" t="s">
        <v>9</v>
      </c>
      <c r="F32936" s="7">
        <v>29305</v>
      </c>
      <c r="G32936" s="8">
        <v>1594100</v>
      </c>
      <c r="H32936" s="8">
        <v>286938</v>
      </c>
      <c r="I32936" s="8">
        <v>1339044</v>
      </c>
      <c r="J32936" s="8">
        <v>255056</v>
      </c>
      <c r="K32936" s="9"/>
      <c r="L32936" s="6"/>
    </row>
    <row r="32937" spans="1:12">
      <c r="A32937" s="6" t="s">
        <v>33230</v>
      </c>
      <c r="B32937" s="6"/>
      <c r="C32937" s="6" t="s">
        <v>32230</v>
      </c>
      <c r="D32937" s="6"/>
      <c r="E32937" s="6" t="s">
        <v>9</v>
      </c>
      <c r="F32937" s="7">
        <v>29305</v>
      </c>
      <c r="G32937" s="8">
        <v>1622600</v>
      </c>
      <c r="H32937" s="8">
        <v>292068</v>
      </c>
      <c r="I32937" s="8">
        <v>1362984</v>
      </c>
      <c r="J32937" s="8">
        <v>259616</v>
      </c>
      <c r="K32937" s="9"/>
      <c r="L32937" s="6"/>
    </row>
    <row r="32938" spans="1:12">
      <c r="A32938" s="6" t="s">
        <v>33231</v>
      </c>
      <c r="B32938" s="6"/>
      <c r="C32938" s="6" t="s">
        <v>32230</v>
      </c>
      <c r="D32938" s="6"/>
      <c r="E32938" s="6" t="s">
        <v>9</v>
      </c>
      <c r="F32938" s="7">
        <v>29305</v>
      </c>
      <c r="G32938" s="8">
        <v>1645400</v>
      </c>
      <c r="H32938" s="8">
        <v>296172</v>
      </c>
      <c r="I32938" s="8">
        <v>1382136</v>
      </c>
      <c r="J32938" s="8">
        <v>263264</v>
      </c>
      <c r="K32938" s="9"/>
      <c r="L32938" s="6"/>
    </row>
    <row r="32939" spans="1:12">
      <c r="A32939" s="6" t="s">
        <v>33232</v>
      </c>
      <c r="B32939" s="6"/>
      <c r="C32939" s="6" t="s">
        <v>32230</v>
      </c>
      <c r="D32939" s="6"/>
      <c r="E32939" s="6" t="s">
        <v>9</v>
      </c>
      <c r="F32939" s="7">
        <v>29305</v>
      </c>
      <c r="G32939" s="8">
        <v>1694800</v>
      </c>
      <c r="H32939" s="8">
        <v>305064</v>
      </c>
      <c r="I32939" s="8">
        <v>1423632</v>
      </c>
      <c r="J32939" s="8">
        <v>271168</v>
      </c>
      <c r="K32939" s="9"/>
      <c r="L32939" s="6"/>
    </row>
    <row r="32940" spans="1:12">
      <c r="A32940" s="6" t="s">
        <v>33233</v>
      </c>
      <c r="B32940" s="6"/>
      <c r="C32940" s="6" t="s">
        <v>32230</v>
      </c>
      <c r="D32940" s="6"/>
      <c r="E32940" s="6" t="s">
        <v>9</v>
      </c>
      <c r="F32940" s="7">
        <v>29305</v>
      </c>
      <c r="G32940" s="8">
        <v>710600</v>
      </c>
      <c r="H32940" s="8">
        <v>127908</v>
      </c>
      <c r="I32940" s="8">
        <v>596904</v>
      </c>
      <c r="J32940" s="8">
        <v>113696</v>
      </c>
      <c r="K32940" s="9"/>
      <c r="L32940" s="6"/>
    </row>
    <row r="32941" spans="1:12">
      <c r="A32941" s="6" t="s">
        <v>33234</v>
      </c>
      <c r="B32941" s="6"/>
      <c r="C32941" s="6" t="s">
        <v>32230</v>
      </c>
      <c r="D32941" s="6"/>
      <c r="E32941" s="6" t="s">
        <v>9</v>
      </c>
      <c r="F32941" s="7">
        <v>32947</v>
      </c>
      <c r="G32941" s="8">
        <v>1440200</v>
      </c>
      <c r="H32941" s="8">
        <v>547276</v>
      </c>
      <c r="I32941" s="8">
        <v>921728</v>
      </c>
      <c r="J32941" s="8">
        <v>518472</v>
      </c>
      <c r="K32941" s="9"/>
      <c r="L32941" s="6"/>
    </row>
    <row r="32942" spans="1:12">
      <c r="A32942" s="6" t="s">
        <v>33235</v>
      </c>
      <c r="B32942" s="6"/>
      <c r="C32942" s="6" t="s">
        <v>32230</v>
      </c>
      <c r="D32942" s="6"/>
      <c r="E32942" s="6" t="s">
        <v>9</v>
      </c>
      <c r="F32942" s="7">
        <v>29305</v>
      </c>
      <c r="G32942" s="8">
        <v>912000</v>
      </c>
      <c r="H32942" s="8">
        <v>164160</v>
      </c>
      <c r="I32942" s="8">
        <v>766080</v>
      </c>
      <c r="J32942" s="8">
        <v>145920</v>
      </c>
      <c r="K32942" s="9"/>
      <c r="L32942" s="6"/>
    </row>
    <row r="32943" spans="1:12">
      <c r="A32943" s="6" t="s">
        <v>33236</v>
      </c>
      <c r="B32943" s="6"/>
      <c r="C32943" s="6" t="s">
        <v>32230</v>
      </c>
      <c r="D32943" s="6"/>
      <c r="E32943" s="6" t="s">
        <v>9</v>
      </c>
      <c r="F32943" s="7">
        <v>29305</v>
      </c>
      <c r="G32943" s="8">
        <v>440800</v>
      </c>
      <c r="H32943" s="8">
        <v>79344</v>
      </c>
      <c r="I32943" s="8">
        <v>370272</v>
      </c>
      <c r="J32943" s="8">
        <v>70528</v>
      </c>
      <c r="K32943" s="9"/>
      <c r="L32943" s="6"/>
    </row>
    <row r="32944" spans="1:12">
      <c r="A32944" s="6" t="s">
        <v>33237</v>
      </c>
      <c r="B32944" s="6"/>
      <c r="C32944" s="6" t="s">
        <v>32230</v>
      </c>
      <c r="D32944" s="6"/>
      <c r="E32944" s="6" t="s">
        <v>9</v>
      </c>
      <c r="F32944" s="7">
        <v>36980</v>
      </c>
      <c r="G32944" s="8">
        <v>7824600</v>
      </c>
      <c r="H32944" s="8">
        <v>4694760</v>
      </c>
      <c r="I32944" s="8">
        <v>3286332</v>
      </c>
      <c r="J32944" s="8">
        <v>4538268</v>
      </c>
      <c r="K32944" s="9"/>
      <c r="L32944" s="6"/>
    </row>
    <row r="32945" spans="1:12">
      <c r="A32945" s="6" t="s">
        <v>33238</v>
      </c>
      <c r="B32945" s="6"/>
      <c r="C32945" s="6" t="s">
        <v>32230</v>
      </c>
      <c r="D32945" s="6"/>
      <c r="E32945" s="6" t="s">
        <v>9</v>
      </c>
      <c r="F32945" s="7">
        <v>36980</v>
      </c>
      <c r="G32945" s="8">
        <v>9865800</v>
      </c>
      <c r="H32945" s="8">
        <v>5919480</v>
      </c>
      <c r="I32945" s="8">
        <v>4143636</v>
      </c>
      <c r="J32945" s="8">
        <v>5722164</v>
      </c>
      <c r="K32945" s="9"/>
      <c r="L32945" s="6"/>
    </row>
    <row r="32946" spans="1:12">
      <c r="A32946" s="6" t="s">
        <v>33239</v>
      </c>
      <c r="B32946" s="6"/>
      <c r="C32946" s="6" t="s">
        <v>32230</v>
      </c>
      <c r="D32946" s="6"/>
      <c r="E32946" s="6" t="s">
        <v>9</v>
      </c>
      <c r="F32946" s="7">
        <v>29305</v>
      </c>
      <c r="G32946" s="8">
        <v>1371800</v>
      </c>
      <c r="H32946" s="8">
        <v>246924</v>
      </c>
      <c r="I32946" s="8">
        <v>1152312</v>
      </c>
      <c r="J32946" s="8">
        <v>219488</v>
      </c>
      <c r="K32946" s="9"/>
      <c r="L32946" s="6"/>
    </row>
    <row r="32947" spans="1:12">
      <c r="A32947" s="6" t="s">
        <v>33240</v>
      </c>
      <c r="B32947" s="6"/>
      <c r="C32947" s="6" t="s">
        <v>32230</v>
      </c>
      <c r="D32947" s="6"/>
      <c r="E32947" s="6" t="s">
        <v>9</v>
      </c>
      <c r="F32947" s="7">
        <v>29305</v>
      </c>
      <c r="G32947" s="8">
        <v>1216000</v>
      </c>
      <c r="H32947" s="8">
        <v>218880</v>
      </c>
      <c r="I32947" s="8">
        <v>1021440</v>
      </c>
      <c r="J32947" s="8">
        <v>194560</v>
      </c>
      <c r="K32947" s="9"/>
      <c r="L32947" s="6"/>
    </row>
    <row r="32948" spans="1:12">
      <c r="A32948" s="6" t="s">
        <v>33241</v>
      </c>
      <c r="B32948" s="6"/>
      <c r="C32948" s="6" t="s">
        <v>32230</v>
      </c>
      <c r="D32948" s="6"/>
      <c r="E32948" s="6" t="s">
        <v>9</v>
      </c>
      <c r="F32948" s="7">
        <v>33248</v>
      </c>
      <c r="G32948" s="8">
        <v>1022200</v>
      </c>
      <c r="H32948" s="8">
        <v>408880</v>
      </c>
      <c r="I32948" s="8">
        <v>633764</v>
      </c>
      <c r="J32948" s="8">
        <v>388436</v>
      </c>
      <c r="K32948" s="9"/>
      <c r="L32948" s="6"/>
    </row>
    <row r="32949" spans="1:12">
      <c r="A32949" s="6" t="s">
        <v>33242</v>
      </c>
      <c r="B32949" s="6"/>
      <c r="C32949" s="6" t="s">
        <v>32230</v>
      </c>
      <c r="D32949" s="6"/>
      <c r="E32949" s="6" t="s">
        <v>9</v>
      </c>
      <c r="F32949" s="7">
        <v>36980</v>
      </c>
      <c r="G32949" s="8">
        <v>13365000</v>
      </c>
      <c r="H32949" s="8">
        <v>8019000</v>
      </c>
      <c r="I32949" s="8">
        <v>5613300</v>
      </c>
      <c r="J32949" s="8">
        <v>7751700</v>
      </c>
      <c r="K32949" s="9"/>
      <c r="L32949" s="6"/>
    </row>
    <row r="32950" spans="1:12">
      <c r="A32950" s="6" t="s">
        <v>33243</v>
      </c>
      <c r="B32950" s="6"/>
      <c r="C32950" s="6" t="s">
        <v>32230</v>
      </c>
      <c r="D32950" s="6"/>
      <c r="E32950" s="6" t="s">
        <v>9</v>
      </c>
      <c r="F32950" s="7">
        <v>29305</v>
      </c>
      <c r="G32950" s="8">
        <v>558600</v>
      </c>
      <c r="H32950" s="8">
        <v>100548</v>
      </c>
      <c r="I32950" s="8">
        <v>469224</v>
      </c>
      <c r="J32950" s="8">
        <v>89376</v>
      </c>
      <c r="K32950" s="9"/>
      <c r="L32950" s="6"/>
    </row>
    <row r="32951" spans="1:12">
      <c r="A32951" s="6" t="s">
        <v>33244</v>
      </c>
      <c r="B32951" s="6"/>
      <c r="C32951" s="6" t="s">
        <v>32230</v>
      </c>
      <c r="D32951" s="6"/>
      <c r="E32951" s="6" t="s">
        <v>9</v>
      </c>
      <c r="F32951" s="7">
        <v>29305</v>
      </c>
      <c r="G32951" s="8">
        <v>764100</v>
      </c>
      <c r="H32951" s="8">
        <v>137538</v>
      </c>
      <c r="I32951" s="8">
        <v>641844</v>
      </c>
      <c r="J32951" s="8">
        <v>122256</v>
      </c>
      <c r="K32951" s="9"/>
      <c r="L32951" s="6"/>
    </row>
    <row r="32952" spans="1:12">
      <c r="A32952" s="6" t="s">
        <v>33245</v>
      </c>
      <c r="B32952" s="6"/>
      <c r="C32952" s="6" t="s">
        <v>32230</v>
      </c>
      <c r="D32952" s="6"/>
      <c r="E32952" s="6" t="s">
        <v>9</v>
      </c>
      <c r="F32952" s="7">
        <v>29305</v>
      </c>
      <c r="G32952" s="8">
        <v>1322400</v>
      </c>
      <c r="H32952" s="8">
        <v>238032</v>
      </c>
      <c r="I32952" s="8">
        <v>1110816</v>
      </c>
      <c r="J32952" s="8">
        <v>211584</v>
      </c>
      <c r="K32952" s="9"/>
      <c r="L32952" s="6"/>
    </row>
    <row r="32953" spans="1:12">
      <c r="A32953" s="6" t="s">
        <v>33246</v>
      </c>
      <c r="B32953" s="6"/>
      <c r="C32953" s="6" t="s">
        <v>32230</v>
      </c>
      <c r="D32953" s="6"/>
      <c r="E32953" s="6" t="s">
        <v>9</v>
      </c>
      <c r="F32953" s="7">
        <v>29305</v>
      </c>
      <c r="G32953" s="8">
        <v>1949400</v>
      </c>
      <c r="H32953" s="8">
        <v>350892</v>
      </c>
      <c r="I32953" s="8">
        <v>1637496</v>
      </c>
      <c r="J32953" s="8">
        <v>311904</v>
      </c>
      <c r="K32953" s="9"/>
      <c r="L32953" s="6"/>
    </row>
    <row r="32954" spans="1:12">
      <c r="A32954" s="6" t="s">
        <v>33247</v>
      </c>
      <c r="B32954" s="6"/>
      <c r="C32954" s="6" t="s">
        <v>32230</v>
      </c>
      <c r="D32954" s="6"/>
      <c r="E32954" s="6" t="s">
        <v>9</v>
      </c>
      <c r="F32954" s="7">
        <v>29305</v>
      </c>
      <c r="G32954" s="8">
        <v>513000</v>
      </c>
      <c r="H32954" s="8">
        <v>92340</v>
      </c>
      <c r="I32954" s="8">
        <v>430920</v>
      </c>
      <c r="J32954" s="8">
        <v>82080</v>
      </c>
      <c r="K32954" s="9"/>
      <c r="L32954" s="6"/>
    </row>
    <row r="32955" spans="1:12">
      <c r="A32955" s="6" t="s">
        <v>33248</v>
      </c>
      <c r="B32955" s="6"/>
      <c r="C32955" s="6" t="s">
        <v>32230</v>
      </c>
      <c r="D32955" s="6"/>
      <c r="E32955" s="6" t="s">
        <v>9</v>
      </c>
      <c r="F32955" s="7">
        <v>29305</v>
      </c>
      <c r="G32955" s="8">
        <v>558600</v>
      </c>
      <c r="H32955" s="8">
        <v>100548</v>
      </c>
      <c r="I32955" s="8">
        <v>469224</v>
      </c>
      <c r="J32955" s="8">
        <v>89376</v>
      </c>
      <c r="K32955" s="9"/>
      <c r="L32955" s="6"/>
    </row>
    <row r="32956" spans="1:12">
      <c r="A32956" s="6" t="s">
        <v>33249</v>
      </c>
      <c r="B32956" s="6"/>
      <c r="C32956" s="6" t="s">
        <v>32230</v>
      </c>
      <c r="D32956" s="6"/>
      <c r="E32956" s="6" t="s">
        <v>9</v>
      </c>
      <c r="F32956" s="7">
        <v>29305</v>
      </c>
      <c r="G32956" s="8">
        <v>1531400</v>
      </c>
      <c r="H32956" s="8">
        <v>275652</v>
      </c>
      <c r="I32956" s="8">
        <v>1286376</v>
      </c>
      <c r="J32956" s="8">
        <v>245024</v>
      </c>
      <c r="K32956" s="9"/>
      <c r="L32956" s="6"/>
    </row>
    <row r="32957" spans="1:12">
      <c r="A32957" s="6" t="s">
        <v>33250</v>
      </c>
      <c r="B32957" s="6"/>
      <c r="C32957" s="6" t="s">
        <v>32230</v>
      </c>
      <c r="D32957" s="6"/>
      <c r="E32957" s="6" t="s">
        <v>9</v>
      </c>
      <c r="F32957" s="7">
        <v>29305</v>
      </c>
      <c r="G32957" s="8">
        <v>2448900</v>
      </c>
      <c r="H32957" s="8">
        <v>440802</v>
      </c>
      <c r="I32957" s="8">
        <v>2057076</v>
      </c>
      <c r="J32957" s="8">
        <v>391824</v>
      </c>
      <c r="K32957" s="9"/>
      <c r="L32957" s="6"/>
    </row>
    <row r="32958" spans="1:12">
      <c r="A32958" s="6" t="s">
        <v>33185</v>
      </c>
      <c r="B32958" s="6"/>
      <c r="C32958" s="6" t="s">
        <v>32230</v>
      </c>
      <c r="D32958" s="6"/>
      <c r="E32958" s="6" t="s">
        <v>9</v>
      </c>
      <c r="F32958" s="7">
        <v>26755</v>
      </c>
      <c r="G32958" s="8">
        <v>3483480</v>
      </c>
      <c r="H32958" s="8">
        <v>700187</v>
      </c>
      <c r="I32958" s="8">
        <v>2842512</v>
      </c>
      <c r="J32958" s="8">
        <v>640968</v>
      </c>
      <c r="K32958" s="9"/>
      <c r="L32958" s="6"/>
    </row>
    <row r="32959" spans="1:12">
      <c r="A32959" s="6" t="s">
        <v>33251</v>
      </c>
      <c r="B32959" s="6"/>
      <c r="C32959" s="6" t="s">
        <v>32230</v>
      </c>
      <c r="D32959" s="6"/>
      <c r="E32959" s="6" t="s">
        <v>9</v>
      </c>
      <c r="F32959" s="7">
        <v>29305</v>
      </c>
      <c r="G32959" s="8">
        <v>2681100</v>
      </c>
      <c r="H32959" s="8">
        <v>482598</v>
      </c>
      <c r="I32959" s="8">
        <v>2252124</v>
      </c>
      <c r="J32959" s="8">
        <v>428976</v>
      </c>
      <c r="K32959" s="9"/>
      <c r="L32959" s="6"/>
    </row>
    <row r="32960" spans="1:12">
      <c r="A32960" s="6" t="s">
        <v>33252</v>
      </c>
      <c r="B32960" s="6"/>
      <c r="C32960" s="6" t="s">
        <v>32230</v>
      </c>
      <c r="D32960" s="6"/>
      <c r="E32960" s="6" t="s">
        <v>9</v>
      </c>
      <c r="F32960" s="7">
        <v>29305</v>
      </c>
      <c r="G32960" s="8">
        <v>385700</v>
      </c>
      <c r="H32960" s="8">
        <v>69426</v>
      </c>
      <c r="I32960" s="8">
        <v>323988</v>
      </c>
      <c r="J32960" s="8">
        <v>61712</v>
      </c>
      <c r="K32960" s="9"/>
      <c r="L32960" s="6"/>
    </row>
    <row r="32961" spans="1:12">
      <c r="A32961" s="6" t="s">
        <v>33253</v>
      </c>
      <c r="B32961" s="6"/>
      <c r="C32961" s="6" t="s">
        <v>32230</v>
      </c>
      <c r="D32961" s="6"/>
      <c r="E32961" s="6" t="s">
        <v>9</v>
      </c>
      <c r="F32961" s="7">
        <v>31500</v>
      </c>
      <c r="G32961" s="8">
        <v>2612500</v>
      </c>
      <c r="H32961" s="8">
        <v>783750</v>
      </c>
      <c r="I32961" s="8">
        <v>1881000</v>
      </c>
      <c r="J32961" s="8">
        <v>731500</v>
      </c>
      <c r="K32961" s="9"/>
      <c r="L32961" s="6"/>
    </row>
    <row r="32962" spans="1:12">
      <c r="A32962" s="6" t="s">
        <v>33254</v>
      </c>
      <c r="B32962" s="6"/>
      <c r="C32962" s="6" t="s">
        <v>32230</v>
      </c>
      <c r="D32962" s="6"/>
      <c r="E32962" s="6" t="s">
        <v>9</v>
      </c>
      <c r="F32962" s="7">
        <v>29305</v>
      </c>
      <c r="G32962" s="8">
        <v>2855700</v>
      </c>
      <c r="H32962" s="8">
        <v>514026</v>
      </c>
      <c r="I32962" s="8">
        <v>2398788</v>
      </c>
      <c r="J32962" s="8">
        <v>456912</v>
      </c>
      <c r="K32962" s="9"/>
      <c r="L32962" s="6"/>
    </row>
    <row r="32963" spans="1:12">
      <c r="A32963" s="6" t="s">
        <v>33255</v>
      </c>
      <c r="B32963" s="6"/>
      <c r="C32963" s="6" t="s">
        <v>32230</v>
      </c>
      <c r="D32963" s="6"/>
      <c r="E32963" s="6" t="s">
        <v>9</v>
      </c>
      <c r="F32963" s="7">
        <v>29305</v>
      </c>
      <c r="G32963" s="8">
        <v>1613100</v>
      </c>
      <c r="H32963" s="8">
        <v>290358</v>
      </c>
      <c r="I32963" s="8">
        <v>1355004</v>
      </c>
      <c r="J32963" s="8">
        <v>258096</v>
      </c>
      <c r="K32963" s="9"/>
      <c r="L32963" s="6"/>
    </row>
    <row r="32964" spans="1:12">
      <c r="A32964" s="6" t="s">
        <v>33256</v>
      </c>
      <c r="B32964" s="6"/>
      <c r="C32964" s="6" t="s">
        <v>32230</v>
      </c>
      <c r="D32964" s="6"/>
      <c r="E32964" s="6" t="s">
        <v>9</v>
      </c>
      <c r="F32964" s="7">
        <v>29305</v>
      </c>
      <c r="G32964" s="8">
        <v>342000</v>
      </c>
      <c r="H32964" s="8">
        <v>61560</v>
      </c>
      <c r="I32964" s="8">
        <v>287280</v>
      </c>
      <c r="J32964" s="8">
        <v>54720</v>
      </c>
      <c r="K32964" s="9"/>
      <c r="L32964" s="6"/>
    </row>
    <row r="32965" spans="1:12">
      <c r="A32965" s="6" t="s">
        <v>33257</v>
      </c>
      <c r="B32965" s="6"/>
      <c r="C32965" s="6" t="s">
        <v>32230</v>
      </c>
      <c r="D32965" s="6"/>
      <c r="E32965" s="6"/>
      <c r="F32965" s="7">
        <v>43191</v>
      </c>
      <c r="G32965" s="8">
        <v>14374800</v>
      </c>
      <c r="H32965" s="8">
        <v>13799808</v>
      </c>
      <c r="I32965" s="8">
        <v>862488</v>
      </c>
      <c r="J32965" s="8">
        <v>13512312</v>
      </c>
      <c r="K32965" s="9"/>
      <c r="L32965" s="6"/>
    </row>
    <row r="32966" spans="1:12">
      <c r="A32966" s="6" t="s">
        <v>33257</v>
      </c>
      <c r="B32966" s="6"/>
      <c r="C32966" s="6" t="s">
        <v>32230</v>
      </c>
      <c r="D32966" s="6"/>
      <c r="E32966" s="6"/>
      <c r="F32966" s="7">
        <v>42826</v>
      </c>
      <c r="G32966" s="8">
        <v>6210000</v>
      </c>
      <c r="H32966" s="8">
        <v>5893290</v>
      </c>
      <c r="I32966" s="8">
        <v>422280</v>
      </c>
      <c r="J32966" s="8">
        <v>5787720</v>
      </c>
      <c r="K32966" s="9"/>
      <c r="L32966" s="6"/>
    </row>
    <row r="32967" spans="1:12">
      <c r="A32967" s="6" t="s">
        <v>33257</v>
      </c>
      <c r="B32967" s="6"/>
      <c r="C32967" s="6" t="s">
        <v>32230</v>
      </c>
      <c r="D32967" s="6"/>
      <c r="E32967" s="6"/>
      <c r="F32967" s="7">
        <v>43191</v>
      </c>
      <c r="G32967" s="8">
        <v>7795440</v>
      </c>
      <c r="H32967" s="8">
        <v>7483624</v>
      </c>
      <c r="I32967" s="8">
        <v>467724</v>
      </c>
      <c r="J32967" s="8">
        <v>7327716</v>
      </c>
      <c r="K32967" s="9"/>
      <c r="L32967" s="6"/>
    </row>
    <row r="32968" spans="1:12">
      <c r="A32968" s="6" t="s">
        <v>33257</v>
      </c>
      <c r="B32968" s="6"/>
      <c r="C32968" s="6" t="s">
        <v>32230</v>
      </c>
      <c r="D32968" s="6"/>
      <c r="E32968" s="6" t="s">
        <v>9</v>
      </c>
      <c r="F32968" s="7">
        <v>29305</v>
      </c>
      <c r="G32968" s="8">
        <v>4239000</v>
      </c>
      <c r="H32968" s="8">
        <v>763020</v>
      </c>
      <c r="I32968" s="8">
        <v>3560760</v>
      </c>
      <c r="J32968" s="8">
        <v>678240</v>
      </c>
      <c r="K32968" s="9"/>
      <c r="L32968" s="6"/>
    </row>
    <row r="32969" spans="1:12">
      <c r="A32969" s="6" t="s">
        <v>33258</v>
      </c>
      <c r="B32969" s="6"/>
      <c r="C32969" s="6" t="s">
        <v>32230</v>
      </c>
      <c r="D32969" s="6"/>
      <c r="E32969" s="6" t="s">
        <v>9</v>
      </c>
      <c r="F32969" s="7">
        <v>42719</v>
      </c>
      <c r="G32969" s="8">
        <v>7976880</v>
      </c>
      <c r="H32969" s="8">
        <v>7338732</v>
      </c>
      <c r="I32969" s="8">
        <v>797685</v>
      </c>
      <c r="J32969" s="8">
        <v>7179195</v>
      </c>
      <c r="K32969" s="9"/>
      <c r="L32969" s="6"/>
    </row>
    <row r="32970" spans="1:12">
      <c r="A32970" s="6" t="s">
        <v>33259</v>
      </c>
      <c r="B32970" s="6"/>
      <c r="C32970" s="6" t="s">
        <v>32230</v>
      </c>
      <c r="D32970" s="6"/>
      <c r="E32970" s="6" t="s">
        <v>9</v>
      </c>
      <c r="F32970" s="7">
        <v>29305</v>
      </c>
      <c r="G32970" s="8">
        <v>653600</v>
      </c>
      <c r="H32970" s="8">
        <v>117648</v>
      </c>
      <c r="I32970" s="8">
        <v>549024</v>
      </c>
      <c r="J32970" s="8">
        <v>104576</v>
      </c>
      <c r="K32970" s="9"/>
      <c r="L32970" s="6"/>
    </row>
    <row r="32971" spans="1:12">
      <c r="A32971" s="6" t="s">
        <v>33260</v>
      </c>
      <c r="B32971" s="6"/>
      <c r="C32971" s="6" t="s">
        <v>32230</v>
      </c>
      <c r="D32971" s="6"/>
      <c r="E32971" s="6" t="s">
        <v>9</v>
      </c>
      <c r="F32971" s="7">
        <v>29305</v>
      </c>
      <c r="G32971" s="8">
        <v>478800</v>
      </c>
      <c r="H32971" s="8">
        <v>86184</v>
      </c>
      <c r="I32971" s="8">
        <v>402192</v>
      </c>
      <c r="J32971" s="8">
        <v>76608</v>
      </c>
      <c r="K32971" s="9"/>
      <c r="L32971" s="6"/>
    </row>
    <row r="32972" spans="1:12">
      <c r="A32972" s="6" t="s">
        <v>33261</v>
      </c>
      <c r="B32972" s="6"/>
      <c r="C32972" s="6" t="s">
        <v>32230</v>
      </c>
      <c r="D32972" s="6"/>
      <c r="E32972" s="6" t="s">
        <v>9</v>
      </c>
      <c r="F32972" s="7">
        <v>29305</v>
      </c>
      <c r="G32972" s="8">
        <v>484500</v>
      </c>
      <c r="H32972" s="8">
        <v>87210</v>
      </c>
      <c r="I32972" s="8">
        <v>406980</v>
      </c>
      <c r="J32972" s="8">
        <v>77520</v>
      </c>
      <c r="K32972" s="9"/>
      <c r="L32972" s="6"/>
    </row>
    <row r="32973" spans="1:12">
      <c r="A32973" s="6" t="s">
        <v>33262</v>
      </c>
      <c r="B32973" s="6"/>
      <c r="C32973" s="6" t="s">
        <v>32230</v>
      </c>
      <c r="D32973" s="6"/>
      <c r="E32973" s="6" t="s">
        <v>18740</v>
      </c>
      <c r="F32973" s="7">
        <v>40268</v>
      </c>
      <c r="G32973" s="8">
        <v>1366050</v>
      </c>
      <c r="H32973" s="8">
        <v>614728</v>
      </c>
      <c r="I32973" s="8">
        <v>819624</v>
      </c>
      <c r="J32973" s="8">
        <v>546426</v>
      </c>
      <c r="K32973" s="9"/>
      <c r="L32973" s="6"/>
    </row>
    <row r="32974" spans="1:12">
      <c r="A32974" s="6" t="s">
        <v>33263</v>
      </c>
      <c r="B32974" s="6"/>
      <c r="C32974" s="6" t="s">
        <v>32230</v>
      </c>
      <c r="D32974" s="6"/>
      <c r="E32974" s="6" t="s">
        <v>18740</v>
      </c>
      <c r="F32974" s="7">
        <v>44190</v>
      </c>
      <c r="G32974" s="8">
        <v>476300</v>
      </c>
      <c r="H32974" s="8">
        <v>476300</v>
      </c>
      <c r="I32974" s="8">
        <v>23815</v>
      </c>
      <c r="J32974" s="8">
        <v>452485</v>
      </c>
      <c r="K32974" s="9"/>
      <c r="L32974" s="6"/>
    </row>
    <row r="32975" spans="1:12">
      <c r="A32975" s="6" t="s">
        <v>33264</v>
      </c>
      <c r="B32975" s="6"/>
      <c r="C32975" s="6" t="s">
        <v>32230</v>
      </c>
      <c r="D32975" s="6"/>
      <c r="E32975" s="6" t="s">
        <v>18740</v>
      </c>
      <c r="F32975" s="7">
        <v>44175</v>
      </c>
      <c r="G32975" s="8">
        <v>1155000</v>
      </c>
      <c r="H32975" s="8">
        <v>1155000</v>
      </c>
      <c r="I32975" s="8">
        <v>57750</v>
      </c>
      <c r="J32975" s="8">
        <v>1097250</v>
      </c>
      <c r="K32975" s="9"/>
      <c r="L32975" s="6"/>
    </row>
    <row r="32976" spans="1:12">
      <c r="A32976" s="6" t="s">
        <v>33265</v>
      </c>
      <c r="B32976" s="6"/>
      <c r="C32976" s="6" t="s">
        <v>32230</v>
      </c>
      <c r="D32976" s="6"/>
      <c r="E32976" s="6" t="s">
        <v>18740</v>
      </c>
      <c r="F32976" s="7">
        <v>44186</v>
      </c>
      <c r="G32976" s="8">
        <v>72600</v>
      </c>
      <c r="H32976" s="8">
        <v>72600</v>
      </c>
      <c r="I32976" s="8">
        <v>4283</v>
      </c>
      <c r="J32976" s="8">
        <v>68317</v>
      </c>
      <c r="K32976" s="9"/>
      <c r="L32976" s="6"/>
    </row>
    <row r="32977" spans="1:12">
      <c r="A32977" s="6" t="s">
        <v>33266</v>
      </c>
      <c r="B32977" s="6"/>
      <c r="C32977" s="6" t="s">
        <v>32230</v>
      </c>
      <c r="D32977" s="6"/>
      <c r="E32977" s="6" t="s">
        <v>18740</v>
      </c>
      <c r="F32977" s="7">
        <v>44286</v>
      </c>
      <c r="G32977" s="8">
        <v>1031800</v>
      </c>
      <c r="H32977" s="8">
        <v>1031800</v>
      </c>
      <c r="I32977" s="8">
        <v>103180</v>
      </c>
      <c r="J32977" s="8">
        <v>928620</v>
      </c>
      <c r="K32977" s="9"/>
      <c r="L32977" s="6"/>
    </row>
    <row r="32978" spans="1:12">
      <c r="A32978" s="6" t="s">
        <v>33267</v>
      </c>
      <c r="B32978" s="6"/>
      <c r="C32978" s="6" t="s">
        <v>32230</v>
      </c>
      <c r="D32978" s="6"/>
      <c r="E32978" s="6" t="s">
        <v>18740</v>
      </c>
      <c r="F32978" s="7">
        <v>44286</v>
      </c>
      <c r="G32978" s="8">
        <v>1199000</v>
      </c>
      <c r="H32978" s="8">
        <v>1199000</v>
      </c>
      <c r="I32978" s="8">
        <v>59950</v>
      </c>
      <c r="J32978" s="8">
        <v>1139050</v>
      </c>
      <c r="K32978" s="9"/>
      <c r="L32978" s="6"/>
    </row>
    <row r="32979" spans="1:12">
      <c r="A32979" s="6" t="s">
        <v>33268</v>
      </c>
      <c r="B32979" s="6"/>
      <c r="C32979" s="6" t="s">
        <v>32230</v>
      </c>
      <c r="D32979" s="6"/>
      <c r="E32979" s="6" t="s">
        <v>18740</v>
      </c>
      <c r="F32979" s="7">
        <v>44208</v>
      </c>
      <c r="G32979" s="8">
        <v>2970000</v>
      </c>
      <c r="H32979" s="8">
        <v>2970000</v>
      </c>
      <c r="I32979" s="8">
        <v>297000</v>
      </c>
      <c r="J32979" s="8">
        <v>2673000</v>
      </c>
      <c r="K32979" s="9"/>
      <c r="L32979" s="6"/>
    </row>
    <row r="32980" spans="1:12">
      <c r="A32980" s="6" t="s">
        <v>33269</v>
      </c>
      <c r="B32980" s="6"/>
      <c r="C32980" s="6" t="s">
        <v>32230</v>
      </c>
      <c r="D32980" s="6"/>
      <c r="E32980" s="6" t="s">
        <v>18740</v>
      </c>
      <c r="F32980" s="7">
        <v>44280</v>
      </c>
      <c r="G32980" s="8">
        <v>1287000</v>
      </c>
      <c r="H32980" s="8">
        <v>1287000</v>
      </c>
      <c r="I32980" s="8">
        <v>29601</v>
      </c>
      <c r="J32980" s="8">
        <v>1257399</v>
      </c>
      <c r="K32980" s="9"/>
      <c r="L32980" s="6"/>
    </row>
    <row r="32981" spans="1:12">
      <c r="A32981" s="6" t="s">
        <v>33270</v>
      </c>
      <c r="B32981" s="6"/>
      <c r="C32981" s="6" t="s">
        <v>32230</v>
      </c>
      <c r="D32981" s="6"/>
      <c r="E32981" s="6" t="s">
        <v>18740</v>
      </c>
      <c r="F32981" s="7">
        <v>43555</v>
      </c>
      <c r="G32981" s="8">
        <v>745200</v>
      </c>
      <c r="H32981" s="8">
        <v>645344</v>
      </c>
      <c r="I32981" s="8">
        <v>149784</v>
      </c>
      <c r="J32981" s="8">
        <v>595416</v>
      </c>
      <c r="K32981" s="9"/>
      <c r="L32981" s="6"/>
    </row>
    <row r="32982" spans="1:12">
      <c r="A32982" s="6" t="s">
        <v>33271</v>
      </c>
      <c r="B32982" s="6"/>
      <c r="C32982" s="6" t="s">
        <v>32230</v>
      </c>
      <c r="D32982" s="6"/>
      <c r="E32982" s="6" t="s">
        <v>18740</v>
      </c>
      <c r="F32982" s="7">
        <v>44074</v>
      </c>
      <c r="G32982" s="8">
        <v>134509100</v>
      </c>
      <c r="H32982" s="8">
        <v>134509100</v>
      </c>
      <c r="I32982" s="8">
        <v>13450910</v>
      </c>
      <c r="J32982" s="8">
        <v>121058190</v>
      </c>
      <c r="K32982" s="9"/>
      <c r="L32982" s="6"/>
    </row>
    <row r="32983" spans="1:12">
      <c r="A32983" s="6" t="s">
        <v>33272</v>
      </c>
      <c r="B32983" s="6"/>
      <c r="C32983" s="6" t="s">
        <v>32230</v>
      </c>
      <c r="D32983" s="6"/>
      <c r="E32983" s="6" t="s">
        <v>18740</v>
      </c>
      <c r="F32983" s="7">
        <v>44089</v>
      </c>
      <c r="G32983" s="8">
        <v>121318280</v>
      </c>
      <c r="H32983" s="8">
        <v>121318280</v>
      </c>
      <c r="I32983" s="8">
        <v>12131828</v>
      </c>
      <c r="J32983" s="8">
        <v>109186452</v>
      </c>
      <c r="K32983" s="9"/>
      <c r="L32983" s="6"/>
    </row>
    <row r="32984" spans="1:12">
      <c r="A32984" s="6" t="s">
        <v>33273</v>
      </c>
      <c r="B32984" s="6"/>
      <c r="C32984" s="6" t="s">
        <v>32230</v>
      </c>
      <c r="D32984" s="6"/>
      <c r="E32984" s="6" t="s">
        <v>18740</v>
      </c>
      <c r="F32984" s="7">
        <v>44048</v>
      </c>
      <c r="G32984" s="8">
        <v>1298000</v>
      </c>
      <c r="H32984" s="8">
        <v>1298000</v>
      </c>
      <c r="I32984" s="8">
        <v>29854</v>
      </c>
      <c r="J32984" s="8">
        <v>1268146</v>
      </c>
      <c r="K32984" s="9"/>
      <c r="L32984" s="6"/>
    </row>
    <row r="32985" spans="1:12">
      <c r="A32985" s="6" t="s">
        <v>33274</v>
      </c>
      <c r="B32985" s="6"/>
      <c r="C32985" s="6" t="s">
        <v>32230</v>
      </c>
      <c r="D32985" s="6"/>
      <c r="E32985" s="6" t="s">
        <v>18740</v>
      </c>
      <c r="F32985" s="7">
        <v>44027</v>
      </c>
      <c r="G32985" s="8">
        <v>107030000</v>
      </c>
      <c r="H32985" s="8">
        <v>107030000</v>
      </c>
      <c r="I32985" s="8">
        <v>1819510</v>
      </c>
      <c r="J32985" s="8">
        <v>105210490</v>
      </c>
      <c r="K32985" s="9"/>
      <c r="L32985" s="6"/>
    </row>
    <row r="32986" spans="1:12">
      <c r="A32986" s="6" t="s">
        <v>33275</v>
      </c>
      <c r="B32986" s="6"/>
      <c r="C32986" s="6" t="s">
        <v>32230</v>
      </c>
      <c r="D32986" s="6"/>
      <c r="E32986" s="6" t="s">
        <v>18740</v>
      </c>
      <c r="F32986" s="7">
        <v>44060</v>
      </c>
      <c r="G32986" s="8">
        <v>96800000</v>
      </c>
      <c r="H32986" s="8">
        <v>96800000</v>
      </c>
      <c r="I32986" s="8">
        <v>9680000</v>
      </c>
      <c r="J32986" s="8">
        <v>87120000</v>
      </c>
      <c r="K32986" s="9"/>
      <c r="L32986" s="6"/>
    </row>
    <row r="32987" spans="1:12">
      <c r="A32987" s="6" t="s">
        <v>33276</v>
      </c>
      <c r="B32987" s="6"/>
      <c r="C32987" s="6" t="s">
        <v>32230</v>
      </c>
      <c r="D32987" s="6"/>
      <c r="E32987" s="6" t="s">
        <v>18740</v>
      </c>
      <c r="F32987" s="7">
        <v>43971</v>
      </c>
      <c r="G32987" s="8">
        <v>657800</v>
      </c>
      <c r="H32987" s="8">
        <v>657800</v>
      </c>
      <c r="I32987" s="8">
        <v>65780</v>
      </c>
      <c r="J32987" s="8">
        <v>592020</v>
      </c>
      <c r="K32987" s="9"/>
      <c r="L32987" s="6"/>
    </row>
    <row r="32988" spans="1:12">
      <c r="A32988" s="6" t="s">
        <v>33277</v>
      </c>
      <c r="B32988" s="6"/>
      <c r="C32988" s="6" t="s">
        <v>32230</v>
      </c>
      <c r="D32988" s="6"/>
      <c r="E32988" s="6" t="s">
        <v>18740</v>
      </c>
      <c r="F32988" s="7">
        <v>44022</v>
      </c>
      <c r="G32988" s="8">
        <v>737000</v>
      </c>
      <c r="H32988" s="8">
        <v>737000</v>
      </c>
      <c r="I32988" s="8">
        <v>43483</v>
      </c>
      <c r="J32988" s="8">
        <v>693517</v>
      </c>
      <c r="K32988" s="9"/>
      <c r="L32988" s="6"/>
    </row>
    <row r="32989" spans="1:12">
      <c r="A32989" s="6" t="s">
        <v>33278</v>
      </c>
      <c r="B32989" s="6"/>
      <c r="C32989" s="6" t="s">
        <v>32230</v>
      </c>
      <c r="D32989" s="6"/>
      <c r="E32989" s="6" t="s">
        <v>9</v>
      </c>
      <c r="F32989" s="7">
        <v>29305</v>
      </c>
      <c r="G32989" s="8">
        <v>1246400</v>
      </c>
      <c r="H32989" s="8">
        <v>224352</v>
      </c>
      <c r="I32989" s="8">
        <v>1046976</v>
      </c>
      <c r="J32989" s="8">
        <v>199424</v>
      </c>
      <c r="K32989" s="9"/>
      <c r="L32989" s="6"/>
    </row>
    <row r="32990" spans="1:12">
      <c r="A32990" s="6" t="s">
        <v>33279</v>
      </c>
      <c r="B32990" s="6"/>
      <c r="C32990" s="6" t="s">
        <v>32230</v>
      </c>
      <c r="D32990" s="6"/>
      <c r="E32990" s="6" t="s">
        <v>9</v>
      </c>
      <c r="F32990" s="7">
        <v>29305</v>
      </c>
      <c r="G32990" s="8">
        <v>1067800</v>
      </c>
      <c r="H32990" s="8">
        <v>192204</v>
      </c>
      <c r="I32990" s="8">
        <v>896952</v>
      </c>
      <c r="J32990" s="8">
        <v>170848</v>
      </c>
      <c r="K32990" s="9"/>
      <c r="L32990" s="6"/>
    </row>
    <row r="32991" spans="1:12">
      <c r="A32991" s="6" t="s">
        <v>33280</v>
      </c>
      <c r="B32991" s="6"/>
      <c r="C32991" s="6" t="s">
        <v>32230</v>
      </c>
      <c r="D32991" s="6"/>
      <c r="E32991" s="6" t="s">
        <v>9</v>
      </c>
      <c r="F32991" s="7">
        <v>29305</v>
      </c>
      <c r="G32991" s="8">
        <v>63833400</v>
      </c>
      <c r="H32991" s="8">
        <v>11490012</v>
      </c>
      <c r="I32991" s="8">
        <v>53620056</v>
      </c>
      <c r="J32991" s="8">
        <v>10213344</v>
      </c>
      <c r="K32991" s="9"/>
      <c r="L32991" s="6"/>
    </row>
    <row r="32992" spans="1:12">
      <c r="A32992" s="6" t="s">
        <v>33281</v>
      </c>
      <c r="B32992" s="6"/>
      <c r="C32992" s="6" t="s">
        <v>32230</v>
      </c>
      <c r="D32992" s="6"/>
      <c r="E32992" s="6" t="s">
        <v>9</v>
      </c>
      <c r="F32992" s="7">
        <v>29305</v>
      </c>
      <c r="G32992" s="8">
        <v>1862000</v>
      </c>
      <c r="H32992" s="8">
        <v>335160</v>
      </c>
      <c r="I32992" s="8">
        <v>1564080</v>
      </c>
      <c r="J32992" s="8">
        <v>297920</v>
      </c>
      <c r="K32992" s="9"/>
      <c r="L32992" s="6"/>
    </row>
    <row r="32993" spans="1:12">
      <c r="A32993" s="6" t="s">
        <v>33282</v>
      </c>
      <c r="B32993" s="6"/>
      <c r="C32993" s="6" t="s">
        <v>32230</v>
      </c>
      <c r="D32993" s="6"/>
      <c r="E32993" s="6" t="s">
        <v>9</v>
      </c>
      <c r="F32993" s="7">
        <v>29305</v>
      </c>
      <c r="G32993" s="8">
        <v>3446600</v>
      </c>
      <c r="H32993" s="8">
        <v>620388</v>
      </c>
      <c r="I32993" s="8">
        <v>2895144</v>
      </c>
      <c r="J32993" s="8">
        <v>551456</v>
      </c>
      <c r="K32993" s="9"/>
      <c r="L32993" s="6"/>
    </row>
    <row r="32994" spans="1:12">
      <c r="A32994" s="6" t="s">
        <v>33283</v>
      </c>
      <c r="B32994" s="6"/>
      <c r="C32994" s="6" t="s">
        <v>32230</v>
      </c>
      <c r="D32994" s="6"/>
      <c r="E32994" s="6" t="s">
        <v>9</v>
      </c>
      <c r="F32994" s="7">
        <v>29305</v>
      </c>
      <c r="G32994" s="8">
        <v>3205300</v>
      </c>
      <c r="H32994" s="8">
        <v>576954</v>
      </c>
      <c r="I32994" s="8">
        <v>2692452</v>
      </c>
      <c r="J32994" s="8">
        <v>512848</v>
      </c>
      <c r="K32994" s="9"/>
      <c r="L32994" s="6"/>
    </row>
    <row r="32995" spans="1:12">
      <c r="A32995" s="6" t="s">
        <v>33284</v>
      </c>
      <c r="B32995" s="6"/>
      <c r="C32995" s="6" t="s">
        <v>32230</v>
      </c>
      <c r="D32995" s="6"/>
      <c r="E32995" s="6" t="s">
        <v>9</v>
      </c>
      <c r="F32995" s="7">
        <v>29305</v>
      </c>
      <c r="G32995" s="8">
        <v>4514400</v>
      </c>
      <c r="H32995" s="8">
        <v>812592</v>
      </c>
      <c r="I32995" s="8">
        <v>3792096</v>
      </c>
      <c r="J32995" s="8">
        <v>722304</v>
      </c>
      <c r="K32995" s="9"/>
      <c r="L32995" s="6"/>
    </row>
    <row r="32996" spans="1:12">
      <c r="A32996" s="6" t="s">
        <v>33285</v>
      </c>
      <c r="B32996" s="6"/>
      <c r="C32996" s="6" t="s">
        <v>32230</v>
      </c>
      <c r="D32996" s="6"/>
      <c r="E32996" s="6" t="s">
        <v>9</v>
      </c>
      <c r="F32996" s="7">
        <v>36980</v>
      </c>
      <c r="G32996" s="8">
        <v>54650700</v>
      </c>
      <c r="H32996" s="8">
        <v>32790420</v>
      </c>
      <c r="I32996" s="8">
        <v>22953294</v>
      </c>
      <c r="J32996" s="8">
        <v>31697406</v>
      </c>
      <c r="K32996" s="9"/>
      <c r="L32996" s="6"/>
    </row>
    <row r="32997" spans="1:12">
      <c r="A32997" s="6" t="s">
        <v>33286</v>
      </c>
      <c r="B32997" s="6"/>
      <c r="C32997" s="6" t="s">
        <v>32230</v>
      </c>
      <c r="D32997" s="6"/>
      <c r="E32997" s="6" t="s">
        <v>9</v>
      </c>
      <c r="F32997" s="7">
        <v>29305</v>
      </c>
      <c r="G32997" s="8">
        <v>1124800</v>
      </c>
      <c r="H32997" s="8">
        <v>202464</v>
      </c>
      <c r="I32997" s="8">
        <v>944832</v>
      </c>
      <c r="J32997" s="8">
        <v>179968</v>
      </c>
      <c r="K32997" s="9"/>
      <c r="L32997" s="6"/>
    </row>
    <row r="32998" spans="1:12">
      <c r="A32998" s="6" t="s">
        <v>33287</v>
      </c>
      <c r="B32998" s="6"/>
      <c r="C32998" s="6" t="s">
        <v>32230</v>
      </c>
      <c r="D32998" s="6"/>
      <c r="E32998" s="6" t="s">
        <v>9</v>
      </c>
      <c r="F32998" s="7">
        <v>29305</v>
      </c>
      <c r="G32998" s="8">
        <v>4957200</v>
      </c>
      <c r="H32998" s="8">
        <v>892296</v>
      </c>
      <c r="I32998" s="8">
        <v>4164048</v>
      </c>
      <c r="J32998" s="8">
        <v>793152</v>
      </c>
      <c r="K32998" s="9"/>
      <c r="L32998" s="6"/>
    </row>
    <row r="32999" spans="1:12">
      <c r="A32999" s="6" t="s">
        <v>33288</v>
      </c>
      <c r="B32999" s="6"/>
      <c r="C32999" s="6" t="s">
        <v>32230</v>
      </c>
      <c r="D32999" s="6"/>
      <c r="E32999" s="6" t="s">
        <v>9</v>
      </c>
      <c r="F32999" s="7">
        <v>29305</v>
      </c>
      <c r="G32999" s="8">
        <v>13689000</v>
      </c>
      <c r="H32999" s="8">
        <v>2464020</v>
      </c>
      <c r="I32999" s="8">
        <v>11498760</v>
      </c>
      <c r="J32999" s="8">
        <v>2190240</v>
      </c>
      <c r="K32999" s="9"/>
      <c r="L32999" s="6"/>
    </row>
    <row r="33000" spans="1:12">
      <c r="A33000" s="6" t="s">
        <v>33289</v>
      </c>
      <c r="B33000" s="6"/>
      <c r="C33000" s="6" t="s">
        <v>32230</v>
      </c>
      <c r="D33000" s="6"/>
      <c r="E33000" s="6" t="s">
        <v>9</v>
      </c>
      <c r="F33000" s="7">
        <v>29305</v>
      </c>
      <c r="G33000" s="8">
        <v>6949800</v>
      </c>
      <c r="H33000" s="8">
        <v>1250964</v>
      </c>
      <c r="I33000" s="8">
        <v>5837832</v>
      </c>
      <c r="J33000" s="8">
        <v>1111968</v>
      </c>
      <c r="K33000" s="9"/>
      <c r="L33000" s="6"/>
    </row>
    <row r="33001" spans="1:12">
      <c r="A33001" s="6" t="s">
        <v>33290</v>
      </c>
      <c r="B33001" s="6"/>
      <c r="C33001" s="6" t="s">
        <v>32230</v>
      </c>
      <c r="D33001" s="6"/>
      <c r="E33001" s="6" t="s">
        <v>9</v>
      </c>
      <c r="F33001" s="7">
        <v>29305</v>
      </c>
      <c r="G33001" s="8">
        <v>661200</v>
      </c>
      <c r="H33001" s="8">
        <v>119016</v>
      </c>
      <c r="I33001" s="8">
        <v>555408</v>
      </c>
      <c r="J33001" s="8">
        <v>105792</v>
      </c>
      <c r="K33001" s="9"/>
      <c r="L33001" s="6"/>
    </row>
    <row r="33002" spans="1:12">
      <c r="A33002" s="6" t="s">
        <v>33185</v>
      </c>
      <c r="B33002" s="6"/>
      <c r="C33002" s="6" t="s">
        <v>32230</v>
      </c>
      <c r="D33002" s="6"/>
      <c r="E33002" s="6" t="s">
        <v>9</v>
      </c>
      <c r="F33002" s="7"/>
      <c r="G33002" s="8">
        <v>1</v>
      </c>
      <c r="H33002" s="8">
        <v>1</v>
      </c>
      <c r="I33002" s="8">
        <v>0</v>
      </c>
      <c r="J33002" s="8">
        <v>1</v>
      </c>
      <c r="K33002" s="9"/>
      <c r="L33002" s="6"/>
    </row>
    <row r="33003" spans="1:12">
      <c r="A33003" s="6" t="s">
        <v>33291</v>
      </c>
      <c r="B33003" s="6"/>
      <c r="C33003" s="6" t="s">
        <v>32230</v>
      </c>
      <c r="D33003" s="6"/>
      <c r="E33003" s="6" t="s">
        <v>9</v>
      </c>
      <c r="F33003" s="7">
        <v>29305</v>
      </c>
      <c r="G33003" s="8">
        <v>14755500</v>
      </c>
      <c r="H33003" s="8">
        <v>2655990</v>
      </c>
      <c r="I33003" s="8">
        <v>12394620</v>
      </c>
      <c r="J33003" s="8">
        <v>2360880</v>
      </c>
      <c r="K33003" s="9"/>
      <c r="L33003" s="6"/>
    </row>
    <row r="33004" spans="1:12">
      <c r="A33004" s="6" t="s">
        <v>33292</v>
      </c>
      <c r="B33004" s="6"/>
      <c r="C33004" s="6" t="s">
        <v>32230</v>
      </c>
      <c r="D33004" s="6"/>
      <c r="E33004" s="6" t="s">
        <v>9</v>
      </c>
      <c r="F33004" s="7">
        <v>29305</v>
      </c>
      <c r="G33004" s="8">
        <v>2114700</v>
      </c>
      <c r="H33004" s="8">
        <v>380646</v>
      </c>
      <c r="I33004" s="8">
        <v>1776348</v>
      </c>
      <c r="J33004" s="8">
        <v>338352</v>
      </c>
      <c r="K33004" s="9"/>
      <c r="L33004" s="6"/>
    </row>
    <row r="33005" spans="1:12">
      <c r="A33005" s="6" t="s">
        <v>33293</v>
      </c>
      <c r="B33005" s="6"/>
      <c r="C33005" s="6" t="s">
        <v>32230</v>
      </c>
      <c r="D33005" s="6"/>
      <c r="E33005" s="6" t="s">
        <v>9</v>
      </c>
      <c r="F33005" s="7">
        <v>32233</v>
      </c>
      <c r="G33005" s="8">
        <v>71085600</v>
      </c>
      <c r="H33005" s="8">
        <v>24169104</v>
      </c>
      <c r="I33005" s="8">
        <v>48338208</v>
      </c>
      <c r="J33005" s="8">
        <v>22747392</v>
      </c>
      <c r="K33005" s="9"/>
      <c r="L33005" s="6"/>
    </row>
    <row r="33006" spans="1:12">
      <c r="A33006" s="6" t="s">
        <v>33294</v>
      </c>
      <c r="B33006" s="6"/>
      <c r="C33006" s="6" t="s">
        <v>32230</v>
      </c>
      <c r="D33006" s="6"/>
      <c r="E33006" s="6" t="s">
        <v>9</v>
      </c>
      <c r="F33006" s="7">
        <v>29305</v>
      </c>
      <c r="G33006" s="8">
        <v>11485800</v>
      </c>
      <c r="H33006" s="8">
        <v>2067444</v>
      </c>
      <c r="I33006" s="8">
        <v>9648072</v>
      </c>
      <c r="J33006" s="8">
        <v>1837728</v>
      </c>
      <c r="K33006" s="9"/>
      <c r="L33006" s="6"/>
    </row>
    <row r="33007" spans="1:12">
      <c r="A33007" s="6" t="s">
        <v>33295</v>
      </c>
      <c r="B33007" s="6"/>
      <c r="C33007" s="6" t="s">
        <v>32230</v>
      </c>
      <c r="D33007" s="6"/>
      <c r="E33007" s="6" t="s">
        <v>9</v>
      </c>
      <c r="F33007" s="7">
        <v>29305</v>
      </c>
      <c r="G33007" s="8">
        <v>16831800</v>
      </c>
      <c r="H33007" s="8">
        <v>3029724</v>
      </c>
      <c r="I33007" s="8">
        <v>14138712</v>
      </c>
      <c r="J33007" s="8">
        <v>2693088</v>
      </c>
      <c r="K33007" s="9"/>
      <c r="L33007" s="6"/>
    </row>
    <row r="33008" spans="1:12">
      <c r="A33008" s="6" t="s">
        <v>33296</v>
      </c>
      <c r="B33008" s="6"/>
      <c r="C33008" s="6" t="s">
        <v>32230</v>
      </c>
      <c r="D33008" s="6"/>
      <c r="E33008" s="6" t="s">
        <v>9</v>
      </c>
      <c r="F33008" s="7">
        <v>29305</v>
      </c>
      <c r="G33008" s="8">
        <v>27677700</v>
      </c>
      <c r="H33008" s="8">
        <v>4981986</v>
      </c>
      <c r="I33008" s="8">
        <v>23249268</v>
      </c>
      <c r="J33008" s="8">
        <v>4428432</v>
      </c>
      <c r="K33008" s="9"/>
      <c r="L33008" s="6"/>
    </row>
    <row r="33009" spans="1:12">
      <c r="A33009" s="6" t="s">
        <v>33297</v>
      </c>
      <c r="B33009" s="6"/>
      <c r="C33009" s="6" t="s">
        <v>32230</v>
      </c>
      <c r="D33009" s="6"/>
      <c r="E33009" s="6" t="s">
        <v>9</v>
      </c>
      <c r="F33009" s="7">
        <v>29305</v>
      </c>
      <c r="G33009" s="8">
        <v>6577200</v>
      </c>
      <c r="H33009" s="8">
        <v>1183896</v>
      </c>
      <c r="I33009" s="8">
        <v>5524848</v>
      </c>
      <c r="J33009" s="8">
        <v>1052352</v>
      </c>
      <c r="K33009" s="9"/>
      <c r="L33009" s="6"/>
    </row>
    <row r="33010" spans="1:12">
      <c r="A33010" s="6" t="s">
        <v>33298</v>
      </c>
      <c r="B33010" s="6"/>
      <c r="C33010" s="6" t="s">
        <v>32230</v>
      </c>
      <c r="D33010" s="6"/>
      <c r="E33010" s="6" t="s">
        <v>9</v>
      </c>
      <c r="F33010" s="7">
        <v>29305</v>
      </c>
      <c r="G33010" s="8">
        <v>10449000</v>
      </c>
      <c r="H33010" s="8">
        <v>1880820</v>
      </c>
      <c r="I33010" s="8">
        <v>8777160</v>
      </c>
      <c r="J33010" s="8">
        <v>1671840</v>
      </c>
      <c r="K33010" s="9"/>
      <c r="L33010" s="6"/>
    </row>
    <row r="33011" spans="1:12">
      <c r="A33011" s="6" t="s">
        <v>33299</v>
      </c>
      <c r="B33011" s="6"/>
      <c r="C33011" s="6" t="s">
        <v>32230</v>
      </c>
      <c r="D33011" s="6"/>
      <c r="E33011" s="6" t="s">
        <v>9</v>
      </c>
      <c r="F33011" s="7">
        <v>29305</v>
      </c>
      <c r="G33011" s="8">
        <v>3863700</v>
      </c>
      <c r="H33011" s="8">
        <v>695466</v>
      </c>
      <c r="I33011" s="8">
        <v>3245508</v>
      </c>
      <c r="J33011" s="8">
        <v>618192</v>
      </c>
      <c r="K33011" s="9"/>
      <c r="L33011" s="6"/>
    </row>
    <row r="33012" spans="1:12">
      <c r="A33012" s="6" t="s">
        <v>33300</v>
      </c>
      <c r="B33012" s="6"/>
      <c r="C33012" s="6" t="s">
        <v>32230</v>
      </c>
      <c r="D33012" s="6"/>
      <c r="E33012" s="6" t="s">
        <v>9</v>
      </c>
      <c r="F33012" s="7">
        <v>29305</v>
      </c>
      <c r="G33012" s="8">
        <v>10505700</v>
      </c>
      <c r="H33012" s="8">
        <v>1891026</v>
      </c>
      <c r="I33012" s="8">
        <v>8824788</v>
      </c>
      <c r="J33012" s="8">
        <v>1680912</v>
      </c>
      <c r="K33012" s="9"/>
      <c r="L33012" s="6"/>
    </row>
    <row r="33013" spans="1:12">
      <c r="A33013" s="6" t="s">
        <v>33301</v>
      </c>
      <c r="B33013" s="6"/>
      <c r="C33013" s="6" t="s">
        <v>32230</v>
      </c>
      <c r="D33013" s="6"/>
      <c r="E33013" s="6" t="s">
        <v>9</v>
      </c>
      <c r="F33013" s="7">
        <v>29305</v>
      </c>
      <c r="G33013" s="8">
        <v>9801000</v>
      </c>
      <c r="H33013" s="8">
        <v>1764180</v>
      </c>
      <c r="I33013" s="8">
        <v>8232840</v>
      </c>
      <c r="J33013" s="8">
        <v>1568160</v>
      </c>
      <c r="K33013" s="9"/>
      <c r="L33013" s="6"/>
    </row>
    <row r="33014" spans="1:12">
      <c r="A33014" s="6" t="s">
        <v>33302</v>
      </c>
      <c r="B33014" s="6"/>
      <c r="C33014" s="6" t="s">
        <v>32230</v>
      </c>
      <c r="D33014" s="6"/>
      <c r="E33014" s="6" t="s">
        <v>9</v>
      </c>
      <c r="F33014" s="7">
        <v>29305</v>
      </c>
      <c r="G33014" s="8">
        <v>62661600</v>
      </c>
      <c r="H33014" s="8">
        <v>11279088</v>
      </c>
      <c r="I33014" s="8">
        <v>52635744</v>
      </c>
      <c r="J33014" s="8">
        <v>10025856</v>
      </c>
      <c r="K33014" s="9"/>
      <c r="L33014" s="6"/>
    </row>
    <row r="33015" spans="1:12">
      <c r="A33015" s="6" t="s">
        <v>33303</v>
      </c>
      <c r="B33015" s="6"/>
      <c r="C33015" s="6" t="s">
        <v>32230</v>
      </c>
      <c r="D33015" s="6"/>
      <c r="E33015" s="6" t="s">
        <v>9</v>
      </c>
      <c r="F33015" s="7">
        <v>29305</v>
      </c>
      <c r="G33015" s="8">
        <v>35170200</v>
      </c>
      <c r="H33015" s="8">
        <v>6330636</v>
      </c>
      <c r="I33015" s="8">
        <v>29542968</v>
      </c>
      <c r="J33015" s="8">
        <v>5627232</v>
      </c>
      <c r="K33015" s="9"/>
      <c r="L33015" s="6"/>
    </row>
    <row r="33016" spans="1:12">
      <c r="A33016" s="6" t="s">
        <v>33304</v>
      </c>
      <c r="B33016" s="6"/>
      <c r="C33016" s="6" t="s">
        <v>32230</v>
      </c>
      <c r="D33016" s="6"/>
      <c r="E33016" s="6" t="s">
        <v>9</v>
      </c>
      <c r="F33016" s="7">
        <v>29305</v>
      </c>
      <c r="G33016" s="8">
        <v>8667000</v>
      </c>
      <c r="H33016" s="8">
        <v>1560060</v>
      </c>
      <c r="I33016" s="8">
        <v>7280280</v>
      </c>
      <c r="J33016" s="8">
        <v>1386720</v>
      </c>
      <c r="K33016" s="9"/>
      <c r="L33016" s="6"/>
    </row>
    <row r="33017" spans="1:12">
      <c r="A33017" s="6" t="s">
        <v>33305</v>
      </c>
      <c r="B33017" s="6"/>
      <c r="C33017" s="6" t="s">
        <v>32230</v>
      </c>
      <c r="D33017" s="6"/>
      <c r="E33017" s="6" t="s">
        <v>9</v>
      </c>
      <c r="F33017" s="7">
        <v>29305</v>
      </c>
      <c r="G33017" s="8">
        <v>8245800</v>
      </c>
      <c r="H33017" s="8">
        <v>1484244</v>
      </c>
      <c r="I33017" s="8">
        <v>6926472</v>
      </c>
      <c r="J33017" s="8">
        <v>1319328</v>
      </c>
      <c r="K33017" s="9"/>
      <c r="L33017" s="6"/>
    </row>
    <row r="33018" spans="1:12">
      <c r="A33018" s="6" t="s">
        <v>33306</v>
      </c>
      <c r="B33018" s="6"/>
      <c r="C33018" s="6" t="s">
        <v>32230</v>
      </c>
      <c r="D33018" s="6"/>
      <c r="E33018" s="6" t="s">
        <v>9</v>
      </c>
      <c r="F33018" s="7">
        <v>29305</v>
      </c>
      <c r="G33018" s="8">
        <v>8027100</v>
      </c>
      <c r="H33018" s="8">
        <v>1444878</v>
      </c>
      <c r="I33018" s="8">
        <v>6742764</v>
      </c>
      <c r="J33018" s="8">
        <v>1284336</v>
      </c>
      <c r="K33018" s="9"/>
      <c r="L33018" s="6"/>
    </row>
    <row r="33019" spans="1:12">
      <c r="A33019" s="6" t="s">
        <v>33307</v>
      </c>
      <c r="B33019" s="6"/>
      <c r="C33019" s="6" t="s">
        <v>32230</v>
      </c>
      <c r="D33019" s="6"/>
      <c r="E33019" s="6" t="s">
        <v>9</v>
      </c>
      <c r="F33019" s="7">
        <v>29305</v>
      </c>
      <c r="G33019" s="8">
        <v>8140500</v>
      </c>
      <c r="H33019" s="8">
        <v>1465290</v>
      </c>
      <c r="I33019" s="8">
        <v>6838020</v>
      </c>
      <c r="J33019" s="8">
        <v>1302480</v>
      </c>
      <c r="K33019" s="9"/>
      <c r="L33019" s="6"/>
    </row>
    <row r="33020" spans="1:12">
      <c r="A33020" s="6" t="s">
        <v>33308</v>
      </c>
      <c r="B33020" s="6"/>
      <c r="C33020" s="6" t="s">
        <v>32230</v>
      </c>
      <c r="D33020" s="6"/>
      <c r="E33020" s="6" t="s">
        <v>9</v>
      </c>
      <c r="F33020" s="7">
        <v>29305</v>
      </c>
      <c r="G33020" s="8">
        <v>7403400</v>
      </c>
      <c r="H33020" s="8">
        <v>1332612</v>
      </c>
      <c r="I33020" s="8">
        <v>6218856</v>
      </c>
      <c r="J33020" s="8">
        <v>1184544</v>
      </c>
      <c r="K33020" s="9"/>
      <c r="L33020" s="6"/>
    </row>
    <row r="33021" spans="1:12">
      <c r="A33021" s="6" t="s">
        <v>33309</v>
      </c>
      <c r="B33021" s="6"/>
      <c r="C33021" s="6" t="s">
        <v>32230</v>
      </c>
      <c r="D33021" s="6"/>
      <c r="E33021" s="6" t="s">
        <v>9</v>
      </c>
      <c r="F33021" s="7">
        <v>29305</v>
      </c>
      <c r="G33021" s="8">
        <v>7994700</v>
      </c>
      <c r="H33021" s="8">
        <v>1439046</v>
      </c>
      <c r="I33021" s="8">
        <v>6715548</v>
      </c>
      <c r="J33021" s="8">
        <v>1279152</v>
      </c>
      <c r="K33021" s="9"/>
      <c r="L33021" s="6"/>
    </row>
    <row r="33022" spans="1:12">
      <c r="A33022" s="6" t="s">
        <v>33310</v>
      </c>
      <c r="B33022" s="6"/>
      <c r="C33022" s="6" t="s">
        <v>32230</v>
      </c>
      <c r="D33022" s="6"/>
      <c r="E33022" s="6" t="s">
        <v>9</v>
      </c>
      <c r="F33022" s="7">
        <v>29305</v>
      </c>
      <c r="G33022" s="8">
        <v>7686900</v>
      </c>
      <c r="H33022" s="8">
        <v>1383642</v>
      </c>
      <c r="I33022" s="8">
        <v>6456996</v>
      </c>
      <c r="J33022" s="8">
        <v>1229904</v>
      </c>
      <c r="K33022" s="9"/>
      <c r="L33022" s="6"/>
    </row>
    <row r="33023" spans="1:12">
      <c r="A33023" s="6" t="s">
        <v>33311</v>
      </c>
      <c r="B33023" s="6"/>
      <c r="C33023" s="6" t="s">
        <v>32230</v>
      </c>
      <c r="D33023" s="6"/>
      <c r="E33023" s="6" t="s">
        <v>9</v>
      </c>
      <c r="F33023" s="7">
        <v>29305</v>
      </c>
      <c r="G33023" s="8">
        <v>22631400</v>
      </c>
      <c r="H33023" s="8">
        <v>4073652</v>
      </c>
      <c r="I33023" s="8">
        <v>19010376</v>
      </c>
      <c r="J33023" s="8">
        <v>3621024</v>
      </c>
      <c r="K33023" s="9"/>
      <c r="L33023" s="6"/>
    </row>
    <row r="33024" spans="1:12">
      <c r="A33024" s="6" t="s">
        <v>33312</v>
      </c>
      <c r="B33024" s="6"/>
      <c r="C33024" s="6" t="s">
        <v>32230</v>
      </c>
      <c r="D33024" s="6"/>
      <c r="E33024" s="6" t="s">
        <v>9</v>
      </c>
      <c r="F33024" s="7">
        <v>29305</v>
      </c>
      <c r="G33024" s="8">
        <v>7897500</v>
      </c>
      <c r="H33024" s="8">
        <v>1421550</v>
      </c>
      <c r="I33024" s="8">
        <v>6633900</v>
      </c>
      <c r="J33024" s="8">
        <v>1263600</v>
      </c>
      <c r="K33024" s="9"/>
      <c r="L33024" s="6"/>
    </row>
    <row r="33025" spans="1:12">
      <c r="A33025" s="6" t="s">
        <v>33313</v>
      </c>
      <c r="B33025" s="6"/>
      <c r="C33025" s="6" t="s">
        <v>32230</v>
      </c>
      <c r="D33025" s="6"/>
      <c r="E33025" s="6" t="s">
        <v>9</v>
      </c>
      <c r="F33025" s="7">
        <v>29305</v>
      </c>
      <c r="G33025" s="8">
        <v>7857000</v>
      </c>
      <c r="H33025" s="8">
        <v>1414260</v>
      </c>
      <c r="I33025" s="8">
        <v>6599880</v>
      </c>
      <c r="J33025" s="8">
        <v>1257120</v>
      </c>
      <c r="K33025" s="9"/>
      <c r="L33025" s="6"/>
    </row>
    <row r="33026" spans="1:12">
      <c r="A33026" s="6" t="s">
        <v>33314</v>
      </c>
      <c r="B33026" s="6"/>
      <c r="C33026" s="6" t="s">
        <v>32230</v>
      </c>
      <c r="D33026" s="6"/>
      <c r="E33026" s="6" t="s">
        <v>9</v>
      </c>
      <c r="F33026" s="7">
        <v>29305</v>
      </c>
      <c r="G33026" s="8">
        <v>8043300</v>
      </c>
      <c r="H33026" s="8">
        <v>1447794</v>
      </c>
      <c r="I33026" s="8">
        <v>6756372</v>
      </c>
      <c r="J33026" s="8">
        <v>1286928</v>
      </c>
      <c r="K33026" s="9"/>
      <c r="L33026" s="6"/>
    </row>
    <row r="33027" spans="1:12">
      <c r="A33027" s="6" t="s">
        <v>33315</v>
      </c>
      <c r="B33027" s="6"/>
      <c r="C33027" s="6" t="s">
        <v>32230</v>
      </c>
      <c r="D33027" s="6"/>
      <c r="E33027" s="6" t="s">
        <v>9</v>
      </c>
      <c r="F33027" s="7">
        <v>29305</v>
      </c>
      <c r="G33027" s="8">
        <v>9185400</v>
      </c>
      <c r="H33027" s="8">
        <v>1653372</v>
      </c>
      <c r="I33027" s="8">
        <v>7715736</v>
      </c>
      <c r="J33027" s="8">
        <v>1469664</v>
      </c>
      <c r="K33027" s="9"/>
      <c r="L33027" s="6"/>
    </row>
    <row r="33028" spans="1:12">
      <c r="A33028" s="6" t="s">
        <v>33316</v>
      </c>
      <c r="B33028" s="6"/>
      <c r="C33028" s="6" t="s">
        <v>32230</v>
      </c>
      <c r="D33028" s="6"/>
      <c r="E33028" s="6" t="s">
        <v>9</v>
      </c>
      <c r="F33028" s="7">
        <v>29305</v>
      </c>
      <c r="G33028" s="8">
        <v>3936600</v>
      </c>
      <c r="H33028" s="8">
        <v>708588</v>
      </c>
      <c r="I33028" s="8">
        <v>3306744</v>
      </c>
      <c r="J33028" s="8">
        <v>629856</v>
      </c>
      <c r="K33028" s="9"/>
      <c r="L33028" s="6"/>
    </row>
    <row r="33029" spans="1:12">
      <c r="A33029" s="6" t="s">
        <v>33317</v>
      </c>
      <c r="B33029" s="6"/>
      <c r="C33029" s="6" t="s">
        <v>32230</v>
      </c>
      <c r="D33029" s="6"/>
      <c r="E33029" s="6" t="s">
        <v>9</v>
      </c>
      <c r="F33029" s="7">
        <v>31137</v>
      </c>
      <c r="G33029" s="8">
        <v>58603500</v>
      </c>
      <c r="H33029" s="8">
        <v>16408980</v>
      </c>
      <c r="I33029" s="8">
        <v>43366590</v>
      </c>
      <c r="J33029" s="8">
        <v>15236910</v>
      </c>
      <c r="K33029" s="9"/>
      <c r="L33029" s="6"/>
    </row>
    <row r="33030" spans="1:12">
      <c r="A33030" s="6" t="s">
        <v>33318</v>
      </c>
      <c r="B33030" s="6"/>
      <c r="C33030" s="6" t="s">
        <v>32230</v>
      </c>
      <c r="D33030" s="6"/>
      <c r="E33030" s="6" t="s">
        <v>9</v>
      </c>
      <c r="F33030" s="7">
        <v>29305</v>
      </c>
      <c r="G33030" s="8">
        <v>15997500</v>
      </c>
      <c r="H33030" s="8">
        <v>2879550</v>
      </c>
      <c r="I33030" s="8">
        <v>13437900</v>
      </c>
      <c r="J33030" s="8">
        <v>2559600</v>
      </c>
      <c r="K33030" s="9"/>
      <c r="L33030" s="6"/>
    </row>
    <row r="33031" spans="1:12">
      <c r="A33031" s="6" t="s">
        <v>33319</v>
      </c>
      <c r="B33031" s="6"/>
      <c r="C33031" s="6" t="s">
        <v>32230</v>
      </c>
      <c r="D33031" s="6"/>
      <c r="E33031" s="6" t="s">
        <v>9</v>
      </c>
      <c r="F33031" s="7">
        <v>29305</v>
      </c>
      <c r="G33031" s="8">
        <v>29808000</v>
      </c>
      <c r="H33031" s="8">
        <v>5365440</v>
      </c>
      <c r="I33031" s="8">
        <v>25038720</v>
      </c>
      <c r="J33031" s="8">
        <v>4769280</v>
      </c>
      <c r="K33031" s="9"/>
      <c r="L33031" s="6"/>
    </row>
    <row r="33032" spans="1:12">
      <c r="A33032" s="6" t="s">
        <v>33320</v>
      </c>
      <c r="B33032" s="6"/>
      <c r="C33032" s="6" t="s">
        <v>32230</v>
      </c>
      <c r="D33032" s="6"/>
      <c r="E33032" s="6" t="s">
        <v>9</v>
      </c>
      <c r="F33032" s="7">
        <v>29305</v>
      </c>
      <c r="G33032" s="8">
        <v>4811400</v>
      </c>
      <c r="H33032" s="8">
        <v>866052</v>
      </c>
      <c r="I33032" s="8">
        <v>4041576</v>
      </c>
      <c r="J33032" s="8">
        <v>769824</v>
      </c>
      <c r="K33032" s="9"/>
      <c r="L33032" s="6"/>
    </row>
    <row r="33033" spans="1:12">
      <c r="A33033" s="6" t="s">
        <v>33321</v>
      </c>
      <c r="B33033" s="6"/>
      <c r="C33033" s="6" t="s">
        <v>32230</v>
      </c>
      <c r="D33033" s="6"/>
      <c r="E33033" s="6" t="s">
        <v>9</v>
      </c>
      <c r="F33033" s="7">
        <v>29305</v>
      </c>
      <c r="G33033" s="8">
        <v>4835700</v>
      </c>
      <c r="H33033" s="8">
        <v>870426</v>
      </c>
      <c r="I33033" s="8">
        <v>4061988</v>
      </c>
      <c r="J33033" s="8">
        <v>773712</v>
      </c>
      <c r="K33033" s="9"/>
      <c r="L33033" s="6"/>
    </row>
    <row r="33034" spans="1:12">
      <c r="A33034" s="6" t="s">
        <v>33322</v>
      </c>
      <c r="B33034" s="6"/>
      <c r="C33034" s="6" t="s">
        <v>32230</v>
      </c>
      <c r="D33034" s="6"/>
      <c r="E33034" s="6" t="s">
        <v>9</v>
      </c>
      <c r="F33034" s="7">
        <v>29305</v>
      </c>
      <c r="G33034" s="8">
        <v>9055800</v>
      </c>
      <c r="H33034" s="8">
        <v>1630044</v>
      </c>
      <c r="I33034" s="8">
        <v>7606872</v>
      </c>
      <c r="J33034" s="8">
        <v>1448928</v>
      </c>
      <c r="K33034" s="9"/>
      <c r="L33034" s="6"/>
    </row>
    <row r="33035" spans="1:12">
      <c r="A33035" s="6" t="s">
        <v>33323</v>
      </c>
      <c r="B33035" s="6"/>
      <c r="C33035" s="6" t="s">
        <v>32230</v>
      </c>
      <c r="D33035" s="6"/>
      <c r="E33035" s="6" t="s">
        <v>9</v>
      </c>
      <c r="F33035" s="7">
        <v>29305</v>
      </c>
      <c r="G33035" s="8">
        <v>39584700</v>
      </c>
      <c r="H33035" s="8">
        <v>7125246</v>
      </c>
      <c r="I33035" s="8">
        <v>33251148</v>
      </c>
      <c r="J33035" s="8">
        <v>6333552</v>
      </c>
      <c r="K33035" s="9"/>
      <c r="L33035" s="6"/>
    </row>
    <row r="33036" spans="1:12">
      <c r="A33036" s="6" t="s">
        <v>33324</v>
      </c>
      <c r="B33036" s="6"/>
      <c r="C33036" s="6" t="s">
        <v>32230</v>
      </c>
      <c r="D33036" s="6"/>
      <c r="E33036" s="6" t="s">
        <v>9</v>
      </c>
      <c r="F33036" s="7">
        <v>29305</v>
      </c>
      <c r="G33036" s="8">
        <v>6002100</v>
      </c>
      <c r="H33036" s="8">
        <v>1080378</v>
      </c>
      <c r="I33036" s="8">
        <v>5041764</v>
      </c>
      <c r="J33036" s="8">
        <v>960336</v>
      </c>
      <c r="K33036" s="9"/>
      <c r="L33036" s="6"/>
    </row>
    <row r="33037" spans="1:12">
      <c r="A33037" s="6" t="s">
        <v>33325</v>
      </c>
      <c r="B33037" s="6"/>
      <c r="C33037" s="6" t="s">
        <v>32230</v>
      </c>
      <c r="D33037" s="6"/>
      <c r="E33037" s="6" t="s">
        <v>9</v>
      </c>
      <c r="F33037" s="7">
        <v>29305</v>
      </c>
      <c r="G33037" s="8">
        <v>6002100</v>
      </c>
      <c r="H33037" s="8">
        <v>1080378</v>
      </c>
      <c r="I33037" s="8">
        <v>5041764</v>
      </c>
      <c r="J33037" s="8">
        <v>960336</v>
      </c>
      <c r="K33037" s="9"/>
      <c r="L33037" s="6"/>
    </row>
    <row r="33038" spans="1:12">
      <c r="A33038" s="6" t="s">
        <v>33326</v>
      </c>
      <c r="B33038" s="6"/>
      <c r="C33038" s="6" t="s">
        <v>32230</v>
      </c>
      <c r="D33038" s="6"/>
      <c r="E33038" s="6" t="s">
        <v>9</v>
      </c>
      <c r="F33038" s="7">
        <v>29305</v>
      </c>
      <c r="G33038" s="8">
        <v>9954900</v>
      </c>
      <c r="H33038" s="8">
        <v>1791882</v>
      </c>
      <c r="I33038" s="8">
        <v>8362116</v>
      </c>
      <c r="J33038" s="8">
        <v>1592784</v>
      </c>
      <c r="K33038" s="9"/>
      <c r="L33038" s="6"/>
    </row>
    <row r="33039" spans="1:12">
      <c r="A33039" s="6" t="s">
        <v>33327</v>
      </c>
      <c r="B33039" s="6"/>
      <c r="C33039" s="6" t="s">
        <v>32230</v>
      </c>
      <c r="D33039" s="6"/>
      <c r="E33039" s="6" t="s">
        <v>9</v>
      </c>
      <c r="F33039" s="7">
        <v>29305</v>
      </c>
      <c r="G33039" s="8">
        <v>9477000</v>
      </c>
      <c r="H33039" s="8">
        <v>1705860</v>
      </c>
      <c r="I33039" s="8">
        <v>7960680</v>
      </c>
      <c r="J33039" s="8">
        <v>1516320</v>
      </c>
      <c r="K33039" s="9"/>
      <c r="L33039" s="6"/>
    </row>
    <row r="33040" spans="1:12">
      <c r="A33040" s="6" t="s">
        <v>33328</v>
      </c>
      <c r="B33040" s="6"/>
      <c r="C33040" s="6" t="s">
        <v>32230</v>
      </c>
      <c r="D33040" s="6"/>
      <c r="E33040" s="6" t="s">
        <v>9</v>
      </c>
      <c r="F33040" s="7">
        <v>29305</v>
      </c>
      <c r="G33040" s="8">
        <v>7541100</v>
      </c>
      <c r="H33040" s="8">
        <v>1357398</v>
      </c>
      <c r="I33040" s="8">
        <v>6334524</v>
      </c>
      <c r="J33040" s="8">
        <v>1206576</v>
      </c>
      <c r="K33040" s="9"/>
      <c r="L33040" s="6"/>
    </row>
    <row r="33041" spans="1:12">
      <c r="A33041" s="6" t="s">
        <v>33329</v>
      </c>
      <c r="B33041" s="6"/>
      <c r="C33041" s="6" t="s">
        <v>32230</v>
      </c>
      <c r="D33041" s="6"/>
      <c r="E33041" s="6" t="s">
        <v>9</v>
      </c>
      <c r="F33041" s="7">
        <v>29305</v>
      </c>
      <c r="G33041" s="8">
        <v>8172900</v>
      </c>
      <c r="H33041" s="8">
        <v>1471122</v>
      </c>
      <c r="I33041" s="8">
        <v>6865236</v>
      </c>
      <c r="J33041" s="8">
        <v>1307664</v>
      </c>
      <c r="K33041" s="9"/>
      <c r="L33041" s="6"/>
    </row>
    <row r="33042" spans="1:12">
      <c r="A33042" s="6" t="s">
        <v>33330</v>
      </c>
      <c r="B33042" s="6"/>
      <c r="C33042" s="6" t="s">
        <v>32230</v>
      </c>
      <c r="D33042" s="6"/>
      <c r="E33042" s="6" t="s">
        <v>9</v>
      </c>
      <c r="F33042" s="7">
        <v>29305</v>
      </c>
      <c r="G33042" s="8">
        <v>6885000</v>
      </c>
      <c r="H33042" s="8">
        <v>1239300</v>
      </c>
      <c r="I33042" s="8">
        <v>5783400</v>
      </c>
      <c r="J33042" s="8">
        <v>1101600</v>
      </c>
      <c r="K33042" s="9"/>
      <c r="L33042" s="6"/>
    </row>
    <row r="33043" spans="1:12">
      <c r="A33043" s="6" t="s">
        <v>33331</v>
      </c>
      <c r="B33043" s="6"/>
      <c r="C33043" s="6" t="s">
        <v>32230</v>
      </c>
      <c r="D33043" s="6"/>
      <c r="E33043" s="6" t="s">
        <v>9</v>
      </c>
      <c r="F33043" s="7">
        <v>29305</v>
      </c>
      <c r="G33043" s="8">
        <v>8667000</v>
      </c>
      <c r="H33043" s="8">
        <v>1560060</v>
      </c>
      <c r="I33043" s="8">
        <v>7280280</v>
      </c>
      <c r="J33043" s="8">
        <v>1386720</v>
      </c>
      <c r="K33043" s="9"/>
      <c r="L33043" s="6"/>
    </row>
    <row r="33044" spans="1:12">
      <c r="A33044" s="6" t="s">
        <v>33332</v>
      </c>
      <c r="B33044" s="6"/>
      <c r="C33044" s="6" t="s">
        <v>32230</v>
      </c>
      <c r="D33044" s="6"/>
      <c r="E33044" s="6" t="s">
        <v>9</v>
      </c>
      <c r="F33044" s="7">
        <v>29305</v>
      </c>
      <c r="G33044" s="8">
        <v>10408500</v>
      </c>
      <c r="H33044" s="8">
        <v>1873530</v>
      </c>
      <c r="I33044" s="8">
        <v>8743140</v>
      </c>
      <c r="J33044" s="8">
        <v>1665360</v>
      </c>
      <c r="K33044" s="9"/>
      <c r="L33044" s="6"/>
    </row>
    <row r="33045" spans="1:12">
      <c r="A33045" s="6" t="s">
        <v>33333</v>
      </c>
      <c r="B33045" s="6"/>
      <c r="C33045" s="6" t="s">
        <v>32230</v>
      </c>
      <c r="D33045" s="6"/>
      <c r="E33045" s="6" t="s">
        <v>9</v>
      </c>
      <c r="F33045" s="7">
        <v>29305</v>
      </c>
      <c r="G33045" s="8">
        <v>4050000</v>
      </c>
      <c r="H33045" s="8">
        <v>729000</v>
      </c>
      <c r="I33045" s="8">
        <v>3402000</v>
      </c>
      <c r="J33045" s="8">
        <v>648000</v>
      </c>
      <c r="K33045" s="9"/>
      <c r="L33045" s="6"/>
    </row>
    <row r="33046" spans="1:12">
      <c r="A33046" s="6" t="s">
        <v>33334</v>
      </c>
      <c r="B33046" s="6"/>
      <c r="C33046" s="6" t="s">
        <v>32230</v>
      </c>
      <c r="D33046" s="6"/>
      <c r="E33046" s="6" t="s">
        <v>9</v>
      </c>
      <c r="F33046" s="7">
        <v>29305</v>
      </c>
      <c r="G33046" s="8">
        <v>44851200</v>
      </c>
      <c r="H33046" s="8">
        <v>8073216</v>
      </c>
      <c r="I33046" s="8">
        <v>37675008</v>
      </c>
      <c r="J33046" s="8">
        <v>7176192</v>
      </c>
      <c r="K33046" s="9"/>
      <c r="L33046" s="6"/>
    </row>
    <row r="33047" spans="1:12">
      <c r="A33047" s="6" t="s">
        <v>33335</v>
      </c>
      <c r="B33047" s="6"/>
      <c r="C33047" s="6" t="s">
        <v>32230</v>
      </c>
      <c r="D33047" s="6"/>
      <c r="E33047" s="6" t="s">
        <v>9</v>
      </c>
      <c r="F33047" s="7">
        <v>29305</v>
      </c>
      <c r="G33047" s="8">
        <v>99993600</v>
      </c>
      <c r="H33047" s="8">
        <v>17998848</v>
      </c>
      <c r="I33047" s="8">
        <v>83994624</v>
      </c>
      <c r="J33047" s="8">
        <v>15998976</v>
      </c>
      <c r="K33047" s="9"/>
      <c r="L33047" s="6"/>
    </row>
    <row r="33048" spans="1:12">
      <c r="A33048" s="6" t="s">
        <v>33336</v>
      </c>
      <c r="B33048" s="6"/>
      <c r="C33048" s="6" t="s">
        <v>32230</v>
      </c>
      <c r="D33048" s="6"/>
      <c r="E33048" s="6" t="s">
        <v>9</v>
      </c>
      <c r="F33048" s="7">
        <v>32233</v>
      </c>
      <c r="G33048" s="8">
        <v>2865200</v>
      </c>
      <c r="H33048" s="8">
        <v>974168</v>
      </c>
      <c r="I33048" s="8">
        <v>1948336</v>
      </c>
      <c r="J33048" s="8">
        <v>916864</v>
      </c>
      <c r="K33048" s="9"/>
      <c r="L33048" s="6"/>
    </row>
    <row r="33049" spans="1:12">
      <c r="A33049" s="6" t="s">
        <v>33337</v>
      </c>
      <c r="B33049" s="6"/>
      <c r="C33049" s="6" t="s">
        <v>32230</v>
      </c>
      <c r="D33049" s="6"/>
      <c r="E33049" s="6" t="s">
        <v>9</v>
      </c>
      <c r="F33049" s="7">
        <v>31137</v>
      </c>
      <c r="G33049" s="8">
        <v>36326400</v>
      </c>
      <c r="H33049" s="8">
        <v>10171392</v>
      </c>
      <c r="I33049" s="8">
        <v>26881536</v>
      </c>
      <c r="J33049" s="8">
        <v>9444864</v>
      </c>
      <c r="K33049" s="9"/>
      <c r="L33049" s="6"/>
    </row>
    <row r="33050" spans="1:12">
      <c r="A33050" s="6" t="s">
        <v>33185</v>
      </c>
      <c r="B33050" s="6"/>
      <c r="C33050" s="6" t="s">
        <v>32230</v>
      </c>
      <c r="D33050" s="6"/>
      <c r="E33050" s="6" t="s">
        <v>9</v>
      </c>
      <c r="F33050" s="7">
        <v>12145</v>
      </c>
      <c r="G33050" s="8">
        <v>12694500</v>
      </c>
      <c r="H33050" s="8">
        <v>1</v>
      </c>
      <c r="I33050" s="8">
        <v>12694499</v>
      </c>
      <c r="J33050" s="8">
        <v>1</v>
      </c>
      <c r="K33050" s="9"/>
      <c r="L33050" s="6"/>
    </row>
    <row r="33051" spans="1:12">
      <c r="A33051" s="6" t="s">
        <v>33338</v>
      </c>
      <c r="B33051" s="6"/>
      <c r="C33051" s="6" t="s">
        <v>32230</v>
      </c>
      <c r="D33051" s="6"/>
      <c r="E33051" s="6" t="s">
        <v>9</v>
      </c>
      <c r="F33051" s="7">
        <v>29305</v>
      </c>
      <c r="G33051" s="8">
        <v>15114600</v>
      </c>
      <c r="H33051" s="8">
        <v>2720628</v>
      </c>
      <c r="I33051" s="8">
        <v>12696264</v>
      </c>
      <c r="J33051" s="8">
        <v>2418336</v>
      </c>
      <c r="K33051" s="9"/>
      <c r="L33051" s="6"/>
    </row>
    <row r="33052" spans="1:12">
      <c r="A33052" s="6" t="s">
        <v>33185</v>
      </c>
      <c r="B33052" s="6"/>
      <c r="C33052" s="6" t="s">
        <v>32230</v>
      </c>
      <c r="D33052" s="6"/>
      <c r="E33052" s="6" t="s">
        <v>9</v>
      </c>
      <c r="F33052" s="7">
        <v>20911</v>
      </c>
      <c r="G33052" s="8">
        <v>8867040</v>
      </c>
      <c r="H33052" s="8">
        <v>1</v>
      </c>
      <c r="I33052" s="8">
        <v>8867039</v>
      </c>
      <c r="J33052" s="8">
        <v>1</v>
      </c>
      <c r="K33052" s="9"/>
      <c r="L33052" s="6"/>
    </row>
    <row r="33053" spans="1:12">
      <c r="A33053" s="6" t="s">
        <v>33339</v>
      </c>
      <c r="B33053" s="6"/>
      <c r="C33053" s="6" t="s">
        <v>32230</v>
      </c>
      <c r="D33053" s="6"/>
      <c r="E33053" s="6" t="s">
        <v>9</v>
      </c>
      <c r="F33053" s="7">
        <v>29305</v>
      </c>
      <c r="G33053" s="8">
        <v>70617600</v>
      </c>
      <c r="H33053" s="8">
        <v>12711168</v>
      </c>
      <c r="I33053" s="8">
        <v>59318784</v>
      </c>
      <c r="J33053" s="8">
        <v>11298816</v>
      </c>
      <c r="K33053" s="9"/>
      <c r="L33053" s="6"/>
    </row>
    <row r="33054" spans="1:12">
      <c r="A33054" s="6" t="s">
        <v>33340</v>
      </c>
      <c r="B33054" s="6"/>
      <c r="C33054" s="6" t="s">
        <v>32230</v>
      </c>
      <c r="D33054" s="6"/>
      <c r="E33054" s="6" t="s">
        <v>9</v>
      </c>
      <c r="F33054" s="7">
        <v>29305</v>
      </c>
      <c r="G33054" s="8">
        <v>26130600</v>
      </c>
      <c r="H33054" s="8">
        <v>4703508</v>
      </c>
      <c r="I33054" s="8">
        <v>21949704</v>
      </c>
      <c r="J33054" s="8">
        <v>4180896</v>
      </c>
      <c r="K33054" s="9"/>
      <c r="L33054" s="6"/>
    </row>
    <row r="33055" spans="1:12">
      <c r="A33055" s="6" t="s">
        <v>33341</v>
      </c>
      <c r="B33055" s="6"/>
      <c r="C33055" s="6" t="s">
        <v>32230</v>
      </c>
      <c r="D33055" s="6"/>
      <c r="E33055" s="6" t="s">
        <v>9</v>
      </c>
      <c r="F33055" s="7">
        <v>30406</v>
      </c>
      <c r="G33055" s="8">
        <v>2308500</v>
      </c>
      <c r="H33055" s="8">
        <v>554040</v>
      </c>
      <c r="I33055" s="8">
        <v>1800630</v>
      </c>
      <c r="J33055" s="8">
        <v>507870</v>
      </c>
      <c r="K33055" s="9"/>
      <c r="L33055" s="6"/>
    </row>
    <row r="33056" spans="1:12">
      <c r="A33056" s="6" t="s">
        <v>33342</v>
      </c>
      <c r="B33056" s="6"/>
      <c r="C33056" s="6" t="s">
        <v>32230</v>
      </c>
      <c r="D33056" s="6"/>
      <c r="E33056" s="6" t="s">
        <v>9</v>
      </c>
      <c r="F33056" s="7">
        <v>30406</v>
      </c>
      <c r="G33056" s="8">
        <v>2227500</v>
      </c>
      <c r="H33056" s="8">
        <v>534600</v>
      </c>
      <c r="I33056" s="8">
        <v>1737450</v>
      </c>
      <c r="J33056" s="8">
        <v>490050</v>
      </c>
      <c r="K33056" s="9"/>
      <c r="L33056" s="6"/>
    </row>
    <row r="33057" spans="1:12">
      <c r="A33057" s="6" t="s">
        <v>33343</v>
      </c>
      <c r="B33057" s="6"/>
      <c r="C33057" s="6" t="s">
        <v>32230</v>
      </c>
      <c r="D33057" s="6"/>
      <c r="E33057" s="6" t="s">
        <v>9</v>
      </c>
      <c r="F33057" s="7">
        <v>30406</v>
      </c>
      <c r="G33057" s="8">
        <v>3126600</v>
      </c>
      <c r="H33057" s="8">
        <v>750384</v>
      </c>
      <c r="I33057" s="8">
        <v>2438748</v>
      </c>
      <c r="J33057" s="8">
        <v>687852</v>
      </c>
      <c r="K33057" s="9"/>
      <c r="L33057" s="6"/>
    </row>
    <row r="33058" spans="1:12">
      <c r="A33058" s="6" t="s">
        <v>33344</v>
      </c>
      <c r="B33058" s="6"/>
      <c r="C33058" s="6" t="s">
        <v>32230</v>
      </c>
      <c r="D33058" s="6"/>
      <c r="E33058" s="6" t="s">
        <v>9</v>
      </c>
      <c r="F33058" s="7">
        <v>33592</v>
      </c>
      <c r="G33058" s="8">
        <v>2980800</v>
      </c>
      <c r="H33058" s="8">
        <v>1251936</v>
      </c>
      <c r="I33058" s="8">
        <v>1788480</v>
      </c>
      <c r="J33058" s="8">
        <v>1192320</v>
      </c>
      <c r="K33058" s="9"/>
      <c r="L33058" s="6"/>
    </row>
    <row r="33059" spans="1:12">
      <c r="A33059" s="6" t="s">
        <v>33345</v>
      </c>
      <c r="B33059" s="6"/>
      <c r="C33059" s="6" t="s">
        <v>32230</v>
      </c>
      <c r="D33059" s="6"/>
      <c r="E33059" s="6" t="s">
        <v>9</v>
      </c>
      <c r="F33059" s="7">
        <v>30406</v>
      </c>
      <c r="G33059" s="8">
        <v>5840100</v>
      </c>
      <c r="H33059" s="8">
        <v>1401624</v>
      </c>
      <c r="I33059" s="8">
        <v>4555278</v>
      </c>
      <c r="J33059" s="8">
        <v>1284822</v>
      </c>
      <c r="K33059" s="9"/>
      <c r="L33059" s="6"/>
    </row>
    <row r="33060" spans="1:12">
      <c r="A33060" s="6" t="s">
        <v>33346</v>
      </c>
      <c r="B33060" s="6"/>
      <c r="C33060" s="6" t="s">
        <v>32230</v>
      </c>
      <c r="D33060" s="6"/>
      <c r="E33060" s="6" t="s">
        <v>9</v>
      </c>
      <c r="F33060" s="7">
        <v>30406</v>
      </c>
      <c r="G33060" s="8">
        <v>14531400</v>
      </c>
      <c r="H33060" s="8">
        <v>3487536</v>
      </c>
      <c r="I33060" s="8">
        <v>11334492</v>
      </c>
      <c r="J33060" s="8">
        <v>3196908</v>
      </c>
      <c r="K33060" s="9"/>
      <c r="L33060" s="6"/>
    </row>
    <row r="33061" spans="1:12">
      <c r="A33061" s="6" t="s">
        <v>33347</v>
      </c>
      <c r="B33061" s="6"/>
      <c r="C33061" s="6" t="s">
        <v>32230</v>
      </c>
      <c r="D33061" s="6"/>
      <c r="E33061" s="6"/>
      <c r="F33061" s="7">
        <v>43191</v>
      </c>
      <c r="G33061" s="8">
        <v>165223800</v>
      </c>
      <c r="H33061" s="8">
        <v>158614848</v>
      </c>
      <c r="I33061" s="8">
        <v>9913428</v>
      </c>
      <c r="J33061" s="8">
        <v>155310372</v>
      </c>
      <c r="K33061" s="9"/>
      <c r="L33061" s="6"/>
    </row>
    <row r="33062" spans="1:12">
      <c r="A33062" s="6" t="s">
        <v>33347</v>
      </c>
      <c r="B33062" s="6"/>
      <c r="C33062" s="6" t="s">
        <v>32230</v>
      </c>
      <c r="D33062" s="6"/>
      <c r="E33062" s="6" t="s">
        <v>9</v>
      </c>
      <c r="F33062" s="7">
        <v>39169</v>
      </c>
      <c r="G33062" s="8">
        <v>638220800</v>
      </c>
      <c r="H33062" s="8">
        <v>459518976</v>
      </c>
      <c r="I33062" s="8">
        <v>191466240</v>
      </c>
      <c r="J33062" s="8">
        <v>446754560</v>
      </c>
      <c r="K33062" s="9"/>
      <c r="L33062" s="6"/>
    </row>
    <row r="33063" spans="1:12">
      <c r="A33063" s="6" t="s">
        <v>33347</v>
      </c>
      <c r="B33063" s="6"/>
      <c r="C33063" s="6" t="s">
        <v>32230</v>
      </c>
      <c r="D33063" s="6"/>
      <c r="E33063" s="6"/>
      <c r="F33063" s="7">
        <v>43922</v>
      </c>
      <c r="G33063" s="8">
        <v>891000</v>
      </c>
      <c r="H33063" s="8">
        <v>891000</v>
      </c>
      <c r="I33063" s="8">
        <v>17820</v>
      </c>
      <c r="J33063" s="8">
        <v>873180</v>
      </c>
      <c r="K33063" s="9"/>
      <c r="L33063" s="6"/>
    </row>
    <row r="33064" spans="1:12">
      <c r="A33064" s="6" t="s">
        <v>33348</v>
      </c>
      <c r="B33064" s="6"/>
      <c r="C33064" s="6" t="s">
        <v>32230</v>
      </c>
      <c r="D33064" s="6"/>
      <c r="E33064" s="6" t="s">
        <v>9</v>
      </c>
      <c r="F33064" s="7">
        <v>35521</v>
      </c>
      <c r="G33064" s="8">
        <v>62790000</v>
      </c>
      <c r="H33064" s="8">
        <v>38239110</v>
      </c>
      <c r="I33064" s="8">
        <v>25618320</v>
      </c>
      <c r="J33064" s="8">
        <v>37171680</v>
      </c>
      <c r="K33064" s="9"/>
      <c r="L33064" s="6"/>
    </row>
    <row r="33065" spans="1:12">
      <c r="A33065" s="6" t="s">
        <v>33349</v>
      </c>
      <c r="B33065" s="6"/>
      <c r="C33065" s="6" t="s">
        <v>32230</v>
      </c>
      <c r="D33065" s="6"/>
      <c r="E33065" s="6" t="s">
        <v>9</v>
      </c>
      <c r="F33065" s="7">
        <v>42425</v>
      </c>
      <c r="G33065" s="8">
        <v>56280960</v>
      </c>
      <c r="H33065" s="8">
        <v>50652865</v>
      </c>
      <c r="I33065" s="8">
        <v>6753714</v>
      </c>
      <c r="J33065" s="8">
        <v>49527246</v>
      </c>
      <c r="K33065" s="9"/>
      <c r="L33065" s="6"/>
    </row>
    <row r="33066" spans="1:12">
      <c r="A33066" s="6" t="s">
        <v>33350</v>
      </c>
      <c r="B33066" s="6"/>
      <c r="C33066" s="6" t="s">
        <v>32230</v>
      </c>
      <c r="D33066" s="6"/>
      <c r="E33066" s="6" t="s">
        <v>9</v>
      </c>
      <c r="F33066" s="7">
        <v>43549</v>
      </c>
      <c r="G33066" s="8">
        <v>69120</v>
      </c>
      <c r="H33066" s="8">
        <v>55296</v>
      </c>
      <c r="I33066" s="8">
        <v>20736</v>
      </c>
      <c r="J33066" s="8">
        <v>48384</v>
      </c>
      <c r="K33066" s="9"/>
      <c r="L33066" s="6"/>
    </row>
    <row r="33067" spans="1:12">
      <c r="A33067" s="6" t="s">
        <v>33351</v>
      </c>
      <c r="B33067" s="6"/>
      <c r="C33067" s="6" t="s">
        <v>32230</v>
      </c>
      <c r="D33067" s="6"/>
      <c r="E33067" s="6" t="s">
        <v>9</v>
      </c>
      <c r="F33067" s="7">
        <v>35490</v>
      </c>
      <c r="G33067" s="8">
        <v>10000000</v>
      </c>
      <c r="H33067" s="8">
        <v>5920000</v>
      </c>
      <c r="I33067" s="8">
        <v>4250000</v>
      </c>
      <c r="J33067" s="8">
        <v>5750000</v>
      </c>
      <c r="K33067" s="9"/>
      <c r="L33067" s="6"/>
    </row>
    <row r="33068" spans="1:12">
      <c r="A33068" s="6" t="s">
        <v>33185</v>
      </c>
      <c r="B33068" s="6"/>
      <c r="C33068" s="6" t="s">
        <v>32230</v>
      </c>
      <c r="D33068" s="6"/>
      <c r="E33068" s="6" t="s">
        <v>9</v>
      </c>
      <c r="F33068" s="7">
        <v>25659</v>
      </c>
      <c r="G33068" s="8">
        <v>31051020</v>
      </c>
      <c r="H33068" s="8">
        <v>4657670</v>
      </c>
      <c r="I33068" s="8">
        <v>26921217</v>
      </c>
      <c r="J33068" s="8">
        <v>4129803</v>
      </c>
      <c r="K33068" s="9"/>
      <c r="L33068" s="6"/>
    </row>
    <row r="33069" spans="1:12">
      <c r="A33069" s="6" t="s">
        <v>33185</v>
      </c>
      <c r="B33069" s="6"/>
      <c r="C33069" s="6" t="s">
        <v>32230</v>
      </c>
      <c r="D33069" s="6"/>
      <c r="E33069" s="6" t="s">
        <v>9</v>
      </c>
      <c r="F33069" s="7">
        <v>25659</v>
      </c>
      <c r="G33069" s="8">
        <v>19819800</v>
      </c>
      <c r="H33069" s="8">
        <v>2973000</v>
      </c>
      <c r="I33069" s="8">
        <v>17183736</v>
      </c>
      <c r="J33069" s="8">
        <v>2636064</v>
      </c>
      <c r="K33069" s="9"/>
      <c r="L33069" s="6"/>
    </row>
    <row r="33070" spans="1:12">
      <c r="A33070" s="6" t="s">
        <v>33185</v>
      </c>
      <c r="B33070" s="6"/>
      <c r="C33070" s="6" t="s">
        <v>32230</v>
      </c>
      <c r="D33070" s="6"/>
      <c r="E33070" s="6" t="s">
        <v>9</v>
      </c>
      <c r="F33070" s="7">
        <v>25659</v>
      </c>
      <c r="G33070" s="8">
        <v>20475000</v>
      </c>
      <c r="H33070" s="8">
        <v>3071250</v>
      </c>
      <c r="I33070" s="8">
        <v>17751825</v>
      </c>
      <c r="J33070" s="8">
        <v>2723175</v>
      </c>
      <c r="K33070" s="9"/>
      <c r="L33070" s="6"/>
    </row>
    <row r="33071" spans="1:12">
      <c r="A33071" s="6" t="s">
        <v>33352</v>
      </c>
      <c r="B33071" s="6"/>
      <c r="C33071" s="6" t="s">
        <v>32230</v>
      </c>
      <c r="D33071" s="6"/>
      <c r="E33071" s="6" t="s">
        <v>9</v>
      </c>
      <c r="F33071" s="7">
        <v>25659</v>
      </c>
      <c r="G33071" s="8">
        <v>41496000</v>
      </c>
      <c r="H33071" s="8">
        <v>6224400</v>
      </c>
      <c r="I33071" s="8">
        <v>35977032</v>
      </c>
      <c r="J33071" s="8">
        <v>5518968</v>
      </c>
      <c r="K33071" s="9"/>
      <c r="L33071" s="6"/>
    </row>
    <row r="33072" spans="1:12">
      <c r="A33072" s="6" t="s">
        <v>33185</v>
      </c>
      <c r="B33072" s="6"/>
      <c r="C33072" s="6" t="s">
        <v>32230</v>
      </c>
      <c r="D33072" s="6"/>
      <c r="E33072" s="6" t="s">
        <v>9</v>
      </c>
      <c r="F33072" s="7">
        <v>25659</v>
      </c>
      <c r="G33072" s="8">
        <v>15288000</v>
      </c>
      <c r="H33072" s="8">
        <v>2293200</v>
      </c>
      <c r="I33072" s="8">
        <v>13254696</v>
      </c>
      <c r="J33072" s="8">
        <v>2033304</v>
      </c>
      <c r="K33072" s="9"/>
      <c r="L33072" s="6"/>
    </row>
    <row r="33073" spans="1:12">
      <c r="A33073" s="6" t="s">
        <v>33353</v>
      </c>
      <c r="B33073" s="6"/>
      <c r="C33073" s="6" t="s">
        <v>32230</v>
      </c>
      <c r="D33073" s="6"/>
      <c r="E33073" s="6" t="s">
        <v>9</v>
      </c>
      <c r="F33073" s="7">
        <v>26024</v>
      </c>
      <c r="G33073" s="8">
        <v>37619400</v>
      </c>
      <c r="H33073" s="8">
        <v>6282479</v>
      </c>
      <c r="I33073" s="8">
        <v>31976450</v>
      </c>
      <c r="J33073" s="8">
        <v>5642950</v>
      </c>
      <c r="K33073" s="9"/>
      <c r="L33073" s="6"/>
    </row>
    <row r="33074" spans="1:12">
      <c r="A33074" s="6" t="s">
        <v>33354</v>
      </c>
      <c r="B33074" s="6"/>
      <c r="C33074" s="6" t="s">
        <v>32230</v>
      </c>
      <c r="D33074" s="6"/>
      <c r="E33074" s="6" t="s">
        <v>9</v>
      </c>
      <c r="F33074" s="7">
        <v>35156</v>
      </c>
      <c r="G33074" s="8">
        <v>113054760</v>
      </c>
      <c r="H33074" s="8">
        <v>66928440</v>
      </c>
      <c r="I33074" s="8">
        <v>48048250</v>
      </c>
      <c r="J33074" s="8">
        <v>65006510</v>
      </c>
      <c r="K33074" s="9"/>
      <c r="L33074" s="6"/>
    </row>
    <row r="33075" spans="1:12">
      <c r="A33075" s="6" t="s">
        <v>33355</v>
      </c>
      <c r="B33075" s="6"/>
      <c r="C33075" s="6" t="s">
        <v>32230</v>
      </c>
      <c r="D33075" s="6"/>
      <c r="E33075" s="6" t="s">
        <v>9</v>
      </c>
      <c r="F33075" s="7">
        <v>32521</v>
      </c>
      <c r="G33075" s="8">
        <v>5972400</v>
      </c>
      <c r="H33075" s="8">
        <v>2150064</v>
      </c>
      <c r="I33075" s="8">
        <v>3941784</v>
      </c>
      <c r="J33075" s="8">
        <v>2030616</v>
      </c>
      <c r="K33075" s="9"/>
      <c r="L33075" s="6"/>
    </row>
    <row r="33076" spans="1:12">
      <c r="A33076" s="6" t="s">
        <v>33356</v>
      </c>
      <c r="B33076" s="6"/>
      <c r="C33076" s="6" t="s">
        <v>32230</v>
      </c>
      <c r="D33076" s="6"/>
      <c r="E33076" s="6" t="s">
        <v>9</v>
      </c>
      <c r="F33076" s="7">
        <v>33248</v>
      </c>
      <c r="G33076" s="8">
        <v>11728800</v>
      </c>
      <c r="H33076" s="8">
        <v>4691520</v>
      </c>
      <c r="I33076" s="8">
        <v>7271856</v>
      </c>
      <c r="J33076" s="8">
        <v>4456944</v>
      </c>
      <c r="K33076" s="9"/>
      <c r="L33076" s="6"/>
    </row>
    <row r="33077" spans="1:12">
      <c r="A33077" s="6" t="s">
        <v>33357</v>
      </c>
      <c r="B33077" s="6"/>
      <c r="C33077" s="6" t="s">
        <v>32230</v>
      </c>
      <c r="D33077" s="6"/>
      <c r="E33077" s="6" t="s">
        <v>9</v>
      </c>
      <c r="F33077" s="7">
        <v>33248</v>
      </c>
      <c r="G33077" s="8">
        <v>7014600</v>
      </c>
      <c r="H33077" s="8">
        <v>2805840</v>
      </c>
      <c r="I33077" s="8">
        <v>4349052</v>
      </c>
      <c r="J33077" s="8">
        <v>2665548</v>
      </c>
      <c r="K33077" s="9"/>
      <c r="L33077" s="6"/>
    </row>
    <row r="33078" spans="1:12">
      <c r="A33078" s="6" t="s">
        <v>33358</v>
      </c>
      <c r="B33078" s="6"/>
      <c r="C33078" s="6" t="s">
        <v>32230</v>
      </c>
      <c r="D33078" s="6"/>
      <c r="E33078" s="6" t="s">
        <v>9</v>
      </c>
      <c r="F33078" s="7">
        <v>33248</v>
      </c>
      <c r="G33078" s="8">
        <v>7152300</v>
      </c>
      <c r="H33078" s="8">
        <v>2860920</v>
      </c>
      <c r="I33078" s="8">
        <v>4434426</v>
      </c>
      <c r="J33078" s="8">
        <v>2717874</v>
      </c>
      <c r="K33078" s="9"/>
      <c r="L33078" s="6"/>
    </row>
    <row r="33079" spans="1:12">
      <c r="A33079" s="6" t="s">
        <v>33359</v>
      </c>
      <c r="B33079" s="6"/>
      <c r="C33079" s="6" t="s">
        <v>32230</v>
      </c>
      <c r="D33079" s="6"/>
      <c r="E33079" s="6" t="s">
        <v>9</v>
      </c>
      <c r="F33079" s="7">
        <v>33248</v>
      </c>
      <c r="G33079" s="8">
        <v>6650100</v>
      </c>
      <c r="H33079" s="8">
        <v>2660040</v>
      </c>
      <c r="I33079" s="8">
        <v>4123062</v>
      </c>
      <c r="J33079" s="8">
        <v>2527038</v>
      </c>
      <c r="K33079" s="9"/>
      <c r="L33079" s="6"/>
    </row>
    <row r="33080" spans="1:12">
      <c r="A33080" s="6" t="s">
        <v>33360</v>
      </c>
      <c r="B33080" s="6"/>
      <c r="C33080" s="6" t="s">
        <v>32230</v>
      </c>
      <c r="D33080" s="6"/>
      <c r="E33080" s="6" t="s">
        <v>9</v>
      </c>
      <c r="F33080" s="7">
        <v>33248</v>
      </c>
      <c r="G33080" s="8">
        <v>9379800</v>
      </c>
      <c r="H33080" s="8">
        <v>3751920</v>
      </c>
      <c r="I33080" s="8">
        <v>5815476</v>
      </c>
      <c r="J33080" s="8">
        <v>3564324</v>
      </c>
      <c r="K33080" s="9"/>
      <c r="L33080" s="6"/>
    </row>
    <row r="33081" spans="1:12">
      <c r="A33081" s="6" t="s">
        <v>33361</v>
      </c>
      <c r="B33081" s="6"/>
      <c r="C33081" s="6" t="s">
        <v>32230</v>
      </c>
      <c r="D33081" s="6"/>
      <c r="E33081" s="6" t="s">
        <v>9</v>
      </c>
      <c r="F33081" s="7">
        <v>33248</v>
      </c>
      <c r="G33081" s="8">
        <v>1806300</v>
      </c>
      <c r="H33081" s="8">
        <v>722520</v>
      </c>
      <c r="I33081" s="8">
        <v>1119906</v>
      </c>
      <c r="J33081" s="8">
        <v>686394</v>
      </c>
      <c r="K33081" s="9"/>
      <c r="L33081" s="6"/>
    </row>
    <row r="33082" spans="1:12">
      <c r="A33082" s="6" t="s">
        <v>33362</v>
      </c>
      <c r="B33082" s="6"/>
      <c r="C33082" s="6" t="s">
        <v>32230</v>
      </c>
      <c r="D33082" s="6"/>
      <c r="E33082" s="6" t="s">
        <v>9</v>
      </c>
      <c r="F33082" s="7">
        <v>35874</v>
      </c>
      <c r="G33082" s="8">
        <v>3369600</v>
      </c>
      <c r="H33082" s="8">
        <v>1819584</v>
      </c>
      <c r="I33082" s="8">
        <v>1617408</v>
      </c>
      <c r="J33082" s="8">
        <v>1752192</v>
      </c>
      <c r="K33082" s="9"/>
      <c r="L33082" s="6"/>
    </row>
    <row r="33083" spans="1:12">
      <c r="A33083" s="6" t="s">
        <v>33363</v>
      </c>
      <c r="B33083" s="6"/>
      <c r="C33083" s="6" t="s">
        <v>32230</v>
      </c>
      <c r="D33083" s="6"/>
      <c r="E33083" s="6" t="s">
        <v>9</v>
      </c>
      <c r="F33083" s="7">
        <v>35874</v>
      </c>
      <c r="G33083" s="8">
        <v>9217800</v>
      </c>
      <c r="H33083" s="8">
        <v>4977612</v>
      </c>
      <c r="I33083" s="8">
        <v>4424544</v>
      </c>
      <c r="J33083" s="8">
        <v>4793256</v>
      </c>
      <c r="K33083" s="9"/>
      <c r="L33083" s="6"/>
    </row>
    <row r="33084" spans="1:12">
      <c r="A33084" s="6" t="s">
        <v>33364</v>
      </c>
      <c r="B33084" s="6"/>
      <c r="C33084" s="6" t="s">
        <v>32230</v>
      </c>
      <c r="D33084" s="6"/>
      <c r="E33084" s="6" t="s">
        <v>9</v>
      </c>
      <c r="F33084" s="7">
        <v>35874</v>
      </c>
      <c r="G33084" s="8">
        <v>5467500</v>
      </c>
      <c r="H33084" s="8">
        <v>2952450</v>
      </c>
      <c r="I33084" s="8">
        <v>2624400</v>
      </c>
      <c r="J33084" s="8">
        <v>2843100</v>
      </c>
      <c r="K33084" s="9"/>
      <c r="L33084" s="6"/>
    </row>
    <row r="33085" spans="1:12">
      <c r="A33085" s="6" t="s">
        <v>33365</v>
      </c>
      <c r="B33085" s="6"/>
      <c r="C33085" s="6" t="s">
        <v>32230</v>
      </c>
      <c r="D33085" s="6"/>
      <c r="E33085" s="6" t="s">
        <v>9</v>
      </c>
      <c r="F33085" s="7">
        <v>36615</v>
      </c>
      <c r="G33085" s="8">
        <v>4365900</v>
      </c>
      <c r="H33085" s="8">
        <v>2532222</v>
      </c>
      <c r="I33085" s="8">
        <v>1920996</v>
      </c>
      <c r="J33085" s="8">
        <v>2444904</v>
      </c>
      <c r="K33085" s="9"/>
      <c r="L33085" s="6"/>
    </row>
    <row r="33086" spans="1:12">
      <c r="A33086" s="6" t="s">
        <v>33366</v>
      </c>
      <c r="B33086" s="6"/>
      <c r="C33086" s="6" t="s">
        <v>32230</v>
      </c>
      <c r="D33086" s="6"/>
      <c r="E33086" s="6" t="s">
        <v>9</v>
      </c>
      <c r="F33086" s="7">
        <v>36615</v>
      </c>
      <c r="G33086" s="8">
        <v>14895900</v>
      </c>
      <c r="H33086" s="8">
        <v>8639622</v>
      </c>
      <c r="I33086" s="8">
        <v>6554196</v>
      </c>
      <c r="J33086" s="8">
        <v>8341704</v>
      </c>
      <c r="K33086" s="9"/>
      <c r="L33086" s="6"/>
    </row>
    <row r="33087" spans="1:12">
      <c r="A33087" s="6" t="s">
        <v>33367</v>
      </c>
      <c r="B33087" s="6"/>
      <c r="C33087" s="6" t="s">
        <v>32230</v>
      </c>
      <c r="D33087" s="6"/>
      <c r="E33087" s="6" t="s">
        <v>9</v>
      </c>
      <c r="F33087" s="7">
        <v>36615</v>
      </c>
      <c r="G33087" s="8">
        <v>2559600</v>
      </c>
      <c r="H33087" s="8">
        <v>1484568</v>
      </c>
      <c r="I33087" s="8">
        <v>1126224</v>
      </c>
      <c r="J33087" s="8">
        <v>1433376</v>
      </c>
      <c r="K33087" s="9"/>
      <c r="L33087" s="6"/>
    </row>
    <row r="33088" spans="1:12">
      <c r="A33088" s="6" t="s">
        <v>33368</v>
      </c>
      <c r="B33088" s="6"/>
      <c r="C33088" s="6" t="s">
        <v>32230</v>
      </c>
      <c r="D33088" s="6"/>
      <c r="E33088" s="6" t="s">
        <v>9</v>
      </c>
      <c r="F33088" s="7">
        <v>29305</v>
      </c>
      <c r="G33088" s="8">
        <v>10708200</v>
      </c>
      <c r="H33088" s="8">
        <v>1927476</v>
      </c>
      <c r="I33088" s="8">
        <v>8994888</v>
      </c>
      <c r="J33088" s="8">
        <v>1713312</v>
      </c>
      <c r="K33088" s="9"/>
      <c r="L33088" s="6"/>
    </row>
    <row r="33089" spans="1:12">
      <c r="A33089" s="6" t="s">
        <v>33369</v>
      </c>
      <c r="B33089" s="6"/>
      <c r="C33089" s="6" t="s">
        <v>32230</v>
      </c>
      <c r="D33089" s="6"/>
      <c r="E33089" s="6" t="s">
        <v>9</v>
      </c>
      <c r="F33089" s="7">
        <v>30406</v>
      </c>
      <c r="G33089" s="8">
        <v>11826000</v>
      </c>
      <c r="H33089" s="8">
        <v>2838240</v>
      </c>
      <c r="I33089" s="8">
        <v>9224280</v>
      </c>
      <c r="J33089" s="8">
        <v>2601720</v>
      </c>
      <c r="K33089" s="9"/>
      <c r="L33089" s="6"/>
    </row>
    <row r="33090" spans="1:12">
      <c r="A33090" s="6" t="s">
        <v>33370</v>
      </c>
      <c r="B33090" s="6"/>
      <c r="C33090" s="6" t="s">
        <v>32230</v>
      </c>
      <c r="D33090" s="6"/>
      <c r="E33090" s="6" t="s">
        <v>9</v>
      </c>
      <c r="F33090" s="7">
        <v>29305</v>
      </c>
      <c r="G33090" s="8">
        <v>1584900</v>
      </c>
      <c r="H33090" s="8">
        <v>285282</v>
      </c>
      <c r="I33090" s="8">
        <v>1331316</v>
      </c>
      <c r="J33090" s="8">
        <v>253584</v>
      </c>
      <c r="K33090" s="9"/>
      <c r="L33090" s="6"/>
    </row>
    <row r="33091" spans="1:12">
      <c r="A33091" s="6" t="s">
        <v>33371</v>
      </c>
      <c r="B33091" s="6"/>
      <c r="C33091" s="6" t="s">
        <v>32230</v>
      </c>
      <c r="D33091" s="6"/>
      <c r="E33091" s="6" t="s">
        <v>9</v>
      </c>
      <c r="F33091" s="7">
        <v>32947</v>
      </c>
      <c r="G33091" s="8">
        <v>55217700</v>
      </c>
      <c r="H33091" s="8">
        <v>20982726</v>
      </c>
      <c r="I33091" s="8">
        <v>35339328</v>
      </c>
      <c r="J33091" s="8">
        <v>19878372</v>
      </c>
      <c r="K33091" s="9"/>
      <c r="L33091" s="6"/>
    </row>
    <row r="33092" spans="1:12">
      <c r="A33092" s="6" t="s">
        <v>33372</v>
      </c>
      <c r="B33092" s="6"/>
      <c r="C33092" s="6" t="s">
        <v>32230</v>
      </c>
      <c r="D33092" s="6"/>
      <c r="E33092" s="6" t="s">
        <v>9</v>
      </c>
      <c r="F33092" s="7">
        <v>29305</v>
      </c>
      <c r="G33092" s="8">
        <v>22404600</v>
      </c>
      <c r="H33092" s="8">
        <v>4032828</v>
      </c>
      <c r="I33092" s="8">
        <v>18819864</v>
      </c>
      <c r="J33092" s="8">
        <v>3584736</v>
      </c>
      <c r="K33092" s="9"/>
      <c r="L33092" s="6"/>
    </row>
    <row r="33093" spans="1:12">
      <c r="A33093" s="6" t="s">
        <v>33373</v>
      </c>
      <c r="B33093" s="6"/>
      <c r="C33093" s="6" t="s">
        <v>32230</v>
      </c>
      <c r="D33093" s="6"/>
      <c r="E33093" s="6" t="s">
        <v>9</v>
      </c>
      <c r="F33093" s="7">
        <v>29305</v>
      </c>
      <c r="G33093" s="8">
        <v>30618000</v>
      </c>
      <c r="H33093" s="8">
        <v>5511240</v>
      </c>
      <c r="I33093" s="8">
        <v>25719120</v>
      </c>
      <c r="J33093" s="8">
        <v>4898880</v>
      </c>
      <c r="K33093" s="9"/>
      <c r="L33093" s="6"/>
    </row>
    <row r="33094" spans="1:12">
      <c r="A33094" s="6" t="s">
        <v>33374</v>
      </c>
      <c r="B33094" s="6"/>
      <c r="C33094" s="6" t="s">
        <v>32230</v>
      </c>
      <c r="D33094" s="6"/>
      <c r="E33094" s="6" t="s">
        <v>9</v>
      </c>
      <c r="F33094" s="7">
        <v>29305</v>
      </c>
      <c r="G33094" s="8">
        <v>653600</v>
      </c>
      <c r="H33094" s="8">
        <v>117648</v>
      </c>
      <c r="I33094" s="8">
        <v>549024</v>
      </c>
      <c r="J33094" s="8">
        <v>104576</v>
      </c>
      <c r="K33094" s="9"/>
      <c r="L33094" s="6"/>
    </row>
    <row r="33095" spans="1:12">
      <c r="A33095" s="6" t="s">
        <v>33375</v>
      </c>
      <c r="B33095" s="6"/>
      <c r="C33095" s="6" t="s">
        <v>32230</v>
      </c>
      <c r="D33095" s="6"/>
      <c r="E33095" s="6" t="s">
        <v>9</v>
      </c>
      <c r="F33095" s="7">
        <v>29305</v>
      </c>
      <c r="G33095" s="8">
        <v>14247900</v>
      </c>
      <c r="H33095" s="8">
        <v>2564622</v>
      </c>
      <c r="I33095" s="8">
        <v>11968236</v>
      </c>
      <c r="J33095" s="8">
        <v>2279664</v>
      </c>
      <c r="K33095" s="9"/>
      <c r="L33095" s="6"/>
    </row>
    <row r="33096" spans="1:12">
      <c r="A33096" s="6" t="s">
        <v>33376</v>
      </c>
      <c r="B33096" s="6"/>
      <c r="C33096" s="6" t="s">
        <v>32230</v>
      </c>
      <c r="D33096" s="6"/>
      <c r="E33096" s="6" t="s">
        <v>9</v>
      </c>
      <c r="F33096" s="7">
        <v>29305</v>
      </c>
      <c r="G33096" s="8">
        <v>1466100</v>
      </c>
      <c r="H33096" s="8">
        <v>263898</v>
      </c>
      <c r="I33096" s="8">
        <v>1231524</v>
      </c>
      <c r="J33096" s="8">
        <v>234576</v>
      </c>
      <c r="K33096" s="9"/>
      <c r="L33096" s="6"/>
    </row>
    <row r="33097" spans="1:12">
      <c r="A33097" s="6" t="s">
        <v>33377</v>
      </c>
      <c r="B33097" s="6"/>
      <c r="C33097" s="6" t="s">
        <v>32230</v>
      </c>
      <c r="D33097" s="6"/>
      <c r="E33097" s="6" t="s">
        <v>9</v>
      </c>
      <c r="F33097" s="7">
        <v>29305</v>
      </c>
      <c r="G33097" s="8">
        <v>1358100</v>
      </c>
      <c r="H33097" s="8">
        <v>244458</v>
      </c>
      <c r="I33097" s="8">
        <v>1140804</v>
      </c>
      <c r="J33097" s="8">
        <v>217296</v>
      </c>
      <c r="K33097" s="9"/>
      <c r="L33097" s="6"/>
    </row>
    <row r="33098" spans="1:12">
      <c r="A33098" s="6" t="s">
        <v>33378</v>
      </c>
      <c r="B33098" s="6"/>
      <c r="C33098" s="6" t="s">
        <v>32230</v>
      </c>
      <c r="D33098" s="6"/>
      <c r="E33098" s="6"/>
      <c r="F33098" s="7">
        <v>43191</v>
      </c>
      <c r="G33098" s="8">
        <v>1054080</v>
      </c>
      <c r="H33098" s="8">
        <v>1011918</v>
      </c>
      <c r="I33098" s="8">
        <v>63243</v>
      </c>
      <c r="J33098" s="8">
        <v>990837</v>
      </c>
      <c r="K33098" s="9"/>
      <c r="L33098" s="6"/>
    </row>
    <row r="33099" spans="1:12">
      <c r="A33099" s="6" t="s">
        <v>33378</v>
      </c>
      <c r="B33099" s="6"/>
      <c r="C33099" s="6" t="s">
        <v>32230</v>
      </c>
      <c r="D33099" s="6"/>
      <c r="E33099" s="6" t="s">
        <v>9</v>
      </c>
      <c r="F33099" s="7">
        <v>29305</v>
      </c>
      <c r="G33099" s="8">
        <v>31590000</v>
      </c>
      <c r="H33099" s="8">
        <v>5686200</v>
      </c>
      <c r="I33099" s="8">
        <v>26535600</v>
      </c>
      <c r="J33099" s="8">
        <v>5054400</v>
      </c>
      <c r="K33099" s="9"/>
      <c r="L33099" s="6"/>
    </row>
    <row r="33100" spans="1:12">
      <c r="A33100" s="6" t="s">
        <v>33378</v>
      </c>
      <c r="B33100" s="6"/>
      <c r="C33100" s="6" t="s">
        <v>32230</v>
      </c>
      <c r="D33100" s="6"/>
      <c r="E33100" s="6"/>
      <c r="F33100" s="7">
        <v>43922</v>
      </c>
      <c r="G33100" s="8">
        <v>799700</v>
      </c>
      <c r="H33100" s="8">
        <v>799700</v>
      </c>
      <c r="I33100" s="8">
        <v>15994</v>
      </c>
      <c r="J33100" s="8">
        <v>783706</v>
      </c>
      <c r="K33100" s="9"/>
      <c r="L33100" s="6"/>
    </row>
    <row r="33101" spans="1:12">
      <c r="A33101" s="6" t="s">
        <v>33379</v>
      </c>
      <c r="B33101" s="6"/>
      <c r="C33101" s="6" t="s">
        <v>32230</v>
      </c>
      <c r="D33101" s="6"/>
      <c r="E33101" s="6" t="s">
        <v>9</v>
      </c>
      <c r="F33101" s="7">
        <v>42216</v>
      </c>
      <c r="G33101" s="8">
        <v>1242000</v>
      </c>
      <c r="H33101" s="8">
        <v>1117800</v>
      </c>
      <c r="I33101" s="8">
        <v>149040</v>
      </c>
      <c r="J33101" s="8">
        <v>1092960</v>
      </c>
      <c r="K33101" s="9"/>
      <c r="L33101" s="6"/>
    </row>
    <row r="33102" spans="1:12">
      <c r="A33102" s="6" t="s">
        <v>33380</v>
      </c>
      <c r="B33102" s="6"/>
      <c r="C33102" s="6" t="s">
        <v>32230</v>
      </c>
      <c r="D33102" s="6"/>
      <c r="E33102" s="6" t="s">
        <v>9</v>
      </c>
      <c r="F33102" s="7">
        <v>29305</v>
      </c>
      <c r="G33102" s="8">
        <v>20096100</v>
      </c>
      <c r="H33102" s="8">
        <v>3617298</v>
      </c>
      <c r="I33102" s="8">
        <v>16880724</v>
      </c>
      <c r="J33102" s="8">
        <v>3215376</v>
      </c>
      <c r="K33102" s="9"/>
      <c r="L33102" s="6"/>
    </row>
    <row r="33103" spans="1:12">
      <c r="A33103" s="6" t="s">
        <v>33381</v>
      </c>
      <c r="B33103" s="6"/>
      <c r="C33103" s="6" t="s">
        <v>32230</v>
      </c>
      <c r="D33103" s="6"/>
      <c r="E33103" s="6" t="s">
        <v>9</v>
      </c>
      <c r="F33103" s="7">
        <v>29305</v>
      </c>
      <c r="G33103" s="8">
        <v>10773000</v>
      </c>
      <c r="H33103" s="8">
        <v>1939140</v>
      </c>
      <c r="I33103" s="8">
        <v>9049320</v>
      </c>
      <c r="J33103" s="8">
        <v>1723680</v>
      </c>
      <c r="K33103" s="9"/>
      <c r="L33103" s="6"/>
    </row>
    <row r="33104" spans="1:12">
      <c r="A33104" s="6" t="s">
        <v>33382</v>
      </c>
      <c r="B33104" s="6"/>
      <c r="C33104" s="6" t="s">
        <v>32230</v>
      </c>
      <c r="D33104" s="6"/>
      <c r="E33104" s="6" t="s">
        <v>9</v>
      </c>
      <c r="F33104" s="7">
        <v>29305</v>
      </c>
      <c r="G33104" s="8">
        <v>1892700</v>
      </c>
      <c r="H33104" s="8">
        <v>340686</v>
      </c>
      <c r="I33104" s="8">
        <v>1589868</v>
      </c>
      <c r="J33104" s="8">
        <v>302832</v>
      </c>
      <c r="K33104" s="9"/>
      <c r="L33104" s="6"/>
    </row>
    <row r="33105" spans="1:12">
      <c r="A33105" s="6" t="s">
        <v>33383</v>
      </c>
      <c r="B33105" s="6"/>
      <c r="C33105" s="6" t="s">
        <v>32230</v>
      </c>
      <c r="D33105" s="6"/>
      <c r="E33105" s="6" t="s">
        <v>9</v>
      </c>
      <c r="F33105" s="7">
        <v>29305</v>
      </c>
      <c r="G33105" s="8">
        <v>1890000</v>
      </c>
      <c r="H33105" s="8">
        <v>340200</v>
      </c>
      <c r="I33105" s="8">
        <v>1587600</v>
      </c>
      <c r="J33105" s="8">
        <v>302400</v>
      </c>
      <c r="K33105" s="9"/>
      <c r="L33105" s="6"/>
    </row>
    <row r="33106" spans="1:12">
      <c r="A33106" s="6" t="s">
        <v>33384</v>
      </c>
      <c r="B33106" s="6"/>
      <c r="C33106" s="6" t="s">
        <v>32230</v>
      </c>
      <c r="D33106" s="6"/>
      <c r="E33106" s="6" t="s">
        <v>9</v>
      </c>
      <c r="F33106" s="7">
        <v>29305</v>
      </c>
      <c r="G33106" s="8">
        <v>71449600</v>
      </c>
      <c r="H33106" s="8">
        <v>12860928</v>
      </c>
      <c r="I33106" s="8">
        <v>60017664</v>
      </c>
      <c r="J33106" s="8">
        <v>11431936</v>
      </c>
      <c r="K33106" s="9"/>
      <c r="L33106" s="6"/>
    </row>
    <row r="33107" spans="1:12">
      <c r="A33107" s="6" t="s">
        <v>33385</v>
      </c>
      <c r="B33107" s="6"/>
      <c r="C33107" s="6" t="s">
        <v>32230</v>
      </c>
      <c r="D33107" s="6"/>
      <c r="E33107" s="6" t="s">
        <v>9</v>
      </c>
      <c r="F33107" s="7">
        <v>29305</v>
      </c>
      <c r="G33107" s="8">
        <v>6285600</v>
      </c>
      <c r="H33107" s="8">
        <v>1131408</v>
      </c>
      <c r="I33107" s="8">
        <v>5279904</v>
      </c>
      <c r="J33107" s="8">
        <v>1005696</v>
      </c>
      <c r="K33107" s="9"/>
      <c r="L33107" s="6"/>
    </row>
    <row r="33108" spans="1:12">
      <c r="A33108" s="6" t="s">
        <v>33386</v>
      </c>
      <c r="B33108" s="6"/>
      <c r="C33108" s="6" t="s">
        <v>32230</v>
      </c>
      <c r="D33108" s="6"/>
      <c r="E33108" s="6" t="s">
        <v>9</v>
      </c>
      <c r="F33108" s="7">
        <v>29305</v>
      </c>
      <c r="G33108" s="8">
        <v>3666600</v>
      </c>
      <c r="H33108" s="8">
        <v>659988</v>
      </c>
      <c r="I33108" s="8">
        <v>3079944</v>
      </c>
      <c r="J33108" s="8">
        <v>586656</v>
      </c>
      <c r="K33108" s="9"/>
      <c r="L33108" s="6"/>
    </row>
    <row r="33109" spans="1:12">
      <c r="A33109" s="6" t="s">
        <v>33387</v>
      </c>
      <c r="B33109" s="6"/>
      <c r="C33109" s="6" t="s">
        <v>32230</v>
      </c>
      <c r="D33109" s="6"/>
      <c r="E33109" s="6" t="s">
        <v>9</v>
      </c>
      <c r="F33109" s="7">
        <v>29305</v>
      </c>
      <c r="G33109" s="8">
        <v>10513800</v>
      </c>
      <c r="H33109" s="8">
        <v>1892484</v>
      </c>
      <c r="I33109" s="8">
        <v>8831592</v>
      </c>
      <c r="J33109" s="8">
        <v>1682208</v>
      </c>
      <c r="K33109" s="9"/>
      <c r="L33109" s="6"/>
    </row>
    <row r="33110" spans="1:12">
      <c r="A33110" s="6" t="s">
        <v>33388</v>
      </c>
      <c r="B33110" s="6"/>
      <c r="C33110" s="6" t="s">
        <v>32230</v>
      </c>
      <c r="D33110" s="6"/>
      <c r="E33110" s="6" t="s">
        <v>9</v>
      </c>
      <c r="F33110" s="7">
        <v>29305</v>
      </c>
      <c r="G33110" s="8">
        <v>1183700</v>
      </c>
      <c r="H33110" s="8">
        <v>213066</v>
      </c>
      <c r="I33110" s="8">
        <v>994308</v>
      </c>
      <c r="J33110" s="8">
        <v>189392</v>
      </c>
      <c r="K33110" s="9"/>
      <c r="L33110" s="6"/>
    </row>
    <row r="33111" spans="1:12">
      <c r="A33111" s="6" t="s">
        <v>33389</v>
      </c>
      <c r="B33111" s="6"/>
      <c r="C33111" s="6" t="s">
        <v>32230</v>
      </c>
      <c r="D33111" s="6"/>
      <c r="E33111" s="6" t="s">
        <v>9</v>
      </c>
      <c r="F33111" s="7">
        <v>29305</v>
      </c>
      <c r="G33111" s="8">
        <v>703000</v>
      </c>
      <c r="H33111" s="8">
        <v>126540</v>
      </c>
      <c r="I33111" s="8">
        <v>590520</v>
      </c>
      <c r="J33111" s="8">
        <v>112480</v>
      </c>
      <c r="K33111" s="9"/>
      <c r="L33111" s="6"/>
    </row>
    <row r="33112" spans="1:12">
      <c r="A33112" s="6" t="s">
        <v>33390</v>
      </c>
      <c r="B33112" s="6"/>
      <c r="C33112" s="6" t="s">
        <v>32230</v>
      </c>
      <c r="D33112" s="6"/>
      <c r="E33112" s="6" t="s">
        <v>9</v>
      </c>
      <c r="F33112" s="7">
        <v>29305</v>
      </c>
      <c r="G33112" s="8">
        <v>782800</v>
      </c>
      <c r="H33112" s="8">
        <v>140904</v>
      </c>
      <c r="I33112" s="8">
        <v>657552</v>
      </c>
      <c r="J33112" s="8">
        <v>125248</v>
      </c>
      <c r="K33112" s="9"/>
      <c r="L33112" s="6"/>
    </row>
    <row r="33113" spans="1:12">
      <c r="A33113" s="6" t="s">
        <v>33391</v>
      </c>
      <c r="B33113" s="6"/>
      <c r="C33113" s="6" t="s">
        <v>32230</v>
      </c>
      <c r="D33113" s="6"/>
      <c r="E33113" s="6" t="s">
        <v>9</v>
      </c>
      <c r="F33113" s="7">
        <v>29305</v>
      </c>
      <c r="G33113" s="8">
        <v>782800</v>
      </c>
      <c r="H33113" s="8">
        <v>140904</v>
      </c>
      <c r="I33113" s="8">
        <v>657552</v>
      </c>
      <c r="J33113" s="8">
        <v>125248</v>
      </c>
      <c r="K33113" s="9"/>
      <c r="L33113" s="6"/>
    </row>
    <row r="33114" spans="1:12">
      <c r="A33114" s="6" t="s">
        <v>33392</v>
      </c>
      <c r="B33114" s="6"/>
      <c r="C33114" s="6" t="s">
        <v>32230</v>
      </c>
      <c r="D33114" s="6"/>
      <c r="E33114" s="6" t="s">
        <v>9</v>
      </c>
      <c r="F33114" s="7">
        <v>29305</v>
      </c>
      <c r="G33114" s="8">
        <v>20760300</v>
      </c>
      <c r="H33114" s="8">
        <v>3736854</v>
      </c>
      <c r="I33114" s="8">
        <v>17438652</v>
      </c>
      <c r="J33114" s="8">
        <v>3321648</v>
      </c>
      <c r="K33114" s="9"/>
      <c r="L33114" s="6"/>
    </row>
    <row r="33115" spans="1:12">
      <c r="A33115" s="6" t="s">
        <v>33393</v>
      </c>
      <c r="B33115" s="6"/>
      <c r="C33115" s="6" t="s">
        <v>32230</v>
      </c>
      <c r="D33115" s="6"/>
      <c r="E33115" s="6" t="s">
        <v>9</v>
      </c>
      <c r="F33115" s="7">
        <v>29305</v>
      </c>
      <c r="G33115" s="8">
        <v>15770700</v>
      </c>
      <c r="H33115" s="8">
        <v>2838726</v>
      </c>
      <c r="I33115" s="8">
        <v>13247388</v>
      </c>
      <c r="J33115" s="8">
        <v>2523312</v>
      </c>
      <c r="K33115" s="9"/>
      <c r="L33115" s="6"/>
    </row>
    <row r="33116" spans="1:12">
      <c r="A33116" s="6" t="s">
        <v>33394</v>
      </c>
      <c r="B33116" s="6"/>
      <c r="C33116" s="6" t="s">
        <v>32230</v>
      </c>
      <c r="D33116" s="6"/>
      <c r="E33116" s="6" t="s">
        <v>9</v>
      </c>
      <c r="F33116" s="7">
        <v>29305</v>
      </c>
      <c r="G33116" s="8">
        <v>1528200</v>
      </c>
      <c r="H33116" s="8">
        <v>275076</v>
      </c>
      <c r="I33116" s="8">
        <v>1283688</v>
      </c>
      <c r="J33116" s="8">
        <v>244512</v>
      </c>
      <c r="K33116" s="9"/>
      <c r="L33116" s="6"/>
    </row>
    <row r="33117" spans="1:12">
      <c r="A33117" s="6" t="s">
        <v>33395</v>
      </c>
      <c r="B33117" s="6"/>
      <c r="C33117" s="6" t="s">
        <v>32230</v>
      </c>
      <c r="D33117" s="6"/>
      <c r="E33117" s="6" t="s">
        <v>9</v>
      </c>
      <c r="F33117" s="7">
        <v>29305</v>
      </c>
      <c r="G33117" s="8">
        <v>5775300</v>
      </c>
      <c r="H33117" s="8">
        <v>1039554</v>
      </c>
      <c r="I33117" s="8">
        <v>4851252</v>
      </c>
      <c r="J33117" s="8">
        <v>924048</v>
      </c>
      <c r="K33117" s="9"/>
      <c r="L33117" s="6"/>
    </row>
    <row r="33118" spans="1:12">
      <c r="A33118" s="6" t="s">
        <v>33396</v>
      </c>
      <c r="B33118" s="6"/>
      <c r="C33118" s="6" t="s">
        <v>32230</v>
      </c>
      <c r="D33118" s="6"/>
      <c r="E33118" s="6" t="s">
        <v>9</v>
      </c>
      <c r="F33118" s="7">
        <v>29305</v>
      </c>
      <c r="G33118" s="8">
        <v>6941700</v>
      </c>
      <c r="H33118" s="8">
        <v>1249506</v>
      </c>
      <c r="I33118" s="8">
        <v>5831028</v>
      </c>
      <c r="J33118" s="8">
        <v>1110672</v>
      </c>
      <c r="K33118" s="9"/>
      <c r="L33118" s="6"/>
    </row>
    <row r="33119" spans="1:12">
      <c r="A33119" s="6" t="s">
        <v>33397</v>
      </c>
      <c r="B33119" s="6"/>
      <c r="C33119" s="6" t="s">
        <v>32230</v>
      </c>
      <c r="D33119" s="6"/>
      <c r="E33119" s="6" t="s">
        <v>9</v>
      </c>
      <c r="F33119" s="7">
        <v>29305</v>
      </c>
      <c r="G33119" s="8">
        <v>8019000</v>
      </c>
      <c r="H33119" s="8">
        <v>1443420</v>
      </c>
      <c r="I33119" s="8">
        <v>6735960</v>
      </c>
      <c r="J33119" s="8">
        <v>1283040</v>
      </c>
      <c r="K33119" s="9"/>
      <c r="L33119" s="6"/>
    </row>
    <row r="33120" spans="1:12">
      <c r="A33120" s="6" t="s">
        <v>33398</v>
      </c>
      <c r="B33120" s="6"/>
      <c r="C33120" s="6" t="s">
        <v>32230</v>
      </c>
      <c r="D33120" s="6"/>
      <c r="E33120" s="6" t="s">
        <v>9</v>
      </c>
      <c r="F33120" s="7">
        <v>29305</v>
      </c>
      <c r="G33120" s="8">
        <v>1520100</v>
      </c>
      <c r="H33120" s="8">
        <v>273618</v>
      </c>
      <c r="I33120" s="8">
        <v>1276884</v>
      </c>
      <c r="J33120" s="8">
        <v>243216</v>
      </c>
      <c r="K33120" s="9"/>
      <c r="L33120" s="6"/>
    </row>
    <row r="33121" spans="1:12">
      <c r="A33121" s="6" t="s">
        <v>33399</v>
      </c>
      <c r="B33121" s="6"/>
      <c r="C33121" s="6" t="s">
        <v>32230</v>
      </c>
      <c r="D33121" s="6"/>
      <c r="E33121" s="6" t="s">
        <v>9</v>
      </c>
      <c r="F33121" s="7">
        <v>29305</v>
      </c>
      <c r="G33121" s="8">
        <v>11283300</v>
      </c>
      <c r="H33121" s="8">
        <v>2030994</v>
      </c>
      <c r="I33121" s="8">
        <v>9477972</v>
      </c>
      <c r="J33121" s="8">
        <v>1805328</v>
      </c>
      <c r="K33121" s="9"/>
      <c r="L33121" s="6"/>
    </row>
    <row r="33122" spans="1:12">
      <c r="A33122" s="6" t="s">
        <v>33400</v>
      </c>
      <c r="B33122" s="6"/>
      <c r="C33122" s="6" t="s">
        <v>32230</v>
      </c>
      <c r="D33122" s="6"/>
      <c r="E33122" s="6" t="s">
        <v>9</v>
      </c>
      <c r="F33122" s="7">
        <v>29305</v>
      </c>
      <c r="G33122" s="8">
        <v>8262000</v>
      </c>
      <c r="H33122" s="8">
        <v>1487160</v>
      </c>
      <c r="I33122" s="8">
        <v>6940080</v>
      </c>
      <c r="J33122" s="8">
        <v>1321920</v>
      </c>
      <c r="K33122" s="9"/>
      <c r="L33122" s="6"/>
    </row>
    <row r="33123" spans="1:12">
      <c r="A33123" s="6" t="s">
        <v>33401</v>
      </c>
      <c r="B33123" s="6"/>
      <c r="C33123" s="6" t="s">
        <v>32230</v>
      </c>
      <c r="D33123" s="6"/>
      <c r="E33123" s="6" t="s">
        <v>9</v>
      </c>
      <c r="F33123" s="7">
        <v>29305</v>
      </c>
      <c r="G33123" s="8">
        <v>9574200</v>
      </c>
      <c r="H33123" s="8">
        <v>1723356</v>
      </c>
      <c r="I33123" s="8">
        <v>8042328</v>
      </c>
      <c r="J33123" s="8">
        <v>1531872</v>
      </c>
      <c r="K33123" s="9"/>
      <c r="L33123" s="6"/>
    </row>
    <row r="33124" spans="1:12">
      <c r="A33124" s="6" t="s">
        <v>33402</v>
      </c>
      <c r="B33124" s="6"/>
      <c r="C33124" s="6" t="s">
        <v>32230</v>
      </c>
      <c r="D33124" s="6"/>
      <c r="E33124" s="6" t="s">
        <v>9</v>
      </c>
      <c r="F33124" s="7">
        <v>29305</v>
      </c>
      <c r="G33124" s="8">
        <v>11421000</v>
      </c>
      <c r="H33124" s="8">
        <v>2055780</v>
      </c>
      <c r="I33124" s="8">
        <v>9593640</v>
      </c>
      <c r="J33124" s="8">
        <v>1827360</v>
      </c>
      <c r="K33124" s="9"/>
      <c r="L33124" s="6"/>
    </row>
    <row r="33125" spans="1:12">
      <c r="A33125" s="6" t="s">
        <v>33403</v>
      </c>
      <c r="B33125" s="6"/>
      <c r="C33125" s="6" t="s">
        <v>32230</v>
      </c>
      <c r="D33125" s="6"/>
      <c r="E33125" s="6" t="s">
        <v>9</v>
      </c>
      <c r="F33125" s="7">
        <v>29305</v>
      </c>
      <c r="G33125" s="8">
        <v>11299500</v>
      </c>
      <c r="H33125" s="8">
        <v>2033910</v>
      </c>
      <c r="I33125" s="8">
        <v>9491580</v>
      </c>
      <c r="J33125" s="8">
        <v>1807920</v>
      </c>
      <c r="K33125" s="9"/>
      <c r="L33125" s="6"/>
    </row>
    <row r="33126" spans="1:12">
      <c r="A33126" s="6" t="s">
        <v>33404</v>
      </c>
      <c r="B33126" s="6"/>
      <c r="C33126" s="6" t="s">
        <v>32230</v>
      </c>
      <c r="D33126" s="6"/>
      <c r="E33126" s="6"/>
      <c r="F33126" s="7">
        <v>42826</v>
      </c>
      <c r="G33126" s="8">
        <v>4750920</v>
      </c>
      <c r="H33126" s="8">
        <v>4508625</v>
      </c>
      <c r="I33126" s="8">
        <v>323060</v>
      </c>
      <c r="J33126" s="8">
        <v>4427860</v>
      </c>
      <c r="K33126" s="9"/>
      <c r="L33126" s="6"/>
    </row>
    <row r="33127" spans="1:12">
      <c r="A33127" s="6" t="s">
        <v>33404</v>
      </c>
      <c r="B33127" s="6"/>
      <c r="C33127" s="6" t="s">
        <v>32230</v>
      </c>
      <c r="D33127" s="6"/>
      <c r="E33127" s="6" t="s">
        <v>9</v>
      </c>
      <c r="F33127" s="7">
        <v>29305</v>
      </c>
      <c r="G33127" s="8">
        <v>49086000</v>
      </c>
      <c r="H33127" s="8">
        <v>8835480</v>
      </c>
      <c r="I33127" s="8">
        <v>41232240</v>
      </c>
      <c r="J33127" s="8">
        <v>7853760</v>
      </c>
      <c r="K33127" s="9"/>
      <c r="L33127" s="6"/>
    </row>
    <row r="33128" spans="1:12">
      <c r="A33128" s="6" t="s">
        <v>33405</v>
      </c>
      <c r="B33128" s="6"/>
      <c r="C33128" s="6" t="s">
        <v>32230</v>
      </c>
      <c r="D33128" s="6"/>
      <c r="E33128" s="6" t="s">
        <v>9</v>
      </c>
      <c r="F33128" s="7">
        <v>42587</v>
      </c>
      <c r="G33128" s="8">
        <v>845640</v>
      </c>
      <c r="H33128" s="8">
        <v>619012</v>
      </c>
      <c r="I33128" s="8">
        <v>283285</v>
      </c>
      <c r="J33128" s="8">
        <v>562355</v>
      </c>
      <c r="K33128" s="9"/>
      <c r="L33128" s="6"/>
    </row>
    <row r="33129" spans="1:12">
      <c r="A33129" s="6" t="s">
        <v>33406</v>
      </c>
      <c r="B33129" s="6"/>
      <c r="C33129" s="6" t="s">
        <v>32230</v>
      </c>
      <c r="D33129" s="6"/>
      <c r="E33129" s="6" t="s">
        <v>9</v>
      </c>
      <c r="F33129" s="7">
        <v>43633</v>
      </c>
      <c r="G33129" s="8">
        <v>77760</v>
      </c>
      <c r="H33129" s="8">
        <v>69984</v>
      </c>
      <c r="I33129" s="8">
        <v>15552</v>
      </c>
      <c r="J33129" s="8">
        <v>62208</v>
      </c>
      <c r="K33129" s="9"/>
      <c r="L33129" s="6"/>
    </row>
    <row r="33130" spans="1:12">
      <c r="A33130" s="6" t="s">
        <v>33407</v>
      </c>
      <c r="B33130" s="6"/>
      <c r="C33130" s="6" t="s">
        <v>32230</v>
      </c>
      <c r="D33130" s="6"/>
      <c r="E33130" s="6" t="s">
        <v>9</v>
      </c>
      <c r="F33130" s="7">
        <v>43763</v>
      </c>
      <c r="G33130" s="8">
        <v>8420760</v>
      </c>
      <c r="H33130" s="8">
        <v>8252345</v>
      </c>
      <c r="I33130" s="8">
        <v>336830</v>
      </c>
      <c r="J33130" s="8">
        <v>8083930</v>
      </c>
      <c r="K33130" s="9"/>
      <c r="L33130" s="6"/>
    </row>
    <row r="33131" spans="1:12">
      <c r="A33131" s="6" t="s">
        <v>33408</v>
      </c>
      <c r="B33131" s="6"/>
      <c r="C33131" s="6" t="s">
        <v>32230</v>
      </c>
      <c r="D33131" s="6"/>
      <c r="E33131" s="6" t="s">
        <v>9</v>
      </c>
      <c r="F33131" s="7">
        <v>31500</v>
      </c>
      <c r="G33131" s="8">
        <v>77743800</v>
      </c>
      <c r="H33131" s="8">
        <v>23323140</v>
      </c>
      <c r="I33131" s="8">
        <v>55975536</v>
      </c>
      <c r="J33131" s="8">
        <v>21768264</v>
      </c>
      <c r="K33131" s="9"/>
      <c r="L33131" s="6"/>
    </row>
    <row r="33132" spans="1:12">
      <c r="A33132" s="6" t="s">
        <v>33409</v>
      </c>
      <c r="B33132" s="6"/>
      <c r="C33132" s="6" t="s">
        <v>32230</v>
      </c>
      <c r="D33132" s="6"/>
      <c r="E33132" s="6" t="s">
        <v>9</v>
      </c>
      <c r="F33132" s="7">
        <v>32947</v>
      </c>
      <c r="G33132" s="8">
        <v>18500400</v>
      </c>
      <c r="H33132" s="8">
        <v>7030152</v>
      </c>
      <c r="I33132" s="8">
        <v>11840256</v>
      </c>
      <c r="J33132" s="8">
        <v>6660144</v>
      </c>
      <c r="K33132" s="9"/>
      <c r="L33132" s="6"/>
    </row>
    <row r="33133" spans="1:12">
      <c r="A33133" s="6" t="s">
        <v>33410</v>
      </c>
      <c r="B33133" s="6"/>
      <c r="C33133" s="6" t="s">
        <v>32230</v>
      </c>
      <c r="D33133" s="6"/>
      <c r="E33133" s="6" t="s">
        <v>9</v>
      </c>
      <c r="F33133" s="7">
        <v>29305</v>
      </c>
      <c r="G33133" s="8">
        <v>4862700</v>
      </c>
      <c r="H33133" s="8">
        <v>875286</v>
      </c>
      <c r="I33133" s="8">
        <v>4084668</v>
      </c>
      <c r="J33133" s="8">
        <v>778032</v>
      </c>
      <c r="K33133" s="9"/>
      <c r="L33133" s="6"/>
    </row>
    <row r="33134" spans="1:12">
      <c r="A33134" s="6" t="s">
        <v>33411</v>
      </c>
      <c r="B33134" s="6"/>
      <c r="C33134" s="6" t="s">
        <v>32230</v>
      </c>
      <c r="D33134" s="6"/>
      <c r="E33134" s="6" t="s">
        <v>9</v>
      </c>
      <c r="F33134" s="7">
        <v>34051</v>
      </c>
      <c r="G33134" s="8">
        <v>25920000</v>
      </c>
      <c r="H33134" s="8">
        <v>11404800</v>
      </c>
      <c r="I33134" s="8">
        <v>15033600</v>
      </c>
      <c r="J33134" s="8">
        <v>10886400</v>
      </c>
      <c r="K33134" s="9"/>
      <c r="L33134" s="6"/>
    </row>
    <row r="33135" spans="1:12">
      <c r="A33135" s="6" t="s">
        <v>33412</v>
      </c>
      <c r="B33135" s="6"/>
      <c r="C33135" s="6" t="s">
        <v>32230</v>
      </c>
      <c r="D33135" s="6"/>
      <c r="E33135" s="6" t="s">
        <v>9</v>
      </c>
      <c r="F33135" s="7">
        <v>31472</v>
      </c>
      <c r="G33135" s="8">
        <v>6336900</v>
      </c>
      <c r="H33135" s="8">
        <v>1901070</v>
      </c>
      <c r="I33135" s="8">
        <v>4562568</v>
      </c>
      <c r="J33135" s="8">
        <v>1774332</v>
      </c>
      <c r="K33135" s="9"/>
      <c r="L33135" s="6"/>
    </row>
    <row r="33136" spans="1:12">
      <c r="A33136" s="6" t="s">
        <v>33413</v>
      </c>
      <c r="B33136" s="6"/>
      <c r="C33136" s="6" t="s">
        <v>32230</v>
      </c>
      <c r="D33136" s="6"/>
      <c r="E33136" s="6" t="s">
        <v>9</v>
      </c>
      <c r="F33136" s="7">
        <v>29305</v>
      </c>
      <c r="G33136" s="8">
        <v>60401700</v>
      </c>
      <c r="H33136" s="8">
        <v>10872306</v>
      </c>
      <c r="I33136" s="8">
        <v>50737428</v>
      </c>
      <c r="J33136" s="8">
        <v>9664272</v>
      </c>
      <c r="K33136" s="9"/>
      <c r="L33136" s="6"/>
    </row>
    <row r="33137" spans="1:12">
      <c r="A33137" s="6" t="s">
        <v>33185</v>
      </c>
      <c r="B33137" s="6"/>
      <c r="C33137" s="6" t="s">
        <v>32230</v>
      </c>
      <c r="D33137" s="6"/>
      <c r="E33137" s="6" t="s">
        <v>9</v>
      </c>
      <c r="F33137" s="7">
        <v>26755</v>
      </c>
      <c r="G33137" s="8">
        <v>11007360</v>
      </c>
      <c r="H33137" s="8">
        <v>2212485</v>
      </c>
      <c r="I33137" s="8">
        <v>8982000</v>
      </c>
      <c r="J33137" s="8">
        <v>2025360</v>
      </c>
      <c r="K33137" s="9"/>
      <c r="L33137" s="6"/>
    </row>
    <row r="33138" spans="1:12">
      <c r="A33138" s="6" t="s">
        <v>33185</v>
      </c>
      <c r="B33138" s="6"/>
      <c r="C33138" s="6" t="s">
        <v>32230</v>
      </c>
      <c r="D33138" s="6"/>
      <c r="E33138" s="6" t="s">
        <v>9</v>
      </c>
      <c r="F33138" s="7">
        <v>26755</v>
      </c>
      <c r="G33138" s="8">
        <v>13431600</v>
      </c>
      <c r="H33138" s="8">
        <v>2699761</v>
      </c>
      <c r="I33138" s="8">
        <v>10960176</v>
      </c>
      <c r="J33138" s="8">
        <v>2471424</v>
      </c>
      <c r="K33138" s="9"/>
      <c r="L33138" s="6"/>
    </row>
    <row r="33139" spans="1:12">
      <c r="A33139" s="6" t="s">
        <v>33414</v>
      </c>
      <c r="B33139" s="6"/>
      <c r="C33139" s="6" t="s">
        <v>32230</v>
      </c>
      <c r="D33139" s="6"/>
      <c r="E33139" s="6" t="s">
        <v>9</v>
      </c>
      <c r="F33139" s="7">
        <v>43633</v>
      </c>
      <c r="G33139" s="8">
        <v>240840</v>
      </c>
      <c r="H33139" s="8">
        <v>216756</v>
      </c>
      <c r="I33139" s="8">
        <v>48168</v>
      </c>
      <c r="J33139" s="8">
        <v>192672</v>
      </c>
      <c r="K33139" s="9"/>
      <c r="L33139" s="6"/>
    </row>
    <row r="33140" spans="1:12">
      <c r="A33140" s="6" t="s">
        <v>33415</v>
      </c>
      <c r="B33140" s="6"/>
      <c r="C33140" s="6" t="s">
        <v>32230</v>
      </c>
      <c r="D33140" s="6"/>
      <c r="E33140" s="6" t="s">
        <v>9</v>
      </c>
      <c r="F33140" s="7">
        <v>32598</v>
      </c>
      <c r="G33140" s="8">
        <v>65245500</v>
      </c>
      <c r="H33140" s="8">
        <v>23488380</v>
      </c>
      <c r="I33140" s="8">
        <v>43062030</v>
      </c>
      <c r="J33140" s="8">
        <v>22183470</v>
      </c>
      <c r="K33140" s="9"/>
      <c r="L33140" s="6"/>
    </row>
    <row r="33141" spans="1:12">
      <c r="A33141" s="6" t="s">
        <v>33416</v>
      </c>
      <c r="B33141" s="6"/>
      <c r="C33141" s="6" t="s">
        <v>32230</v>
      </c>
      <c r="D33141" s="6"/>
      <c r="E33141" s="6" t="s">
        <v>9</v>
      </c>
      <c r="F33141" s="7">
        <v>30895</v>
      </c>
      <c r="G33141" s="8">
        <v>82948320</v>
      </c>
      <c r="H33141" s="8">
        <v>14267124</v>
      </c>
      <c r="I33141" s="8">
        <v>70589007</v>
      </c>
      <c r="J33141" s="8">
        <v>12359313</v>
      </c>
      <c r="K33141" s="9"/>
      <c r="L33141" s="6"/>
    </row>
    <row r="33142" spans="1:12">
      <c r="A33142" s="6" t="s">
        <v>33417</v>
      </c>
      <c r="B33142" s="6"/>
      <c r="C33142" s="6" t="s">
        <v>32230</v>
      </c>
      <c r="D33142" s="6"/>
      <c r="E33142" s="6" t="s">
        <v>9</v>
      </c>
      <c r="F33142" s="7">
        <v>42566</v>
      </c>
      <c r="G33142" s="8">
        <v>1274400</v>
      </c>
      <c r="H33142" s="8">
        <v>932864</v>
      </c>
      <c r="I33142" s="8">
        <v>426920</v>
      </c>
      <c r="J33142" s="8">
        <v>847480</v>
      </c>
      <c r="K33142" s="9"/>
      <c r="L33142" s="6"/>
    </row>
    <row r="33143" spans="1:12">
      <c r="A33143" s="6" t="s">
        <v>33418</v>
      </c>
      <c r="B33143" s="6"/>
      <c r="C33143" s="6" t="s">
        <v>32230</v>
      </c>
      <c r="D33143" s="6"/>
      <c r="E33143" s="6" t="s">
        <v>9</v>
      </c>
      <c r="F33143" s="7">
        <v>29305</v>
      </c>
      <c r="G33143" s="8">
        <v>6447600</v>
      </c>
      <c r="H33143" s="8">
        <v>1160568</v>
      </c>
      <c r="I33143" s="8">
        <v>5415984</v>
      </c>
      <c r="J33143" s="8">
        <v>1031616</v>
      </c>
      <c r="K33143" s="9"/>
      <c r="L33143" s="6"/>
    </row>
    <row r="33144" spans="1:12">
      <c r="A33144" s="6" t="s">
        <v>33419</v>
      </c>
      <c r="B33144" s="6"/>
      <c r="C33144" s="6" t="s">
        <v>32230</v>
      </c>
      <c r="D33144" s="6"/>
      <c r="E33144" s="6" t="s">
        <v>9</v>
      </c>
      <c r="F33144" s="7">
        <v>29305</v>
      </c>
      <c r="G33144" s="8">
        <v>30739500</v>
      </c>
      <c r="H33144" s="8">
        <v>5533110</v>
      </c>
      <c r="I33144" s="8">
        <v>25821180</v>
      </c>
      <c r="J33144" s="8">
        <v>4918320</v>
      </c>
      <c r="K33144" s="9"/>
      <c r="L33144" s="6"/>
    </row>
    <row r="33145" spans="1:12">
      <c r="A33145" s="6" t="s">
        <v>33420</v>
      </c>
      <c r="B33145" s="6"/>
      <c r="C33145" s="6" t="s">
        <v>32230</v>
      </c>
      <c r="D33145" s="6"/>
      <c r="E33145" s="6" t="s">
        <v>9</v>
      </c>
      <c r="F33145" s="7">
        <v>29305</v>
      </c>
      <c r="G33145" s="8">
        <v>3240000</v>
      </c>
      <c r="H33145" s="8">
        <v>583200</v>
      </c>
      <c r="I33145" s="8">
        <v>2721600</v>
      </c>
      <c r="J33145" s="8">
        <v>518400</v>
      </c>
      <c r="K33145" s="9"/>
      <c r="L33145" s="6"/>
    </row>
    <row r="33146" spans="1:12">
      <c r="A33146" s="6" t="s">
        <v>33421</v>
      </c>
      <c r="B33146" s="6"/>
      <c r="C33146" s="6" t="s">
        <v>32230</v>
      </c>
      <c r="D33146" s="6"/>
      <c r="E33146" s="6" t="s">
        <v>9</v>
      </c>
      <c r="F33146" s="7">
        <v>29305</v>
      </c>
      <c r="G33146" s="8">
        <v>1215000</v>
      </c>
      <c r="H33146" s="8">
        <v>218700</v>
      </c>
      <c r="I33146" s="8">
        <v>1020600</v>
      </c>
      <c r="J33146" s="8">
        <v>194400</v>
      </c>
      <c r="K33146" s="9"/>
      <c r="L33146" s="6"/>
    </row>
    <row r="33147" spans="1:12">
      <c r="A33147" s="6" t="s">
        <v>33422</v>
      </c>
      <c r="B33147" s="6"/>
      <c r="C33147" s="6" t="s">
        <v>32230</v>
      </c>
      <c r="D33147" s="6"/>
      <c r="E33147" s="6" t="s">
        <v>9</v>
      </c>
      <c r="F33147" s="7">
        <v>29305</v>
      </c>
      <c r="G33147" s="8">
        <v>1254000</v>
      </c>
      <c r="H33147" s="8">
        <v>225720</v>
      </c>
      <c r="I33147" s="8">
        <v>1053360</v>
      </c>
      <c r="J33147" s="8">
        <v>200640</v>
      </c>
      <c r="K33147" s="9"/>
      <c r="L33147" s="6"/>
    </row>
    <row r="33148" spans="1:12">
      <c r="A33148" s="6" t="s">
        <v>33423</v>
      </c>
      <c r="B33148" s="6"/>
      <c r="C33148" s="6" t="s">
        <v>32230</v>
      </c>
      <c r="D33148" s="6"/>
      <c r="E33148" s="6" t="s">
        <v>9</v>
      </c>
      <c r="F33148" s="7">
        <v>29305</v>
      </c>
      <c r="G33148" s="8">
        <v>39503700</v>
      </c>
      <c r="H33148" s="8">
        <v>7110666</v>
      </c>
      <c r="I33148" s="8">
        <v>33183108</v>
      </c>
      <c r="J33148" s="8">
        <v>6320592</v>
      </c>
      <c r="K33148" s="9"/>
      <c r="L33148" s="6"/>
    </row>
    <row r="33149" spans="1:12">
      <c r="A33149" s="6" t="s">
        <v>33185</v>
      </c>
      <c r="B33149" s="6"/>
      <c r="C33149" s="6" t="s">
        <v>32230</v>
      </c>
      <c r="D33149" s="6"/>
      <c r="E33149" s="6" t="s">
        <v>9</v>
      </c>
      <c r="F33149" s="7"/>
      <c r="G33149" s="8">
        <v>1</v>
      </c>
      <c r="H33149" s="8">
        <v>1</v>
      </c>
      <c r="I33149" s="8">
        <v>0</v>
      </c>
      <c r="J33149" s="8">
        <v>1</v>
      </c>
      <c r="K33149" s="9"/>
      <c r="L33149" s="6"/>
    </row>
    <row r="33150" spans="1:12">
      <c r="A33150" s="6" t="s">
        <v>33185</v>
      </c>
      <c r="B33150" s="6"/>
      <c r="C33150" s="6" t="s">
        <v>32230</v>
      </c>
      <c r="D33150" s="6"/>
      <c r="E33150" s="6" t="s">
        <v>9</v>
      </c>
      <c r="F33150" s="7"/>
      <c r="G33150" s="8">
        <v>1</v>
      </c>
      <c r="H33150" s="8">
        <v>1</v>
      </c>
      <c r="I33150" s="8">
        <v>0</v>
      </c>
      <c r="J33150" s="8">
        <v>1</v>
      </c>
      <c r="K33150" s="9"/>
      <c r="L33150" s="6"/>
    </row>
    <row r="33151" spans="1:12">
      <c r="A33151" s="6" t="s">
        <v>33424</v>
      </c>
      <c r="B33151" s="6"/>
      <c r="C33151" s="6" t="s">
        <v>32230</v>
      </c>
      <c r="D33151" s="6"/>
      <c r="E33151" s="6" t="s">
        <v>9</v>
      </c>
      <c r="F33151" s="7">
        <v>29305</v>
      </c>
      <c r="G33151" s="8">
        <v>59786100</v>
      </c>
      <c r="H33151" s="8">
        <v>10761498</v>
      </c>
      <c r="I33151" s="8">
        <v>50220324</v>
      </c>
      <c r="J33151" s="8">
        <v>9565776</v>
      </c>
      <c r="K33151" s="9"/>
      <c r="L33151" s="6"/>
    </row>
    <row r="33152" spans="1:12">
      <c r="A33152" s="6" t="s">
        <v>33425</v>
      </c>
      <c r="B33152" s="6"/>
      <c r="C33152" s="6" t="s">
        <v>32230</v>
      </c>
      <c r="D33152" s="6"/>
      <c r="E33152" s="6" t="s">
        <v>9</v>
      </c>
      <c r="F33152" s="7">
        <v>38078</v>
      </c>
      <c r="G33152" s="8">
        <v>51826320</v>
      </c>
      <c r="H33152" s="8">
        <v>37729568</v>
      </c>
      <c r="I33152" s="8">
        <v>14977799</v>
      </c>
      <c r="J33152" s="8">
        <v>36848521</v>
      </c>
      <c r="K33152" s="9"/>
      <c r="L33152" s="6"/>
    </row>
    <row r="33153" spans="1:12">
      <c r="A33153" s="6" t="s">
        <v>33426</v>
      </c>
      <c r="B33153" s="6"/>
      <c r="C33153" s="6" t="s">
        <v>32230</v>
      </c>
      <c r="D33153" s="6"/>
      <c r="E33153" s="6" t="s">
        <v>9</v>
      </c>
      <c r="F33153" s="7">
        <v>31500</v>
      </c>
      <c r="G33153" s="8">
        <v>29921400</v>
      </c>
      <c r="H33153" s="8">
        <v>8976420</v>
      </c>
      <c r="I33153" s="8">
        <v>21543408</v>
      </c>
      <c r="J33153" s="8">
        <v>8377992</v>
      </c>
      <c r="K33153" s="9"/>
      <c r="L33153" s="6"/>
    </row>
    <row r="33154" spans="1:12">
      <c r="A33154" s="6" t="s">
        <v>33427</v>
      </c>
      <c r="B33154" s="6"/>
      <c r="C33154" s="6" t="s">
        <v>32230</v>
      </c>
      <c r="D33154" s="6"/>
      <c r="E33154" s="6" t="s">
        <v>9</v>
      </c>
      <c r="F33154" s="7">
        <v>29305</v>
      </c>
      <c r="G33154" s="8">
        <v>11672100</v>
      </c>
      <c r="H33154" s="8">
        <v>2100978</v>
      </c>
      <c r="I33154" s="8">
        <v>9804564</v>
      </c>
      <c r="J33154" s="8">
        <v>1867536</v>
      </c>
      <c r="K33154" s="9"/>
      <c r="L33154" s="6"/>
    </row>
    <row r="33155" spans="1:12">
      <c r="A33155" s="6" t="s">
        <v>33428</v>
      </c>
      <c r="B33155" s="6"/>
      <c r="C33155" s="6" t="s">
        <v>32230</v>
      </c>
      <c r="D33155" s="6"/>
      <c r="E33155" s="6" t="s">
        <v>9</v>
      </c>
      <c r="F33155" s="7">
        <v>44286</v>
      </c>
      <c r="G33155" s="8">
        <v>1078000</v>
      </c>
      <c r="H33155" s="8">
        <v>1078000</v>
      </c>
      <c r="I33155" s="8">
        <v>72226</v>
      </c>
      <c r="J33155" s="8">
        <v>1005774</v>
      </c>
      <c r="K33155" s="9"/>
      <c r="L33155" s="6"/>
    </row>
    <row r="33156" spans="1:12">
      <c r="A33156" s="6" t="s">
        <v>33429</v>
      </c>
      <c r="B33156" s="6"/>
      <c r="C33156" s="6" t="s">
        <v>32230</v>
      </c>
      <c r="D33156" s="6"/>
      <c r="E33156" s="6" t="s">
        <v>9</v>
      </c>
      <c r="F33156" s="7">
        <v>33248</v>
      </c>
      <c r="G33156" s="8">
        <v>37195200</v>
      </c>
      <c r="H33156" s="8">
        <v>14878080</v>
      </c>
      <c r="I33156" s="8">
        <v>23061024</v>
      </c>
      <c r="J33156" s="8">
        <v>14134176</v>
      </c>
      <c r="K33156" s="9"/>
      <c r="L33156" s="6"/>
    </row>
    <row r="33157" spans="1:12">
      <c r="A33157" s="6" t="s">
        <v>33430</v>
      </c>
      <c r="B33157" s="6"/>
      <c r="C33157" s="6" t="s">
        <v>32230</v>
      </c>
      <c r="D33157" s="6"/>
      <c r="E33157" s="6" t="s">
        <v>9</v>
      </c>
      <c r="F33157" s="7">
        <v>33592</v>
      </c>
      <c r="G33157" s="8">
        <v>57753000</v>
      </c>
      <c r="H33157" s="8">
        <v>24256260</v>
      </c>
      <c r="I33157" s="8">
        <v>34651800</v>
      </c>
      <c r="J33157" s="8">
        <v>23101200</v>
      </c>
      <c r="K33157" s="9"/>
      <c r="L33157" s="6"/>
    </row>
    <row r="33158" spans="1:12">
      <c r="A33158" s="6" t="s">
        <v>33431</v>
      </c>
      <c r="B33158" s="6"/>
      <c r="C33158" s="6" t="s">
        <v>32230</v>
      </c>
      <c r="D33158" s="6"/>
      <c r="E33158" s="6" t="s">
        <v>9</v>
      </c>
      <c r="F33158" s="7">
        <v>29305</v>
      </c>
      <c r="G33158" s="8">
        <v>28066500</v>
      </c>
      <c r="H33158" s="8">
        <v>5051970</v>
      </c>
      <c r="I33158" s="8">
        <v>23575860</v>
      </c>
      <c r="J33158" s="8">
        <v>4490640</v>
      </c>
      <c r="K33158" s="9"/>
      <c r="L33158" s="6"/>
    </row>
    <row r="33159" spans="1:12">
      <c r="A33159" s="6" t="s">
        <v>33432</v>
      </c>
      <c r="B33159" s="6"/>
      <c r="C33159" s="6" t="s">
        <v>32230</v>
      </c>
      <c r="D33159" s="6"/>
      <c r="E33159" s="6" t="s">
        <v>9</v>
      </c>
      <c r="F33159" s="7">
        <v>29305</v>
      </c>
      <c r="G33159" s="8">
        <v>38029500</v>
      </c>
      <c r="H33159" s="8">
        <v>6845310</v>
      </c>
      <c r="I33159" s="8">
        <v>31944780</v>
      </c>
      <c r="J33159" s="8">
        <v>6084720</v>
      </c>
      <c r="K33159" s="9"/>
      <c r="L33159" s="6"/>
    </row>
    <row r="33160" spans="1:12">
      <c r="A33160" s="6" t="s">
        <v>33433</v>
      </c>
      <c r="B33160" s="6"/>
      <c r="C33160" s="6" t="s">
        <v>32230</v>
      </c>
      <c r="D33160" s="6"/>
      <c r="E33160" s="6" t="s">
        <v>9</v>
      </c>
      <c r="F33160" s="7">
        <v>30406</v>
      </c>
      <c r="G33160" s="8">
        <v>42854400</v>
      </c>
      <c r="H33160" s="8">
        <v>10285056</v>
      </c>
      <c r="I33160" s="8">
        <v>33426432</v>
      </c>
      <c r="J33160" s="8">
        <v>9427968</v>
      </c>
      <c r="K33160" s="9"/>
      <c r="L33160" s="6"/>
    </row>
    <row r="33161" spans="1:12">
      <c r="A33161" s="6" t="s">
        <v>33434</v>
      </c>
      <c r="B33161" s="6"/>
      <c r="C33161" s="6" t="s">
        <v>32230</v>
      </c>
      <c r="D33161" s="6"/>
      <c r="E33161" s="6" t="s">
        <v>9</v>
      </c>
      <c r="F33161" s="7">
        <v>30406</v>
      </c>
      <c r="G33161" s="8">
        <v>38515200</v>
      </c>
      <c r="H33161" s="8">
        <v>9243648</v>
      </c>
      <c r="I33161" s="8">
        <v>30041856</v>
      </c>
      <c r="J33161" s="8">
        <v>8473344</v>
      </c>
      <c r="K33161" s="9"/>
      <c r="L33161" s="6"/>
    </row>
    <row r="33162" spans="1:12">
      <c r="A33162" s="6" t="s">
        <v>33435</v>
      </c>
      <c r="B33162" s="6"/>
      <c r="C33162" s="6" t="s">
        <v>32230</v>
      </c>
      <c r="D33162" s="6"/>
      <c r="E33162" s="6" t="s">
        <v>9</v>
      </c>
      <c r="F33162" s="7">
        <v>42643</v>
      </c>
      <c r="G33162" s="8">
        <v>626400</v>
      </c>
      <c r="H33162" s="8">
        <v>501120</v>
      </c>
      <c r="I33162" s="8">
        <v>156600</v>
      </c>
      <c r="J33162" s="8">
        <v>469800</v>
      </c>
      <c r="K33162" s="9"/>
      <c r="L33162" s="6"/>
    </row>
    <row r="33163" spans="1:12">
      <c r="A33163" s="6" t="s">
        <v>33436</v>
      </c>
      <c r="B33163" s="6"/>
      <c r="C33163" s="6" t="s">
        <v>32230</v>
      </c>
      <c r="D33163" s="6"/>
      <c r="E33163" s="6" t="s">
        <v>9</v>
      </c>
      <c r="F33163" s="7">
        <v>32233</v>
      </c>
      <c r="G33163" s="8">
        <v>28439100</v>
      </c>
      <c r="H33163" s="8">
        <v>9669294</v>
      </c>
      <c r="I33163" s="8">
        <v>19338588</v>
      </c>
      <c r="J33163" s="8">
        <v>9100512</v>
      </c>
      <c r="K33163" s="9"/>
      <c r="L33163" s="6"/>
    </row>
    <row r="33164" spans="1:12">
      <c r="A33164" s="6" t="s">
        <v>33437</v>
      </c>
      <c r="B33164" s="6"/>
      <c r="C33164" s="6" t="s">
        <v>32230</v>
      </c>
      <c r="D33164" s="6"/>
      <c r="E33164" s="6" t="s">
        <v>9</v>
      </c>
      <c r="F33164" s="7">
        <v>39169</v>
      </c>
      <c r="G33164" s="8">
        <v>21262500</v>
      </c>
      <c r="H33164" s="8">
        <v>15309000</v>
      </c>
      <c r="I33164" s="8">
        <v>6378750</v>
      </c>
      <c r="J33164" s="8">
        <v>14883750</v>
      </c>
      <c r="K33164" s="9"/>
      <c r="L33164" s="6"/>
    </row>
    <row r="33165" spans="1:12">
      <c r="A33165" s="6" t="s">
        <v>33438</v>
      </c>
      <c r="B33165" s="6"/>
      <c r="C33165" s="6" t="s">
        <v>32230</v>
      </c>
      <c r="D33165" s="6"/>
      <c r="E33165" s="6" t="s">
        <v>9</v>
      </c>
      <c r="F33165" s="7">
        <v>33592</v>
      </c>
      <c r="G33165" s="8">
        <v>62783100</v>
      </c>
      <c r="H33165" s="8">
        <v>26368902</v>
      </c>
      <c r="I33165" s="8">
        <v>37669860</v>
      </c>
      <c r="J33165" s="8">
        <v>25113240</v>
      </c>
      <c r="K33165" s="9"/>
      <c r="L33165" s="6"/>
    </row>
    <row r="33166" spans="1:12">
      <c r="A33166" s="6" t="s">
        <v>33439</v>
      </c>
      <c r="B33166" s="6"/>
      <c r="C33166" s="6" t="s">
        <v>32230</v>
      </c>
      <c r="D33166" s="6"/>
      <c r="E33166" s="6" t="s">
        <v>9</v>
      </c>
      <c r="F33166" s="7">
        <v>44286</v>
      </c>
      <c r="G33166" s="8">
        <v>825000</v>
      </c>
      <c r="H33166" s="8">
        <v>825000</v>
      </c>
      <c r="I33166" s="8">
        <v>18975</v>
      </c>
      <c r="J33166" s="8">
        <v>806025</v>
      </c>
      <c r="K33166" s="9"/>
      <c r="L33166" s="6"/>
    </row>
    <row r="33167" spans="1:12">
      <c r="A33167" s="6" t="s">
        <v>33440</v>
      </c>
      <c r="B33167" s="6"/>
      <c r="C33167" s="6" t="s">
        <v>32230</v>
      </c>
      <c r="D33167" s="6"/>
      <c r="E33167" s="6"/>
      <c r="F33167" s="7">
        <v>43922</v>
      </c>
      <c r="G33167" s="8">
        <v>1122000</v>
      </c>
      <c r="H33167" s="8">
        <v>1122000</v>
      </c>
      <c r="I33167" s="8">
        <v>22440</v>
      </c>
      <c r="J33167" s="8">
        <v>1099560</v>
      </c>
      <c r="K33167" s="9"/>
      <c r="L33167" s="6"/>
    </row>
    <row r="33168" spans="1:12">
      <c r="A33168" s="6" t="s">
        <v>33440</v>
      </c>
      <c r="B33168" s="6"/>
      <c r="C33168" s="6" t="s">
        <v>32230</v>
      </c>
      <c r="D33168" s="6"/>
      <c r="E33168" s="6" t="s">
        <v>9</v>
      </c>
      <c r="F33168" s="7">
        <v>30406</v>
      </c>
      <c r="G33168" s="8">
        <v>10716300</v>
      </c>
      <c r="H33168" s="8">
        <v>2571912</v>
      </c>
      <c r="I33168" s="8">
        <v>8358714</v>
      </c>
      <c r="J33168" s="8">
        <v>2357586</v>
      </c>
      <c r="K33168" s="9"/>
      <c r="L33168" s="6"/>
    </row>
    <row r="33169" spans="1:12">
      <c r="A33169" s="6" t="s">
        <v>33440</v>
      </c>
      <c r="B33169" s="6"/>
      <c r="C33169" s="6" t="s">
        <v>32230</v>
      </c>
      <c r="D33169" s="6"/>
      <c r="E33169" s="6"/>
      <c r="F33169" s="7">
        <v>43922</v>
      </c>
      <c r="G33169" s="8">
        <v>902000</v>
      </c>
      <c r="H33169" s="8">
        <v>902000</v>
      </c>
      <c r="I33169" s="8">
        <v>18040</v>
      </c>
      <c r="J33169" s="8">
        <v>883960</v>
      </c>
      <c r="K33169" s="9"/>
      <c r="L33169" s="6"/>
    </row>
    <row r="33170" spans="1:12">
      <c r="A33170" s="6" t="s">
        <v>33441</v>
      </c>
      <c r="B33170" s="6"/>
      <c r="C33170" s="6" t="s">
        <v>32230</v>
      </c>
      <c r="D33170" s="6"/>
      <c r="E33170" s="6" t="s">
        <v>9</v>
      </c>
      <c r="F33170" s="7">
        <v>36615</v>
      </c>
      <c r="G33170" s="8">
        <v>42039000</v>
      </c>
      <c r="H33170" s="8">
        <v>24382620</v>
      </c>
      <c r="I33170" s="8">
        <v>18497160</v>
      </c>
      <c r="J33170" s="8">
        <v>23541840</v>
      </c>
      <c r="K33170" s="9"/>
      <c r="L33170" s="6"/>
    </row>
    <row r="33171" spans="1:12">
      <c r="A33171" s="6" t="s">
        <v>33442</v>
      </c>
      <c r="B33171" s="6"/>
      <c r="C33171" s="6" t="s">
        <v>32230</v>
      </c>
      <c r="D33171" s="6"/>
      <c r="E33171" s="6" t="s">
        <v>9</v>
      </c>
      <c r="F33171" s="7">
        <v>34051</v>
      </c>
      <c r="G33171" s="8">
        <v>21141000</v>
      </c>
      <c r="H33171" s="8">
        <v>9302040</v>
      </c>
      <c r="I33171" s="8">
        <v>12261780</v>
      </c>
      <c r="J33171" s="8">
        <v>8879220</v>
      </c>
      <c r="K33171" s="9"/>
      <c r="L33171" s="6"/>
    </row>
    <row r="33172" spans="1:12">
      <c r="A33172" s="6" t="s">
        <v>33443</v>
      </c>
      <c r="B33172" s="6"/>
      <c r="C33172" s="6" t="s">
        <v>32230</v>
      </c>
      <c r="D33172" s="6"/>
      <c r="E33172" s="6" t="s">
        <v>9</v>
      </c>
      <c r="F33172" s="7">
        <v>36615</v>
      </c>
      <c r="G33172" s="8">
        <v>1347300</v>
      </c>
      <c r="H33172" s="8">
        <v>781434</v>
      </c>
      <c r="I33172" s="8">
        <v>592812</v>
      </c>
      <c r="J33172" s="8">
        <v>754488</v>
      </c>
      <c r="K33172" s="9"/>
      <c r="L33172" s="6"/>
    </row>
    <row r="33173" spans="1:12">
      <c r="A33173" s="6" t="s">
        <v>33444</v>
      </c>
      <c r="B33173" s="6"/>
      <c r="C33173" s="6" t="s">
        <v>32230</v>
      </c>
      <c r="D33173" s="6"/>
      <c r="E33173" s="6" t="s">
        <v>9</v>
      </c>
      <c r="F33173" s="7">
        <v>30406</v>
      </c>
      <c r="G33173" s="8">
        <v>7200900</v>
      </c>
      <c r="H33173" s="8">
        <v>1728216</v>
      </c>
      <c r="I33173" s="8">
        <v>5616702</v>
      </c>
      <c r="J33173" s="8">
        <v>1584198</v>
      </c>
      <c r="K33173" s="9"/>
      <c r="L33173" s="6"/>
    </row>
    <row r="33174" spans="1:12">
      <c r="A33174" s="6" t="s">
        <v>33445</v>
      </c>
      <c r="B33174" s="6"/>
      <c r="C33174" s="6" t="s">
        <v>32230</v>
      </c>
      <c r="D33174" s="6"/>
      <c r="E33174" s="6" t="s">
        <v>9</v>
      </c>
      <c r="F33174" s="7">
        <v>30406</v>
      </c>
      <c r="G33174" s="8">
        <v>6382800</v>
      </c>
      <c r="H33174" s="8">
        <v>1531872</v>
      </c>
      <c r="I33174" s="8">
        <v>4978584</v>
      </c>
      <c r="J33174" s="8">
        <v>1404216</v>
      </c>
      <c r="K33174" s="9"/>
      <c r="L33174" s="6"/>
    </row>
    <row r="33175" spans="1:12">
      <c r="A33175" s="6" t="s">
        <v>33446</v>
      </c>
      <c r="B33175" s="6"/>
      <c r="C33175" s="6" t="s">
        <v>32230</v>
      </c>
      <c r="D33175" s="6"/>
      <c r="E33175" s="6" t="s">
        <v>9</v>
      </c>
      <c r="F33175" s="7">
        <v>30406</v>
      </c>
      <c r="G33175" s="8">
        <v>2276100</v>
      </c>
      <c r="H33175" s="8">
        <v>546264</v>
      </c>
      <c r="I33175" s="8">
        <v>1775358</v>
      </c>
      <c r="J33175" s="8">
        <v>500742</v>
      </c>
      <c r="K33175" s="9"/>
      <c r="L33175" s="6"/>
    </row>
    <row r="33176" spans="1:12">
      <c r="A33176" s="6" t="s">
        <v>33447</v>
      </c>
      <c r="B33176" s="6"/>
      <c r="C33176" s="6" t="s">
        <v>32230</v>
      </c>
      <c r="D33176" s="6"/>
      <c r="E33176" s="6" t="s">
        <v>9</v>
      </c>
      <c r="F33176" s="7">
        <v>30406</v>
      </c>
      <c r="G33176" s="8">
        <v>28285200</v>
      </c>
      <c r="H33176" s="8">
        <v>6788448</v>
      </c>
      <c r="I33176" s="8">
        <v>22062456</v>
      </c>
      <c r="J33176" s="8">
        <v>6222744</v>
      </c>
      <c r="K33176" s="9"/>
      <c r="L33176" s="6"/>
    </row>
    <row r="33177" spans="1:12">
      <c r="A33177" s="6" t="s">
        <v>33448</v>
      </c>
      <c r="B33177" s="6"/>
      <c r="C33177" s="6" t="s">
        <v>32230</v>
      </c>
      <c r="D33177" s="6"/>
      <c r="E33177" s="6" t="s">
        <v>9</v>
      </c>
      <c r="F33177" s="7">
        <v>30406</v>
      </c>
      <c r="G33177" s="8">
        <v>1871100</v>
      </c>
      <c r="H33177" s="8">
        <v>449064</v>
      </c>
      <c r="I33177" s="8">
        <v>1459458</v>
      </c>
      <c r="J33177" s="8">
        <v>411642</v>
      </c>
      <c r="K33177" s="9"/>
      <c r="L33177" s="6"/>
    </row>
    <row r="33178" spans="1:12">
      <c r="A33178" s="6" t="s">
        <v>33449</v>
      </c>
      <c r="B33178" s="6"/>
      <c r="C33178" s="6" t="s">
        <v>32230</v>
      </c>
      <c r="D33178" s="6"/>
      <c r="E33178" s="6" t="s">
        <v>9</v>
      </c>
      <c r="F33178" s="7">
        <v>30406</v>
      </c>
      <c r="G33178" s="8">
        <v>1941300</v>
      </c>
      <c r="H33178" s="8">
        <v>465912</v>
      </c>
      <c r="I33178" s="8">
        <v>1514214</v>
      </c>
      <c r="J33178" s="8">
        <v>427086</v>
      </c>
      <c r="K33178" s="9"/>
      <c r="L33178" s="6"/>
    </row>
    <row r="33179" spans="1:12">
      <c r="A33179" s="6" t="s">
        <v>33450</v>
      </c>
      <c r="B33179" s="6"/>
      <c r="C33179" s="6" t="s">
        <v>32230</v>
      </c>
      <c r="D33179" s="6"/>
      <c r="E33179" s="6" t="s">
        <v>9</v>
      </c>
      <c r="F33179" s="7">
        <v>30406</v>
      </c>
      <c r="G33179" s="8">
        <v>6687900</v>
      </c>
      <c r="H33179" s="8">
        <v>1605096</v>
      </c>
      <c r="I33179" s="8">
        <v>5216562</v>
      </c>
      <c r="J33179" s="8">
        <v>1471338</v>
      </c>
      <c r="K33179" s="9"/>
      <c r="L33179" s="6"/>
    </row>
    <row r="33180" spans="1:12">
      <c r="A33180" s="6" t="s">
        <v>33451</v>
      </c>
      <c r="B33180" s="6"/>
      <c r="C33180" s="6" t="s">
        <v>32230</v>
      </c>
      <c r="D33180" s="6"/>
      <c r="E33180" s="6" t="s">
        <v>9</v>
      </c>
      <c r="F33180" s="7">
        <v>30406</v>
      </c>
      <c r="G33180" s="8">
        <v>1792800</v>
      </c>
      <c r="H33180" s="8">
        <v>430272</v>
      </c>
      <c r="I33180" s="8">
        <v>1398384</v>
      </c>
      <c r="J33180" s="8">
        <v>394416</v>
      </c>
      <c r="K33180" s="9"/>
      <c r="L33180" s="6"/>
    </row>
    <row r="33181" spans="1:12">
      <c r="A33181" s="6" t="s">
        <v>33452</v>
      </c>
      <c r="B33181" s="6"/>
      <c r="C33181" s="6" t="s">
        <v>32230</v>
      </c>
      <c r="D33181" s="6"/>
      <c r="E33181" s="6" t="s">
        <v>9</v>
      </c>
      <c r="F33181" s="7">
        <v>31137</v>
      </c>
      <c r="G33181" s="8">
        <v>15867900</v>
      </c>
      <c r="H33181" s="8">
        <v>4443012</v>
      </c>
      <c r="I33181" s="8">
        <v>11742246</v>
      </c>
      <c r="J33181" s="8">
        <v>4125654</v>
      </c>
      <c r="K33181" s="9"/>
      <c r="L33181" s="6"/>
    </row>
    <row r="33182" spans="1:12">
      <c r="A33182" s="6" t="s">
        <v>33453</v>
      </c>
      <c r="B33182" s="6"/>
      <c r="C33182" s="6" t="s">
        <v>32230</v>
      </c>
      <c r="D33182" s="6"/>
      <c r="E33182" s="6" t="s">
        <v>9</v>
      </c>
      <c r="F33182" s="7">
        <v>31472</v>
      </c>
      <c r="G33182" s="8">
        <v>7614000</v>
      </c>
      <c r="H33182" s="8">
        <v>2284200</v>
      </c>
      <c r="I33182" s="8">
        <v>5482080</v>
      </c>
      <c r="J33182" s="8">
        <v>2131920</v>
      </c>
      <c r="K33182" s="9"/>
      <c r="L33182" s="6"/>
    </row>
    <row r="33183" spans="1:12">
      <c r="A33183" s="6" t="s">
        <v>33454</v>
      </c>
      <c r="B33183" s="6"/>
      <c r="C33183" s="6" t="s">
        <v>32230</v>
      </c>
      <c r="D33183" s="6"/>
      <c r="E33183" s="6" t="s">
        <v>9</v>
      </c>
      <c r="F33183" s="7">
        <v>31472</v>
      </c>
      <c r="G33183" s="8">
        <v>19010700</v>
      </c>
      <c r="H33183" s="8">
        <v>5703210</v>
      </c>
      <c r="I33183" s="8">
        <v>13687704</v>
      </c>
      <c r="J33183" s="8">
        <v>5322996</v>
      </c>
      <c r="K33183" s="9"/>
      <c r="L33183" s="6"/>
    </row>
    <row r="33184" spans="1:12">
      <c r="A33184" s="6" t="s">
        <v>33455</v>
      </c>
      <c r="B33184" s="6"/>
      <c r="C33184" s="6" t="s">
        <v>32230</v>
      </c>
      <c r="D33184" s="6"/>
      <c r="E33184" s="6" t="s">
        <v>9</v>
      </c>
      <c r="F33184" s="7">
        <v>31472</v>
      </c>
      <c r="G33184" s="8">
        <v>30318300</v>
      </c>
      <c r="H33184" s="8">
        <v>9095490</v>
      </c>
      <c r="I33184" s="8">
        <v>21829176</v>
      </c>
      <c r="J33184" s="8">
        <v>8489124</v>
      </c>
      <c r="K33184" s="9"/>
      <c r="L33184" s="6"/>
    </row>
    <row r="33185" spans="1:12">
      <c r="A33185" s="6" t="s">
        <v>33456</v>
      </c>
      <c r="B33185" s="6"/>
      <c r="C33185" s="6" t="s">
        <v>32230</v>
      </c>
      <c r="D33185" s="6"/>
      <c r="E33185" s="6" t="s">
        <v>9</v>
      </c>
      <c r="F33185" s="7">
        <v>31472</v>
      </c>
      <c r="G33185" s="8">
        <v>5564700</v>
      </c>
      <c r="H33185" s="8">
        <v>1669410</v>
      </c>
      <c r="I33185" s="8">
        <v>4006584</v>
      </c>
      <c r="J33185" s="8">
        <v>1558116</v>
      </c>
      <c r="K33185" s="9"/>
      <c r="L33185" s="6"/>
    </row>
    <row r="33186" spans="1:12">
      <c r="A33186" s="6" t="s">
        <v>33457</v>
      </c>
      <c r="B33186" s="6"/>
      <c r="C33186" s="6" t="s">
        <v>32230</v>
      </c>
      <c r="D33186" s="6"/>
      <c r="E33186" s="6" t="s">
        <v>9</v>
      </c>
      <c r="F33186" s="7">
        <v>31472</v>
      </c>
      <c r="G33186" s="8">
        <v>14110200</v>
      </c>
      <c r="H33186" s="8">
        <v>4233060</v>
      </c>
      <c r="I33186" s="8">
        <v>10159344</v>
      </c>
      <c r="J33186" s="8">
        <v>3950856</v>
      </c>
      <c r="K33186" s="9"/>
      <c r="L33186" s="6"/>
    </row>
    <row r="33187" spans="1:12">
      <c r="A33187" s="6" t="s">
        <v>33458</v>
      </c>
      <c r="B33187" s="6"/>
      <c r="C33187" s="6" t="s">
        <v>32230</v>
      </c>
      <c r="D33187" s="6"/>
      <c r="E33187" s="6" t="s">
        <v>9</v>
      </c>
      <c r="F33187" s="7">
        <v>31472</v>
      </c>
      <c r="G33187" s="8">
        <v>21235200</v>
      </c>
      <c r="H33187" s="8">
        <v>6370560</v>
      </c>
      <c r="I33187" s="8">
        <v>15289344</v>
      </c>
      <c r="J33187" s="8">
        <v>5945856</v>
      </c>
      <c r="K33187" s="9"/>
      <c r="L33187" s="6"/>
    </row>
    <row r="33188" spans="1:12">
      <c r="A33188" s="6" t="s">
        <v>33459</v>
      </c>
      <c r="B33188" s="6"/>
      <c r="C33188" s="6" t="s">
        <v>32230</v>
      </c>
      <c r="D33188" s="6"/>
      <c r="E33188" s="6" t="s">
        <v>9</v>
      </c>
      <c r="F33188" s="7">
        <v>31472</v>
      </c>
      <c r="G33188" s="8">
        <v>1406700</v>
      </c>
      <c r="H33188" s="8">
        <v>422010</v>
      </c>
      <c r="I33188" s="8">
        <v>1012824</v>
      </c>
      <c r="J33188" s="8">
        <v>393876</v>
      </c>
      <c r="K33188" s="9"/>
      <c r="L33188" s="6"/>
    </row>
    <row r="33189" spans="1:12">
      <c r="A33189" s="6" t="s">
        <v>33460</v>
      </c>
      <c r="B33189" s="6"/>
      <c r="C33189" s="6" t="s">
        <v>32230</v>
      </c>
      <c r="D33189" s="6"/>
      <c r="E33189" s="6" t="s">
        <v>9</v>
      </c>
      <c r="F33189" s="7">
        <v>31447</v>
      </c>
      <c r="G33189" s="8">
        <v>19366400</v>
      </c>
      <c r="H33189" s="8">
        <v>5809920</v>
      </c>
      <c r="I33189" s="8">
        <v>13943808</v>
      </c>
      <c r="J33189" s="8">
        <v>5422592</v>
      </c>
      <c r="K33189" s="9"/>
      <c r="L33189" s="6"/>
    </row>
    <row r="33190" spans="1:12">
      <c r="A33190" s="6" t="s">
        <v>33461</v>
      </c>
      <c r="B33190" s="6"/>
      <c r="C33190" s="6" t="s">
        <v>32230</v>
      </c>
      <c r="D33190" s="6"/>
      <c r="E33190" s="6" t="s">
        <v>9</v>
      </c>
      <c r="F33190" s="7">
        <v>31801</v>
      </c>
      <c r="G33190" s="8">
        <v>918000</v>
      </c>
      <c r="H33190" s="8">
        <v>293760</v>
      </c>
      <c r="I33190" s="8">
        <v>642600</v>
      </c>
      <c r="J33190" s="8">
        <v>275400</v>
      </c>
      <c r="K33190" s="9"/>
      <c r="L33190" s="6"/>
    </row>
    <row r="33191" spans="1:12">
      <c r="A33191" s="6" t="s">
        <v>33462</v>
      </c>
      <c r="B33191" s="6"/>
      <c r="C33191" s="6" t="s">
        <v>32230</v>
      </c>
      <c r="D33191" s="6"/>
      <c r="E33191" s="6" t="s">
        <v>9</v>
      </c>
      <c r="F33191" s="7">
        <v>33592</v>
      </c>
      <c r="G33191" s="8">
        <v>23457600</v>
      </c>
      <c r="H33191" s="8">
        <v>9852192</v>
      </c>
      <c r="I33191" s="8">
        <v>14074560</v>
      </c>
      <c r="J33191" s="8">
        <v>9383040</v>
      </c>
      <c r="K33191" s="9"/>
      <c r="L33191" s="6"/>
    </row>
    <row r="33192" spans="1:12">
      <c r="A33192" s="6" t="s">
        <v>33463</v>
      </c>
      <c r="B33192" s="6"/>
      <c r="C33192" s="6" t="s">
        <v>32230</v>
      </c>
      <c r="D33192" s="6"/>
      <c r="E33192" s="6" t="s">
        <v>9</v>
      </c>
      <c r="F33192" s="7">
        <v>31801</v>
      </c>
      <c r="G33192" s="8">
        <v>1868400</v>
      </c>
      <c r="H33192" s="8">
        <v>597888</v>
      </c>
      <c r="I33192" s="8">
        <v>1307880</v>
      </c>
      <c r="J33192" s="8">
        <v>560520</v>
      </c>
      <c r="K33192" s="9"/>
      <c r="L33192" s="6"/>
    </row>
    <row r="33193" spans="1:12">
      <c r="A33193" s="6" t="s">
        <v>33464</v>
      </c>
      <c r="B33193" s="6"/>
      <c r="C33193" s="6" t="s">
        <v>32230</v>
      </c>
      <c r="D33193" s="6"/>
      <c r="E33193" s="6" t="s">
        <v>9</v>
      </c>
      <c r="F33193" s="7">
        <v>34052</v>
      </c>
      <c r="G33193" s="8">
        <v>16947200</v>
      </c>
      <c r="H33193" s="8">
        <v>7456768</v>
      </c>
      <c r="I33193" s="8">
        <v>9829376</v>
      </c>
      <c r="J33193" s="8">
        <v>7117824</v>
      </c>
      <c r="K33193" s="9"/>
      <c r="L33193" s="6"/>
    </row>
    <row r="33194" spans="1:12">
      <c r="A33194" s="6" t="s">
        <v>33465</v>
      </c>
      <c r="B33194" s="6"/>
      <c r="C33194" s="6" t="s">
        <v>32230</v>
      </c>
      <c r="D33194" s="6"/>
      <c r="E33194" s="6" t="s">
        <v>9</v>
      </c>
      <c r="F33194" s="7">
        <v>33248</v>
      </c>
      <c r="G33194" s="8">
        <v>9728100</v>
      </c>
      <c r="H33194" s="8">
        <v>3891240</v>
      </c>
      <c r="I33194" s="8">
        <v>6031422</v>
      </c>
      <c r="J33194" s="8">
        <v>3696678</v>
      </c>
      <c r="K33194" s="9"/>
      <c r="L33194" s="6"/>
    </row>
    <row r="33195" spans="1:12">
      <c r="A33195" s="6" t="s">
        <v>33466</v>
      </c>
      <c r="B33195" s="6"/>
      <c r="C33195" s="6" t="s">
        <v>32230</v>
      </c>
      <c r="D33195" s="6"/>
      <c r="E33195" s="6" t="s">
        <v>9</v>
      </c>
      <c r="F33195" s="7">
        <v>33248</v>
      </c>
      <c r="G33195" s="8">
        <v>10821600</v>
      </c>
      <c r="H33195" s="8">
        <v>4328640</v>
      </c>
      <c r="I33195" s="8">
        <v>6709392</v>
      </c>
      <c r="J33195" s="8">
        <v>4112208</v>
      </c>
      <c r="K33195" s="9"/>
      <c r="L33195" s="6"/>
    </row>
    <row r="33196" spans="1:12">
      <c r="A33196" s="6" t="s">
        <v>33467</v>
      </c>
      <c r="B33196" s="6"/>
      <c r="C33196" s="6" t="s">
        <v>32230</v>
      </c>
      <c r="D33196" s="6"/>
      <c r="E33196" s="6" t="s">
        <v>9</v>
      </c>
      <c r="F33196" s="7">
        <v>33248</v>
      </c>
      <c r="G33196" s="8">
        <v>4260600</v>
      </c>
      <c r="H33196" s="8">
        <v>1704240</v>
      </c>
      <c r="I33196" s="8">
        <v>2641572</v>
      </c>
      <c r="J33196" s="8">
        <v>1619028</v>
      </c>
      <c r="K33196" s="9"/>
      <c r="L33196" s="6"/>
    </row>
    <row r="33197" spans="1:12">
      <c r="A33197" s="6" t="s">
        <v>33468</v>
      </c>
      <c r="B33197" s="6"/>
      <c r="C33197" s="6" t="s">
        <v>32230</v>
      </c>
      <c r="D33197" s="6"/>
      <c r="E33197" s="6" t="s">
        <v>9</v>
      </c>
      <c r="F33197" s="7">
        <v>33248</v>
      </c>
      <c r="G33197" s="8">
        <v>14920200</v>
      </c>
      <c r="H33197" s="8">
        <v>5968080</v>
      </c>
      <c r="I33197" s="8">
        <v>9250524</v>
      </c>
      <c r="J33197" s="8">
        <v>5669676</v>
      </c>
      <c r="K33197" s="9"/>
      <c r="L33197" s="6"/>
    </row>
    <row r="33198" spans="1:12">
      <c r="A33198" s="6" t="s">
        <v>33469</v>
      </c>
      <c r="B33198" s="6"/>
      <c r="C33198" s="6" t="s">
        <v>32230</v>
      </c>
      <c r="D33198" s="6"/>
      <c r="E33198" s="6" t="s">
        <v>9</v>
      </c>
      <c r="F33198" s="7">
        <v>34052</v>
      </c>
      <c r="G33198" s="8">
        <v>17625600</v>
      </c>
      <c r="H33198" s="8">
        <v>7755264</v>
      </c>
      <c r="I33198" s="8">
        <v>10222848</v>
      </c>
      <c r="J33198" s="8">
        <v>7402752</v>
      </c>
      <c r="K33198" s="9"/>
      <c r="L33198" s="6"/>
    </row>
    <row r="33199" spans="1:12">
      <c r="A33199" s="6" t="s">
        <v>33470</v>
      </c>
      <c r="B33199" s="6"/>
      <c r="C33199" s="6" t="s">
        <v>32230</v>
      </c>
      <c r="D33199" s="6"/>
      <c r="E33199" s="6" t="s">
        <v>9</v>
      </c>
      <c r="F33199" s="7">
        <v>34052</v>
      </c>
      <c r="G33199" s="8">
        <v>7317000</v>
      </c>
      <c r="H33199" s="8">
        <v>3219480</v>
      </c>
      <c r="I33199" s="8">
        <v>4243860</v>
      </c>
      <c r="J33199" s="8">
        <v>3073140</v>
      </c>
      <c r="K33199" s="9"/>
      <c r="L33199" s="6"/>
    </row>
    <row r="33200" spans="1:12">
      <c r="A33200" s="6" t="s">
        <v>33471</v>
      </c>
      <c r="B33200" s="6"/>
      <c r="C33200" s="6" t="s">
        <v>32230</v>
      </c>
      <c r="D33200" s="6"/>
      <c r="E33200" s="6" t="s">
        <v>9</v>
      </c>
      <c r="F33200" s="7">
        <v>36615</v>
      </c>
      <c r="G33200" s="8">
        <v>49150800</v>
      </c>
      <c r="H33200" s="8">
        <v>28507464</v>
      </c>
      <c r="I33200" s="8">
        <v>21626352</v>
      </c>
      <c r="J33200" s="8">
        <v>27524448</v>
      </c>
      <c r="K33200" s="9"/>
      <c r="L33200" s="6"/>
    </row>
    <row r="33201" spans="1:12">
      <c r="A33201" s="6" t="s">
        <v>33472</v>
      </c>
      <c r="B33201" s="6"/>
      <c r="C33201" s="6" t="s">
        <v>32230</v>
      </c>
      <c r="D33201" s="6"/>
      <c r="E33201" s="6" t="s">
        <v>9</v>
      </c>
      <c r="F33201" s="7">
        <v>34052</v>
      </c>
      <c r="G33201" s="8">
        <v>8375400</v>
      </c>
      <c r="H33201" s="8">
        <v>3685176</v>
      </c>
      <c r="I33201" s="8">
        <v>4857732</v>
      </c>
      <c r="J33201" s="8">
        <v>3517668</v>
      </c>
      <c r="K33201" s="9"/>
      <c r="L33201" s="6"/>
    </row>
    <row r="33202" spans="1:12">
      <c r="A33202" s="6" t="s">
        <v>33473</v>
      </c>
      <c r="B33202" s="6"/>
      <c r="C33202" s="6" t="s">
        <v>32230</v>
      </c>
      <c r="D33202" s="6"/>
      <c r="E33202" s="6" t="s">
        <v>9</v>
      </c>
      <c r="F33202" s="7">
        <v>34052</v>
      </c>
      <c r="G33202" s="8">
        <v>11259000</v>
      </c>
      <c r="H33202" s="8">
        <v>4953960</v>
      </c>
      <c r="I33202" s="8">
        <v>6530220</v>
      </c>
      <c r="J33202" s="8">
        <v>4728780</v>
      </c>
      <c r="K33202" s="9"/>
      <c r="L33202" s="6"/>
    </row>
    <row r="33203" spans="1:12">
      <c r="A33203" s="6" t="s">
        <v>33474</v>
      </c>
      <c r="B33203" s="6"/>
      <c r="C33203" s="6" t="s">
        <v>32230</v>
      </c>
      <c r="D33203" s="6"/>
      <c r="E33203" s="6" t="s">
        <v>9</v>
      </c>
      <c r="F33203" s="7">
        <v>34052</v>
      </c>
      <c r="G33203" s="8">
        <v>19116000</v>
      </c>
      <c r="H33203" s="8">
        <v>8411040</v>
      </c>
      <c r="I33203" s="8">
        <v>11087280</v>
      </c>
      <c r="J33203" s="8">
        <v>8028720</v>
      </c>
      <c r="K33203" s="9"/>
      <c r="L33203" s="6"/>
    </row>
    <row r="33204" spans="1:12">
      <c r="A33204" s="6" t="s">
        <v>33475</v>
      </c>
      <c r="B33204" s="6"/>
      <c r="C33204" s="6" t="s">
        <v>32230</v>
      </c>
      <c r="D33204" s="6"/>
      <c r="E33204" s="6" t="s">
        <v>9</v>
      </c>
      <c r="F33204" s="7">
        <v>34144</v>
      </c>
      <c r="G33204" s="8">
        <v>2673000</v>
      </c>
      <c r="H33204" s="8">
        <v>1229580</v>
      </c>
      <c r="I33204" s="8">
        <v>1496880</v>
      </c>
      <c r="J33204" s="8">
        <v>1176120</v>
      </c>
      <c r="K33204" s="9"/>
      <c r="L33204" s="6"/>
    </row>
    <row r="33205" spans="1:12">
      <c r="A33205" s="6" t="s">
        <v>33476</v>
      </c>
      <c r="B33205" s="6"/>
      <c r="C33205" s="6" t="s">
        <v>32230</v>
      </c>
      <c r="D33205" s="6"/>
      <c r="E33205" s="6" t="s">
        <v>9</v>
      </c>
      <c r="F33205" s="7">
        <v>34051</v>
      </c>
      <c r="G33205" s="8">
        <v>309836800</v>
      </c>
      <c r="H33205" s="8">
        <v>136328192</v>
      </c>
      <c r="I33205" s="8">
        <v>179705344</v>
      </c>
      <c r="J33205" s="8">
        <v>130131456</v>
      </c>
      <c r="K33205" s="9"/>
      <c r="L33205" s="6"/>
    </row>
    <row r="33206" spans="1:12">
      <c r="A33206" s="6" t="s">
        <v>33477</v>
      </c>
      <c r="B33206" s="6"/>
      <c r="C33206" s="6" t="s">
        <v>32230</v>
      </c>
      <c r="D33206" s="6"/>
      <c r="E33206" s="6" t="s">
        <v>9</v>
      </c>
      <c r="F33206" s="7">
        <v>35874</v>
      </c>
      <c r="G33206" s="8">
        <v>5670000</v>
      </c>
      <c r="H33206" s="8">
        <v>3061800</v>
      </c>
      <c r="I33206" s="8">
        <v>2721600</v>
      </c>
      <c r="J33206" s="8">
        <v>2948400</v>
      </c>
      <c r="K33206" s="9"/>
      <c r="L33206" s="6"/>
    </row>
    <row r="33207" spans="1:12">
      <c r="A33207" s="6" t="s">
        <v>33478</v>
      </c>
      <c r="B33207" s="6"/>
      <c r="C33207" s="6" t="s">
        <v>32230</v>
      </c>
      <c r="D33207" s="6"/>
      <c r="E33207" s="6" t="s">
        <v>9</v>
      </c>
      <c r="F33207" s="7">
        <v>35874</v>
      </c>
      <c r="G33207" s="8">
        <v>12020400</v>
      </c>
      <c r="H33207" s="8">
        <v>6491016</v>
      </c>
      <c r="I33207" s="8">
        <v>5769792</v>
      </c>
      <c r="J33207" s="8">
        <v>6250608</v>
      </c>
      <c r="K33207" s="9"/>
      <c r="L33207" s="6"/>
    </row>
    <row r="33208" spans="1:12">
      <c r="A33208" s="6" t="s">
        <v>33479</v>
      </c>
      <c r="B33208" s="6"/>
      <c r="C33208" s="6" t="s">
        <v>32230</v>
      </c>
      <c r="D33208" s="6"/>
      <c r="E33208" s="6" t="s">
        <v>9</v>
      </c>
      <c r="F33208" s="7">
        <v>39169</v>
      </c>
      <c r="G33208" s="8">
        <v>21521700</v>
      </c>
      <c r="H33208" s="8">
        <v>15495624</v>
      </c>
      <c r="I33208" s="8">
        <v>6456510</v>
      </c>
      <c r="J33208" s="8">
        <v>15065190</v>
      </c>
      <c r="K33208" s="9"/>
      <c r="L33208" s="6"/>
    </row>
    <row r="33209" spans="1:12">
      <c r="A33209" s="6" t="s">
        <v>33480</v>
      </c>
      <c r="B33209" s="6"/>
      <c r="C33209" s="6" t="s">
        <v>32230</v>
      </c>
      <c r="D33209" s="6"/>
      <c r="E33209" s="6" t="s">
        <v>9</v>
      </c>
      <c r="F33209" s="7">
        <v>35874</v>
      </c>
      <c r="G33209" s="8">
        <v>7055100</v>
      </c>
      <c r="H33209" s="8">
        <v>3809754</v>
      </c>
      <c r="I33209" s="8">
        <v>3386448</v>
      </c>
      <c r="J33209" s="8">
        <v>3668652</v>
      </c>
      <c r="K33209" s="9"/>
      <c r="L33209" s="6"/>
    </row>
    <row r="33210" spans="1:12">
      <c r="A33210" s="6" t="s">
        <v>33481</v>
      </c>
      <c r="B33210" s="6"/>
      <c r="C33210" s="6" t="s">
        <v>32230</v>
      </c>
      <c r="D33210" s="6"/>
      <c r="E33210" s="6" t="s">
        <v>9</v>
      </c>
      <c r="F33210" s="7">
        <v>35874</v>
      </c>
      <c r="G33210" s="8">
        <v>7079400</v>
      </c>
      <c r="H33210" s="8">
        <v>3822876</v>
      </c>
      <c r="I33210" s="8">
        <v>3398112</v>
      </c>
      <c r="J33210" s="8">
        <v>3681288</v>
      </c>
      <c r="K33210" s="9"/>
      <c r="L33210" s="6"/>
    </row>
    <row r="33211" spans="1:12">
      <c r="A33211" s="6" t="s">
        <v>33482</v>
      </c>
      <c r="B33211" s="6"/>
      <c r="C33211" s="6" t="s">
        <v>32230</v>
      </c>
      <c r="D33211" s="6"/>
      <c r="E33211" s="6" t="s">
        <v>9</v>
      </c>
      <c r="F33211" s="7">
        <v>35874</v>
      </c>
      <c r="G33211" s="8">
        <v>6123600</v>
      </c>
      <c r="H33211" s="8">
        <v>3306744</v>
      </c>
      <c r="I33211" s="8">
        <v>2939328</v>
      </c>
      <c r="J33211" s="8">
        <v>3184272</v>
      </c>
      <c r="K33211" s="9"/>
      <c r="L33211" s="6"/>
    </row>
    <row r="33212" spans="1:12">
      <c r="A33212" s="6" t="s">
        <v>33483</v>
      </c>
      <c r="B33212" s="6"/>
      <c r="C33212" s="6" t="s">
        <v>32230</v>
      </c>
      <c r="D33212" s="6"/>
      <c r="E33212" s="6" t="s">
        <v>9</v>
      </c>
      <c r="F33212" s="7">
        <v>36249</v>
      </c>
      <c r="G33212" s="8">
        <v>12676500</v>
      </c>
      <c r="H33212" s="8">
        <v>7098840</v>
      </c>
      <c r="I33212" s="8">
        <v>5831190</v>
      </c>
      <c r="J33212" s="8">
        <v>6845310</v>
      </c>
      <c r="K33212" s="9"/>
      <c r="L33212" s="6"/>
    </row>
    <row r="33213" spans="1:12">
      <c r="A33213" s="6" t="s">
        <v>33484</v>
      </c>
      <c r="B33213" s="6"/>
      <c r="C33213" s="6" t="s">
        <v>32230</v>
      </c>
      <c r="D33213" s="6"/>
      <c r="E33213" s="6" t="s">
        <v>9</v>
      </c>
      <c r="F33213" s="7">
        <v>36249</v>
      </c>
      <c r="G33213" s="8">
        <v>2081700</v>
      </c>
      <c r="H33213" s="8">
        <v>1165752</v>
      </c>
      <c r="I33213" s="8">
        <v>957582</v>
      </c>
      <c r="J33213" s="8">
        <v>1124118</v>
      </c>
      <c r="K33213" s="9"/>
      <c r="L33213" s="6"/>
    </row>
    <row r="33214" spans="1:12">
      <c r="A33214" s="6" t="s">
        <v>33485</v>
      </c>
      <c r="B33214" s="6"/>
      <c r="C33214" s="6" t="s">
        <v>32230</v>
      </c>
      <c r="D33214" s="6"/>
      <c r="E33214" s="6" t="s">
        <v>9</v>
      </c>
      <c r="F33214" s="7">
        <v>36249</v>
      </c>
      <c r="G33214" s="8">
        <v>5240700</v>
      </c>
      <c r="H33214" s="8">
        <v>2934792</v>
      </c>
      <c r="I33214" s="8">
        <v>2410722</v>
      </c>
      <c r="J33214" s="8">
        <v>2829978</v>
      </c>
      <c r="K33214" s="9"/>
      <c r="L33214" s="6"/>
    </row>
    <row r="33215" spans="1:12">
      <c r="A33215" s="6" t="s">
        <v>33486</v>
      </c>
      <c r="B33215" s="6"/>
      <c r="C33215" s="6" t="s">
        <v>32230</v>
      </c>
      <c r="D33215" s="6"/>
      <c r="E33215" s="6" t="s">
        <v>9</v>
      </c>
      <c r="F33215" s="7">
        <v>36249</v>
      </c>
      <c r="G33215" s="8">
        <v>1417500</v>
      </c>
      <c r="H33215" s="8">
        <v>793800</v>
      </c>
      <c r="I33215" s="8">
        <v>652050</v>
      </c>
      <c r="J33215" s="8">
        <v>765450</v>
      </c>
      <c r="K33215" s="9"/>
      <c r="L33215" s="6"/>
    </row>
    <row r="33216" spans="1:12">
      <c r="A33216" s="6" t="s">
        <v>33487</v>
      </c>
      <c r="B33216" s="6"/>
      <c r="C33216" s="6" t="s">
        <v>32230</v>
      </c>
      <c r="D33216" s="6"/>
      <c r="E33216" s="6" t="s">
        <v>9</v>
      </c>
      <c r="F33216" s="7">
        <v>36615</v>
      </c>
      <c r="G33216" s="8">
        <v>2818800</v>
      </c>
      <c r="H33216" s="8">
        <v>1634904</v>
      </c>
      <c r="I33216" s="8">
        <v>1240272</v>
      </c>
      <c r="J33216" s="8">
        <v>1578528</v>
      </c>
      <c r="K33216" s="9"/>
      <c r="L33216" s="6"/>
    </row>
    <row r="33217" spans="1:12">
      <c r="A33217" s="6" t="s">
        <v>33488</v>
      </c>
      <c r="B33217" s="6"/>
      <c r="C33217" s="6" t="s">
        <v>32230</v>
      </c>
      <c r="D33217" s="6"/>
      <c r="E33217" s="6" t="s">
        <v>9</v>
      </c>
      <c r="F33217" s="7">
        <v>43451</v>
      </c>
      <c r="G33217" s="8">
        <v>84240</v>
      </c>
      <c r="H33217" s="8">
        <v>80872</v>
      </c>
      <c r="I33217" s="8">
        <v>5052</v>
      </c>
      <c r="J33217" s="8">
        <v>79188</v>
      </c>
      <c r="K33217" s="9"/>
      <c r="L33217" s="6"/>
    </row>
    <row r="33218" spans="1:12">
      <c r="A33218" s="6" t="s">
        <v>33489</v>
      </c>
      <c r="B33218" s="6"/>
      <c r="C33218" s="6" t="s">
        <v>32230</v>
      </c>
      <c r="D33218" s="6"/>
      <c r="E33218" s="6" t="s">
        <v>9</v>
      </c>
      <c r="F33218" s="7">
        <v>36615</v>
      </c>
      <c r="G33218" s="8">
        <v>18954000</v>
      </c>
      <c r="H33218" s="8">
        <v>10993320</v>
      </c>
      <c r="I33218" s="8">
        <v>8339760</v>
      </c>
      <c r="J33218" s="8">
        <v>10614240</v>
      </c>
      <c r="K33218" s="9"/>
      <c r="L33218" s="6"/>
    </row>
    <row r="33219" spans="1:12">
      <c r="A33219" s="6" t="s">
        <v>33490</v>
      </c>
      <c r="B33219" s="6"/>
      <c r="C33219" s="6" t="s">
        <v>32230</v>
      </c>
      <c r="D33219" s="6"/>
      <c r="E33219" s="6" t="s">
        <v>9</v>
      </c>
      <c r="F33219" s="7">
        <v>36615</v>
      </c>
      <c r="G33219" s="8">
        <v>17820000</v>
      </c>
      <c r="H33219" s="8">
        <v>10335600</v>
      </c>
      <c r="I33219" s="8">
        <v>7840800</v>
      </c>
      <c r="J33219" s="8">
        <v>9979200</v>
      </c>
      <c r="K33219" s="9"/>
      <c r="L33219" s="6"/>
    </row>
    <row r="33220" spans="1:12">
      <c r="A33220" s="6" t="s">
        <v>33491</v>
      </c>
      <c r="B33220" s="6"/>
      <c r="C33220" s="6" t="s">
        <v>32230</v>
      </c>
      <c r="D33220" s="6"/>
      <c r="E33220" s="6" t="s">
        <v>9</v>
      </c>
      <c r="F33220" s="7">
        <v>36615</v>
      </c>
      <c r="G33220" s="8">
        <v>20023200</v>
      </c>
      <c r="H33220" s="8">
        <v>11613456</v>
      </c>
      <c r="I33220" s="8">
        <v>8810208</v>
      </c>
      <c r="J33220" s="8">
        <v>11212992</v>
      </c>
      <c r="K33220" s="9"/>
      <c r="L33220" s="6"/>
    </row>
    <row r="33221" spans="1:12">
      <c r="A33221" s="6" t="s">
        <v>33492</v>
      </c>
      <c r="B33221" s="6"/>
      <c r="C33221" s="6" t="s">
        <v>32230</v>
      </c>
      <c r="D33221" s="6"/>
      <c r="E33221" s="6" t="s">
        <v>9</v>
      </c>
      <c r="F33221" s="7">
        <v>36615</v>
      </c>
      <c r="G33221" s="8">
        <v>6191100</v>
      </c>
      <c r="H33221" s="8">
        <v>3590838</v>
      </c>
      <c r="I33221" s="8">
        <v>2724084</v>
      </c>
      <c r="J33221" s="8">
        <v>3467016</v>
      </c>
      <c r="K33221" s="9"/>
      <c r="L33221" s="6"/>
    </row>
    <row r="33222" spans="1:12">
      <c r="A33222" s="6" t="s">
        <v>33493</v>
      </c>
      <c r="B33222" s="6"/>
      <c r="C33222" s="6" t="s">
        <v>32230</v>
      </c>
      <c r="D33222" s="6"/>
      <c r="E33222" s="6" t="s">
        <v>9</v>
      </c>
      <c r="F33222" s="7">
        <v>36615</v>
      </c>
      <c r="G33222" s="8">
        <v>9128700</v>
      </c>
      <c r="H33222" s="8">
        <v>5294646</v>
      </c>
      <c r="I33222" s="8">
        <v>4016628</v>
      </c>
      <c r="J33222" s="8">
        <v>5112072</v>
      </c>
      <c r="K33222" s="9"/>
      <c r="L33222" s="6"/>
    </row>
    <row r="33223" spans="1:12">
      <c r="A33223" s="6" t="s">
        <v>33494</v>
      </c>
      <c r="B33223" s="6"/>
      <c r="C33223" s="6" t="s">
        <v>32230</v>
      </c>
      <c r="D33223" s="6"/>
      <c r="E33223" s="6" t="s">
        <v>9</v>
      </c>
      <c r="F33223" s="7">
        <v>36615</v>
      </c>
      <c r="G33223" s="8">
        <v>9128700</v>
      </c>
      <c r="H33223" s="8">
        <v>5294646</v>
      </c>
      <c r="I33223" s="8">
        <v>4016628</v>
      </c>
      <c r="J33223" s="8">
        <v>5112072</v>
      </c>
      <c r="K33223" s="9"/>
      <c r="L33223" s="6"/>
    </row>
    <row r="33224" spans="1:12">
      <c r="A33224" s="6" t="s">
        <v>33495</v>
      </c>
      <c r="B33224" s="6"/>
      <c r="C33224" s="6" t="s">
        <v>32230</v>
      </c>
      <c r="D33224" s="6"/>
      <c r="E33224" s="6" t="s">
        <v>9</v>
      </c>
      <c r="F33224" s="7">
        <v>36615</v>
      </c>
      <c r="G33224" s="8">
        <v>7686900</v>
      </c>
      <c r="H33224" s="8">
        <v>4458402</v>
      </c>
      <c r="I33224" s="8">
        <v>3382236</v>
      </c>
      <c r="J33224" s="8">
        <v>4304664</v>
      </c>
      <c r="K33224" s="9"/>
      <c r="L33224" s="6"/>
    </row>
    <row r="33225" spans="1:12">
      <c r="A33225" s="6" t="s">
        <v>33496</v>
      </c>
      <c r="B33225" s="6"/>
      <c r="C33225" s="6" t="s">
        <v>32230</v>
      </c>
      <c r="D33225" s="6"/>
      <c r="E33225" s="6" t="s">
        <v>9</v>
      </c>
      <c r="F33225" s="7">
        <v>36615</v>
      </c>
      <c r="G33225" s="8">
        <v>5564700</v>
      </c>
      <c r="H33225" s="8">
        <v>3227526</v>
      </c>
      <c r="I33225" s="8">
        <v>2448468</v>
      </c>
      <c r="J33225" s="8">
        <v>3116232</v>
      </c>
      <c r="K33225" s="9"/>
      <c r="L33225" s="6"/>
    </row>
    <row r="33226" spans="1:12">
      <c r="A33226" s="6" t="s">
        <v>33497</v>
      </c>
      <c r="B33226" s="6"/>
      <c r="C33226" s="6" t="s">
        <v>32230</v>
      </c>
      <c r="D33226" s="6"/>
      <c r="E33226" s="6" t="s">
        <v>18740</v>
      </c>
      <c r="F33226" s="7">
        <v>42454</v>
      </c>
      <c r="G33226" s="8">
        <v>1188000</v>
      </c>
      <c r="H33226" s="8">
        <v>790020</v>
      </c>
      <c r="I33226" s="8">
        <v>477576</v>
      </c>
      <c r="J33226" s="8">
        <v>710424</v>
      </c>
      <c r="K33226" s="9"/>
      <c r="L33226" s="6"/>
    </row>
    <row r="33227" spans="1:12">
      <c r="A33227" s="6" t="s">
        <v>33498</v>
      </c>
      <c r="B33227" s="6"/>
      <c r="C33227" s="6" t="s">
        <v>32230</v>
      </c>
      <c r="D33227" s="6"/>
      <c r="E33227" s="6" t="s">
        <v>9</v>
      </c>
      <c r="F33227" s="7">
        <v>36615</v>
      </c>
      <c r="G33227" s="8">
        <v>7800300</v>
      </c>
      <c r="H33227" s="8">
        <v>4524174</v>
      </c>
      <c r="I33227" s="8">
        <v>3432132</v>
      </c>
      <c r="J33227" s="8">
        <v>4368168</v>
      </c>
      <c r="K33227" s="9"/>
      <c r="L33227" s="6"/>
    </row>
    <row r="33228" spans="1:12">
      <c r="A33228" s="6" t="s">
        <v>33499</v>
      </c>
      <c r="B33228" s="6"/>
      <c r="C33228" s="6" t="s">
        <v>32230</v>
      </c>
      <c r="D33228" s="6"/>
      <c r="E33228" s="6" t="s">
        <v>9</v>
      </c>
      <c r="F33228" s="7">
        <v>29305</v>
      </c>
      <c r="G33228" s="8">
        <v>17690400</v>
      </c>
      <c r="H33228" s="8">
        <v>3184272</v>
      </c>
      <c r="I33228" s="8">
        <v>14859936</v>
      </c>
      <c r="J33228" s="8">
        <v>2830464</v>
      </c>
      <c r="K33228" s="9"/>
      <c r="L33228" s="6"/>
    </row>
    <row r="33229" spans="1:12">
      <c r="A33229" s="6" t="s">
        <v>33500</v>
      </c>
      <c r="B33229" s="6"/>
      <c r="C33229" s="6" t="s">
        <v>32230</v>
      </c>
      <c r="D33229" s="6"/>
      <c r="E33229" s="6" t="s">
        <v>9</v>
      </c>
      <c r="F33229" s="7">
        <v>42954</v>
      </c>
      <c r="G33229" s="8">
        <v>1026000</v>
      </c>
      <c r="H33229" s="8">
        <v>819774</v>
      </c>
      <c r="I33229" s="8">
        <v>274968</v>
      </c>
      <c r="J33229" s="8">
        <v>751032</v>
      </c>
      <c r="K33229" s="9"/>
      <c r="L33229" s="6"/>
    </row>
    <row r="33230" spans="1:12">
      <c r="A33230" s="6" t="s">
        <v>33501</v>
      </c>
      <c r="B33230" s="6"/>
      <c r="C33230" s="6" t="s">
        <v>32230</v>
      </c>
      <c r="D33230" s="6"/>
      <c r="E33230" s="6" t="s">
        <v>9</v>
      </c>
      <c r="F33230" s="7">
        <v>29305</v>
      </c>
      <c r="G33230" s="8">
        <v>63568800</v>
      </c>
      <c r="H33230" s="8">
        <v>11442384</v>
      </c>
      <c r="I33230" s="8">
        <v>53397792</v>
      </c>
      <c r="J33230" s="8">
        <v>10171008</v>
      </c>
      <c r="K33230" s="9"/>
      <c r="L33230" s="6"/>
    </row>
    <row r="33231" spans="1:12">
      <c r="A33231" s="6" t="s">
        <v>33502</v>
      </c>
      <c r="B33231" s="6"/>
      <c r="C33231" s="6" t="s">
        <v>32230</v>
      </c>
      <c r="D33231" s="6"/>
      <c r="E33231" s="6" t="s">
        <v>9</v>
      </c>
      <c r="F33231" s="7">
        <v>23468</v>
      </c>
      <c r="G33231" s="8">
        <v>23439780</v>
      </c>
      <c r="H33231" s="8">
        <v>1125124</v>
      </c>
      <c r="I33231" s="8">
        <v>22713132</v>
      </c>
      <c r="J33231" s="8">
        <v>726648</v>
      </c>
      <c r="K33231" s="9"/>
      <c r="L33231" s="6"/>
    </row>
    <row r="33232" spans="1:12">
      <c r="A33232" s="6" t="s">
        <v>33503</v>
      </c>
      <c r="B33232" s="6"/>
      <c r="C33232" s="6" t="s">
        <v>32230</v>
      </c>
      <c r="D33232" s="6"/>
      <c r="E33232" s="6" t="s">
        <v>9</v>
      </c>
      <c r="F33232" s="7">
        <v>29305</v>
      </c>
      <c r="G33232" s="8">
        <v>19812600</v>
      </c>
      <c r="H33232" s="8">
        <v>3566268</v>
      </c>
      <c r="I33232" s="8">
        <v>16642584</v>
      </c>
      <c r="J33232" s="8">
        <v>3170016</v>
      </c>
      <c r="K33232" s="9"/>
      <c r="L33232" s="6"/>
    </row>
    <row r="33233" spans="1:12">
      <c r="A33233" s="6" t="s">
        <v>33504</v>
      </c>
      <c r="B33233" s="6"/>
      <c r="C33233" s="6" t="s">
        <v>32230</v>
      </c>
      <c r="D33233" s="6"/>
      <c r="E33233" s="6" t="s">
        <v>9</v>
      </c>
      <c r="F33233" s="7">
        <v>29305</v>
      </c>
      <c r="G33233" s="8">
        <v>15365700</v>
      </c>
      <c r="H33233" s="8">
        <v>2765826</v>
      </c>
      <c r="I33233" s="8">
        <v>12907188</v>
      </c>
      <c r="J33233" s="8">
        <v>2458512</v>
      </c>
      <c r="K33233" s="9"/>
      <c r="L33233" s="6"/>
    </row>
    <row r="33234" spans="1:12">
      <c r="A33234" s="6" t="s">
        <v>33505</v>
      </c>
      <c r="B33234" s="6"/>
      <c r="C33234" s="6" t="s">
        <v>32230</v>
      </c>
      <c r="D33234" s="6"/>
      <c r="E33234" s="6" t="s">
        <v>9</v>
      </c>
      <c r="F33234" s="7">
        <v>29305</v>
      </c>
      <c r="G33234" s="8">
        <v>14766300</v>
      </c>
      <c r="H33234" s="8">
        <v>2657934</v>
      </c>
      <c r="I33234" s="8">
        <v>12403692</v>
      </c>
      <c r="J33234" s="8">
        <v>2362608</v>
      </c>
      <c r="K33234" s="9"/>
      <c r="L33234" s="6"/>
    </row>
    <row r="33235" spans="1:12">
      <c r="A33235" s="6" t="s">
        <v>33506</v>
      </c>
      <c r="B33235" s="6"/>
      <c r="C33235" s="6" t="s">
        <v>32230</v>
      </c>
      <c r="D33235" s="6"/>
      <c r="E33235" s="6" t="s">
        <v>9</v>
      </c>
      <c r="F33235" s="7">
        <v>29305</v>
      </c>
      <c r="G33235" s="8">
        <v>20403900</v>
      </c>
      <c r="H33235" s="8">
        <v>3672702</v>
      </c>
      <c r="I33235" s="8">
        <v>17139276</v>
      </c>
      <c r="J33235" s="8">
        <v>3264624</v>
      </c>
      <c r="K33235" s="9"/>
      <c r="L33235" s="6"/>
    </row>
    <row r="33236" spans="1:12">
      <c r="A33236" s="6" t="s">
        <v>33507</v>
      </c>
      <c r="B33236" s="6"/>
      <c r="C33236" s="6" t="s">
        <v>32230</v>
      </c>
      <c r="D33236" s="6"/>
      <c r="E33236" s="6" t="s">
        <v>9</v>
      </c>
      <c r="F33236" s="7">
        <v>29305</v>
      </c>
      <c r="G33236" s="8">
        <v>70336000</v>
      </c>
      <c r="H33236" s="8">
        <v>12660480</v>
      </c>
      <c r="I33236" s="8">
        <v>59082240</v>
      </c>
      <c r="J33236" s="8">
        <v>11253760</v>
      </c>
      <c r="K33236" s="9"/>
      <c r="L33236" s="6"/>
    </row>
    <row r="33237" spans="1:12">
      <c r="A33237" s="6" t="s">
        <v>33508</v>
      </c>
      <c r="B33237" s="6"/>
      <c r="C33237" s="6" t="s">
        <v>32230</v>
      </c>
      <c r="D33237" s="6"/>
      <c r="E33237" s="6"/>
      <c r="F33237" s="7">
        <v>43922</v>
      </c>
      <c r="G33237" s="8">
        <v>1034000</v>
      </c>
      <c r="H33237" s="8">
        <v>1034000</v>
      </c>
      <c r="I33237" s="8">
        <v>20680</v>
      </c>
      <c r="J33237" s="8">
        <v>1013320</v>
      </c>
      <c r="K33237" s="9"/>
      <c r="L33237" s="6"/>
    </row>
    <row r="33238" spans="1:12">
      <c r="A33238" s="6" t="s">
        <v>33508</v>
      </c>
      <c r="B33238" s="6"/>
      <c r="C33238" s="6" t="s">
        <v>32230</v>
      </c>
      <c r="D33238" s="6"/>
      <c r="E33238" s="6" t="s">
        <v>9</v>
      </c>
      <c r="F33238" s="7">
        <v>29305</v>
      </c>
      <c r="G33238" s="8">
        <v>47717100</v>
      </c>
      <c r="H33238" s="8">
        <v>8589078</v>
      </c>
      <c r="I33238" s="8">
        <v>40082364</v>
      </c>
      <c r="J33238" s="8">
        <v>7634736</v>
      </c>
      <c r="K33238" s="9"/>
      <c r="L33238" s="6"/>
    </row>
    <row r="33239" spans="1:12">
      <c r="A33239" s="6" t="s">
        <v>33509</v>
      </c>
      <c r="B33239" s="6"/>
      <c r="C33239" s="6" t="s">
        <v>32230</v>
      </c>
      <c r="D33239" s="6"/>
      <c r="E33239" s="6" t="s">
        <v>9</v>
      </c>
      <c r="F33239" s="7">
        <v>31866</v>
      </c>
      <c r="G33239" s="8">
        <v>3178700</v>
      </c>
      <c r="H33239" s="8">
        <v>1017184</v>
      </c>
      <c r="I33239" s="8">
        <v>2225090</v>
      </c>
      <c r="J33239" s="8">
        <v>953610</v>
      </c>
      <c r="K33239" s="9"/>
      <c r="L33239" s="6"/>
    </row>
    <row r="33240" spans="1:12">
      <c r="A33240" s="6" t="s">
        <v>33510</v>
      </c>
      <c r="B33240" s="6"/>
      <c r="C33240" s="6" t="s">
        <v>32230</v>
      </c>
      <c r="D33240" s="6"/>
      <c r="E33240" s="6" t="s">
        <v>9</v>
      </c>
      <c r="F33240" s="7">
        <v>29305</v>
      </c>
      <c r="G33240" s="8">
        <v>1656800</v>
      </c>
      <c r="H33240" s="8">
        <v>298224</v>
      </c>
      <c r="I33240" s="8">
        <v>1391712</v>
      </c>
      <c r="J33240" s="8">
        <v>265088</v>
      </c>
      <c r="K33240" s="9"/>
      <c r="L33240" s="6"/>
    </row>
    <row r="33241" spans="1:12">
      <c r="A33241" s="6" t="s">
        <v>33511</v>
      </c>
      <c r="B33241" s="6"/>
      <c r="C33241" s="6" t="s">
        <v>32230</v>
      </c>
      <c r="D33241" s="6"/>
      <c r="E33241" s="6" t="s">
        <v>9</v>
      </c>
      <c r="F33241" s="7">
        <v>29305</v>
      </c>
      <c r="G33241" s="8">
        <v>1798200</v>
      </c>
      <c r="H33241" s="8">
        <v>323676</v>
      </c>
      <c r="I33241" s="8">
        <v>1510488</v>
      </c>
      <c r="J33241" s="8">
        <v>287712</v>
      </c>
      <c r="K33241" s="9"/>
      <c r="L33241" s="6"/>
    </row>
    <row r="33242" spans="1:12">
      <c r="A33242" s="6" t="s">
        <v>33512</v>
      </c>
      <c r="B33242" s="6"/>
      <c r="C33242" s="6" t="s">
        <v>32230</v>
      </c>
      <c r="D33242" s="6"/>
      <c r="E33242" s="6" t="s">
        <v>9</v>
      </c>
      <c r="F33242" s="7">
        <v>29305</v>
      </c>
      <c r="G33242" s="8">
        <v>1966500</v>
      </c>
      <c r="H33242" s="8">
        <v>353970</v>
      </c>
      <c r="I33242" s="8">
        <v>1651860</v>
      </c>
      <c r="J33242" s="8">
        <v>314640</v>
      </c>
      <c r="K33242" s="9"/>
      <c r="L33242" s="6"/>
    </row>
    <row r="33243" spans="1:12">
      <c r="A33243" s="6" t="s">
        <v>33513</v>
      </c>
      <c r="B33243" s="6"/>
      <c r="C33243" s="6" t="s">
        <v>32230</v>
      </c>
      <c r="D33243" s="6"/>
      <c r="E33243" s="6" t="s">
        <v>9</v>
      </c>
      <c r="F33243" s="7">
        <v>29305</v>
      </c>
      <c r="G33243" s="8">
        <v>3356100</v>
      </c>
      <c r="H33243" s="8">
        <v>604098</v>
      </c>
      <c r="I33243" s="8">
        <v>2819124</v>
      </c>
      <c r="J33243" s="8">
        <v>536976</v>
      </c>
      <c r="K33243" s="9"/>
      <c r="L33243" s="6"/>
    </row>
    <row r="33244" spans="1:12">
      <c r="A33244" s="6" t="s">
        <v>33514</v>
      </c>
      <c r="B33244" s="6"/>
      <c r="C33244" s="6" t="s">
        <v>32230</v>
      </c>
      <c r="D33244" s="6"/>
      <c r="E33244" s="6" t="s">
        <v>9</v>
      </c>
      <c r="F33244" s="7">
        <v>29305</v>
      </c>
      <c r="G33244" s="8">
        <v>609900</v>
      </c>
      <c r="H33244" s="8">
        <v>109782</v>
      </c>
      <c r="I33244" s="8">
        <v>512316</v>
      </c>
      <c r="J33244" s="8">
        <v>97584</v>
      </c>
      <c r="K33244" s="9"/>
      <c r="L33244" s="6"/>
    </row>
    <row r="33245" spans="1:12">
      <c r="A33245" s="6" t="s">
        <v>33515</v>
      </c>
      <c r="B33245" s="6"/>
      <c r="C33245" s="6" t="s">
        <v>32230</v>
      </c>
      <c r="D33245" s="6"/>
      <c r="E33245" s="6" t="s">
        <v>9</v>
      </c>
      <c r="F33245" s="7">
        <v>29305</v>
      </c>
      <c r="G33245" s="8">
        <v>1662500</v>
      </c>
      <c r="H33245" s="8">
        <v>299250</v>
      </c>
      <c r="I33245" s="8">
        <v>1396500</v>
      </c>
      <c r="J33245" s="8">
        <v>266000</v>
      </c>
      <c r="K33245" s="9"/>
      <c r="L33245" s="6"/>
    </row>
    <row r="33246" spans="1:12">
      <c r="A33246" s="6" t="s">
        <v>33516</v>
      </c>
      <c r="B33246" s="6"/>
      <c r="C33246" s="6" t="s">
        <v>32230</v>
      </c>
      <c r="D33246" s="6"/>
      <c r="E33246" s="6" t="s">
        <v>9</v>
      </c>
      <c r="F33246" s="7">
        <v>29305</v>
      </c>
      <c r="G33246" s="8">
        <v>596600</v>
      </c>
      <c r="H33246" s="8">
        <v>107388</v>
      </c>
      <c r="I33246" s="8">
        <v>501144</v>
      </c>
      <c r="J33246" s="8">
        <v>95456</v>
      </c>
      <c r="K33246" s="9"/>
      <c r="L33246" s="6"/>
    </row>
    <row r="33247" spans="1:12">
      <c r="A33247" s="6" t="s">
        <v>33517</v>
      </c>
      <c r="B33247" s="6"/>
      <c r="C33247" s="6" t="s">
        <v>32230</v>
      </c>
      <c r="D33247" s="6"/>
      <c r="E33247" s="6" t="s">
        <v>9</v>
      </c>
      <c r="F33247" s="7">
        <v>29305</v>
      </c>
      <c r="G33247" s="8">
        <v>442700</v>
      </c>
      <c r="H33247" s="8">
        <v>79686</v>
      </c>
      <c r="I33247" s="8">
        <v>371868</v>
      </c>
      <c r="J33247" s="8">
        <v>70832</v>
      </c>
      <c r="K33247" s="9"/>
      <c r="L33247" s="6"/>
    </row>
    <row r="33248" spans="1:12">
      <c r="A33248" s="6" t="s">
        <v>33518</v>
      </c>
      <c r="B33248" s="6"/>
      <c r="C33248" s="6" t="s">
        <v>32230</v>
      </c>
      <c r="D33248" s="6"/>
      <c r="E33248" s="6" t="s">
        <v>9</v>
      </c>
      <c r="F33248" s="7">
        <v>29305</v>
      </c>
      <c r="G33248" s="8">
        <v>5589800</v>
      </c>
      <c r="H33248" s="8">
        <v>1006164</v>
      </c>
      <c r="I33248" s="8">
        <v>4695432</v>
      </c>
      <c r="J33248" s="8">
        <v>894368</v>
      </c>
      <c r="K33248" s="9"/>
      <c r="L33248" s="6"/>
    </row>
    <row r="33249" spans="1:12">
      <c r="A33249" s="6" t="s">
        <v>33519</v>
      </c>
      <c r="B33249" s="6"/>
      <c r="C33249" s="6" t="s">
        <v>32230</v>
      </c>
      <c r="D33249" s="6"/>
      <c r="E33249" s="6" t="s">
        <v>9</v>
      </c>
      <c r="F33249" s="7">
        <v>29305</v>
      </c>
      <c r="G33249" s="8">
        <v>1159000</v>
      </c>
      <c r="H33249" s="8">
        <v>208620</v>
      </c>
      <c r="I33249" s="8">
        <v>973560</v>
      </c>
      <c r="J33249" s="8">
        <v>185440</v>
      </c>
      <c r="K33249" s="9"/>
      <c r="L33249" s="6"/>
    </row>
    <row r="33250" spans="1:12">
      <c r="A33250" s="6" t="s">
        <v>33520</v>
      </c>
      <c r="B33250" s="6"/>
      <c r="C33250" s="6" t="s">
        <v>32230</v>
      </c>
      <c r="D33250" s="6"/>
      <c r="E33250" s="6" t="s">
        <v>9</v>
      </c>
      <c r="F33250" s="7">
        <v>31472</v>
      </c>
      <c r="G33250" s="8">
        <v>4404200</v>
      </c>
      <c r="H33250" s="8">
        <v>1321260</v>
      </c>
      <c r="I33250" s="8">
        <v>3171024</v>
      </c>
      <c r="J33250" s="8">
        <v>1233176</v>
      </c>
      <c r="K33250" s="9"/>
      <c r="L33250" s="6"/>
    </row>
    <row r="33251" spans="1:12">
      <c r="A33251" s="6" t="s">
        <v>33521</v>
      </c>
      <c r="B33251" s="6"/>
      <c r="C33251" s="6" t="s">
        <v>32230</v>
      </c>
      <c r="D33251" s="6"/>
      <c r="E33251" s="6" t="s">
        <v>9</v>
      </c>
      <c r="F33251" s="7"/>
      <c r="G33251" s="8">
        <v>1</v>
      </c>
      <c r="H33251" s="8">
        <v>1</v>
      </c>
      <c r="I33251" s="8">
        <v>0</v>
      </c>
      <c r="J33251" s="8">
        <v>1</v>
      </c>
      <c r="K33251" s="9"/>
      <c r="L33251" s="6"/>
    </row>
    <row r="33252" spans="1:12">
      <c r="A33252" s="6" t="s">
        <v>33522</v>
      </c>
      <c r="B33252" s="6"/>
      <c r="C33252" s="6" t="s">
        <v>32230</v>
      </c>
      <c r="D33252" s="6"/>
      <c r="E33252" s="6" t="s">
        <v>9</v>
      </c>
      <c r="F33252" s="7">
        <v>29305</v>
      </c>
      <c r="G33252" s="8">
        <v>1660600</v>
      </c>
      <c r="H33252" s="8">
        <v>298908</v>
      </c>
      <c r="I33252" s="8">
        <v>1394904</v>
      </c>
      <c r="J33252" s="8">
        <v>265696</v>
      </c>
      <c r="K33252" s="9"/>
      <c r="L33252" s="6"/>
    </row>
    <row r="33253" spans="1:12">
      <c r="A33253" s="6" t="s">
        <v>33523</v>
      </c>
      <c r="B33253" s="6"/>
      <c r="C33253" s="6" t="s">
        <v>32230</v>
      </c>
      <c r="D33253" s="6"/>
      <c r="E33253" s="6" t="s">
        <v>9</v>
      </c>
      <c r="F33253" s="7">
        <v>29305</v>
      </c>
      <c r="G33253" s="8">
        <v>2211600</v>
      </c>
      <c r="H33253" s="8">
        <v>398088</v>
      </c>
      <c r="I33253" s="8">
        <v>1857744</v>
      </c>
      <c r="J33253" s="8">
        <v>353856</v>
      </c>
      <c r="K33253" s="9"/>
      <c r="L33253" s="6"/>
    </row>
    <row r="33254" spans="1:12">
      <c r="A33254" s="6" t="s">
        <v>33524</v>
      </c>
      <c r="B33254" s="6"/>
      <c r="C33254" s="6" t="s">
        <v>32230</v>
      </c>
      <c r="D33254" s="6"/>
      <c r="E33254" s="6" t="s">
        <v>9</v>
      </c>
      <c r="F33254" s="7">
        <v>29305</v>
      </c>
      <c r="G33254" s="8">
        <v>2397600</v>
      </c>
      <c r="H33254" s="8">
        <v>431568</v>
      </c>
      <c r="I33254" s="8">
        <v>2013984</v>
      </c>
      <c r="J33254" s="8">
        <v>383616</v>
      </c>
      <c r="K33254" s="9"/>
      <c r="L33254" s="6"/>
    </row>
    <row r="33255" spans="1:12">
      <c r="A33255" s="6" t="s">
        <v>33525</v>
      </c>
      <c r="B33255" s="6"/>
      <c r="C33255" s="6" t="s">
        <v>32230</v>
      </c>
      <c r="D33255" s="6"/>
      <c r="E33255" s="6" t="s">
        <v>9</v>
      </c>
      <c r="F33255" s="7">
        <v>29305</v>
      </c>
      <c r="G33255" s="8">
        <v>1491500</v>
      </c>
      <c r="H33255" s="8">
        <v>268470</v>
      </c>
      <c r="I33255" s="8">
        <v>1252860</v>
      </c>
      <c r="J33255" s="8">
        <v>238640</v>
      </c>
      <c r="K33255" s="9"/>
      <c r="L33255" s="6"/>
    </row>
    <row r="33256" spans="1:12">
      <c r="A33256" s="6" t="s">
        <v>33526</v>
      </c>
      <c r="B33256" s="6"/>
      <c r="C33256" s="6" t="s">
        <v>32230</v>
      </c>
      <c r="D33256" s="6"/>
      <c r="E33256" s="6" t="s">
        <v>9</v>
      </c>
      <c r="F33256" s="7">
        <v>29305</v>
      </c>
      <c r="G33256" s="8">
        <v>2057700</v>
      </c>
      <c r="H33256" s="8">
        <v>370386</v>
      </c>
      <c r="I33256" s="8">
        <v>1728468</v>
      </c>
      <c r="J33256" s="8">
        <v>329232</v>
      </c>
      <c r="K33256" s="9"/>
      <c r="L33256" s="6"/>
    </row>
    <row r="33257" spans="1:12">
      <c r="A33257" s="6" t="s">
        <v>33527</v>
      </c>
      <c r="B33257" s="6"/>
      <c r="C33257" s="6" t="s">
        <v>32230</v>
      </c>
      <c r="D33257" s="6"/>
      <c r="E33257" s="6" t="s">
        <v>9</v>
      </c>
      <c r="F33257" s="7">
        <v>29305</v>
      </c>
      <c r="G33257" s="8">
        <v>747900</v>
      </c>
      <c r="H33257" s="8">
        <v>134622</v>
      </c>
      <c r="I33257" s="8">
        <v>628236</v>
      </c>
      <c r="J33257" s="8">
        <v>119664</v>
      </c>
      <c r="K33257" s="9"/>
      <c r="L33257" s="6"/>
    </row>
    <row r="33258" spans="1:12">
      <c r="A33258" s="6" t="s">
        <v>33528</v>
      </c>
      <c r="B33258" s="6"/>
      <c r="C33258" s="6" t="s">
        <v>32230</v>
      </c>
      <c r="D33258" s="6"/>
      <c r="E33258" s="6" t="s">
        <v>9</v>
      </c>
      <c r="F33258" s="7">
        <v>29305</v>
      </c>
      <c r="G33258" s="8">
        <v>2305800</v>
      </c>
      <c r="H33258" s="8">
        <v>415044</v>
      </c>
      <c r="I33258" s="8">
        <v>1936872</v>
      </c>
      <c r="J33258" s="8">
        <v>368928</v>
      </c>
      <c r="K33258" s="9"/>
      <c r="L33258" s="6"/>
    </row>
    <row r="33259" spans="1:12">
      <c r="A33259" s="6" t="s">
        <v>33529</v>
      </c>
      <c r="B33259" s="6"/>
      <c r="C33259" s="6" t="s">
        <v>32230</v>
      </c>
      <c r="D33259" s="6"/>
      <c r="E33259" s="6" t="s">
        <v>9</v>
      </c>
      <c r="F33259" s="7">
        <v>29305</v>
      </c>
      <c r="G33259" s="8">
        <v>1280600</v>
      </c>
      <c r="H33259" s="8">
        <v>230508</v>
      </c>
      <c r="I33259" s="8">
        <v>1075704</v>
      </c>
      <c r="J33259" s="8">
        <v>204896</v>
      </c>
      <c r="K33259" s="9"/>
      <c r="L33259" s="6"/>
    </row>
    <row r="33260" spans="1:12">
      <c r="A33260" s="6" t="s">
        <v>33530</v>
      </c>
      <c r="B33260" s="6"/>
      <c r="C33260" s="6" t="s">
        <v>32230</v>
      </c>
      <c r="D33260" s="6"/>
      <c r="E33260" s="6" t="s">
        <v>9</v>
      </c>
      <c r="F33260" s="7">
        <v>29305</v>
      </c>
      <c r="G33260" s="8">
        <v>1330000</v>
      </c>
      <c r="H33260" s="8">
        <v>239400</v>
      </c>
      <c r="I33260" s="8">
        <v>1117200</v>
      </c>
      <c r="J33260" s="8">
        <v>212800</v>
      </c>
      <c r="K33260" s="9"/>
      <c r="L33260" s="6"/>
    </row>
    <row r="33261" spans="1:12">
      <c r="A33261" s="6" t="s">
        <v>33531</v>
      </c>
      <c r="B33261" s="6"/>
      <c r="C33261" s="6" t="s">
        <v>32230</v>
      </c>
      <c r="D33261" s="6"/>
      <c r="E33261" s="6" t="s">
        <v>9</v>
      </c>
      <c r="F33261" s="7">
        <v>29305</v>
      </c>
      <c r="G33261" s="8">
        <v>8391600</v>
      </c>
      <c r="H33261" s="8">
        <v>1510488</v>
      </c>
      <c r="I33261" s="8">
        <v>7048944</v>
      </c>
      <c r="J33261" s="8">
        <v>1342656</v>
      </c>
      <c r="K33261" s="9"/>
      <c r="L33261" s="6"/>
    </row>
    <row r="33262" spans="1:12">
      <c r="A33262" s="6" t="s">
        <v>33532</v>
      </c>
      <c r="B33262" s="6"/>
      <c r="C33262" s="6" t="s">
        <v>32230</v>
      </c>
      <c r="D33262" s="6"/>
      <c r="E33262" s="6" t="s">
        <v>9</v>
      </c>
      <c r="F33262" s="7">
        <v>29305</v>
      </c>
      <c r="G33262" s="8">
        <v>611800</v>
      </c>
      <c r="H33262" s="8">
        <v>110124</v>
      </c>
      <c r="I33262" s="8">
        <v>513912</v>
      </c>
      <c r="J33262" s="8">
        <v>97888</v>
      </c>
      <c r="K33262" s="9"/>
      <c r="L33262" s="6"/>
    </row>
    <row r="33263" spans="1:12">
      <c r="A33263" s="6" t="s">
        <v>33533</v>
      </c>
      <c r="B33263" s="6"/>
      <c r="C33263" s="6" t="s">
        <v>32230</v>
      </c>
      <c r="D33263" s="6"/>
      <c r="E33263" s="6" t="s">
        <v>9</v>
      </c>
      <c r="F33263" s="7">
        <v>29305</v>
      </c>
      <c r="G33263" s="8">
        <v>942400</v>
      </c>
      <c r="H33263" s="8">
        <v>169632</v>
      </c>
      <c r="I33263" s="8">
        <v>791616</v>
      </c>
      <c r="J33263" s="8">
        <v>150784</v>
      </c>
      <c r="K33263" s="9"/>
      <c r="L33263" s="6"/>
    </row>
    <row r="33264" spans="1:12">
      <c r="A33264" s="6" t="s">
        <v>33534</v>
      </c>
      <c r="B33264" s="6"/>
      <c r="C33264" s="6" t="s">
        <v>32230</v>
      </c>
      <c r="D33264" s="6"/>
      <c r="E33264" s="6" t="s">
        <v>9</v>
      </c>
      <c r="F33264" s="7">
        <v>29305</v>
      </c>
      <c r="G33264" s="8">
        <v>5400000</v>
      </c>
      <c r="H33264" s="8">
        <v>972000</v>
      </c>
      <c r="I33264" s="8">
        <v>4536000</v>
      </c>
      <c r="J33264" s="8">
        <v>864000</v>
      </c>
      <c r="K33264" s="9"/>
      <c r="L33264" s="6"/>
    </row>
    <row r="33265" spans="1:12">
      <c r="A33265" s="6" t="s">
        <v>33535</v>
      </c>
      <c r="B33265" s="6"/>
      <c r="C33265" s="6" t="s">
        <v>32230</v>
      </c>
      <c r="D33265" s="6"/>
      <c r="E33265" s="6" t="s">
        <v>9</v>
      </c>
      <c r="F33265" s="7">
        <v>29305</v>
      </c>
      <c r="G33265" s="8">
        <v>1366200</v>
      </c>
      <c r="H33265" s="8">
        <v>245916</v>
      </c>
      <c r="I33265" s="8">
        <v>1147608</v>
      </c>
      <c r="J33265" s="8">
        <v>218592</v>
      </c>
      <c r="K33265" s="9"/>
      <c r="L33265" s="6"/>
    </row>
    <row r="33266" spans="1:12">
      <c r="A33266" s="6" t="s">
        <v>33536</v>
      </c>
      <c r="B33266" s="6"/>
      <c r="C33266" s="6" t="s">
        <v>32230</v>
      </c>
      <c r="D33266" s="6"/>
      <c r="E33266" s="6" t="s">
        <v>9</v>
      </c>
      <c r="F33266" s="7">
        <v>29305</v>
      </c>
      <c r="G33266" s="8">
        <v>849300</v>
      </c>
      <c r="H33266" s="8">
        <v>152874</v>
      </c>
      <c r="I33266" s="8">
        <v>713412</v>
      </c>
      <c r="J33266" s="8">
        <v>135888</v>
      </c>
      <c r="K33266" s="9"/>
      <c r="L33266" s="6"/>
    </row>
    <row r="33267" spans="1:12">
      <c r="A33267" s="6" t="s">
        <v>33537</v>
      </c>
      <c r="B33267" s="6"/>
      <c r="C33267" s="6" t="s">
        <v>32230</v>
      </c>
      <c r="D33267" s="6"/>
      <c r="E33267" s="6" t="s">
        <v>9</v>
      </c>
      <c r="F33267" s="7">
        <v>29305</v>
      </c>
      <c r="G33267" s="8">
        <v>2359800</v>
      </c>
      <c r="H33267" s="8">
        <v>424764</v>
      </c>
      <c r="I33267" s="8">
        <v>1982232</v>
      </c>
      <c r="J33267" s="8">
        <v>377568</v>
      </c>
      <c r="K33267" s="9"/>
      <c r="L33267" s="6"/>
    </row>
    <row r="33268" spans="1:12">
      <c r="A33268" s="6" t="s">
        <v>33538</v>
      </c>
      <c r="B33268" s="6"/>
      <c r="C33268" s="6" t="s">
        <v>32230</v>
      </c>
      <c r="D33268" s="6"/>
      <c r="E33268" s="6" t="s">
        <v>9</v>
      </c>
      <c r="F33268" s="7">
        <v>29305</v>
      </c>
      <c r="G33268" s="8">
        <v>3504600</v>
      </c>
      <c r="H33268" s="8">
        <v>630828</v>
      </c>
      <c r="I33268" s="8">
        <v>2943864</v>
      </c>
      <c r="J33268" s="8">
        <v>560736</v>
      </c>
      <c r="K33268" s="9"/>
      <c r="L33268" s="6"/>
    </row>
    <row r="33269" spans="1:12">
      <c r="A33269" s="6" t="s">
        <v>33539</v>
      </c>
      <c r="B33269" s="6"/>
      <c r="C33269" s="6" t="s">
        <v>32230</v>
      </c>
      <c r="D33269" s="6"/>
      <c r="E33269" s="6" t="s">
        <v>9</v>
      </c>
      <c r="F33269" s="7">
        <v>29305</v>
      </c>
      <c r="G33269" s="8">
        <v>3015900</v>
      </c>
      <c r="H33269" s="8">
        <v>542862</v>
      </c>
      <c r="I33269" s="8">
        <v>2533356</v>
      </c>
      <c r="J33269" s="8">
        <v>482544</v>
      </c>
      <c r="K33269" s="9"/>
      <c r="L33269" s="6"/>
    </row>
    <row r="33270" spans="1:12">
      <c r="A33270" s="6" t="s">
        <v>33540</v>
      </c>
      <c r="B33270" s="6"/>
      <c r="C33270" s="6" t="s">
        <v>32230</v>
      </c>
      <c r="D33270" s="6"/>
      <c r="E33270" s="6" t="s">
        <v>9</v>
      </c>
      <c r="F33270" s="7">
        <v>42822</v>
      </c>
      <c r="G33270" s="8">
        <v>722520</v>
      </c>
      <c r="H33270" s="8">
        <v>664720</v>
      </c>
      <c r="I33270" s="8">
        <v>72250</v>
      </c>
      <c r="J33270" s="8">
        <v>650270</v>
      </c>
      <c r="K33270" s="9"/>
      <c r="L33270" s="6"/>
    </row>
    <row r="33271" spans="1:12">
      <c r="A33271" s="6" t="s">
        <v>33541</v>
      </c>
      <c r="B33271" s="6"/>
      <c r="C33271" s="6" t="s">
        <v>32230</v>
      </c>
      <c r="D33271" s="6"/>
      <c r="E33271" s="6" t="s">
        <v>9</v>
      </c>
      <c r="F33271" s="7">
        <v>29305</v>
      </c>
      <c r="G33271" s="8">
        <v>1393200</v>
      </c>
      <c r="H33271" s="8">
        <v>250776</v>
      </c>
      <c r="I33271" s="8">
        <v>1170288</v>
      </c>
      <c r="J33271" s="8">
        <v>222912</v>
      </c>
      <c r="K33271" s="9"/>
      <c r="L33271" s="6"/>
    </row>
    <row r="33272" spans="1:12">
      <c r="A33272" s="6" t="s">
        <v>33542</v>
      </c>
      <c r="B33272" s="6"/>
      <c r="C33272" s="6" t="s">
        <v>32230</v>
      </c>
      <c r="D33272" s="6"/>
      <c r="E33272" s="6" t="s">
        <v>9</v>
      </c>
      <c r="F33272" s="7">
        <v>29305</v>
      </c>
      <c r="G33272" s="8">
        <v>3780000</v>
      </c>
      <c r="H33272" s="8">
        <v>680400</v>
      </c>
      <c r="I33272" s="8">
        <v>3175200</v>
      </c>
      <c r="J33272" s="8">
        <v>604800</v>
      </c>
      <c r="K33272" s="9"/>
      <c r="L33272" s="6"/>
    </row>
    <row r="33273" spans="1:12">
      <c r="A33273" s="6" t="s">
        <v>33543</v>
      </c>
      <c r="B33273" s="6"/>
      <c r="C33273" s="6" t="s">
        <v>32230</v>
      </c>
      <c r="D33273" s="6"/>
      <c r="E33273" s="6" t="s">
        <v>9</v>
      </c>
      <c r="F33273" s="7">
        <v>29305</v>
      </c>
      <c r="G33273" s="8">
        <v>1122900</v>
      </c>
      <c r="H33273" s="8">
        <v>202122</v>
      </c>
      <c r="I33273" s="8">
        <v>943236</v>
      </c>
      <c r="J33273" s="8">
        <v>179664</v>
      </c>
      <c r="K33273" s="9"/>
      <c r="L33273" s="6"/>
    </row>
    <row r="33274" spans="1:12">
      <c r="A33274" s="6" t="s">
        <v>33544</v>
      </c>
      <c r="B33274" s="6"/>
      <c r="C33274" s="6" t="s">
        <v>32230</v>
      </c>
      <c r="D33274" s="6"/>
      <c r="E33274" s="6" t="s">
        <v>9</v>
      </c>
      <c r="F33274" s="7">
        <v>29305</v>
      </c>
      <c r="G33274" s="8">
        <v>985500</v>
      </c>
      <c r="H33274" s="8">
        <v>177390</v>
      </c>
      <c r="I33274" s="8">
        <v>827820</v>
      </c>
      <c r="J33274" s="8">
        <v>157680</v>
      </c>
      <c r="K33274" s="9"/>
      <c r="L33274" s="6"/>
    </row>
    <row r="33275" spans="1:12">
      <c r="A33275" s="6" t="s">
        <v>33545</v>
      </c>
      <c r="B33275" s="6"/>
      <c r="C33275" s="6" t="s">
        <v>32230</v>
      </c>
      <c r="D33275" s="6"/>
      <c r="E33275" s="6" t="s">
        <v>9</v>
      </c>
      <c r="F33275" s="7">
        <v>29305</v>
      </c>
      <c r="G33275" s="8">
        <v>1510500</v>
      </c>
      <c r="H33275" s="8">
        <v>271890</v>
      </c>
      <c r="I33275" s="8">
        <v>1268820</v>
      </c>
      <c r="J33275" s="8">
        <v>241680</v>
      </c>
      <c r="K33275" s="9"/>
      <c r="L33275" s="6"/>
    </row>
    <row r="33276" spans="1:12">
      <c r="A33276" s="6" t="s">
        <v>33546</v>
      </c>
      <c r="B33276" s="6"/>
      <c r="C33276" s="6" t="s">
        <v>32230</v>
      </c>
      <c r="D33276" s="6"/>
      <c r="E33276" s="6" t="s">
        <v>9</v>
      </c>
      <c r="F33276" s="7">
        <v>29305</v>
      </c>
      <c r="G33276" s="8">
        <v>5251500</v>
      </c>
      <c r="H33276" s="8">
        <v>945270</v>
      </c>
      <c r="I33276" s="8">
        <v>4411260</v>
      </c>
      <c r="J33276" s="8">
        <v>840240</v>
      </c>
      <c r="K33276" s="9"/>
      <c r="L33276" s="6"/>
    </row>
    <row r="33277" spans="1:12">
      <c r="A33277" s="6" t="s">
        <v>33547</v>
      </c>
      <c r="B33277" s="6"/>
      <c r="C33277" s="6" t="s">
        <v>32230</v>
      </c>
      <c r="D33277" s="6"/>
      <c r="E33277" s="6" t="s">
        <v>9</v>
      </c>
      <c r="F33277" s="7">
        <v>31472</v>
      </c>
      <c r="G33277" s="8">
        <v>16580700</v>
      </c>
      <c r="H33277" s="8">
        <v>4974210</v>
      </c>
      <c r="I33277" s="8">
        <v>11938104</v>
      </c>
      <c r="J33277" s="8">
        <v>4642596</v>
      </c>
      <c r="K33277" s="9"/>
      <c r="L33277" s="6"/>
    </row>
    <row r="33278" spans="1:12">
      <c r="A33278" s="6" t="s">
        <v>33185</v>
      </c>
      <c r="B33278" s="6"/>
      <c r="C33278" s="6" t="s">
        <v>32230</v>
      </c>
      <c r="D33278" s="6"/>
      <c r="E33278" s="6" t="s">
        <v>9</v>
      </c>
      <c r="F33278" s="7"/>
      <c r="G33278" s="8">
        <v>1</v>
      </c>
      <c r="H33278" s="8">
        <v>1</v>
      </c>
      <c r="I33278" s="8">
        <v>0</v>
      </c>
      <c r="J33278" s="8">
        <v>1</v>
      </c>
      <c r="K33278" s="9"/>
      <c r="L33278" s="6"/>
    </row>
    <row r="33279" spans="1:12">
      <c r="A33279" s="6" t="s">
        <v>33548</v>
      </c>
      <c r="B33279" s="6"/>
      <c r="C33279" s="6" t="s">
        <v>32230</v>
      </c>
      <c r="D33279" s="6"/>
      <c r="E33279" s="6" t="s">
        <v>9</v>
      </c>
      <c r="F33279" s="7">
        <v>29305</v>
      </c>
      <c r="G33279" s="8">
        <v>1544400</v>
      </c>
      <c r="H33279" s="8">
        <v>277992</v>
      </c>
      <c r="I33279" s="8">
        <v>1297296</v>
      </c>
      <c r="J33279" s="8">
        <v>247104</v>
      </c>
      <c r="K33279" s="9"/>
      <c r="L33279" s="6"/>
    </row>
    <row r="33280" spans="1:12">
      <c r="A33280" s="6" t="s">
        <v>33549</v>
      </c>
      <c r="B33280" s="6"/>
      <c r="C33280" s="6" t="s">
        <v>32230</v>
      </c>
      <c r="D33280" s="6"/>
      <c r="E33280" s="6" t="s">
        <v>9</v>
      </c>
      <c r="F33280" s="7">
        <v>29305</v>
      </c>
      <c r="G33280" s="8">
        <v>1784700</v>
      </c>
      <c r="H33280" s="8">
        <v>321246</v>
      </c>
      <c r="I33280" s="8">
        <v>1499148</v>
      </c>
      <c r="J33280" s="8">
        <v>285552</v>
      </c>
      <c r="K33280" s="9"/>
      <c r="L33280" s="6"/>
    </row>
    <row r="33281" spans="1:12">
      <c r="A33281" s="6" t="s">
        <v>33550</v>
      </c>
      <c r="B33281" s="6"/>
      <c r="C33281" s="6" t="s">
        <v>32230</v>
      </c>
      <c r="D33281" s="6"/>
      <c r="E33281" s="6" t="s">
        <v>9</v>
      </c>
      <c r="F33281" s="7">
        <v>29305</v>
      </c>
      <c r="G33281" s="8">
        <v>619400</v>
      </c>
      <c r="H33281" s="8">
        <v>111492</v>
      </c>
      <c r="I33281" s="8">
        <v>520296</v>
      </c>
      <c r="J33281" s="8">
        <v>99104</v>
      </c>
      <c r="K33281" s="9"/>
      <c r="L33281" s="6"/>
    </row>
    <row r="33282" spans="1:12">
      <c r="A33282" s="6" t="s">
        <v>33551</v>
      </c>
      <c r="B33282" s="6"/>
      <c r="C33282" s="6" t="s">
        <v>32230</v>
      </c>
      <c r="D33282" s="6"/>
      <c r="E33282" s="6" t="s">
        <v>9</v>
      </c>
      <c r="F33282" s="7">
        <v>29305</v>
      </c>
      <c r="G33282" s="8">
        <v>3977100</v>
      </c>
      <c r="H33282" s="8">
        <v>715878</v>
      </c>
      <c r="I33282" s="8">
        <v>3340764</v>
      </c>
      <c r="J33282" s="8">
        <v>636336</v>
      </c>
      <c r="K33282" s="9"/>
      <c r="L33282" s="6"/>
    </row>
    <row r="33283" spans="1:12">
      <c r="A33283" s="6" t="s">
        <v>33552</v>
      </c>
      <c r="B33283" s="6"/>
      <c r="C33283" s="6" t="s">
        <v>32230</v>
      </c>
      <c r="D33283" s="6"/>
      <c r="E33283" s="6" t="s">
        <v>9</v>
      </c>
      <c r="F33283" s="7">
        <v>32233</v>
      </c>
      <c r="G33283" s="8">
        <v>2327400</v>
      </c>
      <c r="H33283" s="8">
        <v>791316</v>
      </c>
      <c r="I33283" s="8">
        <v>1582632</v>
      </c>
      <c r="J33283" s="8">
        <v>744768</v>
      </c>
      <c r="K33283" s="9"/>
      <c r="L33283" s="6"/>
    </row>
    <row r="33284" spans="1:12">
      <c r="A33284" s="6" t="s">
        <v>33553</v>
      </c>
      <c r="B33284" s="6"/>
      <c r="C33284" s="6" t="s">
        <v>32230</v>
      </c>
      <c r="D33284" s="6"/>
      <c r="E33284" s="6" t="s">
        <v>9</v>
      </c>
      <c r="F33284" s="7">
        <v>29305</v>
      </c>
      <c r="G33284" s="8">
        <v>27608900</v>
      </c>
      <c r="H33284" s="8">
        <v>4969602</v>
      </c>
      <c r="I33284" s="8">
        <v>23191476</v>
      </c>
      <c r="J33284" s="8">
        <v>4417424</v>
      </c>
      <c r="K33284" s="9"/>
      <c r="L33284" s="6"/>
    </row>
    <row r="33285" spans="1:12">
      <c r="A33285" s="6" t="s">
        <v>33185</v>
      </c>
      <c r="B33285" s="6"/>
      <c r="C33285" s="6" t="s">
        <v>32230</v>
      </c>
      <c r="D33285" s="6"/>
      <c r="E33285" s="6" t="s">
        <v>9</v>
      </c>
      <c r="F33285" s="7">
        <v>18719</v>
      </c>
      <c r="G33285" s="8">
        <v>7261800</v>
      </c>
      <c r="H33285" s="8">
        <v>1</v>
      </c>
      <c r="I33285" s="8">
        <v>7261799</v>
      </c>
      <c r="J33285" s="8">
        <v>1</v>
      </c>
      <c r="K33285" s="9"/>
      <c r="L33285" s="6"/>
    </row>
    <row r="33286" spans="1:12">
      <c r="A33286" s="6" t="s">
        <v>33185</v>
      </c>
      <c r="B33286" s="6"/>
      <c r="C33286" s="6" t="s">
        <v>32230</v>
      </c>
      <c r="D33286" s="6"/>
      <c r="E33286" s="6" t="s">
        <v>9</v>
      </c>
      <c r="F33286" s="7">
        <v>18719</v>
      </c>
      <c r="G33286" s="8">
        <v>11193000</v>
      </c>
      <c r="H33286" s="8">
        <v>1</v>
      </c>
      <c r="I33286" s="8">
        <v>11192999</v>
      </c>
      <c r="J33286" s="8">
        <v>1</v>
      </c>
      <c r="K33286" s="9"/>
      <c r="L33286" s="6"/>
    </row>
    <row r="33287" spans="1:12">
      <c r="A33287" s="6" t="s">
        <v>33185</v>
      </c>
      <c r="B33287" s="6"/>
      <c r="C33287" s="6" t="s">
        <v>32230</v>
      </c>
      <c r="D33287" s="6"/>
      <c r="E33287" s="6" t="s">
        <v>9</v>
      </c>
      <c r="F33287" s="7">
        <v>18719</v>
      </c>
      <c r="G33287" s="8">
        <v>2620800</v>
      </c>
      <c r="H33287" s="8">
        <v>1</v>
      </c>
      <c r="I33287" s="8">
        <v>2620799</v>
      </c>
      <c r="J33287" s="8">
        <v>1</v>
      </c>
      <c r="K33287" s="9"/>
      <c r="L33287" s="6"/>
    </row>
    <row r="33288" spans="1:12">
      <c r="A33288" s="6" t="s">
        <v>33185</v>
      </c>
      <c r="B33288" s="6"/>
      <c r="C33288" s="6" t="s">
        <v>32230</v>
      </c>
      <c r="D33288" s="6"/>
      <c r="E33288" s="6" t="s">
        <v>9</v>
      </c>
      <c r="F33288" s="7">
        <v>18719</v>
      </c>
      <c r="G33288" s="8">
        <v>6917820</v>
      </c>
      <c r="H33288" s="8">
        <v>1</v>
      </c>
      <c r="I33288" s="8">
        <v>6917819</v>
      </c>
      <c r="J33288" s="8">
        <v>1</v>
      </c>
      <c r="K33288" s="9"/>
      <c r="L33288" s="6"/>
    </row>
    <row r="33289" spans="1:12">
      <c r="A33289" s="6" t="s">
        <v>33554</v>
      </c>
      <c r="B33289" s="6"/>
      <c r="C33289" s="6" t="s">
        <v>32230</v>
      </c>
      <c r="D33289" s="6"/>
      <c r="E33289" s="6" t="s">
        <v>9</v>
      </c>
      <c r="F33289" s="7">
        <v>33592</v>
      </c>
      <c r="G33289" s="8">
        <v>13689000</v>
      </c>
      <c r="H33289" s="8">
        <v>5749380</v>
      </c>
      <c r="I33289" s="8">
        <v>8213400</v>
      </c>
      <c r="J33289" s="8">
        <v>5475600</v>
      </c>
      <c r="K33289" s="9"/>
      <c r="L33289" s="6"/>
    </row>
    <row r="33290" spans="1:12">
      <c r="A33290" s="6" t="s">
        <v>33555</v>
      </c>
      <c r="B33290" s="6"/>
      <c r="C33290" s="6" t="s">
        <v>32230</v>
      </c>
      <c r="D33290" s="6"/>
      <c r="E33290" s="6" t="s">
        <v>9</v>
      </c>
      <c r="F33290" s="7">
        <v>32233</v>
      </c>
      <c r="G33290" s="8">
        <v>3974400</v>
      </c>
      <c r="H33290" s="8">
        <v>1351296</v>
      </c>
      <c r="I33290" s="8">
        <v>2702592</v>
      </c>
      <c r="J33290" s="8">
        <v>1271808</v>
      </c>
      <c r="K33290" s="9"/>
      <c r="L33290" s="6"/>
    </row>
    <row r="33291" spans="1:12">
      <c r="A33291" s="6" t="s">
        <v>33556</v>
      </c>
      <c r="B33291" s="6"/>
      <c r="C33291" s="6" t="s">
        <v>32230</v>
      </c>
      <c r="D33291" s="6"/>
      <c r="E33291" s="6" t="s">
        <v>9</v>
      </c>
      <c r="F33291" s="7">
        <v>30772</v>
      </c>
      <c r="G33291" s="8">
        <v>41269500</v>
      </c>
      <c r="H33291" s="8">
        <v>10730070</v>
      </c>
      <c r="I33291" s="8">
        <v>31364820</v>
      </c>
      <c r="J33291" s="8">
        <v>9904680</v>
      </c>
      <c r="K33291" s="9"/>
      <c r="L33291" s="6"/>
    </row>
    <row r="33292" spans="1:12">
      <c r="A33292" s="6" t="s">
        <v>33557</v>
      </c>
      <c r="B33292" s="6"/>
      <c r="C33292" s="6" t="s">
        <v>32230</v>
      </c>
      <c r="D33292" s="6"/>
      <c r="E33292" s="6" t="s">
        <v>9</v>
      </c>
      <c r="F33292" s="7">
        <v>42601</v>
      </c>
      <c r="G33292" s="8">
        <v>453600</v>
      </c>
      <c r="H33292" s="8">
        <v>417312</v>
      </c>
      <c r="I33292" s="8">
        <v>45360</v>
      </c>
      <c r="J33292" s="8">
        <v>408240</v>
      </c>
      <c r="K33292" s="9"/>
      <c r="L33292" s="6"/>
    </row>
    <row r="33293" spans="1:12">
      <c r="A33293" s="6" t="s">
        <v>33558</v>
      </c>
      <c r="B33293" s="6"/>
      <c r="C33293" s="6" t="s">
        <v>32230</v>
      </c>
      <c r="D33293" s="6"/>
      <c r="E33293" s="6" t="s">
        <v>9</v>
      </c>
      <c r="F33293" s="7">
        <v>33592</v>
      </c>
      <c r="G33293" s="8">
        <v>11388600</v>
      </c>
      <c r="H33293" s="8">
        <v>4783212</v>
      </c>
      <c r="I33293" s="8">
        <v>6833160</v>
      </c>
      <c r="J33293" s="8">
        <v>4555440</v>
      </c>
      <c r="K33293" s="9"/>
      <c r="L33293" s="6"/>
    </row>
    <row r="33294" spans="1:12">
      <c r="A33294" s="6" t="s">
        <v>33559</v>
      </c>
      <c r="B33294" s="6"/>
      <c r="C33294" s="6" t="s">
        <v>32230</v>
      </c>
      <c r="D33294" s="6"/>
      <c r="E33294" s="6" t="s">
        <v>9</v>
      </c>
      <c r="F33294" s="7">
        <v>37708</v>
      </c>
      <c r="G33294" s="8">
        <v>5697000</v>
      </c>
      <c r="H33294" s="8">
        <v>3646080</v>
      </c>
      <c r="I33294" s="8">
        <v>2164860</v>
      </c>
      <c r="J33294" s="8">
        <v>3532140</v>
      </c>
      <c r="K33294" s="9"/>
      <c r="L33294" s="6"/>
    </row>
    <row r="33295" spans="1:12">
      <c r="A33295" s="6" t="s">
        <v>33560</v>
      </c>
      <c r="B33295" s="6"/>
      <c r="C33295" s="6" t="s">
        <v>32230</v>
      </c>
      <c r="D33295" s="6"/>
      <c r="E33295" s="6" t="s">
        <v>9</v>
      </c>
      <c r="F33295" s="7">
        <v>31500</v>
      </c>
      <c r="G33295" s="8">
        <v>35518500</v>
      </c>
      <c r="H33295" s="8">
        <v>10655550</v>
      </c>
      <c r="I33295" s="8">
        <v>25573320</v>
      </c>
      <c r="J33295" s="8">
        <v>9945180</v>
      </c>
      <c r="K33295" s="9"/>
      <c r="L33295" s="6"/>
    </row>
    <row r="33296" spans="1:12">
      <c r="A33296" s="6" t="s">
        <v>33561</v>
      </c>
      <c r="B33296" s="6"/>
      <c r="C33296" s="6" t="s">
        <v>32230</v>
      </c>
      <c r="D33296" s="6"/>
      <c r="E33296" s="6" t="s">
        <v>9</v>
      </c>
      <c r="F33296" s="7">
        <v>33592</v>
      </c>
      <c r="G33296" s="8">
        <v>7024300</v>
      </c>
      <c r="H33296" s="8">
        <v>2950206</v>
      </c>
      <c r="I33296" s="8">
        <v>4214580</v>
      </c>
      <c r="J33296" s="8">
        <v>2809720</v>
      </c>
      <c r="K33296" s="9"/>
      <c r="L33296" s="6"/>
    </row>
    <row r="33297" spans="1:12">
      <c r="A33297" s="6" t="s">
        <v>33562</v>
      </c>
      <c r="B33297" s="6"/>
      <c r="C33297" s="6" t="s">
        <v>32230</v>
      </c>
      <c r="D33297" s="6"/>
      <c r="E33297" s="6" t="s">
        <v>9</v>
      </c>
      <c r="F33297" s="7">
        <v>29305</v>
      </c>
      <c r="G33297" s="8">
        <v>6598700</v>
      </c>
      <c r="H33297" s="8">
        <v>1187766</v>
      </c>
      <c r="I33297" s="8">
        <v>5542908</v>
      </c>
      <c r="J33297" s="8">
        <v>1055792</v>
      </c>
      <c r="K33297" s="9"/>
      <c r="L33297" s="6"/>
    </row>
    <row r="33298" spans="1:12">
      <c r="A33298" s="6" t="s">
        <v>33563</v>
      </c>
      <c r="B33298" s="6"/>
      <c r="C33298" s="6" t="s">
        <v>32230</v>
      </c>
      <c r="D33298" s="6"/>
      <c r="E33298" s="6" t="s">
        <v>9</v>
      </c>
      <c r="F33298" s="7">
        <v>43745</v>
      </c>
      <c r="G33298" s="8">
        <v>1296000</v>
      </c>
      <c r="H33298" s="8">
        <v>1209168</v>
      </c>
      <c r="I33298" s="8">
        <v>173664</v>
      </c>
      <c r="J33298" s="8">
        <v>1122336</v>
      </c>
      <c r="K33298" s="9"/>
      <c r="L33298" s="6"/>
    </row>
    <row r="33299" spans="1:12">
      <c r="A33299" s="6" t="s">
        <v>33564</v>
      </c>
      <c r="B33299" s="6"/>
      <c r="C33299" s="6" t="s">
        <v>32230</v>
      </c>
      <c r="D33299" s="6"/>
      <c r="E33299" s="6" t="s">
        <v>9</v>
      </c>
      <c r="F33299" s="7">
        <v>29305</v>
      </c>
      <c r="G33299" s="8">
        <v>1525500</v>
      </c>
      <c r="H33299" s="8">
        <v>274590</v>
      </c>
      <c r="I33299" s="8">
        <v>1281420</v>
      </c>
      <c r="J33299" s="8">
        <v>244080</v>
      </c>
      <c r="K33299" s="9"/>
      <c r="L33299" s="6"/>
    </row>
    <row r="33300" spans="1:12">
      <c r="A33300" s="6" t="s">
        <v>33565</v>
      </c>
      <c r="B33300" s="6"/>
      <c r="C33300" s="6" t="s">
        <v>32230</v>
      </c>
      <c r="D33300" s="6"/>
      <c r="E33300" s="6" t="s">
        <v>9</v>
      </c>
      <c r="F33300" s="7">
        <v>29305</v>
      </c>
      <c r="G33300" s="8">
        <v>988000</v>
      </c>
      <c r="H33300" s="8">
        <v>177840</v>
      </c>
      <c r="I33300" s="8">
        <v>829920</v>
      </c>
      <c r="J33300" s="8">
        <v>158080</v>
      </c>
      <c r="K33300" s="9"/>
      <c r="L33300" s="6"/>
    </row>
    <row r="33301" spans="1:12">
      <c r="A33301" s="6" t="s">
        <v>33566</v>
      </c>
      <c r="B33301" s="6"/>
      <c r="C33301" s="6" t="s">
        <v>32230</v>
      </c>
      <c r="D33301" s="6"/>
      <c r="E33301" s="6" t="s">
        <v>9</v>
      </c>
      <c r="F33301" s="7">
        <v>31500</v>
      </c>
      <c r="G33301" s="8">
        <v>3222400</v>
      </c>
      <c r="H33301" s="8">
        <v>966720</v>
      </c>
      <c r="I33301" s="8">
        <v>2320128</v>
      </c>
      <c r="J33301" s="8">
        <v>902272</v>
      </c>
      <c r="K33301" s="9"/>
      <c r="L33301" s="6"/>
    </row>
    <row r="33302" spans="1:12">
      <c r="A33302" s="6" t="s">
        <v>33567</v>
      </c>
      <c r="B33302" s="6"/>
      <c r="C33302" s="6" t="s">
        <v>32230</v>
      </c>
      <c r="D33302" s="6"/>
      <c r="E33302" s="6" t="s">
        <v>9</v>
      </c>
      <c r="F33302" s="7">
        <v>29305</v>
      </c>
      <c r="G33302" s="8">
        <v>2219400</v>
      </c>
      <c r="H33302" s="8">
        <v>399492</v>
      </c>
      <c r="I33302" s="8">
        <v>1864296</v>
      </c>
      <c r="J33302" s="8">
        <v>355104</v>
      </c>
      <c r="K33302" s="9"/>
      <c r="L33302" s="6"/>
    </row>
    <row r="33303" spans="1:12">
      <c r="A33303" s="6" t="s">
        <v>33568</v>
      </c>
      <c r="B33303" s="6"/>
      <c r="C33303" s="6" t="s">
        <v>32230</v>
      </c>
      <c r="D33303" s="6"/>
      <c r="E33303" s="6" t="s">
        <v>9</v>
      </c>
      <c r="F33303" s="7">
        <v>33592</v>
      </c>
      <c r="G33303" s="8">
        <v>122755500</v>
      </c>
      <c r="H33303" s="8">
        <v>51557310</v>
      </c>
      <c r="I33303" s="8">
        <v>73653300</v>
      </c>
      <c r="J33303" s="8">
        <v>49102200</v>
      </c>
      <c r="K33303" s="9"/>
      <c r="L33303" s="6"/>
    </row>
    <row r="33304" spans="1:12">
      <c r="A33304" s="6" t="s">
        <v>33569</v>
      </c>
      <c r="B33304" s="6"/>
      <c r="C33304" s="6" t="s">
        <v>32230</v>
      </c>
      <c r="D33304" s="6"/>
      <c r="E33304" s="6" t="s">
        <v>9</v>
      </c>
      <c r="F33304" s="7">
        <v>32947</v>
      </c>
      <c r="G33304" s="8">
        <v>20452500</v>
      </c>
      <c r="H33304" s="8">
        <v>7771950</v>
      </c>
      <c r="I33304" s="8">
        <v>13089600</v>
      </c>
      <c r="J33304" s="8">
        <v>7362900</v>
      </c>
      <c r="K33304" s="9"/>
      <c r="L33304" s="6"/>
    </row>
    <row r="33305" spans="1:12">
      <c r="A33305" s="6" t="s">
        <v>33570</v>
      </c>
      <c r="B33305" s="6"/>
      <c r="C33305" s="6" t="s">
        <v>32230</v>
      </c>
      <c r="D33305" s="6"/>
      <c r="E33305" s="6" t="s">
        <v>9</v>
      </c>
      <c r="F33305" s="7">
        <v>29305</v>
      </c>
      <c r="G33305" s="8">
        <v>452200</v>
      </c>
      <c r="H33305" s="8">
        <v>81396</v>
      </c>
      <c r="I33305" s="8">
        <v>379848</v>
      </c>
      <c r="J33305" s="8">
        <v>72352</v>
      </c>
      <c r="K33305" s="9"/>
      <c r="L33305" s="6"/>
    </row>
    <row r="33306" spans="1:12">
      <c r="A33306" s="6" t="s">
        <v>33571</v>
      </c>
      <c r="B33306" s="6"/>
      <c r="C33306" s="6" t="s">
        <v>32230</v>
      </c>
      <c r="D33306" s="6"/>
      <c r="E33306" s="6" t="s">
        <v>9</v>
      </c>
      <c r="F33306" s="7">
        <v>32947</v>
      </c>
      <c r="G33306" s="8">
        <v>41229000</v>
      </c>
      <c r="H33306" s="8">
        <v>15667020</v>
      </c>
      <c r="I33306" s="8">
        <v>26386560</v>
      </c>
      <c r="J33306" s="8">
        <v>14842440</v>
      </c>
      <c r="K33306" s="9"/>
      <c r="L33306" s="6"/>
    </row>
    <row r="33307" spans="1:12">
      <c r="A33307" s="6" t="s">
        <v>33572</v>
      </c>
      <c r="B33307" s="6"/>
      <c r="C33307" s="6" t="s">
        <v>32230</v>
      </c>
      <c r="D33307" s="6"/>
      <c r="E33307" s="6" t="s">
        <v>9</v>
      </c>
      <c r="F33307" s="7">
        <v>29305</v>
      </c>
      <c r="G33307" s="8">
        <v>32084100</v>
      </c>
      <c r="H33307" s="8">
        <v>5775138</v>
      </c>
      <c r="I33307" s="8">
        <v>26950644</v>
      </c>
      <c r="J33307" s="8">
        <v>5133456</v>
      </c>
      <c r="K33307" s="9"/>
      <c r="L33307" s="6"/>
    </row>
    <row r="33308" spans="1:12">
      <c r="A33308" s="6" t="s">
        <v>33573</v>
      </c>
      <c r="B33308" s="6"/>
      <c r="C33308" s="6" t="s">
        <v>32230</v>
      </c>
      <c r="D33308" s="6"/>
      <c r="E33308" s="6" t="s">
        <v>9</v>
      </c>
      <c r="F33308" s="7">
        <v>29305</v>
      </c>
      <c r="G33308" s="8">
        <v>9315000</v>
      </c>
      <c r="H33308" s="8">
        <v>1676700</v>
      </c>
      <c r="I33308" s="8">
        <v>7824600</v>
      </c>
      <c r="J33308" s="8">
        <v>1490400</v>
      </c>
      <c r="K33308" s="9"/>
      <c r="L33308" s="6"/>
    </row>
    <row r="33309" spans="1:12">
      <c r="A33309" s="6" t="s">
        <v>33574</v>
      </c>
      <c r="B33309" s="6"/>
      <c r="C33309" s="6" t="s">
        <v>32230</v>
      </c>
      <c r="D33309" s="6"/>
      <c r="E33309" s="6" t="s">
        <v>9</v>
      </c>
      <c r="F33309" s="7">
        <v>29677</v>
      </c>
      <c r="G33309" s="8">
        <v>94540800</v>
      </c>
      <c r="H33309" s="8">
        <v>20798976</v>
      </c>
      <c r="I33309" s="8">
        <v>75632640</v>
      </c>
      <c r="J33309" s="8">
        <v>18908160</v>
      </c>
      <c r="K33309" s="9"/>
      <c r="L33309" s="6"/>
    </row>
    <row r="33310" spans="1:12">
      <c r="A33310" s="6" t="s">
        <v>33185</v>
      </c>
      <c r="B33310" s="6"/>
      <c r="C33310" s="6" t="s">
        <v>32230</v>
      </c>
      <c r="D33310" s="6"/>
      <c r="E33310" s="6" t="s">
        <v>9</v>
      </c>
      <c r="F33310" s="7">
        <v>25659</v>
      </c>
      <c r="G33310" s="8">
        <v>19983600</v>
      </c>
      <c r="H33310" s="8">
        <v>2997550</v>
      </c>
      <c r="I33310" s="8">
        <v>17325771</v>
      </c>
      <c r="J33310" s="8">
        <v>2657829</v>
      </c>
      <c r="K33310" s="9"/>
      <c r="L33310" s="6"/>
    </row>
    <row r="33311" spans="1:12">
      <c r="A33311" s="6" t="s">
        <v>33185</v>
      </c>
      <c r="B33311" s="6"/>
      <c r="C33311" s="6" t="s">
        <v>32230</v>
      </c>
      <c r="D33311" s="6"/>
      <c r="E33311" s="6" t="s">
        <v>9</v>
      </c>
      <c r="F33311" s="7">
        <v>25659</v>
      </c>
      <c r="G33311" s="8">
        <v>38438400</v>
      </c>
      <c r="H33311" s="8">
        <v>5765800</v>
      </c>
      <c r="I33311" s="8">
        <v>33326052</v>
      </c>
      <c r="J33311" s="8">
        <v>5112348</v>
      </c>
      <c r="K33311" s="9"/>
      <c r="L33311" s="6"/>
    </row>
    <row r="33312" spans="1:12">
      <c r="A33312" s="6" t="s">
        <v>33575</v>
      </c>
      <c r="B33312" s="6"/>
      <c r="C33312" s="6" t="s">
        <v>32230</v>
      </c>
      <c r="D33312" s="6"/>
      <c r="E33312" s="6" t="s">
        <v>9</v>
      </c>
      <c r="F33312" s="7">
        <v>29305</v>
      </c>
      <c r="G33312" s="8">
        <v>3971700</v>
      </c>
      <c r="H33312" s="8">
        <v>714906</v>
      </c>
      <c r="I33312" s="8">
        <v>3336228</v>
      </c>
      <c r="J33312" s="8">
        <v>635472</v>
      </c>
      <c r="K33312" s="9"/>
      <c r="L33312" s="6"/>
    </row>
    <row r="33313" spans="1:12">
      <c r="A33313" s="6" t="s">
        <v>33576</v>
      </c>
      <c r="B33313" s="6"/>
      <c r="C33313" s="6" t="s">
        <v>32230</v>
      </c>
      <c r="D33313" s="6"/>
      <c r="E33313" s="6" t="s">
        <v>9</v>
      </c>
      <c r="F33313" s="7">
        <v>29305</v>
      </c>
      <c r="G33313" s="8">
        <v>2190700</v>
      </c>
      <c r="H33313" s="8">
        <v>394326</v>
      </c>
      <c r="I33313" s="8">
        <v>1840188</v>
      </c>
      <c r="J33313" s="8">
        <v>350512</v>
      </c>
      <c r="K33313" s="9"/>
      <c r="L33313" s="6"/>
    </row>
    <row r="33314" spans="1:12">
      <c r="A33314" s="6" t="s">
        <v>33577</v>
      </c>
      <c r="B33314" s="6"/>
      <c r="C33314" s="6" t="s">
        <v>32230</v>
      </c>
      <c r="D33314" s="6"/>
      <c r="E33314" s="6" t="s">
        <v>9</v>
      </c>
      <c r="F33314" s="7">
        <v>29305</v>
      </c>
      <c r="G33314" s="8">
        <v>6253200</v>
      </c>
      <c r="H33314" s="8">
        <v>1125576</v>
      </c>
      <c r="I33314" s="8">
        <v>5252688</v>
      </c>
      <c r="J33314" s="8">
        <v>1000512</v>
      </c>
      <c r="K33314" s="9"/>
      <c r="L33314" s="6"/>
    </row>
    <row r="33315" spans="1:12">
      <c r="A33315" s="6" t="s">
        <v>33578</v>
      </c>
      <c r="B33315" s="6"/>
      <c r="C33315" s="6" t="s">
        <v>32230</v>
      </c>
      <c r="D33315" s="6"/>
      <c r="E33315" s="6" t="s">
        <v>9</v>
      </c>
      <c r="F33315" s="7">
        <v>29305</v>
      </c>
      <c r="G33315" s="8">
        <v>6156000</v>
      </c>
      <c r="H33315" s="8">
        <v>1108080</v>
      </c>
      <c r="I33315" s="8">
        <v>5171040</v>
      </c>
      <c r="J33315" s="8">
        <v>984960</v>
      </c>
      <c r="K33315" s="9"/>
      <c r="L33315" s="6"/>
    </row>
    <row r="33316" spans="1:12">
      <c r="A33316" s="6" t="s">
        <v>33579</v>
      </c>
      <c r="B33316" s="6"/>
      <c r="C33316" s="6" t="s">
        <v>32230</v>
      </c>
      <c r="D33316" s="6"/>
      <c r="E33316" s="6" t="s">
        <v>9</v>
      </c>
      <c r="F33316" s="7">
        <v>29305</v>
      </c>
      <c r="G33316" s="8">
        <v>2857600</v>
      </c>
      <c r="H33316" s="8">
        <v>514368</v>
      </c>
      <c r="I33316" s="8">
        <v>2400384</v>
      </c>
      <c r="J33316" s="8">
        <v>457216</v>
      </c>
      <c r="K33316" s="9"/>
      <c r="L33316" s="6"/>
    </row>
    <row r="33317" spans="1:12">
      <c r="A33317" s="6" t="s">
        <v>33580</v>
      </c>
      <c r="B33317" s="6"/>
      <c r="C33317" s="6" t="s">
        <v>32230</v>
      </c>
      <c r="D33317" s="6"/>
      <c r="E33317" s="6" t="s">
        <v>9</v>
      </c>
      <c r="F33317" s="7">
        <v>29305</v>
      </c>
      <c r="G33317" s="8">
        <v>621000</v>
      </c>
      <c r="H33317" s="8">
        <v>111780</v>
      </c>
      <c r="I33317" s="8">
        <v>521640</v>
      </c>
      <c r="J33317" s="8">
        <v>99360</v>
      </c>
      <c r="K33317" s="9"/>
      <c r="L33317" s="6"/>
    </row>
    <row r="33318" spans="1:12">
      <c r="A33318" s="6" t="s">
        <v>33581</v>
      </c>
      <c r="B33318" s="6"/>
      <c r="C33318" s="6" t="s">
        <v>32230</v>
      </c>
      <c r="D33318" s="6"/>
      <c r="E33318" s="6" t="s">
        <v>9</v>
      </c>
      <c r="F33318" s="7">
        <v>29305</v>
      </c>
      <c r="G33318" s="8">
        <v>24121800</v>
      </c>
      <c r="H33318" s="8">
        <v>4341924</v>
      </c>
      <c r="I33318" s="8">
        <v>20262312</v>
      </c>
      <c r="J33318" s="8">
        <v>3859488</v>
      </c>
      <c r="K33318" s="9"/>
      <c r="L33318" s="6"/>
    </row>
    <row r="33319" spans="1:12">
      <c r="A33319" s="6" t="s">
        <v>33582</v>
      </c>
      <c r="B33319" s="6"/>
      <c r="C33319" s="6" t="s">
        <v>32230</v>
      </c>
      <c r="D33319" s="6"/>
      <c r="E33319" s="6" t="s">
        <v>9</v>
      </c>
      <c r="F33319" s="7">
        <v>29305</v>
      </c>
      <c r="G33319" s="8">
        <v>912000</v>
      </c>
      <c r="H33319" s="8">
        <v>164160</v>
      </c>
      <c r="I33319" s="8">
        <v>766080</v>
      </c>
      <c r="J33319" s="8">
        <v>145920</v>
      </c>
      <c r="K33319" s="9"/>
      <c r="L33319" s="6"/>
    </row>
    <row r="33320" spans="1:12">
      <c r="A33320" s="6" t="s">
        <v>33583</v>
      </c>
      <c r="B33320" s="6"/>
      <c r="C33320" s="6" t="s">
        <v>32230</v>
      </c>
      <c r="D33320" s="6"/>
      <c r="E33320" s="6" t="s">
        <v>9</v>
      </c>
      <c r="F33320" s="7">
        <v>29305</v>
      </c>
      <c r="G33320" s="8">
        <v>807500</v>
      </c>
      <c r="H33320" s="8">
        <v>145350</v>
      </c>
      <c r="I33320" s="8">
        <v>678300</v>
      </c>
      <c r="J33320" s="8">
        <v>129200</v>
      </c>
      <c r="K33320" s="9"/>
      <c r="L33320" s="6"/>
    </row>
    <row r="33321" spans="1:12">
      <c r="A33321" s="6" t="s">
        <v>33584</v>
      </c>
      <c r="B33321" s="6"/>
      <c r="C33321" s="6" t="s">
        <v>32230</v>
      </c>
      <c r="D33321" s="6"/>
      <c r="E33321" s="6" t="s">
        <v>9</v>
      </c>
      <c r="F33321" s="7">
        <v>29305</v>
      </c>
      <c r="G33321" s="8">
        <v>11685600</v>
      </c>
      <c r="H33321" s="8">
        <v>2103408</v>
      </c>
      <c r="I33321" s="8">
        <v>9815904</v>
      </c>
      <c r="J33321" s="8">
        <v>1869696</v>
      </c>
      <c r="K33321" s="9"/>
      <c r="L33321" s="6"/>
    </row>
    <row r="33322" spans="1:12">
      <c r="A33322" s="6" t="s">
        <v>33585</v>
      </c>
      <c r="B33322" s="6"/>
      <c r="C33322" s="6" t="s">
        <v>32230</v>
      </c>
      <c r="D33322" s="6"/>
      <c r="E33322" s="6" t="s">
        <v>9</v>
      </c>
      <c r="F33322" s="7">
        <v>29305</v>
      </c>
      <c r="G33322" s="8">
        <v>11048400</v>
      </c>
      <c r="H33322" s="8">
        <v>1988712</v>
      </c>
      <c r="I33322" s="8">
        <v>9280656</v>
      </c>
      <c r="J33322" s="8">
        <v>1767744</v>
      </c>
      <c r="K33322" s="9"/>
      <c r="L33322" s="6"/>
    </row>
    <row r="33323" spans="1:12">
      <c r="A33323" s="6" t="s">
        <v>33185</v>
      </c>
      <c r="B33323" s="6"/>
      <c r="C33323" s="6" t="s">
        <v>32230</v>
      </c>
      <c r="D33323" s="6"/>
      <c r="E33323" s="6" t="s">
        <v>9</v>
      </c>
      <c r="F33323" s="7">
        <v>23468</v>
      </c>
      <c r="G33323" s="8">
        <v>4684680</v>
      </c>
      <c r="H33323" s="8">
        <v>224896</v>
      </c>
      <c r="I33323" s="8">
        <v>4539423</v>
      </c>
      <c r="J33323" s="8">
        <v>145257</v>
      </c>
      <c r="K33323" s="9"/>
      <c r="L33323" s="6"/>
    </row>
    <row r="33324" spans="1:12">
      <c r="A33324" s="6" t="s">
        <v>33586</v>
      </c>
      <c r="B33324" s="6"/>
      <c r="C33324" s="6" t="s">
        <v>32230</v>
      </c>
      <c r="D33324" s="6"/>
      <c r="E33324" s="6" t="s">
        <v>9</v>
      </c>
      <c r="F33324" s="7">
        <v>29305</v>
      </c>
      <c r="G33324" s="8">
        <v>1447800</v>
      </c>
      <c r="H33324" s="8">
        <v>260604</v>
      </c>
      <c r="I33324" s="8">
        <v>1216152</v>
      </c>
      <c r="J33324" s="8">
        <v>231648</v>
      </c>
      <c r="K33324" s="9"/>
      <c r="L33324" s="6"/>
    </row>
    <row r="33325" spans="1:12">
      <c r="A33325" s="6" t="s">
        <v>33587</v>
      </c>
      <c r="B33325" s="6"/>
      <c r="C33325" s="6" t="s">
        <v>32230</v>
      </c>
      <c r="D33325" s="6"/>
      <c r="E33325" s="6" t="s">
        <v>9</v>
      </c>
      <c r="F33325" s="7">
        <v>29305</v>
      </c>
      <c r="G33325" s="8">
        <v>756200</v>
      </c>
      <c r="H33325" s="8">
        <v>136116</v>
      </c>
      <c r="I33325" s="8">
        <v>635208</v>
      </c>
      <c r="J33325" s="8">
        <v>120992</v>
      </c>
      <c r="K33325" s="9"/>
      <c r="L33325" s="6"/>
    </row>
    <row r="33326" spans="1:12">
      <c r="A33326" s="6" t="s">
        <v>33588</v>
      </c>
      <c r="B33326" s="6"/>
      <c r="C33326" s="6" t="s">
        <v>32230</v>
      </c>
      <c r="D33326" s="6"/>
      <c r="E33326" s="6" t="s">
        <v>9</v>
      </c>
      <c r="F33326" s="7">
        <v>29305</v>
      </c>
      <c r="G33326" s="8">
        <v>33777000</v>
      </c>
      <c r="H33326" s="8">
        <v>6079860</v>
      </c>
      <c r="I33326" s="8">
        <v>28372680</v>
      </c>
      <c r="J33326" s="8">
        <v>5404320</v>
      </c>
      <c r="K33326" s="9"/>
      <c r="L33326" s="6"/>
    </row>
    <row r="33327" spans="1:12">
      <c r="A33327" s="6" t="s">
        <v>33589</v>
      </c>
      <c r="B33327" s="6"/>
      <c r="C33327" s="6" t="s">
        <v>32230</v>
      </c>
      <c r="D33327" s="6"/>
      <c r="E33327" s="6" t="s">
        <v>9</v>
      </c>
      <c r="F33327" s="7">
        <v>34060</v>
      </c>
      <c r="G33327" s="8">
        <v>65874900</v>
      </c>
      <c r="H33327" s="8">
        <v>35638329</v>
      </c>
      <c r="I33327" s="8">
        <v>31356444</v>
      </c>
      <c r="J33327" s="8">
        <v>34518456</v>
      </c>
      <c r="K33327" s="9"/>
      <c r="L33327" s="6"/>
    </row>
    <row r="33328" spans="1:12">
      <c r="A33328" s="6" t="s">
        <v>33590</v>
      </c>
      <c r="B33328" s="6"/>
      <c r="C33328" s="6" t="s">
        <v>32230</v>
      </c>
      <c r="D33328" s="6"/>
      <c r="E33328" s="6" t="s">
        <v>9</v>
      </c>
      <c r="F33328" s="7">
        <v>31866</v>
      </c>
      <c r="G33328" s="8">
        <v>1738500</v>
      </c>
      <c r="H33328" s="8">
        <v>556320</v>
      </c>
      <c r="I33328" s="8">
        <v>1216950</v>
      </c>
      <c r="J33328" s="8">
        <v>521550</v>
      </c>
      <c r="K33328" s="9"/>
      <c r="L33328" s="6"/>
    </row>
    <row r="33329" spans="1:12">
      <c r="A33329" s="6" t="s">
        <v>33591</v>
      </c>
      <c r="B33329" s="6"/>
      <c r="C33329" s="6" t="s">
        <v>32230</v>
      </c>
      <c r="D33329" s="6"/>
      <c r="E33329" s="6" t="s">
        <v>9</v>
      </c>
      <c r="F33329" s="7">
        <v>29305</v>
      </c>
      <c r="G33329" s="8">
        <v>913900</v>
      </c>
      <c r="H33329" s="8">
        <v>164502</v>
      </c>
      <c r="I33329" s="8">
        <v>767676</v>
      </c>
      <c r="J33329" s="8">
        <v>146224</v>
      </c>
      <c r="K33329" s="9"/>
      <c r="L33329" s="6"/>
    </row>
    <row r="33330" spans="1:12">
      <c r="A33330" s="6" t="s">
        <v>33592</v>
      </c>
      <c r="B33330" s="6"/>
      <c r="C33330" s="6" t="s">
        <v>32230</v>
      </c>
      <c r="D33330" s="6"/>
      <c r="E33330" s="6" t="s">
        <v>9</v>
      </c>
      <c r="F33330" s="7">
        <v>31500</v>
      </c>
      <c r="G33330" s="8">
        <v>11988000</v>
      </c>
      <c r="H33330" s="8">
        <v>3596400</v>
      </c>
      <c r="I33330" s="8">
        <v>8631360</v>
      </c>
      <c r="J33330" s="8">
        <v>3356640</v>
      </c>
      <c r="K33330" s="9"/>
      <c r="L33330" s="6"/>
    </row>
    <row r="33331" spans="1:12">
      <c r="A33331" s="6" t="s">
        <v>33593</v>
      </c>
      <c r="B33331" s="6"/>
      <c r="C33331" s="6" t="s">
        <v>32230</v>
      </c>
      <c r="D33331" s="6"/>
      <c r="E33331" s="6" t="s">
        <v>9</v>
      </c>
      <c r="F33331" s="7">
        <v>29677</v>
      </c>
      <c r="G33331" s="8">
        <v>17152000</v>
      </c>
      <c r="H33331" s="8">
        <v>3773440</v>
      </c>
      <c r="I33331" s="8">
        <v>13721600</v>
      </c>
      <c r="J33331" s="8">
        <v>3430400</v>
      </c>
      <c r="K33331" s="9"/>
      <c r="L33331" s="6"/>
    </row>
    <row r="33332" spans="1:12">
      <c r="A33332" s="6" t="s">
        <v>33594</v>
      </c>
      <c r="B33332" s="6"/>
      <c r="C33332" s="6" t="s">
        <v>32230</v>
      </c>
      <c r="D33332" s="6"/>
      <c r="E33332" s="6" t="s">
        <v>9</v>
      </c>
      <c r="F33332" s="7">
        <v>29305</v>
      </c>
      <c r="G33332" s="8">
        <v>21043800</v>
      </c>
      <c r="H33332" s="8">
        <v>3787884</v>
      </c>
      <c r="I33332" s="8">
        <v>17676792</v>
      </c>
      <c r="J33332" s="8">
        <v>3367008</v>
      </c>
      <c r="K33332" s="9"/>
      <c r="L33332" s="6"/>
    </row>
    <row r="33333" spans="1:12">
      <c r="A33333" s="6" t="s">
        <v>33595</v>
      </c>
      <c r="B33333" s="6"/>
      <c r="C33333" s="6" t="s">
        <v>32230</v>
      </c>
      <c r="D33333" s="6"/>
      <c r="E33333" s="6" t="s">
        <v>9</v>
      </c>
      <c r="F33333" s="7">
        <v>29305</v>
      </c>
      <c r="G33333" s="8">
        <v>60725700</v>
      </c>
      <c r="H33333" s="8">
        <v>10930626</v>
      </c>
      <c r="I33333" s="8">
        <v>51009588</v>
      </c>
      <c r="J33333" s="8">
        <v>9716112</v>
      </c>
      <c r="K33333" s="9"/>
      <c r="L33333" s="6"/>
    </row>
    <row r="33334" spans="1:12">
      <c r="A33334" s="6" t="s">
        <v>33596</v>
      </c>
      <c r="B33334" s="6"/>
      <c r="C33334" s="6" t="s">
        <v>32230</v>
      </c>
      <c r="D33334" s="6"/>
      <c r="E33334" s="6" t="s">
        <v>9</v>
      </c>
      <c r="F33334" s="7">
        <v>29305</v>
      </c>
      <c r="G33334" s="8">
        <v>57105000</v>
      </c>
      <c r="H33334" s="8">
        <v>10278900</v>
      </c>
      <c r="I33334" s="8">
        <v>47968200</v>
      </c>
      <c r="J33334" s="8">
        <v>9136800</v>
      </c>
      <c r="K33334" s="9"/>
      <c r="L33334" s="6"/>
    </row>
    <row r="33335" spans="1:12">
      <c r="A33335" s="6" t="s">
        <v>33596</v>
      </c>
      <c r="B33335" s="6"/>
      <c r="C33335" s="6" t="s">
        <v>32230</v>
      </c>
      <c r="D33335" s="6"/>
      <c r="E33335" s="6"/>
      <c r="F33335" s="7">
        <v>43556</v>
      </c>
      <c r="G33335" s="8">
        <v>616000</v>
      </c>
      <c r="H33335" s="8">
        <v>603680</v>
      </c>
      <c r="I33335" s="8">
        <v>24640</v>
      </c>
      <c r="J33335" s="8">
        <v>591360</v>
      </c>
      <c r="K33335" s="9"/>
      <c r="L33335" s="6"/>
    </row>
    <row r="33336" spans="1:12">
      <c r="A33336" s="6" t="s">
        <v>33185</v>
      </c>
      <c r="B33336" s="6"/>
      <c r="C33336" s="6" t="s">
        <v>32230</v>
      </c>
      <c r="D33336" s="6"/>
      <c r="E33336" s="6" t="s">
        <v>9</v>
      </c>
      <c r="F33336" s="7">
        <v>18719</v>
      </c>
      <c r="G33336" s="8">
        <v>6814080</v>
      </c>
      <c r="H33336" s="8">
        <v>1</v>
      </c>
      <c r="I33336" s="8">
        <v>6814079</v>
      </c>
      <c r="J33336" s="8">
        <v>1</v>
      </c>
      <c r="K33336" s="9"/>
      <c r="L33336" s="6"/>
    </row>
    <row r="33337" spans="1:12">
      <c r="A33337" s="6" t="s">
        <v>33185</v>
      </c>
      <c r="B33337" s="6"/>
      <c r="C33337" s="6" t="s">
        <v>32230</v>
      </c>
      <c r="D33337" s="6"/>
      <c r="E33337" s="6" t="s">
        <v>9</v>
      </c>
      <c r="F33337" s="7">
        <v>18719</v>
      </c>
      <c r="G33337" s="8">
        <v>11138400</v>
      </c>
      <c r="H33337" s="8">
        <v>1</v>
      </c>
      <c r="I33337" s="8">
        <v>11138399</v>
      </c>
      <c r="J33337" s="8">
        <v>1</v>
      </c>
      <c r="K33337" s="9"/>
      <c r="L33337" s="6"/>
    </row>
    <row r="33338" spans="1:12">
      <c r="A33338" s="6" t="s">
        <v>33597</v>
      </c>
      <c r="B33338" s="6"/>
      <c r="C33338" s="6" t="s">
        <v>32230</v>
      </c>
      <c r="D33338" s="6"/>
      <c r="E33338" s="6" t="s">
        <v>9</v>
      </c>
      <c r="F33338" s="7">
        <v>29305</v>
      </c>
      <c r="G33338" s="8">
        <v>4406400</v>
      </c>
      <c r="H33338" s="8">
        <v>793152</v>
      </c>
      <c r="I33338" s="8">
        <v>3701376</v>
      </c>
      <c r="J33338" s="8">
        <v>705024</v>
      </c>
      <c r="K33338" s="9"/>
      <c r="L33338" s="6"/>
    </row>
    <row r="33339" spans="1:12">
      <c r="A33339" s="6" t="s">
        <v>33598</v>
      </c>
      <c r="B33339" s="6"/>
      <c r="C33339" s="6" t="s">
        <v>32230</v>
      </c>
      <c r="D33339" s="6"/>
      <c r="E33339" s="6" t="s">
        <v>9</v>
      </c>
      <c r="F33339" s="7">
        <v>29305</v>
      </c>
      <c r="G33339" s="8">
        <v>15292800</v>
      </c>
      <c r="H33339" s="8">
        <v>2752704</v>
      </c>
      <c r="I33339" s="8">
        <v>12845952</v>
      </c>
      <c r="J33339" s="8">
        <v>2446848</v>
      </c>
      <c r="K33339" s="9"/>
      <c r="L33339" s="6"/>
    </row>
    <row r="33340" spans="1:12">
      <c r="A33340" s="6" t="s">
        <v>33599</v>
      </c>
      <c r="B33340" s="6"/>
      <c r="C33340" s="6" t="s">
        <v>32230</v>
      </c>
      <c r="D33340" s="6"/>
      <c r="E33340" s="6" t="s">
        <v>9</v>
      </c>
      <c r="F33340" s="7">
        <v>29305</v>
      </c>
      <c r="G33340" s="8">
        <v>2378700</v>
      </c>
      <c r="H33340" s="8">
        <v>428166</v>
      </c>
      <c r="I33340" s="8">
        <v>1998108</v>
      </c>
      <c r="J33340" s="8">
        <v>380592</v>
      </c>
      <c r="K33340" s="9"/>
      <c r="L33340" s="6"/>
    </row>
    <row r="33341" spans="1:12">
      <c r="A33341" s="6" t="s">
        <v>33600</v>
      </c>
      <c r="B33341" s="6"/>
      <c r="C33341" s="6" t="s">
        <v>32230</v>
      </c>
      <c r="D33341" s="6"/>
      <c r="E33341" s="6" t="s">
        <v>9</v>
      </c>
      <c r="F33341" s="7">
        <v>29305</v>
      </c>
      <c r="G33341" s="8">
        <v>2389500</v>
      </c>
      <c r="H33341" s="8">
        <v>430110</v>
      </c>
      <c r="I33341" s="8">
        <v>2007180</v>
      </c>
      <c r="J33341" s="8">
        <v>382320</v>
      </c>
      <c r="K33341" s="9"/>
      <c r="L33341" s="6"/>
    </row>
    <row r="33342" spans="1:12">
      <c r="A33342" s="6" t="s">
        <v>33601</v>
      </c>
      <c r="B33342" s="6"/>
      <c r="C33342" s="6" t="s">
        <v>32230</v>
      </c>
      <c r="D33342" s="6"/>
      <c r="E33342" s="6" t="s">
        <v>9</v>
      </c>
      <c r="F33342" s="7">
        <v>33248</v>
      </c>
      <c r="G33342" s="8">
        <v>36984600</v>
      </c>
      <c r="H33342" s="8">
        <v>14793840</v>
      </c>
      <c r="I33342" s="8">
        <v>22930452</v>
      </c>
      <c r="J33342" s="8">
        <v>14054148</v>
      </c>
      <c r="K33342" s="9"/>
      <c r="L33342" s="6"/>
    </row>
    <row r="33343" spans="1:12">
      <c r="A33343" s="6" t="s">
        <v>33602</v>
      </c>
      <c r="B33343" s="6"/>
      <c r="C33343" s="6" t="s">
        <v>32230</v>
      </c>
      <c r="D33343" s="6"/>
      <c r="E33343" s="6" t="s">
        <v>9</v>
      </c>
      <c r="F33343" s="7">
        <v>29305</v>
      </c>
      <c r="G33343" s="8">
        <v>40824000</v>
      </c>
      <c r="H33343" s="8">
        <v>7348320</v>
      </c>
      <c r="I33343" s="8">
        <v>34292160</v>
      </c>
      <c r="J33343" s="8">
        <v>6531840</v>
      </c>
      <c r="K33343" s="9"/>
      <c r="L33343" s="6"/>
    </row>
    <row r="33344" spans="1:12">
      <c r="A33344" s="6" t="s">
        <v>33603</v>
      </c>
      <c r="B33344" s="6"/>
      <c r="C33344" s="6" t="s">
        <v>32230</v>
      </c>
      <c r="D33344" s="6"/>
      <c r="E33344" s="6" t="s">
        <v>9</v>
      </c>
      <c r="F33344" s="7">
        <v>29305</v>
      </c>
      <c r="G33344" s="8">
        <v>1250200</v>
      </c>
      <c r="H33344" s="8">
        <v>225036</v>
      </c>
      <c r="I33344" s="8">
        <v>1050168</v>
      </c>
      <c r="J33344" s="8">
        <v>200032</v>
      </c>
      <c r="K33344" s="9"/>
      <c r="L33344" s="6"/>
    </row>
    <row r="33345" spans="1:12">
      <c r="A33345" s="6" t="s">
        <v>33604</v>
      </c>
      <c r="B33345" s="6"/>
      <c r="C33345" s="6" t="s">
        <v>32230</v>
      </c>
      <c r="D33345" s="6"/>
      <c r="E33345" s="6" t="s">
        <v>9</v>
      </c>
      <c r="F33345" s="7">
        <v>29305</v>
      </c>
      <c r="G33345" s="8">
        <v>7217100</v>
      </c>
      <c r="H33345" s="8">
        <v>1299078</v>
      </c>
      <c r="I33345" s="8">
        <v>6062364</v>
      </c>
      <c r="J33345" s="8">
        <v>1154736</v>
      </c>
      <c r="K33345" s="9"/>
      <c r="L33345" s="6"/>
    </row>
    <row r="33346" spans="1:12">
      <c r="A33346" s="6" t="s">
        <v>33605</v>
      </c>
      <c r="B33346" s="6"/>
      <c r="C33346" s="6" t="s">
        <v>32230</v>
      </c>
      <c r="D33346" s="6"/>
      <c r="E33346" s="6" t="s">
        <v>9</v>
      </c>
      <c r="F33346" s="7">
        <v>39538</v>
      </c>
      <c r="G33346" s="8">
        <v>1984500</v>
      </c>
      <c r="H33346" s="8">
        <v>1339544</v>
      </c>
      <c r="I33346" s="8">
        <v>694568</v>
      </c>
      <c r="J33346" s="8">
        <v>1289932</v>
      </c>
      <c r="K33346" s="9"/>
      <c r="L33346" s="6"/>
    </row>
    <row r="33347" spans="1:12">
      <c r="A33347" s="6" t="s">
        <v>33606</v>
      </c>
      <c r="B33347" s="6"/>
      <c r="C33347" s="6" t="s">
        <v>32230</v>
      </c>
      <c r="D33347" s="6"/>
      <c r="E33347" s="6" t="s">
        <v>9</v>
      </c>
      <c r="F33347" s="7">
        <v>41725</v>
      </c>
      <c r="G33347" s="8">
        <v>22160250</v>
      </c>
      <c r="H33347" s="8">
        <v>18282208</v>
      </c>
      <c r="I33347" s="8">
        <v>4432048</v>
      </c>
      <c r="J33347" s="8">
        <v>17728202</v>
      </c>
      <c r="K33347" s="9"/>
      <c r="L33347" s="6"/>
    </row>
    <row r="33348" spans="1:12">
      <c r="A33348" s="6" t="s">
        <v>33607</v>
      </c>
      <c r="B33348" s="6"/>
      <c r="C33348" s="6" t="s">
        <v>32230</v>
      </c>
      <c r="D33348" s="6"/>
      <c r="E33348" s="6" t="s">
        <v>9</v>
      </c>
      <c r="F33348" s="7">
        <v>29305</v>
      </c>
      <c r="G33348" s="8">
        <v>2302800</v>
      </c>
      <c r="H33348" s="8">
        <v>414504</v>
      </c>
      <c r="I33348" s="8">
        <v>1934352</v>
      </c>
      <c r="J33348" s="8">
        <v>368448</v>
      </c>
      <c r="K33348" s="9"/>
      <c r="L33348" s="6"/>
    </row>
    <row r="33349" spans="1:12">
      <c r="A33349" s="6" t="s">
        <v>33608</v>
      </c>
      <c r="B33349" s="6"/>
      <c r="C33349" s="6" t="s">
        <v>32230</v>
      </c>
      <c r="D33349" s="6"/>
      <c r="E33349" s="6" t="s">
        <v>9</v>
      </c>
      <c r="F33349" s="7">
        <v>29305</v>
      </c>
      <c r="G33349" s="8">
        <v>27677700</v>
      </c>
      <c r="H33349" s="8">
        <v>4981986</v>
      </c>
      <c r="I33349" s="8">
        <v>23249268</v>
      </c>
      <c r="J33349" s="8">
        <v>4428432</v>
      </c>
      <c r="K33349" s="9"/>
      <c r="L33349" s="6"/>
    </row>
    <row r="33350" spans="1:12">
      <c r="A33350" s="6" t="s">
        <v>33609</v>
      </c>
      <c r="B33350" s="6"/>
      <c r="C33350" s="6" t="s">
        <v>32230</v>
      </c>
      <c r="D33350" s="6"/>
      <c r="E33350" s="6" t="s">
        <v>9</v>
      </c>
      <c r="F33350" s="7">
        <v>29305</v>
      </c>
      <c r="G33350" s="8">
        <v>8456400</v>
      </c>
      <c r="H33350" s="8">
        <v>1522152</v>
      </c>
      <c r="I33350" s="8">
        <v>7103376</v>
      </c>
      <c r="J33350" s="8">
        <v>1353024</v>
      </c>
      <c r="K33350" s="9"/>
      <c r="L33350" s="6"/>
    </row>
    <row r="33351" spans="1:12">
      <c r="A33351" s="6" t="s">
        <v>33610</v>
      </c>
      <c r="B33351" s="6"/>
      <c r="C33351" s="6" t="s">
        <v>32230</v>
      </c>
      <c r="D33351" s="6"/>
      <c r="E33351" s="6" t="s">
        <v>9</v>
      </c>
      <c r="F33351" s="7">
        <v>31500</v>
      </c>
      <c r="G33351" s="8">
        <v>42120000</v>
      </c>
      <c r="H33351" s="8">
        <v>12636000</v>
      </c>
      <c r="I33351" s="8">
        <v>30326400</v>
      </c>
      <c r="J33351" s="8">
        <v>11793600</v>
      </c>
      <c r="K33351" s="9"/>
      <c r="L33351" s="6"/>
    </row>
    <row r="33352" spans="1:12">
      <c r="A33352" s="6" t="s">
        <v>33185</v>
      </c>
      <c r="B33352" s="6"/>
      <c r="C33352" s="6" t="s">
        <v>32230</v>
      </c>
      <c r="D33352" s="6"/>
      <c r="E33352" s="6" t="s">
        <v>9</v>
      </c>
      <c r="F33352" s="7">
        <v>25659</v>
      </c>
      <c r="G33352" s="8">
        <v>20049120</v>
      </c>
      <c r="H33352" s="8">
        <v>3007370</v>
      </c>
      <c r="I33352" s="8">
        <v>17382585</v>
      </c>
      <c r="J33352" s="8">
        <v>2666535</v>
      </c>
      <c r="K33352" s="9"/>
      <c r="L33352" s="6"/>
    </row>
    <row r="33353" spans="1:12">
      <c r="A33353" s="6" t="s">
        <v>33611</v>
      </c>
      <c r="B33353" s="6"/>
      <c r="C33353" s="6" t="s">
        <v>32230</v>
      </c>
      <c r="D33353" s="6"/>
      <c r="E33353" s="6" t="s">
        <v>9</v>
      </c>
      <c r="F33353" s="7">
        <v>29305</v>
      </c>
      <c r="G33353" s="8">
        <v>8197200</v>
      </c>
      <c r="H33353" s="8">
        <v>1475496</v>
      </c>
      <c r="I33353" s="8">
        <v>6885648</v>
      </c>
      <c r="J33353" s="8">
        <v>1311552</v>
      </c>
      <c r="K33353" s="9"/>
      <c r="L33353" s="6"/>
    </row>
    <row r="33354" spans="1:12">
      <c r="A33354" s="6" t="s">
        <v>33612</v>
      </c>
      <c r="B33354" s="6"/>
      <c r="C33354" s="6" t="s">
        <v>32230</v>
      </c>
      <c r="D33354" s="6"/>
      <c r="E33354" s="6" t="s">
        <v>9</v>
      </c>
      <c r="F33354" s="7">
        <v>29305</v>
      </c>
      <c r="G33354" s="8">
        <v>5462100</v>
      </c>
      <c r="H33354" s="8">
        <v>983178</v>
      </c>
      <c r="I33354" s="8">
        <v>4588164</v>
      </c>
      <c r="J33354" s="8">
        <v>873936</v>
      </c>
      <c r="K33354" s="9"/>
      <c r="L33354" s="6"/>
    </row>
    <row r="33355" spans="1:12">
      <c r="A33355" s="6" t="s">
        <v>33613</v>
      </c>
      <c r="B33355" s="6"/>
      <c r="C33355" s="6" t="s">
        <v>32230</v>
      </c>
      <c r="D33355" s="6"/>
      <c r="E33355" s="6" t="s">
        <v>9</v>
      </c>
      <c r="F33355" s="7">
        <v>31866</v>
      </c>
      <c r="G33355" s="8">
        <v>4236300</v>
      </c>
      <c r="H33355" s="8">
        <v>1355616</v>
      </c>
      <c r="I33355" s="8">
        <v>2965410</v>
      </c>
      <c r="J33355" s="8">
        <v>1270890</v>
      </c>
      <c r="K33355" s="9"/>
      <c r="L33355" s="6"/>
    </row>
    <row r="33356" spans="1:12">
      <c r="A33356" s="6" t="s">
        <v>33614</v>
      </c>
      <c r="B33356" s="6"/>
      <c r="C33356" s="6" t="s">
        <v>32230</v>
      </c>
      <c r="D33356" s="6"/>
      <c r="E33356" s="6" t="s">
        <v>9</v>
      </c>
      <c r="F33356" s="7">
        <v>31472</v>
      </c>
      <c r="G33356" s="8">
        <v>17482500</v>
      </c>
      <c r="H33356" s="8">
        <v>5244750</v>
      </c>
      <c r="I33356" s="8">
        <v>12587400</v>
      </c>
      <c r="J33356" s="8">
        <v>4895100</v>
      </c>
      <c r="K33356" s="9"/>
      <c r="L33356" s="6"/>
    </row>
    <row r="33357" spans="1:12">
      <c r="A33357" s="6" t="s">
        <v>33615</v>
      </c>
      <c r="B33357" s="6"/>
      <c r="C33357" s="6" t="s">
        <v>32230</v>
      </c>
      <c r="D33357" s="6"/>
      <c r="E33357" s="6" t="s">
        <v>9</v>
      </c>
      <c r="F33357" s="7">
        <v>31500</v>
      </c>
      <c r="G33357" s="8">
        <v>49134600</v>
      </c>
      <c r="H33357" s="8">
        <v>14740380</v>
      </c>
      <c r="I33357" s="8">
        <v>35376912</v>
      </c>
      <c r="J33357" s="8">
        <v>13757688</v>
      </c>
      <c r="K33357" s="9"/>
      <c r="L33357" s="6"/>
    </row>
    <row r="33358" spans="1:12">
      <c r="A33358" s="6" t="s">
        <v>33616</v>
      </c>
      <c r="B33358" s="6"/>
      <c r="C33358" s="6" t="s">
        <v>32230</v>
      </c>
      <c r="D33358" s="6"/>
      <c r="E33358" s="6" t="s">
        <v>9</v>
      </c>
      <c r="F33358" s="7">
        <v>29305</v>
      </c>
      <c r="G33358" s="8">
        <v>5670000</v>
      </c>
      <c r="H33358" s="8">
        <v>1020600</v>
      </c>
      <c r="I33358" s="8">
        <v>4762800</v>
      </c>
      <c r="J33358" s="8">
        <v>907200</v>
      </c>
      <c r="K33358" s="9"/>
      <c r="L33358" s="6"/>
    </row>
    <row r="33359" spans="1:12">
      <c r="A33359" s="6" t="s">
        <v>33617</v>
      </c>
      <c r="B33359" s="6"/>
      <c r="C33359" s="6" t="s">
        <v>32230</v>
      </c>
      <c r="D33359" s="6"/>
      <c r="E33359" s="6" t="s">
        <v>9</v>
      </c>
      <c r="F33359" s="7">
        <v>29305</v>
      </c>
      <c r="G33359" s="8">
        <v>31865400</v>
      </c>
      <c r="H33359" s="8">
        <v>5735772</v>
      </c>
      <c r="I33359" s="8">
        <v>26766936</v>
      </c>
      <c r="J33359" s="8">
        <v>5098464</v>
      </c>
      <c r="K33359" s="9"/>
      <c r="L33359" s="6"/>
    </row>
    <row r="33360" spans="1:12">
      <c r="A33360" s="6" t="s">
        <v>33618</v>
      </c>
      <c r="B33360" s="6"/>
      <c r="C33360" s="6" t="s">
        <v>32230</v>
      </c>
      <c r="D33360" s="6"/>
      <c r="E33360" s="6" t="s">
        <v>9</v>
      </c>
      <c r="F33360" s="7">
        <v>29305</v>
      </c>
      <c r="G33360" s="8">
        <v>6050700</v>
      </c>
      <c r="H33360" s="8">
        <v>1089126</v>
      </c>
      <c r="I33360" s="8">
        <v>5082588</v>
      </c>
      <c r="J33360" s="8">
        <v>968112</v>
      </c>
      <c r="K33360" s="9"/>
      <c r="L33360" s="6"/>
    </row>
    <row r="33361" spans="1:12">
      <c r="A33361" s="6" t="s">
        <v>33619</v>
      </c>
      <c r="B33361" s="6"/>
      <c r="C33361" s="6" t="s">
        <v>32230</v>
      </c>
      <c r="D33361" s="6"/>
      <c r="E33361" s="6" t="s">
        <v>9</v>
      </c>
      <c r="F33361" s="7">
        <v>29305</v>
      </c>
      <c r="G33361" s="8">
        <v>1633500</v>
      </c>
      <c r="H33361" s="8">
        <v>294030</v>
      </c>
      <c r="I33361" s="8">
        <v>1372140</v>
      </c>
      <c r="J33361" s="8">
        <v>261360</v>
      </c>
      <c r="K33361" s="9"/>
      <c r="L33361" s="6"/>
    </row>
    <row r="33362" spans="1:12">
      <c r="A33362" s="6" t="s">
        <v>33620</v>
      </c>
      <c r="B33362" s="6"/>
      <c r="C33362" s="6" t="s">
        <v>32230</v>
      </c>
      <c r="D33362" s="6"/>
      <c r="E33362" s="6" t="s">
        <v>9</v>
      </c>
      <c r="F33362" s="7">
        <v>29305</v>
      </c>
      <c r="G33362" s="8">
        <v>1447800</v>
      </c>
      <c r="H33362" s="8">
        <v>260604</v>
      </c>
      <c r="I33362" s="8">
        <v>1216152</v>
      </c>
      <c r="J33362" s="8">
        <v>231648</v>
      </c>
      <c r="K33362" s="9"/>
      <c r="L33362" s="6"/>
    </row>
    <row r="33363" spans="1:12">
      <c r="A33363" s="6" t="s">
        <v>33621</v>
      </c>
      <c r="B33363" s="6"/>
      <c r="C33363" s="6" t="s">
        <v>32230</v>
      </c>
      <c r="D33363" s="6"/>
      <c r="E33363" s="6" t="s">
        <v>9</v>
      </c>
      <c r="F33363" s="7">
        <v>29305</v>
      </c>
      <c r="G33363" s="8">
        <v>1620000</v>
      </c>
      <c r="H33363" s="8">
        <v>291600</v>
      </c>
      <c r="I33363" s="8">
        <v>1360800</v>
      </c>
      <c r="J33363" s="8">
        <v>259200</v>
      </c>
      <c r="K33363" s="9"/>
      <c r="L33363" s="6"/>
    </row>
    <row r="33364" spans="1:12">
      <c r="A33364" s="6" t="s">
        <v>33622</v>
      </c>
      <c r="B33364" s="6"/>
      <c r="C33364" s="6" t="s">
        <v>32230</v>
      </c>
      <c r="D33364" s="6"/>
      <c r="E33364" s="6" t="s">
        <v>9</v>
      </c>
      <c r="F33364" s="7">
        <v>29305</v>
      </c>
      <c r="G33364" s="8">
        <v>9112500</v>
      </c>
      <c r="H33364" s="8">
        <v>1640250</v>
      </c>
      <c r="I33364" s="8">
        <v>7654500</v>
      </c>
      <c r="J33364" s="8">
        <v>1458000</v>
      </c>
      <c r="K33364" s="9"/>
      <c r="L33364" s="6"/>
    </row>
    <row r="33365" spans="1:12">
      <c r="A33365" s="6" t="s">
        <v>33623</v>
      </c>
      <c r="B33365" s="6"/>
      <c r="C33365" s="6" t="s">
        <v>32230</v>
      </c>
      <c r="D33365" s="6"/>
      <c r="E33365" s="6" t="s">
        <v>9</v>
      </c>
      <c r="F33365" s="7">
        <v>29305</v>
      </c>
      <c r="G33365" s="8">
        <v>1115300</v>
      </c>
      <c r="H33365" s="8">
        <v>200754</v>
      </c>
      <c r="I33365" s="8">
        <v>936852</v>
      </c>
      <c r="J33365" s="8">
        <v>178448</v>
      </c>
      <c r="K33365" s="9"/>
      <c r="L33365" s="6"/>
    </row>
    <row r="33366" spans="1:12">
      <c r="A33366" s="6" t="s">
        <v>33624</v>
      </c>
      <c r="B33366" s="6"/>
      <c r="C33366" s="6" t="s">
        <v>32230</v>
      </c>
      <c r="D33366" s="6"/>
      <c r="E33366" s="6" t="s">
        <v>9</v>
      </c>
      <c r="F33366" s="7">
        <v>29305</v>
      </c>
      <c r="G33366" s="8">
        <v>3982500</v>
      </c>
      <c r="H33366" s="8">
        <v>716850</v>
      </c>
      <c r="I33366" s="8">
        <v>3345300</v>
      </c>
      <c r="J33366" s="8">
        <v>637200</v>
      </c>
      <c r="K33366" s="9"/>
      <c r="L33366" s="6"/>
    </row>
    <row r="33367" spans="1:12">
      <c r="A33367" s="6" t="s">
        <v>33625</v>
      </c>
      <c r="B33367" s="6"/>
      <c r="C33367" s="6" t="s">
        <v>32230</v>
      </c>
      <c r="D33367" s="6"/>
      <c r="E33367" s="6" t="s">
        <v>9</v>
      </c>
      <c r="F33367" s="7">
        <v>29305</v>
      </c>
      <c r="G33367" s="8">
        <v>26454600</v>
      </c>
      <c r="H33367" s="8">
        <v>4761828</v>
      </c>
      <c r="I33367" s="8">
        <v>22221864</v>
      </c>
      <c r="J33367" s="8">
        <v>4232736</v>
      </c>
      <c r="K33367" s="9"/>
      <c r="L33367" s="6"/>
    </row>
    <row r="33368" spans="1:12">
      <c r="A33368" s="6" t="s">
        <v>33185</v>
      </c>
      <c r="B33368" s="6"/>
      <c r="C33368" s="6" t="s">
        <v>32230</v>
      </c>
      <c r="D33368" s="6"/>
      <c r="E33368" s="6" t="s">
        <v>9</v>
      </c>
      <c r="F33368" s="7">
        <v>18719</v>
      </c>
      <c r="G33368" s="8">
        <v>16969680</v>
      </c>
      <c r="H33368" s="8">
        <v>1</v>
      </c>
      <c r="I33368" s="8">
        <v>16969679</v>
      </c>
      <c r="J33368" s="8">
        <v>1</v>
      </c>
      <c r="K33368" s="9"/>
      <c r="L33368" s="6"/>
    </row>
    <row r="33369" spans="1:12">
      <c r="A33369" s="6" t="s">
        <v>33626</v>
      </c>
      <c r="B33369" s="6"/>
      <c r="C33369" s="6" t="s">
        <v>32230</v>
      </c>
      <c r="D33369" s="6"/>
      <c r="E33369" s="6" t="s">
        <v>9</v>
      </c>
      <c r="F33369" s="7">
        <v>29305</v>
      </c>
      <c r="G33369" s="8">
        <v>7576200</v>
      </c>
      <c r="H33369" s="8">
        <v>1363716</v>
      </c>
      <c r="I33369" s="8">
        <v>6364008</v>
      </c>
      <c r="J33369" s="8">
        <v>1212192</v>
      </c>
      <c r="K33369" s="9"/>
      <c r="L33369" s="6"/>
    </row>
    <row r="33370" spans="1:12">
      <c r="A33370" s="6" t="s">
        <v>33185</v>
      </c>
      <c r="B33370" s="6"/>
      <c r="C33370" s="6" t="s">
        <v>32230</v>
      </c>
      <c r="D33370" s="6"/>
      <c r="E33370" s="6" t="s">
        <v>9</v>
      </c>
      <c r="F33370" s="7">
        <v>25659</v>
      </c>
      <c r="G33370" s="8">
        <v>26426400</v>
      </c>
      <c r="H33370" s="8">
        <v>3964000</v>
      </c>
      <c r="I33370" s="8">
        <v>22911648</v>
      </c>
      <c r="J33370" s="8">
        <v>3514752</v>
      </c>
      <c r="K33370" s="9"/>
      <c r="L33370" s="6"/>
    </row>
    <row r="33371" spans="1:12">
      <c r="A33371" s="6" t="s">
        <v>33627</v>
      </c>
      <c r="B33371" s="6"/>
      <c r="C33371" s="6" t="s">
        <v>32230</v>
      </c>
      <c r="D33371" s="6"/>
      <c r="E33371" s="6" t="s">
        <v>9</v>
      </c>
      <c r="F33371" s="7">
        <v>29305</v>
      </c>
      <c r="G33371" s="8">
        <v>1073500</v>
      </c>
      <c r="H33371" s="8">
        <v>193230</v>
      </c>
      <c r="I33371" s="8">
        <v>901740</v>
      </c>
      <c r="J33371" s="8">
        <v>171760</v>
      </c>
      <c r="K33371" s="9"/>
      <c r="L33371" s="6"/>
    </row>
    <row r="33372" spans="1:12">
      <c r="A33372" s="6" t="s">
        <v>33628</v>
      </c>
      <c r="B33372" s="6"/>
      <c r="C33372" s="6" t="s">
        <v>32230</v>
      </c>
      <c r="D33372" s="6"/>
      <c r="E33372" s="6" t="s">
        <v>9</v>
      </c>
      <c r="F33372" s="7">
        <v>29305</v>
      </c>
      <c r="G33372" s="8">
        <v>34789500</v>
      </c>
      <c r="H33372" s="8">
        <v>6262110</v>
      </c>
      <c r="I33372" s="8">
        <v>29223180</v>
      </c>
      <c r="J33372" s="8">
        <v>5566320</v>
      </c>
      <c r="K33372" s="9"/>
      <c r="L33372" s="6"/>
    </row>
    <row r="33373" spans="1:12">
      <c r="A33373" s="6" t="s">
        <v>33629</v>
      </c>
      <c r="B33373" s="6"/>
      <c r="C33373" s="6" t="s">
        <v>32230</v>
      </c>
      <c r="D33373" s="6"/>
      <c r="E33373" s="6" t="s">
        <v>9</v>
      </c>
      <c r="F33373" s="7">
        <v>29305</v>
      </c>
      <c r="G33373" s="8">
        <v>5745600</v>
      </c>
      <c r="H33373" s="8">
        <v>1034208</v>
      </c>
      <c r="I33373" s="8">
        <v>4826304</v>
      </c>
      <c r="J33373" s="8">
        <v>919296</v>
      </c>
      <c r="K33373" s="9"/>
      <c r="L33373" s="6"/>
    </row>
    <row r="33374" spans="1:12">
      <c r="A33374" s="6" t="s">
        <v>33630</v>
      </c>
      <c r="B33374" s="6"/>
      <c r="C33374" s="6" t="s">
        <v>32230</v>
      </c>
      <c r="D33374" s="6"/>
      <c r="E33374" s="6" t="s">
        <v>9</v>
      </c>
      <c r="F33374" s="7">
        <v>29305</v>
      </c>
      <c r="G33374" s="8">
        <v>7271100</v>
      </c>
      <c r="H33374" s="8">
        <v>1308798</v>
      </c>
      <c r="I33374" s="8">
        <v>6107724</v>
      </c>
      <c r="J33374" s="8">
        <v>1163376</v>
      </c>
      <c r="K33374" s="9"/>
      <c r="L33374" s="6"/>
    </row>
    <row r="33375" spans="1:12">
      <c r="A33375" s="6" t="s">
        <v>33631</v>
      </c>
      <c r="B33375" s="6"/>
      <c r="C33375" s="6" t="s">
        <v>32230</v>
      </c>
      <c r="D33375" s="6"/>
      <c r="E33375" s="6" t="s">
        <v>9</v>
      </c>
      <c r="F33375" s="7">
        <v>29305</v>
      </c>
      <c r="G33375" s="8">
        <v>4471200</v>
      </c>
      <c r="H33375" s="8">
        <v>804816</v>
      </c>
      <c r="I33375" s="8">
        <v>3755808</v>
      </c>
      <c r="J33375" s="8">
        <v>715392</v>
      </c>
      <c r="K33375" s="9"/>
      <c r="L33375" s="6"/>
    </row>
    <row r="33376" spans="1:12">
      <c r="A33376" s="6" t="s">
        <v>33632</v>
      </c>
      <c r="B33376" s="6"/>
      <c r="C33376" s="6" t="s">
        <v>32230</v>
      </c>
      <c r="D33376" s="6"/>
      <c r="E33376" s="6" t="s">
        <v>9</v>
      </c>
      <c r="F33376" s="7">
        <v>29305</v>
      </c>
      <c r="G33376" s="8">
        <v>9517500</v>
      </c>
      <c r="H33376" s="8">
        <v>1713150</v>
      </c>
      <c r="I33376" s="8">
        <v>7994700</v>
      </c>
      <c r="J33376" s="8">
        <v>1522800</v>
      </c>
      <c r="K33376" s="9"/>
      <c r="L33376" s="6"/>
    </row>
    <row r="33377" spans="1:12">
      <c r="A33377" s="6" t="s">
        <v>33633</v>
      </c>
      <c r="B33377" s="6"/>
      <c r="C33377" s="6" t="s">
        <v>32230</v>
      </c>
      <c r="D33377" s="6"/>
      <c r="E33377" s="6" t="s">
        <v>9</v>
      </c>
      <c r="F33377" s="7">
        <v>29305</v>
      </c>
      <c r="G33377" s="8">
        <v>9379800</v>
      </c>
      <c r="H33377" s="8">
        <v>1688364</v>
      </c>
      <c r="I33377" s="8">
        <v>7879032</v>
      </c>
      <c r="J33377" s="8">
        <v>1500768</v>
      </c>
      <c r="K33377" s="9"/>
      <c r="L33377" s="6"/>
    </row>
    <row r="33378" spans="1:12">
      <c r="A33378" s="6" t="s">
        <v>33634</v>
      </c>
      <c r="B33378" s="6"/>
      <c r="C33378" s="6" t="s">
        <v>32230</v>
      </c>
      <c r="D33378" s="6"/>
      <c r="E33378" s="6" t="s">
        <v>9</v>
      </c>
      <c r="F33378" s="7">
        <v>32598</v>
      </c>
      <c r="G33378" s="8">
        <v>20007000</v>
      </c>
      <c r="H33378" s="8">
        <v>7202520</v>
      </c>
      <c r="I33378" s="8">
        <v>13204620</v>
      </c>
      <c r="J33378" s="8">
        <v>6802380</v>
      </c>
      <c r="K33378" s="9"/>
      <c r="L33378" s="6"/>
    </row>
    <row r="33379" spans="1:12">
      <c r="A33379" s="6" t="s">
        <v>33634</v>
      </c>
      <c r="B33379" s="6"/>
      <c r="C33379" s="6" t="s">
        <v>32230</v>
      </c>
      <c r="D33379" s="6"/>
      <c r="E33379" s="6"/>
      <c r="F33379" s="7">
        <v>43191</v>
      </c>
      <c r="G33379" s="8">
        <v>772200</v>
      </c>
      <c r="H33379" s="8">
        <v>741312</v>
      </c>
      <c r="I33379" s="8">
        <v>46332</v>
      </c>
      <c r="J33379" s="8">
        <v>725868</v>
      </c>
      <c r="K33379" s="9"/>
      <c r="L33379" s="6"/>
    </row>
    <row r="33380" spans="1:12">
      <c r="A33380" s="6" t="s">
        <v>33635</v>
      </c>
      <c r="B33380" s="6"/>
      <c r="C33380" s="6" t="s">
        <v>32230</v>
      </c>
      <c r="D33380" s="6"/>
      <c r="E33380" s="6" t="s">
        <v>9</v>
      </c>
      <c r="F33380" s="7">
        <v>29305</v>
      </c>
      <c r="G33380" s="8">
        <v>16888500</v>
      </c>
      <c r="H33380" s="8">
        <v>3039930</v>
      </c>
      <c r="I33380" s="8">
        <v>14186340</v>
      </c>
      <c r="J33380" s="8">
        <v>2702160</v>
      </c>
      <c r="K33380" s="9"/>
      <c r="L33380" s="6"/>
    </row>
    <row r="33381" spans="1:12">
      <c r="A33381" s="6" t="s">
        <v>33636</v>
      </c>
      <c r="B33381" s="6"/>
      <c r="C33381" s="6" t="s">
        <v>32230</v>
      </c>
      <c r="D33381" s="6"/>
      <c r="E33381" s="6" t="s">
        <v>9</v>
      </c>
      <c r="F33381" s="7">
        <v>29305</v>
      </c>
      <c r="G33381" s="8">
        <v>5362200</v>
      </c>
      <c r="H33381" s="8">
        <v>965196</v>
      </c>
      <c r="I33381" s="8">
        <v>4504248</v>
      </c>
      <c r="J33381" s="8">
        <v>857952</v>
      </c>
      <c r="K33381" s="9"/>
      <c r="L33381" s="6"/>
    </row>
    <row r="33382" spans="1:12">
      <c r="A33382" s="6" t="s">
        <v>33637</v>
      </c>
      <c r="B33382" s="6"/>
      <c r="C33382" s="6" t="s">
        <v>32230</v>
      </c>
      <c r="D33382" s="6"/>
      <c r="E33382" s="6" t="s">
        <v>9</v>
      </c>
      <c r="F33382" s="7">
        <v>29305</v>
      </c>
      <c r="G33382" s="8">
        <v>3342600</v>
      </c>
      <c r="H33382" s="8">
        <v>601668</v>
      </c>
      <c r="I33382" s="8">
        <v>2807784</v>
      </c>
      <c r="J33382" s="8">
        <v>534816</v>
      </c>
      <c r="K33382" s="9"/>
      <c r="L33382" s="6"/>
    </row>
    <row r="33383" spans="1:12">
      <c r="A33383" s="6" t="s">
        <v>33638</v>
      </c>
      <c r="B33383" s="6"/>
      <c r="C33383" s="6" t="s">
        <v>32230</v>
      </c>
      <c r="D33383" s="6"/>
      <c r="E33383" s="6" t="s">
        <v>9</v>
      </c>
      <c r="F33383" s="7">
        <v>29305</v>
      </c>
      <c r="G33383" s="8">
        <v>1016500</v>
      </c>
      <c r="H33383" s="8">
        <v>182970</v>
      </c>
      <c r="I33383" s="8">
        <v>853860</v>
      </c>
      <c r="J33383" s="8">
        <v>162640</v>
      </c>
      <c r="K33383" s="9"/>
      <c r="L33383" s="6"/>
    </row>
    <row r="33384" spans="1:12">
      <c r="A33384" s="6" t="s">
        <v>33639</v>
      </c>
      <c r="B33384" s="6"/>
      <c r="C33384" s="6" t="s">
        <v>32230</v>
      </c>
      <c r="D33384" s="6"/>
      <c r="E33384" s="6" t="s">
        <v>9</v>
      </c>
      <c r="F33384" s="7">
        <v>29305</v>
      </c>
      <c r="G33384" s="8">
        <v>16723800</v>
      </c>
      <c r="H33384" s="8">
        <v>3010284</v>
      </c>
      <c r="I33384" s="8">
        <v>14047992</v>
      </c>
      <c r="J33384" s="8">
        <v>2675808</v>
      </c>
      <c r="K33384" s="9"/>
      <c r="L33384" s="6"/>
    </row>
    <row r="33385" spans="1:12">
      <c r="A33385" s="6" t="s">
        <v>33640</v>
      </c>
      <c r="B33385" s="6"/>
      <c r="C33385" s="6" t="s">
        <v>32230</v>
      </c>
      <c r="D33385" s="6"/>
      <c r="E33385" s="6" t="s">
        <v>9</v>
      </c>
      <c r="F33385" s="7">
        <v>29305</v>
      </c>
      <c r="G33385" s="8">
        <v>2187000</v>
      </c>
      <c r="H33385" s="8">
        <v>393660</v>
      </c>
      <c r="I33385" s="8">
        <v>1837080</v>
      </c>
      <c r="J33385" s="8">
        <v>349920</v>
      </c>
      <c r="K33385" s="9"/>
      <c r="L33385" s="6"/>
    </row>
    <row r="33386" spans="1:12">
      <c r="A33386" s="6" t="s">
        <v>33641</v>
      </c>
      <c r="B33386" s="6"/>
      <c r="C33386" s="6" t="s">
        <v>32230</v>
      </c>
      <c r="D33386" s="6"/>
      <c r="E33386" s="6" t="s">
        <v>9</v>
      </c>
      <c r="F33386" s="7">
        <v>29305</v>
      </c>
      <c r="G33386" s="8">
        <v>849300</v>
      </c>
      <c r="H33386" s="8">
        <v>152874</v>
      </c>
      <c r="I33386" s="8">
        <v>713412</v>
      </c>
      <c r="J33386" s="8">
        <v>135888</v>
      </c>
      <c r="K33386" s="9"/>
      <c r="L33386" s="6"/>
    </row>
    <row r="33387" spans="1:12">
      <c r="A33387" s="6" t="s">
        <v>33642</v>
      </c>
      <c r="B33387" s="6"/>
      <c r="C33387" s="6" t="s">
        <v>32230</v>
      </c>
      <c r="D33387" s="6"/>
      <c r="E33387" s="6" t="s">
        <v>9</v>
      </c>
      <c r="F33387" s="7">
        <v>29305</v>
      </c>
      <c r="G33387" s="8">
        <v>509200</v>
      </c>
      <c r="H33387" s="8">
        <v>91656</v>
      </c>
      <c r="I33387" s="8">
        <v>427728</v>
      </c>
      <c r="J33387" s="8">
        <v>81472</v>
      </c>
      <c r="K33387" s="9"/>
      <c r="L33387" s="6"/>
    </row>
    <row r="33388" spans="1:12">
      <c r="A33388" s="6" t="s">
        <v>33643</v>
      </c>
      <c r="B33388" s="6"/>
      <c r="C33388" s="6" t="s">
        <v>32230</v>
      </c>
      <c r="D33388" s="6"/>
      <c r="E33388" s="6" t="s">
        <v>9</v>
      </c>
      <c r="F33388" s="7">
        <v>29305</v>
      </c>
      <c r="G33388" s="8">
        <v>2872800</v>
      </c>
      <c r="H33388" s="8">
        <v>517104</v>
      </c>
      <c r="I33388" s="8">
        <v>2413152</v>
      </c>
      <c r="J33388" s="8">
        <v>459648</v>
      </c>
      <c r="K33388" s="9"/>
      <c r="L33388" s="6"/>
    </row>
    <row r="33389" spans="1:12">
      <c r="A33389" s="6" t="s">
        <v>33644</v>
      </c>
      <c r="B33389" s="6"/>
      <c r="C33389" s="6" t="s">
        <v>32230</v>
      </c>
      <c r="D33389" s="6"/>
      <c r="E33389" s="6" t="s">
        <v>9</v>
      </c>
      <c r="F33389" s="7">
        <v>29305</v>
      </c>
      <c r="G33389" s="8">
        <v>1964600</v>
      </c>
      <c r="H33389" s="8">
        <v>353628</v>
      </c>
      <c r="I33389" s="8">
        <v>1650264</v>
      </c>
      <c r="J33389" s="8">
        <v>314336</v>
      </c>
      <c r="K33389" s="9"/>
      <c r="L33389" s="6"/>
    </row>
    <row r="33390" spans="1:12">
      <c r="A33390" s="6" t="s">
        <v>33645</v>
      </c>
      <c r="B33390" s="6"/>
      <c r="C33390" s="6" t="s">
        <v>32230</v>
      </c>
      <c r="D33390" s="6"/>
      <c r="E33390" s="6" t="s">
        <v>9</v>
      </c>
      <c r="F33390" s="7">
        <v>29305</v>
      </c>
      <c r="G33390" s="8">
        <v>1086800</v>
      </c>
      <c r="H33390" s="8">
        <v>195624</v>
      </c>
      <c r="I33390" s="8">
        <v>912912</v>
      </c>
      <c r="J33390" s="8">
        <v>173888</v>
      </c>
      <c r="K33390" s="9"/>
      <c r="L33390" s="6"/>
    </row>
    <row r="33391" spans="1:12">
      <c r="A33391" s="6" t="s">
        <v>33646</v>
      </c>
      <c r="B33391" s="6"/>
      <c r="C33391" s="6" t="s">
        <v>32230</v>
      </c>
      <c r="D33391" s="6"/>
      <c r="E33391" s="6" t="s">
        <v>9</v>
      </c>
      <c r="F33391" s="7">
        <v>29305</v>
      </c>
      <c r="G33391" s="8">
        <v>1134000</v>
      </c>
      <c r="H33391" s="8">
        <v>204120</v>
      </c>
      <c r="I33391" s="8">
        <v>952560</v>
      </c>
      <c r="J33391" s="8">
        <v>181440</v>
      </c>
      <c r="K33391" s="9"/>
      <c r="L33391" s="6"/>
    </row>
    <row r="33392" spans="1:12">
      <c r="A33392" s="6" t="s">
        <v>33647</v>
      </c>
      <c r="B33392" s="6"/>
      <c r="C33392" s="6" t="s">
        <v>32230</v>
      </c>
      <c r="D33392" s="6"/>
      <c r="E33392" s="6" t="s">
        <v>9</v>
      </c>
      <c r="F33392" s="7">
        <v>29305</v>
      </c>
      <c r="G33392" s="8">
        <v>3040200</v>
      </c>
      <c r="H33392" s="8">
        <v>547236</v>
      </c>
      <c r="I33392" s="8">
        <v>2553768</v>
      </c>
      <c r="J33392" s="8">
        <v>486432</v>
      </c>
      <c r="K33392" s="9"/>
      <c r="L33392" s="6"/>
    </row>
    <row r="33393" spans="1:12">
      <c r="A33393" s="6" t="s">
        <v>33648</v>
      </c>
      <c r="B33393" s="6"/>
      <c r="C33393" s="6" t="s">
        <v>32230</v>
      </c>
      <c r="D33393" s="6"/>
      <c r="E33393" s="6" t="s">
        <v>9</v>
      </c>
      <c r="F33393" s="7">
        <v>29305</v>
      </c>
      <c r="G33393" s="8">
        <v>4592700</v>
      </c>
      <c r="H33393" s="8">
        <v>826686</v>
      </c>
      <c r="I33393" s="8">
        <v>3857868</v>
      </c>
      <c r="J33393" s="8">
        <v>734832</v>
      </c>
      <c r="K33393" s="9"/>
      <c r="L33393" s="6"/>
    </row>
    <row r="33394" spans="1:12">
      <c r="A33394" s="6" t="s">
        <v>33649</v>
      </c>
      <c r="B33394" s="6"/>
      <c r="C33394" s="6" t="s">
        <v>32230</v>
      </c>
      <c r="D33394" s="6"/>
      <c r="E33394" s="6"/>
      <c r="F33394" s="7">
        <v>43922</v>
      </c>
      <c r="G33394" s="8">
        <v>1276000</v>
      </c>
      <c r="H33394" s="8">
        <v>1276000</v>
      </c>
      <c r="I33394" s="8">
        <v>25520</v>
      </c>
      <c r="J33394" s="8">
        <v>1250480</v>
      </c>
      <c r="K33394" s="9"/>
      <c r="L33394" s="6"/>
    </row>
    <row r="33395" spans="1:12">
      <c r="A33395" s="6" t="s">
        <v>33649</v>
      </c>
      <c r="B33395" s="6"/>
      <c r="C33395" s="6" t="s">
        <v>32230</v>
      </c>
      <c r="D33395" s="6"/>
      <c r="E33395" s="6" t="s">
        <v>9</v>
      </c>
      <c r="F33395" s="7">
        <v>29305</v>
      </c>
      <c r="G33395" s="8">
        <v>11450700</v>
      </c>
      <c r="H33395" s="8">
        <v>2061126</v>
      </c>
      <c r="I33395" s="8">
        <v>9618588</v>
      </c>
      <c r="J33395" s="8">
        <v>1832112</v>
      </c>
      <c r="K33395" s="9"/>
      <c r="L33395" s="6"/>
    </row>
    <row r="33396" spans="1:12">
      <c r="A33396" s="6" t="s">
        <v>33037</v>
      </c>
      <c r="B33396" s="6"/>
      <c r="C33396" s="6" t="s">
        <v>32230</v>
      </c>
      <c r="D33396" s="6"/>
      <c r="E33396" s="6" t="s">
        <v>9</v>
      </c>
      <c r="F33396" s="7">
        <v>43690</v>
      </c>
      <c r="G33396" s="8">
        <v>864000</v>
      </c>
      <c r="H33396" s="8">
        <v>806112</v>
      </c>
      <c r="I33396" s="8">
        <v>115776</v>
      </c>
      <c r="J33396" s="8">
        <v>748224</v>
      </c>
      <c r="K33396" s="9"/>
      <c r="L33396" s="6"/>
    </row>
    <row r="33397" spans="1:12">
      <c r="A33397" s="6" t="s">
        <v>33650</v>
      </c>
      <c r="B33397" s="6"/>
      <c r="C33397" s="6" t="s">
        <v>32230</v>
      </c>
      <c r="D33397" s="6"/>
      <c r="E33397" s="6" t="s">
        <v>9</v>
      </c>
      <c r="F33397" s="7">
        <v>29305</v>
      </c>
      <c r="G33397" s="8">
        <v>1016500</v>
      </c>
      <c r="H33397" s="8">
        <v>182970</v>
      </c>
      <c r="I33397" s="8">
        <v>853860</v>
      </c>
      <c r="J33397" s="8">
        <v>162640</v>
      </c>
      <c r="K33397" s="9"/>
      <c r="L33397" s="6"/>
    </row>
    <row r="33398" spans="1:12">
      <c r="A33398" s="6" t="s">
        <v>33651</v>
      </c>
      <c r="B33398" s="6"/>
      <c r="C33398" s="6" t="s">
        <v>32230</v>
      </c>
      <c r="D33398" s="6"/>
      <c r="E33398" s="6" t="s">
        <v>9</v>
      </c>
      <c r="F33398" s="7">
        <v>29305</v>
      </c>
      <c r="G33398" s="8">
        <v>695400</v>
      </c>
      <c r="H33398" s="8">
        <v>125172</v>
      </c>
      <c r="I33398" s="8">
        <v>584136</v>
      </c>
      <c r="J33398" s="8">
        <v>111264</v>
      </c>
      <c r="K33398" s="9"/>
      <c r="L33398" s="6"/>
    </row>
    <row r="33399" spans="1:12">
      <c r="A33399" s="6" t="s">
        <v>33652</v>
      </c>
      <c r="B33399" s="6"/>
      <c r="C33399" s="6" t="s">
        <v>32230</v>
      </c>
      <c r="D33399" s="6"/>
      <c r="E33399" s="6" t="s">
        <v>9</v>
      </c>
      <c r="F33399" s="7">
        <v>32947</v>
      </c>
      <c r="G33399" s="8">
        <v>13513500</v>
      </c>
      <c r="H33399" s="8">
        <v>5135130</v>
      </c>
      <c r="I33399" s="8">
        <v>8648640</v>
      </c>
      <c r="J33399" s="8">
        <v>4864860</v>
      </c>
      <c r="K33399" s="9"/>
      <c r="L33399" s="6"/>
    </row>
    <row r="33400" spans="1:12">
      <c r="A33400" s="6" t="s">
        <v>33653</v>
      </c>
      <c r="B33400" s="6"/>
      <c r="C33400" s="6" t="s">
        <v>32230</v>
      </c>
      <c r="D33400" s="6"/>
      <c r="E33400" s="6" t="s">
        <v>9</v>
      </c>
      <c r="F33400" s="7">
        <v>42556</v>
      </c>
      <c r="G33400" s="8">
        <v>388800</v>
      </c>
      <c r="H33400" s="8">
        <v>284604</v>
      </c>
      <c r="I33400" s="8">
        <v>130245</v>
      </c>
      <c r="J33400" s="8">
        <v>258555</v>
      </c>
      <c r="K33400" s="9"/>
      <c r="L33400" s="6"/>
    </row>
    <row r="33401" spans="1:12">
      <c r="A33401" s="6" t="s">
        <v>33654</v>
      </c>
      <c r="B33401" s="6"/>
      <c r="C33401" s="6" t="s">
        <v>32230</v>
      </c>
      <c r="D33401" s="6"/>
      <c r="E33401" s="6" t="s">
        <v>9</v>
      </c>
      <c r="F33401" s="7">
        <v>29305</v>
      </c>
      <c r="G33401" s="8">
        <v>7065900</v>
      </c>
      <c r="H33401" s="8">
        <v>1271862</v>
      </c>
      <c r="I33401" s="8">
        <v>5935356</v>
      </c>
      <c r="J33401" s="8">
        <v>1130544</v>
      </c>
      <c r="K33401" s="9"/>
      <c r="L33401" s="6"/>
    </row>
    <row r="33402" spans="1:12">
      <c r="A33402" s="6" t="s">
        <v>33655</v>
      </c>
      <c r="B33402" s="6"/>
      <c r="C33402" s="6" t="s">
        <v>32230</v>
      </c>
      <c r="D33402" s="6"/>
      <c r="E33402" s="6" t="s">
        <v>9</v>
      </c>
      <c r="F33402" s="7">
        <v>31866</v>
      </c>
      <c r="G33402" s="8">
        <v>2783500</v>
      </c>
      <c r="H33402" s="8">
        <v>890720</v>
      </c>
      <c r="I33402" s="8">
        <v>1948450</v>
      </c>
      <c r="J33402" s="8">
        <v>835050</v>
      </c>
      <c r="K33402" s="9"/>
      <c r="L33402" s="6"/>
    </row>
    <row r="33403" spans="1:12">
      <c r="A33403" s="6" t="s">
        <v>33185</v>
      </c>
      <c r="B33403" s="6"/>
      <c r="C33403" s="6" t="s">
        <v>32230</v>
      </c>
      <c r="D33403" s="6"/>
      <c r="E33403" s="6" t="s">
        <v>9</v>
      </c>
      <c r="F33403" s="7"/>
      <c r="G33403" s="8">
        <v>1</v>
      </c>
      <c r="H33403" s="8">
        <v>1</v>
      </c>
      <c r="I33403" s="8">
        <v>0</v>
      </c>
      <c r="J33403" s="8">
        <v>1</v>
      </c>
      <c r="K33403" s="9"/>
      <c r="L33403" s="6"/>
    </row>
    <row r="33404" spans="1:12">
      <c r="A33404" s="6" t="s">
        <v>33656</v>
      </c>
      <c r="B33404" s="6"/>
      <c r="C33404" s="6" t="s">
        <v>32230</v>
      </c>
      <c r="D33404" s="6"/>
      <c r="E33404" s="6" t="s">
        <v>9</v>
      </c>
      <c r="F33404" s="7">
        <v>29305</v>
      </c>
      <c r="G33404" s="8">
        <v>44736300</v>
      </c>
      <c r="H33404" s="8">
        <v>8052534</v>
      </c>
      <c r="I33404" s="8">
        <v>37578492</v>
      </c>
      <c r="J33404" s="8">
        <v>7157808</v>
      </c>
      <c r="K33404" s="9"/>
      <c r="L33404" s="6"/>
    </row>
    <row r="33405" spans="1:12">
      <c r="A33405" s="6" t="s">
        <v>33657</v>
      </c>
      <c r="B33405" s="6"/>
      <c r="C33405" s="6" t="s">
        <v>32230</v>
      </c>
      <c r="D33405" s="6"/>
      <c r="E33405" s="6" t="s">
        <v>9</v>
      </c>
      <c r="F33405" s="7">
        <v>42612</v>
      </c>
      <c r="G33405" s="8">
        <v>544320</v>
      </c>
      <c r="H33405" s="8">
        <v>398444</v>
      </c>
      <c r="I33405" s="8">
        <v>182345</v>
      </c>
      <c r="J33405" s="8">
        <v>361975</v>
      </c>
      <c r="K33405" s="9"/>
      <c r="L33405" s="6"/>
    </row>
    <row r="33406" spans="1:12">
      <c r="A33406" s="6" t="s">
        <v>33658</v>
      </c>
      <c r="B33406" s="6"/>
      <c r="C33406" s="6" t="s">
        <v>32230</v>
      </c>
      <c r="D33406" s="6"/>
      <c r="E33406" s="6" t="s">
        <v>9</v>
      </c>
      <c r="F33406" s="7">
        <v>29305</v>
      </c>
      <c r="G33406" s="8">
        <v>1282500</v>
      </c>
      <c r="H33406" s="8">
        <v>230850</v>
      </c>
      <c r="I33406" s="8">
        <v>1077300</v>
      </c>
      <c r="J33406" s="8">
        <v>205200</v>
      </c>
      <c r="K33406" s="9"/>
      <c r="L33406" s="6"/>
    </row>
    <row r="33407" spans="1:12">
      <c r="A33407" s="6" t="s">
        <v>33659</v>
      </c>
      <c r="B33407" s="6"/>
      <c r="C33407" s="6" t="s">
        <v>32230</v>
      </c>
      <c r="D33407" s="6"/>
      <c r="E33407" s="6" t="s">
        <v>9</v>
      </c>
      <c r="F33407" s="7">
        <v>29305</v>
      </c>
      <c r="G33407" s="8">
        <v>6277500</v>
      </c>
      <c r="H33407" s="8">
        <v>1129950</v>
      </c>
      <c r="I33407" s="8">
        <v>5273100</v>
      </c>
      <c r="J33407" s="8">
        <v>1004400</v>
      </c>
      <c r="K33407" s="9"/>
      <c r="L33407" s="6"/>
    </row>
    <row r="33408" spans="1:12">
      <c r="A33408" s="6" t="s">
        <v>33660</v>
      </c>
      <c r="B33408" s="6"/>
      <c r="C33408" s="6" t="s">
        <v>32230</v>
      </c>
      <c r="D33408" s="6"/>
      <c r="E33408" s="6" t="s">
        <v>9</v>
      </c>
      <c r="F33408" s="7">
        <v>29305</v>
      </c>
      <c r="G33408" s="8">
        <v>19553400</v>
      </c>
      <c r="H33408" s="8">
        <v>3519612</v>
      </c>
      <c r="I33408" s="8">
        <v>16424856</v>
      </c>
      <c r="J33408" s="8">
        <v>3128544</v>
      </c>
      <c r="K33408" s="9"/>
      <c r="L33408" s="6"/>
    </row>
    <row r="33409" spans="1:12">
      <c r="A33409" s="6" t="s">
        <v>33661</v>
      </c>
      <c r="B33409" s="6"/>
      <c r="C33409" s="6" t="s">
        <v>32230</v>
      </c>
      <c r="D33409" s="6"/>
      <c r="E33409" s="6" t="s">
        <v>9</v>
      </c>
      <c r="F33409" s="7">
        <v>29305</v>
      </c>
      <c r="G33409" s="8">
        <v>10392300</v>
      </c>
      <c r="H33409" s="8">
        <v>1870614</v>
      </c>
      <c r="I33409" s="8">
        <v>8729532</v>
      </c>
      <c r="J33409" s="8">
        <v>1662768</v>
      </c>
      <c r="K33409" s="9"/>
      <c r="L33409" s="6"/>
    </row>
    <row r="33410" spans="1:12">
      <c r="A33410" s="6" t="s">
        <v>33662</v>
      </c>
      <c r="B33410" s="6"/>
      <c r="C33410" s="6" t="s">
        <v>32230</v>
      </c>
      <c r="D33410" s="6"/>
      <c r="E33410" s="6" t="s">
        <v>9</v>
      </c>
      <c r="F33410" s="7">
        <v>29305</v>
      </c>
      <c r="G33410" s="8">
        <v>5327100</v>
      </c>
      <c r="H33410" s="8">
        <v>958878</v>
      </c>
      <c r="I33410" s="8">
        <v>4474764</v>
      </c>
      <c r="J33410" s="8">
        <v>852336</v>
      </c>
      <c r="K33410" s="9"/>
      <c r="L33410" s="6"/>
    </row>
    <row r="33411" spans="1:12">
      <c r="A33411" s="6" t="s">
        <v>33663</v>
      </c>
      <c r="B33411" s="6"/>
      <c r="C33411" s="6" t="s">
        <v>32230</v>
      </c>
      <c r="D33411" s="6"/>
      <c r="E33411" s="6" t="s">
        <v>9</v>
      </c>
      <c r="F33411" s="7">
        <v>29305</v>
      </c>
      <c r="G33411" s="8">
        <v>2049300</v>
      </c>
      <c r="H33411" s="8">
        <v>368874</v>
      </c>
      <c r="I33411" s="8">
        <v>1721412</v>
      </c>
      <c r="J33411" s="8">
        <v>327888</v>
      </c>
      <c r="K33411" s="9"/>
      <c r="L33411" s="6"/>
    </row>
    <row r="33412" spans="1:12">
      <c r="A33412" s="6" t="s">
        <v>33664</v>
      </c>
      <c r="B33412" s="6"/>
      <c r="C33412" s="6" t="s">
        <v>32230</v>
      </c>
      <c r="D33412" s="6"/>
      <c r="E33412" s="6" t="s">
        <v>9</v>
      </c>
      <c r="F33412" s="7">
        <v>29305</v>
      </c>
      <c r="G33412" s="8">
        <v>2027700</v>
      </c>
      <c r="H33412" s="8">
        <v>364986</v>
      </c>
      <c r="I33412" s="8">
        <v>1703268</v>
      </c>
      <c r="J33412" s="8">
        <v>324432</v>
      </c>
      <c r="K33412" s="9"/>
      <c r="L33412" s="6"/>
    </row>
    <row r="33413" spans="1:12">
      <c r="A33413" s="6" t="s">
        <v>33665</v>
      </c>
      <c r="B33413" s="6"/>
      <c r="C33413" s="6" t="s">
        <v>32230</v>
      </c>
      <c r="D33413" s="6"/>
      <c r="E33413" s="6" t="s">
        <v>9</v>
      </c>
      <c r="F33413" s="7">
        <v>39169</v>
      </c>
      <c r="G33413" s="8">
        <v>3145500</v>
      </c>
      <c r="H33413" s="8">
        <v>2264760</v>
      </c>
      <c r="I33413" s="8">
        <v>943650</v>
      </c>
      <c r="J33413" s="8">
        <v>2201850</v>
      </c>
      <c r="K33413" s="9"/>
      <c r="L33413" s="6"/>
    </row>
    <row r="33414" spans="1:12">
      <c r="A33414" s="6" t="s">
        <v>33666</v>
      </c>
      <c r="B33414" s="6"/>
      <c r="C33414" s="6" t="s">
        <v>32230</v>
      </c>
      <c r="D33414" s="6"/>
      <c r="E33414" s="6" t="s">
        <v>9</v>
      </c>
      <c r="F33414" s="7">
        <v>29305</v>
      </c>
      <c r="G33414" s="8">
        <v>3078000</v>
      </c>
      <c r="H33414" s="8">
        <v>554040</v>
      </c>
      <c r="I33414" s="8">
        <v>2585520</v>
      </c>
      <c r="J33414" s="8">
        <v>492480</v>
      </c>
      <c r="K33414" s="9"/>
      <c r="L33414" s="6"/>
    </row>
    <row r="33415" spans="1:12">
      <c r="A33415" s="6" t="s">
        <v>33667</v>
      </c>
      <c r="B33415" s="6"/>
      <c r="C33415" s="6" t="s">
        <v>32230</v>
      </c>
      <c r="D33415" s="6"/>
      <c r="E33415" s="6" t="s">
        <v>9</v>
      </c>
      <c r="F33415" s="7">
        <v>29305</v>
      </c>
      <c r="G33415" s="8">
        <v>24867000</v>
      </c>
      <c r="H33415" s="8">
        <v>4476060</v>
      </c>
      <c r="I33415" s="8">
        <v>20888280</v>
      </c>
      <c r="J33415" s="8">
        <v>3978720</v>
      </c>
      <c r="K33415" s="9"/>
      <c r="L33415" s="6"/>
    </row>
    <row r="33416" spans="1:12">
      <c r="A33416" s="6" t="s">
        <v>33668</v>
      </c>
      <c r="B33416" s="6"/>
      <c r="C33416" s="6" t="s">
        <v>32230</v>
      </c>
      <c r="D33416" s="6"/>
      <c r="E33416" s="6" t="s">
        <v>9</v>
      </c>
      <c r="F33416" s="7">
        <v>29305</v>
      </c>
      <c r="G33416" s="8">
        <v>4068900</v>
      </c>
      <c r="H33416" s="8">
        <v>732402</v>
      </c>
      <c r="I33416" s="8">
        <v>3417876</v>
      </c>
      <c r="J33416" s="8">
        <v>651024</v>
      </c>
      <c r="K33416" s="9"/>
      <c r="L33416" s="6"/>
    </row>
    <row r="33417" spans="1:12">
      <c r="A33417" s="6" t="s">
        <v>33669</v>
      </c>
      <c r="B33417" s="6"/>
      <c r="C33417" s="6" t="s">
        <v>32230</v>
      </c>
      <c r="D33417" s="6"/>
      <c r="E33417" s="6" t="s">
        <v>9</v>
      </c>
      <c r="F33417" s="7">
        <v>29305</v>
      </c>
      <c r="G33417" s="8">
        <v>4033800</v>
      </c>
      <c r="H33417" s="8">
        <v>726084</v>
      </c>
      <c r="I33417" s="8">
        <v>3388392</v>
      </c>
      <c r="J33417" s="8">
        <v>645408</v>
      </c>
      <c r="K33417" s="9"/>
      <c r="L33417" s="6"/>
    </row>
    <row r="33418" spans="1:12">
      <c r="A33418" s="6" t="s">
        <v>33670</v>
      </c>
      <c r="B33418" s="6"/>
      <c r="C33418" s="6" t="s">
        <v>32230</v>
      </c>
      <c r="D33418" s="6"/>
      <c r="E33418" s="6" t="s">
        <v>9</v>
      </c>
      <c r="F33418" s="7">
        <v>29305</v>
      </c>
      <c r="G33418" s="8">
        <v>830300</v>
      </c>
      <c r="H33418" s="8">
        <v>149454</v>
      </c>
      <c r="I33418" s="8">
        <v>697452</v>
      </c>
      <c r="J33418" s="8">
        <v>132848</v>
      </c>
      <c r="K33418" s="9"/>
      <c r="L33418" s="6"/>
    </row>
    <row r="33419" spans="1:12">
      <c r="A33419" s="6" t="s">
        <v>33671</v>
      </c>
      <c r="B33419" s="6"/>
      <c r="C33419" s="6" t="s">
        <v>32230</v>
      </c>
      <c r="D33419" s="6"/>
      <c r="E33419" s="6" t="s">
        <v>9</v>
      </c>
      <c r="F33419" s="7">
        <v>29305</v>
      </c>
      <c r="G33419" s="8">
        <v>1715700</v>
      </c>
      <c r="H33419" s="8">
        <v>308826</v>
      </c>
      <c r="I33419" s="8">
        <v>1441188</v>
      </c>
      <c r="J33419" s="8">
        <v>274512</v>
      </c>
      <c r="K33419" s="9"/>
      <c r="L33419" s="6"/>
    </row>
    <row r="33420" spans="1:12">
      <c r="A33420" s="6" t="s">
        <v>33672</v>
      </c>
      <c r="B33420" s="6"/>
      <c r="C33420" s="6" t="s">
        <v>32230</v>
      </c>
      <c r="D33420" s="6"/>
      <c r="E33420" s="6" t="s">
        <v>9</v>
      </c>
      <c r="F33420" s="7">
        <v>29305</v>
      </c>
      <c r="G33420" s="8">
        <v>8262000</v>
      </c>
      <c r="H33420" s="8">
        <v>1487160</v>
      </c>
      <c r="I33420" s="8">
        <v>6940080</v>
      </c>
      <c r="J33420" s="8">
        <v>1321920</v>
      </c>
      <c r="K33420" s="9"/>
      <c r="L33420" s="6"/>
    </row>
    <row r="33421" spans="1:12">
      <c r="A33421" s="6" t="s">
        <v>33673</v>
      </c>
      <c r="B33421" s="6"/>
      <c r="C33421" s="6" t="s">
        <v>32230</v>
      </c>
      <c r="D33421" s="6"/>
      <c r="E33421" s="6" t="s">
        <v>9</v>
      </c>
      <c r="F33421" s="7">
        <v>29305</v>
      </c>
      <c r="G33421" s="8">
        <v>19116000</v>
      </c>
      <c r="H33421" s="8">
        <v>3440880</v>
      </c>
      <c r="I33421" s="8">
        <v>16057440</v>
      </c>
      <c r="J33421" s="8">
        <v>3058560</v>
      </c>
      <c r="K33421" s="9"/>
      <c r="L33421" s="6"/>
    </row>
    <row r="33422" spans="1:12">
      <c r="A33422" s="6" t="s">
        <v>33674</v>
      </c>
      <c r="B33422" s="6"/>
      <c r="C33422" s="6" t="s">
        <v>32230</v>
      </c>
      <c r="D33422" s="6"/>
      <c r="E33422" s="6" t="s">
        <v>9</v>
      </c>
      <c r="F33422" s="7">
        <v>29305</v>
      </c>
      <c r="G33422" s="8">
        <v>3383100</v>
      </c>
      <c r="H33422" s="8">
        <v>608958</v>
      </c>
      <c r="I33422" s="8">
        <v>2841804</v>
      </c>
      <c r="J33422" s="8">
        <v>541296</v>
      </c>
      <c r="K33422" s="9"/>
      <c r="L33422" s="6"/>
    </row>
    <row r="33423" spans="1:12">
      <c r="A33423" s="6" t="s">
        <v>33675</v>
      </c>
      <c r="B33423" s="6"/>
      <c r="C33423" s="6" t="s">
        <v>32230</v>
      </c>
      <c r="D33423" s="6"/>
      <c r="E33423" s="6" t="s">
        <v>9</v>
      </c>
      <c r="F33423" s="7">
        <v>29305</v>
      </c>
      <c r="G33423" s="8">
        <v>2907900</v>
      </c>
      <c r="H33423" s="8">
        <v>523422</v>
      </c>
      <c r="I33423" s="8">
        <v>2442636</v>
      </c>
      <c r="J33423" s="8">
        <v>465264</v>
      </c>
      <c r="K33423" s="9"/>
      <c r="L33423" s="6"/>
    </row>
    <row r="33424" spans="1:12">
      <c r="A33424" s="6" t="s">
        <v>33676</v>
      </c>
      <c r="B33424" s="6"/>
      <c r="C33424" s="6" t="s">
        <v>32230</v>
      </c>
      <c r="D33424" s="6"/>
      <c r="E33424" s="6" t="s">
        <v>9</v>
      </c>
      <c r="F33424" s="7">
        <v>31137</v>
      </c>
      <c r="G33424" s="8">
        <v>11485800</v>
      </c>
      <c r="H33424" s="8">
        <v>3216024</v>
      </c>
      <c r="I33424" s="8">
        <v>8499492</v>
      </c>
      <c r="J33424" s="8">
        <v>2986308</v>
      </c>
      <c r="K33424" s="9"/>
      <c r="L33424" s="6"/>
    </row>
    <row r="33425" spans="1:12">
      <c r="A33425" s="6" t="s">
        <v>33677</v>
      </c>
      <c r="B33425" s="6"/>
      <c r="C33425" s="6" t="s">
        <v>32230</v>
      </c>
      <c r="D33425" s="6"/>
      <c r="E33425" s="6" t="s">
        <v>9</v>
      </c>
      <c r="F33425" s="7">
        <v>31500</v>
      </c>
      <c r="G33425" s="8">
        <v>14482800</v>
      </c>
      <c r="H33425" s="8">
        <v>4344840</v>
      </c>
      <c r="I33425" s="8">
        <v>10427616</v>
      </c>
      <c r="J33425" s="8">
        <v>4055184</v>
      </c>
      <c r="K33425" s="9"/>
      <c r="L33425" s="6"/>
    </row>
    <row r="33426" spans="1:12">
      <c r="A33426" s="6" t="s">
        <v>33678</v>
      </c>
      <c r="B33426" s="6"/>
      <c r="C33426" s="6" t="s">
        <v>32230</v>
      </c>
      <c r="D33426" s="6"/>
      <c r="E33426" s="6" t="s">
        <v>9</v>
      </c>
      <c r="F33426" s="7">
        <v>29305</v>
      </c>
      <c r="G33426" s="8">
        <v>927200</v>
      </c>
      <c r="H33426" s="8">
        <v>166896</v>
      </c>
      <c r="I33426" s="8">
        <v>778848</v>
      </c>
      <c r="J33426" s="8">
        <v>148352</v>
      </c>
      <c r="K33426" s="9"/>
      <c r="L33426" s="6"/>
    </row>
    <row r="33427" spans="1:12">
      <c r="A33427" s="6" t="s">
        <v>33679</v>
      </c>
      <c r="B33427" s="6"/>
      <c r="C33427" s="6" t="s">
        <v>32230</v>
      </c>
      <c r="D33427" s="6"/>
      <c r="E33427" s="6" t="s">
        <v>9</v>
      </c>
      <c r="F33427" s="7">
        <v>32233</v>
      </c>
      <c r="G33427" s="8">
        <v>2594700</v>
      </c>
      <c r="H33427" s="8">
        <v>882198</v>
      </c>
      <c r="I33427" s="8">
        <v>1764396</v>
      </c>
      <c r="J33427" s="8">
        <v>830304</v>
      </c>
      <c r="K33427" s="9"/>
      <c r="L33427" s="6"/>
    </row>
    <row r="33428" spans="1:12">
      <c r="A33428" s="6" t="s">
        <v>33680</v>
      </c>
      <c r="B33428" s="6"/>
      <c r="C33428" s="6" t="s">
        <v>32230</v>
      </c>
      <c r="D33428" s="6"/>
      <c r="E33428" s="6" t="s">
        <v>9</v>
      </c>
      <c r="F33428" s="7">
        <v>29305</v>
      </c>
      <c r="G33428" s="8">
        <v>12798000</v>
      </c>
      <c r="H33428" s="8">
        <v>2303640</v>
      </c>
      <c r="I33428" s="8">
        <v>10750320</v>
      </c>
      <c r="J33428" s="8">
        <v>2047680</v>
      </c>
      <c r="K33428" s="9"/>
      <c r="L33428" s="6"/>
    </row>
    <row r="33429" spans="1:12">
      <c r="A33429" s="6" t="s">
        <v>33681</v>
      </c>
      <c r="B33429" s="6"/>
      <c r="C33429" s="6" t="s">
        <v>32230</v>
      </c>
      <c r="D33429" s="6"/>
      <c r="E33429" s="6" t="s">
        <v>9</v>
      </c>
      <c r="F33429" s="7">
        <v>29305</v>
      </c>
      <c r="G33429" s="8">
        <v>4003300</v>
      </c>
      <c r="H33429" s="8">
        <v>720594</v>
      </c>
      <c r="I33429" s="8">
        <v>3362772</v>
      </c>
      <c r="J33429" s="8">
        <v>640528</v>
      </c>
      <c r="K33429" s="9"/>
      <c r="L33429" s="6"/>
    </row>
    <row r="33430" spans="1:12">
      <c r="A33430" s="6" t="s">
        <v>33682</v>
      </c>
      <c r="B33430" s="6"/>
      <c r="C33430" s="6" t="s">
        <v>32230</v>
      </c>
      <c r="D33430" s="6"/>
      <c r="E33430" s="6" t="s">
        <v>9</v>
      </c>
      <c r="F33430" s="7">
        <v>29305</v>
      </c>
      <c r="G33430" s="8">
        <v>5833000</v>
      </c>
      <c r="H33430" s="8">
        <v>1049940</v>
      </c>
      <c r="I33430" s="8">
        <v>4899720</v>
      </c>
      <c r="J33430" s="8">
        <v>933280</v>
      </c>
      <c r="K33430" s="9"/>
      <c r="L33430" s="6"/>
    </row>
    <row r="33431" spans="1:12">
      <c r="A33431" s="6" t="s">
        <v>33683</v>
      </c>
      <c r="B33431" s="6"/>
      <c r="C33431" s="6" t="s">
        <v>32230</v>
      </c>
      <c r="D33431" s="6"/>
      <c r="E33431" s="6" t="s">
        <v>9</v>
      </c>
      <c r="F33431" s="7">
        <v>29305</v>
      </c>
      <c r="G33431" s="8">
        <v>651700</v>
      </c>
      <c r="H33431" s="8">
        <v>117306</v>
      </c>
      <c r="I33431" s="8">
        <v>547428</v>
      </c>
      <c r="J33431" s="8">
        <v>104272</v>
      </c>
      <c r="K33431" s="9"/>
      <c r="L33431" s="6"/>
    </row>
    <row r="33432" spans="1:12">
      <c r="A33432" s="6" t="s">
        <v>33684</v>
      </c>
      <c r="B33432" s="6"/>
      <c r="C33432" s="6" t="s">
        <v>32230</v>
      </c>
      <c r="D33432" s="6"/>
      <c r="E33432" s="6" t="s">
        <v>9</v>
      </c>
      <c r="F33432" s="7">
        <v>29305</v>
      </c>
      <c r="G33432" s="8">
        <v>697300</v>
      </c>
      <c r="H33432" s="8">
        <v>125514</v>
      </c>
      <c r="I33432" s="8">
        <v>585732</v>
      </c>
      <c r="J33432" s="8">
        <v>111568</v>
      </c>
      <c r="K33432" s="9"/>
      <c r="L33432" s="6"/>
    </row>
    <row r="33433" spans="1:12">
      <c r="A33433" s="6" t="s">
        <v>33685</v>
      </c>
      <c r="B33433" s="6"/>
      <c r="C33433" s="6" t="s">
        <v>32230</v>
      </c>
      <c r="D33433" s="6"/>
      <c r="E33433" s="6" t="s">
        <v>9</v>
      </c>
      <c r="F33433" s="7">
        <v>31137</v>
      </c>
      <c r="G33433" s="8">
        <v>8062200</v>
      </c>
      <c r="H33433" s="8">
        <v>2257416</v>
      </c>
      <c r="I33433" s="8">
        <v>5966028</v>
      </c>
      <c r="J33433" s="8">
        <v>2096172</v>
      </c>
      <c r="K33433" s="9"/>
      <c r="L33433" s="6"/>
    </row>
    <row r="33434" spans="1:12">
      <c r="A33434" s="6" t="s">
        <v>33686</v>
      </c>
      <c r="B33434" s="6"/>
      <c r="C33434" s="6" t="s">
        <v>32230</v>
      </c>
      <c r="D33434" s="6"/>
      <c r="E33434" s="6" t="s">
        <v>9</v>
      </c>
      <c r="F33434" s="7">
        <v>29305</v>
      </c>
      <c r="G33434" s="8">
        <v>644100</v>
      </c>
      <c r="H33434" s="8">
        <v>115938</v>
      </c>
      <c r="I33434" s="8">
        <v>541044</v>
      </c>
      <c r="J33434" s="8">
        <v>103056</v>
      </c>
      <c r="K33434" s="9"/>
      <c r="L33434" s="6"/>
    </row>
    <row r="33435" spans="1:12">
      <c r="A33435" s="6" t="s">
        <v>33687</v>
      </c>
      <c r="B33435" s="6"/>
      <c r="C33435" s="6" t="s">
        <v>32230</v>
      </c>
      <c r="D33435" s="6"/>
      <c r="E33435" s="6" t="s">
        <v>9</v>
      </c>
      <c r="F33435" s="7">
        <v>29305</v>
      </c>
      <c r="G33435" s="8">
        <v>2570400</v>
      </c>
      <c r="H33435" s="8">
        <v>462672</v>
      </c>
      <c r="I33435" s="8">
        <v>2159136</v>
      </c>
      <c r="J33435" s="8">
        <v>411264</v>
      </c>
      <c r="K33435" s="9"/>
      <c r="L33435" s="6"/>
    </row>
    <row r="33436" spans="1:12">
      <c r="A33436" s="6" t="s">
        <v>33688</v>
      </c>
      <c r="B33436" s="6"/>
      <c r="C33436" s="6" t="s">
        <v>32230</v>
      </c>
      <c r="D33436" s="6"/>
      <c r="E33436" s="6" t="s">
        <v>9</v>
      </c>
      <c r="F33436" s="7">
        <v>29305</v>
      </c>
      <c r="G33436" s="8">
        <v>2272400</v>
      </c>
      <c r="H33436" s="8">
        <v>409032</v>
      </c>
      <c r="I33436" s="8">
        <v>1908816</v>
      </c>
      <c r="J33436" s="8">
        <v>363584</v>
      </c>
      <c r="K33436" s="9"/>
      <c r="L33436" s="6"/>
    </row>
    <row r="33437" spans="1:12">
      <c r="A33437" s="6" t="s">
        <v>33689</v>
      </c>
      <c r="B33437" s="6"/>
      <c r="C33437" s="6" t="s">
        <v>32230</v>
      </c>
      <c r="D33437" s="6"/>
      <c r="E33437" s="6" t="s">
        <v>9</v>
      </c>
      <c r="F33437" s="7">
        <v>29305</v>
      </c>
      <c r="G33437" s="8">
        <v>3577500</v>
      </c>
      <c r="H33437" s="8">
        <v>643950</v>
      </c>
      <c r="I33437" s="8">
        <v>3005100</v>
      </c>
      <c r="J33437" s="8">
        <v>572400</v>
      </c>
      <c r="K33437" s="9"/>
      <c r="L33437" s="6"/>
    </row>
    <row r="33438" spans="1:12">
      <c r="A33438" s="6" t="s">
        <v>33690</v>
      </c>
      <c r="B33438" s="6"/>
      <c r="C33438" s="6" t="s">
        <v>32230</v>
      </c>
      <c r="D33438" s="6"/>
      <c r="E33438" s="6" t="s">
        <v>9</v>
      </c>
      <c r="F33438" s="7">
        <v>29305</v>
      </c>
      <c r="G33438" s="8">
        <v>3674600</v>
      </c>
      <c r="H33438" s="8">
        <v>661428</v>
      </c>
      <c r="I33438" s="8">
        <v>3086664</v>
      </c>
      <c r="J33438" s="8">
        <v>587936</v>
      </c>
      <c r="K33438" s="9"/>
      <c r="L33438" s="6"/>
    </row>
    <row r="33439" spans="1:12">
      <c r="A33439" s="6" t="s">
        <v>33691</v>
      </c>
      <c r="B33439" s="6"/>
      <c r="C33439" s="6" t="s">
        <v>32230</v>
      </c>
      <c r="D33439" s="6"/>
      <c r="E33439" s="6" t="s">
        <v>9</v>
      </c>
      <c r="F33439" s="7">
        <v>29305</v>
      </c>
      <c r="G33439" s="8">
        <v>13996800</v>
      </c>
      <c r="H33439" s="8">
        <v>2519424</v>
      </c>
      <c r="I33439" s="8">
        <v>11757312</v>
      </c>
      <c r="J33439" s="8">
        <v>2239488</v>
      </c>
      <c r="K33439" s="9"/>
      <c r="L33439" s="6"/>
    </row>
    <row r="33440" spans="1:12">
      <c r="A33440" s="6" t="s">
        <v>33692</v>
      </c>
      <c r="B33440" s="6"/>
      <c r="C33440" s="6" t="s">
        <v>32230</v>
      </c>
      <c r="D33440" s="6"/>
      <c r="E33440" s="6"/>
      <c r="F33440" s="7">
        <v>43922</v>
      </c>
      <c r="G33440" s="8">
        <v>17070900</v>
      </c>
      <c r="H33440" s="8">
        <v>17070900</v>
      </c>
      <c r="I33440" s="8">
        <v>341418</v>
      </c>
      <c r="J33440" s="8">
        <v>16729482</v>
      </c>
      <c r="K33440" s="9"/>
      <c r="L33440" s="6"/>
    </row>
    <row r="33441" spans="1:12">
      <c r="A33441" s="6" t="s">
        <v>33692</v>
      </c>
      <c r="B33441" s="6"/>
      <c r="C33441" s="6" t="s">
        <v>32230</v>
      </c>
      <c r="D33441" s="6"/>
      <c r="E33441" s="6" t="s">
        <v>9</v>
      </c>
      <c r="F33441" s="7">
        <v>29305</v>
      </c>
      <c r="G33441" s="8">
        <v>14445700</v>
      </c>
      <c r="H33441" s="8">
        <v>2600226</v>
      </c>
      <c r="I33441" s="8">
        <v>12134388</v>
      </c>
      <c r="J33441" s="8">
        <v>2311312</v>
      </c>
      <c r="K33441" s="9"/>
      <c r="L33441" s="6"/>
    </row>
    <row r="33442" spans="1:12">
      <c r="A33442" s="6" t="s">
        <v>33692</v>
      </c>
      <c r="B33442" s="6"/>
      <c r="C33442" s="6" t="s">
        <v>32230</v>
      </c>
      <c r="D33442" s="6"/>
      <c r="E33442" s="6"/>
      <c r="F33442" s="7">
        <v>43191</v>
      </c>
      <c r="G33442" s="8">
        <v>67453560</v>
      </c>
      <c r="H33442" s="8">
        <v>64755418</v>
      </c>
      <c r="I33442" s="8">
        <v>4047213</v>
      </c>
      <c r="J33442" s="8">
        <v>63406347</v>
      </c>
      <c r="K33442" s="9"/>
      <c r="L33442" s="6"/>
    </row>
    <row r="33443" spans="1:12">
      <c r="A33443" s="6" t="s">
        <v>33693</v>
      </c>
      <c r="B33443" s="6"/>
      <c r="C33443" s="6" t="s">
        <v>32230</v>
      </c>
      <c r="D33443" s="6"/>
      <c r="E33443" s="6" t="s">
        <v>9</v>
      </c>
      <c r="F33443" s="7">
        <v>29305</v>
      </c>
      <c r="G33443" s="8">
        <v>893000</v>
      </c>
      <c r="H33443" s="8">
        <v>160740</v>
      </c>
      <c r="I33443" s="8">
        <v>750120</v>
      </c>
      <c r="J33443" s="8">
        <v>142880</v>
      </c>
      <c r="K33443" s="9"/>
      <c r="L33443" s="6"/>
    </row>
    <row r="33444" spans="1:12">
      <c r="A33444" s="6" t="s">
        <v>33694</v>
      </c>
      <c r="B33444" s="6"/>
      <c r="C33444" s="6" t="s">
        <v>32230</v>
      </c>
      <c r="D33444" s="6"/>
      <c r="E33444" s="6" t="s">
        <v>9</v>
      </c>
      <c r="F33444" s="7">
        <v>29305</v>
      </c>
      <c r="G33444" s="8">
        <v>993700</v>
      </c>
      <c r="H33444" s="8">
        <v>178866</v>
      </c>
      <c r="I33444" s="8">
        <v>834708</v>
      </c>
      <c r="J33444" s="8">
        <v>158992</v>
      </c>
      <c r="K33444" s="9"/>
      <c r="L33444" s="6"/>
    </row>
    <row r="33445" spans="1:12">
      <c r="A33445" s="6" t="s">
        <v>33695</v>
      </c>
      <c r="B33445" s="6"/>
      <c r="C33445" s="6" t="s">
        <v>32230</v>
      </c>
      <c r="D33445" s="6"/>
      <c r="E33445" s="6" t="s">
        <v>9</v>
      </c>
      <c r="F33445" s="7">
        <v>29305</v>
      </c>
      <c r="G33445" s="8">
        <v>1944000</v>
      </c>
      <c r="H33445" s="8">
        <v>349920</v>
      </c>
      <c r="I33445" s="8">
        <v>1632960</v>
      </c>
      <c r="J33445" s="8">
        <v>311040</v>
      </c>
      <c r="K33445" s="9"/>
      <c r="L33445" s="6"/>
    </row>
    <row r="33446" spans="1:12">
      <c r="A33446" s="6" t="s">
        <v>33696</v>
      </c>
      <c r="B33446" s="6"/>
      <c r="C33446" s="6" t="s">
        <v>32230</v>
      </c>
      <c r="D33446" s="6"/>
      <c r="E33446" s="6" t="s">
        <v>9</v>
      </c>
      <c r="F33446" s="7">
        <v>29305</v>
      </c>
      <c r="G33446" s="8">
        <v>685900</v>
      </c>
      <c r="H33446" s="8">
        <v>123462</v>
      </c>
      <c r="I33446" s="8">
        <v>576156</v>
      </c>
      <c r="J33446" s="8">
        <v>109744</v>
      </c>
      <c r="K33446" s="9"/>
      <c r="L33446" s="6"/>
    </row>
    <row r="33447" spans="1:12">
      <c r="A33447" s="6" t="s">
        <v>33697</v>
      </c>
      <c r="B33447" s="6"/>
      <c r="C33447" s="6" t="s">
        <v>32230</v>
      </c>
      <c r="D33447" s="6"/>
      <c r="E33447" s="6"/>
      <c r="F33447" s="7">
        <v>43191</v>
      </c>
      <c r="G33447" s="8">
        <v>1274400</v>
      </c>
      <c r="H33447" s="8">
        <v>1223424</v>
      </c>
      <c r="I33447" s="8">
        <v>76464</v>
      </c>
      <c r="J33447" s="8">
        <v>1197936</v>
      </c>
      <c r="K33447" s="9"/>
      <c r="L33447" s="6"/>
    </row>
    <row r="33448" spans="1:12">
      <c r="A33448" s="6" t="s">
        <v>33697</v>
      </c>
      <c r="B33448" s="6"/>
      <c r="C33448" s="6" t="s">
        <v>32230</v>
      </c>
      <c r="D33448" s="6"/>
      <c r="E33448" s="6" t="s">
        <v>9</v>
      </c>
      <c r="F33448" s="7">
        <v>29305</v>
      </c>
      <c r="G33448" s="8">
        <v>1755000</v>
      </c>
      <c r="H33448" s="8">
        <v>315900</v>
      </c>
      <c r="I33448" s="8">
        <v>1474200</v>
      </c>
      <c r="J33448" s="8">
        <v>280800</v>
      </c>
      <c r="K33448" s="9"/>
      <c r="L33448" s="6"/>
    </row>
    <row r="33449" spans="1:12">
      <c r="A33449" s="6" t="s">
        <v>33698</v>
      </c>
      <c r="B33449" s="6"/>
      <c r="C33449" s="6" t="s">
        <v>32230</v>
      </c>
      <c r="D33449" s="6"/>
      <c r="E33449" s="6" t="s">
        <v>9</v>
      </c>
      <c r="F33449" s="7">
        <v>42444</v>
      </c>
      <c r="G33449" s="8">
        <v>3706560</v>
      </c>
      <c r="H33449" s="8">
        <v>3335905</v>
      </c>
      <c r="I33449" s="8">
        <v>444786</v>
      </c>
      <c r="J33449" s="8">
        <v>3261774</v>
      </c>
      <c r="K33449" s="9"/>
      <c r="L33449" s="6"/>
    </row>
    <row r="33450" spans="1:12">
      <c r="A33450" s="6" t="s">
        <v>33699</v>
      </c>
      <c r="B33450" s="6"/>
      <c r="C33450" s="6" t="s">
        <v>32230</v>
      </c>
      <c r="D33450" s="6"/>
      <c r="E33450" s="6" t="s">
        <v>9</v>
      </c>
      <c r="F33450" s="7">
        <v>29305</v>
      </c>
      <c r="G33450" s="8">
        <v>712500</v>
      </c>
      <c r="H33450" s="8">
        <v>128250</v>
      </c>
      <c r="I33450" s="8">
        <v>598500</v>
      </c>
      <c r="J33450" s="8">
        <v>114000</v>
      </c>
      <c r="K33450" s="9"/>
      <c r="L33450" s="6"/>
    </row>
    <row r="33451" spans="1:12">
      <c r="A33451" s="6" t="s">
        <v>33700</v>
      </c>
      <c r="B33451" s="6"/>
      <c r="C33451" s="6" t="s">
        <v>32230</v>
      </c>
      <c r="D33451" s="6"/>
      <c r="E33451" s="6" t="s">
        <v>9</v>
      </c>
      <c r="F33451" s="7">
        <v>29305</v>
      </c>
      <c r="G33451" s="8">
        <v>1482300</v>
      </c>
      <c r="H33451" s="8">
        <v>266814</v>
      </c>
      <c r="I33451" s="8">
        <v>1245132</v>
      </c>
      <c r="J33451" s="8">
        <v>237168</v>
      </c>
      <c r="K33451" s="9"/>
      <c r="L33451" s="6"/>
    </row>
    <row r="33452" spans="1:12">
      <c r="A33452" s="6" t="s">
        <v>33701</v>
      </c>
      <c r="B33452" s="6"/>
      <c r="C33452" s="6" t="s">
        <v>32230</v>
      </c>
      <c r="D33452" s="6"/>
      <c r="E33452" s="6" t="s">
        <v>9</v>
      </c>
      <c r="F33452" s="7">
        <v>29305</v>
      </c>
      <c r="G33452" s="8">
        <v>4347000</v>
      </c>
      <c r="H33452" s="8">
        <v>782460</v>
      </c>
      <c r="I33452" s="8">
        <v>3651480</v>
      </c>
      <c r="J33452" s="8">
        <v>695520</v>
      </c>
      <c r="K33452" s="9"/>
      <c r="L33452" s="6"/>
    </row>
    <row r="33453" spans="1:12">
      <c r="A33453" s="6" t="s">
        <v>33702</v>
      </c>
      <c r="B33453" s="6"/>
      <c r="C33453" s="6" t="s">
        <v>32230</v>
      </c>
      <c r="D33453" s="6"/>
      <c r="E33453" s="6" t="s">
        <v>9</v>
      </c>
      <c r="F33453" s="7">
        <v>21824</v>
      </c>
      <c r="G33453" s="8">
        <v>95855760</v>
      </c>
      <c r="H33453" s="8">
        <v>1</v>
      </c>
      <c r="I33453" s="8">
        <v>95855759</v>
      </c>
      <c r="J33453" s="8">
        <v>1</v>
      </c>
      <c r="K33453" s="9"/>
      <c r="L33453" s="6"/>
    </row>
    <row r="33454" spans="1:12">
      <c r="A33454" s="6" t="s">
        <v>33703</v>
      </c>
      <c r="B33454" s="6"/>
      <c r="C33454" s="6" t="s">
        <v>32230</v>
      </c>
      <c r="D33454" s="6"/>
      <c r="E33454" s="6" t="s">
        <v>9</v>
      </c>
      <c r="F33454" s="7">
        <v>39169</v>
      </c>
      <c r="G33454" s="8">
        <v>29748600</v>
      </c>
      <c r="H33454" s="8">
        <v>21418992</v>
      </c>
      <c r="I33454" s="8">
        <v>8924580</v>
      </c>
      <c r="J33454" s="8">
        <v>20824020</v>
      </c>
      <c r="K33454" s="9"/>
      <c r="L33454" s="6"/>
    </row>
    <row r="33455" spans="1:12">
      <c r="A33455" s="6" t="s">
        <v>33704</v>
      </c>
      <c r="B33455" s="6"/>
      <c r="C33455" s="6" t="s">
        <v>32230</v>
      </c>
      <c r="D33455" s="6"/>
      <c r="E33455" s="6" t="s">
        <v>9</v>
      </c>
      <c r="F33455" s="7">
        <v>29305</v>
      </c>
      <c r="G33455" s="8">
        <v>1436400</v>
      </c>
      <c r="H33455" s="8">
        <v>258552</v>
      </c>
      <c r="I33455" s="8">
        <v>1206576</v>
      </c>
      <c r="J33455" s="8">
        <v>229824</v>
      </c>
      <c r="K33455" s="9"/>
      <c r="L33455" s="6"/>
    </row>
    <row r="33456" spans="1:12">
      <c r="A33456" s="6" t="s">
        <v>33705</v>
      </c>
      <c r="B33456" s="6"/>
      <c r="C33456" s="6" t="s">
        <v>32230</v>
      </c>
      <c r="D33456" s="6"/>
      <c r="E33456" s="6" t="s">
        <v>9</v>
      </c>
      <c r="F33456" s="7">
        <v>29305</v>
      </c>
      <c r="G33456" s="8">
        <v>1010800</v>
      </c>
      <c r="H33456" s="8">
        <v>181944</v>
      </c>
      <c r="I33456" s="8">
        <v>849072</v>
      </c>
      <c r="J33456" s="8">
        <v>161728</v>
      </c>
      <c r="K33456" s="9"/>
      <c r="L33456" s="6"/>
    </row>
    <row r="33457" spans="1:12">
      <c r="A33457" s="6" t="s">
        <v>33706</v>
      </c>
      <c r="B33457" s="6"/>
      <c r="C33457" s="6" t="s">
        <v>32230</v>
      </c>
      <c r="D33457" s="6"/>
      <c r="E33457" s="6" t="s">
        <v>9</v>
      </c>
      <c r="F33457" s="7">
        <v>29305</v>
      </c>
      <c r="G33457" s="8">
        <v>9517500</v>
      </c>
      <c r="H33457" s="8">
        <v>1713150</v>
      </c>
      <c r="I33457" s="8">
        <v>7994700</v>
      </c>
      <c r="J33457" s="8">
        <v>1522800</v>
      </c>
      <c r="K33457" s="9"/>
      <c r="L33457" s="6"/>
    </row>
    <row r="33458" spans="1:12">
      <c r="A33458" s="6" t="s">
        <v>33707</v>
      </c>
      <c r="B33458" s="6"/>
      <c r="C33458" s="6" t="s">
        <v>32230</v>
      </c>
      <c r="D33458" s="6"/>
      <c r="E33458" s="6" t="s">
        <v>9</v>
      </c>
      <c r="F33458" s="7">
        <v>39965</v>
      </c>
      <c r="G33458" s="8">
        <v>159043000</v>
      </c>
      <c r="H33458" s="8">
        <v>118805121</v>
      </c>
      <c r="I33458" s="8">
        <v>43895868</v>
      </c>
      <c r="J33458" s="8">
        <v>115147132</v>
      </c>
      <c r="K33458" s="9"/>
      <c r="L33458" s="6"/>
    </row>
    <row r="33459" spans="1:12">
      <c r="A33459" s="6" t="s">
        <v>33708</v>
      </c>
      <c r="B33459" s="6"/>
      <c r="C33459" s="6" t="s">
        <v>32230</v>
      </c>
      <c r="D33459" s="6"/>
      <c r="E33459" s="6" t="s">
        <v>9</v>
      </c>
      <c r="F33459" s="7">
        <v>40158</v>
      </c>
      <c r="G33459" s="8">
        <v>45701250</v>
      </c>
      <c r="H33459" s="8">
        <v>34138842</v>
      </c>
      <c r="I33459" s="8">
        <v>12613536</v>
      </c>
      <c r="J33459" s="8">
        <v>33087714</v>
      </c>
      <c r="K33459" s="9"/>
      <c r="L33459" s="6"/>
    </row>
    <row r="33460" spans="1:12">
      <c r="A33460" s="6" t="s">
        <v>33709</v>
      </c>
      <c r="B33460" s="6"/>
      <c r="C33460" s="6" t="s">
        <v>32230</v>
      </c>
      <c r="D33460" s="6"/>
      <c r="E33460" s="6" t="s">
        <v>9</v>
      </c>
      <c r="F33460" s="7">
        <v>29305</v>
      </c>
      <c r="G33460" s="8">
        <v>328700</v>
      </c>
      <c r="H33460" s="8">
        <v>59166</v>
      </c>
      <c r="I33460" s="8">
        <v>276108</v>
      </c>
      <c r="J33460" s="8">
        <v>52592</v>
      </c>
      <c r="K33460" s="9"/>
      <c r="L33460" s="6"/>
    </row>
    <row r="33461" spans="1:12">
      <c r="A33461" s="6" t="s">
        <v>33710</v>
      </c>
      <c r="B33461" s="6"/>
      <c r="C33461" s="6" t="s">
        <v>32230</v>
      </c>
      <c r="D33461" s="6"/>
      <c r="E33461" s="6" t="s">
        <v>9</v>
      </c>
      <c r="F33461" s="7">
        <v>29305</v>
      </c>
      <c r="G33461" s="8">
        <v>1178000</v>
      </c>
      <c r="H33461" s="8">
        <v>212040</v>
      </c>
      <c r="I33461" s="8">
        <v>989520</v>
      </c>
      <c r="J33461" s="8">
        <v>188480</v>
      </c>
      <c r="K33461" s="9"/>
      <c r="L33461" s="6"/>
    </row>
    <row r="33462" spans="1:12">
      <c r="A33462" s="6" t="s">
        <v>33711</v>
      </c>
      <c r="B33462" s="6"/>
      <c r="C33462" s="6" t="s">
        <v>32230</v>
      </c>
      <c r="D33462" s="6"/>
      <c r="E33462" s="6" t="s">
        <v>9</v>
      </c>
      <c r="F33462" s="7">
        <v>29305</v>
      </c>
      <c r="G33462" s="8">
        <v>1221700</v>
      </c>
      <c r="H33462" s="8">
        <v>219906</v>
      </c>
      <c r="I33462" s="8">
        <v>1026228</v>
      </c>
      <c r="J33462" s="8">
        <v>195472</v>
      </c>
      <c r="K33462" s="9"/>
      <c r="L33462" s="6"/>
    </row>
    <row r="33463" spans="1:12">
      <c r="A33463" s="6" t="s">
        <v>33712</v>
      </c>
      <c r="B33463" s="6"/>
      <c r="C33463" s="6" t="s">
        <v>32230</v>
      </c>
      <c r="D33463" s="6"/>
      <c r="E33463" s="6" t="s">
        <v>9</v>
      </c>
      <c r="F33463" s="7">
        <v>29305</v>
      </c>
      <c r="G33463" s="8">
        <v>5362200</v>
      </c>
      <c r="H33463" s="8">
        <v>965196</v>
      </c>
      <c r="I33463" s="8">
        <v>4504248</v>
      </c>
      <c r="J33463" s="8">
        <v>857952</v>
      </c>
      <c r="K33463" s="9"/>
      <c r="L33463" s="6"/>
    </row>
    <row r="33464" spans="1:12">
      <c r="A33464" s="6" t="s">
        <v>33713</v>
      </c>
      <c r="B33464" s="6"/>
      <c r="C33464" s="6" t="s">
        <v>32230</v>
      </c>
      <c r="D33464" s="6"/>
      <c r="E33464" s="6" t="s">
        <v>9</v>
      </c>
      <c r="F33464" s="7">
        <v>29305</v>
      </c>
      <c r="G33464" s="8">
        <v>1250200</v>
      </c>
      <c r="H33464" s="8">
        <v>225036</v>
      </c>
      <c r="I33464" s="8">
        <v>1050168</v>
      </c>
      <c r="J33464" s="8">
        <v>200032</v>
      </c>
      <c r="K33464" s="9"/>
      <c r="L33464" s="6"/>
    </row>
    <row r="33465" spans="1:12">
      <c r="A33465" s="6" t="s">
        <v>33714</v>
      </c>
      <c r="B33465" s="6"/>
      <c r="C33465" s="6" t="s">
        <v>32230</v>
      </c>
      <c r="D33465" s="6"/>
      <c r="E33465" s="6" t="s">
        <v>9</v>
      </c>
      <c r="F33465" s="7">
        <v>43671</v>
      </c>
      <c r="G33465" s="8">
        <v>1290600</v>
      </c>
      <c r="H33465" s="8">
        <v>1204130</v>
      </c>
      <c r="I33465" s="8">
        <v>172940</v>
      </c>
      <c r="J33465" s="8">
        <v>1117660</v>
      </c>
      <c r="K33465" s="9"/>
      <c r="L33465" s="6"/>
    </row>
    <row r="33466" spans="1:12">
      <c r="A33466" s="6" t="s">
        <v>33715</v>
      </c>
      <c r="B33466" s="6"/>
      <c r="C33466" s="6" t="s">
        <v>32230</v>
      </c>
      <c r="D33466" s="6"/>
      <c r="E33466" s="6" t="s">
        <v>9</v>
      </c>
      <c r="F33466" s="7">
        <v>29305</v>
      </c>
      <c r="G33466" s="8">
        <v>1126700</v>
      </c>
      <c r="H33466" s="8">
        <v>202806</v>
      </c>
      <c r="I33466" s="8">
        <v>946428</v>
      </c>
      <c r="J33466" s="8">
        <v>180272</v>
      </c>
      <c r="K33466" s="9"/>
      <c r="L33466" s="6"/>
    </row>
    <row r="33467" spans="1:12">
      <c r="A33467" s="6" t="s">
        <v>33716</v>
      </c>
      <c r="B33467" s="6"/>
      <c r="C33467" s="6" t="s">
        <v>32230</v>
      </c>
      <c r="D33467" s="6"/>
      <c r="E33467" s="6" t="s">
        <v>9</v>
      </c>
      <c r="F33467" s="7">
        <v>29305</v>
      </c>
      <c r="G33467" s="8">
        <v>980400</v>
      </c>
      <c r="H33467" s="8">
        <v>176472</v>
      </c>
      <c r="I33467" s="8">
        <v>823536</v>
      </c>
      <c r="J33467" s="8">
        <v>156864</v>
      </c>
      <c r="K33467" s="9"/>
      <c r="L33467" s="6"/>
    </row>
    <row r="33468" spans="1:12">
      <c r="A33468" s="6" t="s">
        <v>33717</v>
      </c>
      <c r="B33468" s="6"/>
      <c r="C33468" s="6" t="s">
        <v>32230</v>
      </c>
      <c r="D33468" s="6"/>
      <c r="E33468" s="6" t="s">
        <v>9</v>
      </c>
      <c r="F33468" s="7">
        <v>29305</v>
      </c>
      <c r="G33468" s="8">
        <v>3844800</v>
      </c>
      <c r="H33468" s="8">
        <v>692064</v>
      </c>
      <c r="I33468" s="8">
        <v>3229632</v>
      </c>
      <c r="J33468" s="8">
        <v>615168</v>
      </c>
      <c r="K33468" s="9"/>
      <c r="L33468" s="6"/>
    </row>
    <row r="33469" spans="1:12">
      <c r="A33469" s="6" t="s">
        <v>33718</v>
      </c>
      <c r="B33469" s="6"/>
      <c r="C33469" s="6" t="s">
        <v>32230</v>
      </c>
      <c r="D33469" s="6"/>
      <c r="E33469" s="6" t="s">
        <v>9</v>
      </c>
      <c r="F33469" s="7">
        <v>29305</v>
      </c>
      <c r="G33469" s="8">
        <v>38013300</v>
      </c>
      <c r="H33469" s="8">
        <v>6842394</v>
      </c>
      <c r="I33469" s="8">
        <v>31931172</v>
      </c>
      <c r="J33469" s="8">
        <v>6082128</v>
      </c>
      <c r="K33469" s="9"/>
      <c r="L33469" s="6"/>
    </row>
    <row r="33470" spans="1:12">
      <c r="A33470" s="6" t="s">
        <v>33719</v>
      </c>
      <c r="B33470" s="6"/>
      <c r="C33470" s="6" t="s">
        <v>32230</v>
      </c>
      <c r="D33470" s="6"/>
      <c r="E33470" s="6"/>
      <c r="F33470" s="7">
        <v>43191</v>
      </c>
      <c r="G33470" s="8">
        <v>1060560</v>
      </c>
      <c r="H33470" s="8">
        <v>1018138</v>
      </c>
      <c r="I33470" s="8">
        <v>63633</v>
      </c>
      <c r="J33470" s="8">
        <v>996927</v>
      </c>
      <c r="K33470" s="9"/>
      <c r="L33470" s="6"/>
    </row>
    <row r="33471" spans="1:12">
      <c r="A33471" s="6" t="s">
        <v>33719</v>
      </c>
      <c r="B33471" s="6"/>
      <c r="C33471" s="6" t="s">
        <v>32230</v>
      </c>
      <c r="D33471" s="6"/>
      <c r="E33471" s="6"/>
      <c r="F33471" s="7">
        <v>43922</v>
      </c>
      <c r="G33471" s="8">
        <v>1155000</v>
      </c>
      <c r="H33471" s="8">
        <v>1155000</v>
      </c>
      <c r="I33471" s="8">
        <v>23100</v>
      </c>
      <c r="J33471" s="8">
        <v>1131900</v>
      </c>
      <c r="K33471" s="9"/>
      <c r="L33471" s="6"/>
    </row>
    <row r="33472" spans="1:12">
      <c r="A33472" s="6" t="s">
        <v>33719</v>
      </c>
      <c r="B33472" s="6"/>
      <c r="C33472" s="6" t="s">
        <v>32230</v>
      </c>
      <c r="D33472" s="6"/>
      <c r="E33472" s="6" t="s">
        <v>9</v>
      </c>
      <c r="F33472" s="7">
        <v>29305</v>
      </c>
      <c r="G33472" s="8">
        <v>9946800</v>
      </c>
      <c r="H33472" s="8">
        <v>1790424</v>
      </c>
      <c r="I33472" s="8">
        <v>8355312</v>
      </c>
      <c r="J33472" s="8">
        <v>1591488</v>
      </c>
      <c r="K33472" s="9"/>
      <c r="L33472" s="6"/>
    </row>
    <row r="33473" spans="1:12">
      <c r="A33473" s="6" t="s">
        <v>33026</v>
      </c>
      <c r="B33473" s="6"/>
      <c r="C33473" s="6" t="s">
        <v>32230</v>
      </c>
      <c r="D33473" s="6"/>
      <c r="E33473" s="6" t="s">
        <v>9</v>
      </c>
      <c r="F33473" s="7">
        <v>43690</v>
      </c>
      <c r="G33473" s="8">
        <v>1285200</v>
      </c>
      <c r="H33473" s="8">
        <v>1199092</v>
      </c>
      <c r="I33473" s="8">
        <v>172216</v>
      </c>
      <c r="J33473" s="8">
        <v>1112984</v>
      </c>
      <c r="K33473" s="9"/>
      <c r="L33473" s="6"/>
    </row>
    <row r="33474" spans="1:12">
      <c r="A33474" s="6" t="s">
        <v>33720</v>
      </c>
      <c r="B33474" s="6"/>
      <c r="C33474" s="6" t="s">
        <v>32230</v>
      </c>
      <c r="D33474" s="6"/>
      <c r="E33474" s="6" t="s">
        <v>9</v>
      </c>
      <c r="F33474" s="7">
        <v>29305</v>
      </c>
      <c r="G33474" s="8">
        <v>32076000</v>
      </c>
      <c r="H33474" s="8">
        <v>5773680</v>
      </c>
      <c r="I33474" s="8">
        <v>26943840</v>
      </c>
      <c r="J33474" s="8">
        <v>5132160</v>
      </c>
      <c r="K33474" s="9"/>
      <c r="L33474" s="6"/>
    </row>
    <row r="33475" spans="1:12">
      <c r="A33475" s="6" t="s">
        <v>33721</v>
      </c>
      <c r="B33475" s="6"/>
      <c r="C33475" s="6" t="s">
        <v>32230</v>
      </c>
      <c r="D33475" s="6"/>
      <c r="E33475" s="6"/>
      <c r="F33475" s="7">
        <v>43191</v>
      </c>
      <c r="G33475" s="8">
        <v>1296000</v>
      </c>
      <c r="H33475" s="8">
        <v>1244160</v>
      </c>
      <c r="I33475" s="8">
        <v>77760</v>
      </c>
      <c r="J33475" s="8">
        <v>1218240</v>
      </c>
      <c r="K33475" s="9"/>
      <c r="L33475" s="6"/>
    </row>
    <row r="33476" spans="1:12">
      <c r="A33476" s="6" t="s">
        <v>33721</v>
      </c>
      <c r="B33476" s="6"/>
      <c r="C33476" s="6" t="s">
        <v>32230</v>
      </c>
      <c r="D33476" s="6"/>
      <c r="E33476" s="6" t="s">
        <v>9</v>
      </c>
      <c r="F33476" s="7">
        <v>29305</v>
      </c>
      <c r="G33476" s="8">
        <v>29443500</v>
      </c>
      <c r="H33476" s="8">
        <v>5299830</v>
      </c>
      <c r="I33476" s="8">
        <v>24732540</v>
      </c>
      <c r="J33476" s="8">
        <v>4710960</v>
      </c>
      <c r="K33476" s="9"/>
      <c r="L33476" s="6"/>
    </row>
    <row r="33477" spans="1:12">
      <c r="A33477" s="6" t="s">
        <v>33722</v>
      </c>
      <c r="B33477" s="6"/>
      <c r="C33477" s="6" t="s">
        <v>32230</v>
      </c>
      <c r="D33477" s="6"/>
      <c r="E33477" s="6" t="s">
        <v>9</v>
      </c>
      <c r="F33477" s="7">
        <v>29305</v>
      </c>
      <c r="G33477" s="8">
        <v>1004400</v>
      </c>
      <c r="H33477" s="8">
        <v>180792</v>
      </c>
      <c r="I33477" s="8">
        <v>843696</v>
      </c>
      <c r="J33477" s="8">
        <v>160704</v>
      </c>
      <c r="K33477" s="9"/>
      <c r="L33477" s="6"/>
    </row>
    <row r="33478" spans="1:12">
      <c r="A33478" s="6" t="s">
        <v>33723</v>
      </c>
      <c r="B33478" s="6"/>
      <c r="C33478" s="6" t="s">
        <v>32230</v>
      </c>
      <c r="D33478" s="6"/>
      <c r="E33478" s="6" t="s">
        <v>9</v>
      </c>
      <c r="F33478" s="7">
        <v>29305</v>
      </c>
      <c r="G33478" s="8">
        <v>750500</v>
      </c>
      <c r="H33478" s="8">
        <v>135090</v>
      </c>
      <c r="I33478" s="8">
        <v>630420</v>
      </c>
      <c r="J33478" s="8">
        <v>120080</v>
      </c>
      <c r="K33478" s="9"/>
      <c r="L33478" s="6"/>
    </row>
    <row r="33479" spans="1:12">
      <c r="A33479" s="6" t="s">
        <v>33724</v>
      </c>
      <c r="B33479" s="6"/>
      <c r="C33479" s="6" t="s">
        <v>32230</v>
      </c>
      <c r="D33479" s="6"/>
      <c r="E33479" s="6" t="s">
        <v>9</v>
      </c>
      <c r="F33479" s="7">
        <v>29305</v>
      </c>
      <c r="G33479" s="8">
        <v>1656800</v>
      </c>
      <c r="H33479" s="8">
        <v>298224</v>
      </c>
      <c r="I33479" s="8">
        <v>1391712</v>
      </c>
      <c r="J33479" s="8">
        <v>265088</v>
      </c>
      <c r="K33479" s="9"/>
      <c r="L33479" s="6"/>
    </row>
    <row r="33480" spans="1:12">
      <c r="A33480" s="6" t="s">
        <v>33725</v>
      </c>
      <c r="B33480" s="6"/>
      <c r="C33480" s="6" t="s">
        <v>32230</v>
      </c>
      <c r="D33480" s="6"/>
      <c r="E33480" s="6" t="s">
        <v>9</v>
      </c>
      <c r="F33480" s="7">
        <v>29305</v>
      </c>
      <c r="G33480" s="8">
        <v>3002000</v>
      </c>
      <c r="H33480" s="8">
        <v>540360</v>
      </c>
      <c r="I33480" s="8">
        <v>2521680</v>
      </c>
      <c r="J33480" s="8">
        <v>480320</v>
      </c>
      <c r="K33480" s="9"/>
      <c r="L33480" s="6"/>
    </row>
    <row r="33481" spans="1:12">
      <c r="A33481" s="6" t="s">
        <v>33726</v>
      </c>
      <c r="B33481" s="6"/>
      <c r="C33481" s="6" t="s">
        <v>32230</v>
      </c>
      <c r="D33481" s="6"/>
      <c r="E33481" s="6" t="s">
        <v>9</v>
      </c>
      <c r="F33481" s="7">
        <v>29305</v>
      </c>
      <c r="G33481" s="8">
        <v>3137400</v>
      </c>
      <c r="H33481" s="8">
        <v>564732</v>
      </c>
      <c r="I33481" s="8">
        <v>2635416</v>
      </c>
      <c r="J33481" s="8">
        <v>501984</v>
      </c>
      <c r="K33481" s="9"/>
      <c r="L33481" s="6"/>
    </row>
    <row r="33482" spans="1:12">
      <c r="A33482" s="6" t="s">
        <v>33727</v>
      </c>
      <c r="B33482" s="6"/>
      <c r="C33482" s="6" t="s">
        <v>32230</v>
      </c>
      <c r="D33482" s="6"/>
      <c r="E33482" s="6" t="s">
        <v>9</v>
      </c>
      <c r="F33482" s="7">
        <v>29305</v>
      </c>
      <c r="G33482" s="8">
        <v>570000</v>
      </c>
      <c r="H33482" s="8">
        <v>102600</v>
      </c>
      <c r="I33482" s="8">
        <v>478800</v>
      </c>
      <c r="J33482" s="8">
        <v>91200</v>
      </c>
      <c r="K33482" s="9"/>
      <c r="L33482" s="6"/>
    </row>
    <row r="33483" spans="1:12">
      <c r="A33483" s="6" t="s">
        <v>33728</v>
      </c>
      <c r="B33483" s="6"/>
      <c r="C33483" s="6" t="s">
        <v>32230</v>
      </c>
      <c r="D33483" s="6"/>
      <c r="E33483" s="6" t="s">
        <v>9</v>
      </c>
      <c r="F33483" s="7">
        <v>29305</v>
      </c>
      <c r="G33483" s="8">
        <v>1719500</v>
      </c>
      <c r="H33483" s="8">
        <v>309510</v>
      </c>
      <c r="I33483" s="8">
        <v>1444380</v>
      </c>
      <c r="J33483" s="8">
        <v>275120</v>
      </c>
      <c r="K33483" s="9"/>
      <c r="L33483" s="6"/>
    </row>
    <row r="33484" spans="1:12">
      <c r="A33484" s="6" t="s">
        <v>33729</v>
      </c>
      <c r="B33484" s="6"/>
      <c r="C33484" s="6" t="s">
        <v>32230</v>
      </c>
      <c r="D33484" s="6"/>
      <c r="E33484" s="6" t="s">
        <v>9</v>
      </c>
      <c r="F33484" s="7">
        <v>29305</v>
      </c>
      <c r="G33484" s="8">
        <v>1751800</v>
      </c>
      <c r="H33484" s="8">
        <v>315324</v>
      </c>
      <c r="I33484" s="8">
        <v>1471512</v>
      </c>
      <c r="J33484" s="8">
        <v>280288</v>
      </c>
      <c r="K33484" s="9"/>
      <c r="L33484" s="6"/>
    </row>
    <row r="33485" spans="1:12">
      <c r="A33485" s="6" t="s">
        <v>33730</v>
      </c>
      <c r="B33485" s="6"/>
      <c r="C33485" s="6" t="s">
        <v>32230</v>
      </c>
      <c r="D33485" s="6"/>
      <c r="E33485" s="6" t="s">
        <v>9</v>
      </c>
      <c r="F33485" s="7">
        <v>29305</v>
      </c>
      <c r="G33485" s="8">
        <v>1244500</v>
      </c>
      <c r="H33485" s="8">
        <v>224010</v>
      </c>
      <c r="I33485" s="8">
        <v>1045380</v>
      </c>
      <c r="J33485" s="8">
        <v>199120</v>
      </c>
      <c r="K33485" s="9"/>
      <c r="L33485" s="6"/>
    </row>
    <row r="33486" spans="1:12">
      <c r="A33486" s="6" t="s">
        <v>33731</v>
      </c>
      <c r="B33486" s="6"/>
      <c r="C33486" s="6" t="s">
        <v>32230</v>
      </c>
      <c r="D33486" s="6"/>
      <c r="E33486" s="6" t="s">
        <v>9</v>
      </c>
      <c r="F33486" s="7">
        <v>29305</v>
      </c>
      <c r="G33486" s="8">
        <v>2227500</v>
      </c>
      <c r="H33486" s="8">
        <v>400950</v>
      </c>
      <c r="I33486" s="8">
        <v>1871100</v>
      </c>
      <c r="J33486" s="8">
        <v>356400</v>
      </c>
      <c r="K33486" s="9"/>
      <c r="L33486" s="6"/>
    </row>
    <row r="33487" spans="1:12">
      <c r="A33487" s="6" t="s">
        <v>33732</v>
      </c>
      <c r="B33487" s="6"/>
      <c r="C33487" s="6" t="s">
        <v>32230</v>
      </c>
      <c r="D33487" s="6"/>
      <c r="E33487" s="6" t="s">
        <v>9</v>
      </c>
      <c r="F33487" s="7">
        <v>29305</v>
      </c>
      <c r="G33487" s="8">
        <v>2743200</v>
      </c>
      <c r="H33487" s="8">
        <v>493776</v>
      </c>
      <c r="I33487" s="8">
        <v>2304288</v>
      </c>
      <c r="J33487" s="8">
        <v>438912</v>
      </c>
      <c r="K33487" s="9"/>
      <c r="L33487" s="6"/>
    </row>
    <row r="33488" spans="1:12">
      <c r="A33488" s="6" t="s">
        <v>33733</v>
      </c>
      <c r="B33488" s="6"/>
      <c r="C33488" s="6" t="s">
        <v>32230</v>
      </c>
      <c r="D33488" s="6"/>
      <c r="E33488" s="6" t="s">
        <v>9</v>
      </c>
      <c r="F33488" s="7">
        <v>29305</v>
      </c>
      <c r="G33488" s="8">
        <v>4989600</v>
      </c>
      <c r="H33488" s="8">
        <v>898128</v>
      </c>
      <c r="I33488" s="8">
        <v>4191264</v>
      </c>
      <c r="J33488" s="8">
        <v>798336</v>
      </c>
      <c r="K33488" s="9"/>
      <c r="L33488" s="6"/>
    </row>
    <row r="33489" spans="1:12">
      <c r="A33489" s="6" t="s">
        <v>33734</v>
      </c>
      <c r="B33489" s="6"/>
      <c r="C33489" s="6" t="s">
        <v>32230</v>
      </c>
      <c r="D33489" s="6"/>
      <c r="E33489" s="6" t="s">
        <v>9</v>
      </c>
      <c r="F33489" s="7">
        <v>29305</v>
      </c>
      <c r="G33489" s="8">
        <v>16661700</v>
      </c>
      <c r="H33489" s="8">
        <v>2999106</v>
      </c>
      <c r="I33489" s="8">
        <v>13995828</v>
      </c>
      <c r="J33489" s="8">
        <v>2665872</v>
      </c>
      <c r="K33489" s="9"/>
      <c r="L33489" s="6"/>
    </row>
    <row r="33490" spans="1:12">
      <c r="A33490" s="6" t="s">
        <v>33735</v>
      </c>
      <c r="B33490" s="6"/>
      <c r="C33490" s="6" t="s">
        <v>32230</v>
      </c>
      <c r="D33490" s="6"/>
      <c r="E33490" s="6" t="s">
        <v>9</v>
      </c>
      <c r="F33490" s="7">
        <v>29305</v>
      </c>
      <c r="G33490" s="8">
        <v>2146500</v>
      </c>
      <c r="H33490" s="8">
        <v>386370</v>
      </c>
      <c r="I33490" s="8">
        <v>1803060</v>
      </c>
      <c r="J33490" s="8">
        <v>343440</v>
      </c>
      <c r="K33490" s="9"/>
      <c r="L33490" s="6"/>
    </row>
    <row r="33491" spans="1:12">
      <c r="A33491" s="6" t="s">
        <v>33736</v>
      </c>
      <c r="B33491" s="6"/>
      <c r="C33491" s="6" t="s">
        <v>32230</v>
      </c>
      <c r="D33491" s="6"/>
      <c r="E33491" s="6" t="s">
        <v>9</v>
      </c>
      <c r="F33491" s="7">
        <v>29305</v>
      </c>
      <c r="G33491" s="8">
        <v>480600</v>
      </c>
      <c r="H33491" s="8">
        <v>86508</v>
      </c>
      <c r="I33491" s="8">
        <v>403704</v>
      </c>
      <c r="J33491" s="8">
        <v>76896</v>
      </c>
      <c r="K33491" s="9"/>
      <c r="L33491" s="6"/>
    </row>
    <row r="33492" spans="1:12">
      <c r="A33492" s="6" t="s">
        <v>33737</v>
      </c>
      <c r="B33492" s="6"/>
      <c r="C33492" s="6" t="s">
        <v>32230</v>
      </c>
      <c r="D33492" s="6"/>
      <c r="E33492" s="6" t="s">
        <v>9</v>
      </c>
      <c r="F33492" s="7">
        <v>29305</v>
      </c>
      <c r="G33492" s="8">
        <v>24478200</v>
      </c>
      <c r="H33492" s="8">
        <v>4406076</v>
      </c>
      <c r="I33492" s="8">
        <v>20561688</v>
      </c>
      <c r="J33492" s="8">
        <v>3916512</v>
      </c>
      <c r="K33492" s="9"/>
      <c r="L33492" s="6"/>
    </row>
    <row r="33493" spans="1:12">
      <c r="A33493" s="6" t="s">
        <v>33738</v>
      </c>
      <c r="B33493" s="6"/>
      <c r="C33493" s="6" t="s">
        <v>32230</v>
      </c>
      <c r="D33493" s="6"/>
      <c r="E33493" s="6" t="s">
        <v>9</v>
      </c>
      <c r="F33493" s="7">
        <v>29305</v>
      </c>
      <c r="G33493" s="8">
        <v>8737200</v>
      </c>
      <c r="H33493" s="8">
        <v>1572696</v>
      </c>
      <c r="I33493" s="8">
        <v>7339248</v>
      </c>
      <c r="J33493" s="8">
        <v>1397952</v>
      </c>
      <c r="K33493" s="9"/>
      <c r="L33493" s="6"/>
    </row>
    <row r="33494" spans="1:12">
      <c r="A33494" s="6" t="s">
        <v>33739</v>
      </c>
      <c r="B33494" s="6"/>
      <c r="C33494" s="6" t="s">
        <v>32230</v>
      </c>
      <c r="D33494" s="6"/>
      <c r="E33494" s="6" t="s">
        <v>9</v>
      </c>
      <c r="F33494" s="7">
        <v>29305</v>
      </c>
      <c r="G33494" s="8">
        <v>912000</v>
      </c>
      <c r="H33494" s="8">
        <v>164160</v>
      </c>
      <c r="I33494" s="8">
        <v>766080</v>
      </c>
      <c r="J33494" s="8">
        <v>145920</v>
      </c>
      <c r="K33494" s="9"/>
      <c r="L33494" s="6"/>
    </row>
    <row r="33495" spans="1:12">
      <c r="A33495" s="6" t="s">
        <v>33740</v>
      </c>
      <c r="B33495" s="6"/>
      <c r="C33495" s="6" t="s">
        <v>32230</v>
      </c>
      <c r="D33495" s="6"/>
      <c r="E33495" s="6" t="s">
        <v>9</v>
      </c>
      <c r="F33495" s="7">
        <v>29305</v>
      </c>
      <c r="G33495" s="8">
        <v>3081800</v>
      </c>
      <c r="H33495" s="8">
        <v>554724</v>
      </c>
      <c r="I33495" s="8">
        <v>2588712</v>
      </c>
      <c r="J33495" s="8">
        <v>493088</v>
      </c>
      <c r="K33495" s="9"/>
      <c r="L33495" s="6"/>
    </row>
    <row r="33496" spans="1:12">
      <c r="A33496" s="6" t="s">
        <v>33741</v>
      </c>
      <c r="B33496" s="6"/>
      <c r="C33496" s="6" t="s">
        <v>32230</v>
      </c>
      <c r="D33496" s="6"/>
      <c r="E33496" s="6" t="s">
        <v>9</v>
      </c>
      <c r="F33496" s="7">
        <v>29305</v>
      </c>
      <c r="G33496" s="8">
        <v>13162500</v>
      </c>
      <c r="H33496" s="8">
        <v>2369250</v>
      </c>
      <c r="I33496" s="8">
        <v>11056500</v>
      </c>
      <c r="J33496" s="8">
        <v>2106000</v>
      </c>
      <c r="K33496" s="9"/>
      <c r="L33496" s="6"/>
    </row>
    <row r="33497" spans="1:12">
      <c r="A33497" s="6" t="s">
        <v>33742</v>
      </c>
      <c r="B33497" s="6"/>
      <c r="C33497" s="6" t="s">
        <v>32230</v>
      </c>
      <c r="D33497" s="6"/>
      <c r="E33497" s="6" t="s">
        <v>9</v>
      </c>
      <c r="F33497" s="7">
        <v>29305</v>
      </c>
      <c r="G33497" s="8">
        <v>6053400</v>
      </c>
      <c r="H33497" s="8">
        <v>1089612</v>
      </c>
      <c r="I33497" s="8">
        <v>5084856</v>
      </c>
      <c r="J33497" s="8">
        <v>968544</v>
      </c>
      <c r="K33497" s="9"/>
      <c r="L33497" s="6"/>
    </row>
    <row r="33498" spans="1:12">
      <c r="A33498" s="6" t="s">
        <v>33743</v>
      </c>
      <c r="B33498" s="6"/>
      <c r="C33498" s="6" t="s">
        <v>32230</v>
      </c>
      <c r="D33498" s="6"/>
      <c r="E33498" s="6" t="s">
        <v>9</v>
      </c>
      <c r="F33498" s="7">
        <v>29305</v>
      </c>
      <c r="G33498" s="8">
        <v>11245500</v>
      </c>
      <c r="H33498" s="8">
        <v>2024190</v>
      </c>
      <c r="I33498" s="8">
        <v>9446220</v>
      </c>
      <c r="J33498" s="8">
        <v>1799280</v>
      </c>
      <c r="K33498" s="9"/>
      <c r="L33498" s="6"/>
    </row>
    <row r="33499" spans="1:12">
      <c r="A33499" s="6" t="s">
        <v>33744</v>
      </c>
      <c r="B33499" s="6"/>
      <c r="C33499" s="6" t="s">
        <v>32230</v>
      </c>
      <c r="D33499" s="6"/>
      <c r="E33499" s="6" t="s">
        <v>9</v>
      </c>
      <c r="F33499" s="7">
        <v>29305</v>
      </c>
      <c r="G33499" s="8">
        <v>1317600</v>
      </c>
      <c r="H33499" s="8">
        <v>237168</v>
      </c>
      <c r="I33499" s="8">
        <v>1106784</v>
      </c>
      <c r="J33499" s="8">
        <v>210816</v>
      </c>
      <c r="K33499" s="9"/>
      <c r="L33499" s="6"/>
    </row>
    <row r="33500" spans="1:12">
      <c r="A33500" s="6" t="s">
        <v>33745</v>
      </c>
      <c r="B33500" s="6"/>
      <c r="C33500" s="6" t="s">
        <v>32230</v>
      </c>
      <c r="D33500" s="6"/>
      <c r="E33500" s="6" t="s">
        <v>9</v>
      </c>
      <c r="F33500" s="7">
        <v>29305</v>
      </c>
      <c r="G33500" s="8">
        <v>2610900</v>
      </c>
      <c r="H33500" s="8">
        <v>469962</v>
      </c>
      <c r="I33500" s="8">
        <v>2193156</v>
      </c>
      <c r="J33500" s="8">
        <v>417744</v>
      </c>
      <c r="K33500" s="9"/>
      <c r="L33500" s="6"/>
    </row>
    <row r="33501" spans="1:12">
      <c r="A33501" s="6" t="s">
        <v>33746</v>
      </c>
      <c r="B33501" s="6"/>
      <c r="C33501" s="6" t="s">
        <v>32230</v>
      </c>
      <c r="D33501" s="6"/>
      <c r="E33501" s="6" t="s">
        <v>9</v>
      </c>
      <c r="F33501" s="7">
        <v>29305</v>
      </c>
      <c r="G33501" s="8">
        <v>4233600</v>
      </c>
      <c r="H33501" s="8">
        <v>762048</v>
      </c>
      <c r="I33501" s="8">
        <v>3556224</v>
      </c>
      <c r="J33501" s="8">
        <v>677376</v>
      </c>
      <c r="K33501" s="9"/>
      <c r="L33501" s="6"/>
    </row>
    <row r="33502" spans="1:12">
      <c r="A33502" s="6" t="s">
        <v>33747</v>
      </c>
      <c r="B33502" s="6"/>
      <c r="C33502" s="6" t="s">
        <v>32230</v>
      </c>
      <c r="D33502" s="6"/>
      <c r="E33502" s="6" t="s">
        <v>9</v>
      </c>
      <c r="F33502" s="7">
        <v>29305</v>
      </c>
      <c r="G33502" s="8">
        <v>17625600</v>
      </c>
      <c r="H33502" s="8">
        <v>3172608</v>
      </c>
      <c r="I33502" s="8">
        <v>14805504</v>
      </c>
      <c r="J33502" s="8">
        <v>2820096</v>
      </c>
      <c r="K33502" s="9"/>
      <c r="L33502" s="6"/>
    </row>
    <row r="33503" spans="1:12">
      <c r="A33503" s="6" t="s">
        <v>33748</v>
      </c>
      <c r="B33503" s="6"/>
      <c r="C33503" s="6" t="s">
        <v>32230</v>
      </c>
      <c r="D33503" s="6"/>
      <c r="E33503" s="6" t="s">
        <v>9</v>
      </c>
      <c r="F33503" s="7">
        <v>29305</v>
      </c>
      <c r="G33503" s="8">
        <v>1844100</v>
      </c>
      <c r="H33503" s="8">
        <v>331938</v>
      </c>
      <c r="I33503" s="8">
        <v>1549044</v>
      </c>
      <c r="J33503" s="8">
        <v>295056</v>
      </c>
      <c r="K33503" s="9"/>
      <c r="L33503" s="6"/>
    </row>
    <row r="33504" spans="1:12">
      <c r="A33504" s="6" t="s">
        <v>33749</v>
      </c>
      <c r="B33504" s="6"/>
      <c r="C33504" s="6" t="s">
        <v>32230</v>
      </c>
      <c r="D33504" s="6"/>
      <c r="E33504" s="6" t="s">
        <v>9</v>
      </c>
      <c r="F33504" s="7">
        <v>29305</v>
      </c>
      <c r="G33504" s="8">
        <v>2135700</v>
      </c>
      <c r="H33504" s="8">
        <v>384426</v>
      </c>
      <c r="I33504" s="8">
        <v>1793988</v>
      </c>
      <c r="J33504" s="8">
        <v>341712</v>
      </c>
      <c r="K33504" s="9"/>
      <c r="L33504" s="6"/>
    </row>
    <row r="33505" spans="1:12">
      <c r="A33505" s="6" t="s">
        <v>33750</v>
      </c>
      <c r="B33505" s="6"/>
      <c r="C33505" s="6" t="s">
        <v>32230</v>
      </c>
      <c r="D33505" s="6"/>
      <c r="E33505" s="6" t="s">
        <v>9</v>
      </c>
      <c r="F33505" s="7">
        <v>29305</v>
      </c>
      <c r="G33505" s="8">
        <v>4338900</v>
      </c>
      <c r="H33505" s="8">
        <v>781002</v>
      </c>
      <c r="I33505" s="8">
        <v>3644676</v>
      </c>
      <c r="J33505" s="8">
        <v>694224</v>
      </c>
      <c r="K33505" s="9"/>
      <c r="L33505" s="6"/>
    </row>
    <row r="33506" spans="1:12">
      <c r="A33506" s="6" t="s">
        <v>33751</v>
      </c>
      <c r="B33506" s="6"/>
      <c r="C33506" s="6" t="s">
        <v>32230</v>
      </c>
      <c r="D33506" s="6"/>
      <c r="E33506" s="6" t="s">
        <v>9</v>
      </c>
      <c r="F33506" s="7">
        <v>29305</v>
      </c>
      <c r="G33506" s="8">
        <v>4681800</v>
      </c>
      <c r="H33506" s="8">
        <v>842724</v>
      </c>
      <c r="I33506" s="8">
        <v>3932712</v>
      </c>
      <c r="J33506" s="8">
        <v>749088</v>
      </c>
      <c r="K33506" s="9"/>
      <c r="L33506" s="6"/>
    </row>
    <row r="33507" spans="1:12">
      <c r="A33507" s="6" t="s">
        <v>33752</v>
      </c>
      <c r="B33507" s="6"/>
      <c r="C33507" s="6" t="s">
        <v>32230</v>
      </c>
      <c r="D33507" s="6"/>
      <c r="E33507" s="6" t="s">
        <v>9</v>
      </c>
      <c r="F33507" s="7">
        <v>29305</v>
      </c>
      <c r="G33507" s="8">
        <v>1614600</v>
      </c>
      <c r="H33507" s="8">
        <v>290628</v>
      </c>
      <c r="I33507" s="8">
        <v>1356264</v>
      </c>
      <c r="J33507" s="8">
        <v>258336</v>
      </c>
      <c r="K33507" s="9"/>
      <c r="L33507" s="6"/>
    </row>
    <row r="33508" spans="1:12">
      <c r="A33508" s="6" t="s">
        <v>33753</v>
      </c>
      <c r="B33508" s="6"/>
      <c r="C33508" s="6" t="s">
        <v>32230</v>
      </c>
      <c r="D33508" s="6"/>
      <c r="E33508" s="6" t="s">
        <v>9</v>
      </c>
      <c r="F33508" s="7">
        <v>31849</v>
      </c>
      <c r="G33508" s="8">
        <v>11456000</v>
      </c>
      <c r="H33508" s="8">
        <v>3665920</v>
      </c>
      <c r="I33508" s="8">
        <v>8019200</v>
      </c>
      <c r="J33508" s="8">
        <v>3436800</v>
      </c>
      <c r="K33508" s="9"/>
      <c r="L33508" s="6"/>
    </row>
    <row r="33509" spans="1:12">
      <c r="A33509" s="6" t="s">
        <v>33754</v>
      </c>
      <c r="B33509" s="6"/>
      <c r="C33509" s="6" t="s">
        <v>32230</v>
      </c>
      <c r="D33509" s="6"/>
      <c r="E33509" s="6" t="s">
        <v>9</v>
      </c>
      <c r="F33509" s="7">
        <v>29305</v>
      </c>
      <c r="G33509" s="8">
        <v>11599200</v>
      </c>
      <c r="H33509" s="8">
        <v>2087856</v>
      </c>
      <c r="I33509" s="8">
        <v>9743328</v>
      </c>
      <c r="J33509" s="8">
        <v>1855872</v>
      </c>
      <c r="K33509" s="9"/>
      <c r="L33509" s="6"/>
    </row>
    <row r="33510" spans="1:12">
      <c r="A33510" s="6" t="s">
        <v>33755</v>
      </c>
      <c r="B33510" s="6"/>
      <c r="C33510" s="6" t="s">
        <v>32230</v>
      </c>
      <c r="D33510" s="6"/>
      <c r="E33510" s="6" t="s">
        <v>9</v>
      </c>
      <c r="F33510" s="7">
        <v>29305</v>
      </c>
      <c r="G33510" s="8">
        <v>33984000</v>
      </c>
      <c r="H33510" s="8">
        <v>6117120</v>
      </c>
      <c r="I33510" s="8">
        <v>28546560</v>
      </c>
      <c r="J33510" s="8">
        <v>5437440</v>
      </c>
      <c r="K33510" s="9"/>
      <c r="L33510" s="6"/>
    </row>
    <row r="33511" spans="1:12">
      <c r="A33511" s="6" t="s">
        <v>33756</v>
      </c>
      <c r="B33511" s="6"/>
      <c r="C33511" s="6" t="s">
        <v>32230</v>
      </c>
      <c r="D33511" s="6"/>
      <c r="E33511" s="6" t="s">
        <v>9</v>
      </c>
      <c r="F33511" s="7">
        <v>43033</v>
      </c>
      <c r="G33511" s="8">
        <v>918000</v>
      </c>
      <c r="H33511" s="8">
        <v>733482</v>
      </c>
      <c r="I33511" s="8">
        <v>246024</v>
      </c>
      <c r="J33511" s="8">
        <v>671976</v>
      </c>
      <c r="K33511" s="9"/>
      <c r="L33511" s="6"/>
    </row>
    <row r="33512" spans="1:12">
      <c r="A33512" s="6" t="s">
        <v>33757</v>
      </c>
      <c r="B33512" s="6"/>
      <c r="C33512" s="6" t="s">
        <v>32230</v>
      </c>
      <c r="D33512" s="6"/>
      <c r="E33512" s="6" t="s">
        <v>9</v>
      </c>
      <c r="F33512" s="7">
        <v>29305</v>
      </c>
      <c r="G33512" s="8">
        <v>1649200</v>
      </c>
      <c r="H33512" s="8">
        <v>296856</v>
      </c>
      <c r="I33512" s="8">
        <v>1385328</v>
      </c>
      <c r="J33512" s="8">
        <v>263872</v>
      </c>
      <c r="K33512" s="9"/>
      <c r="L33512" s="6"/>
    </row>
    <row r="33513" spans="1:12">
      <c r="A33513" s="6" t="s">
        <v>33758</v>
      </c>
      <c r="B33513" s="6"/>
      <c r="C33513" s="6" t="s">
        <v>32230</v>
      </c>
      <c r="D33513" s="6"/>
      <c r="E33513" s="6" t="s">
        <v>9</v>
      </c>
      <c r="F33513" s="7">
        <v>29305</v>
      </c>
      <c r="G33513" s="8">
        <v>3714500</v>
      </c>
      <c r="H33513" s="8">
        <v>668610</v>
      </c>
      <c r="I33513" s="8">
        <v>3120180</v>
      </c>
      <c r="J33513" s="8">
        <v>594320</v>
      </c>
      <c r="K33513" s="9"/>
      <c r="L33513" s="6"/>
    </row>
    <row r="33514" spans="1:12">
      <c r="A33514" s="6" t="s">
        <v>33759</v>
      </c>
      <c r="B33514" s="6"/>
      <c r="C33514" s="6" t="s">
        <v>32230</v>
      </c>
      <c r="D33514" s="6"/>
      <c r="E33514" s="6" t="s">
        <v>9</v>
      </c>
      <c r="F33514" s="7">
        <v>29305</v>
      </c>
      <c r="G33514" s="8">
        <v>1428800</v>
      </c>
      <c r="H33514" s="8">
        <v>257184</v>
      </c>
      <c r="I33514" s="8">
        <v>1200192</v>
      </c>
      <c r="J33514" s="8">
        <v>228608</v>
      </c>
      <c r="K33514" s="9"/>
      <c r="L33514" s="6"/>
    </row>
    <row r="33515" spans="1:12">
      <c r="A33515" s="6" t="s">
        <v>33760</v>
      </c>
      <c r="B33515" s="6"/>
      <c r="C33515" s="6" t="s">
        <v>32230</v>
      </c>
      <c r="D33515" s="6"/>
      <c r="E33515" s="6" t="s">
        <v>9</v>
      </c>
      <c r="F33515" s="7">
        <v>29305</v>
      </c>
      <c r="G33515" s="8">
        <v>1471500</v>
      </c>
      <c r="H33515" s="8">
        <v>264870</v>
      </c>
      <c r="I33515" s="8">
        <v>1236060</v>
      </c>
      <c r="J33515" s="8">
        <v>235440</v>
      </c>
      <c r="K33515" s="9"/>
      <c r="L33515" s="6"/>
    </row>
    <row r="33516" spans="1:12">
      <c r="A33516" s="6" t="s">
        <v>33761</v>
      </c>
      <c r="B33516" s="6"/>
      <c r="C33516" s="6" t="s">
        <v>32230</v>
      </c>
      <c r="D33516" s="6"/>
      <c r="E33516" s="6" t="s">
        <v>9</v>
      </c>
      <c r="F33516" s="7">
        <v>31809</v>
      </c>
      <c r="G33516" s="8">
        <v>2371200</v>
      </c>
      <c r="H33516" s="8">
        <v>758784</v>
      </c>
      <c r="I33516" s="8">
        <v>1659840</v>
      </c>
      <c r="J33516" s="8">
        <v>711360</v>
      </c>
      <c r="K33516" s="9"/>
      <c r="L33516" s="6"/>
    </row>
    <row r="33517" spans="1:12">
      <c r="A33517" s="6" t="s">
        <v>33762</v>
      </c>
      <c r="B33517" s="6"/>
      <c r="C33517" s="6" t="s">
        <v>32230</v>
      </c>
      <c r="D33517" s="6"/>
      <c r="E33517" s="6" t="s">
        <v>9</v>
      </c>
      <c r="F33517" s="7">
        <v>29305</v>
      </c>
      <c r="G33517" s="8">
        <v>1360400</v>
      </c>
      <c r="H33517" s="8">
        <v>244872</v>
      </c>
      <c r="I33517" s="8">
        <v>1142736</v>
      </c>
      <c r="J33517" s="8">
        <v>217664</v>
      </c>
      <c r="K33517" s="9"/>
      <c r="L33517" s="6"/>
    </row>
    <row r="33518" spans="1:12">
      <c r="A33518" s="6" t="s">
        <v>33763</v>
      </c>
      <c r="B33518" s="6"/>
      <c r="C33518" s="6" t="s">
        <v>32230</v>
      </c>
      <c r="D33518" s="6"/>
      <c r="E33518" s="6" t="s">
        <v>9</v>
      </c>
      <c r="F33518" s="7">
        <v>29305</v>
      </c>
      <c r="G33518" s="8">
        <v>691200</v>
      </c>
      <c r="H33518" s="8">
        <v>124416</v>
      </c>
      <c r="I33518" s="8">
        <v>580608</v>
      </c>
      <c r="J33518" s="8">
        <v>110592</v>
      </c>
      <c r="K33518" s="9"/>
      <c r="L33518" s="6"/>
    </row>
    <row r="33519" spans="1:12">
      <c r="A33519" s="6" t="s">
        <v>33764</v>
      </c>
      <c r="B33519" s="6"/>
      <c r="C33519" s="6" t="s">
        <v>32230</v>
      </c>
      <c r="D33519" s="6"/>
      <c r="E33519" s="6" t="s">
        <v>9</v>
      </c>
      <c r="F33519" s="7">
        <v>29305</v>
      </c>
      <c r="G33519" s="8">
        <v>2697300</v>
      </c>
      <c r="H33519" s="8">
        <v>485514</v>
      </c>
      <c r="I33519" s="8">
        <v>2265732</v>
      </c>
      <c r="J33519" s="8">
        <v>431568</v>
      </c>
      <c r="K33519" s="9"/>
      <c r="L33519" s="6"/>
    </row>
    <row r="33520" spans="1:12">
      <c r="A33520" s="6" t="s">
        <v>33765</v>
      </c>
      <c r="B33520" s="6"/>
      <c r="C33520" s="6" t="s">
        <v>32230</v>
      </c>
      <c r="D33520" s="6"/>
      <c r="E33520" s="6" t="s">
        <v>9</v>
      </c>
      <c r="F33520" s="7">
        <v>29305</v>
      </c>
      <c r="G33520" s="8">
        <v>963900</v>
      </c>
      <c r="H33520" s="8">
        <v>173502</v>
      </c>
      <c r="I33520" s="8">
        <v>809676</v>
      </c>
      <c r="J33520" s="8">
        <v>154224</v>
      </c>
      <c r="K33520" s="9"/>
      <c r="L33520" s="6"/>
    </row>
    <row r="33521" spans="1:12">
      <c r="A33521" s="6" t="s">
        <v>33766</v>
      </c>
      <c r="B33521" s="6"/>
      <c r="C33521" s="6" t="s">
        <v>32230</v>
      </c>
      <c r="D33521" s="6"/>
      <c r="E33521" s="6" t="s">
        <v>9</v>
      </c>
      <c r="F33521" s="7">
        <v>29305</v>
      </c>
      <c r="G33521" s="8">
        <v>380000</v>
      </c>
      <c r="H33521" s="8">
        <v>68400</v>
      </c>
      <c r="I33521" s="8">
        <v>319200</v>
      </c>
      <c r="J33521" s="8">
        <v>60800</v>
      </c>
      <c r="K33521" s="9"/>
      <c r="L33521" s="6"/>
    </row>
    <row r="33522" spans="1:12">
      <c r="A33522" s="6" t="s">
        <v>33767</v>
      </c>
      <c r="B33522" s="6"/>
      <c r="C33522" s="6" t="s">
        <v>32230</v>
      </c>
      <c r="D33522" s="6"/>
      <c r="E33522" s="6" t="s">
        <v>9</v>
      </c>
      <c r="F33522" s="7">
        <v>29305</v>
      </c>
      <c r="G33522" s="8">
        <v>266000</v>
      </c>
      <c r="H33522" s="8">
        <v>47880</v>
      </c>
      <c r="I33522" s="8">
        <v>223440</v>
      </c>
      <c r="J33522" s="8">
        <v>42560</v>
      </c>
      <c r="K33522" s="9"/>
      <c r="L33522" s="6"/>
    </row>
    <row r="33523" spans="1:12">
      <c r="A33523" s="6" t="s">
        <v>33768</v>
      </c>
      <c r="B33523" s="6"/>
      <c r="C33523" s="6" t="s">
        <v>32230</v>
      </c>
      <c r="D33523" s="6"/>
      <c r="E33523" s="6" t="s">
        <v>9</v>
      </c>
      <c r="F33523" s="7">
        <v>29305</v>
      </c>
      <c r="G33523" s="8">
        <v>467400</v>
      </c>
      <c r="H33523" s="8">
        <v>84132</v>
      </c>
      <c r="I33523" s="8">
        <v>392616</v>
      </c>
      <c r="J33523" s="8">
        <v>74784</v>
      </c>
      <c r="K33523" s="9"/>
      <c r="L33523" s="6"/>
    </row>
    <row r="33524" spans="1:12">
      <c r="A33524" s="6" t="s">
        <v>33769</v>
      </c>
      <c r="B33524" s="6"/>
      <c r="C33524" s="6" t="s">
        <v>32230</v>
      </c>
      <c r="D33524" s="6"/>
      <c r="E33524" s="6" t="s">
        <v>9</v>
      </c>
      <c r="F33524" s="7">
        <v>29305</v>
      </c>
      <c r="G33524" s="8">
        <v>3061800</v>
      </c>
      <c r="H33524" s="8">
        <v>551124</v>
      </c>
      <c r="I33524" s="8">
        <v>2571912</v>
      </c>
      <c r="J33524" s="8">
        <v>489888</v>
      </c>
      <c r="K33524" s="9"/>
      <c r="L33524" s="6"/>
    </row>
    <row r="33525" spans="1:12">
      <c r="A33525" s="6" t="s">
        <v>33770</v>
      </c>
      <c r="B33525" s="6"/>
      <c r="C33525" s="6" t="s">
        <v>32230</v>
      </c>
      <c r="D33525" s="6"/>
      <c r="E33525" s="6" t="s">
        <v>9</v>
      </c>
      <c r="F33525" s="7">
        <v>29305</v>
      </c>
      <c r="G33525" s="8">
        <v>1035500</v>
      </c>
      <c r="H33525" s="8">
        <v>186390</v>
      </c>
      <c r="I33525" s="8">
        <v>869820</v>
      </c>
      <c r="J33525" s="8">
        <v>165680</v>
      </c>
      <c r="K33525" s="9"/>
      <c r="L33525" s="6"/>
    </row>
    <row r="33526" spans="1:12">
      <c r="A33526" s="6" t="s">
        <v>33771</v>
      </c>
      <c r="B33526" s="6"/>
      <c r="C33526" s="6" t="s">
        <v>32230</v>
      </c>
      <c r="D33526" s="6"/>
      <c r="E33526" s="6" t="s">
        <v>9</v>
      </c>
      <c r="F33526" s="7">
        <v>29677</v>
      </c>
      <c r="G33526" s="8">
        <v>2899800</v>
      </c>
      <c r="H33526" s="8">
        <v>637956</v>
      </c>
      <c r="I33526" s="8">
        <v>2319840</v>
      </c>
      <c r="J33526" s="8">
        <v>579960</v>
      </c>
      <c r="K33526" s="9"/>
      <c r="L33526" s="6"/>
    </row>
    <row r="33527" spans="1:12">
      <c r="A33527" s="6" t="s">
        <v>33772</v>
      </c>
      <c r="B33527" s="6"/>
      <c r="C33527" s="6" t="s">
        <v>32230</v>
      </c>
      <c r="D33527" s="6"/>
      <c r="E33527" s="6" t="s">
        <v>9</v>
      </c>
      <c r="F33527" s="7">
        <v>29677</v>
      </c>
      <c r="G33527" s="8">
        <v>8224200</v>
      </c>
      <c r="H33527" s="8">
        <v>1809324</v>
      </c>
      <c r="I33527" s="8">
        <v>6579360</v>
      </c>
      <c r="J33527" s="8">
        <v>1644840</v>
      </c>
      <c r="K33527" s="9"/>
      <c r="L33527" s="6"/>
    </row>
    <row r="33528" spans="1:12">
      <c r="A33528" s="6" t="s">
        <v>33773</v>
      </c>
      <c r="B33528" s="6"/>
      <c r="C33528" s="6" t="s">
        <v>32230</v>
      </c>
      <c r="D33528" s="6"/>
      <c r="E33528" s="6" t="s">
        <v>9</v>
      </c>
      <c r="F33528" s="7">
        <v>36615</v>
      </c>
      <c r="G33528" s="8">
        <v>52131600</v>
      </c>
      <c r="H33528" s="8">
        <v>30236328</v>
      </c>
      <c r="I33528" s="8">
        <v>22937904</v>
      </c>
      <c r="J33528" s="8">
        <v>29193696</v>
      </c>
      <c r="K33528" s="9"/>
      <c r="L33528" s="6"/>
    </row>
    <row r="33529" spans="1:12">
      <c r="A33529" s="6" t="s">
        <v>33774</v>
      </c>
      <c r="B33529" s="6"/>
      <c r="C33529" s="6" t="s">
        <v>32230</v>
      </c>
      <c r="D33529" s="6"/>
      <c r="E33529" s="6" t="s">
        <v>9</v>
      </c>
      <c r="F33529" s="7">
        <v>30406</v>
      </c>
      <c r="G33529" s="8">
        <v>3774600</v>
      </c>
      <c r="H33529" s="8">
        <v>905904</v>
      </c>
      <c r="I33529" s="8">
        <v>2944188</v>
      </c>
      <c r="J33529" s="8">
        <v>830412</v>
      </c>
      <c r="K33529" s="9"/>
      <c r="L33529" s="6"/>
    </row>
    <row r="33530" spans="1:12">
      <c r="A33530" s="6" t="s">
        <v>33775</v>
      </c>
      <c r="B33530" s="6"/>
      <c r="C33530" s="6" t="s">
        <v>32230</v>
      </c>
      <c r="D33530" s="6"/>
      <c r="E33530" s="6" t="s">
        <v>9</v>
      </c>
      <c r="F33530" s="7">
        <v>32947</v>
      </c>
      <c r="G33530" s="8">
        <v>4406400</v>
      </c>
      <c r="H33530" s="8">
        <v>1674432</v>
      </c>
      <c r="I33530" s="8">
        <v>2820096</v>
      </c>
      <c r="J33530" s="8">
        <v>1586304</v>
      </c>
      <c r="K33530" s="9"/>
      <c r="L33530" s="6"/>
    </row>
    <row r="33531" spans="1:12">
      <c r="A33531" s="6" t="s">
        <v>33776</v>
      </c>
      <c r="B33531" s="6"/>
      <c r="C33531" s="6" t="s">
        <v>32230</v>
      </c>
      <c r="D33531" s="6"/>
      <c r="E33531" s="6" t="s">
        <v>9</v>
      </c>
      <c r="F33531" s="7">
        <v>33248</v>
      </c>
      <c r="G33531" s="8">
        <v>13721800</v>
      </c>
      <c r="H33531" s="8">
        <v>5488720</v>
      </c>
      <c r="I33531" s="8">
        <v>8507516</v>
      </c>
      <c r="J33531" s="8">
        <v>5214284</v>
      </c>
      <c r="K33531" s="9"/>
      <c r="L33531" s="6"/>
    </row>
    <row r="33532" spans="1:12">
      <c r="A33532" s="6" t="s">
        <v>33777</v>
      </c>
      <c r="B33532" s="6"/>
      <c r="C33532" s="6" t="s">
        <v>32230</v>
      </c>
      <c r="D33532" s="6"/>
      <c r="E33532" s="6" t="s">
        <v>9</v>
      </c>
      <c r="F33532" s="7">
        <v>32889</v>
      </c>
      <c r="G33532" s="8">
        <v>423700</v>
      </c>
      <c r="H33532" s="8">
        <v>161006</v>
      </c>
      <c r="I33532" s="8">
        <v>271168</v>
      </c>
      <c r="J33532" s="8">
        <v>152532</v>
      </c>
      <c r="K33532" s="9"/>
      <c r="L33532" s="6"/>
    </row>
    <row r="33533" spans="1:12">
      <c r="A33533" s="6" t="s">
        <v>33778</v>
      </c>
      <c r="B33533" s="6"/>
      <c r="C33533" s="6" t="s">
        <v>32230</v>
      </c>
      <c r="D33533" s="6"/>
      <c r="E33533" s="6" t="s">
        <v>9</v>
      </c>
      <c r="F33533" s="7">
        <v>31137</v>
      </c>
      <c r="G33533" s="8">
        <v>969300</v>
      </c>
      <c r="H33533" s="8">
        <v>271404</v>
      </c>
      <c r="I33533" s="8">
        <v>717282</v>
      </c>
      <c r="J33533" s="8">
        <v>252018</v>
      </c>
      <c r="K33533" s="9"/>
      <c r="L33533" s="6"/>
    </row>
    <row r="33534" spans="1:12">
      <c r="A33534" s="6" t="s">
        <v>33779</v>
      </c>
      <c r="B33534" s="6"/>
      <c r="C33534" s="6" t="s">
        <v>32230</v>
      </c>
      <c r="D33534" s="6"/>
      <c r="E33534" s="6" t="s">
        <v>9</v>
      </c>
      <c r="F33534" s="7">
        <v>30406</v>
      </c>
      <c r="G33534" s="8">
        <v>6860700</v>
      </c>
      <c r="H33534" s="8">
        <v>1646568</v>
      </c>
      <c r="I33534" s="8">
        <v>5351346</v>
      </c>
      <c r="J33534" s="8">
        <v>1509354</v>
      </c>
      <c r="K33534" s="9"/>
      <c r="L33534" s="6"/>
    </row>
    <row r="33535" spans="1:12">
      <c r="A33535" s="6" t="s">
        <v>33780</v>
      </c>
      <c r="B33535" s="6"/>
      <c r="C33535" s="6" t="s">
        <v>32230</v>
      </c>
      <c r="D33535" s="6"/>
      <c r="E33535" s="6" t="s">
        <v>9</v>
      </c>
      <c r="F33535" s="7">
        <v>30406</v>
      </c>
      <c r="G33535" s="8">
        <v>815400</v>
      </c>
      <c r="H33535" s="8">
        <v>195696</v>
      </c>
      <c r="I33535" s="8">
        <v>636012</v>
      </c>
      <c r="J33535" s="8">
        <v>179388</v>
      </c>
      <c r="K33535" s="9"/>
      <c r="L33535" s="6"/>
    </row>
    <row r="33536" spans="1:12">
      <c r="A33536" s="6" t="s">
        <v>33781</v>
      </c>
      <c r="B33536" s="6"/>
      <c r="C33536" s="6" t="s">
        <v>32230</v>
      </c>
      <c r="D33536" s="6"/>
      <c r="E33536" s="6" t="s">
        <v>9</v>
      </c>
      <c r="F33536" s="7">
        <v>31866</v>
      </c>
      <c r="G33536" s="8">
        <v>1701000</v>
      </c>
      <c r="H33536" s="8">
        <v>544320</v>
      </c>
      <c r="I33536" s="8">
        <v>1190700</v>
      </c>
      <c r="J33536" s="8">
        <v>510300</v>
      </c>
      <c r="K33536" s="9"/>
      <c r="L33536" s="6"/>
    </row>
    <row r="33537" spans="1:12">
      <c r="A33537" s="6" t="s">
        <v>33782</v>
      </c>
      <c r="B33537" s="6"/>
      <c r="C33537" s="6" t="s">
        <v>32230</v>
      </c>
      <c r="D33537" s="6"/>
      <c r="E33537" s="6" t="s">
        <v>9</v>
      </c>
      <c r="F33537" s="7">
        <v>31137</v>
      </c>
      <c r="G33537" s="8">
        <v>5321700</v>
      </c>
      <c r="H33537" s="8">
        <v>1490076</v>
      </c>
      <c r="I33537" s="8">
        <v>3938058</v>
      </c>
      <c r="J33537" s="8">
        <v>1383642</v>
      </c>
      <c r="K33537" s="9"/>
      <c r="L33537" s="6"/>
    </row>
    <row r="33538" spans="1:12">
      <c r="A33538" s="6" t="s">
        <v>33783</v>
      </c>
      <c r="B33538" s="6"/>
      <c r="C33538" s="6" t="s">
        <v>32230</v>
      </c>
      <c r="D33538" s="6"/>
      <c r="E33538" s="6" t="s">
        <v>9</v>
      </c>
      <c r="F33538" s="7">
        <v>31137</v>
      </c>
      <c r="G33538" s="8">
        <v>3183300</v>
      </c>
      <c r="H33538" s="8">
        <v>891324</v>
      </c>
      <c r="I33538" s="8">
        <v>2355642</v>
      </c>
      <c r="J33538" s="8">
        <v>827658</v>
      </c>
      <c r="K33538" s="9"/>
      <c r="L33538" s="6"/>
    </row>
    <row r="33539" spans="1:12">
      <c r="A33539" s="6" t="s">
        <v>33784</v>
      </c>
      <c r="B33539" s="6"/>
      <c r="C33539" s="6" t="s">
        <v>32230</v>
      </c>
      <c r="D33539" s="6"/>
      <c r="E33539" s="6" t="s">
        <v>9</v>
      </c>
      <c r="F33539" s="7">
        <v>31137</v>
      </c>
      <c r="G33539" s="8">
        <v>4560000</v>
      </c>
      <c r="H33539" s="8">
        <v>1276800</v>
      </c>
      <c r="I33539" s="8">
        <v>3374400</v>
      </c>
      <c r="J33539" s="8">
        <v>1185600</v>
      </c>
      <c r="K33539" s="9"/>
      <c r="L33539" s="6"/>
    </row>
    <row r="33540" spans="1:12">
      <c r="A33540" s="6" t="s">
        <v>33785</v>
      </c>
      <c r="B33540" s="6"/>
      <c r="C33540" s="6" t="s">
        <v>32230</v>
      </c>
      <c r="D33540" s="6"/>
      <c r="E33540" s="6" t="s">
        <v>9</v>
      </c>
      <c r="F33540" s="7">
        <v>31137</v>
      </c>
      <c r="G33540" s="8">
        <v>1198800</v>
      </c>
      <c r="H33540" s="8">
        <v>335664</v>
      </c>
      <c r="I33540" s="8">
        <v>887112</v>
      </c>
      <c r="J33540" s="8">
        <v>311688</v>
      </c>
      <c r="K33540" s="9"/>
      <c r="L33540" s="6"/>
    </row>
    <row r="33541" spans="1:12">
      <c r="A33541" s="6" t="s">
        <v>33786</v>
      </c>
      <c r="B33541" s="6"/>
      <c r="C33541" s="6" t="s">
        <v>32230</v>
      </c>
      <c r="D33541" s="6"/>
      <c r="E33541" s="6" t="s">
        <v>9</v>
      </c>
      <c r="F33541" s="7">
        <v>33878</v>
      </c>
      <c r="G33541" s="8">
        <v>40873560</v>
      </c>
      <c r="H33541" s="8">
        <v>14551012</v>
      </c>
      <c r="I33541" s="8">
        <v>27262639</v>
      </c>
      <c r="J33541" s="8">
        <v>13610921</v>
      </c>
      <c r="K33541" s="9"/>
      <c r="L33541" s="6"/>
    </row>
    <row r="33542" spans="1:12">
      <c r="A33542" s="6" t="s">
        <v>33787</v>
      </c>
      <c r="B33542" s="6"/>
      <c r="C33542" s="6" t="s">
        <v>32230</v>
      </c>
      <c r="D33542" s="6"/>
      <c r="E33542" s="6" t="s">
        <v>9</v>
      </c>
      <c r="F33542" s="7">
        <v>34505</v>
      </c>
      <c r="G33542" s="8">
        <v>16499700</v>
      </c>
      <c r="H33542" s="8">
        <v>7919856</v>
      </c>
      <c r="I33542" s="8">
        <v>8909838</v>
      </c>
      <c r="J33542" s="8">
        <v>7589862</v>
      </c>
      <c r="K33542" s="9"/>
      <c r="L33542" s="6"/>
    </row>
    <row r="33543" spans="1:12">
      <c r="A33543" s="6" t="s">
        <v>33788</v>
      </c>
      <c r="B33543" s="6"/>
      <c r="C33543" s="6" t="s">
        <v>32230</v>
      </c>
      <c r="D33543" s="6"/>
      <c r="E33543" s="6" t="s">
        <v>9</v>
      </c>
      <c r="F33543" s="7">
        <v>34505</v>
      </c>
      <c r="G33543" s="8">
        <v>16175700</v>
      </c>
      <c r="H33543" s="8">
        <v>7764336</v>
      </c>
      <c r="I33543" s="8">
        <v>8734878</v>
      </c>
      <c r="J33543" s="8">
        <v>7440822</v>
      </c>
      <c r="K33543" s="9"/>
      <c r="L33543" s="6"/>
    </row>
    <row r="33544" spans="1:12">
      <c r="A33544" s="6" t="s">
        <v>33789</v>
      </c>
      <c r="B33544" s="6"/>
      <c r="C33544" s="6" t="s">
        <v>32230</v>
      </c>
      <c r="D33544" s="6"/>
      <c r="E33544" s="6" t="s">
        <v>9</v>
      </c>
      <c r="F33544" s="7">
        <v>31472</v>
      </c>
      <c r="G33544" s="8">
        <v>5589000</v>
      </c>
      <c r="H33544" s="8">
        <v>1676700</v>
      </c>
      <c r="I33544" s="8">
        <v>4024080</v>
      </c>
      <c r="J33544" s="8">
        <v>1564920</v>
      </c>
      <c r="K33544" s="9"/>
      <c r="L33544" s="6"/>
    </row>
    <row r="33545" spans="1:12">
      <c r="A33545" s="6" t="s">
        <v>33790</v>
      </c>
      <c r="B33545" s="6"/>
      <c r="C33545" s="6" t="s">
        <v>32230</v>
      </c>
      <c r="D33545" s="6"/>
      <c r="E33545" s="6" t="s">
        <v>9</v>
      </c>
      <c r="F33545" s="7">
        <v>32947</v>
      </c>
      <c r="G33545" s="8">
        <v>6714900</v>
      </c>
      <c r="H33545" s="8">
        <v>2551662</v>
      </c>
      <c r="I33545" s="8">
        <v>4297536</v>
      </c>
      <c r="J33545" s="8">
        <v>2417364</v>
      </c>
      <c r="K33545" s="9"/>
      <c r="L33545" s="6"/>
    </row>
    <row r="33546" spans="1:12">
      <c r="A33546" s="6" t="s">
        <v>33791</v>
      </c>
      <c r="B33546" s="6"/>
      <c r="C33546" s="6" t="s">
        <v>32230</v>
      </c>
      <c r="D33546" s="6"/>
      <c r="E33546" s="6" t="s">
        <v>9</v>
      </c>
      <c r="F33546" s="7">
        <v>39169</v>
      </c>
      <c r="G33546" s="8">
        <v>6617700</v>
      </c>
      <c r="H33546" s="8">
        <v>4764744</v>
      </c>
      <c r="I33546" s="8">
        <v>1985310</v>
      </c>
      <c r="J33546" s="8">
        <v>4632390</v>
      </c>
      <c r="K33546" s="9"/>
      <c r="L33546" s="6"/>
    </row>
    <row r="33547" spans="1:12">
      <c r="A33547" s="6" t="s">
        <v>33792</v>
      </c>
      <c r="B33547" s="6"/>
      <c r="C33547" s="6" t="s">
        <v>32230</v>
      </c>
      <c r="D33547" s="6"/>
      <c r="E33547" s="6" t="s">
        <v>9</v>
      </c>
      <c r="F33547" s="7">
        <v>31801</v>
      </c>
      <c r="G33547" s="8">
        <v>2349000</v>
      </c>
      <c r="H33547" s="8">
        <v>751680</v>
      </c>
      <c r="I33547" s="8">
        <v>1644300</v>
      </c>
      <c r="J33547" s="8">
        <v>704700</v>
      </c>
      <c r="K33547" s="9"/>
      <c r="L33547" s="6"/>
    </row>
    <row r="33548" spans="1:12">
      <c r="A33548" s="6" t="s">
        <v>33793</v>
      </c>
      <c r="B33548" s="6"/>
      <c r="C33548" s="6" t="s">
        <v>32230</v>
      </c>
      <c r="D33548" s="6"/>
      <c r="E33548" s="6" t="s">
        <v>9</v>
      </c>
      <c r="F33548" s="7">
        <v>31801</v>
      </c>
      <c r="G33548" s="8">
        <v>1105800</v>
      </c>
      <c r="H33548" s="8">
        <v>353856</v>
      </c>
      <c r="I33548" s="8">
        <v>774060</v>
      </c>
      <c r="J33548" s="8">
        <v>331740</v>
      </c>
      <c r="K33548" s="9"/>
      <c r="L33548" s="6"/>
    </row>
    <row r="33549" spans="1:12">
      <c r="A33549" s="6" t="s">
        <v>33794</v>
      </c>
      <c r="B33549" s="6"/>
      <c r="C33549" s="6" t="s">
        <v>32230</v>
      </c>
      <c r="D33549" s="6"/>
      <c r="E33549" s="6" t="s">
        <v>9</v>
      </c>
      <c r="F33549" s="7">
        <v>31801</v>
      </c>
      <c r="G33549" s="8">
        <v>5265000</v>
      </c>
      <c r="H33549" s="8">
        <v>1684800</v>
      </c>
      <c r="I33549" s="8">
        <v>3685500</v>
      </c>
      <c r="J33549" s="8">
        <v>1579500</v>
      </c>
      <c r="K33549" s="9"/>
      <c r="L33549" s="6"/>
    </row>
    <row r="33550" spans="1:12">
      <c r="A33550" s="6" t="s">
        <v>33795</v>
      </c>
      <c r="B33550" s="6"/>
      <c r="C33550" s="6" t="s">
        <v>32230</v>
      </c>
      <c r="D33550" s="6"/>
      <c r="E33550" s="6" t="s">
        <v>9</v>
      </c>
      <c r="F33550" s="7">
        <v>33592</v>
      </c>
      <c r="G33550" s="8">
        <v>756200</v>
      </c>
      <c r="H33550" s="8">
        <v>317604</v>
      </c>
      <c r="I33550" s="8">
        <v>453720</v>
      </c>
      <c r="J33550" s="8">
        <v>302480</v>
      </c>
      <c r="K33550" s="9"/>
      <c r="L33550" s="6"/>
    </row>
    <row r="33551" spans="1:12">
      <c r="A33551" s="6" t="s">
        <v>33796</v>
      </c>
      <c r="B33551" s="6"/>
      <c r="C33551" s="6" t="s">
        <v>32230</v>
      </c>
      <c r="D33551" s="6"/>
      <c r="E33551" s="6" t="s">
        <v>9</v>
      </c>
      <c r="F33551" s="7">
        <v>33592</v>
      </c>
      <c r="G33551" s="8">
        <v>437400</v>
      </c>
      <c r="H33551" s="8">
        <v>183708</v>
      </c>
      <c r="I33551" s="8">
        <v>262440</v>
      </c>
      <c r="J33551" s="8">
        <v>174960</v>
      </c>
      <c r="K33551" s="9"/>
      <c r="L33551" s="6"/>
    </row>
    <row r="33552" spans="1:12">
      <c r="A33552" s="6" t="s">
        <v>33797</v>
      </c>
      <c r="B33552" s="6"/>
      <c r="C33552" s="6" t="s">
        <v>32230</v>
      </c>
      <c r="D33552" s="6"/>
      <c r="E33552" s="6" t="s">
        <v>9</v>
      </c>
      <c r="F33552" s="7">
        <v>32889</v>
      </c>
      <c r="G33552" s="8">
        <v>1335700</v>
      </c>
      <c r="H33552" s="8">
        <v>507566</v>
      </c>
      <c r="I33552" s="8">
        <v>854848</v>
      </c>
      <c r="J33552" s="8">
        <v>480852</v>
      </c>
      <c r="K33552" s="9"/>
      <c r="L33552" s="6"/>
    </row>
    <row r="33553" spans="1:12">
      <c r="A33553" s="6" t="s">
        <v>33798</v>
      </c>
      <c r="B33553" s="6"/>
      <c r="C33553" s="6" t="s">
        <v>32230</v>
      </c>
      <c r="D33553" s="6"/>
      <c r="E33553" s="6" t="s">
        <v>9</v>
      </c>
      <c r="F33553" s="7">
        <v>39169</v>
      </c>
      <c r="G33553" s="8">
        <v>18611200</v>
      </c>
      <c r="H33553" s="8">
        <v>13400064</v>
      </c>
      <c r="I33553" s="8">
        <v>5583360</v>
      </c>
      <c r="J33553" s="8">
        <v>13027840</v>
      </c>
      <c r="K33553" s="9"/>
      <c r="L33553" s="6"/>
    </row>
    <row r="33554" spans="1:12">
      <c r="A33554" s="6" t="s">
        <v>33799</v>
      </c>
      <c r="B33554" s="6"/>
      <c r="C33554" s="6" t="s">
        <v>32230</v>
      </c>
      <c r="D33554" s="6"/>
      <c r="E33554" s="6" t="s">
        <v>9</v>
      </c>
      <c r="F33554" s="7">
        <v>38439</v>
      </c>
      <c r="G33554" s="8">
        <v>5629500</v>
      </c>
      <c r="H33554" s="8">
        <v>3828060</v>
      </c>
      <c r="I33554" s="8">
        <v>1914030</v>
      </c>
      <c r="J33554" s="8">
        <v>3715470</v>
      </c>
      <c r="K33554" s="9"/>
      <c r="L33554" s="6"/>
    </row>
    <row r="33555" spans="1:12">
      <c r="A33555" s="6" t="s">
        <v>33800</v>
      </c>
      <c r="B33555" s="6"/>
      <c r="C33555" s="6" t="s">
        <v>32230</v>
      </c>
      <c r="D33555" s="6"/>
      <c r="E33555" s="6" t="s">
        <v>9</v>
      </c>
      <c r="F33555" s="7">
        <v>39169</v>
      </c>
      <c r="G33555" s="8">
        <v>1482300</v>
      </c>
      <c r="H33555" s="8">
        <v>1067256</v>
      </c>
      <c r="I33555" s="8">
        <v>444690</v>
      </c>
      <c r="J33555" s="8">
        <v>1037610</v>
      </c>
      <c r="K33555" s="9"/>
      <c r="L33555" s="6"/>
    </row>
    <row r="33556" spans="1:12">
      <c r="A33556" s="6" t="s">
        <v>33801</v>
      </c>
      <c r="B33556" s="6"/>
      <c r="C33556" s="6" t="s">
        <v>32230</v>
      </c>
      <c r="D33556" s="6"/>
      <c r="E33556" s="6" t="s">
        <v>9</v>
      </c>
      <c r="F33556" s="7">
        <v>31500</v>
      </c>
      <c r="G33556" s="8">
        <v>4239000</v>
      </c>
      <c r="H33556" s="8">
        <v>1271700</v>
      </c>
      <c r="I33556" s="8">
        <v>3052080</v>
      </c>
      <c r="J33556" s="8">
        <v>1186920</v>
      </c>
      <c r="K33556" s="9"/>
      <c r="L33556" s="6"/>
    </row>
    <row r="33557" spans="1:12">
      <c r="A33557" s="6" t="s">
        <v>33802</v>
      </c>
      <c r="B33557" s="6"/>
      <c r="C33557" s="6" t="s">
        <v>32230</v>
      </c>
      <c r="D33557" s="6"/>
      <c r="E33557" s="6" t="s">
        <v>9</v>
      </c>
      <c r="F33557" s="7">
        <v>29305</v>
      </c>
      <c r="G33557" s="8">
        <v>23773500</v>
      </c>
      <c r="H33557" s="8">
        <v>4279230</v>
      </c>
      <c r="I33557" s="8">
        <v>19969740</v>
      </c>
      <c r="J33557" s="8">
        <v>3803760</v>
      </c>
      <c r="K33557" s="9"/>
      <c r="L33557" s="6"/>
    </row>
    <row r="33558" spans="1:12">
      <c r="A33558" s="6" t="s">
        <v>33803</v>
      </c>
      <c r="B33558" s="6"/>
      <c r="C33558" s="6" t="s">
        <v>32230</v>
      </c>
      <c r="D33558" s="6"/>
      <c r="E33558" s="6" t="s">
        <v>9</v>
      </c>
      <c r="F33558" s="7">
        <v>29305</v>
      </c>
      <c r="G33558" s="8">
        <v>10084500</v>
      </c>
      <c r="H33558" s="8">
        <v>1815210</v>
      </c>
      <c r="I33558" s="8">
        <v>8470980</v>
      </c>
      <c r="J33558" s="8">
        <v>1613520</v>
      </c>
      <c r="K33558" s="9"/>
      <c r="L33558" s="6"/>
    </row>
    <row r="33559" spans="1:12">
      <c r="A33559" s="6" t="s">
        <v>33804</v>
      </c>
      <c r="B33559" s="6"/>
      <c r="C33559" s="6" t="s">
        <v>32230</v>
      </c>
      <c r="D33559" s="6"/>
      <c r="E33559" s="6" t="s">
        <v>9</v>
      </c>
      <c r="F33559" s="7">
        <v>29305</v>
      </c>
      <c r="G33559" s="8">
        <v>9801000</v>
      </c>
      <c r="H33559" s="8">
        <v>1764180</v>
      </c>
      <c r="I33559" s="8">
        <v>8232840</v>
      </c>
      <c r="J33559" s="8">
        <v>1568160</v>
      </c>
      <c r="K33559" s="9"/>
      <c r="L33559" s="6"/>
    </row>
    <row r="33560" spans="1:12">
      <c r="A33560" s="6" t="s">
        <v>33805</v>
      </c>
      <c r="B33560" s="6"/>
      <c r="C33560" s="6" t="s">
        <v>32230</v>
      </c>
      <c r="D33560" s="6"/>
      <c r="E33560" s="6" t="s">
        <v>9</v>
      </c>
      <c r="F33560" s="7">
        <v>29305</v>
      </c>
      <c r="G33560" s="8">
        <v>8302500</v>
      </c>
      <c r="H33560" s="8">
        <v>1494450</v>
      </c>
      <c r="I33560" s="8">
        <v>6974100</v>
      </c>
      <c r="J33560" s="8">
        <v>1328400</v>
      </c>
      <c r="K33560" s="9"/>
      <c r="L33560" s="6"/>
    </row>
    <row r="33561" spans="1:12">
      <c r="A33561" s="6" t="s">
        <v>33806</v>
      </c>
      <c r="B33561" s="6"/>
      <c r="C33561" s="6" t="s">
        <v>32230</v>
      </c>
      <c r="D33561" s="6"/>
      <c r="E33561" s="6" t="s">
        <v>9</v>
      </c>
      <c r="F33561" s="7">
        <v>29305</v>
      </c>
      <c r="G33561" s="8">
        <v>3361500</v>
      </c>
      <c r="H33561" s="8">
        <v>605070</v>
      </c>
      <c r="I33561" s="8">
        <v>2823660</v>
      </c>
      <c r="J33561" s="8">
        <v>537840</v>
      </c>
      <c r="K33561" s="9"/>
      <c r="L33561" s="6"/>
    </row>
    <row r="33562" spans="1:12">
      <c r="A33562" s="6" t="s">
        <v>33807</v>
      </c>
      <c r="B33562" s="6"/>
      <c r="C33562" s="6" t="s">
        <v>32230</v>
      </c>
      <c r="D33562" s="6"/>
      <c r="E33562" s="6" t="s">
        <v>9</v>
      </c>
      <c r="F33562" s="7">
        <v>29305</v>
      </c>
      <c r="G33562" s="8">
        <v>19148400</v>
      </c>
      <c r="H33562" s="8">
        <v>3446712</v>
      </c>
      <c r="I33562" s="8">
        <v>16084656</v>
      </c>
      <c r="J33562" s="8">
        <v>3063744</v>
      </c>
      <c r="K33562" s="9"/>
      <c r="L33562" s="6"/>
    </row>
    <row r="33563" spans="1:12">
      <c r="A33563" s="6" t="s">
        <v>33808</v>
      </c>
      <c r="B33563" s="6"/>
      <c r="C33563" s="6" t="s">
        <v>32230</v>
      </c>
      <c r="D33563" s="6"/>
      <c r="E33563" s="6" t="s">
        <v>9</v>
      </c>
      <c r="F33563" s="7">
        <v>29305</v>
      </c>
      <c r="G33563" s="8">
        <v>13000500</v>
      </c>
      <c r="H33563" s="8">
        <v>2340090</v>
      </c>
      <c r="I33563" s="8">
        <v>10920420</v>
      </c>
      <c r="J33563" s="8">
        <v>2080080</v>
      </c>
      <c r="K33563" s="9"/>
      <c r="L33563" s="6"/>
    </row>
    <row r="33564" spans="1:12">
      <c r="A33564" s="6" t="s">
        <v>33809</v>
      </c>
      <c r="B33564" s="6"/>
      <c r="C33564" s="6" t="s">
        <v>32230</v>
      </c>
      <c r="D33564" s="6"/>
      <c r="E33564" s="6" t="s">
        <v>9</v>
      </c>
      <c r="F33564" s="7">
        <v>29305</v>
      </c>
      <c r="G33564" s="8">
        <v>3855600</v>
      </c>
      <c r="H33564" s="8">
        <v>694008</v>
      </c>
      <c r="I33564" s="8">
        <v>3238704</v>
      </c>
      <c r="J33564" s="8">
        <v>616896</v>
      </c>
      <c r="K33564" s="9"/>
      <c r="L33564" s="6"/>
    </row>
    <row r="33565" spans="1:12">
      <c r="A33565" s="6" t="s">
        <v>33810</v>
      </c>
      <c r="B33565" s="6"/>
      <c r="C33565" s="6" t="s">
        <v>32230</v>
      </c>
      <c r="D33565" s="6"/>
      <c r="E33565" s="6" t="s">
        <v>9</v>
      </c>
      <c r="F33565" s="7">
        <v>29305</v>
      </c>
      <c r="G33565" s="8">
        <v>2349000</v>
      </c>
      <c r="H33565" s="8">
        <v>422820</v>
      </c>
      <c r="I33565" s="8">
        <v>1973160</v>
      </c>
      <c r="J33565" s="8">
        <v>375840</v>
      </c>
      <c r="K33565" s="9"/>
      <c r="L33565" s="6"/>
    </row>
    <row r="33566" spans="1:12">
      <c r="A33566" s="6" t="s">
        <v>33811</v>
      </c>
      <c r="B33566" s="6"/>
      <c r="C33566" s="6" t="s">
        <v>32230</v>
      </c>
      <c r="D33566" s="6"/>
      <c r="E33566" s="6" t="s">
        <v>9</v>
      </c>
      <c r="F33566" s="7">
        <v>30406</v>
      </c>
      <c r="G33566" s="8">
        <v>10975500</v>
      </c>
      <c r="H33566" s="8">
        <v>2634120</v>
      </c>
      <c r="I33566" s="8">
        <v>8560890</v>
      </c>
      <c r="J33566" s="8">
        <v>2414610</v>
      </c>
      <c r="K33566" s="9"/>
      <c r="L33566" s="6"/>
    </row>
    <row r="33567" spans="1:12">
      <c r="A33567" s="6" t="s">
        <v>33812</v>
      </c>
      <c r="B33567" s="6"/>
      <c r="C33567" s="6" t="s">
        <v>32230</v>
      </c>
      <c r="D33567" s="6"/>
      <c r="E33567" s="6" t="s">
        <v>9</v>
      </c>
      <c r="F33567" s="7">
        <v>31866</v>
      </c>
      <c r="G33567" s="8">
        <v>880200</v>
      </c>
      <c r="H33567" s="8">
        <v>281664</v>
      </c>
      <c r="I33567" s="8">
        <v>616140</v>
      </c>
      <c r="J33567" s="8">
        <v>264060</v>
      </c>
      <c r="K33567" s="9"/>
      <c r="L33567" s="6"/>
    </row>
    <row r="33568" spans="1:12">
      <c r="A33568" s="6" t="s">
        <v>33813</v>
      </c>
      <c r="B33568" s="6"/>
      <c r="C33568" s="6" t="s">
        <v>32230</v>
      </c>
      <c r="D33568" s="6"/>
      <c r="E33568" s="6" t="s">
        <v>9</v>
      </c>
      <c r="F33568" s="7">
        <v>29305</v>
      </c>
      <c r="G33568" s="8">
        <v>27724800</v>
      </c>
      <c r="H33568" s="8">
        <v>4990464</v>
      </c>
      <c r="I33568" s="8">
        <v>23288832</v>
      </c>
      <c r="J33568" s="8">
        <v>4435968</v>
      </c>
      <c r="K33568" s="9"/>
      <c r="L33568" s="6"/>
    </row>
    <row r="33569" spans="1:12">
      <c r="A33569" s="6" t="s">
        <v>33814</v>
      </c>
      <c r="B33569" s="6"/>
      <c r="C33569" s="6" t="s">
        <v>32230</v>
      </c>
      <c r="D33569" s="6"/>
      <c r="E33569" s="6" t="s">
        <v>9</v>
      </c>
      <c r="F33569" s="7">
        <v>29305</v>
      </c>
      <c r="G33569" s="8">
        <v>27840000</v>
      </c>
      <c r="H33569" s="8">
        <v>5011200</v>
      </c>
      <c r="I33569" s="8">
        <v>23385600</v>
      </c>
      <c r="J33569" s="8">
        <v>4454400</v>
      </c>
      <c r="K33569" s="9"/>
      <c r="L33569" s="6"/>
    </row>
    <row r="33570" spans="1:12">
      <c r="A33570" s="6" t="s">
        <v>33815</v>
      </c>
      <c r="B33570" s="6"/>
      <c r="C33570" s="6" t="s">
        <v>32230</v>
      </c>
      <c r="D33570" s="6"/>
      <c r="E33570" s="6" t="s">
        <v>9</v>
      </c>
      <c r="F33570" s="7">
        <v>29305</v>
      </c>
      <c r="G33570" s="8">
        <v>27814400</v>
      </c>
      <c r="H33570" s="8">
        <v>5006592</v>
      </c>
      <c r="I33570" s="8">
        <v>23364096</v>
      </c>
      <c r="J33570" s="8">
        <v>4450304</v>
      </c>
      <c r="K33570" s="9"/>
      <c r="L33570" s="6"/>
    </row>
    <row r="33571" spans="1:12">
      <c r="A33571" s="6" t="s">
        <v>33816</v>
      </c>
      <c r="B33571" s="6"/>
      <c r="C33571" s="6" t="s">
        <v>32230</v>
      </c>
      <c r="D33571" s="6"/>
      <c r="E33571" s="6" t="s">
        <v>9</v>
      </c>
      <c r="F33571" s="7">
        <v>29305</v>
      </c>
      <c r="G33571" s="8">
        <v>27865600</v>
      </c>
      <c r="H33571" s="8">
        <v>5015808</v>
      </c>
      <c r="I33571" s="8">
        <v>23407104</v>
      </c>
      <c r="J33571" s="8">
        <v>4458496</v>
      </c>
      <c r="K33571" s="9"/>
      <c r="L33571" s="6"/>
    </row>
    <row r="33572" spans="1:12">
      <c r="A33572" s="6" t="s">
        <v>33817</v>
      </c>
      <c r="B33572" s="6"/>
      <c r="C33572" s="6" t="s">
        <v>32230</v>
      </c>
      <c r="D33572" s="6"/>
      <c r="E33572" s="6"/>
      <c r="F33572" s="7">
        <v>43922</v>
      </c>
      <c r="G33572" s="8">
        <v>1213300</v>
      </c>
      <c r="H33572" s="8">
        <v>1213300</v>
      </c>
      <c r="I33572" s="8">
        <v>24266</v>
      </c>
      <c r="J33572" s="8">
        <v>1189034</v>
      </c>
      <c r="K33572" s="9"/>
      <c r="L33572" s="6"/>
    </row>
    <row r="33573" spans="1:12">
      <c r="A33573" s="6" t="s">
        <v>33817</v>
      </c>
      <c r="B33573" s="6"/>
      <c r="C33573" s="6" t="s">
        <v>32230</v>
      </c>
      <c r="D33573" s="6"/>
      <c r="E33573" s="6" t="s">
        <v>9</v>
      </c>
      <c r="F33573" s="7">
        <v>29305</v>
      </c>
      <c r="G33573" s="8">
        <v>28032000</v>
      </c>
      <c r="H33573" s="8">
        <v>5045760</v>
      </c>
      <c r="I33573" s="8">
        <v>23546880</v>
      </c>
      <c r="J33573" s="8">
        <v>4485120</v>
      </c>
      <c r="K33573" s="9"/>
      <c r="L33573" s="6"/>
    </row>
    <row r="33574" spans="1:12">
      <c r="A33574" s="6" t="s">
        <v>33818</v>
      </c>
      <c r="B33574" s="6"/>
      <c r="C33574" s="6" t="s">
        <v>32230</v>
      </c>
      <c r="D33574" s="6"/>
      <c r="E33574" s="6" t="s">
        <v>9</v>
      </c>
      <c r="F33574" s="7">
        <v>29305</v>
      </c>
      <c r="G33574" s="8">
        <v>112998400</v>
      </c>
      <c r="H33574" s="8">
        <v>20339712</v>
      </c>
      <c r="I33574" s="8">
        <v>94918656</v>
      </c>
      <c r="J33574" s="8">
        <v>18079744</v>
      </c>
      <c r="K33574" s="9"/>
      <c r="L33574" s="6"/>
    </row>
    <row r="33575" spans="1:12">
      <c r="A33575" s="6" t="s">
        <v>33819</v>
      </c>
      <c r="B33575" s="6"/>
      <c r="C33575" s="6" t="s">
        <v>32230</v>
      </c>
      <c r="D33575" s="6"/>
      <c r="E33575" s="6" t="s">
        <v>9</v>
      </c>
      <c r="F33575" s="7">
        <v>42804</v>
      </c>
      <c r="G33575" s="8">
        <v>1285200</v>
      </c>
      <c r="H33575" s="8">
        <v>1182384</v>
      </c>
      <c r="I33575" s="8">
        <v>128520</v>
      </c>
      <c r="J33575" s="8">
        <v>1156680</v>
      </c>
      <c r="K33575" s="9"/>
      <c r="L33575" s="6"/>
    </row>
    <row r="33576" spans="1:12">
      <c r="A33576" s="6" t="s">
        <v>33820</v>
      </c>
      <c r="B33576" s="6"/>
      <c r="C33576" s="6" t="s">
        <v>32230</v>
      </c>
      <c r="D33576" s="6"/>
      <c r="E33576" s="6" t="s">
        <v>9</v>
      </c>
      <c r="F33576" s="7">
        <v>29305</v>
      </c>
      <c r="G33576" s="8">
        <v>42060800</v>
      </c>
      <c r="H33576" s="8">
        <v>7570944</v>
      </c>
      <c r="I33576" s="8">
        <v>35331072</v>
      </c>
      <c r="J33576" s="8">
        <v>6729728</v>
      </c>
      <c r="K33576" s="9"/>
      <c r="L33576" s="6"/>
    </row>
    <row r="33577" spans="1:12">
      <c r="A33577" s="6" t="s">
        <v>33821</v>
      </c>
      <c r="B33577" s="6"/>
      <c r="C33577" s="6" t="s">
        <v>32230</v>
      </c>
      <c r="D33577" s="6"/>
      <c r="E33577" s="6" t="s">
        <v>9</v>
      </c>
      <c r="F33577" s="7">
        <v>29305</v>
      </c>
      <c r="G33577" s="8">
        <v>42176000</v>
      </c>
      <c r="H33577" s="8">
        <v>7591680</v>
      </c>
      <c r="I33577" s="8">
        <v>35427840</v>
      </c>
      <c r="J33577" s="8">
        <v>6748160</v>
      </c>
      <c r="K33577" s="9"/>
      <c r="L33577" s="6"/>
    </row>
    <row r="33578" spans="1:12">
      <c r="A33578" s="6" t="s">
        <v>33822</v>
      </c>
      <c r="B33578" s="6"/>
      <c r="C33578" s="6" t="s">
        <v>32230</v>
      </c>
      <c r="D33578" s="6"/>
      <c r="E33578" s="6" t="s">
        <v>9</v>
      </c>
      <c r="F33578" s="7">
        <v>29305</v>
      </c>
      <c r="G33578" s="8">
        <v>23040000</v>
      </c>
      <c r="H33578" s="8">
        <v>4147200</v>
      </c>
      <c r="I33578" s="8">
        <v>19353600</v>
      </c>
      <c r="J33578" s="8">
        <v>3686400</v>
      </c>
      <c r="K33578" s="9"/>
      <c r="L33578" s="6"/>
    </row>
    <row r="33579" spans="1:12">
      <c r="A33579" s="6" t="s">
        <v>33823</v>
      </c>
      <c r="B33579" s="6"/>
      <c r="C33579" s="6" t="s">
        <v>32230</v>
      </c>
      <c r="D33579" s="6"/>
      <c r="E33579" s="6" t="s">
        <v>9</v>
      </c>
      <c r="F33579" s="7">
        <v>29305</v>
      </c>
      <c r="G33579" s="8">
        <v>65792000</v>
      </c>
      <c r="H33579" s="8">
        <v>11842560</v>
      </c>
      <c r="I33579" s="8">
        <v>55265280</v>
      </c>
      <c r="J33579" s="8">
        <v>10526720</v>
      </c>
      <c r="K33579" s="9"/>
      <c r="L33579" s="6"/>
    </row>
    <row r="33580" spans="1:12">
      <c r="A33580" s="6" t="s">
        <v>33824</v>
      </c>
      <c r="B33580" s="6"/>
      <c r="C33580" s="6" t="s">
        <v>32230</v>
      </c>
      <c r="D33580" s="6"/>
      <c r="E33580" s="6" t="s">
        <v>9</v>
      </c>
      <c r="F33580" s="7">
        <v>29677</v>
      </c>
      <c r="G33580" s="8">
        <v>6966000</v>
      </c>
      <c r="H33580" s="8">
        <v>1532520</v>
      </c>
      <c r="I33580" s="8">
        <v>5572800</v>
      </c>
      <c r="J33580" s="8">
        <v>1393200</v>
      </c>
      <c r="K33580" s="9"/>
      <c r="L33580" s="6"/>
    </row>
    <row r="33581" spans="1:12">
      <c r="A33581" s="6" t="s">
        <v>33825</v>
      </c>
      <c r="B33581" s="6"/>
      <c r="C33581" s="6" t="s">
        <v>32230</v>
      </c>
      <c r="D33581" s="6"/>
      <c r="E33581" s="6" t="s">
        <v>9</v>
      </c>
      <c r="F33581" s="7">
        <v>29305</v>
      </c>
      <c r="G33581" s="8">
        <v>22356000</v>
      </c>
      <c r="H33581" s="8">
        <v>4024080</v>
      </c>
      <c r="I33581" s="8">
        <v>18779040</v>
      </c>
      <c r="J33581" s="8">
        <v>3576960</v>
      </c>
      <c r="K33581" s="9"/>
      <c r="L33581" s="6"/>
    </row>
    <row r="33582" spans="1:12">
      <c r="A33582" s="6" t="s">
        <v>33826</v>
      </c>
      <c r="B33582" s="6"/>
      <c r="C33582" s="6" t="s">
        <v>32230</v>
      </c>
      <c r="D33582" s="6"/>
      <c r="E33582" s="6" t="s">
        <v>9</v>
      </c>
      <c r="F33582" s="7">
        <v>32947</v>
      </c>
      <c r="G33582" s="8">
        <v>12393000</v>
      </c>
      <c r="H33582" s="8">
        <v>4709340</v>
      </c>
      <c r="I33582" s="8">
        <v>7931520</v>
      </c>
      <c r="J33582" s="8">
        <v>4461480</v>
      </c>
      <c r="K33582" s="9"/>
      <c r="L33582" s="6"/>
    </row>
    <row r="33583" spans="1:12">
      <c r="A33583" s="6" t="s">
        <v>33827</v>
      </c>
      <c r="B33583" s="6"/>
      <c r="C33583" s="6" t="s">
        <v>32230</v>
      </c>
      <c r="D33583" s="6"/>
      <c r="E33583" s="6" t="s">
        <v>9</v>
      </c>
      <c r="F33583" s="7">
        <v>29305</v>
      </c>
      <c r="G33583" s="8">
        <v>22234500</v>
      </c>
      <c r="H33583" s="8">
        <v>4002210</v>
      </c>
      <c r="I33583" s="8">
        <v>18676980</v>
      </c>
      <c r="J33583" s="8">
        <v>3557520</v>
      </c>
      <c r="K33583" s="9"/>
      <c r="L33583" s="6"/>
    </row>
    <row r="33584" spans="1:12">
      <c r="A33584" s="6" t="s">
        <v>33828</v>
      </c>
      <c r="B33584" s="6"/>
      <c r="C33584" s="6" t="s">
        <v>32230</v>
      </c>
      <c r="D33584" s="6"/>
      <c r="E33584" s="6" t="s">
        <v>9</v>
      </c>
      <c r="F33584" s="7">
        <v>29305</v>
      </c>
      <c r="G33584" s="8">
        <v>2335500</v>
      </c>
      <c r="H33584" s="8">
        <v>420390</v>
      </c>
      <c r="I33584" s="8">
        <v>1961820</v>
      </c>
      <c r="J33584" s="8">
        <v>373680</v>
      </c>
      <c r="K33584" s="9"/>
      <c r="L33584" s="6"/>
    </row>
    <row r="33585" spans="1:12">
      <c r="A33585" s="6" t="s">
        <v>33829</v>
      </c>
      <c r="B33585" s="6"/>
      <c r="C33585" s="6" t="s">
        <v>32230</v>
      </c>
      <c r="D33585" s="6"/>
      <c r="E33585" s="6" t="s">
        <v>9</v>
      </c>
      <c r="F33585" s="7">
        <v>29305</v>
      </c>
      <c r="G33585" s="8">
        <v>8181000</v>
      </c>
      <c r="H33585" s="8">
        <v>1472580</v>
      </c>
      <c r="I33585" s="8">
        <v>6872040</v>
      </c>
      <c r="J33585" s="8">
        <v>1308960</v>
      </c>
      <c r="K33585" s="9"/>
      <c r="L33585" s="6"/>
    </row>
    <row r="33586" spans="1:12">
      <c r="A33586" s="6" t="s">
        <v>33830</v>
      </c>
      <c r="B33586" s="6"/>
      <c r="C33586" s="6" t="s">
        <v>32230</v>
      </c>
      <c r="D33586" s="6"/>
      <c r="E33586" s="6" t="s">
        <v>9</v>
      </c>
      <c r="F33586" s="7">
        <v>33592</v>
      </c>
      <c r="G33586" s="8">
        <v>6250500</v>
      </c>
      <c r="H33586" s="8">
        <v>2625210</v>
      </c>
      <c r="I33586" s="8">
        <v>3750300</v>
      </c>
      <c r="J33586" s="8">
        <v>2500200</v>
      </c>
      <c r="K33586" s="9"/>
      <c r="L33586" s="6"/>
    </row>
    <row r="33587" spans="1:12">
      <c r="A33587" s="6" t="s">
        <v>33831</v>
      </c>
      <c r="B33587" s="6"/>
      <c r="C33587" s="6" t="s">
        <v>32230</v>
      </c>
      <c r="D33587" s="6"/>
      <c r="E33587" s="6" t="s">
        <v>9</v>
      </c>
      <c r="F33587" s="7">
        <v>29305</v>
      </c>
      <c r="G33587" s="8">
        <v>4171500</v>
      </c>
      <c r="H33587" s="8">
        <v>750870</v>
      </c>
      <c r="I33587" s="8">
        <v>3504060</v>
      </c>
      <c r="J33587" s="8">
        <v>667440</v>
      </c>
      <c r="K33587" s="9"/>
      <c r="L33587" s="6"/>
    </row>
    <row r="33588" spans="1:12">
      <c r="A33588" s="6" t="s">
        <v>33832</v>
      </c>
      <c r="B33588" s="6"/>
      <c r="C33588" s="6" t="s">
        <v>32230</v>
      </c>
      <c r="D33588" s="6"/>
      <c r="E33588" s="6" t="s">
        <v>9</v>
      </c>
      <c r="F33588" s="7">
        <v>29305</v>
      </c>
      <c r="G33588" s="8">
        <v>2038500</v>
      </c>
      <c r="H33588" s="8">
        <v>366930</v>
      </c>
      <c r="I33588" s="8">
        <v>1712340</v>
      </c>
      <c r="J33588" s="8">
        <v>326160</v>
      </c>
      <c r="K33588" s="9"/>
      <c r="L33588" s="6"/>
    </row>
    <row r="33589" spans="1:12">
      <c r="A33589" s="6" t="s">
        <v>33833</v>
      </c>
      <c r="B33589" s="6"/>
      <c r="C33589" s="6" t="s">
        <v>32230</v>
      </c>
      <c r="D33589" s="6"/>
      <c r="E33589" s="6" t="s">
        <v>9</v>
      </c>
      <c r="F33589" s="7">
        <v>29305</v>
      </c>
      <c r="G33589" s="8">
        <v>1510500</v>
      </c>
      <c r="H33589" s="8">
        <v>271890</v>
      </c>
      <c r="I33589" s="8">
        <v>1268820</v>
      </c>
      <c r="J33589" s="8">
        <v>241680</v>
      </c>
      <c r="K33589" s="9"/>
      <c r="L33589" s="6"/>
    </row>
    <row r="33590" spans="1:12">
      <c r="A33590" s="6" t="s">
        <v>33834</v>
      </c>
      <c r="B33590" s="6"/>
      <c r="C33590" s="6" t="s">
        <v>32230</v>
      </c>
      <c r="D33590" s="6"/>
      <c r="E33590" s="6" t="s">
        <v>9</v>
      </c>
      <c r="F33590" s="7">
        <v>32947</v>
      </c>
      <c r="G33590" s="8">
        <v>13608000</v>
      </c>
      <c r="H33590" s="8">
        <v>5171040</v>
      </c>
      <c r="I33590" s="8">
        <v>8709120</v>
      </c>
      <c r="J33590" s="8">
        <v>4898880</v>
      </c>
      <c r="K33590" s="9"/>
      <c r="L33590" s="6"/>
    </row>
    <row r="33591" spans="1:12">
      <c r="A33591" s="6" t="s">
        <v>33835</v>
      </c>
      <c r="B33591" s="6"/>
      <c r="C33591" s="6" t="s">
        <v>32230</v>
      </c>
      <c r="D33591" s="6"/>
      <c r="E33591" s="6" t="s">
        <v>9</v>
      </c>
      <c r="F33591" s="7">
        <v>29305</v>
      </c>
      <c r="G33591" s="8">
        <v>18144000</v>
      </c>
      <c r="H33591" s="8">
        <v>3265920</v>
      </c>
      <c r="I33591" s="8">
        <v>15240960</v>
      </c>
      <c r="J33591" s="8">
        <v>2903040</v>
      </c>
      <c r="K33591" s="9"/>
      <c r="L33591" s="6"/>
    </row>
    <row r="33592" spans="1:12">
      <c r="A33592" s="6" t="s">
        <v>33836</v>
      </c>
      <c r="B33592" s="6"/>
      <c r="C33592" s="6" t="s">
        <v>32230</v>
      </c>
      <c r="D33592" s="6"/>
      <c r="E33592" s="6" t="s">
        <v>9</v>
      </c>
      <c r="F33592" s="7">
        <v>29305</v>
      </c>
      <c r="G33592" s="8">
        <v>15025500</v>
      </c>
      <c r="H33592" s="8">
        <v>2704590</v>
      </c>
      <c r="I33592" s="8">
        <v>12621420</v>
      </c>
      <c r="J33592" s="8">
        <v>2404080</v>
      </c>
      <c r="K33592" s="9"/>
      <c r="L33592" s="6"/>
    </row>
    <row r="33593" spans="1:12">
      <c r="A33593" s="6" t="s">
        <v>33837</v>
      </c>
      <c r="B33593" s="6"/>
      <c r="C33593" s="6" t="s">
        <v>32230</v>
      </c>
      <c r="D33593" s="6"/>
      <c r="E33593" s="6" t="s">
        <v>9</v>
      </c>
      <c r="F33593" s="7">
        <v>29305</v>
      </c>
      <c r="G33593" s="8">
        <v>2853900</v>
      </c>
      <c r="H33593" s="8">
        <v>513702</v>
      </c>
      <c r="I33593" s="8">
        <v>2397276</v>
      </c>
      <c r="J33593" s="8">
        <v>456624</v>
      </c>
      <c r="K33593" s="9"/>
      <c r="L33593" s="6"/>
    </row>
    <row r="33594" spans="1:12">
      <c r="A33594" s="6" t="s">
        <v>33838</v>
      </c>
      <c r="B33594" s="6"/>
      <c r="C33594" s="6" t="s">
        <v>32230</v>
      </c>
      <c r="D33594" s="6"/>
      <c r="E33594" s="6" t="s">
        <v>9</v>
      </c>
      <c r="F33594" s="7">
        <v>29305</v>
      </c>
      <c r="G33594" s="8">
        <v>5103000</v>
      </c>
      <c r="H33594" s="8">
        <v>918540</v>
      </c>
      <c r="I33594" s="8">
        <v>4286520</v>
      </c>
      <c r="J33594" s="8">
        <v>816480</v>
      </c>
      <c r="K33594" s="9"/>
      <c r="L33594" s="6"/>
    </row>
    <row r="33595" spans="1:12">
      <c r="A33595" s="6" t="s">
        <v>33839</v>
      </c>
      <c r="B33595" s="6"/>
      <c r="C33595" s="6" t="s">
        <v>32230</v>
      </c>
      <c r="D33595" s="6"/>
      <c r="E33595" s="6" t="s">
        <v>9</v>
      </c>
      <c r="F33595" s="7">
        <v>29305</v>
      </c>
      <c r="G33595" s="8">
        <v>5359500</v>
      </c>
      <c r="H33595" s="8">
        <v>964710</v>
      </c>
      <c r="I33595" s="8">
        <v>4501980</v>
      </c>
      <c r="J33595" s="8">
        <v>857520</v>
      </c>
      <c r="K33595" s="9"/>
      <c r="L33595" s="6"/>
    </row>
    <row r="33596" spans="1:12">
      <c r="A33596" s="6" t="s">
        <v>33840</v>
      </c>
      <c r="B33596" s="6"/>
      <c r="C33596" s="6" t="s">
        <v>32230</v>
      </c>
      <c r="D33596" s="6"/>
      <c r="E33596" s="6" t="s">
        <v>9</v>
      </c>
      <c r="F33596" s="7">
        <v>29305</v>
      </c>
      <c r="G33596" s="8">
        <v>4660200</v>
      </c>
      <c r="H33596" s="8">
        <v>838836</v>
      </c>
      <c r="I33596" s="8">
        <v>3914568</v>
      </c>
      <c r="J33596" s="8">
        <v>745632</v>
      </c>
      <c r="K33596" s="9"/>
      <c r="L33596" s="6"/>
    </row>
    <row r="33597" spans="1:12">
      <c r="A33597" s="6" t="s">
        <v>33841</v>
      </c>
      <c r="B33597" s="6"/>
      <c r="C33597" s="6" t="s">
        <v>32230</v>
      </c>
      <c r="D33597" s="6"/>
      <c r="E33597" s="6" t="s">
        <v>9</v>
      </c>
      <c r="F33597" s="7">
        <v>29305</v>
      </c>
      <c r="G33597" s="8">
        <v>19399500</v>
      </c>
      <c r="H33597" s="8">
        <v>3491910</v>
      </c>
      <c r="I33597" s="8">
        <v>16295580</v>
      </c>
      <c r="J33597" s="8">
        <v>3103920</v>
      </c>
      <c r="K33597" s="9"/>
      <c r="L33597" s="6"/>
    </row>
    <row r="33598" spans="1:12">
      <c r="A33598" s="6" t="s">
        <v>33842</v>
      </c>
      <c r="B33598" s="6"/>
      <c r="C33598" s="6" t="s">
        <v>32230</v>
      </c>
      <c r="D33598" s="6"/>
      <c r="E33598" s="6" t="s">
        <v>9</v>
      </c>
      <c r="F33598" s="7">
        <v>29305</v>
      </c>
      <c r="G33598" s="8">
        <v>2536500</v>
      </c>
      <c r="H33598" s="8">
        <v>456570</v>
      </c>
      <c r="I33598" s="8">
        <v>2130660</v>
      </c>
      <c r="J33598" s="8">
        <v>405840</v>
      </c>
      <c r="K33598" s="9"/>
      <c r="L33598" s="6"/>
    </row>
    <row r="33599" spans="1:12">
      <c r="A33599" s="6" t="s">
        <v>33843</v>
      </c>
      <c r="B33599" s="6"/>
      <c r="C33599" s="6" t="s">
        <v>32230</v>
      </c>
      <c r="D33599" s="6"/>
      <c r="E33599" s="6" t="s">
        <v>9</v>
      </c>
      <c r="F33599" s="7">
        <v>29305</v>
      </c>
      <c r="G33599" s="8">
        <v>798000</v>
      </c>
      <c r="H33599" s="8">
        <v>143640</v>
      </c>
      <c r="I33599" s="8">
        <v>670320</v>
      </c>
      <c r="J33599" s="8">
        <v>127680</v>
      </c>
      <c r="K33599" s="9"/>
      <c r="L33599" s="6"/>
    </row>
    <row r="33600" spans="1:12">
      <c r="A33600" s="6" t="s">
        <v>33844</v>
      </c>
      <c r="B33600" s="6"/>
      <c r="C33600" s="6" t="s">
        <v>32230</v>
      </c>
      <c r="D33600" s="6"/>
      <c r="E33600" s="6" t="s">
        <v>9</v>
      </c>
      <c r="F33600" s="7">
        <v>29305</v>
      </c>
      <c r="G33600" s="8">
        <v>760000</v>
      </c>
      <c r="H33600" s="8">
        <v>136800</v>
      </c>
      <c r="I33600" s="8">
        <v>638400</v>
      </c>
      <c r="J33600" s="8">
        <v>121600</v>
      </c>
      <c r="K33600" s="9"/>
      <c r="L33600" s="6"/>
    </row>
    <row r="33601" spans="1:12">
      <c r="A33601" s="6" t="s">
        <v>33845</v>
      </c>
      <c r="B33601" s="6"/>
      <c r="C33601" s="6" t="s">
        <v>32230</v>
      </c>
      <c r="D33601" s="6"/>
      <c r="E33601" s="6" t="s">
        <v>9</v>
      </c>
      <c r="F33601" s="7">
        <v>29305</v>
      </c>
      <c r="G33601" s="8">
        <v>2619000</v>
      </c>
      <c r="H33601" s="8">
        <v>471420</v>
      </c>
      <c r="I33601" s="8">
        <v>2199960</v>
      </c>
      <c r="J33601" s="8">
        <v>419040</v>
      </c>
      <c r="K33601" s="9"/>
      <c r="L33601" s="6"/>
    </row>
    <row r="33602" spans="1:12">
      <c r="A33602" s="6" t="s">
        <v>33846</v>
      </c>
      <c r="B33602" s="6"/>
      <c r="C33602" s="6" t="s">
        <v>32230</v>
      </c>
      <c r="D33602" s="6"/>
      <c r="E33602" s="6" t="s">
        <v>9</v>
      </c>
      <c r="F33602" s="7">
        <v>29305</v>
      </c>
      <c r="G33602" s="8">
        <v>18184500</v>
      </c>
      <c r="H33602" s="8">
        <v>3273210</v>
      </c>
      <c r="I33602" s="8">
        <v>15274980</v>
      </c>
      <c r="J33602" s="8">
        <v>2909520</v>
      </c>
      <c r="K33602" s="9"/>
      <c r="L33602" s="6"/>
    </row>
    <row r="33603" spans="1:12">
      <c r="A33603" s="6" t="s">
        <v>33847</v>
      </c>
      <c r="B33603" s="6"/>
      <c r="C33603" s="6" t="s">
        <v>32230</v>
      </c>
      <c r="D33603" s="6"/>
      <c r="E33603" s="6" t="s">
        <v>9</v>
      </c>
      <c r="F33603" s="7">
        <v>29305</v>
      </c>
      <c r="G33603" s="8">
        <v>8100000</v>
      </c>
      <c r="H33603" s="8">
        <v>1458000</v>
      </c>
      <c r="I33603" s="8">
        <v>6804000</v>
      </c>
      <c r="J33603" s="8">
        <v>1296000</v>
      </c>
      <c r="K33603" s="9"/>
      <c r="L33603" s="6"/>
    </row>
    <row r="33604" spans="1:12">
      <c r="A33604" s="6" t="s">
        <v>33848</v>
      </c>
      <c r="B33604" s="6"/>
      <c r="C33604" s="6" t="s">
        <v>32230</v>
      </c>
      <c r="D33604" s="6"/>
      <c r="E33604" s="6" t="s">
        <v>9</v>
      </c>
      <c r="F33604" s="7">
        <v>29305</v>
      </c>
      <c r="G33604" s="8">
        <v>2964600</v>
      </c>
      <c r="H33604" s="8">
        <v>533628</v>
      </c>
      <c r="I33604" s="8">
        <v>2490264</v>
      </c>
      <c r="J33604" s="8">
        <v>474336</v>
      </c>
      <c r="K33604" s="9"/>
      <c r="L33604" s="6"/>
    </row>
    <row r="33605" spans="1:12">
      <c r="A33605" s="6" t="s">
        <v>33849</v>
      </c>
      <c r="B33605" s="6"/>
      <c r="C33605" s="6" t="s">
        <v>32230</v>
      </c>
      <c r="D33605" s="6"/>
      <c r="E33605" s="6" t="s">
        <v>9</v>
      </c>
      <c r="F33605" s="7">
        <v>29305</v>
      </c>
      <c r="G33605" s="8">
        <v>10084500</v>
      </c>
      <c r="H33605" s="8">
        <v>1815210</v>
      </c>
      <c r="I33605" s="8">
        <v>8470980</v>
      </c>
      <c r="J33605" s="8">
        <v>1613520</v>
      </c>
      <c r="K33605" s="9"/>
      <c r="L33605" s="6"/>
    </row>
    <row r="33606" spans="1:12">
      <c r="A33606" s="6" t="s">
        <v>33850</v>
      </c>
      <c r="B33606" s="6"/>
      <c r="C33606" s="6" t="s">
        <v>32230</v>
      </c>
      <c r="D33606" s="6"/>
      <c r="E33606" s="6" t="s">
        <v>9</v>
      </c>
      <c r="F33606" s="7">
        <v>32233</v>
      </c>
      <c r="G33606" s="8">
        <v>18803200</v>
      </c>
      <c r="H33606" s="8">
        <v>6393088</v>
      </c>
      <c r="I33606" s="8">
        <v>12786176</v>
      </c>
      <c r="J33606" s="8">
        <v>6017024</v>
      </c>
      <c r="K33606" s="9"/>
      <c r="L33606" s="6"/>
    </row>
    <row r="33607" spans="1:12">
      <c r="A33607" s="6" t="s">
        <v>33851</v>
      </c>
      <c r="B33607" s="6"/>
      <c r="C33607" s="6" t="s">
        <v>32230</v>
      </c>
      <c r="D33607" s="6"/>
      <c r="E33607" s="6" t="s">
        <v>9</v>
      </c>
      <c r="F33607" s="7">
        <v>36586</v>
      </c>
      <c r="G33607" s="8">
        <v>93038400</v>
      </c>
      <c r="H33607" s="8">
        <v>59823708</v>
      </c>
      <c r="I33607" s="8">
        <v>34796344</v>
      </c>
      <c r="J33607" s="8">
        <v>58242056</v>
      </c>
      <c r="K33607" s="9"/>
      <c r="L33607" s="6"/>
    </row>
    <row r="33608" spans="1:12">
      <c r="A33608" s="6" t="s">
        <v>33852</v>
      </c>
      <c r="B33608" s="6"/>
      <c r="C33608" s="6" t="s">
        <v>32230</v>
      </c>
      <c r="D33608" s="6"/>
      <c r="E33608" s="6" t="s">
        <v>9</v>
      </c>
      <c r="F33608" s="7">
        <v>39169</v>
      </c>
      <c r="G33608" s="8">
        <v>961200</v>
      </c>
      <c r="H33608" s="8">
        <v>692064</v>
      </c>
      <c r="I33608" s="8">
        <v>288360</v>
      </c>
      <c r="J33608" s="8">
        <v>672840</v>
      </c>
      <c r="K33608" s="9"/>
      <c r="L33608" s="6"/>
    </row>
    <row r="33609" spans="1:12">
      <c r="A33609" s="6" t="s">
        <v>33853</v>
      </c>
      <c r="B33609" s="6"/>
      <c r="C33609" s="6" t="s">
        <v>32230</v>
      </c>
      <c r="D33609" s="6"/>
      <c r="E33609" s="6" t="s">
        <v>9</v>
      </c>
      <c r="F33609" s="7">
        <v>43636</v>
      </c>
      <c r="G33609" s="8">
        <v>31860</v>
      </c>
      <c r="H33609" s="8">
        <v>28674</v>
      </c>
      <c r="I33609" s="8">
        <v>6372</v>
      </c>
      <c r="J33609" s="8">
        <v>25488</v>
      </c>
      <c r="K33609" s="9"/>
      <c r="L33609" s="6"/>
    </row>
    <row r="33610" spans="1:12">
      <c r="A33610" s="6" t="s">
        <v>33854</v>
      </c>
      <c r="B33610" s="6"/>
      <c r="C33610" s="6" t="s">
        <v>32230</v>
      </c>
      <c r="D33610" s="6"/>
      <c r="E33610" s="6" t="s">
        <v>9</v>
      </c>
      <c r="F33610" s="7">
        <v>39169</v>
      </c>
      <c r="G33610" s="8">
        <v>10773000</v>
      </c>
      <c r="H33610" s="8">
        <v>7756560</v>
      </c>
      <c r="I33610" s="8">
        <v>3231900</v>
      </c>
      <c r="J33610" s="8">
        <v>7541100</v>
      </c>
      <c r="K33610" s="9"/>
      <c r="L33610" s="6"/>
    </row>
    <row r="33611" spans="1:12">
      <c r="A33611" s="6" t="s">
        <v>33855</v>
      </c>
      <c r="B33611" s="6"/>
      <c r="C33611" s="6" t="s">
        <v>32230</v>
      </c>
      <c r="D33611" s="6"/>
      <c r="E33611" s="6" t="s">
        <v>9</v>
      </c>
      <c r="F33611" s="7">
        <v>31866</v>
      </c>
      <c r="G33611" s="8">
        <v>7033500</v>
      </c>
      <c r="H33611" s="8">
        <v>2250720</v>
      </c>
      <c r="I33611" s="8">
        <v>4923450</v>
      </c>
      <c r="J33611" s="8">
        <v>2110050</v>
      </c>
      <c r="K33611" s="9"/>
      <c r="L33611" s="6"/>
    </row>
    <row r="33612" spans="1:12">
      <c r="A33612" s="6" t="s">
        <v>33856</v>
      </c>
      <c r="B33612" s="6"/>
      <c r="C33612" s="6" t="s">
        <v>32230</v>
      </c>
      <c r="D33612" s="6"/>
      <c r="E33612" s="6" t="s">
        <v>9</v>
      </c>
      <c r="F33612" s="7">
        <v>32947</v>
      </c>
      <c r="G33612" s="8">
        <v>14841900</v>
      </c>
      <c r="H33612" s="8">
        <v>5639922</v>
      </c>
      <c r="I33612" s="8">
        <v>9498816</v>
      </c>
      <c r="J33612" s="8">
        <v>5343084</v>
      </c>
      <c r="K33612" s="9"/>
      <c r="L33612" s="6"/>
    </row>
    <row r="33613" spans="1:12">
      <c r="A33613" s="6" t="s">
        <v>33857</v>
      </c>
      <c r="B33613" s="6"/>
      <c r="C33613" s="6" t="s">
        <v>32230</v>
      </c>
      <c r="D33613" s="6"/>
      <c r="E33613" s="6" t="s">
        <v>9</v>
      </c>
      <c r="F33613" s="7">
        <v>32598</v>
      </c>
      <c r="G33613" s="8">
        <v>77589900</v>
      </c>
      <c r="H33613" s="8">
        <v>27932364</v>
      </c>
      <c r="I33613" s="8">
        <v>51209334</v>
      </c>
      <c r="J33613" s="8">
        <v>26380566</v>
      </c>
      <c r="K33613" s="9"/>
      <c r="L33613" s="6"/>
    </row>
    <row r="33614" spans="1:12">
      <c r="A33614" s="6" t="s">
        <v>33858</v>
      </c>
      <c r="B33614" s="6"/>
      <c r="C33614" s="6" t="s">
        <v>32230</v>
      </c>
      <c r="D33614" s="6"/>
      <c r="E33614" s="6" t="s">
        <v>9</v>
      </c>
      <c r="F33614" s="7">
        <v>39904</v>
      </c>
      <c r="G33614" s="8">
        <v>7960680</v>
      </c>
      <c r="H33614" s="8">
        <v>6472039</v>
      </c>
      <c r="I33614" s="8">
        <v>1623972</v>
      </c>
      <c r="J33614" s="8">
        <v>6336708</v>
      </c>
      <c r="K33614" s="9"/>
      <c r="L33614" s="6"/>
    </row>
    <row r="33615" spans="1:12">
      <c r="A33615" s="6" t="s">
        <v>33859</v>
      </c>
      <c r="B33615" s="6"/>
      <c r="C33615" s="6" t="s">
        <v>32230</v>
      </c>
      <c r="D33615" s="6"/>
      <c r="E33615" s="6" t="s">
        <v>9</v>
      </c>
      <c r="F33615" s="7">
        <v>42521</v>
      </c>
      <c r="G33615" s="8">
        <v>90720</v>
      </c>
      <c r="H33615" s="8">
        <v>54432</v>
      </c>
      <c r="I33615" s="8">
        <v>45360</v>
      </c>
      <c r="J33615" s="8">
        <v>45360</v>
      </c>
      <c r="K33615" s="9"/>
      <c r="L33615" s="6"/>
    </row>
    <row r="33616" spans="1:12">
      <c r="A33616" s="6" t="s">
        <v>33860</v>
      </c>
      <c r="B33616" s="6"/>
      <c r="C33616" s="6" t="s">
        <v>32230</v>
      </c>
      <c r="D33616" s="6"/>
      <c r="E33616" s="6" t="s">
        <v>9</v>
      </c>
      <c r="F33616" s="7">
        <v>29305</v>
      </c>
      <c r="G33616" s="8">
        <v>5346000</v>
      </c>
      <c r="H33616" s="8">
        <v>962280</v>
      </c>
      <c r="I33616" s="8">
        <v>4490640</v>
      </c>
      <c r="J33616" s="8">
        <v>855360</v>
      </c>
      <c r="K33616" s="9"/>
      <c r="L33616" s="6"/>
    </row>
    <row r="33617" spans="1:12">
      <c r="A33617" s="6" t="s">
        <v>33861</v>
      </c>
      <c r="B33617" s="6"/>
      <c r="C33617" s="6" t="s">
        <v>32230</v>
      </c>
      <c r="D33617" s="6"/>
      <c r="E33617" s="6" t="s">
        <v>9</v>
      </c>
      <c r="F33617" s="7">
        <v>29305</v>
      </c>
      <c r="G33617" s="8">
        <v>10651500</v>
      </c>
      <c r="H33617" s="8">
        <v>1917270</v>
      </c>
      <c r="I33617" s="8">
        <v>8947260</v>
      </c>
      <c r="J33617" s="8">
        <v>1704240</v>
      </c>
      <c r="K33617" s="9"/>
      <c r="L33617" s="6"/>
    </row>
    <row r="33618" spans="1:12">
      <c r="A33618" s="6" t="s">
        <v>33862</v>
      </c>
      <c r="B33618" s="6"/>
      <c r="C33618" s="6" t="s">
        <v>32230</v>
      </c>
      <c r="D33618" s="6"/>
      <c r="E33618" s="6" t="s">
        <v>9</v>
      </c>
      <c r="F33618" s="7">
        <v>29305</v>
      </c>
      <c r="G33618" s="8">
        <v>20331000</v>
      </c>
      <c r="H33618" s="8">
        <v>3659580</v>
      </c>
      <c r="I33618" s="8">
        <v>17078040</v>
      </c>
      <c r="J33618" s="8">
        <v>3252960</v>
      </c>
      <c r="K33618" s="9"/>
      <c r="L33618" s="6"/>
    </row>
    <row r="33619" spans="1:12">
      <c r="A33619" s="6" t="s">
        <v>33863</v>
      </c>
      <c r="B33619" s="6"/>
      <c r="C33619" s="6" t="s">
        <v>32230</v>
      </c>
      <c r="D33619" s="6"/>
      <c r="E33619" s="6" t="s">
        <v>9</v>
      </c>
      <c r="F33619" s="7">
        <v>29305</v>
      </c>
      <c r="G33619" s="8">
        <v>7433100</v>
      </c>
      <c r="H33619" s="8">
        <v>1337958</v>
      </c>
      <c r="I33619" s="8">
        <v>6243804</v>
      </c>
      <c r="J33619" s="8">
        <v>1189296</v>
      </c>
      <c r="K33619" s="9"/>
      <c r="L33619" s="6"/>
    </row>
    <row r="33620" spans="1:12">
      <c r="A33620" s="6" t="s">
        <v>33864</v>
      </c>
      <c r="B33620" s="6"/>
      <c r="C33620" s="6" t="s">
        <v>32230</v>
      </c>
      <c r="D33620" s="6"/>
      <c r="E33620" s="6" t="s">
        <v>9</v>
      </c>
      <c r="F33620" s="7">
        <v>29305</v>
      </c>
      <c r="G33620" s="8">
        <v>2188800</v>
      </c>
      <c r="H33620" s="8">
        <v>393984</v>
      </c>
      <c r="I33620" s="8">
        <v>1838592</v>
      </c>
      <c r="J33620" s="8">
        <v>350208</v>
      </c>
      <c r="K33620" s="9"/>
      <c r="L33620" s="6"/>
    </row>
    <row r="33621" spans="1:12">
      <c r="A33621" s="6" t="s">
        <v>33865</v>
      </c>
      <c r="B33621" s="6"/>
      <c r="C33621" s="6" t="s">
        <v>32230</v>
      </c>
      <c r="D33621" s="6"/>
      <c r="E33621" s="6" t="s">
        <v>9</v>
      </c>
      <c r="F33621" s="7">
        <v>29305</v>
      </c>
      <c r="G33621" s="8">
        <v>4441500</v>
      </c>
      <c r="H33621" s="8">
        <v>799470</v>
      </c>
      <c r="I33621" s="8">
        <v>3730860</v>
      </c>
      <c r="J33621" s="8">
        <v>710640</v>
      </c>
      <c r="K33621" s="9"/>
      <c r="L33621" s="6"/>
    </row>
    <row r="33622" spans="1:12">
      <c r="A33622" s="6" t="s">
        <v>33866</v>
      </c>
      <c r="B33622" s="6"/>
      <c r="C33622" s="6" t="s">
        <v>32230</v>
      </c>
      <c r="D33622" s="6"/>
      <c r="E33622" s="6" t="s">
        <v>9</v>
      </c>
      <c r="F33622" s="7">
        <v>39904</v>
      </c>
      <c r="G33622" s="8">
        <v>6486480</v>
      </c>
      <c r="H33622" s="8">
        <v>5273510</v>
      </c>
      <c r="I33622" s="8">
        <v>1323240</v>
      </c>
      <c r="J33622" s="8">
        <v>5163240</v>
      </c>
      <c r="K33622" s="9"/>
      <c r="L33622" s="6"/>
    </row>
    <row r="33623" spans="1:12">
      <c r="A33623" s="6" t="s">
        <v>33867</v>
      </c>
      <c r="B33623" s="6"/>
      <c r="C33623" s="6" t="s">
        <v>32230</v>
      </c>
      <c r="D33623" s="6"/>
      <c r="E33623" s="6" t="s">
        <v>9</v>
      </c>
      <c r="F33623" s="7">
        <v>29305</v>
      </c>
      <c r="G33623" s="8">
        <v>4792500</v>
      </c>
      <c r="H33623" s="8">
        <v>862650</v>
      </c>
      <c r="I33623" s="8">
        <v>4025700</v>
      </c>
      <c r="J33623" s="8">
        <v>766800</v>
      </c>
      <c r="K33623" s="9"/>
      <c r="L33623" s="6"/>
    </row>
    <row r="33624" spans="1:12">
      <c r="A33624" s="6" t="s">
        <v>33868</v>
      </c>
      <c r="B33624" s="6"/>
      <c r="C33624" s="6" t="s">
        <v>32230</v>
      </c>
      <c r="D33624" s="6"/>
      <c r="E33624" s="6" t="s">
        <v>9</v>
      </c>
      <c r="F33624" s="7">
        <v>29305</v>
      </c>
      <c r="G33624" s="8">
        <v>3412800</v>
      </c>
      <c r="H33624" s="8">
        <v>614304</v>
      </c>
      <c r="I33624" s="8">
        <v>2866752</v>
      </c>
      <c r="J33624" s="8">
        <v>546048</v>
      </c>
      <c r="K33624" s="9"/>
      <c r="L33624" s="6"/>
    </row>
    <row r="33625" spans="1:12">
      <c r="A33625" s="6" t="s">
        <v>33869</v>
      </c>
      <c r="B33625" s="6"/>
      <c r="C33625" s="6" t="s">
        <v>32230</v>
      </c>
      <c r="D33625" s="6"/>
      <c r="E33625" s="6" t="s">
        <v>9</v>
      </c>
      <c r="F33625" s="7">
        <v>29305</v>
      </c>
      <c r="G33625" s="8">
        <v>3701700</v>
      </c>
      <c r="H33625" s="8">
        <v>666306</v>
      </c>
      <c r="I33625" s="8">
        <v>3109428</v>
      </c>
      <c r="J33625" s="8">
        <v>592272</v>
      </c>
      <c r="K33625" s="9"/>
      <c r="L33625" s="6"/>
    </row>
    <row r="33626" spans="1:12">
      <c r="A33626" s="6" t="s">
        <v>33870</v>
      </c>
      <c r="B33626" s="6"/>
      <c r="C33626" s="6" t="s">
        <v>32230</v>
      </c>
      <c r="D33626" s="6"/>
      <c r="E33626" s="6" t="s">
        <v>9</v>
      </c>
      <c r="F33626" s="7">
        <v>29305</v>
      </c>
      <c r="G33626" s="8">
        <v>4120200</v>
      </c>
      <c r="H33626" s="8">
        <v>741636</v>
      </c>
      <c r="I33626" s="8">
        <v>3460968</v>
      </c>
      <c r="J33626" s="8">
        <v>659232</v>
      </c>
      <c r="K33626" s="9"/>
      <c r="L33626" s="6"/>
    </row>
    <row r="33627" spans="1:12">
      <c r="A33627" s="6" t="s">
        <v>33871</v>
      </c>
      <c r="B33627" s="6"/>
      <c r="C33627" s="6" t="s">
        <v>32230</v>
      </c>
      <c r="D33627" s="6"/>
      <c r="E33627" s="6"/>
      <c r="F33627" s="7">
        <v>43556</v>
      </c>
      <c r="G33627" s="8">
        <v>1106600</v>
      </c>
      <c r="H33627" s="8">
        <v>1084468</v>
      </c>
      <c r="I33627" s="8">
        <v>44264</v>
      </c>
      <c r="J33627" s="8">
        <v>1062336</v>
      </c>
      <c r="K33627" s="9"/>
      <c r="L33627" s="6"/>
    </row>
    <row r="33628" spans="1:12">
      <c r="A33628" s="6" t="s">
        <v>33871</v>
      </c>
      <c r="B33628" s="6"/>
      <c r="C33628" s="6" t="s">
        <v>32230</v>
      </c>
      <c r="D33628" s="6"/>
      <c r="E33628" s="6" t="s">
        <v>9</v>
      </c>
      <c r="F33628" s="7">
        <v>29305</v>
      </c>
      <c r="G33628" s="8">
        <v>40224600</v>
      </c>
      <c r="H33628" s="8">
        <v>7240428</v>
      </c>
      <c r="I33628" s="8">
        <v>33788664</v>
      </c>
      <c r="J33628" s="8">
        <v>6435936</v>
      </c>
      <c r="K33628" s="9"/>
      <c r="L33628" s="6"/>
    </row>
    <row r="33629" spans="1:12">
      <c r="A33629" s="6" t="s">
        <v>33872</v>
      </c>
      <c r="B33629" s="6"/>
      <c r="C33629" s="6" t="s">
        <v>32230</v>
      </c>
      <c r="D33629" s="6"/>
      <c r="E33629" s="6" t="s">
        <v>9</v>
      </c>
      <c r="F33629" s="7">
        <v>29305</v>
      </c>
      <c r="G33629" s="8">
        <v>1593000</v>
      </c>
      <c r="H33629" s="8">
        <v>286740</v>
      </c>
      <c r="I33629" s="8">
        <v>1338120</v>
      </c>
      <c r="J33629" s="8">
        <v>254880</v>
      </c>
      <c r="K33629" s="9"/>
      <c r="L33629" s="6"/>
    </row>
    <row r="33630" spans="1:12">
      <c r="A33630" s="6" t="s">
        <v>33873</v>
      </c>
      <c r="B33630" s="6"/>
      <c r="C33630" s="6" t="s">
        <v>32230</v>
      </c>
      <c r="D33630" s="6"/>
      <c r="E33630" s="6" t="s">
        <v>9</v>
      </c>
      <c r="F33630" s="7">
        <v>29305</v>
      </c>
      <c r="G33630" s="8">
        <v>2948400</v>
      </c>
      <c r="H33630" s="8">
        <v>530712</v>
      </c>
      <c r="I33630" s="8">
        <v>2476656</v>
      </c>
      <c r="J33630" s="8">
        <v>471744</v>
      </c>
      <c r="K33630" s="9"/>
      <c r="L33630" s="6"/>
    </row>
    <row r="33631" spans="1:12">
      <c r="A33631" s="6" t="s">
        <v>33874</v>
      </c>
      <c r="B33631" s="6"/>
      <c r="C33631" s="6" t="s">
        <v>32230</v>
      </c>
      <c r="D33631" s="6"/>
      <c r="E33631" s="6" t="s">
        <v>9</v>
      </c>
      <c r="F33631" s="7">
        <v>29305</v>
      </c>
      <c r="G33631" s="8">
        <v>1876500</v>
      </c>
      <c r="H33631" s="8">
        <v>337770</v>
      </c>
      <c r="I33631" s="8">
        <v>1576260</v>
      </c>
      <c r="J33631" s="8">
        <v>300240</v>
      </c>
      <c r="K33631" s="9"/>
      <c r="L33631" s="6"/>
    </row>
    <row r="33632" spans="1:12">
      <c r="A33632" s="6" t="s">
        <v>33875</v>
      </c>
      <c r="B33632" s="6"/>
      <c r="C33632" s="6" t="s">
        <v>32230</v>
      </c>
      <c r="D33632" s="6"/>
      <c r="E33632" s="6" t="s">
        <v>9</v>
      </c>
      <c r="F33632" s="7">
        <v>29305</v>
      </c>
      <c r="G33632" s="8">
        <v>3693600</v>
      </c>
      <c r="H33632" s="8">
        <v>664848</v>
      </c>
      <c r="I33632" s="8">
        <v>3102624</v>
      </c>
      <c r="J33632" s="8">
        <v>590976</v>
      </c>
      <c r="K33632" s="9"/>
      <c r="L33632" s="6"/>
    </row>
    <row r="33633" spans="1:12">
      <c r="A33633" s="6" t="s">
        <v>33876</v>
      </c>
      <c r="B33633" s="6"/>
      <c r="C33633" s="6" t="s">
        <v>32230</v>
      </c>
      <c r="D33633" s="6"/>
      <c r="E33633" s="6" t="s">
        <v>9</v>
      </c>
      <c r="F33633" s="7">
        <v>42384</v>
      </c>
      <c r="G33633" s="8">
        <v>1296000</v>
      </c>
      <c r="H33633" s="8">
        <v>1166400</v>
      </c>
      <c r="I33633" s="8">
        <v>155520</v>
      </c>
      <c r="J33633" s="8">
        <v>1140480</v>
      </c>
      <c r="K33633" s="9"/>
      <c r="L33633" s="6"/>
    </row>
    <row r="33634" spans="1:12">
      <c r="A33634" s="6" t="s">
        <v>33877</v>
      </c>
      <c r="B33634" s="6"/>
      <c r="C33634" s="6" t="s">
        <v>32230</v>
      </c>
      <c r="D33634" s="6"/>
      <c r="E33634" s="6" t="s">
        <v>9</v>
      </c>
      <c r="F33634" s="7">
        <v>42618</v>
      </c>
      <c r="G33634" s="8">
        <v>1134000</v>
      </c>
      <c r="H33634" s="8">
        <v>830088</v>
      </c>
      <c r="I33634" s="8">
        <v>379890</v>
      </c>
      <c r="J33634" s="8">
        <v>754110</v>
      </c>
      <c r="K33634" s="9"/>
      <c r="L33634" s="6"/>
    </row>
    <row r="33635" spans="1:12">
      <c r="A33635" s="6" t="s">
        <v>33878</v>
      </c>
      <c r="B33635" s="6"/>
      <c r="C33635" s="6" t="s">
        <v>32230</v>
      </c>
      <c r="D33635" s="6"/>
      <c r="E33635" s="6" t="s">
        <v>9</v>
      </c>
      <c r="F33635" s="7">
        <v>29305</v>
      </c>
      <c r="G33635" s="8">
        <v>820800</v>
      </c>
      <c r="H33635" s="8">
        <v>147744</v>
      </c>
      <c r="I33635" s="8">
        <v>689472</v>
      </c>
      <c r="J33635" s="8">
        <v>131328</v>
      </c>
      <c r="K33635" s="9"/>
      <c r="L33635" s="6"/>
    </row>
    <row r="33636" spans="1:12">
      <c r="A33636" s="6" t="s">
        <v>33879</v>
      </c>
      <c r="B33636" s="6"/>
      <c r="C33636" s="6" t="s">
        <v>32230</v>
      </c>
      <c r="D33636" s="6"/>
      <c r="E33636" s="6" t="s">
        <v>9</v>
      </c>
      <c r="F33636" s="7">
        <v>29305</v>
      </c>
      <c r="G33636" s="8">
        <v>89626500</v>
      </c>
      <c r="H33636" s="8">
        <v>16132770</v>
      </c>
      <c r="I33636" s="8">
        <v>75286260</v>
      </c>
      <c r="J33636" s="8">
        <v>14340240</v>
      </c>
      <c r="K33636" s="9"/>
      <c r="L33636" s="6"/>
    </row>
    <row r="33637" spans="1:12">
      <c r="A33637" s="6" t="s">
        <v>33185</v>
      </c>
      <c r="B33637" s="6"/>
      <c r="C33637" s="6" t="s">
        <v>32230</v>
      </c>
      <c r="D33637" s="6"/>
      <c r="E33637" s="6" t="s">
        <v>9</v>
      </c>
      <c r="F33637" s="7">
        <v>25659</v>
      </c>
      <c r="G33637" s="8">
        <v>9325680</v>
      </c>
      <c r="H33637" s="8">
        <v>1398880</v>
      </c>
      <c r="I33637" s="8">
        <v>8085336</v>
      </c>
      <c r="J33637" s="8">
        <v>1240344</v>
      </c>
      <c r="K33637" s="9"/>
      <c r="L33637" s="6"/>
    </row>
    <row r="33638" spans="1:12">
      <c r="A33638" s="6" t="s">
        <v>33185</v>
      </c>
      <c r="B33638" s="6"/>
      <c r="C33638" s="6" t="s">
        <v>32230</v>
      </c>
      <c r="D33638" s="6"/>
      <c r="E33638" s="6" t="s">
        <v>9</v>
      </c>
      <c r="F33638" s="7">
        <v>25659</v>
      </c>
      <c r="G33638" s="8">
        <v>25662000</v>
      </c>
      <c r="H33638" s="8">
        <v>3849300</v>
      </c>
      <c r="I33638" s="8">
        <v>22248954</v>
      </c>
      <c r="J33638" s="8">
        <v>3413046</v>
      </c>
      <c r="K33638" s="9"/>
      <c r="L33638" s="6"/>
    </row>
    <row r="33639" spans="1:12">
      <c r="A33639" s="6" t="s">
        <v>33880</v>
      </c>
      <c r="B33639" s="6"/>
      <c r="C33639" s="6" t="s">
        <v>32230</v>
      </c>
      <c r="D33639" s="6"/>
      <c r="E33639" s="6" t="s">
        <v>9</v>
      </c>
      <c r="F33639" s="7">
        <v>29305</v>
      </c>
      <c r="G33639" s="8">
        <v>12538800</v>
      </c>
      <c r="H33639" s="8">
        <v>2256984</v>
      </c>
      <c r="I33639" s="8">
        <v>10532592</v>
      </c>
      <c r="J33639" s="8">
        <v>2006208</v>
      </c>
      <c r="K33639" s="9"/>
      <c r="L33639" s="6"/>
    </row>
    <row r="33640" spans="1:12">
      <c r="A33640" s="6" t="s">
        <v>33881</v>
      </c>
      <c r="B33640" s="6"/>
      <c r="C33640" s="6" t="s">
        <v>32230</v>
      </c>
      <c r="D33640" s="6"/>
      <c r="E33640" s="6" t="s">
        <v>9</v>
      </c>
      <c r="F33640" s="7">
        <v>29305</v>
      </c>
      <c r="G33640" s="8">
        <v>49086000</v>
      </c>
      <c r="H33640" s="8">
        <v>8835480</v>
      </c>
      <c r="I33640" s="8">
        <v>41232240</v>
      </c>
      <c r="J33640" s="8">
        <v>7853760</v>
      </c>
      <c r="K33640" s="9"/>
      <c r="L33640" s="6"/>
    </row>
    <row r="33641" spans="1:12">
      <c r="A33641" s="6" t="s">
        <v>33882</v>
      </c>
      <c r="B33641" s="6"/>
      <c r="C33641" s="6" t="s">
        <v>32230</v>
      </c>
      <c r="D33641" s="6"/>
      <c r="E33641" s="6"/>
      <c r="F33641" s="7">
        <v>43191</v>
      </c>
      <c r="G33641" s="8">
        <v>1296000</v>
      </c>
      <c r="H33641" s="8">
        <v>1244160</v>
      </c>
      <c r="I33641" s="8">
        <v>77760</v>
      </c>
      <c r="J33641" s="8">
        <v>1218240</v>
      </c>
      <c r="K33641" s="9"/>
      <c r="L33641" s="6"/>
    </row>
    <row r="33642" spans="1:12">
      <c r="A33642" s="6" t="s">
        <v>33882</v>
      </c>
      <c r="B33642" s="6"/>
      <c r="C33642" s="6" t="s">
        <v>32230</v>
      </c>
      <c r="D33642" s="6"/>
      <c r="E33642" s="6" t="s">
        <v>9</v>
      </c>
      <c r="F33642" s="7">
        <v>33592</v>
      </c>
      <c r="G33642" s="8">
        <v>18009000</v>
      </c>
      <c r="H33642" s="8">
        <v>7563780</v>
      </c>
      <c r="I33642" s="8">
        <v>10805400</v>
      </c>
      <c r="J33642" s="8">
        <v>7203600</v>
      </c>
      <c r="K33642" s="9"/>
      <c r="L33642" s="6"/>
    </row>
    <row r="33643" spans="1:12">
      <c r="A33643" s="6" t="s">
        <v>33883</v>
      </c>
      <c r="B33643" s="6"/>
      <c r="C33643" s="6" t="s">
        <v>32230</v>
      </c>
      <c r="D33643" s="6"/>
      <c r="E33643" s="6" t="s">
        <v>9</v>
      </c>
      <c r="F33643" s="7">
        <v>43398</v>
      </c>
      <c r="G33643" s="8">
        <v>972000</v>
      </c>
      <c r="H33643" s="8">
        <v>923400</v>
      </c>
      <c r="I33643" s="8">
        <v>72900</v>
      </c>
      <c r="J33643" s="8">
        <v>899100</v>
      </c>
      <c r="K33643" s="9"/>
      <c r="L33643" s="6"/>
    </row>
    <row r="33644" spans="1:12">
      <c r="A33644" s="6" t="s">
        <v>33884</v>
      </c>
      <c r="B33644" s="6"/>
      <c r="C33644" s="6" t="s">
        <v>32230</v>
      </c>
      <c r="D33644" s="6"/>
      <c r="E33644" s="6" t="s">
        <v>9</v>
      </c>
      <c r="F33644" s="7">
        <v>29305</v>
      </c>
      <c r="G33644" s="8">
        <v>1152900</v>
      </c>
      <c r="H33644" s="8">
        <v>207522</v>
      </c>
      <c r="I33644" s="8">
        <v>968436</v>
      </c>
      <c r="J33644" s="8">
        <v>184464</v>
      </c>
      <c r="K33644" s="9"/>
      <c r="L33644" s="6"/>
    </row>
    <row r="33645" spans="1:12">
      <c r="A33645" s="6" t="s">
        <v>33885</v>
      </c>
      <c r="B33645" s="6"/>
      <c r="C33645" s="6" t="s">
        <v>32230</v>
      </c>
      <c r="D33645" s="6"/>
      <c r="E33645" s="6" t="s">
        <v>9</v>
      </c>
      <c r="F33645" s="7">
        <v>29305</v>
      </c>
      <c r="G33645" s="8">
        <v>11672100</v>
      </c>
      <c r="H33645" s="8">
        <v>2100978</v>
      </c>
      <c r="I33645" s="8">
        <v>9804564</v>
      </c>
      <c r="J33645" s="8">
        <v>1867536</v>
      </c>
      <c r="K33645" s="9"/>
      <c r="L33645" s="6"/>
    </row>
    <row r="33646" spans="1:12">
      <c r="A33646" s="6" t="s">
        <v>33886</v>
      </c>
      <c r="B33646" s="6"/>
      <c r="C33646" s="6" t="s">
        <v>32230</v>
      </c>
      <c r="D33646" s="6"/>
      <c r="E33646" s="6" t="s">
        <v>9</v>
      </c>
      <c r="F33646" s="7">
        <v>42517</v>
      </c>
      <c r="G33646" s="8">
        <v>496800</v>
      </c>
      <c r="H33646" s="8">
        <v>363660</v>
      </c>
      <c r="I33646" s="8">
        <v>166425</v>
      </c>
      <c r="J33646" s="8">
        <v>330375</v>
      </c>
      <c r="K33646" s="9"/>
      <c r="L33646" s="6"/>
    </row>
    <row r="33647" spans="1:12">
      <c r="A33647" s="6" t="s">
        <v>33887</v>
      </c>
      <c r="B33647" s="6"/>
      <c r="C33647" s="6" t="s">
        <v>32230</v>
      </c>
      <c r="D33647" s="6"/>
      <c r="E33647" s="6" t="s">
        <v>9</v>
      </c>
      <c r="F33647" s="7">
        <v>29305</v>
      </c>
      <c r="G33647" s="8">
        <v>991800</v>
      </c>
      <c r="H33647" s="8">
        <v>178524</v>
      </c>
      <c r="I33647" s="8">
        <v>833112</v>
      </c>
      <c r="J33647" s="8">
        <v>158688</v>
      </c>
      <c r="K33647" s="9"/>
      <c r="L33647" s="6"/>
    </row>
    <row r="33648" spans="1:12">
      <c r="A33648" s="6" t="s">
        <v>33888</v>
      </c>
      <c r="B33648" s="6"/>
      <c r="C33648" s="6" t="s">
        <v>32230</v>
      </c>
      <c r="D33648" s="6"/>
      <c r="E33648" s="6" t="s">
        <v>9</v>
      </c>
      <c r="F33648" s="7">
        <v>29305</v>
      </c>
      <c r="G33648" s="8">
        <v>2902500</v>
      </c>
      <c r="H33648" s="8">
        <v>522450</v>
      </c>
      <c r="I33648" s="8">
        <v>2438100</v>
      </c>
      <c r="J33648" s="8">
        <v>464400</v>
      </c>
      <c r="K33648" s="9"/>
      <c r="L33648" s="6"/>
    </row>
    <row r="33649" spans="1:12">
      <c r="A33649" s="6" t="s">
        <v>33185</v>
      </c>
      <c r="B33649" s="6"/>
      <c r="C33649" s="6" t="s">
        <v>32230</v>
      </c>
      <c r="D33649" s="6"/>
      <c r="E33649" s="6" t="s">
        <v>9</v>
      </c>
      <c r="F33649" s="7">
        <v>22372</v>
      </c>
      <c r="G33649" s="8">
        <v>6552000</v>
      </c>
      <c r="H33649" s="8">
        <v>1</v>
      </c>
      <c r="I33649" s="8">
        <v>6551999</v>
      </c>
      <c r="J33649" s="8">
        <v>1</v>
      </c>
      <c r="K33649" s="9"/>
      <c r="L33649" s="6"/>
    </row>
    <row r="33650" spans="1:12">
      <c r="A33650" s="6" t="s">
        <v>33889</v>
      </c>
      <c r="B33650" s="6"/>
      <c r="C33650" s="6" t="s">
        <v>32230</v>
      </c>
      <c r="D33650" s="6"/>
      <c r="E33650" s="6" t="s">
        <v>9</v>
      </c>
      <c r="F33650" s="7">
        <v>33592</v>
      </c>
      <c r="G33650" s="8">
        <v>4765500</v>
      </c>
      <c r="H33650" s="8">
        <v>2001510</v>
      </c>
      <c r="I33650" s="8">
        <v>2859300</v>
      </c>
      <c r="J33650" s="8">
        <v>1906200</v>
      </c>
      <c r="K33650" s="9"/>
      <c r="L33650" s="6"/>
    </row>
    <row r="33651" spans="1:12">
      <c r="A33651" s="6" t="s">
        <v>33185</v>
      </c>
      <c r="B33651" s="6"/>
      <c r="C33651" s="6" t="s">
        <v>32230</v>
      </c>
      <c r="D33651" s="6"/>
      <c r="E33651" s="6" t="s">
        <v>9</v>
      </c>
      <c r="F33651" s="7"/>
      <c r="G33651" s="8">
        <v>1</v>
      </c>
      <c r="H33651" s="8">
        <v>1</v>
      </c>
      <c r="I33651" s="8">
        <v>0</v>
      </c>
      <c r="J33651" s="8">
        <v>1</v>
      </c>
      <c r="K33651" s="9"/>
      <c r="L33651" s="6"/>
    </row>
    <row r="33652" spans="1:12">
      <c r="A33652" s="6" t="s">
        <v>33890</v>
      </c>
      <c r="B33652" s="6"/>
      <c r="C33652" s="6" t="s">
        <v>32230</v>
      </c>
      <c r="D33652" s="6"/>
      <c r="E33652" s="6" t="s">
        <v>9</v>
      </c>
      <c r="F33652" s="7">
        <v>29305</v>
      </c>
      <c r="G33652" s="8">
        <v>3909600</v>
      </c>
      <c r="H33652" s="8">
        <v>703728</v>
      </c>
      <c r="I33652" s="8">
        <v>3284064</v>
      </c>
      <c r="J33652" s="8">
        <v>625536</v>
      </c>
      <c r="K33652" s="9"/>
      <c r="L33652" s="6"/>
    </row>
    <row r="33653" spans="1:12">
      <c r="A33653" s="6" t="s">
        <v>33891</v>
      </c>
      <c r="B33653" s="6"/>
      <c r="C33653" s="6" t="s">
        <v>32230</v>
      </c>
      <c r="D33653" s="6"/>
      <c r="E33653" s="6"/>
      <c r="F33653" s="7">
        <v>43191</v>
      </c>
      <c r="G33653" s="8">
        <v>1080000</v>
      </c>
      <c r="H33653" s="8">
        <v>1036800</v>
      </c>
      <c r="I33653" s="8">
        <v>64800</v>
      </c>
      <c r="J33653" s="8">
        <v>1015200</v>
      </c>
      <c r="K33653" s="9"/>
      <c r="L33653" s="6"/>
    </row>
    <row r="33654" spans="1:12">
      <c r="A33654" s="6" t="s">
        <v>33891</v>
      </c>
      <c r="B33654" s="6"/>
      <c r="C33654" s="6" t="s">
        <v>32230</v>
      </c>
      <c r="D33654" s="6"/>
      <c r="E33654" s="6" t="s">
        <v>9</v>
      </c>
      <c r="F33654" s="7">
        <v>29305</v>
      </c>
      <c r="G33654" s="8">
        <v>32805000</v>
      </c>
      <c r="H33654" s="8">
        <v>5904900</v>
      </c>
      <c r="I33654" s="8">
        <v>27556200</v>
      </c>
      <c r="J33654" s="8">
        <v>5248800</v>
      </c>
      <c r="K33654" s="9"/>
      <c r="L33654" s="6"/>
    </row>
    <row r="33655" spans="1:12">
      <c r="A33655" s="6" t="s">
        <v>33892</v>
      </c>
      <c r="B33655" s="6"/>
      <c r="C33655" s="6" t="s">
        <v>32230</v>
      </c>
      <c r="D33655" s="6"/>
      <c r="E33655" s="6" t="s">
        <v>9</v>
      </c>
      <c r="F33655" s="7">
        <v>29305</v>
      </c>
      <c r="G33655" s="8">
        <v>1809000</v>
      </c>
      <c r="H33655" s="8">
        <v>325620</v>
      </c>
      <c r="I33655" s="8">
        <v>1519560</v>
      </c>
      <c r="J33655" s="8">
        <v>289440</v>
      </c>
      <c r="K33655" s="9"/>
      <c r="L33655" s="6"/>
    </row>
    <row r="33656" spans="1:12">
      <c r="A33656" s="6" t="s">
        <v>33893</v>
      </c>
      <c r="B33656" s="6"/>
      <c r="C33656" s="6" t="s">
        <v>32230</v>
      </c>
      <c r="D33656" s="6"/>
      <c r="E33656" s="6" t="s">
        <v>9</v>
      </c>
      <c r="F33656" s="7">
        <v>29305</v>
      </c>
      <c r="G33656" s="8">
        <v>3834000</v>
      </c>
      <c r="H33656" s="8">
        <v>690120</v>
      </c>
      <c r="I33656" s="8">
        <v>3220560</v>
      </c>
      <c r="J33656" s="8">
        <v>613440</v>
      </c>
      <c r="K33656" s="9"/>
      <c r="L33656" s="6"/>
    </row>
    <row r="33657" spans="1:12">
      <c r="A33657" s="6" t="s">
        <v>33894</v>
      </c>
      <c r="B33657" s="6"/>
      <c r="C33657" s="6" t="s">
        <v>32230</v>
      </c>
      <c r="D33657" s="6"/>
      <c r="E33657" s="6" t="s">
        <v>9</v>
      </c>
      <c r="F33657" s="7">
        <v>29305</v>
      </c>
      <c r="G33657" s="8">
        <v>23757300</v>
      </c>
      <c r="H33657" s="8">
        <v>4276314</v>
      </c>
      <c r="I33657" s="8">
        <v>19956132</v>
      </c>
      <c r="J33657" s="8">
        <v>3801168</v>
      </c>
      <c r="K33657" s="9"/>
      <c r="L33657" s="6"/>
    </row>
    <row r="33658" spans="1:12">
      <c r="A33658" s="6" t="s">
        <v>33895</v>
      </c>
      <c r="B33658" s="6"/>
      <c r="C33658" s="6" t="s">
        <v>32230</v>
      </c>
      <c r="D33658" s="6"/>
      <c r="E33658" s="6" t="s">
        <v>9</v>
      </c>
      <c r="F33658" s="7">
        <v>29305</v>
      </c>
      <c r="G33658" s="8">
        <v>1741500</v>
      </c>
      <c r="H33658" s="8">
        <v>313470</v>
      </c>
      <c r="I33658" s="8">
        <v>1462860</v>
      </c>
      <c r="J33658" s="8">
        <v>278640</v>
      </c>
      <c r="K33658" s="9"/>
      <c r="L33658" s="6"/>
    </row>
    <row r="33659" spans="1:12">
      <c r="A33659" s="6" t="s">
        <v>33896</v>
      </c>
      <c r="B33659" s="6"/>
      <c r="C33659" s="6" t="s">
        <v>32230</v>
      </c>
      <c r="D33659" s="6"/>
      <c r="E33659" s="6" t="s">
        <v>9</v>
      </c>
      <c r="F33659" s="7">
        <v>29305</v>
      </c>
      <c r="G33659" s="8">
        <v>1285200</v>
      </c>
      <c r="H33659" s="8">
        <v>231336</v>
      </c>
      <c r="I33659" s="8">
        <v>1079568</v>
      </c>
      <c r="J33659" s="8">
        <v>205632</v>
      </c>
      <c r="K33659" s="9"/>
      <c r="L33659" s="6"/>
    </row>
    <row r="33660" spans="1:12">
      <c r="A33660" s="6" t="s">
        <v>33897</v>
      </c>
      <c r="B33660" s="6"/>
      <c r="C33660" s="6" t="s">
        <v>32230</v>
      </c>
      <c r="D33660" s="6"/>
      <c r="E33660" s="6" t="s">
        <v>9</v>
      </c>
      <c r="F33660" s="7">
        <v>32598</v>
      </c>
      <c r="G33660" s="8">
        <v>33258600</v>
      </c>
      <c r="H33660" s="8">
        <v>11973096</v>
      </c>
      <c r="I33660" s="8">
        <v>21950676</v>
      </c>
      <c r="J33660" s="8">
        <v>11307924</v>
      </c>
      <c r="K33660" s="9"/>
      <c r="L33660" s="6"/>
    </row>
    <row r="33661" spans="1:12">
      <c r="A33661" s="6" t="s">
        <v>33898</v>
      </c>
      <c r="B33661" s="6"/>
      <c r="C33661" s="6" t="s">
        <v>32230</v>
      </c>
      <c r="D33661" s="6"/>
      <c r="E33661" s="6" t="s">
        <v>9</v>
      </c>
      <c r="F33661" s="7">
        <v>29305</v>
      </c>
      <c r="G33661" s="8">
        <v>3915000</v>
      </c>
      <c r="H33661" s="8">
        <v>704700</v>
      </c>
      <c r="I33661" s="8">
        <v>3288600</v>
      </c>
      <c r="J33661" s="8">
        <v>626400</v>
      </c>
      <c r="K33661" s="9"/>
      <c r="L33661" s="6"/>
    </row>
    <row r="33662" spans="1:12">
      <c r="A33662" s="6" t="s">
        <v>33899</v>
      </c>
      <c r="B33662" s="6"/>
      <c r="C33662" s="6" t="s">
        <v>32230</v>
      </c>
      <c r="D33662" s="6"/>
      <c r="E33662" s="6" t="s">
        <v>9</v>
      </c>
      <c r="F33662" s="7">
        <v>29305</v>
      </c>
      <c r="G33662" s="8">
        <v>4159100</v>
      </c>
      <c r="H33662" s="8">
        <v>748638</v>
      </c>
      <c r="I33662" s="8">
        <v>3493644</v>
      </c>
      <c r="J33662" s="8">
        <v>665456</v>
      </c>
      <c r="K33662" s="9"/>
      <c r="L33662" s="6"/>
    </row>
    <row r="33663" spans="1:12">
      <c r="A33663" s="6" t="s">
        <v>33900</v>
      </c>
      <c r="B33663" s="6"/>
      <c r="C33663" s="6" t="s">
        <v>32230</v>
      </c>
      <c r="D33663" s="6"/>
      <c r="E33663" s="6" t="s">
        <v>9</v>
      </c>
      <c r="F33663" s="7">
        <v>29305</v>
      </c>
      <c r="G33663" s="8">
        <v>4509000</v>
      </c>
      <c r="H33663" s="8">
        <v>811620</v>
      </c>
      <c r="I33663" s="8">
        <v>3787560</v>
      </c>
      <c r="J33663" s="8">
        <v>721440</v>
      </c>
      <c r="K33663" s="9"/>
      <c r="L33663" s="6"/>
    </row>
    <row r="33664" spans="1:12">
      <c r="A33664" s="6" t="s">
        <v>33901</v>
      </c>
      <c r="B33664" s="6"/>
      <c r="C33664" s="6" t="s">
        <v>32230</v>
      </c>
      <c r="D33664" s="6"/>
      <c r="E33664" s="6" t="s">
        <v>9</v>
      </c>
      <c r="F33664" s="7">
        <v>42825</v>
      </c>
      <c r="G33664" s="8">
        <v>444960</v>
      </c>
      <c r="H33664" s="8">
        <v>266976</v>
      </c>
      <c r="I33664" s="8">
        <v>222480</v>
      </c>
      <c r="J33664" s="8">
        <v>222480</v>
      </c>
      <c r="K33664" s="9"/>
      <c r="L33664" s="6"/>
    </row>
    <row r="33665" spans="1:12">
      <c r="A33665" s="6" t="s">
        <v>33902</v>
      </c>
      <c r="B33665" s="6"/>
      <c r="C33665" s="6" t="s">
        <v>32230</v>
      </c>
      <c r="D33665" s="6"/>
      <c r="E33665" s="6" t="s">
        <v>9</v>
      </c>
      <c r="F33665" s="7">
        <v>31500</v>
      </c>
      <c r="G33665" s="8">
        <v>14544900</v>
      </c>
      <c r="H33665" s="8">
        <v>4363470</v>
      </c>
      <c r="I33665" s="8">
        <v>10472328</v>
      </c>
      <c r="J33665" s="8">
        <v>4072572</v>
      </c>
      <c r="K33665" s="9"/>
      <c r="L33665" s="6"/>
    </row>
    <row r="33666" spans="1:12">
      <c r="A33666" s="6" t="s">
        <v>33185</v>
      </c>
      <c r="B33666" s="6"/>
      <c r="C33666" s="6" t="s">
        <v>32230</v>
      </c>
      <c r="D33666" s="6"/>
      <c r="E33666" s="6" t="s">
        <v>9</v>
      </c>
      <c r="F33666" s="7">
        <v>24929</v>
      </c>
      <c r="G33666" s="8">
        <v>11466000</v>
      </c>
      <c r="H33666" s="8">
        <v>1330056</v>
      </c>
      <c r="I33666" s="8">
        <v>10330866</v>
      </c>
      <c r="J33666" s="8">
        <v>1135134</v>
      </c>
      <c r="K33666" s="9"/>
      <c r="L33666" s="6"/>
    </row>
    <row r="33667" spans="1:12">
      <c r="A33667" s="6" t="s">
        <v>33903</v>
      </c>
      <c r="B33667" s="6"/>
      <c r="C33667" s="6" t="s">
        <v>32230</v>
      </c>
      <c r="D33667" s="6"/>
      <c r="E33667" s="6" t="s">
        <v>9</v>
      </c>
      <c r="F33667" s="7">
        <v>32947</v>
      </c>
      <c r="G33667" s="8">
        <v>48851100</v>
      </c>
      <c r="H33667" s="8">
        <v>18563418</v>
      </c>
      <c r="I33667" s="8">
        <v>31264704</v>
      </c>
      <c r="J33667" s="8">
        <v>17586396</v>
      </c>
      <c r="K33667" s="9"/>
      <c r="L33667" s="6"/>
    </row>
    <row r="33668" spans="1:12">
      <c r="A33668" s="6" t="s">
        <v>33185</v>
      </c>
      <c r="B33668" s="6"/>
      <c r="C33668" s="6" t="s">
        <v>32230</v>
      </c>
      <c r="D33668" s="6"/>
      <c r="E33668" s="6" t="s">
        <v>9</v>
      </c>
      <c r="F33668" s="7">
        <v>32234</v>
      </c>
      <c r="G33668" s="8">
        <v>8299200</v>
      </c>
      <c r="H33668" s="8">
        <v>3784448</v>
      </c>
      <c r="I33668" s="8">
        <v>4655838</v>
      </c>
      <c r="J33668" s="8">
        <v>3643362</v>
      </c>
      <c r="K33668" s="9"/>
      <c r="L33668" s="6"/>
    </row>
    <row r="33669" spans="1:12">
      <c r="A33669" s="6" t="s">
        <v>33904</v>
      </c>
      <c r="B33669" s="6"/>
      <c r="C33669" s="6" t="s">
        <v>32230</v>
      </c>
      <c r="D33669" s="6"/>
      <c r="E33669" s="6" t="s">
        <v>9</v>
      </c>
      <c r="F33669" s="7">
        <v>29305</v>
      </c>
      <c r="G33669" s="8">
        <v>3534000</v>
      </c>
      <c r="H33669" s="8">
        <v>636120</v>
      </c>
      <c r="I33669" s="8">
        <v>2968560</v>
      </c>
      <c r="J33669" s="8">
        <v>565440</v>
      </c>
      <c r="K33669" s="9"/>
      <c r="L33669" s="6"/>
    </row>
    <row r="33670" spans="1:12">
      <c r="A33670" s="6" t="s">
        <v>33905</v>
      </c>
      <c r="B33670" s="6"/>
      <c r="C33670" s="6" t="s">
        <v>32230</v>
      </c>
      <c r="D33670" s="6"/>
      <c r="E33670" s="6" t="s">
        <v>9</v>
      </c>
      <c r="F33670" s="7">
        <v>29305</v>
      </c>
      <c r="G33670" s="8">
        <v>7560000</v>
      </c>
      <c r="H33670" s="8">
        <v>1360800</v>
      </c>
      <c r="I33670" s="8">
        <v>6350400</v>
      </c>
      <c r="J33670" s="8">
        <v>1209600</v>
      </c>
      <c r="K33670" s="9"/>
      <c r="L33670" s="6"/>
    </row>
    <row r="33671" spans="1:12">
      <c r="A33671" s="6" t="s">
        <v>33906</v>
      </c>
      <c r="B33671" s="6"/>
      <c r="C33671" s="6" t="s">
        <v>32230</v>
      </c>
      <c r="D33671" s="6"/>
      <c r="E33671" s="6" t="s">
        <v>9</v>
      </c>
      <c r="F33671" s="7">
        <v>29305</v>
      </c>
      <c r="G33671" s="8">
        <v>29945700</v>
      </c>
      <c r="H33671" s="8">
        <v>5390226</v>
      </c>
      <c r="I33671" s="8">
        <v>25154388</v>
      </c>
      <c r="J33671" s="8">
        <v>4791312</v>
      </c>
      <c r="K33671" s="9"/>
      <c r="L33671" s="6"/>
    </row>
    <row r="33672" spans="1:12">
      <c r="A33672" s="6" t="s">
        <v>33907</v>
      </c>
      <c r="B33672" s="6"/>
      <c r="C33672" s="6" t="s">
        <v>32230</v>
      </c>
      <c r="D33672" s="6"/>
      <c r="E33672" s="6" t="s">
        <v>9</v>
      </c>
      <c r="F33672" s="7">
        <v>29305</v>
      </c>
      <c r="G33672" s="8">
        <v>862600</v>
      </c>
      <c r="H33672" s="8">
        <v>155268</v>
      </c>
      <c r="I33672" s="8">
        <v>724584</v>
      </c>
      <c r="J33672" s="8">
        <v>138016</v>
      </c>
      <c r="K33672" s="9"/>
      <c r="L33672" s="6"/>
    </row>
    <row r="33673" spans="1:12">
      <c r="A33673" s="6" t="s">
        <v>33908</v>
      </c>
      <c r="B33673" s="6"/>
      <c r="C33673" s="6" t="s">
        <v>32230</v>
      </c>
      <c r="D33673" s="6"/>
      <c r="E33673" s="6" t="s">
        <v>9</v>
      </c>
      <c r="F33673" s="7">
        <v>29305</v>
      </c>
      <c r="G33673" s="8">
        <v>3256200</v>
      </c>
      <c r="H33673" s="8">
        <v>586116</v>
      </c>
      <c r="I33673" s="8">
        <v>2735208</v>
      </c>
      <c r="J33673" s="8">
        <v>520992</v>
      </c>
      <c r="K33673" s="9"/>
      <c r="L33673" s="6"/>
    </row>
    <row r="33674" spans="1:12">
      <c r="A33674" s="6" t="s">
        <v>33909</v>
      </c>
      <c r="B33674" s="6"/>
      <c r="C33674" s="6" t="s">
        <v>32230</v>
      </c>
      <c r="D33674" s="6"/>
      <c r="E33674" s="6" t="s">
        <v>9</v>
      </c>
      <c r="F33674" s="7">
        <v>29305</v>
      </c>
      <c r="G33674" s="8">
        <v>1606500</v>
      </c>
      <c r="H33674" s="8">
        <v>289170</v>
      </c>
      <c r="I33674" s="8">
        <v>1349460</v>
      </c>
      <c r="J33674" s="8">
        <v>257040</v>
      </c>
      <c r="K33674" s="9"/>
      <c r="L33674" s="6"/>
    </row>
    <row r="33675" spans="1:12">
      <c r="A33675" s="6" t="s">
        <v>33910</v>
      </c>
      <c r="B33675" s="6"/>
      <c r="C33675" s="6" t="s">
        <v>32230</v>
      </c>
      <c r="D33675" s="6"/>
      <c r="E33675" s="6" t="s">
        <v>9</v>
      </c>
      <c r="F33675" s="7">
        <v>29305</v>
      </c>
      <c r="G33675" s="8">
        <v>1557900</v>
      </c>
      <c r="H33675" s="8">
        <v>280422</v>
      </c>
      <c r="I33675" s="8">
        <v>1308636</v>
      </c>
      <c r="J33675" s="8">
        <v>249264</v>
      </c>
      <c r="K33675" s="9"/>
      <c r="L33675" s="6"/>
    </row>
    <row r="33676" spans="1:12">
      <c r="A33676" s="6" t="s">
        <v>33911</v>
      </c>
      <c r="B33676" s="6"/>
      <c r="C33676" s="6" t="s">
        <v>32230</v>
      </c>
      <c r="D33676" s="6"/>
      <c r="E33676" s="6" t="s">
        <v>9</v>
      </c>
      <c r="F33676" s="7">
        <v>30406</v>
      </c>
      <c r="G33676" s="8">
        <v>16491600</v>
      </c>
      <c r="H33676" s="8">
        <v>3957984</v>
      </c>
      <c r="I33676" s="8">
        <v>12863448</v>
      </c>
      <c r="J33676" s="8">
        <v>3628152</v>
      </c>
      <c r="K33676" s="9"/>
      <c r="L33676" s="6"/>
    </row>
    <row r="33677" spans="1:12">
      <c r="A33677" s="6" t="s">
        <v>33912</v>
      </c>
      <c r="B33677" s="6"/>
      <c r="C33677" s="6" t="s">
        <v>32230</v>
      </c>
      <c r="D33677" s="6"/>
      <c r="E33677" s="6" t="s">
        <v>9</v>
      </c>
      <c r="F33677" s="7">
        <v>29305</v>
      </c>
      <c r="G33677" s="8">
        <v>1741500</v>
      </c>
      <c r="H33677" s="8">
        <v>313470</v>
      </c>
      <c r="I33677" s="8">
        <v>1462860</v>
      </c>
      <c r="J33677" s="8">
        <v>278640</v>
      </c>
      <c r="K33677" s="9"/>
      <c r="L33677" s="6"/>
    </row>
    <row r="33678" spans="1:12">
      <c r="A33678" s="6" t="s">
        <v>33913</v>
      </c>
      <c r="B33678" s="6"/>
      <c r="C33678" s="6" t="s">
        <v>32230</v>
      </c>
      <c r="D33678" s="6"/>
      <c r="E33678" s="6" t="s">
        <v>9</v>
      </c>
      <c r="F33678" s="7">
        <v>29305</v>
      </c>
      <c r="G33678" s="8">
        <v>10505700</v>
      </c>
      <c r="H33678" s="8">
        <v>1891026</v>
      </c>
      <c r="I33678" s="8">
        <v>8824788</v>
      </c>
      <c r="J33678" s="8">
        <v>1680912</v>
      </c>
      <c r="K33678" s="9"/>
      <c r="L33678" s="6"/>
    </row>
    <row r="33679" spans="1:12">
      <c r="A33679" s="6" t="s">
        <v>33914</v>
      </c>
      <c r="B33679" s="6"/>
      <c r="C33679" s="6" t="s">
        <v>32230</v>
      </c>
      <c r="D33679" s="6"/>
      <c r="E33679" s="6" t="s">
        <v>9</v>
      </c>
      <c r="F33679" s="7">
        <v>29305</v>
      </c>
      <c r="G33679" s="8">
        <v>25336800</v>
      </c>
      <c r="H33679" s="8">
        <v>4560624</v>
      </c>
      <c r="I33679" s="8">
        <v>21282912</v>
      </c>
      <c r="J33679" s="8">
        <v>4053888</v>
      </c>
      <c r="K33679" s="9"/>
      <c r="L33679" s="6"/>
    </row>
    <row r="33680" spans="1:12">
      <c r="A33680" s="6" t="s">
        <v>33915</v>
      </c>
      <c r="B33680" s="6"/>
      <c r="C33680" s="6" t="s">
        <v>32230</v>
      </c>
      <c r="D33680" s="6"/>
      <c r="E33680" s="6" t="s">
        <v>9</v>
      </c>
      <c r="F33680" s="7">
        <v>29305</v>
      </c>
      <c r="G33680" s="8">
        <v>598500</v>
      </c>
      <c r="H33680" s="8">
        <v>107730</v>
      </c>
      <c r="I33680" s="8">
        <v>502740</v>
      </c>
      <c r="J33680" s="8">
        <v>95760</v>
      </c>
      <c r="K33680" s="9"/>
      <c r="L33680" s="6"/>
    </row>
    <row r="33681" spans="1:12">
      <c r="A33681" s="6" t="s">
        <v>33916</v>
      </c>
      <c r="B33681" s="6"/>
      <c r="C33681" s="6" t="s">
        <v>32230</v>
      </c>
      <c r="D33681" s="6"/>
      <c r="E33681" s="6" t="s">
        <v>9</v>
      </c>
      <c r="F33681" s="7">
        <v>29305</v>
      </c>
      <c r="G33681" s="8">
        <v>16029900</v>
      </c>
      <c r="H33681" s="8">
        <v>2885382</v>
      </c>
      <c r="I33681" s="8">
        <v>13465116</v>
      </c>
      <c r="J33681" s="8">
        <v>2564784</v>
      </c>
      <c r="K33681" s="9"/>
      <c r="L33681" s="6"/>
    </row>
    <row r="33682" spans="1:12">
      <c r="A33682" s="6" t="s">
        <v>33185</v>
      </c>
      <c r="B33682" s="6"/>
      <c r="C33682" s="6" t="s">
        <v>32230</v>
      </c>
      <c r="D33682" s="6"/>
      <c r="E33682" s="6" t="s">
        <v>9</v>
      </c>
      <c r="F33682" s="7"/>
      <c r="G33682" s="8">
        <v>1</v>
      </c>
      <c r="H33682" s="8">
        <v>1</v>
      </c>
      <c r="I33682" s="8">
        <v>0</v>
      </c>
      <c r="J33682" s="8">
        <v>1</v>
      </c>
      <c r="K33682" s="9"/>
      <c r="L33682" s="6"/>
    </row>
    <row r="33683" spans="1:12">
      <c r="A33683" s="6" t="s">
        <v>33917</v>
      </c>
      <c r="B33683" s="6"/>
      <c r="C33683" s="6" t="s">
        <v>32230</v>
      </c>
      <c r="D33683" s="6"/>
      <c r="E33683" s="6" t="s">
        <v>9</v>
      </c>
      <c r="F33683" s="7">
        <v>29305</v>
      </c>
      <c r="G33683" s="8">
        <v>14717700</v>
      </c>
      <c r="H33683" s="8">
        <v>2649186</v>
      </c>
      <c r="I33683" s="8">
        <v>12362868</v>
      </c>
      <c r="J33683" s="8">
        <v>2354832</v>
      </c>
      <c r="K33683" s="9"/>
      <c r="L33683" s="6"/>
    </row>
    <row r="33684" spans="1:12">
      <c r="A33684" s="6" t="s">
        <v>33918</v>
      </c>
      <c r="B33684" s="6"/>
      <c r="C33684" s="6" t="s">
        <v>32230</v>
      </c>
      <c r="D33684" s="6"/>
      <c r="E33684" s="6" t="s">
        <v>9</v>
      </c>
      <c r="F33684" s="7">
        <v>29305</v>
      </c>
      <c r="G33684" s="8">
        <v>3264300</v>
      </c>
      <c r="H33684" s="8">
        <v>587574</v>
      </c>
      <c r="I33684" s="8">
        <v>2742012</v>
      </c>
      <c r="J33684" s="8">
        <v>522288</v>
      </c>
      <c r="K33684" s="9"/>
      <c r="L33684" s="6"/>
    </row>
    <row r="33685" spans="1:12">
      <c r="A33685" s="6" t="s">
        <v>33919</v>
      </c>
      <c r="B33685" s="6"/>
      <c r="C33685" s="6" t="s">
        <v>32230</v>
      </c>
      <c r="D33685" s="6"/>
      <c r="E33685" s="6" t="s">
        <v>9</v>
      </c>
      <c r="F33685" s="7">
        <v>33592</v>
      </c>
      <c r="G33685" s="8">
        <v>5902200</v>
      </c>
      <c r="H33685" s="8">
        <v>2478924</v>
      </c>
      <c r="I33685" s="8">
        <v>3541320</v>
      </c>
      <c r="J33685" s="8">
        <v>2360880</v>
      </c>
      <c r="K33685" s="9"/>
      <c r="L33685" s="6"/>
    </row>
    <row r="33686" spans="1:12">
      <c r="A33686" s="6" t="s">
        <v>33920</v>
      </c>
      <c r="B33686" s="6"/>
      <c r="C33686" s="6" t="s">
        <v>32230</v>
      </c>
      <c r="D33686" s="6"/>
      <c r="E33686" s="6" t="s">
        <v>9</v>
      </c>
      <c r="F33686" s="7">
        <v>30406</v>
      </c>
      <c r="G33686" s="8">
        <v>7425000</v>
      </c>
      <c r="H33686" s="8">
        <v>1782000</v>
      </c>
      <c r="I33686" s="8">
        <v>5791500</v>
      </c>
      <c r="J33686" s="8">
        <v>1633500</v>
      </c>
      <c r="K33686" s="9"/>
      <c r="L33686" s="6"/>
    </row>
    <row r="33687" spans="1:12">
      <c r="A33687" s="6" t="s">
        <v>33921</v>
      </c>
      <c r="B33687" s="6"/>
      <c r="C33687" s="6" t="s">
        <v>32230</v>
      </c>
      <c r="D33687" s="6"/>
      <c r="E33687" s="6" t="s">
        <v>9</v>
      </c>
      <c r="F33687" s="7">
        <v>29305</v>
      </c>
      <c r="G33687" s="8">
        <v>7487100</v>
      </c>
      <c r="H33687" s="8">
        <v>1347678</v>
      </c>
      <c r="I33687" s="8">
        <v>6289164</v>
      </c>
      <c r="J33687" s="8">
        <v>1197936</v>
      </c>
      <c r="K33687" s="9"/>
      <c r="L33687" s="6"/>
    </row>
    <row r="33688" spans="1:12">
      <c r="A33688" s="6" t="s">
        <v>33185</v>
      </c>
      <c r="B33688" s="6"/>
      <c r="C33688" s="6" t="s">
        <v>32230</v>
      </c>
      <c r="D33688" s="6"/>
      <c r="E33688" s="6" t="s">
        <v>9</v>
      </c>
      <c r="F33688" s="7">
        <v>22372</v>
      </c>
      <c r="G33688" s="8">
        <v>8058960</v>
      </c>
      <c r="H33688" s="8">
        <v>1</v>
      </c>
      <c r="I33688" s="8">
        <v>8058959</v>
      </c>
      <c r="J33688" s="8">
        <v>1</v>
      </c>
      <c r="K33688" s="9"/>
      <c r="L33688" s="6"/>
    </row>
    <row r="33689" spans="1:12">
      <c r="A33689" s="6" t="s">
        <v>33922</v>
      </c>
      <c r="B33689" s="6"/>
      <c r="C33689" s="6" t="s">
        <v>32230</v>
      </c>
      <c r="D33689" s="6"/>
      <c r="E33689" s="6" t="s">
        <v>9</v>
      </c>
      <c r="F33689" s="7">
        <v>29305</v>
      </c>
      <c r="G33689" s="8">
        <v>5940000</v>
      </c>
      <c r="H33689" s="8">
        <v>1069200</v>
      </c>
      <c r="I33689" s="8">
        <v>4989600</v>
      </c>
      <c r="J33689" s="8">
        <v>950400</v>
      </c>
      <c r="K33689" s="9"/>
      <c r="L33689" s="6"/>
    </row>
    <row r="33690" spans="1:12">
      <c r="A33690" s="6" t="s">
        <v>33923</v>
      </c>
      <c r="B33690" s="6"/>
      <c r="C33690" s="6" t="s">
        <v>32230</v>
      </c>
      <c r="D33690" s="6"/>
      <c r="E33690" s="6" t="s">
        <v>9</v>
      </c>
      <c r="F33690" s="7">
        <v>29305</v>
      </c>
      <c r="G33690" s="8">
        <v>845500</v>
      </c>
      <c r="H33690" s="8">
        <v>152190</v>
      </c>
      <c r="I33690" s="8">
        <v>710220</v>
      </c>
      <c r="J33690" s="8">
        <v>135280</v>
      </c>
      <c r="K33690" s="9"/>
      <c r="L33690" s="6"/>
    </row>
    <row r="33691" spans="1:12">
      <c r="A33691" s="6" t="s">
        <v>33924</v>
      </c>
      <c r="B33691" s="6"/>
      <c r="C33691" s="6" t="s">
        <v>32230</v>
      </c>
      <c r="D33691" s="6"/>
      <c r="E33691" s="6" t="s">
        <v>9</v>
      </c>
      <c r="F33691" s="7">
        <v>32233</v>
      </c>
      <c r="G33691" s="8">
        <v>22879800</v>
      </c>
      <c r="H33691" s="8">
        <v>7779132</v>
      </c>
      <c r="I33691" s="8">
        <v>15558264</v>
      </c>
      <c r="J33691" s="8">
        <v>7321536</v>
      </c>
      <c r="K33691" s="9"/>
      <c r="L33691" s="6"/>
    </row>
    <row r="33692" spans="1:12">
      <c r="A33692" s="6" t="s">
        <v>33925</v>
      </c>
      <c r="B33692" s="6"/>
      <c r="C33692" s="6" t="s">
        <v>32230</v>
      </c>
      <c r="D33692" s="6"/>
      <c r="E33692" s="6" t="s">
        <v>9</v>
      </c>
      <c r="F33692" s="7">
        <v>29305</v>
      </c>
      <c r="G33692" s="8">
        <v>782800</v>
      </c>
      <c r="H33692" s="8">
        <v>140904</v>
      </c>
      <c r="I33692" s="8">
        <v>657552</v>
      </c>
      <c r="J33692" s="8">
        <v>125248</v>
      </c>
      <c r="K33692" s="9"/>
      <c r="L33692" s="6"/>
    </row>
    <row r="33693" spans="1:12">
      <c r="A33693" s="6" t="s">
        <v>33926</v>
      </c>
      <c r="B33693" s="6"/>
      <c r="C33693" s="6" t="s">
        <v>32230</v>
      </c>
      <c r="D33693" s="6"/>
      <c r="E33693" s="6" t="s">
        <v>9</v>
      </c>
      <c r="F33693" s="7">
        <v>29305</v>
      </c>
      <c r="G33693" s="8">
        <v>7614000</v>
      </c>
      <c r="H33693" s="8">
        <v>1370520</v>
      </c>
      <c r="I33693" s="8">
        <v>6395760</v>
      </c>
      <c r="J33693" s="8">
        <v>1218240</v>
      </c>
      <c r="K33693" s="9"/>
      <c r="L33693" s="6"/>
    </row>
    <row r="33694" spans="1:12">
      <c r="A33694" s="6" t="s">
        <v>33927</v>
      </c>
      <c r="B33694" s="6"/>
      <c r="C33694" s="6" t="s">
        <v>32230</v>
      </c>
      <c r="D33694" s="6"/>
      <c r="E33694" s="6" t="s">
        <v>9</v>
      </c>
      <c r="F33694" s="7">
        <v>29305</v>
      </c>
      <c r="G33694" s="8">
        <v>19124100</v>
      </c>
      <c r="H33694" s="8">
        <v>3442338</v>
      </c>
      <c r="I33694" s="8">
        <v>16064244</v>
      </c>
      <c r="J33694" s="8">
        <v>3059856</v>
      </c>
      <c r="K33694" s="9"/>
      <c r="L33694" s="6"/>
    </row>
    <row r="33695" spans="1:12">
      <c r="A33695" s="6" t="s">
        <v>33928</v>
      </c>
      <c r="B33695" s="6"/>
      <c r="C33695" s="6" t="s">
        <v>32230</v>
      </c>
      <c r="D33695" s="6"/>
      <c r="E33695" s="6" t="s">
        <v>9</v>
      </c>
      <c r="F33695" s="7">
        <v>30406</v>
      </c>
      <c r="G33695" s="8">
        <v>9663300</v>
      </c>
      <c r="H33695" s="8">
        <v>2319192</v>
      </c>
      <c r="I33695" s="8">
        <v>7537374</v>
      </c>
      <c r="J33695" s="8">
        <v>2125926</v>
      </c>
      <c r="K33695" s="9"/>
      <c r="L33695" s="6"/>
    </row>
    <row r="33696" spans="1:12">
      <c r="A33696" s="6" t="s">
        <v>33929</v>
      </c>
      <c r="B33696" s="6"/>
      <c r="C33696" s="6" t="s">
        <v>32230</v>
      </c>
      <c r="D33696" s="6"/>
      <c r="E33696" s="6" t="s">
        <v>9</v>
      </c>
      <c r="F33696" s="7">
        <v>30406</v>
      </c>
      <c r="G33696" s="8">
        <v>14912100</v>
      </c>
      <c r="H33696" s="8">
        <v>3578904</v>
      </c>
      <c r="I33696" s="8">
        <v>11631438</v>
      </c>
      <c r="J33696" s="8">
        <v>3280662</v>
      </c>
      <c r="K33696" s="9"/>
      <c r="L33696" s="6"/>
    </row>
    <row r="33697" spans="1:12">
      <c r="A33697" s="6" t="s">
        <v>33930</v>
      </c>
      <c r="B33697" s="6"/>
      <c r="C33697" s="6" t="s">
        <v>32230</v>
      </c>
      <c r="D33697" s="6"/>
      <c r="E33697" s="6" t="s">
        <v>9</v>
      </c>
      <c r="F33697" s="7">
        <v>29305</v>
      </c>
      <c r="G33697" s="8">
        <v>12870900</v>
      </c>
      <c r="H33697" s="8">
        <v>2316762</v>
      </c>
      <c r="I33697" s="8">
        <v>10811556</v>
      </c>
      <c r="J33697" s="8">
        <v>2059344</v>
      </c>
      <c r="K33697" s="9"/>
      <c r="L33697" s="6"/>
    </row>
    <row r="33698" spans="1:12">
      <c r="A33698" s="6" t="s">
        <v>33931</v>
      </c>
      <c r="B33698" s="6"/>
      <c r="C33698" s="6" t="s">
        <v>32230</v>
      </c>
      <c r="D33698" s="6"/>
      <c r="E33698" s="6" t="s">
        <v>9</v>
      </c>
      <c r="F33698" s="7">
        <v>29305</v>
      </c>
      <c r="G33698" s="8">
        <v>7290000</v>
      </c>
      <c r="H33698" s="8">
        <v>1312200</v>
      </c>
      <c r="I33698" s="8">
        <v>6123600</v>
      </c>
      <c r="J33698" s="8">
        <v>1166400</v>
      </c>
      <c r="K33698" s="9"/>
      <c r="L33698" s="6"/>
    </row>
    <row r="33699" spans="1:12">
      <c r="A33699" s="6" t="s">
        <v>33932</v>
      </c>
      <c r="B33699" s="6"/>
      <c r="C33699" s="6" t="s">
        <v>32230</v>
      </c>
      <c r="D33699" s="6"/>
      <c r="E33699" s="6" t="s">
        <v>9</v>
      </c>
      <c r="F33699" s="7">
        <v>29305</v>
      </c>
      <c r="G33699" s="8">
        <v>16078500</v>
      </c>
      <c r="H33699" s="8">
        <v>2894130</v>
      </c>
      <c r="I33699" s="8">
        <v>13505940</v>
      </c>
      <c r="J33699" s="8">
        <v>2572560</v>
      </c>
      <c r="K33699" s="9"/>
      <c r="L33699" s="6"/>
    </row>
    <row r="33700" spans="1:12">
      <c r="A33700" s="6" t="s">
        <v>33933</v>
      </c>
      <c r="B33700" s="6"/>
      <c r="C33700" s="6" t="s">
        <v>32230</v>
      </c>
      <c r="D33700" s="6"/>
      <c r="E33700" s="6" t="s">
        <v>9</v>
      </c>
      <c r="F33700" s="7">
        <v>29305</v>
      </c>
      <c r="G33700" s="8">
        <v>3159000</v>
      </c>
      <c r="H33700" s="8">
        <v>568620</v>
      </c>
      <c r="I33700" s="8">
        <v>2653560</v>
      </c>
      <c r="J33700" s="8">
        <v>505440</v>
      </c>
      <c r="K33700" s="9"/>
      <c r="L33700" s="6"/>
    </row>
    <row r="33701" spans="1:12">
      <c r="A33701" s="6" t="s">
        <v>33934</v>
      </c>
      <c r="B33701" s="6"/>
      <c r="C33701" s="6" t="s">
        <v>32230</v>
      </c>
      <c r="D33701" s="6"/>
      <c r="E33701" s="6" t="s">
        <v>9</v>
      </c>
      <c r="F33701" s="7">
        <v>29305</v>
      </c>
      <c r="G33701" s="8">
        <v>4276800</v>
      </c>
      <c r="H33701" s="8">
        <v>769824</v>
      </c>
      <c r="I33701" s="8">
        <v>3592512</v>
      </c>
      <c r="J33701" s="8">
        <v>684288</v>
      </c>
      <c r="K33701" s="9"/>
      <c r="L33701" s="6"/>
    </row>
    <row r="33702" spans="1:12">
      <c r="A33702" s="6" t="s">
        <v>33935</v>
      </c>
      <c r="B33702" s="6"/>
      <c r="C33702" s="6" t="s">
        <v>32230</v>
      </c>
      <c r="D33702" s="6"/>
      <c r="E33702" s="6" t="s">
        <v>9</v>
      </c>
      <c r="F33702" s="7">
        <v>29305</v>
      </c>
      <c r="G33702" s="8">
        <v>14320800</v>
      </c>
      <c r="H33702" s="8">
        <v>2577744</v>
      </c>
      <c r="I33702" s="8">
        <v>12029472</v>
      </c>
      <c r="J33702" s="8">
        <v>2291328</v>
      </c>
      <c r="K33702" s="9"/>
      <c r="L33702" s="6"/>
    </row>
    <row r="33703" spans="1:12">
      <c r="A33703" s="6" t="s">
        <v>33936</v>
      </c>
      <c r="B33703" s="6"/>
      <c r="C33703" s="6" t="s">
        <v>32230</v>
      </c>
      <c r="D33703" s="6"/>
      <c r="E33703" s="6" t="s">
        <v>9</v>
      </c>
      <c r="F33703" s="7">
        <v>29305</v>
      </c>
      <c r="G33703" s="8">
        <v>11745000</v>
      </c>
      <c r="H33703" s="8">
        <v>2114100</v>
      </c>
      <c r="I33703" s="8">
        <v>9865800</v>
      </c>
      <c r="J33703" s="8">
        <v>1879200</v>
      </c>
      <c r="K33703" s="9"/>
      <c r="L33703" s="6"/>
    </row>
    <row r="33704" spans="1:12">
      <c r="A33704" s="6" t="s">
        <v>33937</v>
      </c>
      <c r="B33704" s="6"/>
      <c r="C33704" s="6" t="s">
        <v>32230</v>
      </c>
      <c r="D33704" s="6"/>
      <c r="E33704" s="6" t="s">
        <v>9</v>
      </c>
      <c r="F33704" s="7">
        <v>29305</v>
      </c>
      <c r="G33704" s="8">
        <v>5046300</v>
      </c>
      <c r="H33704" s="8">
        <v>908334</v>
      </c>
      <c r="I33704" s="8">
        <v>4238892</v>
      </c>
      <c r="J33704" s="8">
        <v>807408</v>
      </c>
      <c r="K33704" s="9"/>
      <c r="L33704" s="6"/>
    </row>
    <row r="33705" spans="1:12">
      <c r="A33705" s="6" t="s">
        <v>33938</v>
      </c>
      <c r="B33705" s="6"/>
      <c r="C33705" s="6" t="s">
        <v>32230</v>
      </c>
      <c r="D33705" s="6"/>
      <c r="E33705" s="6" t="s">
        <v>9</v>
      </c>
      <c r="F33705" s="7">
        <v>29305</v>
      </c>
      <c r="G33705" s="8">
        <v>1358500</v>
      </c>
      <c r="H33705" s="8">
        <v>244530</v>
      </c>
      <c r="I33705" s="8">
        <v>1141140</v>
      </c>
      <c r="J33705" s="8">
        <v>217360</v>
      </c>
      <c r="K33705" s="9"/>
      <c r="L33705" s="6"/>
    </row>
    <row r="33706" spans="1:12">
      <c r="A33706" s="6" t="s">
        <v>33939</v>
      </c>
      <c r="B33706" s="6"/>
      <c r="C33706" s="6" t="s">
        <v>32230</v>
      </c>
      <c r="D33706" s="6"/>
      <c r="E33706" s="6" t="s">
        <v>9</v>
      </c>
      <c r="F33706" s="7">
        <v>29305</v>
      </c>
      <c r="G33706" s="8">
        <v>6042600</v>
      </c>
      <c r="H33706" s="8">
        <v>1087668</v>
      </c>
      <c r="I33706" s="8">
        <v>5075784</v>
      </c>
      <c r="J33706" s="8">
        <v>966816</v>
      </c>
      <c r="K33706" s="9"/>
      <c r="L33706" s="6"/>
    </row>
    <row r="33707" spans="1:12">
      <c r="A33707" s="6" t="s">
        <v>33940</v>
      </c>
      <c r="B33707" s="6"/>
      <c r="C33707" s="6" t="s">
        <v>32230</v>
      </c>
      <c r="D33707" s="6"/>
      <c r="E33707" s="6" t="s">
        <v>9</v>
      </c>
      <c r="F33707" s="7">
        <v>29305</v>
      </c>
      <c r="G33707" s="8">
        <v>5994000</v>
      </c>
      <c r="H33707" s="8">
        <v>1078920</v>
      </c>
      <c r="I33707" s="8">
        <v>5034960</v>
      </c>
      <c r="J33707" s="8">
        <v>959040</v>
      </c>
      <c r="K33707" s="9"/>
      <c r="L33707" s="6"/>
    </row>
    <row r="33708" spans="1:12">
      <c r="A33708" s="6" t="s">
        <v>33941</v>
      </c>
      <c r="B33708" s="6"/>
      <c r="C33708" s="6" t="s">
        <v>32230</v>
      </c>
      <c r="D33708" s="6"/>
      <c r="E33708" s="6" t="s">
        <v>9</v>
      </c>
      <c r="F33708" s="7">
        <v>29305</v>
      </c>
      <c r="G33708" s="8">
        <v>11113200</v>
      </c>
      <c r="H33708" s="8">
        <v>2000376</v>
      </c>
      <c r="I33708" s="8">
        <v>9335088</v>
      </c>
      <c r="J33708" s="8">
        <v>1778112</v>
      </c>
      <c r="K33708" s="9"/>
      <c r="L33708" s="6"/>
    </row>
    <row r="33709" spans="1:12">
      <c r="A33709" s="6" t="s">
        <v>33942</v>
      </c>
      <c r="B33709" s="6"/>
      <c r="C33709" s="6" t="s">
        <v>32230</v>
      </c>
      <c r="D33709" s="6"/>
      <c r="E33709" s="6" t="s">
        <v>9</v>
      </c>
      <c r="F33709" s="7">
        <v>29305</v>
      </c>
      <c r="G33709" s="8">
        <v>15681600</v>
      </c>
      <c r="H33709" s="8">
        <v>2822688</v>
      </c>
      <c r="I33709" s="8">
        <v>13172544</v>
      </c>
      <c r="J33709" s="8">
        <v>2509056</v>
      </c>
      <c r="K33709" s="9"/>
      <c r="L33709" s="6"/>
    </row>
    <row r="33710" spans="1:12">
      <c r="A33710" s="6" t="s">
        <v>33943</v>
      </c>
      <c r="B33710" s="6"/>
      <c r="C33710" s="6" t="s">
        <v>32230</v>
      </c>
      <c r="D33710" s="6"/>
      <c r="E33710" s="6" t="s">
        <v>9</v>
      </c>
      <c r="F33710" s="7">
        <v>33248</v>
      </c>
      <c r="G33710" s="8">
        <v>10651500</v>
      </c>
      <c r="H33710" s="8">
        <v>4260600</v>
      </c>
      <c r="I33710" s="8">
        <v>6603930</v>
      </c>
      <c r="J33710" s="8">
        <v>4047570</v>
      </c>
      <c r="K33710" s="9"/>
      <c r="L33710" s="6"/>
    </row>
    <row r="33711" spans="1:12">
      <c r="A33711" s="6" t="s">
        <v>33944</v>
      </c>
      <c r="B33711" s="6"/>
      <c r="C33711" s="6" t="s">
        <v>32230</v>
      </c>
      <c r="D33711" s="6"/>
      <c r="E33711" s="6" t="s">
        <v>9</v>
      </c>
      <c r="F33711" s="7">
        <v>29305</v>
      </c>
      <c r="G33711" s="8">
        <v>103639500</v>
      </c>
      <c r="H33711" s="8">
        <v>18655110</v>
      </c>
      <c r="I33711" s="8">
        <v>87057180</v>
      </c>
      <c r="J33711" s="8">
        <v>16582320</v>
      </c>
      <c r="K33711" s="9"/>
      <c r="L33711" s="6"/>
    </row>
    <row r="33712" spans="1:12">
      <c r="A33712" s="6" t="s">
        <v>33945</v>
      </c>
      <c r="B33712" s="6"/>
      <c r="C33712" s="6" t="s">
        <v>32230</v>
      </c>
      <c r="D33712" s="6"/>
      <c r="E33712" s="6" t="s">
        <v>9</v>
      </c>
      <c r="F33712" s="7">
        <v>31866</v>
      </c>
      <c r="G33712" s="8">
        <v>8229600</v>
      </c>
      <c r="H33712" s="8">
        <v>2633472</v>
      </c>
      <c r="I33712" s="8">
        <v>5760720</v>
      </c>
      <c r="J33712" s="8">
        <v>2468880</v>
      </c>
      <c r="K33712" s="9"/>
      <c r="L33712" s="6"/>
    </row>
    <row r="33713" spans="1:12">
      <c r="A33713" s="6" t="s">
        <v>33185</v>
      </c>
      <c r="B33713" s="6"/>
      <c r="C33713" s="6" t="s">
        <v>32230</v>
      </c>
      <c r="D33713" s="6"/>
      <c r="E33713" s="6" t="s">
        <v>9</v>
      </c>
      <c r="F33713" s="7">
        <v>24929</v>
      </c>
      <c r="G33713" s="8">
        <v>8736000</v>
      </c>
      <c r="H33713" s="8">
        <v>1013376</v>
      </c>
      <c r="I33713" s="8">
        <v>7871136</v>
      </c>
      <c r="J33713" s="8">
        <v>864864</v>
      </c>
      <c r="K33713" s="9"/>
      <c r="L33713" s="6"/>
    </row>
    <row r="33714" spans="1:12">
      <c r="A33714" s="6" t="s">
        <v>33946</v>
      </c>
      <c r="B33714" s="6"/>
      <c r="C33714" s="6" t="s">
        <v>32230</v>
      </c>
      <c r="D33714" s="6"/>
      <c r="E33714" s="6" t="s">
        <v>9</v>
      </c>
      <c r="F33714" s="7">
        <v>29305</v>
      </c>
      <c r="G33714" s="8">
        <v>7921800</v>
      </c>
      <c r="H33714" s="8">
        <v>1425924</v>
      </c>
      <c r="I33714" s="8">
        <v>6654312</v>
      </c>
      <c r="J33714" s="8">
        <v>1267488</v>
      </c>
      <c r="K33714" s="9"/>
      <c r="L33714" s="6"/>
    </row>
    <row r="33715" spans="1:12">
      <c r="A33715" s="6" t="s">
        <v>33947</v>
      </c>
      <c r="B33715" s="6"/>
      <c r="C33715" s="6" t="s">
        <v>32230</v>
      </c>
      <c r="D33715" s="6"/>
      <c r="E33715" s="6" t="s">
        <v>9</v>
      </c>
      <c r="F33715" s="7">
        <v>33592</v>
      </c>
      <c r="G33715" s="8">
        <v>16888500</v>
      </c>
      <c r="H33715" s="8">
        <v>7093170</v>
      </c>
      <c r="I33715" s="8">
        <v>10133100</v>
      </c>
      <c r="J33715" s="8">
        <v>6755400</v>
      </c>
      <c r="K33715" s="9"/>
      <c r="L33715" s="6"/>
    </row>
    <row r="33716" spans="1:12">
      <c r="A33716" s="6" t="s">
        <v>33948</v>
      </c>
      <c r="B33716" s="6"/>
      <c r="C33716" s="6" t="s">
        <v>32230</v>
      </c>
      <c r="D33716" s="6"/>
      <c r="E33716" s="6" t="s">
        <v>9</v>
      </c>
      <c r="F33716" s="7">
        <v>32598</v>
      </c>
      <c r="G33716" s="8">
        <v>11307600</v>
      </c>
      <c r="H33716" s="8">
        <v>4070736</v>
      </c>
      <c r="I33716" s="8">
        <v>7463016</v>
      </c>
      <c r="J33716" s="8">
        <v>3844584</v>
      </c>
      <c r="K33716" s="9"/>
      <c r="L33716" s="6"/>
    </row>
    <row r="33717" spans="1:12">
      <c r="A33717" s="6" t="s">
        <v>33949</v>
      </c>
      <c r="B33717" s="6"/>
      <c r="C33717" s="6" t="s">
        <v>32230</v>
      </c>
      <c r="D33717" s="6"/>
      <c r="E33717" s="6" t="s">
        <v>9</v>
      </c>
      <c r="F33717" s="7">
        <v>29305</v>
      </c>
      <c r="G33717" s="8">
        <v>22048200</v>
      </c>
      <c r="H33717" s="8">
        <v>3968676</v>
      </c>
      <c r="I33717" s="8">
        <v>18520488</v>
      </c>
      <c r="J33717" s="8">
        <v>3527712</v>
      </c>
      <c r="K33717" s="9"/>
      <c r="L33717" s="6"/>
    </row>
    <row r="33718" spans="1:12">
      <c r="A33718" s="6" t="s">
        <v>33950</v>
      </c>
      <c r="B33718" s="6"/>
      <c r="C33718" s="6" t="s">
        <v>32230</v>
      </c>
      <c r="D33718" s="6"/>
      <c r="E33718" s="6" t="s">
        <v>9</v>
      </c>
      <c r="F33718" s="7">
        <v>29305</v>
      </c>
      <c r="G33718" s="8">
        <v>59024700</v>
      </c>
      <c r="H33718" s="8">
        <v>10624446</v>
      </c>
      <c r="I33718" s="8">
        <v>49580748</v>
      </c>
      <c r="J33718" s="8">
        <v>9443952</v>
      </c>
      <c r="K33718" s="9"/>
      <c r="L33718" s="6"/>
    </row>
    <row r="33719" spans="1:12">
      <c r="A33719" s="6" t="s">
        <v>33951</v>
      </c>
      <c r="B33719" s="6"/>
      <c r="C33719" s="6" t="s">
        <v>32230</v>
      </c>
      <c r="D33719" s="6"/>
      <c r="E33719" s="6" t="s">
        <v>9</v>
      </c>
      <c r="F33719" s="7">
        <v>33592</v>
      </c>
      <c r="G33719" s="8">
        <v>4533300</v>
      </c>
      <c r="H33719" s="8">
        <v>1903986</v>
      </c>
      <c r="I33719" s="8">
        <v>2719980</v>
      </c>
      <c r="J33719" s="8">
        <v>1813320</v>
      </c>
      <c r="K33719" s="9"/>
      <c r="L33719" s="6"/>
    </row>
    <row r="33720" spans="1:12">
      <c r="A33720" s="6" t="s">
        <v>33952</v>
      </c>
      <c r="B33720" s="6"/>
      <c r="C33720" s="6" t="s">
        <v>32230</v>
      </c>
      <c r="D33720" s="6"/>
      <c r="E33720" s="6" t="s">
        <v>9</v>
      </c>
      <c r="F33720" s="7">
        <v>29305</v>
      </c>
      <c r="G33720" s="8">
        <v>2597400</v>
      </c>
      <c r="H33720" s="8">
        <v>467532</v>
      </c>
      <c r="I33720" s="8">
        <v>2181816</v>
      </c>
      <c r="J33720" s="8">
        <v>415584</v>
      </c>
      <c r="K33720" s="9"/>
      <c r="L33720" s="6"/>
    </row>
    <row r="33721" spans="1:12">
      <c r="A33721" s="6" t="s">
        <v>33953</v>
      </c>
      <c r="B33721" s="6"/>
      <c r="C33721" s="6" t="s">
        <v>32230</v>
      </c>
      <c r="D33721" s="6"/>
      <c r="E33721" s="6"/>
      <c r="F33721" s="7">
        <v>43191</v>
      </c>
      <c r="G33721" s="8">
        <v>1082160</v>
      </c>
      <c r="H33721" s="8">
        <v>1038874</v>
      </c>
      <c r="I33721" s="8">
        <v>64929</v>
      </c>
      <c r="J33721" s="8">
        <v>1017231</v>
      </c>
      <c r="K33721" s="9"/>
      <c r="L33721" s="6"/>
    </row>
    <row r="33722" spans="1:12">
      <c r="A33722" s="6" t="s">
        <v>33953</v>
      </c>
      <c r="B33722" s="6"/>
      <c r="C33722" s="6" t="s">
        <v>32230</v>
      </c>
      <c r="D33722" s="6"/>
      <c r="E33722" s="6" t="s">
        <v>9</v>
      </c>
      <c r="F33722" s="7">
        <v>29305</v>
      </c>
      <c r="G33722" s="8">
        <v>117652500</v>
      </c>
      <c r="H33722" s="8">
        <v>21177450</v>
      </c>
      <c r="I33722" s="8">
        <v>98828100</v>
      </c>
      <c r="J33722" s="8">
        <v>18824400</v>
      </c>
      <c r="K33722" s="9"/>
      <c r="L33722" s="6"/>
    </row>
    <row r="33723" spans="1:12">
      <c r="A33723" s="6" t="s">
        <v>33185</v>
      </c>
      <c r="B33723" s="6"/>
      <c r="C33723" s="6" t="s">
        <v>32230</v>
      </c>
      <c r="D33723" s="6"/>
      <c r="E33723" s="6" t="s">
        <v>9</v>
      </c>
      <c r="F33723" s="7">
        <v>24929</v>
      </c>
      <c r="G33723" s="8">
        <v>34534500</v>
      </c>
      <c r="H33723" s="8">
        <v>4006028</v>
      </c>
      <c r="I33723" s="8">
        <v>31115558</v>
      </c>
      <c r="J33723" s="8">
        <v>3418942</v>
      </c>
      <c r="K33723" s="9"/>
      <c r="L33723" s="6"/>
    </row>
    <row r="33724" spans="1:12">
      <c r="A33724" s="6" t="s">
        <v>33954</v>
      </c>
      <c r="B33724" s="6"/>
      <c r="C33724" s="6" t="s">
        <v>32230</v>
      </c>
      <c r="D33724" s="6"/>
      <c r="E33724" s="6" t="s">
        <v>9</v>
      </c>
      <c r="F33724" s="7">
        <v>32233</v>
      </c>
      <c r="G33724" s="8">
        <v>34068600</v>
      </c>
      <c r="H33724" s="8">
        <v>11583324</v>
      </c>
      <c r="I33724" s="8">
        <v>23166648</v>
      </c>
      <c r="J33724" s="8">
        <v>10901952</v>
      </c>
      <c r="K33724" s="9"/>
      <c r="L33724" s="6"/>
    </row>
    <row r="33725" spans="1:12">
      <c r="A33725" s="6" t="s">
        <v>33955</v>
      </c>
      <c r="B33725" s="6"/>
      <c r="C33725" s="6" t="s">
        <v>32230</v>
      </c>
      <c r="D33725" s="6"/>
      <c r="E33725" s="6"/>
      <c r="F33725" s="7">
        <v>43556</v>
      </c>
      <c r="G33725" s="8">
        <v>1298000</v>
      </c>
      <c r="H33725" s="8">
        <v>1168200</v>
      </c>
      <c r="I33725" s="8">
        <v>259600</v>
      </c>
      <c r="J33725" s="8">
        <v>1038400</v>
      </c>
      <c r="K33725" s="9"/>
      <c r="L33725" s="6"/>
    </row>
    <row r="33726" spans="1:12">
      <c r="A33726" s="6" t="s">
        <v>33955</v>
      </c>
      <c r="B33726" s="6"/>
      <c r="C33726" s="6" t="s">
        <v>32230</v>
      </c>
      <c r="D33726" s="6"/>
      <c r="E33726" s="6"/>
      <c r="F33726" s="7">
        <v>43556</v>
      </c>
      <c r="G33726" s="8">
        <v>1298000</v>
      </c>
      <c r="H33726" s="8">
        <v>1272040</v>
      </c>
      <c r="I33726" s="8">
        <v>51920</v>
      </c>
      <c r="J33726" s="8">
        <v>1246080</v>
      </c>
      <c r="K33726" s="9"/>
      <c r="L33726" s="6"/>
    </row>
    <row r="33727" spans="1:12">
      <c r="A33727" s="6" t="s">
        <v>33955</v>
      </c>
      <c r="B33727" s="6"/>
      <c r="C33727" s="6" t="s">
        <v>32230</v>
      </c>
      <c r="D33727" s="6"/>
      <c r="E33727" s="6" t="s">
        <v>9</v>
      </c>
      <c r="F33727" s="7">
        <v>29677</v>
      </c>
      <c r="G33727" s="8">
        <v>139530600</v>
      </c>
      <c r="H33727" s="8">
        <v>30696732</v>
      </c>
      <c r="I33727" s="8">
        <v>111624480</v>
      </c>
      <c r="J33727" s="8">
        <v>27906120</v>
      </c>
      <c r="K33727" s="9"/>
      <c r="L33727" s="6"/>
    </row>
    <row r="33728" spans="1:12">
      <c r="A33728" s="6" t="s">
        <v>33185</v>
      </c>
      <c r="B33728" s="6"/>
      <c r="C33728" s="6" t="s">
        <v>32230</v>
      </c>
      <c r="D33728" s="6"/>
      <c r="E33728" s="6" t="s">
        <v>9</v>
      </c>
      <c r="F33728" s="7"/>
      <c r="G33728" s="8">
        <v>1</v>
      </c>
      <c r="H33728" s="8">
        <v>1</v>
      </c>
      <c r="I33728" s="8">
        <v>0</v>
      </c>
      <c r="J33728" s="8">
        <v>1</v>
      </c>
      <c r="K33728" s="9"/>
      <c r="L33728" s="6"/>
    </row>
    <row r="33729" spans="1:12">
      <c r="A33729" s="6" t="s">
        <v>33956</v>
      </c>
      <c r="B33729" s="6"/>
      <c r="C33729" s="6" t="s">
        <v>32230</v>
      </c>
      <c r="D33729" s="6"/>
      <c r="E33729" s="6" t="s">
        <v>9</v>
      </c>
      <c r="F33729" s="7">
        <v>42926</v>
      </c>
      <c r="G33729" s="8">
        <v>864000</v>
      </c>
      <c r="H33729" s="8">
        <v>690336</v>
      </c>
      <c r="I33729" s="8">
        <v>231552</v>
      </c>
      <c r="J33729" s="8">
        <v>632448</v>
      </c>
      <c r="K33729" s="9"/>
      <c r="L33729" s="6"/>
    </row>
    <row r="33730" spans="1:12">
      <c r="A33730" s="6" t="s">
        <v>32946</v>
      </c>
      <c r="B33730" s="6"/>
      <c r="C33730" s="6" t="s">
        <v>32230</v>
      </c>
      <c r="D33730" s="6"/>
      <c r="E33730" s="6" t="s">
        <v>9</v>
      </c>
      <c r="F33730" s="7">
        <v>44270</v>
      </c>
      <c r="G33730" s="8">
        <v>2563000</v>
      </c>
      <c r="H33730" s="8">
        <v>2563000</v>
      </c>
      <c r="I33730" s="8">
        <v>256300</v>
      </c>
      <c r="J33730" s="8">
        <v>2306700</v>
      </c>
      <c r="K33730" s="9"/>
      <c r="L33730" s="6"/>
    </row>
    <row r="33731" spans="1:12">
      <c r="A33731" s="6" t="s">
        <v>33957</v>
      </c>
      <c r="B33731" s="6"/>
      <c r="C33731" s="6" t="s">
        <v>32230</v>
      </c>
      <c r="D33731" s="6"/>
      <c r="E33731" s="6" t="s">
        <v>9</v>
      </c>
      <c r="F33731" s="7">
        <v>29677</v>
      </c>
      <c r="G33731" s="8">
        <v>2586600</v>
      </c>
      <c r="H33731" s="8">
        <v>569052</v>
      </c>
      <c r="I33731" s="8">
        <v>2069280</v>
      </c>
      <c r="J33731" s="8">
        <v>517320</v>
      </c>
      <c r="K33731" s="9"/>
      <c r="L33731" s="6"/>
    </row>
    <row r="33732" spans="1:12">
      <c r="A33732" s="6" t="s">
        <v>33958</v>
      </c>
      <c r="B33732" s="6"/>
      <c r="C33732" s="6" t="s">
        <v>32230</v>
      </c>
      <c r="D33732" s="6"/>
      <c r="E33732" s="6" t="s">
        <v>9</v>
      </c>
      <c r="F33732" s="7">
        <v>29677</v>
      </c>
      <c r="G33732" s="8">
        <v>6990300</v>
      </c>
      <c r="H33732" s="8">
        <v>1537866</v>
      </c>
      <c r="I33732" s="8">
        <v>5592240</v>
      </c>
      <c r="J33732" s="8">
        <v>1398060</v>
      </c>
      <c r="K33732" s="9"/>
      <c r="L33732" s="6"/>
    </row>
    <row r="33733" spans="1:12">
      <c r="A33733" s="6" t="s">
        <v>33959</v>
      </c>
      <c r="B33733" s="6"/>
      <c r="C33733" s="6" t="s">
        <v>32230</v>
      </c>
      <c r="D33733" s="6"/>
      <c r="E33733" s="6" t="s">
        <v>9</v>
      </c>
      <c r="F33733" s="7">
        <v>30406</v>
      </c>
      <c r="G33733" s="8">
        <v>16183800</v>
      </c>
      <c r="H33733" s="8">
        <v>3884112</v>
      </c>
      <c r="I33733" s="8">
        <v>12623364</v>
      </c>
      <c r="J33733" s="8">
        <v>3560436</v>
      </c>
      <c r="K33733" s="9"/>
      <c r="L33733" s="6"/>
    </row>
    <row r="33734" spans="1:12">
      <c r="A33734" s="6" t="s">
        <v>33960</v>
      </c>
      <c r="B33734" s="6"/>
      <c r="C33734" s="6" t="s">
        <v>32230</v>
      </c>
      <c r="D33734" s="6"/>
      <c r="E33734" s="6" t="s">
        <v>9</v>
      </c>
      <c r="F33734" s="7">
        <v>29677</v>
      </c>
      <c r="G33734" s="8">
        <v>4973400</v>
      </c>
      <c r="H33734" s="8">
        <v>1094148</v>
      </c>
      <c r="I33734" s="8">
        <v>3978720</v>
      </c>
      <c r="J33734" s="8">
        <v>994680</v>
      </c>
      <c r="K33734" s="9"/>
      <c r="L33734" s="6"/>
    </row>
    <row r="33735" spans="1:12">
      <c r="A33735" s="6" t="s">
        <v>33961</v>
      </c>
      <c r="B33735" s="6"/>
      <c r="C33735" s="6" t="s">
        <v>32230</v>
      </c>
      <c r="D33735" s="6"/>
      <c r="E33735" s="6" t="s">
        <v>9</v>
      </c>
      <c r="F33735" s="7">
        <v>29677</v>
      </c>
      <c r="G33735" s="8">
        <v>8586000</v>
      </c>
      <c r="H33735" s="8">
        <v>1888920</v>
      </c>
      <c r="I33735" s="8">
        <v>6868800</v>
      </c>
      <c r="J33735" s="8">
        <v>1717200</v>
      </c>
      <c r="K33735" s="9"/>
      <c r="L33735" s="6"/>
    </row>
    <row r="33736" spans="1:12">
      <c r="A33736" s="6" t="s">
        <v>33962</v>
      </c>
      <c r="B33736" s="6"/>
      <c r="C33736" s="6" t="s">
        <v>32230</v>
      </c>
      <c r="D33736" s="6"/>
      <c r="E33736" s="6" t="s">
        <v>9</v>
      </c>
      <c r="F33736" s="7">
        <v>24929</v>
      </c>
      <c r="G33736" s="8">
        <v>22113000</v>
      </c>
      <c r="H33736" s="8">
        <v>2565108</v>
      </c>
      <c r="I33736" s="8">
        <v>19923813</v>
      </c>
      <c r="J33736" s="8">
        <v>2189187</v>
      </c>
      <c r="K33736" s="9"/>
      <c r="L33736" s="6"/>
    </row>
    <row r="33737" spans="1:12">
      <c r="A33737" s="6" t="s">
        <v>33963</v>
      </c>
      <c r="B33737" s="6"/>
      <c r="C33737" s="6" t="s">
        <v>32230</v>
      </c>
      <c r="D33737" s="6"/>
      <c r="E33737" s="6" t="s">
        <v>9</v>
      </c>
      <c r="F33737" s="7">
        <v>44260</v>
      </c>
      <c r="G33737" s="8">
        <v>684200</v>
      </c>
      <c r="H33737" s="8">
        <v>684200</v>
      </c>
      <c r="I33737" s="8">
        <v>45841</v>
      </c>
      <c r="J33737" s="8">
        <v>638359</v>
      </c>
      <c r="K33737" s="9"/>
      <c r="L33737" s="6"/>
    </row>
    <row r="33738" spans="1:12">
      <c r="A33738" s="6" t="s">
        <v>33964</v>
      </c>
      <c r="B33738" s="6"/>
      <c r="C33738" s="6" t="s">
        <v>32230</v>
      </c>
      <c r="D33738" s="6"/>
      <c r="E33738" s="6" t="s">
        <v>9</v>
      </c>
      <c r="F33738" s="7">
        <v>33592</v>
      </c>
      <c r="G33738" s="8">
        <v>84361500</v>
      </c>
      <c r="H33738" s="8">
        <v>35431830</v>
      </c>
      <c r="I33738" s="8">
        <v>50616900</v>
      </c>
      <c r="J33738" s="8">
        <v>33744600</v>
      </c>
      <c r="K33738" s="9"/>
      <c r="L33738" s="6"/>
    </row>
    <row r="33739" spans="1:12">
      <c r="A33739" s="6" t="s">
        <v>33965</v>
      </c>
      <c r="B33739" s="6"/>
      <c r="C33739" s="6" t="s">
        <v>32230</v>
      </c>
      <c r="D33739" s="6"/>
      <c r="E33739" s="6" t="s">
        <v>9</v>
      </c>
      <c r="F33739" s="7">
        <v>29677</v>
      </c>
      <c r="G33739" s="8">
        <v>1730900</v>
      </c>
      <c r="H33739" s="8">
        <v>380798</v>
      </c>
      <c r="I33739" s="8">
        <v>1384720</v>
      </c>
      <c r="J33739" s="8">
        <v>346180</v>
      </c>
      <c r="K33739" s="9"/>
      <c r="L33739" s="6"/>
    </row>
    <row r="33740" spans="1:12">
      <c r="A33740" s="6" t="s">
        <v>33966</v>
      </c>
      <c r="B33740" s="6"/>
      <c r="C33740" s="6" t="s">
        <v>32230</v>
      </c>
      <c r="D33740" s="6"/>
      <c r="E33740" s="6" t="s">
        <v>9</v>
      </c>
      <c r="F33740" s="7">
        <v>29677</v>
      </c>
      <c r="G33740" s="8">
        <v>5886000</v>
      </c>
      <c r="H33740" s="8">
        <v>1294920</v>
      </c>
      <c r="I33740" s="8">
        <v>4708800</v>
      </c>
      <c r="J33740" s="8">
        <v>1177200</v>
      </c>
      <c r="K33740" s="9"/>
      <c r="L33740" s="6"/>
    </row>
    <row r="33741" spans="1:12">
      <c r="A33741" s="6" t="s">
        <v>33967</v>
      </c>
      <c r="B33741" s="6"/>
      <c r="C33741" s="6" t="s">
        <v>32230</v>
      </c>
      <c r="D33741" s="6"/>
      <c r="E33741" s="6" t="s">
        <v>9</v>
      </c>
      <c r="F33741" s="7">
        <v>32598</v>
      </c>
      <c r="G33741" s="8">
        <v>2416500</v>
      </c>
      <c r="H33741" s="8">
        <v>869940</v>
      </c>
      <c r="I33741" s="8">
        <v>1594890</v>
      </c>
      <c r="J33741" s="8">
        <v>821610</v>
      </c>
      <c r="K33741" s="9"/>
      <c r="L33741" s="6"/>
    </row>
    <row r="33742" spans="1:12">
      <c r="A33742" s="6" t="s">
        <v>33968</v>
      </c>
      <c r="B33742" s="6"/>
      <c r="C33742" s="6" t="s">
        <v>32230</v>
      </c>
      <c r="D33742" s="6"/>
      <c r="E33742" s="6" t="s">
        <v>9</v>
      </c>
      <c r="F33742" s="7">
        <v>30406</v>
      </c>
      <c r="G33742" s="8">
        <v>20881800</v>
      </c>
      <c r="H33742" s="8">
        <v>5011632</v>
      </c>
      <c r="I33742" s="8">
        <v>16287804</v>
      </c>
      <c r="J33742" s="8">
        <v>4593996</v>
      </c>
      <c r="K33742" s="9"/>
      <c r="L33742" s="6"/>
    </row>
    <row r="33743" spans="1:12">
      <c r="A33743" s="6" t="s">
        <v>33969</v>
      </c>
      <c r="B33743" s="6"/>
      <c r="C33743" s="6" t="s">
        <v>32230</v>
      </c>
      <c r="D33743" s="6"/>
      <c r="E33743" s="6" t="s">
        <v>9</v>
      </c>
      <c r="F33743" s="7">
        <v>32233</v>
      </c>
      <c r="G33743" s="8">
        <v>11542500</v>
      </c>
      <c r="H33743" s="8">
        <v>3924450</v>
      </c>
      <c r="I33743" s="8">
        <v>7848900</v>
      </c>
      <c r="J33743" s="8">
        <v>3693600</v>
      </c>
      <c r="K33743" s="9"/>
      <c r="L33743" s="6"/>
    </row>
    <row r="33744" spans="1:12">
      <c r="A33744" s="6" t="s">
        <v>33970</v>
      </c>
      <c r="B33744" s="6"/>
      <c r="C33744" s="6" t="s">
        <v>32230</v>
      </c>
      <c r="D33744" s="6"/>
      <c r="E33744" s="6" t="s">
        <v>9</v>
      </c>
      <c r="F33744" s="7">
        <v>32947</v>
      </c>
      <c r="G33744" s="8">
        <v>43861500</v>
      </c>
      <c r="H33744" s="8">
        <v>16667370</v>
      </c>
      <c r="I33744" s="8">
        <v>28071360</v>
      </c>
      <c r="J33744" s="8">
        <v>15790140</v>
      </c>
      <c r="K33744" s="9"/>
      <c r="L33744" s="6"/>
    </row>
    <row r="33745" spans="1:12">
      <c r="A33745" s="6" t="s">
        <v>33971</v>
      </c>
      <c r="B33745" s="6"/>
      <c r="C33745" s="6" t="s">
        <v>32230</v>
      </c>
      <c r="D33745" s="6"/>
      <c r="E33745" s="6" t="s">
        <v>9</v>
      </c>
      <c r="F33745" s="7">
        <v>39169</v>
      </c>
      <c r="G33745" s="8">
        <v>4862700</v>
      </c>
      <c r="H33745" s="8">
        <v>3501144</v>
      </c>
      <c r="I33745" s="8">
        <v>1458810</v>
      </c>
      <c r="J33745" s="8">
        <v>3403890</v>
      </c>
      <c r="K33745" s="9"/>
      <c r="L33745" s="6"/>
    </row>
    <row r="33746" spans="1:12">
      <c r="A33746" s="6" t="s">
        <v>33972</v>
      </c>
      <c r="B33746" s="6"/>
      <c r="C33746" s="6" t="s">
        <v>32230</v>
      </c>
      <c r="D33746" s="6"/>
      <c r="E33746" s="6" t="s">
        <v>9</v>
      </c>
      <c r="F33746" s="7">
        <v>32233</v>
      </c>
      <c r="G33746" s="8">
        <v>26746200</v>
      </c>
      <c r="H33746" s="8">
        <v>9093708</v>
      </c>
      <c r="I33746" s="8">
        <v>18187416</v>
      </c>
      <c r="J33746" s="8">
        <v>8558784</v>
      </c>
      <c r="K33746" s="9"/>
      <c r="L33746" s="6"/>
    </row>
    <row r="33747" spans="1:12">
      <c r="A33747" s="6" t="s">
        <v>33973</v>
      </c>
      <c r="B33747" s="6"/>
      <c r="C33747" s="6" t="s">
        <v>32230</v>
      </c>
      <c r="D33747" s="6"/>
      <c r="E33747" s="6" t="s">
        <v>9</v>
      </c>
      <c r="F33747" s="7">
        <v>30406</v>
      </c>
      <c r="G33747" s="8">
        <v>3064500</v>
      </c>
      <c r="H33747" s="8">
        <v>735480</v>
      </c>
      <c r="I33747" s="8">
        <v>2390310</v>
      </c>
      <c r="J33747" s="8">
        <v>674190</v>
      </c>
      <c r="K33747" s="9"/>
      <c r="L33747" s="6"/>
    </row>
    <row r="33748" spans="1:12">
      <c r="A33748" s="6" t="s">
        <v>33974</v>
      </c>
      <c r="B33748" s="6"/>
      <c r="C33748" s="6" t="s">
        <v>32230</v>
      </c>
      <c r="D33748" s="6"/>
      <c r="E33748" s="6" t="s">
        <v>9</v>
      </c>
      <c r="F33748" s="7">
        <v>30406</v>
      </c>
      <c r="G33748" s="8">
        <v>14636700</v>
      </c>
      <c r="H33748" s="8">
        <v>3512808</v>
      </c>
      <c r="I33748" s="8">
        <v>11416626</v>
      </c>
      <c r="J33748" s="8">
        <v>3220074</v>
      </c>
      <c r="K33748" s="9"/>
      <c r="L33748" s="6"/>
    </row>
    <row r="33749" spans="1:12">
      <c r="A33749" s="6" t="s">
        <v>33975</v>
      </c>
      <c r="B33749" s="6"/>
      <c r="C33749" s="6" t="s">
        <v>32230</v>
      </c>
      <c r="D33749" s="6"/>
      <c r="E33749" s="6" t="s">
        <v>9</v>
      </c>
      <c r="F33749" s="7">
        <v>30406</v>
      </c>
      <c r="G33749" s="8">
        <v>15411600</v>
      </c>
      <c r="H33749" s="8">
        <v>3698784</v>
      </c>
      <c r="I33749" s="8">
        <v>12021048</v>
      </c>
      <c r="J33749" s="8">
        <v>3390552</v>
      </c>
      <c r="K33749" s="9"/>
      <c r="L33749" s="6"/>
    </row>
    <row r="33750" spans="1:12">
      <c r="A33750" s="6" t="s">
        <v>33976</v>
      </c>
      <c r="B33750" s="6"/>
      <c r="C33750" s="6" t="s">
        <v>32230</v>
      </c>
      <c r="D33750" s="6"/>
      <c r="E33750" s="6" t="s">
        <v>9</v>
      </c>
      <c r="F33750" s="7">
        <v>33592</v>
      </c>
      <c r="G33750" s="8">
        <v>5967000</v>
      </c>
      <c r="H33750" s="8">
        <v>2506140</v>
      </c>
      <c r="I33750" s="8">
        <v>3580200</v>
      </c>
      <c r="J33750" s="8">
        <v>2386800</v>
      </c>
      <c r="K33750" s="9"/>
      <c r="L33750" s="6"/>
    </row>
    <row r="33751" spans="1:12">
      <c r="A33751" s="6" t="s">
        <v>33977</v>
      </c>
      <c r="B33751" s="6"/>
      <c r="C33751" s="6" t="s">
        <v>32230</v>
      </c>
      <c r="D33751" s="6"/>
      <c r="E33751" s="6" t="s">
        <v>9</v>
      </c>
      <c r="F33751" s="7">
        <v>30406</v>
      </c>
      <c r="G33751" s="8">
        <v>13770000</v>
      </c>
      <c r="H33751" s="8">
        <v>3304800</v>
      </c>
      <c r="I33751" s="8">
        <v>10740600</v>
      </c>
      <c r="J33751" s="8">
        <v>3029400</v>
      </c>
      <c r="K33751" s="9"/>
      <c r="L33751" s="6"/>
    </row>
    <row r="33752" spans="1:12">
      <c r="A33752" s="6" t="s">
        <v>33185</v>
      </c>
      <c r="B33752" s="6"/>
      <c r="C33752" s="6" t="s">
        <v>32230</v>
      </c>
      <c r="D33752" s="6"/>
      <c r="E33752" s="6" t="s">
        <v>9</v>
      </c>
      <c r="F33752" s="7">
        <v>24929</v>
      </c>
      <c r="G33752" s="8">
        <v>5405400</v>
      </c>
      <c r="H33752" s="8">
        <v>627068</v>
      </c>
      <c r="I33752" s="8">
        <v>4870223</v>
      </c>
      <c r="J33752" s="8">
        <v>535177</v>
      </c>
      <c r="K33752" s="9"/>
      <c r="L33752" s="6"/>
    </row>
    <row r="33753" spans="1:12">
      <c r="A33753" s="6" t="s">
        <v>33978</v>
      </c>
      <c r="B33753" s="6"/>
      <c r="C33753" s="6" t="s">
        <v>32230</v>
      </c>
      <c r="D33753" s="6"/>
      <c r="E33753" s="6" t="s">
        <v>9</v>
      </c>
      <c r="F33753" s="7">
        <v>43190</v>
      </c>
      <c r="G33753" s="8">
        <v>257040</v>
      </c>
      <c r="H33753" s="8">
        <v>179928</v>
      </c>
      <c r="I33753" s="8">
        <v>102816</v>
      </c>
      <c r="J33753" s="8">
        <v>154224</v>
      </c>
      <c r="K33753" s="9"/>
      <c r="L33753" s="6"/>
    </row>
    <row r="33754" spans="1:12">
      <c r="A33754" s="6" t="s">
        <v>33979</v>
      </c>
      <c r="B33754" s="6"/>
      <c r="C33754" s="6" t="s">
        <v>32230</v>
      </c>
      <c r="D33754" s="6"/>
      <c r="E33754" s="6" t="s">
        <v>9</v>
      </c>
      <c r="F33754" s="7">
        <v>30406</v>
      </c>
      <c r="G33754" s="8">
        <v>6741900</v>
      </c>
      <c r="H33754" s="8">
        <v>1618056</v>
      </c>
      <c r="I33754" s="8">
        <v>5258682</v>
      </c>
      <c r="J33754" s="8">
        <v>1483218</v>
      </c>
      <c r="K33754" s="9"/>
      <c r="L33754" s="6"/>
    </row>
    <row r="33755" spans="1:12">
      <c r="A33755" s="6" t="s">
        <v>33980</v>
      </c>
      <c r="B33755" s="6"/>
      <c r="C33755" s="6" t="s">
        <v>32230</v>
      </c>
      <c r="D33755" s="6"/>
      <c r="E33755" s="6" t="s">
        <v>9</v>
      </c>
      <c r="F33755" s="7">
        <v>30406</v>
      </c>
      <c r="G33755" s="8">
        <v>5653800</v>
      </c>
      <c r="H33755" s="8">
        <v>1356912</v>
      </c>
      <c r="I33755" s="8">
        <v>4409964</v>
      </c>
      <c r="J33755" s="8">
        <v>1243836</v>
      </c>
      <c r="K33755" s="9"/>
      <c r="L33755" s="6"/>
    </row>
    <row r="33756" spans="1:12">
      <c r="A33756" s="6" t="s">
        <v>33981</v>
      </c>
      <c r="B33756" s="6"/>
      <c r="C33756" s="6" t="s">
        <v>32230</v>
      </c>
      <c r="D33756" s="6"/>
      <c r="E33756" s="6" t="s">
        <v>9</v>
      </c>
      <c r="F33756" s="7">
        <v>30406</v>
      </c>
      <c r="G33756" s="8">
        <v>7303600</v>
      </c>
      <c r="H33756" s="8">
        <v>1752864</v>
      </c>
      <c r="I33756" s="8">
        <v>5696808</v>
      </c>
      <c r="J33756" s="8">
        <v>1606792</v>
      </c>
      <c r="K33756" s="9"/>
      <c r="L33756" s="6"/>
    </row>
    <row r="33757" spans="1:12">
      <c r="A33757" s="6" t="s">
        <v>33982</v>
      </c>
      <c r="B33757" s="6"/>
      <c r="C33757" s="6" t="s">
        <v>32230</v>
      </c>
      <c r="D33757" s="6"/>
      <c r="E33757" s="6" t="s">
        <v>9</v>
      </c>
      <c r="F33757" s="7">
        <v>30406</v>
      </c>
      <c r="G33757" s="8">
        <v>3264300</v>
      </c>
      <c r="H33757" s="8">
        <v>783432</v>
      </c>
      <c r="I33757" s="8">
        <v>2546154</v>
      </c>
      <c r="J33757" s="8">
        <v>718146</v>
      </c>
      <c r="K33757" s="9"/>
      <c r="L33757" s="6"/>
    </row>
    <row r="33758" spans="1:12">
      <c r="A33758" s="6" t="s">
        <v>33983</v>
      </c>
      <c r="B33758" s="6"/>
      <c r="C33758" s="6" t="s">
        <v>32230</v>
      </c>
      <c r="D33758" s="6"/>
      <c r="E33758" s="6" t="s">
        <v>9</v>
      </c>
      <c r="F33758" s="7">
        <v>30406</v>
      </c>
      <c r="G33758" s="8">
        <v>1292000</v>
      </c>
      <c r="H33758" s="8">
        <v>310080</v>
      </c>
      <c r="I33758" s="8">
        <v>1007760</v>
      </c>
      <c r="J33758" s="8">
        <v>284240</v>
      </c>
      <c r="K33758" s="9"/>
      <c r="L33758" s="6"/>
    </row>
    <row r="33759" spans="1:12">
      <c r="A33759" s="6" t="s">
        <v>33984</v>
      </c>
      <c r="B33759" s="6"/>
      <c r="C33759" s="6" t="s">
        <v>32230</v>
      </c>
      <c r="D33759" s="6"/>
      <c r="E33759" s="6" t="s">
        <v>9</v>
      </c>
      <c r="F33759" s="7">
        <v>30406</v>
      </c>
      <c r="G33759" s="8">
        <v>10754100</v>
      </c>
      <c r="H33759" s="8">
        <v>2580984</v>
      </c>
      <c r="I33759" s="8">
        <v>8388198</v>
      </c>
      <c r="J33759" s="8">
        <v>2365902</v>
      </c>
      <c r="K33759" s="9"/>
      <c r="L33759" s="6"/>
    </row>
    <row r="33760" spans="1:12">
      <c r="A33760" s="6" t="s">
        <v>33985</v>
      </c>
      <c r="B33760" s="6"/>
      <c r="C33760" s="6" t="s">
        <v>32230</v>
      </c>
      <c r="D33760" s="6"/>
      <c r="E33760" s="6" t="s">
        <v>9</v>
      </c>
      <c r="F33760" s="7">
        <v>42200</v>
      </c>
      <c r="G33760" s="8">
        <v>6382800</v>
      </c>
      <c r="H33760" s="8">
        <v>5744520</v>
      </c>
      <c r="I33760" s="8">
        <v>765936</v>
      </c>
      <c r="J33760" s="8">
        <v>5616864</v>
      </c>
      <c r="K33760" s="9"/>
      <c r="L33760" s="6"/>
    </row>
    <row r="33761" spans="1:12">
      <c r="A33761" s="6" t="s">
        <v>33986</v>
      </c>
      <c r="B33761" s="6"/>
      <c r="C33761" s="6" t="s">
        <v>32230</v>
      </c>
      <c r="D33761" s="6"/>
      <c r="E33761" s="6" t="s">
        <v>9</v>
      </c>
      <c r="F33761" s="7">
        <v>30406</v>
      </c>
      <c r="G33761" s="8">
        <v>3609900</v>
      </c>
      <c r="H33761" s="8">
        <v>866376</v>
      </c>
      <c r="I33761" s="8">
        <v>2815722</v>
      </c>
      <c r="J33761" s="8">
        <v>794178</v>
      </c>
      <c r="K33761" s="9"/>
      <c r="L33761" s="6"/>
    </row>
    <row r="33762" spans="1:12">
      <c r="A33762" s="6" t="s">
        <v>33987</v>
      </c>
      <c r="B33762" s="6"/>
      <c r="C33762" s="6" t="s">
        <v>32230</v>
      </c>
      <c r="D33762" s="6"/>
      <c r="E33762" s="6" t="s">
        <v>9</v>
      </c>
      <c r="F33762" s="7">
        <v>30406</v>
      </c>
      <c r="G33762" s="8">
        <v>36352800</v>
      </c>
      <c r="H33762" s="8">
        <v>8724672</v>
      </c>
      <c r="I33762" s="8">
        <v>28355184</v>
      </c>
      <c r="J33762" s="8">
        <v>7997616</v>
      </c>
      <c r="K33762" s="9"/>
      <c r="L33762" s="6"/>
    </row>
    <row r="33763" spans="1:12">
      <c r="A33763" s="6" t="s">
        <v>33988</v>
      </c>
      <c r="B33763" s="6"/>
      <c r="C33763" s="6" t="s">
        <v>32230</v>
      </c>
      <c r="D33763" s="6"/>
      <c r="E33763" s="6" t="s">
        <v>9</v>
      </c>
      <c r="F33763" s="7">
        <v>32947</v>
      </c>
      <c r="G33763" s="8">
        <v>5842800</v>
      </c>
      <c r="H33763" s="8">
        <v>2220264</v>
      </c>
      <c r="I33763" s="8">
        <v>3739392</v>
      </c>
      <c r="J33763" s="8">
        <v>2103408</v>
      </c>
      <c r="K33763" s="9"/>
      <c r="L33763" s="6"/>
    </row>
    <row r="33764" spans="1:12">
      <c r="A33764" s="6" t="s">
        <v>33989</v>
      </c>
      <c r="B33764" s="6"/>
      <c r="C33764" s="6" t="s">
        <v>32230</v>
      </c>
      <c r="D33764" s="6"/>
      <c r="E33764" s="6" t="s">
        <v>9</v>
      </c>
      <c r="F33764" s="7">
        <v>30406</v>
      </c>
      <c r="G33764" s="8">
        <v>2504200</v>
      </c>
      <c r="H33764" s="8">
        <v>601008</v>
      </c>
      <c r="I33764" s="8">
        <v>1953276</v>
      </c>
      <c r="J33764" s="8">
        <v>550924</v>
      </c>
      <c r="K33764" s="9"/>
      <c r="L33764" s="6"/>
    </row>
    <row r="33765" spans="1:12">
      <c r="A33765" s="6" t="s">
        <v>33990</v>
      </c>
      <c r="B33765" s="6"/>
      <c r="C33765" s="6" t="s">
        <v>32230</v>
      </c>
      <c r="D33765" s="6"/>
      <c r="E33765" s="6" t="s">
        <v>9</v>
      </c>
      <c r="F33765" s="7">
        <v>32233</v>
      </c>
      <c r="G33765" s="8">
        <v>5327100</v>
      </c>
      <c r="H33765" s="8">
        <v>1811214</v>
      </c>
      <c r="I33765" s="8">
        <v>3622428</v>
      </c>
      <c r="J33765" s="8">
        <v>1704672</v>
      </c>
      <c r="K33765" s="9"/>
      <c r="L33765" s="6"/>
    </row>
    <row r="33766" spans="1:12">
      <c r="A33766" s="6" t="s">
        <v>33991</v>
      </c>
      <c r="B33766" s="6"/>
      <c r="C33766" s="6" t="s">
        <v>32230</v>
      </c>
      <c r="D33766" s="6"/>
      <c r="E33766" s="6" t="s">
        <v>9</v>
      </c>
      <c r="F33766" s="7">
        <v>42177</v>
      </c>
      <c r="G33766" s="8">
        <v>1296000</v>
      </c>
      <c r="H33766" s="8">
        <v>1166400</v>
      </c>
      <c r="I33766" s="8">
        <v>155520</v>
      </c>
      <c r="J33766" s="8">
        <v>1140480</v>
      </c>
      <c r="K33766" s="9"/>
      <c r="L33766" s="6"/>
    </row>
    <row r="33767" spans="1:12">
      <c r="A33767" s="6" t="s">
        <v>33992</v>
      </c>
      <c r="B33767" s="6"/>
      <c r="C33767" s="6" t="s">
        <v>32230</v>
      </c>
      <c r="D33767" s="6"/>
      <c r="E33767" s="6" t="s">
        <v>9</v>
      </c>
      <c r="F33767" s="7">
        <v>42713</v>
      </c>
      <c r="G33767" s="8">
        <v>1188000</v>
      </c>
      <c r="H33767" s="8">
        <v>1092960</v>
      </c>
      <c r="I33767" s="8">
        <v>118800</v>
      </c>
      <c r="J33767" s="8">
        <v>1069200</v>
      </c>
      <c r="K33767" s="9"/>
      <c r="L33767" s="6"/>
    </row>
    <row r="33768" spans="1:12">
      <c r="A33768" s="6" t="s">
        <v>33993</v>
      </c>
      <c r="B33768" s="6"/>
      <c r="C33768" s="6" t="s">
        <v>32230</v>
      </c>
      <c r="D33768" s="6"/>
      <c r="E33768" s="6" t="s">
        <v>9</v>
      </c>
      <c r="F33768" s="7">
        <v>39169</v>
      </c>
      <c r="G33768" s="8">
        <v>16856100</v>
      </c>
      <c r="H33768" s="8">
        <v>12136392</v>
      </c>
      <c r="I33768" s="8">
        <v>5056830</v>
      </c>
      <c r="J33768" s="8">
        <v>11799270</v>
      </c>
      <c r="K33768" s="9"/>
      <c r="L33768" s="6"/>
    </row>
    <row r="33769" spans="1:12">
      <c r="A33769" s="6" t="s">
        <v>33185</v>
      </c>
      <c r="B33769" s="6"/>
      <c r="C33769" s="6" t="s">
        <v>32230</v>
      </c>
      <c r="D33769" s="6"/>
      <c r="E33769" s="6" t="s">
        <v>9</v>
      </c>
      <c r="F33769" s="7"/>
      <c r="G33769" s="8">
        <v>1</v>
      </c>
      <c r="H33769" s="8">
        <v>1</v>
      </c>
      <c r="I33769" s="8">
        <v>0</v>
      </c>
      <c r="J33769" s="8">
        <v>1</v>
      </c>
      <c r="K33769" s="9"/>
      <c r="L33769" s="6"/>
    </row>
    <row r="33770" spans="1:12">
      <c r="A33770" s="6" t="s">
        <v>33994</v>
      </c>
      <c r="B33770" s="6"/>
      <c r="C33770" s="6" t="s">
        <v>32230</v>
      </c>
      <c r="D33770" s="6"/>
      <c r="E33770" s="6" t="s">
        <v>9</v>
      </c>
      <c r="F33770" s="7">
        <v>39169</v>
      </c>
      <c r="G33770" s="8">
        <v>1474200</v>
      </c>
      <c r="H33770" s="8">
        <v>1061424</v>
      </c>
      <c r="I33770" s="8">
        <v>442260</v>
      </c>
      <c r="J33770" s="8">
        <v>1031940</v>
      </c>
      <c r="K33770" s="9"/>
      <c r="L33770" s="6"/>
    </row>
    <row r="33771" spans="1:12">
      <c r="A33771" s="6" t="s">
        <v>33995</v>
      </c>
      <c r="B33771" s="6"/>
      <c r="C33771" s="6" t="s">
        <v>32230</v>
      </c>
      <c r="D33771" s="6"/>
      <c r="E33771" s="6" t="s">
        <v>9</v>
      </c>
      <c r="F33771" s="7">
        <v>24898</v>
      </c>
      <c r="G33771" s="8">
        <v>65585520</v>
      </c>
      <c r="H33771" s="8">
        <v>6493011</v>
      </c>
      <c r="I33771" s="8">
        <v>60207462</v>
      </c>
      <c r="J33771" s="8">
        <v>5378058</v>
      </c>
      <c r="K33771" s="9"/>
      <c r="L33771" s="6"/>
    </row>
    <row r="33772" spans="1:12">
      <c r="A33772" s="6" t="s">
        <v>33996</v>
      </c>
      <c r="B33772" s="6"/>
      <c r="C33772" s="6" t="s">
        <v>32230</v>
      </c>
      <c r="D33772" s="6"/>
      <c r="E33772" s="6" t="s">
        <v>9</v>
      </c>
      <c r="F33772" s="7">
        <v>32233</v>
      </c>
      <c r="G33772" s="8">
        <v>22882500</v>
      </c>
      <c r="H33772" s="8">
        <v>7780050</v>
      </c>
      <c r="I33772" s="8">
        <v>15560100</v>
      </c>
      <c r="J33772" s="8">
        <v>7322400</v>
      </c>
      <c r="K33772" s="9"/>
      <c r="L33772" s="6"/>
    </row>
    <row r="33773" spans="1:12">
      <c r="A33773" s="6" t="s">
        <v>33997</v>
      </c>
      <c r="B33773" s="6"/>
      <c r="C33773" s="6" t="s">
        <v>32230</v>
      </c>
      <c r="D33773" s="6"/>
      <c r="E33773" s="6" t="s">
        <v>9</v>
      </c>
      <c r="F33773" s="7">
        <v>30406</v>
      </c>
      <c r="G33773" s="8">
        <v>7605900</v>
      </c>
      <c r="H33773" s="8">
        <v>1825416</v>
      </c>
      <c r="I33773" s="8">
        <v>5932602</v>
      </c>
      <c r="J33773" s="8">
        <v>1673298</v>
      </c>
      <c r="K33773" s="9"/>
      <c r="L33773" s="6"/>
    </row>
    <row r="33774" spans="1:12">
      <c r="A33774" s="6" t="s">
        <v>33998</v>
      </c>
      <c r="B33774" s="6"/>
      <c r="C33774" s="6" t="s">
        <v>32230</v>
      </c>
      <c r="D33774" s="6"/>
      <c r="E33774" s="6" t="s">
        <v>9</v>
      </c>
      <c r="F33774" s="7">
        <v>30406</v>
      </c>
      <c r="G33774" s="8">
        <v>1383200</v>
      </c>
      <c r="H33774" s="8">
        <v>331968</v>
      </c>
      <c r="I33774" s="8">
        <v>1078896</v>
      </c>
      <c r="J33774" s="8">
        <v>304304</v>
      </c>
      <c r="K33774" s="9"/>
      <c r="L33774" s="6"/>
    </row>
    <row r="33775" spans="1:12">
      <c r="A33775" s="6" t="s">
        <v>33999</v>
      </c>
      <c r="B33775" s="6"/>
      <c r="C33775" s="6" t="s">
        <v>32230</v>
      </c>
      <c r="D33775" s="6"/>
      <c r="E33775" s="6" t="s">
        <v>9</v>
      </c>
      <c r="F33775" s="7">
        <v>30406</v>
      </c>
      <c r="G33775" s="8">
        <v>16254000</v>
      </c>
      <c r="H33775" s="8">
        <v>3900960</v>
      </c>
      <c r="I33775" s="8">
        <v>12678120</v>
      </c>
      <c r="J33775" s="8">
        <v>3575880</v>
      </c>
      <c r="K33775" s="9"/>
      <c r="L33775" s="6"/>
    </row>
    <row r="33776" spans="1:12">
      <c r="A33776" s="6" t="s">
        <v>34000</v>
      </c>
      <c r="B33776" s="6"/>
      <c r="C33776" s="6" t="s">
        <v>32230</v>
      </c>
      <c r="D33776" s="6"/>
      <c r="E33776" s="6" t="s">
        <v>9</v>
      </c>
      <c r="F33776" s="7">
        <v>30406</v>
      </c>
      <c r="G33776" s="8">
        <v>46664100</v>
      </c>
      <c r="H33776" s="8">
        <v>11199384</v>
      </c>
      <c r="I33776" s="8">
        <v>36397998</v>
      </c>
      <c r="J33776" s="8">
        <v>10266102</v>
      </c>
      <c r="K33776" s="9"/>
      <c r="L33776" s="6"/>
    </row>
    <row r="33777" spans="1:12">
      <c r="A33777" s="6" t="s">
        <v>34001</v>
      </c>
      <c r="B33777" s="6"/>
      <c r="C33777" s="6" t="s">
        <v>32230</v>
      </c>
      <c r="D33777" s="6"/>
      <c r="E33777" s="6" t="s">
        <v>9</v>
      </c>
      <c r="F33777" s="7">
        <v>32947</v>
      </c>
      <c r="G33777" s="8">
        <v>47741400</v>
      </c>
      <c r="H33777" s="8">
        <v>18141732</v>
      </c>
      <c r="I33777" s="8">
        <v>30554496</v>
      </c>
      <c r="J33777" s="8">
        <v>17186904</v>
      </c>
      <c r="K33777" s="9"/>
      <c r="L33777" s="6"/>
    </row>
    <row r="33778" spans="1:12">
      <c r="A33778" s="6" t="s">
        <v>34002</v>
      </c>
      <c r="B33778" s="6"/>
      <c r="C33778" s="6" t="s">
        <v>32230</v>
      </c>
      <c r="D33778" s="6"/>
      <c r="E33778" s="6" t="s">
        <v>9</v>
      </c>
      <c r="F33778" s="7"/>
      <c r="G33778" s="8">
        <v>1</v>
      </c>
      <c r="H33778" s="8">
        <v>1</v>
      </c>
      <c r="I33778" s="8">
        <v>0</v>
      </c>
      <c r="J33778" s="8">
        <v>1</v>
      </c>
      <c r="K33778" s="9"/>
      <c r="L33778" s="6"/>
    </row>
    <row r="33779" spans="1:12">
      <c r="A33779" s="6" t="s">
        <v>34003</v>
      </c>
      <c r="B33779" s="6"/>
      <c r="C33779" s="6" t="s">
        <v>32230</v>
      </c>
      <c r="D33779" s="6"/>
      <c r="E33779" s="6" t="s">
        <v>9</v>
      </c>
      <c r="F33779" s="7">
        <v>30406</v>
      </c>
      <c r="G33779" s="8">
        <v>35526600</v>
      </c>
      <c r="H33779" s="8">
        <v>8526384</v>
      </c>
      <c r="I33779" s="8">
        <v>27710748</v>
      </c>
      <c r="J33779" s="8">
        <v>7815852</v>
      </c>
      <c r="K33779" s="9"/>
      <c r="L33779" s="6"/>
    </row>
    <row r="33780" spans="1:12">
      <c r="A33780" s="6" t="s">
        <v>34004</v>
      </c>
      <c r="B33780" s="6"/>
      <c r="C33780" s="6" t="s">
        <v>32230</v>
      </c>
      <c r="D33780" s="6"/>
      <c r="E33780" s="6" t="s">
        <v>9</v>
      </c>
      <c r="F33780" s="7">
        <v>42363</v>
      </c>
      <c r="G33780" s="8">
        <v>17017560</v>
      </c>
      <c r="H33780" s="8">
        <v>15315805</v>
      </c>
      <c r="I33780" s="8">
        <v>2042106</v>
      </c>
      <c r="J33780" s="8">
        <v>14975454</v>
      </c>
      <c r="K33780" s="9"/>
      <c r="L33780" s="6"/>
    </row>
    <row r="33781" spans="1:12">
      <c r="A33781" s="6" t="s">
        <v>34005</v>
      </c>
      <c r="B33781" s="6"/>
      <c r="C33781" s="6" t="s">
        <v>32230</v>
      </c>
      <c r="D33781" s="6"/>
      <c r="E33781" s="6" t="s">
        <v>9</v>
      </c>
      <c r="F33781" s="7">
        <v>30406</v>
      </c>
      <c r="G33781" s="8">
        <v>6382800</v>
      </c>
      <c r="H33781" s="8">
        <v>1531872</v>
      </c>
      <c r="I33781" s="8">
        <v>4978584</v>
      </c>
      <c r="J33781" s="8">
        <v>1404216</v>
      </c>
      <c r="K33781" s="9"/>
      <c r="L33781" s="6"/>
    </row>
    <row r="33782" spans="1:12">
      <c r="A33782" s="6" t="s">
        <v>34006</v>
      </c>
      <c r="B33782" s="6"/>
      <c r="C33782" s="6" t="s">
        <v>32230</v>
      </c>
      <c r="D33782" s="6"/>
      <c r="E33782" s="6" t="s">
        <v>9</v>
      </c>
      <c r="F33782" s="7">
        <v>30406</v>
      </c>
      <c r="G33782" s="8">
        <v>5459400</v>
      </c>
      <c r="H33782" s="8">
        <v>1310256</v>
      </c>
      <c r="I33782" s="8">
        <v>4258332</v>
      </c>
      <c r="J33782" s="8">
        <v>1201068</v>
      </c>
      <c r="K33782" s="9"/>
      <c r="L33782" s="6"/>
    </row>
    <row r="33783" spans="1:12">
      <c r="A33783" s="6" t="s">
        <v>34007</v>
      </c>
      <c r="B33783" s="6"/>
      <c r="C33783" s="6" t="s">
        <v>32230</v>
      </c>
      <c r="D33783" s="6"/>
      <c r="E33783" s="6" t="s">
        <v>9</v>
      </c>
      <c r="F33783" s="7">
        <v>30406</v>
      </c>
      <c r="G33783" s="8">
        <v>5751000</v>
      </c>
      <c r="H33783" s="8">
        <v>1380240</v>
      </c>
      <c r="I33783" s="8">
        <v>4485780</v>
      </c>
      <c r="J33783" s="8">
        <v>1265220</v>
      </c>
      <c r="K33783" s="9"/>
      <c r="L33783" s="6"/>
    </row>
    <row r="33784" spans="1:12">
      <c r="A33784" s="6" t="s">
        <v>34008</v>
      </c>
      <c r="B33784" s="6"/>
      <c r="C33784" s="6" t="s">
        <v>32230</v>
      </c>
      <c r="D33784" s="6"/>
      <c r="E33784" s="6" t="s">
        <v>9</v>
      </c>
      <c r="F33784" s="7">
        <v>30406</v>
      </c>
      <c r="G33784" s="8">
        <v>7192800</v>
      </c>
      <c r="H33784" s="8">
        <v>1726272</v>
      </c>
      <c r="I33784" s="8">
        <v>5610384</v>
      </c>
      <c r="J33784" s="8">
        <v>1582416</v>
      </c>
      <c r="K33784" s="9"/>
      <c r="L33784" s="6"/>
    </row>
    <row r="33785" spans="1:12">
      <c r="A33785" s="6" t="s">
        <v>34009</v>
      </c>
      <c r="B33785" s="6"/>
      <c r="C33785" s="6" t="s">
        <v>32230</v>
      </c>
      <c r="D33785" s="6"/>
      <c r="E33785" s="6" t="s">
        <v>9</v>
      </c>
      <c r="F33785" s="7">
        <v>30406</v>
      </c>
      <c r="G33785" s="8">
        <v>1105800</v>
      </c>
      <c r="H33785" s="8">
        <v>265392</v>
      </c>
      <c r="I33785" s="8">
        <v>862524</v>
      </c>
      <c r="J33785" s="8">
        <v>243276</v>
      </c>
      <c r="K33785" s="9"/>
      <c r="L33785" s="6"/>
    </row>
    <row r="33786" spans="1:12">
      <c r="A33786" s="6" t="s">
        <v>34010</v>
      </c>
      <c r="B33786" s="6"/>
      <c r="C33786" s="6" t="s">
        <v>32230</v>
      </c>
      <c r="D33786" s="6"/>
      <c r="E33786" s="6" t="s">
        <v>9</v>
      </c>
      <c r="F33786" s="7">
        <v>31137</v>
      </c>
      <c r="G33786" s="8">
        <v>44209800</v>
      </c>
      <c r="H33786" s="8">
        <v>12378744</v>
      </c>
      <c r="I33786" s="8">
        <v>32715252</v>
      </c>
      <c r="J33786" s="8">
        <v>11494548</v>
      </c>
      <c r="K33786" s="9"/>
      <c r="L33786" s="6"/>
    </row>
    <row r="33787" spans="1:12">
      <c r="A33787" s="6" t="s">
        <v>34011</v>
      </c>
      <c r="B33787" s="6"/>
      <c r="C33787" s="6" t="s">
        <v>32230</v>
      </c>
      <c r="D33787" s="6"/>
      <c r="E33787" s="6" t="s">
        <v>9</v>
      </c>
      <c r="F33787" s="7">
        <v>31137</v>
      </c>
      <c r="G33787" s="8">
        <v>15228000</v>
      </c>
      <c r="H33787" s="8">
        <v>4263840</v>
      </c>
      <c r="I33787" s="8">
        <v>11268720</v>
      </c>
      <c r="J33787" s="8">
        <v>3959280</v>
      </c>
      <c r="K33787" s="9"/>
      <c r="L33787" s="6"/>
    </row>
    <row r="33788" spans="1:12">
      <c r="A33788" s="6" t="s">
        <v>34012</v>
      </c>
      <c r="B33788" s="6"/>
      <c r="C33788" s="6" t="s">
        <v>32230</v>
      </c>
      <c r="D33788" s="6"/>
      <c r="E33788" s="6" t="s">
        <v>9</v>
      </c>
      <c r="F33788" s="7">
        <v>31137</v>
      </c>
      <c r="G33788" s="8">
        <v>3005100</v>
      </c>
      <c r="H33788" s="8">
        <v>841428</v>
      </c>
      <c r="I33788" s="8">
        <v>2223774</v>
      </c>
      <c r="J33788" s="8">
        <v>781326</v>
      </c>
      <c r="K33788" s="9"/>
      <c r="L33788" s="6"/>
    </row>
    <row r="33789" spans="1:12">
      <c r="A33789" s="6" t="s">
        <v>34013</v>
      </c>
      <c r="B33789" s="6"/>
      <c r="C33789" s="6" t="s">
        <v>32230</v>
      </c>
      <c r="D33789" s="6"/>
      <c r="E33789" s="6" t="s">
        <v>9</v>
      </c>
      <c r="F33789" s="7">
        <v>31472</v>
      </c>
      <c r="G33789" s="8">
        <v>9015300</v>
      </c>
      <c r="H33789" s="8">
        <v>2704590</v>
      </c>
      <c r="I33789" s="8">
        <v>6491016</v>
      </c>
      <c r="J33789" s="8">
        <v>2524284</v>
      </c>
      <c r="K33789" s="9"/>
      <c r="L33789" s="6"/>
    </row>
    <row r="33790" spans="1:12">
      <c r="A33790" s="6" t="s">
        <v>34014</v>
      </c>
      <c r="B33790" s="6"/>
      <c r="C33790" s="6" t="s">
        <v>32230</v>
      </c>
      <c r="D33790" s="6"/>
      <c r="E33790" s="6" t="s">
        <v>9</v>
      </c>
      <c r="F33790" s="7">
        <v>31472</v>
      </c>
      <c r="G33790" s="8">
        <v>22104900</v>
      </c>
      <c r="H33790" s="8">
        <v>6631470</v>
      </c>
      <c r="I33790" s="8">
        <v>15915528</v>
      </c>
      <c r="J33790" s="8">
        <v>6189372</v>
      </c>
      <c r="K33790" s="9"/>
      <c r="L33790" s="6"/>
    </row>
    <row r="33791" spans="1:12">
      <c r="A33791" s="6" t="s">
        <v>34015</v>
      </c>
      <c r="B33791" s="6"/>
      <c r="C33791" s="6" t="s">
        <v>32230</v>
      </c>
      <c r="D33791" s="6"/>
      <c r="E33791" s="6"/>
      <c r="F33791" s="7">
        <v>43556</v>
      </c>
      <c r="G33791" s="8">
        <v>1868400</v>
      </c>
      <c r="H33791" s="8">
        <v>1831032</v>
      </c>
      <c r="I33791" s="8">
        <v>74736</v>
      </c>
      <c r="J33791" s="8">
        <v>1793664</v>
      </c>
      <c r="K33791" s="9"/>
      <c r="L33791" s="6"/>
    </row>
    <row r="33792" spans="1:12">
      <c r="A33792" s="6" t="s">
        <v>34015</v>
      </c>
      <c r="B33792" s="6"/>
      <c r="C33792" s="6" t="s">
        <v>32230</v>
      </c>
      <c r="D33792" s="6"/>
      <c r="E33792" s="6"/>
      <c r="F33792" s="7">
        <v>42826</v>
      </c>
      <c r="G33792" s="8">
        <v>2262600</v>
      </c>
      <c r="H33792" s="8">
        <v>2126844</v>
      </c>
      <c r="I33792" s="8">
        <v>181008</v>
      </c>
      <c r="J33792" s="8">
        <v>2081592</v>
      </c>
      <c r="K33792" s="9"/>
      <c r="L33792" s="6"/>
    </row>
    <row r="33793" spans="1:12">
      <c r="A33793" s="6" t="s">
        <v>34015</v>
      </c>
      <c r="B33793" s="6"/>
      <c r="C33793" s="6" t="s">
        <v>32230</v>
      </c>
      <c r="D33793" s="6"/>
      <c r="E33793" s="6" t="s">
        <v>9</v>
      </c>
      <c r="F33793" s="7">
        <v>39169</v>
      </c>
      <c r="G33793" s="8">
        <v>341423100</v>
      </c>
      <c r="H33793" s="8">
        <v>245824632</v>
      </c>
      <c r="I33793" s="8">
        <v>102426930</v>
      </c>
      <c r="J33793" s="8">
        <v>238996170</v>
      </c>
      <c r="K33793" s="9"/>
      <c r="L33793" s="6"/>
    </row>
    <row r="33794" spans="1:12">
      <c r="A33794" s="6" t="s">
        <v>34015</v>
      </c>
      <c r="B33794" s="6"/>
      <c r="C33794" s="6" t="s">
        <v>32230</v>
      </c>
      <c r="D33794" s="6"/>
      <c r="E33794" s="6"/>
      <c r="F33794" s="7">
        <v>43922</v>
      </c>
      <c r="G33794" s="8">
        <v>26154700</v>
      </c>
      <c r="H33794" s="8">
        <v>26154700</v>
      </c>
      <c r="I33794" s="8">
        <v>523094</v>
      </c>
      <c r="J33794" s="8">
        <v>25631606</v>
      </c>
      <c r="K33794" s="9"/>
      <c r="L33794" s="6"/>
    </row>
    <row r="33795" spans="1:12">
      <c r="A33795" s="6" t="s">
        <v>34015</v>
      </c>
      <c r="B33795" s="6"/>
      <c r="C33795" s="6" t="s">
        <v>32230</v>
      </c>
      <c r="D33795" s="6"/>
      <c r="E33795" s="6"/>
      <c r="F33795" s="7">
        <v>43556</v>
      </c>
      <c r="G33795" s="8">
        <v>34859000</v>
      </c>
      <c r="H33795" s="8">
        <v>34161820</v>
      </c>
      <c r="I33795" s="8">
        <v>1394360</v>
      </c>
      <c r="J33795" s="8">
        <v>33464640</v>
      </c>
      <c r="K33795" s="9"/>
      <c r="L33795" s="6"/>
    </row>
    <row r="33796" spans="1:12">
      <c r="A33796" s="6" t="s">
        <v>34015</v>
      </c>
      <c r="B33796" s="6"/>
      <c r="C33796" s="6" t="s">
        <v>32230</v>
      </c>
      <c r="D33796" s="6"/>
      <c r="E33796" s="6"/>
      <c r="F33796" s="7">
        <v>43191</v>
      </c>
      <c r="G33796" s="8">
        <v>6513360</v>
      </c>
      <c r="H33796" s="8">
        <v>6252826</v>
      </c>
      <c r="I33796" s="8">
        <v>390801</v>
      </c>
      <c r="J33796" s="8">
        <v>6122559</v>
      </c>
      <c r="K33796" s="9"/>
      <c r="L33796" s="6"/>
    </row>
    <row r="33797" spans="1:12">
      <c r="A33797" s="6" t="s">
        <v>33185</v>
      </c>
      <c r="B33797" s="6"/>
      <c r="C33797" s="6" t="s">
        <v>32230</v>
      </c>
      <c r="D33797" s="6"/>
      <c r="E33797" s="6" t="s">
        <v>9</v>
      </c>
      <c r="F33797" s="7">
        <v>13606</v>
      </c>
      <c r="G33797" s="8">
        <v>20158320</v>
      </c>
      <c r="H33797" s="8">
        <v>1</v>
      </c>
      <c r="I33797" s="8">
        <v>20158319</v>
      </c>
      <c r="J33797" s="8">
        <v>1</v>
      </c>
      <c r="K33797" s="9"/>
      <c r="L33797" s="6"/>
    </row>
    <row r="33798" spans="1:12">
      <c r="A33798" s="6" t="s">
        <v>33185</v>
      </c>
      <c r="B33798" s="6"/>
      <c r="C33798" s="6" t="s">
        <v>32230</v>
      </c>
      <c r="D33798" s="6"/>
      <c r="E33798" s="6" t="s">
        <v>9</v>
      </c>
      <c r="F33798" s="7">
        <v>21641</v>
      </c>
      <c r="G33798" s="8">
        <v>8190000</v>
      </c>
      <c r="H33798" s="8">
        <v>1</v>
      </c>
      <c r="I33798" s="8">
        <v>8189999</v>
      </c>
      <c r="J33798" s="8">
        <v>1</v>
      </c>
      <c r="K33798" s="9"/>
      <c r="L33798" s="6"/>
    </row>
    <row r="33799" spans="1:12">
      <c r="A33799" s="6" t="s">
        <v>33185</v>
      </c>
      <c r="B33799" s="6"/>
      <c r="C33799" s="6" t="s">
        <v>32230</v>
      </c>
      <c r="D33799" s="6"/>
      <c r="E33799" s="6" t="s">
        <v>9</v>
      </c>
      <c r="F33799" s="7"/>
      <c r="G33799" s="8">
        <v>1</v>
      </c>
      <c r="H33799" s="8">
        <v>1</v>
      </c>
      <c r="I33799" s="8">
        <v>0</v>
      </c>
      <c r="J33799" s="8">
        <v>1</v>
      </c>
      <c r="K33799" s="9"/>
      <c r="L33799" s="6"/>
    </row>
    <row r="33800" spans="1:12">
      <c r="A33800" s="6" t="s">
        <v>34016</v>
      </c>
      <c r="B33800" s="6"/>
      <c r="C33800" s="6" t="s">
        <v>32230</v>
      </c>
      <c r="D33800" s="6"/>
      <c r="E33800" s="6" t="s">
        <v>9</v>
      </c>
      <c r="F33800" s="7">
        <v>25659</v>
      </c>
      <c r="G33800" s="8">
        <v>11629800</v>
      </c>
      <c r="H33800" s="8">
        <v>1744500</v>
      </c>
      <c r="I33800" s="8">
        <v>10083006</v>
      </c>
      <c r="J33800" s="8">
        <v>1546794</v>
      </c>
      <c r="K33800" s="9"/>
      <c r="L33800" s="6"/>
    </row>
    <row r="33801" spans="1:12">
      <c r="A33801" s="6" t="s">
        <v>34017</v>
      </c>
      <c r="B33801" s="6"/>
      <c r="C33801" s="6" t="s">
        <v>32230</v>
      </c>
      <c r="D33801" s="6"/>
      <c r="E33801" s="6" t="s">
        <v>9</v>
      </c>
      <c r="F33801" s="7">
        <v>42277</v>
      </c>
      <c r="G33801" s="8">
        <v>1252800</v>
      </c>
      <c r="H33801" s="8">
        <v>1127520</v>
      </c>
      <c r="I33801" s="8">
        <v>150336</v>
      </c>
      <c r="J33801" s="8">
        <v>1102464</v>
      </c>
      <c r="K33801" s="9"/>
      <c r="L33801" s="6"/>
    </row>
    <row r="33802" spans="1:12">
      <c r="A33802" s="6" t="s">
        <v>34018</v>
      </c>
      <c r="B33802" s="6"/>
      <c r="C33802" s="6" t="s">
        <v>32230</v>
      </c>
      <c r="D33802" s="6"/>
      <c r="E33802" s="6" t="s">
        <v>9</v>
      </c>
      <c r="F33802" s="7">
        <v>42363</v>
      </c>
      <c r="G33802" s="8">
        <v>8925120</v>
      </c>
      <c r="H33802" s="8">
        <v>8032610</v>
      </c>
      <c r="I33802" s="8">
        <v>1071012</v>
      </c>
      <c r="J33802" s="8">
        <v>7854108</v>
      </c>
      <c r="K33802" s="9"/>
      <c r="L33802" s="6"/>
    </row>
    <row r="33803" spans="1:12">
      <c r="A33803" s="6" t="s">
        <v>34019</v>
      </c>
      <c r="B33803" s="6"/>
      <c r="C33803" s="6" t="s">
        <v>32230</v>
      </c>
      <c r="D33803" s="6"/>
      <c r="E33803" s="6" t="s">
        <v>9</v>
      </c>
      <c r="F33803" s="7">
        <v>43094</v>
      </c>
      <c r="G33803" s="8">
        <v>216000</v>
      </c>
      <c r="H33803" s="8">
        <v>201096</v>
      </c>
      <c r="I33803" s="8">
        <v>19872</v>
      </c>
      <c r="J33803" s="8">
        <v>196128</v>
      </c>
      <c r="K33803" s="9"/>
      <c r="L33803" s="6"/>
    </row>
    <row r="33804" spans="1:12">
      <c r="A33804" s="6" t="s">
        <v>34020</v>
      </c>
      <c r="B33804" s="6"/>
      <c r="C33804" s="6" t="s">
        <v>32230</v>
      </c>
      <c r="D33804" s="6"/>
      <c r="E33804" s="6" t="s">
        <v>9</v>
      </c>
      <c r="F33804" s="7">
        <v>43815</v>
      </c>
      <c r="G33804" s="8">
        <v>950400</v>
      </c>
      <c r="H33804" s="8">
        <v>928541</v>
      </c>
      <c r="I33804" s="8">
        <v>43718</v>
      </c>
      <c r="J33804" s="8">
        <v>906682</v>
      </c>
      <c r="K33804" s="9"/>
      <c r="L33804" s="6"/>
    </row>
    <row r="33805" spans="1:12">
      <c r="A33805" s="6" t="s">
        <v>34021</v>
      </c>
      <c r="B33805" s="6"/>
      <c r="C33805" s="6" t="s">
        <v>32230</v>
      </c>
      <c r="D33805" s="6"/>
      <c r="E33805" s="6" t="s">
        <v>9</v>
      </c>
      <c r="F33805" s="7">
        <v>24504</v>
      </c>
      <c r="G33805" s="8">
        <v>1</v>
      </c>
      <c r="H33805" s="8">
        <v>1</v>
      </c>
      <c r="I33805" s="8">
        <v>0</v>
      </c>
      <c r="J33805" s="8">
        <v>1</v>
      </c>
      <c r="K33805" s="9"/>
      <c r="L33805" s="6"/>
    </row>
    <row r="33806" spans="1:12">
      <c r="A33806" s="6" t="s">
        <v>34022</v>
      </c>
      <c r="B33806" s="6"/>
      <c r="C33806" s="6" t="s">
        <v>32230</v>
      </c>
      <c r="D33806" s="6"/>
      <c r="E33806" s="6" t="s">
        <v>9</v>
      </c>
      <c r="F33806" s="7">
        <v>30590</v>
      </c>
      <c r="G33806" s="8">
        <v>36855000</v>
      </c>
      <c r="H33806" s="8">
        <v>5491395</v>
      </c>
      <c r="I33806" s="8">
        <v>32211270</v>
      </c>
      <c r="J33806" s="8">
        <v>4643730</v>
      </c>
      <c r="K33806" s="9"/>
      <c r="L33806" s="6"/>
    </row>
    <row r="33807" spans="1:12">
      <c r="A33807" s="6" t="s">
        <v>33185</v>
      </c>
      <c r="B33807" s="6"/>
      <c r="C33807" s="6" t="s">
        <v>32230</v>
      </c>
      <c r="D33807" s="6"/>
      <c r="E33807" s="6" t="s">
        <v>9</v>
      </c>
      <c r="F33807" s="7">
        <v>30407</v>
      </c>
      <c r="G33807" s="8">
        <v>30958200</v>
      </c>
      <c r="H33807" s="8">
        <v>11485507</v>
      </c>
      <c r="I33807" s="8">
        <v>19998982</v>
      </c>
      <c r="J33807" s="8">
        <v>10959218</v>
      </c>
      <c r="K33807" s="9"/>
      <c r="L33807" s="6"/>
    </row>
    <row r="33808" spans="1:12">
      <c r="A33808" s="6" t="s">
        <v>33185</v>
      </c>
      <c r="B33808" s="6"/>
      <c r="C33808" s="6" t="s">
        <v>32230</v>
      </c>
      <c r="D33808" s="6"/>
      <c r="E33808" s="6" t="s">
        <v>9</v>
      </c>
      <c r="F33808" s="7">
        <v>11414</v>
      </c>
      <c r="G33808" s="8">
        <v>15288000</v>
      </c>
      <c r="H33808" s="8">
        <v>1</v>
      </c>
      <c r="I33808" s="8">
        <v>15287999</v>
      </c>
      <c r="J33808" s="8">
        <v>1</v>
      </c>
      <c r="K33808" s="9"/>
      <c r="L33808" s="6"/>
    </row>
    <row r="33809" spans="1:12">
      <c r="A33809" s="6" t="s">
        <v>33185</v>
      </c>
      <c r="B33809" s="6"/>
      <c r="C33809" s="6" t="s">
        <v>32230</v>
      </c>
      <c r="D33809" s="6"/>
      <c r="E33809" s="6" t="s">
        <v>9</v>
      </c>
      <c r="F33809" s="7">
        <v>10319</v>
      </c>
      <c r="G33809" s="8">
        <v>23478000</v>
      </c>
      <c r="H33809" s="8">
        <v>1</v>
      </c>
      <c r="I33809" s="8">
        <v>23477999</v>
      </c>
      <c r="J33809" s="8">
        <v>1</v>
      </c>
      <c r="K33809" s="9"/>
      <c r="L33809" s="6"/>
    </row>
    <row r="33810" spans="1:12">
      <c r="A33810" s="6" t="s">
        <v>33185</v>
      </c>
      <c r="B33810" s="6"/>
      <c r="C33810" s="6" t="s">
        <v>32230</v>
      </c>
      <c r="D33810" s="6"/>
      <c r="E33810" s="6" t="s">
        <v>9</v>
      </c>
      <c r="F33810" s="7">
        <v>10319</v>
      </c>
      <c r="G33810" s="8">
        <v>18476640</v>
      </c>
      <c r="H33810" s="8">
        <v>1</v>
      </c>
      <c r="I33810" s="8">
        <v>18476639</v>
      </c>
      <c r="J33810" s="8">
        <v>1</v>
      </c>
      <c r="K33810" s="9"/>
      <c r="L33810" s="6"/>
    </row>
    <row r="33811" spans="1:12">
      <c r="A33811" s="6" t="s">
        <v>34023</v>
      </c>
      <c r="B33811" s="6"/>
      <c r="C33811" s="6" t="s">
        <v>32230</v>
      </c>
      <c r="D33811" s="6"/>
      <c r="E33811" s="6" t="s">
        <v>9</v>
      </c>
      <c r="F33811" s="7"/>
      <c r="G33811" s="8">
        <v>1</v>
      </c>
      <c r="H33811" s="8">
        <v>1</v>
      </c>
      <c r="I33811" s="8">
        <v>0</v>
      </c>
      <c r="J33811" s="8">
        <v>1</v>
      </c>
      <c r="K33811" s="9"/>
      <c r="L33811" s="6"/>
    </row>
    <row r="33812" spans="1:12">
      <c r="A33812" s="6" t="s">
        <v>33185</v>
      </c>
      <c r="B33812" s="6"/>
      <c r="C33812" s="6" t="s">
        <v>32230</v>
      </c>
      <c r="D33812" s="6"/>
      <c r="E33812" s="6" t="s">
        <v>9</v>
      </c>
      <c r="F33812" s="7">
        <v>21641</v>
      </c>
      <c r="G33812" s="8">
        <v>11007360</v>
      </c>
      <c r="H33812" s="8">
        <v>1</v>
      </c>
      <c r="I33812" s="8">
        <v>11007359</v>
      </c>
      <c r="J33812" s="8">
        <v>1</v>
      </c>
      <c r="K33812" s="9"/>
      <c r="L33812" s="6"/>
    </row>
    <row r="33813" spans="1:12">
      <c r="A33813" s="6" t="s">
        <v>34024</v>
      </c>
      <c r="B33813" s="6"/>
      <c r="C33813" s="6" t="s">
        <v>32230</v>
      </c>
      <c r="D33813" s="6"/>
      <c r="E33813" s="6" t="s">
        <v>9</v>
      </c>
      <c r="F33813" s="7">
        <v>33592</v>
      </c>
      <c r="G33813" s="8">
        <v>14207400</v>
      </c>
      <c r="H33813" s="8">
        <v>5967108</v>
      </c>
      <c r="I33813" s="8">
        <v>8524440</v>
      </c>
      <c r="J33813" s="8">
        <v>5682960</v>
      </c>
      <c r="K33813" s="9"/>
      <c r="L33813" s="6"/>
    </row>
    <row r="33814" spans="1:12">
      <c r="A33814" s="6" t="s">
        <v>34025</v>
      </c>
      <c r="B33814" s="6"/>
      <c r="C33814" s="6" t="s">
        <v>32230</v>
      </c>
      <c r="D33814" s="6"/>
      <c r="E33814" s="6" t="s">
        <v>9</v>
      </c>
      <c r="F33814" s="7">
        <v>31801</v>
      </c>
      <c r="G33814" s="8">
        <v>12757500</v>
      </c>
      <c r="H33814" s="8">
        <v>4082400</v>
      </c>
      <c r="I33814" s="8">
        <v>8930250</v>
      </c>
      <c r="J33814" s="8">
        <v>3827250</v>
      </c>
      <c r="K33814" s="9"/>
      <c r="L33814" s="6"/>
    </row>
    <row r="33815" spans="1:12">
      <c r="A33815" s="6" t="s">
        <v>34026</v>
      </c>
      <c r="B33815" s="6"/>
      <c r="C33815" s="6" t="s">
        <v>32230</v>
      </c>
      <c r="D33815" s="6"/>
      <c r="E33815" s="6" t="s">
        <v>9</v>
      </c>
      <c r="F33815" s="7">
        <v>32521</v>
      </c>
      <c r="G33815" s="8">
        <v>393300</v>
      </c>
      <c r="H33815" s="8">
        <v>141588</v>
      </c>
      <c r="I33815" s="8">
        <v>259578</v>
      </c>
      <c r="J33815" s="8">
        <v>133722</v>
      </c>
      <c r="K33815" s="9"/>
      <c r="L33815" s="6"/>
    </row>
    <row r="33816" spans="1:12">
      <c r="A33816" s="6" t="s">
        <v>34027</v>
      </c>
      <c r="B33816" s="6"/>
      <c r="C33816" s="6" t="s">
        <v>32230</v>
      </c>
      <c r="D33816" s="6"/>
      <c r="E33816" s="6" t="s">
        <v>9</v>
      </c>
      <c r="F33816" s="7">
        <v>32521</v>
      </c>
      <c r="G33816" s="8">
        <v>12773700</v>
      </c>
      <c r="H33816" s="8">
        <v>4598532</v>
      </c>
      <c r="I33816" s="8">
        <v>8430642</v>
      </c>
      <c r="J33816" s="8">
        <v>4343058</v>
      </c>
      <c r="K33816" s="9"/>
      <c r="L33816" s="6"/>
    </row>
    <row r="33817" spans="1:12">
      <c r="A33817" s="6" t="s">
        <v>34028</v>
      </c>
      <c r="B33817" s="6"/>
      <c r="C33817" s="6" t="s">
        <v>32230</v>
      </c>
      <c r="D33817" s="6"/>
      <c r="E33817" s="6" t="s">
        <v>9</v>
      </c>
      <c r="F33817" s="7">
        <v>32521</v>
      </c>
      <c r="G33817" s="8">
        <v>2381400</v>
      </c>
      <c r="H33817" s="8">
        <v>857304</v>
      </c>
      <c r="I33817" s="8">
        <v>1571724</v>
      </c>
      <c r="J33817" s="8">
        <v>809676</v>
      </c>
      <c r="K33817" s="9"/>
      <c r="L33817" s="6"/>
    </row>
    <row r="33818" spans="1:12">
      <c r="A33818" s="6" t="s">
        <v>34029</v>
      </c>
      <c r="B33818" s="6"/>
      <c r="C33818" s="6" t="s">
        <v>32230</v>
      </c>
      <c r="D33818" s="6"/>
      <c r="E33818" s="6" t="s">
        <v>9</v>
      </c>
      <c r="F33818" s="7">
        <v>32947</v>
      </c>
      <c r="G33818" s="8">
        <v>4363200</v>
      </c>
      <c r="H33818" s="8">
        <v>1658016</v>
      </c>
      <c r="I33818" s="8">
        <v>2792448</v>
      </c>
      <c r="J33818" s="8">
        <v>1570752</v>
      </c>
      <c r="K33818" s="9"/>
      <c r="L33818" s="6"/>
    </row>
    <row r="33819" spans="1:12">
      <c r="A33819" s="6" t="s">
        <v>34030</v>
      </c>
      <c r="B33819" s="6"/>
      <c r="C33819" s="6" t="s">
        <v>32230</v>
      </c>
      <c r="D33819" s="6"/>
      <c r="E33819" s="6" t="s">
        <v>9</v>
      </c>
      <c r="F33819" s="7">
        <v>32521</v>
      </c>
      <c r="G33819" s="8">
        <v>10473300</v>
      </c>
      <c r="H33819" s="8">
        <v>3770388</v>
      </c>
      <c r="I33819" s="8">
        <v>6912378</v>
      </c>
      <c r="J33819" s="8">
        <v>3560922</v>
      </c>
      <c r="K33819" s="9"/>
      <c r="L33819" s="6"/>
    </row>
    <row r="33820" spans="1:12">
      <c r="A33820" s="6" t="s">
        <v>34031</v>
      </c>
      <c r="B33820" s="6"/>
      <c r="C33820" s="6" t="s">
        <v>32230</v>
      </c>
      <c r="D33820" s="6"/>
      <c r="E33820" s="6" t="s">
        <v>9</v>
      </c>
      <c r="F33820" s="7">
        <v>32448</v>
      </c>
      <c r="G33820" s="8">
        <v>28009800</v>
      </c>
      <c r="H33820" s="8">
        <v>10083528</v>
      </c>
      <c r="I33820" s="8">
        <v>18486468</v>
      </c>
      <c r="J33820" s="8">
        <v>9523332</v>
      </c>
      <c r="K33820" s="9"/>
      <c r="L33820" s="6"/>
    </row>
    <row r="33821" spans="1:12">
      <c r="A33821" s="6" t="s">
        <v>34032</v>
      </c>
      <c r="B33821" s="6"/>
      <c r="C33821" s="6" t="s">
        <v>32230</v>
      </c>
      <c r="D33821" s="6"/>
      <c r="E33821" s="6" t="s">
        <v>9</v>
      </c>
      <c r="F33821" s="7">
        <v>32448</v>
      </c>
      <c r="G33821" s="8">
        <v>14782500</v>
      </c>
      <c r="H33821" s="8">
        <v>5321700</v>
      </c>
      <c r="I33821" s="8">
        <v>9756450</v>
      </c>
      <c r="J33821" s="8">
        <v>5026050</v>
      </c>
      <c r="K33821" s="9"/>
      <c r="L33821" s="6"/>
    </row>
    <row r="33822" spans="1:12">
      <c r="A33822" s="6" t="s">
        <v>34033</v>
      </c>
      <c r="B33822" s="6"/>
      <c r="C33822" s="6" t="s">
        <v>32230</v>
      </c>
      <c r="D33822" s="6"/>
      <c r="E33822" s="6" t="s">
        <v>9</v>
      </c>
      <c r="F33822" s="7">
        <v>32448</v>
      </c>
      <c r="G33822" s="8">
        <v>8918100</v>
      </c>
      <c r="H33822" s="8">
        <v>3210516</v>
      </c>
      <c r="I33822" s="8">
        <v>5885946</v>
      </c>
      <c r="J33822" s="8">
        <v>3032154</v>
      </c>
      <c r="K33822" s="9"/>
      <c r="L33822" s="6"/>
    </row>
    <row r="33823" spans="1:12">
      <c r="A33823" s="6" t="s">
        <v>34034</v>
      </c>
      <c r="B33823" s="6"/>
      <c r="C33823" s="6" t="s">
        <v>32230</v>
      </c>
      <c r="D33823" s="6"/>
      <c r="E33823" s="6" t="s">
        <v>9</v>
      </c>
      <c r="F33823" s="7">
        <v>32448</v>
      </c>
      <c r="G33823" s="8">
        <v>5216400</v>
      </c>
      <c r="H33823" s="8">
        <v>1877904</v>
      </c>
      <c r="I33823" s="8">
        <v>3442824</v>
      </c>
      <c r="J33823" s="8">
        <v>1773576</v>
      </c>
      <c r="K33823" s="9"/>
      <c r="L33823" s="6"/>
    </row>
    <row r="33824" spans="1:12">
      <c r="A33824" s="6" t="s">
        <v>34035</v>
      </c>
      <c r="B33824" s="6"/>
      <c r="C33824" s="6" t="s">
        <v>32230</v>
      </c>
      <c r="D33824" s="6"/>
      <c r="E33824" s="6" t="s">
        <v>9</v>
      </c>
      <c r="F33824" s="7">
        <v>32448</v>
      </c>
      <c r="G33824" s="8">
        <v>13980600</v>
      </c>
      <c r="H33824" s="8">
        <v>5033016</v>
      </c>
      <c r="I33824" s="8">
        <v>9227196</v>
      </c>
      <c r="J33824" s="8">
        <v>4753404</v>
      </c>
      <c r="K33824" s="9"/>
      <c r="L33824" s="6"/>
    </row>
    <row r="33825" spans="1:12">
      <c r="A33825" s="6" t="s">
        <v>34036</v>
      </c>
      <c r="B33825" s="6"/>
      <c r="C33825" s="6" t="s">
        <v>32230</v>
      </c>
      <c r="D33825" s="6"/>
      <c r="E33825" s="6" t="s">
        <v>9</v>
      </c>
      <c r="F33825" s="7">
        <v>32448</v>
      </c>
      <c r="G33825" s="8">
        <v>10586700</v>
      </c>
      <c r="H33825" s="8">
        <v>3811212</v>
      </c>
      <c r="I33825" s="8">
        <v>6987222</v>
      </c>
      <c r="J33825" s="8">
        <v>3599478</v>
      </c>
      <c r="K33825" s="9"/>
      <c r="L33825" s="6"/>
    </row>
    <row r="33826" spans="1:12">
      <c r="A33826" s="6" t="s">
        <v>34037</v>
      </c>
      <c r="B33826" s="6"/>
      <c r="C33826" s="6" t="s">
        <v>32230</v>
      </c>
      <c r="D33826" s="6"/>
      <c r="E33826" s="6" t="s">
        <v>9</v>
      </c>
      <c r="F33826" s="7">
        <v>32448</v>
      </c>
      <c r="G33826" s="8">
        <v>10578600</v>
      </c>
      <c r="H33826" s="8">
        <v>3808296</v>
      </c>
      <c r="I33826" s="8">
        <v>6981876</v>
      </c>
      <c r="J33826" s="8">
        <v>3596724</v>
      </c>
      <c r="K33826" s="9"/>
      <c r="L33826" s="6"/>
    </row>
    <row r="33827" spans="1:12">
      <c r="A33827" s="6" t="s">
        <v>34038</v>
      </c>
      <c r="B33827" s="6"/>
      <c r="C33827" s="6" t="s">
        <v>32230</v>
      </c>
      <c r="D33827" s="6"/>
      <c r="E33827" s="6" t="s">
        <v>9</v>
      </c>
      <c r="F33827" s="7">
        <v>32448</v>
      </c>
      <c r="G33827" s="8">
        <v>5661900</v>
      </c>
      <c r="H33827" s="8">
        <v>2038284</v>
      </c>
      <c r="I33827" s="8">
        <v>3736854</v>
      </c>
      <c r="J33827" s="8">
        <v>1925046</v>
      </c>
      <c r="K33827" s="9"/>
      <c r="L33827" s="6"/>
    </row>
    <row r="33828" spans="1:12">
      <c r="A33828" s="6" t="s">
        <v>34039</v>
      </c>
      <c r="B33828" s="6"/>
      <c r="C33828" s="6" t="s">
        <v>32230</v>
      </c>
      <c r="D33828" s="6"/>
      <c r="E33828" s="6" t="s">
        <v>9</v>
      </c>
      <c r="F33828" s="7">
        <v>32448</v>
      </c>
      <c r="G33828" s="8">
        <v>5832000</v>
      </c>
      <c r="H33828" s="8">
        <v>2099520</v>
      </c>
      <c r="I33828" s="8">
        <v>3849120</v>
      </c>
      <c r="J33828" s="8">
        <v>1982880</v>
      </c>
      <c r="K33828" s="9"/>
      <c r="L33828" s="6"/>
    </row>
    <row r="33829" spans="1:12">
      <c r="A33829" s="6" t="s">
        <v>34040</v>
      </c>
      <c r="B33829" s="6"/>
      <c r="C33829" s="6" t="s">
        <v>32230</v>
      </c>
      <c r="D33829" s="6"/>
      <c r="E33829" s="6" t="s">
        <v>9</v>
      </c>
      <c r="F33829" s="7">
        <v>32448</v>
      </c>
      <c r="G33829" s="8">
        <v>15633000</v>
      </c>
      <c r="H33829" s="8">
        <v>5627880</v>
      </c>
      <c r="I33829" s="8">
        <v>10317780</v>
      </c>
      <c r="J33829" s="8">
        <v>5315220</v>
      </c>
      <c r="K33829" s="9"/>
      <c r="L33829" s="6"/>
    </row>
    <row r="33830" spans="1:12">
      <c r="A33830" s="6" t="s">
        <v>34041</v>
      </c>
      <c r="B33830" s="6"/>
      <c r="C33830" s="6" t="s">
        <v>32230</v>
      </c>
      <c r="D33830" s="6"/>
      <c r="E33830" s="6" t="s">
        <v>9</v>
      </c>
      <c r="F33830" s="7">
        <v>32448</v>
      </c>
      <c r="G33830" s="8">
        <v>22445100</v>
      </c>
      <c r="H33830" s="8">
        <v>8080236</v>
      </c>
      <c r="I33830" s="8">
        <v>14813766</v>
      </c>
      <c r="J33830" s="8">
        <v>7631334</v>
      </c>
      <c r="K33830" s="9"/>
      <c r="L33830" s="6"/>
    </row>
    <row r="33831" spans="1:12">
      <c r="A33831" s="6" t="s">
        <v>34042</v>
      </c>
      <c r="B33831" s="6"/>
      <c r="C33831" s="6" t="s">
        <v>32230</v>
      </c>
      <c r="D33831" s="6"/>
      <c r="E33831" s="6" t="s">
        <v>9</v>
      </c>
      <c r="F33831" s="7">
        <v>32598</v>
      </c>
      <c r="G33831" s="8">
        <v>4174200</v>
      </c>
      <c r="H33831" s="8">
        <v>1502712</v>
      </c>
      <c r="I33831" s="8">
        <v>2754972</v>
      </c>
      <c r="J33831" s="8">
        <v>1419228</v>
      </c>
      <c r="K33831" s="9"/>
      <c r="L33831" s="6"/>
    </row>
    <row r="33832" spans="1:12">
      <c r="A33832" s="6" t="s">
        <v>34043</v>
      </c>
      <c r="B33832" s="6"/>
      <c r="C33832" s="6" t="s">
        <v>32230</v>
      </c>
      <c r="D33832" s="6"/>
      <c r="E33832" s="6" t="s">
        <v>9</v>
      </c>
      <c r="F33832" s="7">
        <v>33248</v>
      </c>
      <c r="G33832" s="8">
        <v>12295800</v>
      </c>
      <c r="H33832" s="8">
        <v>4918320</v>
      </c>
      <c r="I33832" s="8">
        <v>7623396</v>
      </c>
      <c r="J33832" s="8">
        <v>4672404</v>
      </c>
      <c r="K33832" s="9"/>
      <c r="L33832" s="6"/>
    </row>
    <row r="33833" spans="1:12">
      <c r="A33833" s="6" t="s">
        <v>34044</v>
      </c>
      <c r="B33833" s="6"/>
      <c r="C33833" s="6" t="s">
        <v>32230</v>
      </c>
      <c r="D33833" s="6"/>
      <c r="E33833" s="6" t="s">
        <v>9</v>
      </c>
      <c r="F33833" s="7">
        <v>32889</v>
      </c>
      <c r="G33833" s="8">
        <v>53184600</v>
      </c>
      <c r="H33833" s="8">
        <v>20210148</v>
      </c>
      <c r="I33833" s="8">
        <v>34038144</v>
      </c>
      <c r="J33833" s="8">
        <v>19146456</v>
      </c>
      <c r="K33833" s="9"/>
      <c r="L33833" s="6"/>
    </row>
    <row r="33834" spans="1:12">
      <c r="A33834" s="6" t="s">
        <v>34045</v>
      </c>
      <c r="B33834" s="6"/>
      <c r="C33834" s="6" t="s">
        <v>32230</v>
      </c>
      <c r="D33834" s="6"/>
      <c r="E33834" s="6" t="s">
        <v>9</v>
      </c>
      <c r="F33834" s="7">
        <v>33248</v>
      </c>
      <c r="G33834" s="8">
        <v>5864400</v>
      </c>
      <c r="H33834" s="8">
        <v>2345760</v>
      </c>
      <c r="I33834" s="8">
        <v>3635928</v>
      </c>
      <c r="J33834" s="8">
        <v>2228472</v>
      </c>
      <c r="K33834" s="9"/>
      <c r="L33834" s="6"/>
    </row>
    <row r="33835" spans="1:12">
      <c r="A33835" s="6" t="s">
        <v>34046</v>
      </c>
      <c r="B33835" s="6"/>
      <c r="C33835" s="6" t="s">
        <v>32230</v>
      </c>
      <c r="D33835" s="6"/>
      <c r="E33835" s="6" t="s">
        <v>9</v>
      </c>
      <c r="F33835" s="7">
        <v>33437</v>
      </c>
      <c r="G33835" s="8">
        <v>2443500</v>
      </c>
      <c r="H33835" s="8">
        <v>1026270</v>
      </c>
      <c r="I33835" s="8">
        <v>1466100</v>
      </c>
      <c r="J33835" s="8">
        <v>977400</v>
      </c>
      <c r="K33835" s="9"/>
      <c r="L33835" s="6"/>
    </row>
    <row r="33836" spans="1:12">
      <c r="A33836" s="6" t="s">
        <v>34046</v>
      </c>
      <c r="B33836" s="6"/>
      <c r="C33836" s="6" t="s">
        <v>32230</v>
      </c>
      <c r="D33836" s="6"/>
      <c r="E33836" s="6"/>
      <c r="F33836" s="7">
        <v>42826</v>
      </c>
      <c r="G33836" s="8">
        <v>3882600</v>
      </c>
      <c r="H33836" s="8">
        <v>3649644</v>
      </c>
      <c r="I33836" s="8">
        <v>310608</v>
      </c>
      <c r="J33836" s="8">
        <v>3571992</v>
      </c>
      <c r="K33836" s="9"/>
      <c r="L33836" s="6"/>
    </row>
    <row r="33837" spans="1:12">
      <c r="A33837" s="6" t="s">
        <v>34047</v>
      </c>
      <c r="B33837" s="6"/>
      <c r="C33837" s="6" t="s">
        <v>32230</v>
      </c>
      <c r="D33837" s="6"/>
      <c r="E33837" s="6" t="s">
        <v>9</v>
      </c>
      <c r="F33837" s="7">
        <v>42804</v>
      </c>
      <c r="G33837" s="8">
        <v>4417200</v>
      </c>
      <c r="H33837" s="8">
        <v>4063824</v>
      </c>
      <c r="I33837" s="8">
        <v>441720</v>
      </c>
      <c r="J33837" s="8">
        <v>3975480</v>
      </c>
      <c r="K33837" s="9"/>
      <c r="L33837" s="6"/>
    </row>
    <row r="33838" spans="1:12">
      <c r="A33838" s="6" t="s">
        <v>34048</v>
      </c>
      <c r="B33838" s="6"/>
      <c r="C33838" s="6" t="s">
        <v>32230</v>
      </c>
      <c r="D33838" s="6"/>
      <c r="E33838" s="6" t="s">
        <v>9</v>
      </c>
      <c r="F33838" s="7">
        <v>33437</v>
      </c>
      <c r="G33838" s="8">
        <v>41310000</v>
      </c>
      <c r="H33838" s="8">
        <v>17350200</v>
      </c>
      <c r="I33838" s="8">
        <v>24786000</v>
      </c>
      <c r="J33838" s="8">
        <v>16524000</v>
      </c>
      <c r="K33838" s="9"/>
      <c r="L33838" s="6"/>
    </row>
    <row r="33839" spans="1:12">
      <c r="A33839" s="6" t="s">
        <v>34049</v>
      </c>
      <c r="B33839" s="6"/>
      <c r="C33839" s="6" t="s">
        <v>32230</v>
      </c>
      <c r="D33839" s="6"/>
      <c r="E33839" s="6" t="s">
        <v>9</v>
      </c>
      <c r="F33839" s="7">
        <v>33437</v>
      </c>
      <c r="G33839" s="8">
        <v>1903500</v>
      </c>
      <c r="H33839" s="8">
        <v>799470</v>
      </c>
      <c r="I33839" s="8">
        <v>1142100</v>
      </c>
      <c r="J33839" s="8">
        <v>761400</v>
      </c>
      <c r="K33839" s="9"/>
      <c r="L33839" s="6"/>
    </row>
    <row r="33840" spans="1:12">
      <c r="A33840" s="6" t="s">
        <v>34050</v>
      </c>
      <c r="B33840" s="6"/>
      <c r="C33840" s="6" t="s">
        <v>32230</v>
      </c>
      <c r="D33840" s="6"/>
      <c r="E33840" s="6" t="s">
        <v>9</v>
      </c>
      <c r="F33840" s="7">
        <v>33773</v>
      </c>
      <c r="G33840" s="8">
        <v>15892200</v>
      </c>
      <c r="H33840" s="8">
        <v>6992568</v>
      </c>
      <c r="I33840" s="8">
        <v>9217476</v>
      </c>
      <c r="J33840" s="8">
        <v>6674724</v>
      </c>
      <c r="K33840" s="9"/>
      <c r="L33840" s="6"/>
    </row>
    <row r="33841" spans="1:12">
      <c r="A33841" s="6" t="s">
        <v>34051</v>
      </c>
      <c r="B33841" s="6"/>
      <c r="C33841" s="6" t="s">
        <v>32230</v>
      </c>
      <c r="D33841" s="6"/>
      <c r="E33841" s="6" t="s">
        <v>9</v>
      </c>
      <c r="F33841" s="7">
        <v>33773</v>
      </c>
      <c r="G33841" s="8">
        <v>15657300</v>
      </c>
      <c r="H33841" s="8">
        <v>6889212</v>
      </c>
      <c r="I33841" s="8">
        <v>9081234</v>
      </c>
      <c r="J33841" s="8">
        <v>6576066</v>
      </c>
      <c r="K33841" s="9"/>
      <c r="L33841" s="6"/>
    </row>
    <row r="33842" spans="1:12">
      <c r="A33842" s="6" t="s">
        <v>34052</v>
      </c>
      <c r="B33842" s="6"/>
      <c r="C33842" s="6" t="s">
        <v>32230</v>
      </c>
      <c r="D33842" s="6"/>
      <c r="E33842" s="6" t="s">
        <v>9</v>
      </c>
      <c r="F33842" s="7">
        <v>34052</v>
      </c>
      <c r="G33842" s="8">
        <v>2754000</v>
      </c>
      <c r="H33842" s="8">
        <v>1211760</v>
      </c>
      <c r="I33842" s="8">
        <v>1597320</v>
      </c>
      <c r="J33842" s="8">
        <v>1156680</v>
      </c>
      <c r="K33842" s="9"/>
      <c r="L33842" s="6"/>
    </row>
    <row r="33843" spans="1:12">
      <c r="A33843" s="6" t="s">
        <v>34053</v>
      </c>
      <c r="B33843" s="6"/>
      <c r="C33843" s="6" t="s">
        <v>32230</v>
      </c>
      <c r="D33843" s="6"/>
      <c r="E33843" s="6" t="s">
        <v>9</v>
      </c>
      <c r="F33843" s="7">
        <v>35291</v>
      </c>
      <c r="G33843" s="8">
        <v>27212800</v>
      </c>
      <c r="H33843" s="8">
        <v>14150656</v>
      </c>
      <c r="I33843" s="8">
        <v>13606400</v>
      </c>
      <c r="J33843" s="8">
        <v>13606400</v>
      </c>
      <c r="K33843" s="9"/>
      <c r="L33843" s="6"/>
    </row>
    <row r="33844" spans="1:12">
      <c r="A33844" s="6" t="s">
        <v>33185</v>
      </c>
      <c r="B33844" s="6"/>
      <c r="C33844" s="6" t="s">
        <v>32230</v>
      </c>
      <c r="D33844" s="6"/>
      <c r="E33844" s="6" t="s">
        <v>9</v>
      </c>
      <c r="F33844" s="7"/>
      <c r="G33844" s="8">
        <v>1</v>
      </c>
      <c r="H33844" s="8">
        <v>1</v>
      </c>
      <c r="I33844" s="8">
        <v>0</v>
      </c>
      <c r="J33844" s="8">
        <v>1</v>
      </c>
      <c r="K33844" s="9"/>
      <c r="L33844" s="6"/>
    </row>
    <row r="33845" spans="1:12">
      <c r="A33845" s="6" t="s">
        <v>34054</v>
      </c>
      <c r="B33845" s="6"/>
      <c r="C33845" s="6" t="s">
        <v>32230</v>
      </c>
      <c r="D33845" s="6"/>
      <c r="E33845" s="6" t="s">
        <v>9</v>
      </c>
      <c r="F33845" s="7">
        <v>39169</v>
      </c>
      <c r="G33845" s="8">
        <v>615744000</v>
      </c>
      <c r="H33845" s="8">
        <v>443335680</v>
      </c>
      <c r="I33845" s="8">
        <v>184723200</v>
      </c>
      <c r="J33845" s="8">
        <v>431020800</v>
      </c>
      <c r="K33845" s="9"/>
      <c r="L33845" s="6"/>
    </row>
    <row r="33846" spans="1:12">
      <c r="A33846" s="6" t="s">
        <v>34055</v>
      </c>
      <c r="B33846" s="6"/>
      <c r="C33846" s="6" t="s">
        <v>32230</v>
      </c>
      <c r="D33846" s="6"/>
      <c r="E33846" s="6" t="s">
        <v>9</v>
      </c>
      <c r="F33846" s="7">
        <v>36770</v>
      </c>
      <c r="G33846" s="8">
        <v>212110000</v>
      </c>
      <c r="H33846" s="8">
        <v>139992600</v>
      </c>
      <c r="I33846" s="8">
        <v>75723270</v>
      </c>
      <c r="J33846" s="8">
        <v>136386730</v>
      </c>
      <c r="K33846" s="9"/>
      <c r="L33846" s="6"/>
    </row>
    <row r="33847" spans="1:12">
      <c r="A33847" s="6" t="s">
        <v>33185</v>
      </c>
      <c r="B33847" s="6"/>
      <c r="C33847" s="6" t="s">
        <v>32230</v>
      </c>
      <c r="D33847" s="6"/>
      <c r="E33847" s="6" t="s">
        <v>9</v>
      </c>
      <c r="F33847" s="7"/>
      <c r="G33847" s="8">
        <v>1</v>
      </c>
      <c r="H33847" s="8">
        <v>1</v>
      </c>
      <c r="I33847" s="8">
        <v>0</v>
      </c>
      <c r="J33847" s="8">
        <v>1</v>
      </c>
      <c r="K33847" s="9"/>
      <c r="L33847" s="6"/>
    </row>
    <row r="33848" spans="1:12">
      <c r="A33848" s="6" t="s">
        <v>33185</v>
      </c>
      <c r="B33848" s="6"/>
      <c r="C33848" s="6" t="s">
        <v>32230</v>
      </c>
      <c r="D33848" s="6"/>
      <c r="E33848" s="6" t="s">
        <v>9</v>
      </c>
      <c r="F33848" s="7"/>
      <c r="G33848" s="8">
        <v>1</v>
      </c>
      <c r="H33848" s="8">
        <v>1</v>
      </c>
      <c r="I33848" s="8">
        <v>0</v>
      </c>
      <c r="J33848" s="8">
        <v>1</v>
      </c>
      <c r="K33848" s="9"/>
      <c r="L33848" s="6"/>
    </row>
    <row r="33849" spans="1:12">
      <c r="A33849" s="6" t="s">
        <v>34056</v>
      </c>
      <c r="B33849" s="6"/>
      <c r="C33849" s="6" t="s">
        <v>32230</v>
      </c>
      <c r="D33849" s="6"/>
      <c r="E33849" s="6" t="s">
        <v>9</v>
      </c>
      <c r="F33849" s="7">
        <v>42277</v>
      </c>
      <c r="G33849" s="8">
        <v>205200</v>
      </c>
      <c r="H33849" s="8">
        <v>184680</v>
      </c>
      <c r="I33849" s="8">
        <v>24624</v>
      </c>
      <c r="J33849" s="8">
        <v>180576</v>
      </c>
      <c r="K33849" s="9"/>
      <c r="L33849" s="6"/>
    </row>
    <row r="33850" spans="1:12">
      <c r="A33850" s="6" t="s">
        <v>34057</v>
      </c>
      <c r="B33850" s="6"/>
      <c r="C33850" s="6" t="s">
        <v>32230</v>
      </c>
      <c r="D33850" s="6"/>
      <c r="E33850" s="6" t="s">
        <v>9</v>
      </c>
      <c r="F33850" s="7">
        <v>37708</v>
      </c>
      <c r="G33850" s="8">
        <v>4333500</v>
      </c>
      <c r="H33850" s="8">
        <v>2773440</v>
      </c>
      <c r="I33850" s="8">
        <v>1646730</v>
      </c>
      <c r="J33850" s="8">
        <v>2686770</v>
      </c>
      <c r="K33850" s="9"/>
      <c r="L33850" s="6"/>
    </row>
    <row r="33851" spans="1:12">
      <c r="A33851" s="6" t="s">
        <v>34058</v>
      </c>
      <c r="B33851" s="6"/>
      <c r="C33851" s="6" t="s">
        <v>32230</v>
      </c>
      <c r="D33851" s="6"/>
      <c r="E33851" s="6" t="s">
        <v>9</v>
      </c>
      <c r="F33851" s="7">
        <v>30406</v>
      </c>
      <c r="G33851" s="8">
        <v>28220400</v>
      </c>
      <c r="H33851" s="8">
        <v>6772896</v>
      </c>
      <c r="I33851" s="8">
        <v>22011912</v>
      </c>
      <c r="J33851" s="8">
        <v>6208488</v>
      </c>
      <c r="K33851" s="9"/>
      <c r="L33851" s="6"/>
    </row>
    <row r="33852" spans="1:12">
      <c r="A33852" s="6" t="s">
        <v>34059</v>
      </c>
      <c r="B33852" s="6"/>
      <c r="C33852" s="6" t="s">
        <v>32230</v>
      </c>
      <c r="D33852" s="6"/>
      <c r="E33852" s="6" t="s">
        <v>9</v>
      </c>
      <c r="F33852" s="7">
        <v>29305</v>
      </c>
      <c r="G33852" s="8">
        <v>23716800</v>
      </c>
      <c r="H33852" s="8">
        <v>4269024</v>
      </c>
      <c r="I33852" s="8">
        <v>19922112</v>
      </c>
      <c r="J33852" s="8">
        <v>3794688</v>
      </c>
      <c r="K33852" s="9"/>
      <c r="L33852" s="6"/>
    </row>
    <row r="33853" spans="1:12">
      <c r="A33853" s="6" t="s">
        <v>34060</v>
      </c>
      <c r="B33853" s="6"/>
      <c r="C33853" s="6" t="s">
        <v>32230</v>
      </c>
      <c r="D33853" s="6"/>
      <c r="E33853" s="6" t="s">
        <v>9</v>
      </c>
      <c r="F33853" s="7">
        <v>29305</v>
      </c>
      <c r="G33853" s="8">
        <v>6345000</v>
      </c>
      <c r="H33853" s="8">
        <v>1142100</v>
      </c>
      <c r="I33853" s="8">
        <v>5329800</v>
      </c>
      <c r="J33853" s="8">
        <v>1015200</v>
      </c>
      <c r="K33853" s="9"/>
      <c r="L33853" s="6"/>
    </row>
    <row r="33854" spans="1:12">
      <c r="A33854" s="6" t="s">
        <v>34061</v>
      </c>
      <c r="B33854" s="6"/>
      <c r="C33854" s="6" t="s">
        <v>32230</v>
      </c>
      <c r="D33854" s="6"/>
      <c r="E33854" s="6" t="s">
        <v>9</v>
      </c>
      <c r="F33854" s="7">
        <v>42363</v>
      </c>
      <c r="G33854" s="8">
        <v>14792760</v>
      </c>
      <c r="H33854" s="8">
        <v>13313485</v>
      </c>
      <c r="I33854" s="8">
        <v>1775130</v>
      </c>
      <c r="J33854" s="8">
        <v>13017630</v>
      </c>
      <c r="K33854" s="9"/>
      <c r="L33854" s="6"/>
    </row>
    <row r="33855" spans="1:12">
      <c r="A33855" s="6" t="s">
        <v>34062</v>
      </c>
      <c r="B33855" s="6"/>
      <c r="C33855" s="6" t="s">
        <v>32230</v>
      </c>
      <c r="D33855" s="6"/>
      <c r="E33855" s="6" t="s">
        <v>9</v>
      </c>
      <c r="F33855" s="7">
        <v>29305</v>
      </c>
      <c r="G33855" s="8">
        <v>42946200</v>
      </c>
      <c r="H33855" s="8">
        <v>7730316</v>
      </c>
      <c r="I33855" s="8">
        <v>36074808</v>
      </c>
      <c r="J33855" s="8">
        <v>6871392</v>
      </c>
      <c r="K33855" s="9"/>
      <c r="L33855" s="6"/>
    </row>
    <row r="33856" spans="1:12">
      <c r="A33856" s="6" t="s">
        <v>34063</v>
      </c>
      <c r="B33856" s="6"/>
      <c r="C33856" s="6" t="s">
        <v>32230</v>
      </c>
      <c r="D33856" s="6"/>
      <c r="E33856" s="6" t="s">
        <v>9</v>
      </c>
      <c r="F33856" s="7">
        <v>29305</v>
      </c>
      <c r="G33856" s="8">
        <v>5389200</v>
      </c>
      <c r="H33856" s="8">
        <v>970056</v>
      </c>
      <c r="I33856" s="8">
        <v>4526928</v>
      </c>
      <c r="J33856" s="8">
        <v>862272</v>
      </c>
      <c r="K33856" s="9"/>
      <c r="L33856" s="6"/>
    </row>
    <row r="33857" spans="1:12">
      <c r="A33857" s="6" t="s">
        <v>34064</v>
      </c>
      <c r="B33857" s="6"/>
      <c r="C33857" s="6" t="s">
        <v>32230</v>
      </c>
      <c r="D33857" s="6"/>
      <c r="E33857" s="6" t="s">
        <v>9</v>
      </c>
      <c r="F33857" s="7">
        <v>33684</v>
      </c>
      <c r="G33857" s="8">
        <v>8783100</v>
      </c>
      <c r="H33857" s="8">
        <v>3688902</v>
      </c>
      <c r="I33857" s="8">
        <v>5269860</v>
      </c>
      <c r="J33857" s="8">
        <v>3513240</v>
      </c>
      <c r="K33857" s="9"/>
      <c r="L33857" s="6"/>
    </row>
    <row r="33858" spans="1:12">
      <c r="A33858" s="6" t="s">
        <v>34065</v>
      </c>
      <c r="B33858" s="6"/>
      <c r="C33858" s="6" t="s">
        <v>32230</v>
      </c>
      <c r="D33858" s="6"/>
      <c r="E33858" s="6" t="s">
        <v>9</v>
      </c>
      <c r="F33858" s="7">
        <v>33684</v>
      </c>
      <c r="G33858" s="8">
        <v>2381400</v>
      </c>
      <c r="H33858" s="8">
        <v>1000188</v>
      </c>
      <c r="I33858" s="8">
        <v>1428840</v>
      </c>
      <c r="J33858" s="8">
        <v>952560</v>
      </c>
      <c r="K33858" s="9"/>
      <c r="L33858" s="6"/>
    </row>
    <row r="33859" spans="1:12">
      <c r="A33859" s="6" t="s">
        <v>34066</v>
      </c>
      <c r="B33859" s="6"/>
      <c r="C33859" s="6" t="s">
        <v>32230</v>
      </c>
      <c r="D33859" s="6"/>
      <c r="E33859" s="6" t="s">
        <v>9</v>
      </c>
      <c r="F33859" s="7">
        <v>33684</v>
      </c>
      <c r="G33859" s="8">
        <v>2119500</v>
      </c>
      <c r="H33859" s="8">
        <v>890190</v>
      </c>
      <c r="I33859" s="8">
        <v>1271700</v>
      </c>
      <c r="J33859" s="8">
        <v>847800</v>
      </c>
      <c r="K33859" s="9"/>
      <c r="L33859" s="6"/>
    </row>
    <row r="33860" spans="1:12">
      <c r="A33860" s="6" t="s">
        <v>34067</v>
      </c>
      <c r="B33860" s="6"/>
      <c r="C33860" s="6" t="s">
        <v>32230</v>
      </c>
      <c r="D33860" s="6"/>
      <c r="E33860" s="6" t="s">
        <v>9</v>
      </c>
      <c r="F33860" s="7">
        <v>39169</v>
      </c>
      <c r="G33860" s="8">
        <v>19934100</v>
      </c>
      <c r="H33860" s="8">
        <v>14352552</v>
      </c>
      <c r="I33860" s="8">
        <v>5980230</v>
      </c>
      <c r="J33860" s="8">
        <v>13953870</v>
      </c>
      <c r="K33860" s="9"/>
      <c r="L33860" s="6"/>
    </row>
    <row r="33861" spans="1:12">
      <c r="A33861" s="6" t="s">
        <v>34067</v>
      </c>
      <c r="B33861" s="6"/>
      <c r="C33861" s="6" t="s">
        <v>32230</v>
      </c>
      <c r="D33861" s="6"/>
      <c r="E33861" s="6"/>
      <c r="F33861" s="7">
        <v>42826</v>
      </c>
      <c r="G33861" s="8">
        <v>178200</v>
      </c>
      <c r="H33861" s="8">
        <v>167508</v>
      </c>
      <c r="I33861" s="8">
        <v>14256</v>
      </c>
      <c r="J33861" s="8">
        <v>163944</v>
      </c>
      <c r="K33861" s="9"/>
      <c r="L33861" s="6"/>
    </row>
    <row r="33862" spans="1:12">
      <c r="A33862" s="6" t="s">
        <v>34068</v>
      </c>
      <c r="B33862" s="6"/>
      <c r="C33862" s="6" t="s">
        <v>32230</v>
      </c>
      <c r="D33862" s="6"/>
      <c r="E33862" s="6" t="s">
        <v>9</v>
      </c>
      <c r="F33862" s="7">
        <v>33684</v>
      </c>
      <c r="G33862" s="8">
        <v>2208600</v>
      </c>
      <c r="H33862" s="8">
        <v>927612</v>
      </c>
      <c r="I33862" s="8">
        <v>1325160</v>
      </c>
      <c r="J33862" s="8">
        <v>883440</v>
      </c>
      <c r="K33862" s="9"/>
      <c r="L33862" s="6"/>
    </row>
    <row r="33863" spans="1:12">
      <c r="A33863" s="6" t="s">
        <v>34069</v>
      </c>
      <c r="B33863" s="6"/>
      <c r="C33863" s="6" t="s">
        <v>32230</v>
      </c>
      <c r="D33863" s="6"/>
      <c r="E33863" s="6" t="s">
        <v>9</v>
      </c>
      <c r="F33863" s="7">
        <v>33684</v>
      </c>
      <c r="G33863" s="8">
        <v>1433700</v>
      </c>
      <c r="H33863" s="8">
        <v>602154</v>
      </c>
      <c r="I33863" s="8">
        <v>860220</v>
      </c>
      <c r="J33863" s="8">
        <v>573480</v>
      </c>
      <c r="K33863" s="9"/>
      <c r="L33863" s="6"/>
    </row>
    <row r="33864" spans="1:12">
      <c r="A33864" s="6" t="s">
        <v>34070</v>
      </c>
      <c r="B33864" s="6"/>
      <c r="C33864" s="6" t="s">
        <v>32230</v>
      </c>
      <c r="D33864" s="6"/>
      <c r="E33864" s="6" t="s">
        <v>9</v>
      </c>
      <c r="F33864" s="7">
        <v>29305</v>
      </c>
      <c r="G33864" s="8">
        <v>18265500</v>
      </c>
      <c r="H33864" s="8">
        <v>3287790</v>
      </c>
      <c r="I33864" s="8">
        <v>15343020</v>
      </c>
      <c r="J33864" s="8">
        <v>2922480</v>
      </c>
      <c r="K33864" s="9"/>
      <c r="L33864" s="6"/>
    </row>
    <row r="33865" spans="1:12">
      <c r="A33865" s="6" t="s">
        <v>34071</v>
      </c>
      <c r="B33865" s="6"/>
      <c r="C33865" s="6" t="s">
        <v>32230</v>
      </c>
      <c r="D33865" s="6"/>
      <c r="E33865" s="6" t="s">
        <v>9</v>
      </c>
      <c r="F33865" s="7">
        <v>33684</v>
      </c>
      <c r="G33865" s="8">
        <v>37017000</v>
      </c>
      <c r="H33865" s="8">
        <v>15547140</v>
      </c>
      <c r="I33865" s="8">
        <v>22210200</v>
      </c>
      <c r="J33865" s="8">
        <v>14806800</v>
      </c>
      <c r="K33865" s="9"/>
      <c r="L33865" s="6"/>
    </row>
    <row r="33866" spans="1:12">
      <c r="A33866" s="6" t="s">
        <v>34071</v>
      </c>
      <c r="B33866" s="6"/>
      <c r="C33866" s="6" t="s">
        <v>32230</v>
      </c>
      <c r="D33866" s="6"/>
      <c r="E33866" s="6"/>
      <c r="F33866" s="7">
        <v>43556</v>
      </c>
      <c r="G33866" s="8">
        <v>732240</v>
      </c>
      <c r="H33866" s="8">
        <v>717596</v>
      </c>
      <c r="I33866" s="8">
        <v>29288</v>
      </c>
      <c r="J33866" s="8">
        <v>702952</v>
      </c>
      <c r="K33866" s="9"/>
      <c r="L33866" s="6"/>
    </row>
    <row r="33867" spans="1:12">
      <c r="A33867" s="6" t="s">
        <v>34072</v>
      </c>
      <c r="B33867" s="6"/>
      <c r="C33867" s="6" t="s">
        <v>32230</v>
      </c>
      <c r="D33867" s="6"/>
      <c r="E33867" s="6" t="s">
        <v>9</v>
      </c>
      <c r="F33867" s="7">
        <v>29305</v>
      </c>
      <c r="G33867" s="8">
        <v>6358500</v>
      </c>
      <c r="H33867" s="8">
        <v>1144530</v>
      </c>
      <c r="I33867" s="8">
        <v>5341140</v>
      </c>
      <c r="J33867" s="8">
        <v>1017360</v>
      </c>
      <c r="K33867" s="9"/>
      <c r="L33867" s="6"/>
    </row>
    <row r="33868" spans="1:12">
      <c r="A33868" s="6" t="s">
        <v>34073</v>
      </c>
      <c r="B33868" s="6"/>
      <c r="C33868" s="6" t="s">
        <v>32230</v>
      </c>
      <c r="D33868" s="6"/>
      <c r="E33868" s="6" t="s">
        <v>9</v>
      </c>
      <c r="F33868" s="7">
        <v>29305</v>
      </c>
      <c r="G33868" s="8">
        <v>7411500</v>
      </c>
      <c r="H33868" s="8">
        <v>1334070</v>
      </c>
      <c r="I33868" s="8">
        <v>6225660</v>
      </c>
      <c r="J33868" s="8">
        <v>1185840</v>
      </c>
      <c r="K33868" s="9"/>
      <c r="L33868" s="6"/>
    </row>
    <row r="33869" spans="1:12">
      <c r="A33869" s="6" t="s">
        <v>34074</v>
      </c>
      <c r="B33869" s="6"/>
      <c r="C33869" s="6" t="s">
        <v>32230</v>
      </c>
      <c r="D33869" s="6"/>
      <c r="E33869" s="6" t="s">
        <v>9</v>
      </c>
      <c r="F33869" s="7">
        <v>33592</v>
      </c>
      <c r="G33869" s="8">
        <v>22153500</v>
      </c>
      <c r="H33869" s="8">
        <v>9304470</v>
      </c>
      <c r="I33869" s="8">
        <v>13292100</v>
      </c>
      <c r="J33869" s="8">
        <v>8861400</v>
      </c>
      <c r="K33869" s="9"/>
      <c r="L33869" s="6"/>
    </row>
    <row r="33870" spans="1:12">
      <c r="A33870" s="6" t="s">
        <v>34075</v>
      </c>
      <c r="B33870" s="6"/>
      <c r="C33870" s="6" t="s">
        <v>32230</v>
      </c>
      <c r="D33870" s="6"/>
      <c r="E33870" s="6" t="s">
        <v>9</v>
      </c>
      <c r="F33870" s="7">
        <v>33684</v>
      </c>
      <c r="G33870" s="8">
        <v>17366400</v>
      </c>
      <c r="H33870" s="8">
        <v>7293888</v>
      </c>
      <c r="I33870" s="8">
        <v>10419840</v>
      </c>
      <c r="J33870" s="8">
        <v>6946560</v>
      </c>
      <c r="K33870" s="9"/>
      <c r="L33870" s="6"/>
    </row>
    <row r="33871" spans="1:12">
      <c r="A33871" s="6" t="s">
        <v>34076</v>
      </c>
      <c r="B33871" s="6"/>
      <c r="C33871" s="6" t="s">
        <v>32230</v>
      </c>
      <c r="D33871" s="6"/>
      <c r="E33871" s="6" t="s">
        <v>9</v>
      </c>
      <c r="F33871" s="7">
        <v>33684</v>
      </c>
      <c r="G33871" s="8">
        <v>634600</v>
      </c>
      <c r="H33871" s="8">
        <v>266532</v>
      </c>
      <c r="I33871" s="8">
        <v>380760</v>
      </c>
      <c r="J33871" s="8">
        <v>253840</v>
      </c>
      <c r="K33871" s="9"/>
      <c r="L33871" s="6"/>
    </row>
    <row r="33872" spans="1:12">
      <c r="A33872" s="6" t="s">
        <v>34077</v>
      </c>
      <c r="B33872" s="6"/>
      <c r="C33872" s="6" t="s">
        <v>32230</v>
      </c>
      <c r="D33872" s="6"/>
      <c r="E33872" s="6" t="s">
        <v>9</v>
      </c>
      <c r="F33872" s="7">
        <v>29305</v>
      </c>
      <c r="G33872" s="8">
        <v>23287500</v>
      </c>
      <c r="H33872" s="8">
        <v>4191750</v>
      </c>
      <c r="I33872" s="8">
        <v>19561500</v>
      </c>
      <c r="J33872" s="8">
        <v>3726000</v>
      </c>
      <c r="K33872" s="9"/>
      <c r="L33872" s="6"/>
    </row>
    <row r="33873" spans="1:12">
      <c r="A33873" s="6" t="s">
        <v>34078</v>
      </c>
      <c r="B33873" s="6"/>
      <c r="C33873" s="6" t="s">
        <v>32230</v>
      </c>
      <c r="D33873" s="6"/>
      <c r="E33873" s="6" t="s">
        <v>9</v>
      </c>
      <c r="F33873" s="7">
        <v>29305</v>
      </c>
      <c r="G33873" s="8">
        <v>14580000</v>
      </c>
      <c r="H33873" s="8">
        <v>2624400</v>
      </c>
      <c r="I33873" s="8">
        <v>12247200</v>
      </c>
      <c r="J33873" s="8">
        <v>2332800</v>
      </c>
      <c r="K33873" s="9"/>
      <c r="L33873" s="6"/>
    </row>
    <row r="33874" spans="1:12">
      <c r="A33874" s="6" t="s">
        <v>34079</v>
      </c>
      <c r="B33874" s="6"/>
      <c r="C33874" s="6" t="s">
        <v>32230</v>
      </c>
      <c r="D33874" s="6"/>
      <c r="E33874" s="6" t="s">
        <v>9</v>
      </c>
      <c r="F33874" s="7">
        <v>33684</v>
      </c>
      <c r="G33874" s="8">
        <v>5297400</v>
      </c>
      <c r="H33874" s="8">
        <v>2224908</v>
      </c>
      <c r="I33874" s="8">
        <v>3178440</v>
      </c>
      <c r="J33874" s="8">
        <v>2118960</v>
      </c>
      <c r="K33874" s="9"/>
      <c r="L33874" s="6"/>
    </row>
    <row r="33875" spans="1:12">
      <c r="A33875" s="6" t="s">
        <v>34080</v>
      </c>
      <c r="B33875" s="6"/>
      <c r="C33875" s="6" t="s">
        <v>32230</v>
      </c>
      <c r="D33875" s="6"/>
      <c r="E33875" s="6" t="s">
        <v>9</v>
      </c>
      <c r="F33875" s="7">
        <v>33684</v>
      </c>
      <c r="G33875" s="8">
        <v>39463200</v>
      </c>
      <c r="H33875" s="8">
        <v>16574544</v>
      </c>
      <c r="I33875" s="8">
        <v>23677920</v>
      </c>
      <c r="J33875" s="8">
        <v>15785280</v>
      </c>
      <c r="K33875" s="9"/>
      <c r="L33875" s="6"/>
    </row>
    <row r="33876" spans="1:12">
      <c r="A33876" s="6" t="s">
        <v>34081</v>
      </c>
      <c r="B33876" s="6"/>
      <c r="C33876" s="6" t="s">
        <v>32230</v>
      </c>
      <c r="D33876" s="6"/>
      <c r="E33876" s="6" t="s">
        <v>9</v>
      </c>
      <c r="F33876" s="7">
        <v>33684</v>
      </c>
      <c r="G33876" s="8">
        <v>24186600</v>
      </c>
      <c r="H33876" s="8">
        <v>10158372</v>
      </c>
      <c r="I33876" s="8">
        <v>14511960</v>
      </c>
      <c r="J33876" s="8">
        <v>9674640</v>
      </c>
      <c r="K33876" s="9"/>
      <c r="L33876" s="6"/>
    </row>
    <row r="33877" spans="1:12">
      <c r="A33877" s="6" t="s">
        <v>34081</v>
      </c>
      <c r="B33877" s="6"/>
      <c r="C33877" s="6" t="s">
        <v>32230</v>
      </c>
      <c r="D33877" s="6"/>
      <c r="E33877" s="6"/>
      <c r="F33877" s="7">
        <v>43922</v>
      </c>
      <c r="G33877" s="8">
        <v>10472000</v>
      </c>
      <c r="H33877" s="8">
        <v>10472000</v>
      </c>
      <c r="I33877" s="8">
        <v>209440</v>
      </c>
      <c r="J33877" s="8">
        <v>10262560</v>
      </c>
      <c r="K33877" s="9"/>
      <c r="L33877" s="6"/>
    </row>
    <row r="33878" spans="1:12">
      <c r="A33878" s="6" t="s">
        <v>34082</v>
      </c>
      <c r="B33878" s="6"/>
      <c r="C33878" s="6" t="s">
        <v>32230</v>
      </c>
      <c r="D33878" s="6"/>
      <c r="E33878" s="6" t="s">
        <v>9</v>
      </c>
      <c r="F33878" s="7">
        <v>24198</v>
      </c>
      <c r="G33878" s="8">
        <v>28501200</v>
      </c>
      <c r="H33878" s="8">
        <v>1</v>
      </c>
      <c r="I33878" s="8">
        <v>28501199</v>
      </c>
      <c r="J33878" s="8">
        <v>1</v>
      </c>
      <c r="K33878" s="9"/>
      <c r="L33878" s="6"/>
    </row>
    <row r="33879" spans="1:12">
      <c r="A33879" s="6" t="s">
        <v>34083</v>
      </c>
      <c r="B33879" s="6"/>
      <c r="C33879" s="6" t="s">
        <v>32230</v>
      </c>
      <c r="D33879" s="6"/>
      <c r="E33879" s="6" t="s">
        <v>9</v>
      </c>
      <c r="F33879" s="7">
        <v>33684</v>
      </c>
      <c r="G33879" s="8">
        <v>17471700</v>
      </c>
      <c r="H33879" s="8">
        <v>7338114</v>
      </c>
      <c r="I33879" s="8">
        <v>10483020</v>
      </c>
      <c r="J33879" s="8">
        <v>6988680</v>
      </c>
      <c r="K33879" s="9"/>
      <c r="L33879" s="6"/>
    </row>
    <row r="33880" spans="1:12">
      <c r="A33880" s="6" t="s">
        <v>34084</v>
      </c>
      <c r="B33880" s="6"/>
      <c r="C33880" s="6" t="s">
        <v>32230</v>
      </c>
      <c r="D33880" s="6"/>
      <c r="E33880" s="6" t="s">
        <v>9</v>
      </c>
      <c r="F33880" s="7">
        <v>33684</v>
      </c>
      <c r="G33880" s="8">
        <v>5815800</v>
      </c>
      <c r="H33880" s="8">
        <v>2442636</v>
      </c>
      <c r="I33880" s="8">
        <v>3489480</v>
      </c>
      <c r="J33880" s="8">
        <v>2326320</v>
      </c>
      <c r="K33880" s="9"/>
      <c r="L33880" s="6"/>
    </row>
    <row r="33881" spans="1:12">
      <c r="A33881" s="6" t="s">
        <v>34085</v>
      </c>
      <c r="B33881" s="6"/>
      <c r="C33881" s="6" t="s">
        <v>32230</v>
      </c>
      <c r="D33881" s="6"/>
      <c r="E33881" s="6" t="s">
        <v>9</v>
      </c>
      <c r="F33881" s="7">
        <v>33684</v>
      </c>
      <c r="G33881" s="8">
        <v>3927300</v>
      </c>
      <c r="H33881" s="8">
        <v>1649466</v>
      </c>
      <c r="I33881" s="8">
        <v>2356380</v>
      </c>
      <c r="J33881" s="8">
        <v>1570920</v>
      </c>
      <c r="K33881" s="9"/>
      <c r="L33881" s="6"/>
    </row>
    <row r="33882" spans="1:12">
      <c r="A33882" s="6" t="s">
        <v>33185</v>
      </c>
      <c r="B33882" s="6"/>
      <c r="C33882" s="6" t="s">
        <v>32230</v>
      </c>
      <c r="D33882" s="6"/>
      <c r="E33882" s="6" t="s">
        <v>9</v>
      </c>
      <c r="F33882" s="7">
        <v>24929</v>
      </c>
      <c r="G33882" s="8">
        <v>9555000</v>
      </c>
      <c r="H33882" s="8">
        <v>1108380</v>
      </c>
      <c r="I33882" s="8">
        <v>8609055</v>
      </c>
      <c r="J33882" s="8">
        <v>945945</v>
      </c>
      <c r="K33882" s="9"/>
      <c r="L33882" s="6"/>
    </row>
    <row r="33883" spans="1:12">
      <c r="A33883" s="6" t="s">
        <v>33185</v>
      </c>
      <c r="B33883" s="6"/>
      <c r="C33883" s="6" t="s">
        <v>32230</v>
      </c>
      <c r="D33883" s="6"/>
      <c r="E33883" s="6" t="s">
        <v>9</v>
      </c>
      <c r="F33883" s="7">
        <v>24929</v>
      </c>
      <c r="G33883" s="8">
        <v>5896800</v>
      </c>
      <c r="H33883" s="8">
        <v>684060</v>
      </c>
      <c r="I33883" s="8">
        <v>5312985</v>
      </c>
      <c r="J33883" s="8">
        <v>583815</v>
      </c>
      <c r="K33883" s="9"/>
      <c r="L33883" s="6"/>
    </row>
    <row r="33884" spans="1:12">
      <c r="A33884" s="6" t="s">
        <v>34086</v>
      </c>
      <c r="B33884" s="6"/>
      <c r="C33884" s="6" t="s">
        <v>32230</v>
      </c>
      <c r="D33884" s="6"/>
      <c r="E33884" s="6" t="s">
        <v>9</v>
      </c>
      <c r="F33884" s="7">
        <v>42197</v>
      </c>
      <c r="G33884" s="8">
        <v>1080000</v>
      </c>
      <c r="H33884" s="8">
        <v>972000</v>
      </c>
      <c r="I33884" s="8">
        <v>129600</v>
      </c>
      <c r="J33884" s="8">
        <v>950400</v>
      </c>
      <c r="K33884" s="9"/>
      <c r="L33884" s="6"/>
    </row>
    <row r="33885" spans="1:12">
      <c r="A33885" s="6" t="s">
        <v>34087</v>
      </c>
      <c r="B33885" s="6"/>
      <c r="C33885" s="6" t="s">
        <v>32230</v>
      </c>
      <c r="D33885" s="6"/>
      <c r="E33885" s="6" t="s">
        <v>9</v>
      </c>
      <c r="F33885" s="7">
        <v>42755</v>
      </c>
      <c r="G33885" s="8">
        <v>1058400</v>
      </c>
      <c r="H33885" s="8">
        <v>973728</v>
      </c>
      <c r="I33885" s="8">
        <v>105840</v>
      </c>
      <c r="J33885" s="8">
        <v>952560</v>
      </c>
      <c r="K33885" s="9"/>
      <c r="L33885" s="6"/>
    </row>
    <row r="33886" spans="1:12">
      <c r="A33886" s="6" t="s">
        <v>34088</v>
      </c>
      <c r="B33886" s="6"/>
      <c r="C33886" s="6" t="s">
        <v>32230</v>
      </c>
      <c r="D33886" s="6"/>
      <c r="E33886" s="6" t="s">
        <v>9</v>
      </c>
      <c r="F33886" s="7">
        <v>33684</v>
      </c>
      <c r="G33886" s="8">
        <v>2910600</v>
      </c>
      <c r="H33886" s="8">
        <v>1222452</v>
      </c>
      <c r="I33886" s="8">
        <v>1746360</v>
      </c>
      <c r="J33886" s="8">
        <v>1164240</v>
      </c>
      <c r="K33886" s="9"/>
      <c r="L33886" s="6"/>
    </row>
    <row r="33887" spans="1:12">
      <c r="A33887" s="6" t="s">
        <v>34089</v>
      </c>
      <c r="B33887" s="6"/>
      <c r="C33887" s="6" t="s">
        <v>32230</v>
      </c>
      <c r="D33887" s="6"/>
      <c r="E33887" s="6" t="s">
        <v>9</v>
      </c>
      <c r="F33887" s="7">
        <v>33684</v>
      </c>
      <c r="G33887" s="8">
        <v>8043300</v>
      </c>
      <c r="H33887" s="8">
        <v>3378186</v>
      </c>
      <c r="I33887" s="8">
        <v>4825980</v>
      </c>
      <c r="J33887" s="8">
        <v>3217320</v>
      </c>
      <c r="K33887" s="9"/>
      <c r="L33887" s="6"/>
    </row>
    <row r="33888" spans="1:12">
      <c r="A33888" s="6" t="s">
        <v>34090</v>
      </c>
      <c r="B33888" s="6"/>
      <c r="C33888" s="6" t="s">
        <v>32230</v>
      </c>
      <c r="D33888" s="6"/>
      <c r="E33888" s="6" t="s">
        <v>9</v>
      </c>
      <c r="F33888" s="7">
        <v>33684</v>
      </c>
      <c r="G33888" s="8">
        <v>5435100</v>
      </c>
      <c r="H33888" s="8">
        <v>2282742</v>
      </c>
      <c r="I33888" s="8">
        <v>3261060</v>
      </c>
      <c r="J33888" s="8">
        <v>2174040</v>
      </c>
      <c r="K33888" s="9"/>
      <c r="L33888" s="6"/>
    </row>
    <row r="33889" spans="1:12">
      <c r="A33889" s="6" t="s">
        <v>34091</v>
      </c>
      <c r="B33889" s="6"/>
      <c r="C33889" s="6" t="s">
        <v>32230</v>
      </c>
      <c r="D33889" s="6"/>
      <c r="E33889" s="6" t="s">
        <v>9</v>
      </c>
      <c r="F33889" s="7">
        <v>33684</v>
      </c>
      <c r="G33889" s="8">
        <v>1701000</v>
      </c>
      <c r="H33889" s="8">
        <v>714420</v>
      </c>
      <c r="I33889" s="8">
        <v>1020600</v>
      </c>
      <c r="J33889" s="8">
        <v>680400</v>
      </c>
      <c r="K33889" s="9"/>
      <c r="L33889" s="6"/>
    </row>
    <row r="33890" spans="1:12">
      <c r="A33890" s="6" t="s">
        <v>34092</v>
      </c>
      <c r="B33890" s="6"/>
      <c r="C33890" s="6" t="s">
        <v>32230</v>
      </c>
      <c r="D33890" s="6"/>
      <c r="E33890" s="6" t="s">
        <v>9</v>
      </c>
      <c r="F33890" s="7">
        <v>33684</v>
      </c>
      <c r="G33890" s="8">
        <v>1382400</v>
      </c>
      <c r="H33890" s="8">
        <v>580608</v>
      </c>
      <c r="I33890" s="8">
        <v>829440</v>
      </c>
      <c r="J33890" s="8">
        <v>552960</v>
      </c>
      <c r="K33890" s="9"/>
      <c r="L33890" s="6"/>
    </row>
    <row r="33891" spans="1:12">
      <c r="A33891" s="6" t="s">
        <v>34093</v>
      </c>
      <c r="B33891" s="6"/>
      <c r="C33891" s="6" t="s">
        <v>32230</v>
      </c>
      <c r="D33891" s="6"/>
      <c r="E33891" s="6" t="s">
        <v>9</v>
      </c>
      <c r="F33891" s="7">
        <v>33684</v>
      </c>
      <c r="G33891" s="8">
        <v>1037400</v>
      </c>
      <c r="H33891" s="8">
        <v>435708</v>
      </c>
      <c r="I33891" s="8">
        <v>622440</v>
      </c>
      <c r="J33891" s="8">
        <v>414960</v>
      </c>
      <c r="K33891" s="9"/>
      <c r="L33891" s="6"/>
    </row>
    <row r="33892" spans="1:12">
      <c r="A33892" s="6" t="s">
        <v>34094</v>
      </c>
      <c r="B33892" s="6"/>
      <c r="C33892" s="6" t="s">
        <v>32230</v>
      </c>
      <c r="D33892" s="6"/>
      <c r="E33892" s="6" t="s">
        <v>9</v>
      </c>
      <c r="F33892" s="7">
        <v>39169</v>
      </c>
      <c r="G33892" s="8">
        <v>5456700</v>
      </c>
      <c r="H33892" s="8">
        <v>3928824</v>
      </c>
      <c r="I33892" s="8">
        <v>1637010</v>
      </c>
      <c r="J33892" s="8">
        <v>3819690</v>
      </c>
      <c r="K33892" s="9"/>
      <c r="L33892" s="6"/>
    </row>
    <row r="33893" spans="1:12">
      <c r="A33893" s="6" t="s">
        <v>34095</v>
      </c>
      <c r="B33893" s="6"/>
      <c r="C33893" s="6" t="s">
        <v>32230</v>
      </c>
      <c r="D33893" s="6"/>
      <c r="E33893" s="6" t="s">
        <v>9</v>
      </c>
      <c r="F33893" s="7">
        <v>33684</v>
      </c>
      <c r="G33893" s="8">
        <v>17350200</v>
      </c>
      <c r="H33893" s="8">
        <v>7287084</v>
      </c>
      <c r="I33893" s="8">
        <v>10410120</v>
      </c>
      <c r="J33893" s="8">
        <v>6940080</v>
      </c>
      <c r="K33893" s="9"/>
      <c r="L33893" s="6"/>
    </row>
    <row r="33894" spans="1:12">
      <c r="A33894" s="6" t="s">
        <v>34096</v>
      </c>
      <c r="B33894" s="6"/>
      <c r="C33894" s="6" t="s">
        <v>32230</v>
      </c>
      <c r="D33894" s="6"/>
      <c r="E33894" s="6" t="s">
        <v>9</v>
      </c>
      <c r="F33894" s="7">
        <v>33684</v>
      </c>
      <c r="G33894" s="8">
        <v>32019300</v>
      </c>
      <c r="H33894" s="8">
        <v>13448106</v>
      </c>
      <c r="I33894" s="8">
        <v>19211580</v>
      </c>
      <c r="J33894" s="8">
        <v>12807720</v>
      </c>
      <c r="K33894" s="9"/>
      <c r="L33894" s="6"/>
    </row>
    <row r="33895" spans="1:12">
      <c r="A33895" s="6" t="s">
        <v>34097</v>
      </c>
      <c r="B33895" s="6"/>
      <c r="C33895" s="6" t="s">
        <v>32230</v>
      </c>
      <c r="D33895" s="6"/>
      <c r="E33895" s="6" t="s">
        <v>9</v>
      </c>
      <c r="F33895" s="7">
        <v>33684</v>
      </c>
      <c r="G33895" s="8">
        <v>75379200</v>
      </c>
      <c r="H33895" s="8">
        <v>31659264</v>
      </c>
      <c r="I33895" s="8">
        <v>45227520</v>
      </c>
      <c r="J33895" s="8">
        <v>30151680</v>
      </c>
      <c r="K33895" s="9"/>
      <c r="L33895" s="6"/>
    </row>
    <row r="33896" spans="1:12">
      <c r="A33896" s="6" t="s">
        <v>33185</v>
      </c>
      <c r="B33896" s="6"/>
      <c r="C33896" s="6" t="s">
        <v>32230</v>
      </c>
      <c r="D33896" s="6"/>
      <c r="E33896" s="6" t="s">
        <v>9</v>
      </c>
      <c r="F33896" s="7"/>
      <c r="G33896" s="8">
        <v>1</v>
      </c>
      <c r="H33896" s="8">
        <v>1</v>
      </c>
      <c r="I33896" s="8">
        <v>0</v>
      </c>
      <c r="J33896" s="8">
        <v>1</v>
      </c>
      <c r="K33896" s="9"/>
      <c r="L33896" s="6"/>
    </row>
    <row r="33897" spans="1:12">
      <c r="A33897" s="6" t="s">
        <v>34098</v>
      </c>
      <c r="B33897" s="6"/>
      <c r="C33897" s="6" t="s">
        <v>32230</v>
      </c>
      <c r="D33897" s="6"/>
      <c r="E33897" s="6" t="s">
        <v>9</v>
      </c>
      <c r="F33897" s="7">
        <v>33684</v>
      </c>
      <c r="G33897" s="8">
        <v>91311300</v>
      </c>
      <c r="H33897" s="8">
        <v>38350746</v>
      </c>
      <c r="I33897" s="8">
        <v>54786780</v>
      </c>
      <c r="J33897" s="8">
        <v>36524520</v>
      </c>
      <c r="K33897" s="9"/>
      <c r="L33897" s="6"/>
    </row>
    <row r="33898" spans="1:12">
      <c r="A33898" s="6" t="s">
        <v>34098</v>
      </c>
      <c r="B33898" s="6"/>
      <c r="C33898" s="6" t="s">
        <v>32230</v>
      </c>
      <c r="D33898" s="6"/>
      <c r="E33898" s="6"/>
      <c r="F33898" s="7">
        <v>43556</v>
      </c>
      <c r="G33898" s="8">
        <v>844800</v>
      </c>
      <c r="H33898" s="8">
        <v>827904</v>
      </c>
      <c r="I33898" s="8">
        <v>33792</v>
      </c>
      <c r="J33898" s="8">
        <v>811008</v>
      </c>
      <c r="K33898" s="9"/>
      <c r="L33898" s="6"/>
    </row>
    <row r="33899" spans="1:12">
      <c r="A33899" s="6" t="s">
        <v>34099</v>
      </c>
      <c r="B33899" s="6"/>
      <c r="C33899" s="6" t="s">
        <v>32230</v>
      </c>
      <c r="D33899" s="6"/>
      <c r="E33899" s="6" t="s">
        <v>9</v>
      </c>
      <c r="F33899" s="7">
        <v>33684</v>
      </c>
      <c r="G33899" s="8">
        <v>65577600</v>
      </c>
      <c r="H33899" s="8">
        <v>27542592</v>
      </c>
      <c r="I33899" s="8">
        <v>39346560</v>
      </c>
      <c r="J33899" s="8">
        <v>26231040</v>
      </c>
      <c r="K33899" s="9"/>
      <c r="L33899" s="6"/>
    </row>
    <row r="33900" spans="1:12">
      <c r="A33900" s="6" t="s">
        <v>34100</v>
      </c>
      <c r="B33900" s="6"/>
      <c r="C33900" s="6" t="s">
        <v>32230</v>
      </c>
      <c r="D33900" s="6"/>
      <c r="E33900" s="6" t="s">
        <v>9</v>
      </c>
      <c r="F33900" s="7">
        <v>33684</v>
      </c>
      <c r="G33900" s="8">
        <v>56870100</v>
      </c>
      <c r="H33900" s="8">
        <v>23885442</v>
      </c>
      <c r="I33900" s="8">
        <v>34122060</v>
      </c>
      <c r="J33900" s="8">
        <v>22748040</v>
      </c>
      <c r="K33900" s="9"/>
      <c r="L33900" s="6"/>
    </row>
    <row r="33901" spans="1:12">
      <c r="A33901" s="6" t="s">
        <v>34101</v>
      </c>
      <c r="B33901" s="6"/>
      <c r="C33901" s="6" t="s">
        <v>32230</v>
      </c>
      <c r="D33901" s="6"/>
      <c r="E33901" s="6" t="s">
        <v>9</v>
      </c>
      <c r="F33901" s="7">
        <v>33684</v>
      </c>
      <c r="G33901" s="8">
        <v>8901900</v>
      </c>
      <c r="H33901" s="8">
        <v>3738798</v>
      </c>
      <c r="I33901" s="8">
        <v>5341140</v>
      </c>
      <c r="J33901" s="8">
        <v>3560760</v>
      </c>
      <c r="K33901" s="9"/>
      <c r="L33901" s="6"/>
    </row>
    <row r="33902" spans="1:12">
      <c r="A33902" s="6" t="s">
        <v>33185</v>
      </c>
      <c r="B33902" s="6"/>
      <c r="C33902" s="6" t="s">
        <v>32230</v>
      </c>
      <c r="D33902" s="6"/>
      <c r="E33902" s="6" t="s">
        <v>9</v>
      </c>
      <c r="F33902" s="7">
        <v>24929</v>
      </c>
      <c r="G33902" s="8">
        <v>10483200</v>
      </c>
      <c r="H33902" s="8">
        <v>1216072</v>
      </c>
      <c r="I33902" s="8">
        <v>9445342</v>
      </c>
      <c r="J33902" s="8">
        <v>1037858</v>
      </c>
      <c r="K33902" s="9"/>
      <c r="L33902" s="6"/>
    </row>
    <row r="33903" spans="1:12">
      <c r="A33903" s="6" t="s">
        <v>34102</v>
      </c>
      <c r="B33903" s="6"/>
      <c r="C33903" s="6" t="s">
        <v>32230</v>
      </c>
      <c r="D33903" s="6"/>
      <c r="E33903" s="6" t="s">
        <v>9</v>
      </c>
      <c r="F33903" s="7">
        <v>33684</v>
      </c>
      <c r="G33903" s="8">
        <v>11658600</v>
      </c>
      <c r="H33903" s="8">
        <v>4896612</v>
      </c>
      <c r="I33903" s="8">
        <v>6995160</v>
      </c>
      <c r="J33903" s="8">
        <v>4663440</v>
      </c>
      <c r="K33903" s="9"/>
      <c r="L33903" s="6"/>
    </row>
    <row r="33904" spans="1:12">
      <c r="A33904" s="6" t="s">
        <v>34103</v>
      </c>
      <c r="B33904" s="6"/>
      <c r="C33904" s="6" t="s">
        <v>32230</v>
      </c>
      <c r="D33904" s="6"/>
      <c r="E33904" s="6" t="s">
        <v>9</v>
      </c>
      <c r="F33904" s="7">
        <v>33592</v>
      </c>
      <c r="G33904" s="8">
        <v>23085000</v>
      </c>
      <c r="H33904" s="8">
        <v>9695700</v>
      </c>
      <c r="I33904" s="8">
        <v>13851000</v>
      </c>
      <c r="J33904" s="8">
        <v>9234000</v>
      </c>
      <c r="K33904" s="9"/>
      <c r="L33904" s="6"/>
    </row>
    <row r="33905" spans="1:12">
      <c r="A33905" s="6" t="s">
        <v>34104</v>
      </c>
      <c r="B33905" s="6"/>
      <c r="C33905" s="6" t="s">
        <v>32230</v>
      </c>
      <c r="D33905" s="6"/>
      <c r="E33905" s="6" t="s">
        <v>9</v>
      </c>
      <c r="F33905" s="7">
        <v>33248</v>
      </c>
      <c r="G33905" s="8">
        <v>14088600</v>
      </c>
      <c r="H33905" s="8">
        <v>5635440</v>
      </c>
      <c r="I33905" s="8">
        <v>8734932</v>
      </c>
      <c r="J33905" s="8">
        <v>5353668</v>
      </c>
      <c r="K33905" s="9"/>
      <c r="L33905" s="6"/>
    </row>
    <row r="33906" spans="1:12">
      <c r="A33906" s="6" t="s">
        <v>34105</v>
      </c>
      <c r="B33906" s="6"/>
      <c r="C33906" s="6" t="s">
        <v>32230</v>
      </c>
      <c r="D33906" s="6"/>
      <c r="E33906" s="6" t="s">
        <v>9</v>
      </c>
      <c r="F33906" s="7">
        <v>30406</v>
      </c>
      <c r="G33906" s="8">
        <v>4168800</v>
      </c>
      <c r="H33906" s="8">
        <v>1000512</v>
      </c>
      <c r="I33906" s="8">
        <v>3251664</v>
      </c>
      <c r="J33906" s="8">
        <v>917136</v>
      </c>
      <c r="K33906" s="9"/>
      <c r="L33906" s="6"/>
    </row>
    <row r="33907" spans="1:12">
      <c r="A33907" s="6" t="s">
        <v>34106</v>
      </c>
      <c r="B33907" s="6"/>
      <c r="C33907" s="6" t="s">
        <v>32230</v>
      </c>
      <c r="D33907" s="6"/>
      <c r="E33907" s="6" t="s">
        <v>9</v>
      </c>
      <c r="F33907" s="7">
        <v>30406</v>
      </c>
      <c r="G33907" s="8">
        <v>9088200</v>
      </c>
      <c r="H33907" s="8">
        <v>2181168</v>
      </c>
      <c r="I33907" s="8">
        <v>7088796</v>
      </c>
      <c r="J33907" s="8">
        <v>1999404</v>
      </c>
      <c r="K33907" s="9"/>
      <c r="L33907" s="6"/>
    </row>
    <row r="33908" spans="1:12">
      <c r="A33908" s="6" t="s">
        <v>34107</v>
      </c>
      <c r="B33908" s="6"/>
      <c r="C33908" s="6" t="s">
        <v>32230</v>
      </c>
      <c r="D33908" s="6"/>
      <c r="E33908" s="6" t="s">
        <v>9</v>
      </c>
      <c r="F33908" s="7">
        <v>30406</v>
      </c>
      <c r="G33908" s="8">
        <v>4411800</v>
      </c>
      <c r="H33908" s="8">
        <v>1058832</v>
      </c>
      <c r="I33908" s="8">
        <v>3441204</v>
      </c>
      <c r="J33908" s="8">
        <v>970596</v>
      </c>
      <c r="K33908" s="9"/>
      <c r="L33908" s="6"/>
    </row>
    <row r="33909" spans="1:12">
      <c r="A33909" s="6" t="s">
        <v>34108</v>
      </c>
      <c r="B33909" s="6"/>
      <c r="C33909" s="6" t="s">
        <v>32230</v>
      </c>
      <c r="D33909" s="6"/>
      <c r="E33909" s="6" t="s">
        <v>9</v>
      </c>
      <c r="F33909" s="7">
        <v>30406</v>
      </c>
      <c r="G33909" s="8">
        <v>6666300</v>
      </c>
      <c r="H33909" s="8">
        <v>1599912</v>
      </c>
      <c r="I33909" s="8">
        <v>5199714</v>
      </c>
      <c r="J33909" s="8">
        <v>1466586</v>
      </c>
      <c r="K33909" s="9"/>
      <c r="L33909" s="6"/>
    </row>
    <row r="33910" spans="1:12">
      <c r="A33910" s="6" t="s">
        <v>34109</v>
      </c>
      <c r="B33910" s="6"/>
      <c r="C33910" s="6" t="s">
        <v>32230</v>
      </c>
      <c r="D33910" s="6"/>
      <c r="E33910" s="6" t="s">
        <v>9</v>
      </c>
      <c r="F33910" s="7">
        <v>31137</v>
      </c>
      <c r="G33910" s="8">
        <v>8399700</v>
      </c>
      <c r="H33910" s="8">
        <v>2351916</v>
      </c>
      <c r="I33910" s="8">
        <v>6215778</v>
      </c>
      <c r="J33910" s="8">
        <v>2183922</v>
      </c>
      <c r="K33910" s="9"/>
      <c r="L33910" s="6"/>
    </row>
    <row r="33911" spans="1:12">
      <c r="A33911" s="6" t="s">
        <v>34110</v>
      </c>
      <c r="B33911" s="6"/>
      <c r="C33911" s="6" t="s">
        <v>32230</v>
      </c>
      <c r="D33911" s="6"/>
      <c r="E33911" s="6" t="s">
        <v>9</v>
      </c>
      <c r="F33911" s="7">
        <v>33684</v>
      </c>
      <c r="G33911" s="8">
        <v>15973200</v>
      </c>
      <c r="H33911" s="8">
        <v>6708744</v>
      </c>
      <c r="I33911" s="8">
        <v>9583920</v>
      </c>
      <c r="J33911" s="8">
        <v>6389280</v>
      </c>
      <c r="K33911" s="9"/>
      <c r="L33911" s="6"/>
    </row>
    <row r="33912" spans="1:12">
      <c r="A33912" s="6" t="s">
        <v>34111</v>
      </c>
      <c r="B33912" s="6"/>
      <c r="C33912" s="6" t="s">
        <v>32230</v>
      </c>
      <c r="D33912" s="6"/>
      <c r="E33912" s="6" t="s">
        <v>9</v>
      </c>
      <c r="F33912" s="7">
        <v>31137</v>
      </c>
      <c r="G33912" s="8">
        <v>6593400</v>
      </c>
      <c r="H33912" s="8">
        <v>1846152</v>
      </c>
      <c r="I33912" s="8">
        <v>4879116</v>
      </c>
      <c r="J33912" s="8">
        <v>1714284</v>
      </c>
      <c r="K33912" s="9"/>
      <c r="L33912" s="6"/>
    </row>
    <row r="33913" spans="1:12">
      <c r="A33913" s="6" t="s">
        <v>34112</v>
      </c>
      <c r="B33913" s="6"/>
      <c r="C33913" s="6" t="s">
        <v>32230</v>
      </c>
      <c r="D33913" s="6"/>
      <c r="E33913" s="6" t="s">
        <v>9</v>
      </c>
      <c r="F33913" s="7">
        <v>31137</v>
      </c>
      <c r="G33913" s="8">
        <v>6561000</v>
      </c>
      <c r="H33913" s="8">
        <v>1837080</v>
      </c>
      <c r="I33913" s="8">
        <v>4855140</v>
      </c>
      <c r="J33913" s="8">
        <v>1705860</v>
      </c>
      <c r="K33913" s="9"/>
      <c r="L33913" s="6"/>
    </row>
    <row r="33914" spans="1:12">
      <c r="A33914" s="6" t="s">
        <v>34113</v>
      </c>
      <c r="B33914" s="6"/>
      <c r="C33914" s="6" t="s">
        <v>32230</v>
      </c>
      <c r="D33914" s="6"/>
      <c r="E33914" s="6" t="s">
        <v>9</v>
      </c>
      <c r="F33914" s="7">
        <v>31137</v>
      </c>
      <c r="G33914" s="8">
        <v>6957900</v>
      </c>
      <c r="H33914" s="8">
        <v>1948212</v>
      </c>
      <c r="I33914" s="8">
        <v>5148846</v>
      </c>
      <c r="J33914" s="8">
        <v>1809054</v>
      </c>
      <c r="K33914" s="9"/>
      <c r="L33914" s="6"/>
    </row>
    <row r="33915" spans="1:12">
      <c r="A33915" s="6" t="s">
        <v>34114</v>
      </c>
      <c r="B33915" s="6"/>
      <c r="C33915" s="6" t="s">
        <v>32230</v>
      </c>
      <c r="D33915" s="6"/>
      <c r="E33915" s="6" t="s">
        <v>9</v>
      </c>
      <c r="F33915" s="7">
        <v>31137</v>
      </c>
      <c r="G33915" s="8">
        <v>14337000</v>
      </c>
      <c r="H33915" s="8">
        <v>4014360</v>
      </c>
      <c r="I33915" s="8">
        <v>10609380</v>
      </c>
      <c r="J33915" s="8">
        <v>3727620</v>
      </c>
      <c r="K33915" s="9"/>
      <c r="L33915" s="6"/>
    </row>
    <row r="33916" spans="1:12">
      <c r="A33916" s="6" t="s">
        <v>34115</v>
      </c>
      <c r="B33916" s="6"/>
      <c r="C33916" s="6" t="s">
        <v>32230</v>
      </c>
      <c r="D33916" s="6"/>
      <c r="E33916" s="6" t="s">
        <v>9</v>
      </c>
      <c r="F33916" s="7">
        <v>31137</v>
      </c>
      <c r="G33916" s="8">
        <v>3150900</v>
      </c>
      <c r="H33916" s="8">
        <v>882252</v>
      </c>
      <c r="I33916" s="8">
        <v>2331666</v>
      </c>
      <c r="J33916" s="8">
        <v>819234</v>
      </c>
      <c r="K33916" s="9"/>
      <c r="L33916" s="6"/>
    </row>
    <row r="33917" spans="1:12">
      <c r="A33917" s="6" t="s">
        <v>34116</v>
      </c>
      <c r="B33917" s="6"/>
      <c r="C33917" s="6" t="s">
        <v>32230</v>
      </c>
      <c r="D33917" s="6"/>
      <c r="E33917" s="6" t="s">
        <v>9</v>
      </c>
      <c r="F33917" s="7">
        <v>31137</v>
      </c>
      <c r="G33917" s="8">
        <v>3685500</v>
      </c>
      <c r="H33917" s="8">
        <v>1031940</v>
      </c>
      <c r="I33917" s="8">
        <v>2727270</v>
      </c>
      <c r="J33917" s="8">
        <v>958230</v>
      </c>
      <c r="K33917" s="9"/>
      <c r="L33917" s="6"/>
    </row>
    <row r="33918" spans="1:12">
      <c r="A33918" s="6" t="s">
        <v>34117</v>
      </c>
      <c r="B33918" s="6"/>
      <c r="C33918" s="6" t="s">
        <v>32230</v>
      </c>
      <c r="D33918" s="6"/>
      <c r="E33918" s="6" t="s">
        <v>9</v>
      </c>
      <c r="F33918" s="7">
        <v>39169</v>
      </c>
      <c r="G33918" s="8">
        <v>11026800</v>
      </c>
      <c r="H33918" s="8">
        <v>7939296</v>
      </c>
      <c r="I33918" s="8">
        <v>3308040</v>
      </c>
      <c r="J33918" s="8">
        <v>7718760</v>
      </c>
      <c r="K33918" s="9"/>
      <c r="L33918" s="6"/>
    </row>
    <row r="33919" spans="1:12">
      <c r="A33919" s="6" t="s">
        <v>34118</v>
      </c>
      <c r="B33919" s="6"/>
      <c r="C33919" s="6" t="s">
        <v>32230</v>
      </c>
      <c r="D33919" s="6"/>
      <c r="E33919" s="6" t="s">
        <v>9</v>
      </c>
      <c r="F33919" s="7">
        <v>42794</v>
      </c>
      <c r="G33919" s="8">
        <v>5387040</v>
      </c>
      <c r="H33919" s="8">
        <v>4956080</v>
      </c>
      <c r="I33919" s="8">
        <v>538700</v>
      </c>
      <c r="J33919" s="8">
        <v>4848340</v>
      </c>
      <c r="K33919" s="9"/>
      <c r="L33919" s="6"/>
    </row>
    <row r="33920" spans="1:12">
      <c r="A33920" s="6" t="s">
        <v>34119</v>
      </c>
      <c r="B33920" s="6"/>
      <c r="C33920" s="6" t="s">
        <v>32230</v>
      </c>
      <c r="D33920" s="6"/>
      <c r="E33920" s="6" t="s">
        <v>9</v>
      </c>
      <c r="F33920" s="7">
        <v>33684</v>
      </c>
      <c r="G33920" s="8">
        <v>793800</v>
      </c>
      <c r="H33920" s="8">
        <v>333396</v>
      </c>
      <c r="I33920" s="8">
        <v>476280</v>
      </c>
      <c r="J33920" s="8">
        <v>317520</v>
      </c>
      <c r="K33920" s="9"/>
      <c r="L33920" s="6"/>
    </row>
    <row r="33921" spans="1:12">
      <c r="A33921" s="6" t="s">
        <v>34120</v>
      </c>
      <c r="B33921" s="6"/>
      <c r="C33921" s="6" t="s">
        <v>32230</v>
      </c>
      <c r="D33921" s="6"/>
      <c r="E33921" s="6" t="s">
        <v>9</v>
      </c>
      <c r="F33921" s="7">
        <v>33684</v>
      </c>
      <c r="G33921" s="8">
        <v>11105100</v>
      </c>
      <c r="H33921" s="8">
        <v>4664142</v>
      </c>
      <c r="I33921" s="8">
        <v>6663060</v>
      </c>
      <c r="J33921" s="8">
        <v>4442040</v>
      </c>
      <c r="K33921" s="9"/>
      <c r="L33921" s="6"/>
    </row>
    <row r="33922" spans="1:12">
      <c r="A33922" s="6" t="s">
        <v>34121</v>
      </c>
      <c r="B33922" s="6"/>
      <c r="C33922" s="6" t="s">
        <v>32230</v>
      </c>
      <c r="D33922" s="6"/>
      <c r="E33922" s="6" t="s">
        <v>9</v>
      </c>
      <c r="F33922" s="7">
        <v>33684</v>
      </c>
      <c r="G33922" s="8">
        <v>7533000</v>
      </c>
      <c r="H33922" s="8">
        <v>3163860</v>
      </c>
      <c r="I33922" s="8">
        <v>4519800</v>
      </c>
      <c r="J33922" s="8">
        <v>3013200</v>
      </c>
      <c r="K33922" s="9"/>
      <c r="L33922" s="6"/>
    </row>
    <row r="33923" spans="1:12">
      <c r="A33923" s="6" t="s">
        <v>34122</v>
      </c>
      <c r="B33923" s="6"/>
      <c r="C33923" s="6" t="s">
        <v>32230</v>
      </c>
      <c r="D33923" s="6"/>
      <c r="E33923" s="6" t="s">
        <v>9</v>
      </c>
      <c r="F33923" s="7">
        <v>35291</v>
      </c>
      <c r="G33923" s="8">
        <v>38323200</v>
      </c>
      <c r="H33923" s="8">
        <v>19928064</v>
      </c>
      <c r="I33923" s="8">
        <v>19161600</v>
      </c>
      <c r="J33923" s="8">
        <v>19161600</v>
      </c>
      <c r="K33923" s="9"/>
      <c r="L33923" s="6"/>
    </row>
    <row r="33924" spans="1:12">
      <c r="A33924" s="6" t="s">
        <v>34123</v>
      </c>
      <c r="B33924" s="6"/>
      <c r="C33924" s="6" t="s">
        <v>32230</v>
      </c>
      <c r="D33924" s="6"/>
      <c r="E33924" s="6" t="s">
        <v>9</v>
      </c>
      <c r="F33924" s="7">
        <v>35291</v>
      </c>
      <c r="G33924" s="8">
        <v>22144000</v>
      </c>
      <c r="H33924" s="8">
        <v>11514880</v>
      </c>
      <c r="I33924" s="8">
        <v>11072000</v>
      </c>
      <c r="J33924" s="8">
        <v>11072000</v>
      </c>
      <c r="K33924" s="9"/>
      <c r="L33924" s="6"/>
    </row>
    <row r="33925" spans="1:12">
      <c r="A33925" s="6" t="s">
        <v>34124</v>
      </c>
      <c r="B33925" s="6"/>
      <c r="C33925" s="6" t="s">
        <v>32230</v>
      </c>
      <c r="D33925" s="6"/>
      <c r="E33925" s="6" t="s">
        <v>9</v>
      </c>
      <c r="F33925" s="7">
        <v>37340</v>
      </c>
      <c r="G33925" s="8">
        <v>63897600</v>
      </c>
      <c r="H33925" s="8">
        <v>39616512</v>
      </c>
      <c r="I33925" s="8">
        <v>25559040</v>
      </c>
      <c r="J33925" s="8">
        <v>38338560</v>
      </c>
      <c r="K33925" s="9"/>
      <c r="L33925" s="6"/>
    </row>
    <row r="33926" spans="1:12">
      <c r="A33926" s="6" t="s">
        <v>34125</v>
      </c>
      <c r="B33926" s="6"/>
      <c r="C33926" s="6" t="s">
        <v>32230</v>
      </c>
      <c r="D33926" s="6"/>
      <c r="E33926" s="6" t="s">
        <v>9</v>
      </c>
      <c r="F33926" s="7">
        <v>36249</v>
      </c>
      <c r="G33926" s="8">
        <v>11769300</v>
      </c>
      <c r="H33926" s="8">
        <v>6590808</v>
      </c>
      <c r="I33926" s="8">
        <v>5413878</v>
      </c>
      <c r="J33926" s="8">
        <v>6355422</v>
      </c>
      <c r="K33926" s="9"/>
      <c r="L33926" s="6"/>
    </row>
    <row r="33927" spans="1:12">
      <c r="A33927" s="6" t="s">
        <v>34126</v>
      </c>
      <c r="B33927" s="6"/>
      <c r="C33927" s="6" t="s">
        <v>32230</v>
      </c>
      <c r="D33927" s="6"/>
      <c r="E33927" s="6" t="s">
        <v>9</v>
      </c>
      <c r="F33927" s="7">
        <v>36249</v>
      </c>
      <c r="G33927" s="8">
        <v>5200200</v>
      </c>
      <c r="H33927" s="8">
        <v>2912112</v>
      </c>
      <c r="I33927" s="8">
        <v>2392092</v>
      </c>
      <c r="J33927" s="8">
        <v>2808108</v>
      </c>
      <c r="K33927" s="9"/>
      <c r="L33927" s="6"/>
    </row>
    <row r="33928" spans="1:12">
      <c r="A33928" s="6" t="s">
        <v>34127</v>
      </c>
      <c r="B33928" s="6"/>
      <c r="C33928" s="6" t="s">
        <v>32230</v>
      </c>
      <c r="D33928" s="6"/>
      <c r="E33928" s="6" t="s">
        <v>9</v>
      </c>
      <c r="F33928" s="7">
        <v>36249</v>
      </c>
      <c r="G33928" s="8">
        <v>2243700</v>
      </c>
      <c r="H33928" s="8">
        <v>1256472</v>
      </c>
      <c r="I33928" s="8">
        <v>1032102</v>
      </c>
      <c r="J33928" s="8">
        <v>1211598</v>
      </c>
      <c r="K33928" s="9"/>
      <c r="L33928" s="6"/>
    </row>
    <row r="33929" spans="1:12">
      <c r="A33929" s="6" t="s">
        <v>34128</v>
      </c>
      <c r="B33929" s="6"/>
      <c r="C33929" s="6" t="s">
        <v>32230</v>
      </c>
      <c r="D33929" s="6"/>
      <c r="E33929" s="6" t="s">
        <v>9</v>
      </c>
      <c r="F33929" s="7">
        <v>36249</v>
      </c>
      <c r="G33929" s="8">
        <v>2778300</v>
      </c>
      <c r="H33929" s="8">
        <v>1555848</v>
      </c>
      <c r="I33929" s="8">
        <v>1278018</v>
      </c>
      <c r="J33929" s="8">
        <v>1500282</v>
      </c>
      <c r="K33929" s="9"/>
      <c r="L33929" s="6"/>
    </row>
    <row r="33930" spans="1:12">
      <c r="A33930" s="6" t="s">
        <v>34129</v>
      </c>
      <c r="B33930" s="6"/>
      <c r="C33930" s="6" t="s">
        <v>32230</v>
      </c>
      <c r="D33930" s="6"/>
      <c r="E33930" s="6" t="s">
        <v>9</v>
      </c>
      <c r="F33930" s="7">
        <v>29305</v>
      </c>
      <c r="G33930" s="8">
        <v>51451200</v>
      </c>
      <c r="H33930" s="8">
        <v>9261216</v>
      </c>
      <c r="I33930" s="8">
        <v>43219008</v>
      </c>
      <c r="J33930" s="8">
        <v>8232192</v>
      </c>
      <c r="K33930" s="9"/>
      <c r="L33930" s="6"/>
    </row>
    <row r="33931" spans="1:12">
      <c r="A33931" s="6" t="s">
        <v>34130</v>
      </c>
      <c r="B33931" s="6"/>
      <c r="C33931" s="6" t="s">
        <v>32230</v>
      </c>
      <c r="D33931" s="6"/>
      <c r="E33931" s="6" t="s">
        <v>9</v>
      </c>
      <c r="F33931" s="7">
        <v>29305</v>
      </c>
      <c r="G33931" s="8">
        <v>3437100</v>
      </c>
      <c r="H33931" s="8">
        <v>618678</v>
      </c>
      <c r="I33931" s="8">
        <v>2887164</v>
      </c>
      <c r="J33931" s="8">
        <v>549936</v>
      </c>
      <c r="K33931" s="9"/>
      <c r="L33931" s="6"/>
    </row>
    <row r="33932" spans="1:12">
      <c r="A33932" s="6" t="s">
        <v>34131</v>
      </c>
      <c r="B33932" s="6"/>
      <c r="C33932" s="6" t="s">
        <v>32230</v>
      </c>
      <c r="D33932" s="6"/>
      <c r="E33932" s="6" t="s">
        <v>9</v>
      </c>
      <c r="F33932" s="7">
        <v>29305</v>
      </c>
      <c r="G33932" s="8">
        <v>1107000</v>
      </c>
      <c r="H33932" s="8">
        <v>199260</v>
      </c>
      <c r="I33932" s="8">
        <v>929880</v>
      </c>
      <c r="J33932" s="8">
        <v>177120</v>
      </c>
      <c r="K33932" s="9"/>
      <c r="L33932" s="6"/>
    </row>
    <row r="33933" spans="1:12">
      <c r="A33933" s="6" t="s">
        <v>34132</v>
      </c>
      <c r="B33933" s="6"/>
      <c r="C33933" s="6" t="s">
        <v>32230</v>
      </c>
      <c r="D33933" s="6"/>
      <c r="E33933" s="6" t="s">
        <v>9</v>
      </c>
      <c r="F33933" s="7">
        <v>29305</v>
      </c>
      <c r="G33933" s="8">
        <v>666900</v>
      </c>
      <c r="H33933" s="8">
        <v>120042</v>
      </c>
      <c r="I33933" s="8">
        <v>560196</v>
      </c>
      <c r="J33933" s="8">
        <v>106704</v>
      </c>
      <c r="K33933" s="9"/>
      <c r="L33933" s="6"/>
    </row>
    <row r="33934" spans="1:12">
      <c r="A33934" s="6" t="s">
        <v>34133</v>
      </c>
      <c r="B33934" s="6"/>
      <c r="C33934" s="6" t="s">
        <v>32230</v>
      </c>
      <c r="D33934" s="6"/>
      <c r="E33934" s="6" t="s">
        <v>9</v>
      </c>
      <c r="F33934" s="7">
        <v>29305</v>
      </c>
      <c r="G33934" s="8">
        <v>1382400</v>
      </c>
      <c r="H33934" s="8">
        <v>248832</v>
      </c>
      <c r="I33934" s="8">
        <v>1161216</v>
      </c>
      <c r="J33934" s="8">
        <v>221184</v>
      </c>
      <c r="K33934" s="9"/>
      <c r="L33934" s="6"/>
    </row>
    <row r="33935" spans="1:12">
      <c r="A33935" s="6" t="s">
        <v>34134</v>
      </c>
      <c r="B33935" s="6"/>
      <c r="C33935" s="6" t="s">
        <v>32230</v>
      </c>
      <c r="D33935" s="6"/>
      <c r="E33935" s="6" t="s">
        <v>9</v>
      </c>
      <c r="F33935" s="7">
        <v>29305</v>
      </c>
      <c r="G33935" s="8">
        <v>4536000</v>
      </c>
      <c r="H33935" s="8">
        <v>816480</v>
      </c>
      <c r="I33935" s="8">
        <v>3810240</v>
      </c>
      <c r="J33935" s="8">
        <v>725760</v>
      </c>
      <c r="K33935" s="9"/>
      <c r="L33935" s="6"/>
    </row>
    <row r="33936" spans="1:12">
      <c r="A33936" s="6" t="s">
        <v>34135</v>
      </c>
      <c r="B33936" s="6"/>
      <c r="C33936" s="6" t="s">
        <v>32230</v>
      </c>
      <c r="D33936" s="6"/>
      <c r="E33936" s="6" t="s">
        <v>9</v>
      </c>
      <c r="F33936" s="7">
        <v>29305</v>
      </c>
      <c r="G33936" s="8">
        <v>3223800</v>
      </c>
      <c r="H33936" s="8">
        <v>580284</v>
      </c>
      <c r="I33936" s="8">
        <v>2707992</v>
      </c>
      <c r="J33936" s="8">
        <v>515808</v>
      </c>
      <c r="K33936" s="9"/>
      <c r="L33936" s="6"/>
    </row>
    <row r="33937" spans="1:12">
      <c r="A33937" s="6" t="s">
        <v>34136</v>
      </c>
      <c r="B33937" s="6"/>
      <c r="C33937" s="6" t="s">
        <v>32230</v>
      </c>
      <c r="D33937" s="6"/>
      <c r="E33937" s="6" t="s">
        <v>9</v>
      </c>
      <c r="F33937" s="7">
        <v>29305</v>
      </c>
      <c r="G33937" s="8">
        <v>1058400</v>
      </c>
      <c r="H33937" s="8">
        <v>190512</v>
      </c>
      <c r="I33937" s="8">
        <v>889056</v>
      </c>
      <c r="J33937" s="8">
        <v>169344</v>
      </c>
      <c r="K33937" s="9"/>
      <c r="L33937" s="6"/>
    </row>
    <row r="33938" spans="1:12">
      <c r="A33938" s="6" t="s">
        <v>34137</v>
      </c>
      <c r="B33938" s="6"/>
      <c r="C33938" s="6" t="s">
        <v>32230</v>
      </c>
      <c r="D33938" s="6"/>
      <c r="E33938" s="6" t="s">
        <v>9</v>
      </c>
      <c r="F33938" s="7">
        <v>29305</v>
      </c>
      <c r="G33938" s="8">
        <v>1606500</v>
      </c>
      <c r="H33938" s="8">
        <v>289170</v>
      </c>
      <c r="I33938" s="8">
        <v>1349460</v>
      </c>
      <c r="J33938" s="8">
        <v>257040</v>
      </c>
      <c r="K33938" s="9"/>
      <c r="L33938" s="6"/>
    </row>
    <row r="33939" spans="1:12">
      <c r="A33939" s="6" t="s">
        <v>34138</v>
      </c>
      <c r="B33939" s="6"/>
      <c r="C33939" s="6" t="s">
        <v>32230</v>
      </c>
      <c r="D33939" s="6"/>
      <c r="E33939" s="6" t="s">
        <v>9</v>
      </c>
      <c r="F33939" s="7">
        <v>29305</v>
      </c>
      <c r="G33939" s="8">
        <v>6558300</v>
      </c>
      <c r="H33939" s="8">
        <v>1180494</v>
      </c>
      <c r="I33939" s="8">
        <v>5508972</v>
      </c>
      <c r="J33939" s="8">
        <v>1049328</v>
      </c>
      <c r="K33939" s="9"/>
      <c r="L33939" s="6"/>
    </row>
    <row r="33940" spans="1:12">
      <c r="A33940" s="6" t="s">
        <v>34139</v>
      </c>
      <c r="B33940" s="6"/>
      <c r="C33940" s="6" t="s">
        <v>32230</v>
      </c>
      <c r="D33940" s="6"/>
      <c r="E33940" s="6" t="s">
        <v>9</v>
      </c>
      <c r="F33940" s="7">
        <v>29305</v>
      </c>
      <c r="G33940" s="8">
        <v>2633400</v>
      </c>
      <c r="H33940" s="8">
        <v>474012</v>
      </c>
      <c r="I33940" s="8">
        <v>2212056</v>
      </c>
      <c r="J33940" s="8">
        <v>421344</v>
      </c>
      <c r="K33940" s="9"/>
      <c r="L33940" s="6"/>
    </row>
    <row r="33941" spans="1:12">
      <c r="A33941" s="6" t="s">
        <v>34140</v>
      </c>
      <c r="B33941" s="6"/>
      <c r="C33941" s="6" t="s">
        <v>32230</v>
      </c>
      <c r="D33941" s="6"/>
      <c r="E33941" s="6" t="s">
        <v>9</v>
      </c>
      <c r="F33941" s="7">
        <v>29305</v>
      </c>
      <c r="G33941" s="8">
        <v>1780300</v>
      </c>
      <c r="H33941" s="8">
        <v>320454</v>
      </c>
      <c r="I33941" s="8">
        <v>1495452</v>
      </c>
      <c r="J33941" s="8">
        <v>284848</v>
      </c>
      <c r="K33941" s="9"/>
      <c r="L33941" s="6"/>
    </row>
    <row r="33942" spans="1:12">
      <c r="A33942" s="6" t="s">
        <v>34141</v>
      </c>
      <c r="B33942" s="6"/>
      <c r="C33942" s="6" t="s">
        <v>32230</v>
      </c>
      <c r="D33942" s="6"/>
      <c r="E33942" s="6" t="s">
        <v>9</v>
      </c>
      <c r="F33942" s="7">
        <v>29305</v>
      </c>
      <c r="G33942" s="8">
        <v>2635200</v>
      </c>
      <c r="H33942" s="8">
        <v>474336</v>
      </c>
      <c r="I33942" s="8">
        <v>2213568</v>
      </c>
      <c r="J33942" s="8">
        <v>421632</v>
      </c>
      <c r="K33942" s="9"/>
      <c r="L33942" s="6"/>
    </row>
    <row r="33943" spans="1:12">
      <c r="A33943" s="6" t="s">
        <v>34142</v>
      </c>
      <c r="B33943" s="6"/>
      <c r="C33943" s="6" t="s">
        <v>32230</v>
      </c>
      <c r="D33943" s="6"/>
      <c r="E33943" s="6" t="s">
        <v>9</v>
      </c>
      <c r="F33943" s="7">
        <v>29305</v>
      </c>
      <c r="G33943" s="8">
        <v>674500</v>
      </c>
      <c r="H33943" s="8">
        <v>121410</v>
      </c>
      <c r="I33943" s="8">
        <v>566580</v>
      </c>
      <c r="J33943" s="8">
        <v>107920</v>
      </c>
      <c r="K33943" s="9"/>
      <c r="L33943" s="6"/>
    </row>
    <row r="33944" spans="1:12">
      <c r="A33944" s="6" t="s">
        <v>34143</v>
      </c>
      <c r="B33944" s="6"/>
      <c r="C33944" s="6" t="s">
        <v>32230</v>
      </c>
      <c r="D33944" s="6"/>
      <c r="E33944" s="6" t="s">
        <v>9</v>
      </c>
      <c r="F33944" s="7">
        <v>29305</v>
      </c>
      <c r="G33944" s="8">
        <v>1387000</v>
      </c>
      <c r="H33944" s="8">
        <v>249660</v>
      </c>
      <c r="I33944" s="8">
        <v>1165080</v>
      </c>
      <c r="J33944" s="8">
        <v>221920</v>
      </c>
      <c r="K33944" s="9"/>
      <c r="L33944" s="6"/>
    </row>
    <row r="33945" spans="1:12">
      <c r="A33945" s="6" t="s">
        <v>34144</v>
      </c>
      <c r="B33945" s="6"/>
      <c r="C33945" s="6" t="s">
        <v>32230</v>
      </c>
      <c r="D33945" s="6"/>
      <c r="E33945" s="6" t="s">
        <v>9</v>
      </c>
      <c r="F33945" s="7">
        <v>29305</v>
      </c>
      <c r="G33945" s="8">
        <v>1326200</v>
      </c>
      <c r="H33945" s="8">
        <v>238716</v>
      </c>
      <c r="I33945" s="8">
        <v>1114008</v>
      </c>
      <c r="J33945" s="8">
        <v>212192</v>
      </c>
      <c r="K33945" s="9"/>
      <c r="L33945" s="6"/>
    </row>
    <row r="33946" spans="1:12">
      <c r="A33946" s="6" t="s">
        <v>34145</v>
      </c>
      <c r="B33946" s="6"/>
      <c r="C33946" s="6" t="s">
        <v>32230</v>
      </c>
      <c r="D33946" s="6"/>
      <c r="E33946" s="6" t="s">
        <v>9</v>
      </c>
      <c r="F33946" s="7">
        <v>29305</v>
      </c>
      <c r="G33946" s="8">
        <v>1352800</v>
      </c>
      <c r="H33946" s="8">
        <v>243504</v>
      </c>
      <c r="I33946" s="8">
        <v>1136352</v>
      </c>
      <c r="J33946" s="8">
        <v>216448</v>
      </c>
      <c r="K33946" s="9"/>
      <c r="L33946" s="6"/>
    </row>
    <row r="33947" spans="1:12">
      <c r="A33947" s="6" t="s">
        <v>34146</v>
      </c>
      <c r="B33947" s="6"/>
      <c r="C33947" s="6" t="s">
        <v>32230</v>
      </c>
      <c r="D33947" s="6"/>
      <c r="E33947" s="6" t="s">
        <v>9</v>
      </c>
      <c r="F33947" s="7">
        <v>29305</v>
      </c>
      <c r="G33947" s="8">
        <v>1525700</v>
      </c>
      <c r="H33947" s="8">
        <v>274626</v>
      </c>
      <c r="I33947" s="8">
        <v>1281588</v>
      </c>
      <c r="J33947" s="8">
        <v>244112</v>
      </c>
      <c r="K33947" s="9"/>
      <c r="L33947" s="6"/>
    </row>
    <row r="33948" spans="1:12">
      <c r="A33948" s="6" t="s">
        <v>34147</v>
      </c>
      <c r="B33948" s="6"/>
      <c r="C33948" s="6" t="s">
        <v>32230</v>
      </c>
      <c r="D33948" s="6"/>
      <c r="E33948" s="6" t="s">
        <v>9</v>
      </c>
      <c r="F33948" s="7">
        <v>29305</v>
      </c>
      <c r="G33948" s="8">
        <v>1827800</v>
      </c>
      <c r="H33948" s="8">
        <v>329004</v>
      </c>
      <c r="I33948" s="8">
        <v>1535352</v>
      </c>
      <c r="J33948" s="8">
        <v>292448</v>
      </c>
      <c r="K33948" s="9"/>
      <c r="L33948" s="6"/>
    </row>
    <row r="33949" spans="1:12">
      <c r="A33949" s="6" t="s">
        <v>34148</v>
      </c>
      <c r="B33949" s="6"/>
      <c r="C33949" s="6" t="s">
        <v>32230</v>
      </c>
      <c r="D33949" s="6"/>
      <c r="E33949" s="6" t="s">
        <v>9</v>
      </c>
      <c r="F33949" s="7">
        <v>29305</v>
      </c>
      <c r="G33949" s="8">
        <v>989900</v>
      </c>
      <c r="H33949" s="8">
        <v>178182</v>
      </c>
      <c r="I33949" s="8">
        <v>831516</v>
      </c>
      <c r="J33949" s="8">
        <v>158384</v>
      </c>
      <c r="K33949" s="9"/>
      <c r="L33949" s="6"/>
    </row>
    <row r="33950" spans="1:12">
      <c r="A33950" s="6" t="s">
        <v>34149</v>
      </c>
      <c r="B33950" s="6"/>
      <c r="C33950" s="6" t="s">
        <v>32230</v>
      </c>
      <c r="D33950" s="6"/>
      <c r="E33950" s="6" t="s">
        <v>9</v>
      </c>
      <c r="F33950" s="7">
        <v>29305</v>
      </c>
      <c r="G33950" s="8">
        <v>963300</v>
      </c>
      <c r="H33950" s="8">
        <v>173394</v>
      </c>
      <c r="I33950" s="8">
        <v>809172</v>
      </c>
      <c r="J33950" s="8">
        <v>154128</v>
      </c>
      <c r="K33950" s="9"/>
      <c r="L33950" s="6"/>
    </row>
    <row r="33951" spans="1:12">
      <c r="A33951" s="6" t="s">
        <v>34150</v>
      </c>
      <c r="B33951" s="6"/>
      <c r="C33951" s="6" t="s">
        <v>32230</v>
      </c>
      <c r="D33951" s="6"/>
      <c r="E33951" s="6" t="s">
        <v>9</v>
      </c>
      <c r="F33951" s="7">
        <v>29305</v>
      </c>
      <c r="G33951" s="8">
        <v>33023700</v>
      </c>
      <c r="H33951" s="8">
        <v>5944266</v>
      </c>
      <c r="I33951" s="8">
        <v>27739908</v>
      </c>
      <c r="J33951" s="8">
        <v>5283792</v>
      </c>
      <c r="K33951" s="9"/>
      <c r="L33951" s="6"/>
    </row>
    <row r="33952" spans="1:12">
      <c r="A33952" s="6" t="s">
        <v>34151</v>
      </c>
      <c r="B33952" s="6"/>
      <c r="C33952" s="6" t="s">
        <v>32230</v>
      </c>
      <c r="D33952" s="6"/>
      <c r="E33952" s="6" t="s">
        <v>9</v>
      </c>
      <c r="F33952" s="7">
        <v>26755</v>
      </c>
      <c r="G33952" s="8">
        <v>39639600</v>
      </c>
      <c r="H33952" s="8">
        <v>7967569</v>
      </c>
      <c r="I33952" s="8">
        <v>32345904</v>
      </c>
      <c r="J33952" s="8">
        <v>7293696</v>
      </c>
      <c r="K33952" s="9"/>
      <c r="L33952" s="6"/>
    </row>
    <row r="33953" spans="1:12">
      <c r="A33953" s="6" t="s">
        <v>34152</v>
      </c>
      <c r="B33953" s="6"/>
      <c r="C33953" s="6" t="s">
        <v>32230</v>
      </c>
      <c r="D33953" s="6"/>
      <c r="E33953" s="6" t="s">
        <v>9</v>
      </c>
      <c r="F33953" s="7">
        <v>29305</v>
      </c>
      <c r="G33953" s="8">
        <v>2204000</v>
      </c>
      <c r="H33953" s="8">
        <v>396720</v>
      </c>
      <c r="I33953" s="8">
        <v>1851360</v>
      </c>
      <c r="J33953" s="8">
        <v>352640</v>
      </c>
      <c r="K33953" s="9"/>
      <c r="L33953" s="6"/>
    </row>
    <row r="33954" spans="1:12">
      <c r="A33954" s="6" t="s">
        <v>34153</v>
      </c>
      <c r="B33954" s="6"/>
      <c r="C33954" s="6" t="s">
        <v>32230</v>
      </c>
      <c r="D33954" s="6"/>
      <c r="E33954" s="6" t="s">
        <v>9</v>
      </c>
      <c r="F33954" s="7">
        <v>30406</v>
      </c>
      <c r="G33954" s="8">
        <v>7123100</v>
      </c>
      <c r="H33954" s="8">
        <v>1709544</v>
      </c>
      <c r="I33954" s="8">
        <v>5556018</v>
      </c>
      <c r="J33954" s="8">
        <v>1567082</v>
      </c>
      <c r="K33954" s="9"/>
      <c r="L33954" s="6"/>
    </row>
    <row r="33955" spans="1:12">
      <c r="A33955" s="6" t="s">
        <v>34154</v>
      </c>
      <c r="B33955" s="6"/>
      <c r="C33955" s="6" t="s">
        <v>32230</v>
      </c>
      <c r="D33955" s="6"/>
      <c r="E33955" s="6" t="s">
        <v>9</v>
      </c>
      <c r="F33955" s="7">
        <v>29305</v>
      </c>
      <c r="G33955" s="8">
        <v>1149500</v>
      </c>
      <c r="H33955" s="8">
        <v>206910</v>
      </c>
      <c r="I33955" s="8">
        <v>965580</v>
      </c>
      <c r="J33955" s="8">
        <v>183920</v>
      </c>
      <c r="K33955" s="9"/>
      <c r="L33955" s="6"/>
    </row>
    <row r="33956" spans="1:12">
      <c r="A33956" s="6" t="s">
        <v>34155</v>
      </c>
      <c r="B33956" s="6"/>
      <c r="C33956" s="6" t="s">
        <v>32230</v>
      </c>
      <c r="D33956" s="6"/>
      <c r="E33956" s="6" t="s">
        <v>9</v>
      </c>
      <c r="F33956" s="7">
        <v>29305</v>
      </c>
      <c r="G33956" s="8">
        <v>3672000</v>
      </c>
      <c r="H33956" s="8">
        <v>660960</v>
      </c>
      <c r="I33956" s="8">
        <v>3084480</v>
      </c>
      <c r="J33956" s="8">
        <v>587520</v>
      </c>
      <c r="K33956" s="9"/>
      <c r="L33956" s="6"/>
    </row>
    <row r="33957" spans="1:12">
      <c r="A33957" s="6" t="s">
        <v>34156</v>
      </c>
      <c r="B33957" s="6"/>
      <c r="C33957" s="6" t="s">
        <v>32230</v>
      </c>
      <c r="D33957" s="6"/>
      <c r="E33957" s="6" t="s">
        <v>9</v>
      </c>
      <c r="F33957" s="7">
        <v>29305</v>
      </c>
      <c r="G33957" s="8">
        <v>17998200</v>
      </c>
      <c r="H33957" s="8">
        <v>3239676</v>
      </c>
      <c r="I33957" s="8">
        <v>15118488</v>
      </c>
      <c r="J33957" s="8">
        <v>2879712</v>
      </c>
      <c r="K33957" s="9"/>
      <c r="L33957" s="6"/>
    </row>
    <row r="33958" spans="1:12">
      <c r="A33958" s="6" t="s">
        <v>34156</v>
      </c>
      <c r="B33958" s="6"/>
      <c r="C33958" s="6" t="s">
        <v>32230</v>
      </c>
      <c r="D33958" s="6"/>
      <c r="E33958" s="6"/>
      <c r="F33958" s="7">
        <v>43191</v>
      </c>
      <c r="G33958" s="8">
        <v>691200</v>
      </c>
      <c r="H33958" s="8">
        <v>663552</v>
      </c>
      <c r="I33958" s="8">
        <v>41472</v>
      </c>
      <c r="J33958" s="8">
        <v>649728</v>
      </c>
      <c r="K33958" s="9"/>
      <c r="L33958" s="6"/>
    </row>
    <row r="33959" spans="1:12">
      <c r="A33959" s="6" t="s">
        <v>34157</v>
      </c>
      <c r="B33959" s="6"/>
      <c r="C33959" s="6" t="s">
        <v>32230</v>
      </c>
      <c r="D33959" s="6"/>
      <c r="E33959" s="6" t="s">
        <v>9</v>
      </c>
      <c r="F33959" s="7">
        <v>42580</v>
      </c>
      <c r="G33959" s="8">
        <v>691200</v>
      </c>
      <c r="H33959" s="8">
        <v>505960</v>
      </c>
      <c r="I33959" s="8">
        <v>231550</v>
      </c>
      <c r="J33959" s="8">
        <v>459650</v>
      </c>
      <c r="K33959" s="9"/>
      <c r="L33959" s="6"/>
    </row>
    <row r="33960" spans="1:12">
      <c r="A33960" s="6" t="s">
        <v>34158</v>
      </c>
      <c r="B33960" s="6"/>
      <c r="C33960" s="6" t="s">
        <v>32230</v>
      </c>
      <c r="D33960" s="6"/>
      <c r="E33960" s="6" t="s">
        <v>9</v>
      </c>
      <c r="F33960" s="7">
        <v>29305</v>
      </c>
      <c r="G33960" s="8">
        <v>37836800</v>
      </c>
      <c r="H33960" s="8">
        <v>6810624</v>
      </c>
      <c r="I33960" s="8">
        <v>31782912</v>
      </c>
      <c r="J33960" s="8">
        <v>6053888</v>
      </c>
      <c r="K33960" s="9"/>
      <c r="L33960" s="6"/>
    </row>
    <row r="33961" spans="1:12">
      <c r="A33961" s="6" t="s">
        <v>34159</v>
      </c>
      <c r="B33961" s="6"/>
      <c r="C33961" s="6" t="s">
        <v>32230</v>
      </c>
      <c r="D33961" s="6"/>
      <c r="E33961" s="6" t="s">
        <v>9</v>
      </c>
      <c r="F33961" s="7">
        <v>42599</v>
      </c>
      <c r="G33961" s="8">
        <v>393120</v>
      </c>
      <c r="H33961" s="8">
        <v>235872</v>
      </c>
      <c r="I33961" s="8">
        <v>196560</v>
      </c>
      <c r="J33961" s="8">
        <v>196560</v>
      </c>
      <c r="K33961" s="9"/>
      <c r="L33961" s="6"/>
    </row>
    <row r="33962" spans="1:12">
      <c r="A33962" s="6" t="s">
        <v>34160</v>
      </c>
      <c r="B33962" s="6"/>
      <c r="C33962" s="6" t="s">
        <v>32230</v>
      </c>
      <c r="D33962" s="6"/>
      <c r="E33962" s="6" t="s">
        <v>9</v>
      </c>
      <c r="F33962" s="7">
        <v>29305</v>
      </c>
      <c r="G33962" s="8">
        <v>1663200</v>
      </c>
      <c r="H33962" s="8">
        <v>299376</v>
      </c>
      <c r="I33962" s="8">
        <v>1397088</v>
      </c>
      <c r="J33962" s="8">
        <v>266112</v>
      </c>
      <c r="K33962" s="9"/>
      <c r="L33962" s="6"/>
    </row>
    <row r="33963" spans="1:12">
      <c r="A33963" s="6" t="s">
        <v>33185</v>
      </c>
      <c r="B33963" s="6"/>
      <c r="C33963" s="6" t="s">
        <v>32230</v>
      </c>
      <c r="D33963" s="6"/>
      <c r="E33963" s="6" t="s">
        <v>9</v>
      </c>
      <c r="F33963" s="7">
        <v>23468</v>
      </c>
      <c r="G33963" s="8">
        <v>7644000</v>
      </c>
      <c r="H33963" s="8">
        <v>366912</v>
      </c>
      <c r="I33963" s="8">
        <v>7407036</v>
      </c>
      <c r="J33963" s="8">
        <v>236964</v>
      </c>
      <c r="K33963" s="9"/>
      <c r="L33963" s="6"/>
    </row>
    <row r="33964" spans="1:12">
      <c r="A33964" s="6" t="s">
        <v>34161</v>
      </c>
      <c r="B33964" s="6"/>
      <c r="C33964" s="6" t="s">
        <v>32230</v>
      </c>
      <c r="D33964" s="6"/>
      <c r="E33964" s="6" t="s">
        <v>9</v>
      </c>
      <c r="F33964" s="7">
        <v>31500</v>
      </c>
      <c r="G33964" s="8">
        <v>12177000</v>
      </c>
      <c r="H33964" s="8">
        <v>3653100</v>
      </c>
      <c r="I33964" s="8">
        <v>8767440</v>
      </c>
      <c r="J33964" s="8">
        <v>3409560</v>
      </c>
      <c r="K33964" s="9"/>
      <c r="L33964" s="6"/>
    </row>
    <row r="33965" spans="1:12">
      <c r="A33965" s="6" t="s">
        <v>34162</v>
      </c>
      <c r="B33965" s="6"/>
      <c r="C33965" s="6" t="s">
        <v>32230</v>
      </c>
      <c r="D33965" s="6"/>
      <c r="E33965" s="6" t="s">
        <v>9</v>
      </c>
      <c r="F33965" s="7">
        <v>31500</v>
      </c>
      <c r="G33965" s="8">
        <v>2313900</v>
      </c>
      <c r="H33965" s="8">
        <v>694170</v>
      </c>
      <c r="I33965" s="8">
        <v>1666008</v>
      </c>
      <c r="J33965" s="8">
        <v>647892</v>
      </c>
      <c r="K33965" s="9"/>
      <c r="L33965" s="6"/>
    </row>
    <row r="33966" spans="1:12">
      <c r="A33966" s="6" t="s">
        <v>33185</v>
      </c>
      <c r="B33966" s="6"/>
      <c r="C33966" s="6" t="s">
        <v>32230</v>
      </c>
      <c r="D33966" s="6"/>
      <c r="E33966" s="6" t="s">
        <v>9</v>
      </c>
      <c r="F33966" s="7">
        <v>23468</v>
      </c>
      <c r="G33966" s="8">
        <v>6191640</v>
      </c>
      <c r="H33966" s="8">
        <v>297248</v>
      </c>
      <c r="I33966" s="8">
        <v>5999649</v>
      </c>
      <c r="J33966" s="8">
        <v>191991</v>
      </c>
      <c r="K33966" s="9"/>
      <c r="L33966" s="6"/>
    </row>
    <row r="33967" spans="1:12">
      <c r="A33967" s="6" t="s">
        <v>34163</v>
      </c>
      <c r="B33967" s="6"/>
      <c r="C33967" s="6" t="s">
        <v>32230</v>
      </c>
      <c r="D33967" s="6"/>
      <c r="E33967" s="6" t="s">
        <v>9</v>
      </c>
      <c r="F33967" s="7">
        <v>29305</v>
      </c>
      <c r="G33967" s="8">
        <v>6372000</v>
      </c>
      <c r="H33967" s="8">
        <v>1146960</v>
      </c>
      <c r="I33967" s="8">
        <v>5352480</v>
      </c>
      <c r="J33967" s="8">
        <v>1019520</v>
      </c>
      <c r="K33967" s="9"/>
      <c r="L33967" s="6"/>
    </row>
    <row r="33968" spans="1:12">
      <c r="A33968" s="6" t="s">
        <v>34164</v>
      </c>
      <c r="B33968" s="6"/>
      <c r="C33968" s="6" t="s">
        <v>32230</v>
      </c>
      <c r="D33968" s="6"/>
      <c r="E33968" s="6" t="s">
        <v>9</v>
      </c>
      <c r="F33968" s="7">
        <v>29305</v>
      </c>
      <c r="G33968" s="8">
        <v>5694300</v>
      </c>
      <c r="H33968" s="8">
        <v>1024974</v>
      </c>
      <c r="I33968" s="8">
        <v>4783212</v>
      </c>
      <c r="J33968" s="8">
        <v>911088</v>
      </c>
      <c r="K33968" s="9"/>
      <c r="L33968" s="6"/>
    </row>
    <row r="33969" spans="1:12">
      <c r="A33969" s="6" t="s">
        <v>34165</v>
      </c>
      <c r="B33969" s="6"/>
      <c r="C33969" s="6" t="s">
        <v>32230</v>
      </c>
      <c r="D33969" s="6"/>
      <c r="E33969" s="6" t="s">
        <v>9</v>
      </c>
      <c r="F33969" s="7">
        <v>29305</v>
      </c>
      <c r="G33969" s="8">
        <v>9328500</v>
      </c>
      <c r="H33969" s="8">
        <v>1679130</v>
      </c>
      <c r="I33969" s="8">
        <v>7835940</v>
      </c>
      <c r="J33969" s="8">
        <v>1492560</v>
      </c>
      <c r="K33969" s="9"/>
      <c r="L33969" s="6"/>
    </row>
    <row r="33970" spans="1:12">
      <c r="A33970" s="6" t="s">
        <v>34166</v>
      </c>
      <c r="B33970" s="6"/>
      <c r="C33970" s="6" t="s">
        <v>32230</v>
      </c>
      <c r="D33970" s="6"/>
      <c r="E33970" s="6" t="s">
        <v>9</v>
      </c>
      <c r="F33970" s="7">
        <v>29305</v>
      </c>
      <c r="G33970" s="8">
        <v>3752500</v>
      </c>
      <c r="H33970" s="8">
        <v>675450</v>
      </c>
      <c r="I33970" s="8">
        <v>3152100</v>
      </c>
      <c r="J33970" s="8">
        <v>600400</v>
      </c>
      <c r="K33970" s="9"/>
      <c r="L33970" s="6"/>
    </row>
    <row r="33971" spans="1:12">
      <c r="A33971" s="6" t="s">
        <v>34167</v>
      </c>
      <c r="B33971" s="6"/>
      <c r="C33971" s="6" t="s">
        <v>32230</v>
      </c>
      <c r="D33971" s="6"/>
      <c r="E33971" s="6" t="s">
        <v>9</v>
      </c>
      <c r="F33971" s="7">
        <v>29305</v>
      </c>
      <c r="G33971" s="8">
        <v>42468300</v>
      </c>
      <c r="H33971" s="8">
        <v>7644294</v>
      </c>
      <c r="I33971" s="8">
        <v>35673372</v>
      </c>
      <c r="J33971" s="8">
        <v>6794928</v>
      </c>
      <c r="K33971" s="9"/>
      <c r="L33971" s="6"/>
    </row>
    <row r="33972" spans="1:12">
      <c r="A33972" s="6" t="s">
        <v>34168</v>
      </c>
      <c r="B33972" s="6"/>
      <c r="C33972" s="6" t="s">
        <v>32230</v>
      </c>
      <c r="D33972" s="6"/>
      <c r="E33972" s="6" t="s">
        <v>9</v>
      </c>
      <c r="F33972" s="7">
        <v>39479</v>
      </c>
      <c r="G33972" s="8">
        <v>7144200</v>
      </c>
      <c r="H33972" s="8">
        <v>5286708</v>
      </c>
      <c r="I33972" s="8">
        <v>2000376</v>
      </c>
      <c r="J33972" s="8">
        <v>5143824</v>
      </c>
      <c r="K33972" s="9"/>
      <c r="L33972" s="6"/>
    </row>
    <row r="33973" spans="1:12">
      <c r="A33973" s="6" t="s">
        <v>34169</v>
      </c>
      <c r="B33973" s="6"/>
      <c r="C33973" s="6" t="s">
        <v>32230</v>
      </c>
      <c r="D33973" s="6"/>
      <c r="E33973" s="6" t="s">
        <v>9</v>
      </c>
      <c r="F33973" s="7">
        <v>29305</v>
      </c>
      <c r="G33973" s="8">
        <v>2079000</v>
      </c>
      <c r="H33973" s="8">
        <v>374220</v>
      </c>
      <c r="I33973" s="8">
        <v>1746360</v>
      </c>
      <c r="J33973" s="8">
        <v>332640</v>
      </c>
      <c r="K33973" s="9"/>
      <c r="L33973" s="6"/>
    </row>
    <row r="33974" spans="1:12">
      <c r="A33974" s="6" t="s">
        <v>34170</v>
      </c>
      <c r="B33974" s="6"/>
      <c r="C33974" s="6" t="s">
        <v>32230</v>
      </c>
      <c r="D33974" s="6"/>
      <c r="E33974" s="6" t="s">
        <v>9</v>
      </c>
      <c r="F33974" s="7">
        <v>29305</v>
      </c>
      <c r="G33974" s="8">
        <v>703000</v>
      </c>
      <c r="H33974" s="8">
        <v>126540</v>
      </c>
      <c r="I33974" s="8">
        <v>590520</v>
      </c>
      <c r="J33974" s="8">
        <v>112480</v>
      </c>
      <c r="K33974" s="9"/>
      <c r="L33974" s="6"/>
    </row>
    <row r="33975" spans="1:12">
      <c r="A33975" s="6" t="s">
        <v>34171</v>
      </c>
      <c r="B33975" s="6"/>
      <c r="C33975" s="6" t="s">
        <v>32230</v>
      </c>
      <c r="D33975" s="6"/>
      <c r="E33975" s="6" t="s">
        <v>9</v>
      </c>
      <c r="F33975" s="7">
        <v>29305</v>
      </c>
      <c r="G33975" s="8">
        <v>3207200</v>
      </c>
      <c r="H33975" s="8">
        <v>577296</v>
      </c>
      <c r="I33975" s="8">
        <v>2694048</v>
      </c>
      <c r="J33975" s="8">
        <v>513152</v>
      </c>
      <c r="K33975" s="9"/>
      <c r="L33975" s="6"/>
    </row>
    <row r="33976" spans="1:12">
      <c r="A33976" s="6" t="s">
        <v>34172</v>
      </c>
      <c r="B33976" s="6"/>
      <c r="C33976" s="6" t="s">
        <v>32230</v>
      </c>
      <c r="D33976" s="6"/>
      <c r="E33976" s="6" t="s">
        <v>9</v>
      </c>
      <c r="F33976" s="7">
        <v>29305</v>
      </c>
      <c r="G33976" s="8">
        <v>1540900</v>
      </c>
      <c r="H33976" s="8">
        <v>277362</v>
      </c>
      <c r="I33976" s="8">
        <v>1294356</v>
      </c>
      <c r="J33976" s="8">
        <v>246544</v>
      </c>
      <c r="K33976" s="9"/>
      <c r="L33976" s="6"/>
    </row>
    <row r="33977" spans="1:12">
      <c r="A33977" s="6" t="s">
        <v>34173</v>
      </c>
      <c r="B33977" s="6"/>
      <c r="C33977" s="6" t="s">
        <v>32230</v>
      </c>
      <c r="D33977" s="6"/>
      <c r="E33977" s="6" t="s">
        <v>9</v>
      </c>
      <c r="F33977" s="7">
        <v>31472</v>
      </c>
      <c r="G33977" s="8">
        <v>11234700</v>
      </c>
      <c r="H33977" s="8">
        <v>3370410</v>
      </c>
      <c r="I33977" s="8">
        <v>8088984</v>
      </c>
      <c r="J33977" s="8">
        <v>3145716</v>
      </c>
      <c r="K33977" s="9"/>
      <c r="L33977" s="6"/>
    </row>
    <row r="33978" spans="1:12">
      <c r="A33978" s="6" t="s">
        <v>34174</v>
      </c>
      <c r="B33978" s="6"/>
      <c r="C33978" s="6" t="s">
        <v>32230</v>
      </c>
      <c r="D33978" s="6"/>
      <c r="E33978" s="6" t="s">
        <v>9</v>
      </c>
      <c r="F33978" s="7">
        <v>31472</v>
      </c>
      <c r="G33978" s="8">
        <v>9541800</v>
      </c>
      <c r="H33978" s="8">
        <v>2862540</v>
      </c>
      <c r="I33978" s="8">
        <v>6870096</v>
      </c>
      <c r="J33978" s="8">
        <v>2671704</v>
      </c>
      <c r="K33978" s="9"/>
      <c r="L33978" s="6"/>
    </row>
    <row r="33979" spans="1:12">
      <c r="A33979" s="6" t="s">
        <v>34175</v>
      </c>
      <c r="B33979" s="6"/>
      <c r="C33979" s="6" t="s">
        <v>32230</v>
      </c>
      <c r="D33979" s="6"/>
      <c r="E33979" s="6" t="s">
        <v>9</v>
      </c>
      <c r="F33979" s="7">
        <v>31472</v>
      </c>
      <c r="G33979" s="8">
        <v>7938000</v>
      </c>
      <c r="H33979" s="8">
        <v>2381400</v>
      </c>
      <c r="I33979" s="8">
        <v>5715360</v>
      </c>
      <c r="J33979" s="8">
        <v>2222640</v>
      </c>
      <c r="K33979" s="9"/>
      <c r="L33979" s="6"/>
    </row>
    <row r="33980" spans="1:12">
      <c r="A33980" s="6" t="s">
        <v>34176</v>
      </c>
      <c r="B33980" s="6"/>
      <c r="C33980" s="6" t="s">
        <v>32230</v>
      </c>
      <c r="D33980" s="6"/>
      <c r="E33980" s="6" t="s">
        <v>9</v>
      </c>
      <c r="F33980" s="7">
        <v>31472</v>
      </c>
      <c r="G33980" s="8">
        <v>1036800</v>
      </c>
      <c r="H33980" s="8">
        <v>311040</v>
      </c>
      <c r="I33980" s="8">
        <v>746496</v>
      </c>
      <c r="J33980" s="8">
        <v>290304</v>
      </c>
      <c r="K33980" s="9"/>
      <c r="L33980" s="6"/>
    </row>
    <row r="33981" spans="1:12">
      <c r="A33981" s="6" t="s">
        <v>34177</v>
      </c>
      <c r="B33981" s="6"/>
      <c r="C33981" s="6" t="s">
        <v>32230</v>
      </c>
      <c r="D33981" s="6"/>
      <c r="E33981" s="6" t="s">
        <v>9</v>
      </c>
      <c r="F33981" s="7">
        <v>32448</v>
      </c>
      <c r="G33981" s="8">
        <v>3952800</v>
      </c>
      <c r="H33981" s="8">
        <v>1423008</v>
      </c>
      <c r="I33981" s="8">
        <v>2608848</v>
      </c>
      <c r="J33981" s="8">
        <v>1343952</v>
      </c>
      <c r="K33981" s="9"/>
      <c r="L33981" s="6"/>
    </row>
    <row r="33982" spans="1:12">
      <c r="A33982" s="6" t="s">
        <v>34178</v>
      </c>
      <c r="B33982" s="6"/>
      <c r="C33982" s="6" t="s">
        <v>32230</v>
      </c>
      <c r="D33982" s="6"/>
      <c r="E33982" s="6" t="s">
        <v>9</v>
      </c>
      <c r="F33982" s="7">
        <v>32448</v>
      </c>
      <c r="G33982" s="8">
        <v>3458700</v>
      </c>
      <c r="H33982" s="8">
        <v>1245132</v>
      </c>
      <c r="I33982" s="8">
        <v>2282742</v>
      </c>
      <c r="J33982" s="8">
        <v>1175958</v>
      </c>
      <c r="K33982" s="9"/>
      <c r="L33982" s="6"/>
    </row>
    <row r="33983" spans="1:12">
      <c r="A33983" s="6" t="s">
        <v>34179</v>
      </c>
      <c r="B33983" s="6"/>
      <c r="C33983" s="6" t="s">
        <v>32230</v>
      </c>
      <c r="D33983" s="6"/>
      <c r="E33983" s="6" t="s">
        <v>9</v>
      </c>
      <c r="F33983" s="7">
        <v>29305</v>
      </c>
      <c r="G33983" s="8">
        <v>9936000</v>
      </c>
      <c r="H33983" s="8">
        <v>1788480</v>
      </c>
      <c r="I33983" s="8">
        <v>8346240</v>
      </c>
      <c r="J33983" s="8">
        <v>1589760</v>
      </c>
      <c r="K33983" s="9"/>
      <c r="L33983" s="6"/>
    </row>
    <row r="33984" spans="1:12">
      <c r="A33984" s="6" t="s">
        <v>34180</v>
      </c>
      <c r="B33984" s="6"/>
      <c r="C33984" s="6" t="s">
        <v>32230</v>
      </c>
      <c r="D33984" s="6"/>
      <c r="E33984" s="6" t="s">
        <v>9</v>
      </c>
      <c r="F33984" s="7">
        <v>29305</v>
      </c>
      <c r="G33984" s="8">
        <v>1282500</v>
      </c>
      <c r="H33984" s="8">
        <v>230850</v>
      </c>
      <c r="I33984" s="8">
        <v>1077300</v>
      </c>
      <c r="J33984" s="8">
        <v>205200</v>
      </c>
      <c r="K33984" s="9"/>
      <c r="L33984" s="6"/>
    </row>
    <row r="33985" spans="1:12">
      <c r="A33985" s="6" t="s">
        <v>34181</v>
      </c>
      <c r="B33985" s="6"/>
      <c r="C33985" s="6" t="s">
        <v>32230</v>
      </c>
      <c r="D33985" s="6"/>
      <c r="E33985" s="6" t="s">
        <v>9</v>
      </c>
      <c r="F33985" s="7">
        <v>29305</v>
      </c>
      <c r="G33985" s="8">
        <v>3780000</v>
      </c>
      <c r="H33985" s="8">
        <v>680400</v>
      </c>
      <c r="I33985" s="8">
        <v>3175200</v>
      </c>
      <c r="J33985" s="8">
        <v>604800</v>
      </c>
      <c r="K33985" s="9"/>
      <c r="L33985" s="6"/>
    </row>
    <row r="33986" spans="1:12">
      <c r="A33986" s="6" t="s">
        <v>34182</v>
      </c>
      <c r="B33986" s="6"/>
      <c r="C33986" s="6" t="s">
        <v>32230</v>
      </c>
      <c r="D33986" s="6"/>
      <c r="E33986" s="6" t="s">
        <v>9</v>
      </c>
      <c r="F33986" s="7">
        <v>29305</v>
      </c>
      <c r="G33986" s="8">
        <v>2959200</v>
      </c>
      <c r="H33986" s="8">
        <v>532656</v>
      </c>
      <c r="I33986" s="8">
        <v>2485728</v>
      </c>
      <c r="J33986" s="8">
        <v>473472</v>
      </c>
      <c r="K33986" s="9"/>
      <c r="L33986" s="6"/>
    </row>
    <row r="33987" spans="1:12">
      <c r="A33987" s="6" t="s">
        <v>34183</v>
      </c>
      <c r="B33987" s="6"/>
      <c r="C33987" s="6" t="s">
        <v>32230</v>
      </c>
      <c r="D33987" s="6"/>
      <c r="E33987" s="6" t="s">
        <v>9</v>
      </c>
      <c r="F33987" s="7">
        <v>29305</v>
      </c>
      <c r="G33987" s="8">
        <v>2754000</v>
      </c>
      <c r="H33987" s="8">
        <v>495720</v>
      </c>
      <c r="I33987" s="8">
        <v>2313360</v>
      </c>
      <c r="J33987" s="8">
        <v>440640</v>
      </c>
      <c r="K33987" s="9"/>
      <c r="L33987" s="6"/>
    </row>
    <row r="33988" spans="1:12">
      <c r="A33988" s="6" t="s">
        <v>34184</v>
      </c>
      <c r="B33988" s="6"/>
      <c r="C33988" s="6" t="s">
        <v>32230</v>
      </c>
      <c r="D33988" s="6"/>
      <c r="E33988" s="6" t="s">
        <v>9</v>
      </c>
      <c r="F33988" s="7">
        <v>29305</v>
      </c>
      <c r="G33988" s="8">
        <v>26730000</v>
      </c>
      <c r="H33988" s="8">
        <v>4811400</v>
      </c>
      <c r="I33988" s="8">
        <v>22453200</v>
      </c>
      <c r="J33988" s="8">
        <v>4276800</v>
      </c>
      <c r="K33988" s="9"/>
      <c r="L33988" s="6"/>
    </row>
    <row r="33989" spans="1:12">
      <c r="A33989" s="6" t="s">
        <v>34185</v>
      </c>
      <c r="B33989" s="6"/>
      <c r="C33989" s="6" t="s">
        <v>32230</v>
      </c>
      <c r="D33989" s="6"/>
      <c r="E33989" s="6" t="s">
        <v>9</v>
      </c>
      <c r="F33989" s="7">
        <v>33592</v>
      </c>
      <c r="G33989" s="8">
        <v>67213800</v>
      </c>
      <c r="H33989" s="8">
        <v>28229796</v>
      </c>
      <c r="I33989" s="8">
        <v>40328280</v>
      </c>
      <c r="J33989" s="8">
        <v>26885520</v>
      </c>
      <c r="K33989" s="9"/>
      <c r="L33989" s="6"/>
    </row>
    <row r="33990" spans="1:12">
      <c r="A33990" s="6" t="s">
        <v>33185</v>
      </c>
      <c r="B33990" s="6"/>
      <c r="C33990" s="6" t="s">
        <v>32230</v>
      </c>
      <c r="D33990" s="6"/>
      <c r="E33990" s="6" t="s">
        <v>9</v>
      </c>
      <c r="F33990" s="7"/>
      <c r="G33990" s="8">
        <v>1</v>
      </c>
      <c r="H33990" s="8">
        <v>1</v>
      </c>
      <c r="I33990" s="8">
        <v>0</v>
      </c>
      <c r="J33990" s="8">
        <v>1</v>
      </c>
      <c r="K33990" s="9"/>
      <c r="L33990" s="6"/>
    </row>
    <row r="33991" spans="1:12">
      <c r="A33991" s="6" t="s">
        <v>34186</v>
      </c>
      <c r="B33991" s="6"/>
      <c r="C33991" s="6" t="s">
        <v>32230</v>
      </c>
      <c r="D33991" s="6"/>
      <c r="E33991" s="6" t="s">
        <v>9</v>
      </c>
      <c r="F33991" s="7">
        <v>29305</v>
      </c>
      <c r="G33991" s="8">
        <v>3699000</v>
      </c>
      <c r="H33991" s="8">
        <v>665820</v>
      </c>
      <c r="I33991" s="8">
        <v>3107160</v>
      </c>
      <c r="J33991" s="8">
        <v>591840</v>
      </c>
      <c r="K33991" s="9"/>
      <c r="L33991" s="6"/>
    </row>
    <row r="33992" spans="1:12">
      <c r="A33992" s="6" t="s">
        <v>34187</v>
      </c>
      <c r="B33992" s="6"/>
      <c r="C33992" s="6" t="s">
        <v>32230</v>
      </c>
      <c r="D33992" s="6"/>
      <c r="E33992" s="6" t="s">
        <v>9</v>
      </c>
      <c r="F33992" s="7">
        <v>33437</v>
      </c>
      <c r="G33992" s="8">
        <v>11288700</v>
      </c>
      <c r="H33992" s="8">
        <v>4741254</v>
      </c>
      <c r="I33992" s="8">
        <v>6773220</v>
      </c>
      <c r="J33992" s="8">
        <v>4515480</v>
      </c>
      <c r="K33992" s="9"/>
      <c r="L33992" s="6"/>
    </row>
    <row r="33993" spans="1:12">
      <c r="A33993" s="6" t="s">
        <v>33185</v>
      </c>
      <c r="B33993" s="6"/>
      <c r="C33993" s="6" t="s">
        <v>32230</v>
      </c>
      <c r="D33993" s="6"/>
      <c r="E33993" s="6" t="s">
        <v>9</v>
      </c>
      <c r="F33993" s="7">
        <v>19450</v>
      </c>
      <c r="G33993" s="8">
        <v>11193000</v>
      </c>
      <c r="H33993" s="8">
        <v>1</v>
      </c>
      <c r="I33993" s="8">
        <v>11192999</v>
      </c>
      <c r="J33993" s="8">
        <v>1</v>
      </c>
      <c r="K33993" s="9"/>
      <c r="L33993" s="6"/>
    </row>
    <row r="33994" spans="1:12">
      <c r="A33994" s="6" t="s">
        <v>34188</v>
      </c>
      <c r="B33994" s="6"/>
      <c r="C33994" s="6" t="s">
        <v>32230</v>
      </c>
      <c r="D33994" s="6"/>
      <c r="E33994" s="6"/>
      <c r="F33994" s="7">
        <v>43922</v>
      </c>
      <c r="G33994" s="8">
        <v>1287000</v>
      </c>
      <c r="H33994" s="8">
        <v>1287000</v>
      </c>
      <c r="I33994" s="8">
        <v>25740</v>
      </c>
      <c r="J33994" s="8">
        <v>1261260</v>
      </c>
      <c r="K33994" s="9"/>
      <c r="L33994" s="6"/>
    </row>
    <row r="33995" spans="1:12">
      <c r="A33995" s="6" t="s">
        <v>34188</v>
      </c>
      <c r="B33995" s="6"/>
      <c r="C33995" s="6" t="s">
        <v>32230</v>
      </c>
      <c r="D33995" s="6"/>
      <c r="E33995" s="6"/>
      <c r="F33995" s="7">
        <v>43922</v>
      </c>
      <c r="G33995" s="8">
        <v>601700</v>
      </c>
      <c r="H33995" s="8">
        <v>601700</v>
      </c>
      <c r="I33995" s="8">
        <v>12034</v>
      </c>
      <c r="J33995" s="8">
        <v>589666</v>
      </c>
      <c r="K33995" s="9"/>
      <c r="L33995" s="6"/>
    </row>
    <row r="33996" spans="1:12">
      <c r="A33996" s="6" t="s">
        <v>34188</v>
      </c>
      <c r="B33996" s="6"/>
      <c r="C33996" s="6" t="s">
        <v>32230</v>
      </c>
      <c r="D33996" s="6"/>
      <c r="E33996" s="6" t="s">
        <v>9</v>
      </c>
      <c r="F33996" s="7">
        <v>29305</v>
      </c>
      <c r="G33996" s="8">
        <v>40014000</v>
      </c>
      <c r="H33996" s="8">
        <v>7202520</v>
      </c>
      <c r="I33996" s="8">
        <v>33611760</v>
      </c>
      <c r="J33996" s="8">
        <v>6402240</v>
      </c>
      <c r="K33996" s="9"/>
      <c r="L33996" s="6"/>
    </row>
    <row r="33997" spans="1:12">
      <c r="A33997" s="6" t="s">
        <v>34189</v>
      </c>
      <c r="B33997" s="6"/>
      <c r="C33997" s="6" t="s">
        <v>32230</v>
      </c>
      <c r="D33997" s="6"/>
      <c r="E33997" s="6" t="s">
        <v>9</v>
      </c>
      <c r="F33997" s="7">
        <v>43824</v>
      </c>
      <c r="G33997" s="8">
        <v>15688980</v>
      </c>
      <c r="H33997" s="8">
        <v>15375201</v>
      </c>
      <c r="I33997" s="8">
        <v>627558</v>
      </c>
      <c r="J33997" s="8">
        <v>15061422</v>
      </c>
      <c r="K33997" s="9"/>
      <c r="L33997" s="6"/>
    </row>
    <row r="33998" spans="1:12">
      <c r="A33998" s="6" t="s">
        <v>34190</v>
      </c>
      <c r="B33998" s="6"/>
      <c r="C33998" s="6" t="s">
        <v>32230</v>
      </c>
      <c r="D33998" s="6"/>
      <c r="E33998" s="6" t="s">
        <v>9</v>
      </c>
      <c r="F33998" s="7">
        <v>29305</v>
      </c>
      <c r="G33998" s="8">
        <v>8002800</v>
      </c>
      <c r="H33998" s="8">
        <v>1440504</v>
      </c>
      <c r="I33998" s="8">
        <v>6722352</v>
      </c>
      <c r="J33998" s="8">
        <v>1280448</v>
      </c>
      <c r="K33998" s="9"/>
      <c r="L33998" s="6"/>
    </row>
    <row r="33999" spans="1:12">
      <c r="A33999" s="6" t="s">
        <v>34191</v>
      </c>
      <c r="B33999" s="6"/>
      <c r="C33999" s="6" t="s">
        <v>32230</v>
      </c>
      <c r="D33999" s="6"/>
      <c r="E33999" s="6" t="s">
        <v>9</v>
      </c>
      <c r="F33999" s="7">
        <v>29305</v>
      </c>
      <c r="G33999" s="8">
        <v>7236000</v>
      </c>
      <c r="H33999" s="8">
        <v>1302480</v>
      </c>
      <c r="I33999" s="8">
        <v>6078240</v>
      </c>
      <c r="J33999" s="8">
        <v>1157760</v>
      </c>
      <c r="K33999" s="9"/>
      <c r="L33999" s="6"/>
    </row>
    <row r="34000" spans="1:12">
      <c r="A34000" s="6" t="s">
        <v>34192</v>
      </c>
      <c r="B34000" s="6"/>
      <c r="C34000" s="6" t="s">
        <v>32230</v>
      </c>
      <c r="D34000" s="6"/>
      <c r="E34000" s="6" t="s">
        <v>9</v>
      </c>
      <c r="F34000" s="7">
        <v>29305</v>
      </c>
      <c r="G34000" s="8">
        <v>3796200</v>
      </c>
      <c r="H34000" s="8">
        <v>683316</v>
      </c>
      <c r="I34000" s="8">
        <v>3188808</v>
      </c>
      <c r="J34000" s="8">
        <v>607392</v>
      </c>
      <c r="K34000" s="9"/>
      <c r="L34000" s="6"/>
    </row>
    <row r="34001" spans="1:12">
      <c r="A34001" s="6" t="s">
        <v>34193</v>
      </c>
      <c r="B34001" s="6"/>
      <c r="C34001" s="6" t="s">
        <v>32230</v>
      </c>
      <c r="D34001" s="6"/>
      <c r="E34001" s="6" t="s">
        <v>9</v>
      </c>
      <c r="F34001" s="7">
        <v>29305</v>
      </c>
      <c r="G34001" s="8">
        <v>1368000</v>
      </c>
      <c r="H34001" s="8">
        <v>246240</v>
      </c>
      <c r="I34001" s="8">
        <v>1149120</v>
      </c>
      <c r="J34001" s="8">
        <v>218880</v>
      </c>
      <c r="K34001" s="9"/>
      <c r="L34001" s="6"/>
    </row>
    <row r="34002" spans="1:12">
      <c r="A34002" s="6" t="s">
        <v>34194</v>
      </c>
      <c r="B34002" s="6"/>
      <c r="C34002" s="6" t="s">
        <v>32230</v>
      </c>
      <c r="D34002" s="6"/>
      <c r="E34002" s="6" t="s">
        <v>9</v>
      </c>
      <c r="F34002" s="7">
        <v>29305</v>
      </c>
      <c r="G34002" s="8">
        <v>2511000</v>
      </c>
      <c r="H34002" s="8">
        <v>451980</v>
      </c>
      <c r="I34002" s="8">
        <v>2109240</v>
      </c>
      <c r="J34002" s="8">
        <v>401760</v>
      </c>
      <c r="K34002" s="9"/>
      <c r="L34002" s="6"/>
    </row>
    <row r="34003" spans="1:12">
      <c r="A34003" s="6" t="s">
        <v>34195</v>
      </c>
      <c r="B34003" s="6"/>
      <c r="C34003" s="6" t="s">
        <v>32230</v>
      </c>
      <c r="D34003" s="6"/>
      <c r="E34003" s="6" t="s">
        <v>9</v>
      </c>
      <c r="F34003" s="7">
        <v>29305</v>
      </c>
      <c r="G34003" s="8">
        <v>1981700</v>
      </c>
      <c r="H34003" s="8">
        <v>356706</v>
      </c>
      <c r="I34003" s="8">
        <v>1664628</v>
      </c>
      <c r="J34003" s="8">
        <v>317072</v>
      </c>
      <c r="K34003" s="9"/>
      <c r="L34003" s="6"/>
    </row>
    <row r="34004" spans="1:12">
      <c r="A34004" s="6" t="s">
        <v>34196</v>
      </c>
      <c r="B34004" s="6"/>
      <c r="C34004" s="6" t="s">
        <v>32230</v>
      </c>
      <c r="D34004" s="6"/>
      <c r="E34004" s="6" t="s">
        <v>9</v>
      </c>
      <c r="F34004" s="7">
        <v>29305</v>
      </c>
      <c r="G34004" s="8">
        <v>1738500</v>
      </c>
      <c r="H34004" s="8">
        <v>312930</v>
      </c>
      <c r="I34004" s="8">
        <v>1460340</v>
      </c>
      <c r="J34004" s="8">
        <v>278160</v>
      </c>
      <c r="K34004" s="9"/>
      <c r="L34004" s="6"/>
    </row>
    <row r="34005" spans="1:12">
      <c r="A34005" s="6" t="s">
        <v>34197</v>
      </c>
      <c r="B34005" s="6"/>
      <c r="C34005" s="6" t="s">
        <v>32230</v>
      </c>
      <c r="D34005" s="6"/>
      <c r="E34005" s="6" t="s">
        <v>9</v>
      </c>
      <c r="F34005" s="7">
        <v>29305</v>
      </c>
      <c r="G34005" s="8">
        <v>14944500</v>
      </c>
      <c r="H34005" s="8">
        <v>2690010</v>
      </c>
      <c r="I34005" s="8">
        <v>12553380</v>
      </c>
      <c r="J34005" s="8">
        <v>2391120</v>
      </c>
      <c r="K34005" s="9"/>
      <c r="L34005" s="6"/>
    </row>
    <row r="34006" spans="1:12">
      <c r="A34006" s="6" t="s">
        <v>34198</v>
      </c>
      <c r="B34006" s="6"/>
      <c r="C34006" s="6" t="s">
        <v>32230</v>
      </c>
      <c r="D34006" s="6"/>
      <c r="E34006" s="6" t="s">
        <v>9</v>
      </c>
      <c r="F34006" s="7">
        <v>29305</v>
      </c>
      <c r="G34006" s="8">
        <v>2101400</v>
      </c>
      <c r="H34006" s="8">
        <v>378252</v>
      </c>
      <c r="I34006" s="8">
        <v>1765176</v>
      </c>
      <c r="J34006" s="8">
        <v>336224</v>
      </c>
      <c r="K34006" s="9"/>
      <c r="L34006" s="6"/>
    </row>
    <row r="34007" spans="1:12">
      <c r="A34007" s="6" t="s">
        <v>34199</v>
      </c>
      <c r="B34007" s="6"/>
      <c r="C34007" s="6" t="s">
        <v>32230</v>
      </c>
      <c r="D34007" s="6"/>
      <c r="E34007" s="6" t="s">
        <v>9</v>
      </c>
      <c r="F34007" s="7">
        <v>31500</v>
      </c>
      <c r="G34007" s="8">
        <v>1520000</v>
      </c>
      <c r="H34007" s="8">
        <v>456000</v>
      </c>
      <c r="I34007" s="8">
        <v>1094400</v>
      </c>
      <c r="J34007" s="8">
        <v>425600</v>
      </c>
      <c r="K34007" s="9"/>
      <c r="L34007" s="6"/>
    </row>
    <row r="34008" spans="1:12">
      <c r="A34008" s="6" t="s">
        <v>34200</v>
      </c>
      <c r="B34008" s="6"/>
      <c r="C34008" s="6" t="s">
        <v>32230</v>
      </c>
      <c r="D34008" s="6"/>
      <c r="E34008" s="6" t="s">
        <v>9</v>
      </c>
      <c r="F34008" s="7">
        <v>29305</v>
      </c>
      <c r="G34008" s="8">
        <v>3207600</v>
      </c>
      <c r="H34008" s="8">
        <v>577368</v>
      </c>
      <c r="I34008" s="8">
        <v>2694384</v>
      </c>
      <c r="J34008" s="8">
        <v>513216</v>
      </c>
      <c r="K34008" s="9"/>
      <c r="L34008" s="6"/>
    </row>
    <row r="34009" spans="1:12">
      <c r="A34009" s="6" t="s">
        <v>34201</v>
      </c>
      <c r="B34009" s="6"/>
      <c r="C34009" s="6" t="s">
        <v>32230</v>
      </c>
      <c r="D34009" s="6"/>
      <c r="E34009" s="6" t="s">
        <v>9</v>
      </c>
      <c r="F34009" s="7">
        <v>29305</v>
      </c>
      <c r="G34009" s="8">
        <v>1510500</v>
      </c>
      <c r="H34009" s="8">
        <v>271890</v>
      </c>
      <c r="I34009" s="8">
        <v>1268820</v>
      </c>
      <c r="J34009" s="8">
        <v>241680</v>
      </c>
      <c r="K34009" s="9"/>
      <c r="L34009" s="6"/>
    </row>
    <row r="34010" spans="1:12">
      <c r="A34010" s="6" t="s">
        <v>34202</v>
      </c>
      <c r="B34010" s="6"/>
      <c r="C34010" s="6" t="s">
        <v>32230</v>
      </c>
      <c r="D34010" s="6"/>
      <c r="E34010" s="6" t="s">
        <v>9</v>
      </c>
      <c r="F34010" s="7">
        <v>32233</v>
      </c>
      <c r="G34010" s="8">
        <v>104085000</v>
      </c>
      <c r="H34010" s="8">
        <v>35388900</v>
      </c>
      <c r="I34010" s="8">
        <v>70777800</v>
      </c>
      <c r="J34010" s="8">
        <v>33307200</v>
      </c>
      <c r="K34010" s="9"/>
      <c r="L34010" s="6"/>
    </row>
    <row r="34011" spans="1:12">
      <c r="A34011" s="6" t="s">
        <v>34203</v>
      </c>
      <c r="B34011" s="6"/>
      <c r="C34011" s="6" t="s">
        <v>32230</v>
      </c>
      <c r="D34011" s="6"/>
      <c r="E34011" s="6" t="s">
        <v>9</v>
      </c>
      <c r="F34011" s="7">
        <v>33592</v>
      </c>
      <c r="G34011" s="8">
        <v>43853400</v>
      </c>
      <c r="H34011" s="8">
        <v>18418428</v>
      </c>
      <c r="I34011" s="8">
        <v>26312040</v>
      </c>
      <c r="J34011" s="8">
        <v>17541360</v>
      </c>
      <c r="K34011" s="9"/>
      <c r="L34011" s="6"/>
    </row>
    <row r="34012" spans="1:12">
      <c r="A34012" s="6" t="s">
        <v>34204</v>
      </c>
      <c r="B34012" s="6"/>
      <c r="C34012" s="6" t="s">
        <v>32230</v>
      </c>
      <c r="D34012" s="6"/>
      <c r="E34012" s="6" t="s">
        <v>9</v>
      </c>
      <c r="F34012" s="7">
        <v>29305</v>
      </c>
      <c r="G34012" s="8">
        <v>54999000</v>
      </c>
      <c r="H34012" s="8">
        <v>9899820</v>
      </c>
      <c r="I34012" s="8">
        <v>46199160</v>
      </c>
      <c r="J34012" s="8">
        <v>8799840</v>
      </c>
      <c r="K34012" s="9"/>
      <c r="L34012" s="6"/>
    </row>
    <row r="34013" spans="1:12">
      <c r="A34013" s="6" t="s">
        <v>33185</v>
      </c>
      <c r="B34013" s="6"/>
      <c r="C34013" s="6" t="s">
        <v>32230</v>
      </c>
      <c r="D34013" s="6"/>
      <c r="E34013" s="6" t="s">
        <v>9</v>
      </c>
      <c r="F34013" s="7">
        <v>19450</v>
      </c>
      <c r="G34013" s="8">
        <v>8681400</v>
      </c>
      <c r="H34013" s="8">
        <v>1</v>
      </c>
      <c r="I34013" s="8">
        <v>8681399</v>
      </c>
      <c r="J34013" s="8">
        <v>1</v>
      </c>
      <c r="K34013" s="9"/>
      <c r="L34013" s="6"/>
    </row>
    <row r="34014" spans="1:12">
      <c r="A34014" s="6" t="s">
        <v>34205</v>
      </c>
      <c r="B34014" s="6"/>
      <c r="C34014" s="6" t="s">
        <v>32230</v>
      </c>
      <c r="D34014" s="6"/>
      <c r="E34014" s="6" t="s">
        <v>9</v>
      </c>
      <c r="F34014" s="7">
        <v>33592</v>
      </c>
      <c r="G34014" s="8">
        <v>3834000</v>
      </c>
      <c r="H34014" s="8">
        <v>1610280</v>
      </c>
      <c r="I34014" s="8">
        <v>2300400</v>
      </c>
      <c r="J34014" s="8">
        <v>1533600</v>
      </c>
      <c r="K34014" s="9"/>
      <c r="L34014" s="6"/>
    </row>
    <row r="34015" spans="1:12">
      <c r="A34015" s="6" t="s">
        <v>34206</v>
      </c>
      <c r="B34015" s="6"/>
      <c r="C34015" s="6" t="s">
        <v>32230</v>
      </c>
      <c r="D34015" s="6"/>
      <c r="E34015" s="6" t="s">
        <v>9</v>
      </c>
      <c r="F34015" s="7">
        <v>33592</v>
      </c>
      <c r="G34015" s="8">
        <v>4225500</v>
      </c>
      <c r="H34015" s="8">
        <v>1774710</v>
      </c>
      <c r="I34015" s="8">
        <v>2535300</v>
      </c>
      <c r="J34015" s="8">
        <v>1690200</v>
      </c>
      <c r="K34015" s="9"/>
      <c r="L34015" s="6"/>
    </row>
    <row r="34016" spans="1:12">
      <c r="A34016" s="6" t="s">
        <v>34207</v>
      </c>
      <c r="B34016" s="6"/>
      <c r="C34016" s="6" t="s">
        <v>32230</v>
      </c>
      <c r="D34016" s="6"/>
      <c r="E34016" s="6" t="s">
        <v>9</v>
      </c>
      <c r="F34016" s="7">
        <v>29305</v>
      </c>
      <c r="G34016" s="8">
        <v>459000</v>
      </c>
      <c r="H34016" s="8">
        <v>82620</v>
      </c>
      <c r="I34016" s="8">
        <v>385560</v>
      </c>
      <c r="J34016" s="8">
        <v>73440</v>
      </c>
      <c r="K34016" s="9"/>
      <c r="L34016" s="6"/>
    </row>
    <row r="34017" spans="1:12">
      <c r="A34017" s="6" t="s">
        <v>34208</v>
      </c>
      <c r="B34017" s="6"/>
      <c r="C34017" s="6" t="s">
        <v>32230</v>
      </c>
      <c r="D34017" s="6"/>
      <c r="E34017" s="6" t="s">
        <v>9</v>
      </c>
      <c r="F34017" s="7">
        <v>29305</v>
      </c>
      <c r="G34017" s="8">
        <v>864000</v>
      </c>
      <c r="H34017" s="8">
        <v>155520</v>
      </c>
      <c r="I34017" s="8">
        <v>725760</v>
      </c>
      <c r="J34017" s="8">
        <v>138240</v>
      </c>
      <c r="K34017" s="9"/>
      <c r="L34017" s="6"/>
    </row>
    <row r="34018" spans="1:12">
      <c r="A34018" s="6" t="s">
        <v>34209</v>
      </c>
      <c r="B34018" s="6"/>
      <c r="C34018" s="6" t="s">
        <v>32230</v>
      </c>
      <c r="D34018" s="6"/>
      <c r="E34018" s="6" t="s">
        <v>9</v>
      </c>
      <c r="F34018" s="7">
        <v>29305</v>
      </c>
      <c r="G34018" s="8">
        <v>20533500</v>
      </c>
      <c r="H34018" s="8">
        <v>3696030</v>
      </c>
      <c r="I34018" s="8">
        <v>17248140</v>
      </c>
      <c r="J34018" s="8">
        <v>3285360</v>
      </c>
      <c r="K34018" s="9"/>
      <c r="L34018" s="6"/>
    </row>
    <row r="34019" spans="1:12">
      <c r="A34019" s="6" t="s">
        <v>34210</v>
      </c>
      <c r="B34019" s="6"/>
      <c r="C34019" s="6" t="s">
        <v>32230</v>
      </c>
      <c r="D34019" s="6"/>
      <c r="E34019" s="6" t="s">
        <v>9</v>
      </c>
      <c r="F34019" s="7">
        <v>29305</v>
      </c>
      <c r="G34019" s="8">
        <v>2575800</v>
      </c>
      <c r="H34019" s="8">
        <v>463644</v>
      </c>
      <c r="I34019" s="8">
        <v>2163672</v>
      </c>
      <c r="J34019" s="8">
        <v>412128</v>
      </c>
      <c r="K34019" s="9"/>
      <c r="L34019" s="6"/>
    </row>
    <row r="34020" spans="1:12">
      <c r="A34020" s="6" t="s">
        <v>34211</v>
      </c>
      <c r="B34020" s="6"/>
      <c r="C34020" s="6" t="s">
        <v>32230</v>
      </c>
      <c r="D34020" s="6"/>
      <c r="E34020" s="6" t="s">
        <v>9</v>
      </c>
      <c r="F34020" s="7">
        <v>29305</v>
      </c>
      <c r="G34020" s="8">
        <v>7881300</v>
      </c>
      <c r="H34020" s="8">
        <v>1418634</v>
      </c>
      <c r="I34020" s="8">
        <v>6620292</v>
      </c>
      <c r="J34020" s="8">
        <v>1261008</v>
      </c>
      <c r="K34020" s="9"/>
      <c r="L34020" s="6"/>
    </row>
    <row r="34021" spans="1:12">
      <c r="A34021" s="6" t="s">
        <v>34212</v>
      </c>
      <c r="B34021" s="6"/>
      <c r="C34021" s="6" t="s">
        <v>32230</v>
      </c>
      <c r="D34021" s="6"/>
      <c r="E34021" s="6" t="s">
        <v>9</v>
      </c>
      <c r="F34021" s="7">
        <v>29305</v>
      </c>
      <c r="G34021" s="8">
        <v>10084500</v>
      </c>
      <c r="H34021" s="8">
        <v>1815210</v>
      </c>
      <c r="I34021" s="8">
        <v>8470980</v>
      </c>
      <c r="J34021" s="8">
        <v>1613520</v>
      </c>
      <c r="K34021" s="9"/>
      <c r="L34021" s="6"/>
    </row>
    <row r="34022" spans="1:12">
      <c r="A34022" s="6" t="s">
        <v>34213</v>
      </c>
      <c r="B34022" s="6"/>
      <c r="C34022" s="6" t="s">
        <v>32230</v>
      </c>
      <c r="D34022" s="6"/>
      <c r="E34022" s="6" t="s">
        <v>9</v>
      </c>
      <c r="F34022" s="7">
        <v>29305</v>
      </c>
      <c r="G34022" s="8">
        <v>5022000</v>
      </c>
      <c r="H34022" s="8">
        <v>903960</v>
      </c>
      <c r="I34022" s="8">
        <v>4218480</v>
      </c>
      <c r="J34022" s="8">
        <v>803520</v>
      </c>
      <c r="K34022" s="9"/>
      <c r="L34022" s="6"/>
    </row>
    <row r="34023" spans="1:12">
      <c r="A34023" s="6" t="s">
        <v>34214</v>
      </c>
      <c r="B34023" s="6"/>
      <c r="C34023" s="6" t="s">
        <v>32230</v>
      </c>
      <c r="D34023" s="6"/>
      <c r="E34023" s="6" t="s">
        <v>9</v>
      </c>
      <c r="F34023" s="7">
        <v>29305</v>
      </c>
      <c r="G34023" s="8">
        <v>10049400</v>
      </c>
      <c r="H34023" s="8">
        <v>1808892</v>
      </c>
      <c r="I34023" s="8">
        <v>8441496</v>
      </c>
      <c r="J34023" s="8">
        <v>1607904</v>
      </c>
      <c r="K34023" s="9"/>
      <c r="L34023" s="6"/>
    </row>
    <row r="34024" spans="1:12">
      <c r="A34024" s="6" t="s">
        <v>34215</v>
      </c>
      <c r="B34024" s="6"/>
      <c r="C34024" s="6" t="s">
        <v>32230</v>
      </c>
      <c r="D34024" s="6"/>
      <c r="E34024" s="6" t="s">
        <v>9</v>
      </c>
      <c r="F34024" s="7">
        <v>29305</v>
      </c>
      <c r="G34024" s="8">
        <v>2146500</v>
      </c>
      <c r="H34024" s="8">
        <v>386370</v>
      </c>
      <c r="I34024" s="8">
        <v>1803060</v>
      </c>
      <c r="J34024" s="8">
        <v>343440</v>
      </c>
      <c r="K34024" s="9"/>
      <c r="L34024" s="6"/>
    </row>
    <row r="34025" spans="1:12">
      <c r="A34025" s="6" t="s">
        <v>34216</v>
      </c>
      <c r="B34025" s="6"/>
      <c r="C34025" s="6" t="s">
        <v>32230</v>
      </c>
      <c r="D34025" s="6"/>
      <c r="E34025" s="6" t="s">
        <v>9</v>
      </c>
      <c r="F34025" s="7">
        <v>31500</v>
      </c>
      <c r="G34025" s="8">
        <v>12317400</v>
      </c>
      <c r="H34025" s="8">
        <v>3695220</v>
      </c>
      <c r="I34025" s="8">
        <v>8868528</v>
      </c>
      <c r="J34025" s="8">
        <v>3448872</v>
      </c>
      <c r="K34025" s="9"/>
      <c r="L34025" s="6"/>
    </row>
    <row r="34026" spans="1:12">
      <c r="A34026" s="6" t="s">
        <v>34217</v>
      </c>
      <c r="B34026" s="6"/>
      <c r="C34026" s="6" t="s">
        <v>32230</v>
      </c>
      <c r="D34026" s="6"/>
      <c r="E34026" s="6" t="s">
        <v>9</v>
      </c>
      <c r="F34026" s="7">
        <v>29305</v>
      </c>
      <c r="G34026" s="8">
        <v>1836000</v>
      </c>
      <c r="H34026" s="8">
        <v>330480</v>
      </c>
      <c r="I34026" s="8">
        <v>1542240</v>
      </c>
      <c r="J34026" s="8">
        <v>293760</v>
      </c>
      <c r="K34026" s="9"/>
      <c r="L34026" s="6"/>
    </row>
    <row r="34027" spans="1:12">
      <c r="A34027" s="6" t="s">
        <v>34218</v>
      </c>
      <c r="B34027" s="6"/>
      <c r="C34027" s="6" t="s">
        <v>32230</v>
      </c>
      <c r="D34027" s="6"/>
      <c r="E34027" s="6" t="s">
        <v>9</v>
      </c>
      <c r="F34027" s="7">
        <v>29305</v>
      </c>
      <c r="G34027" s="8">
        <v>4455000</v>
      </c>
      <c r="H34027" s="8">
        <v>801900</v>
      </c>
      <c r="I34027" s="8">
        <v>3742200</v>
      </c>
      <c r="J34027" s="8">
        <v>712800</v>
      </c>
      <c r="K34027" s="9"/>
      <c r="L34027" s="6"/>
    </row>
    <row r="34028" spans="1:12">
      <c r="A34028" s="6" t="s">
        <v>34219</v>
      </c>
      <c r="B34028" s="6"/>
      <c r="C34028" s="6" t="s">
        <v>32230</v>
      </c>
      <c r="D34028" s="6"/>
      <c r="E34028" s="6" t="s">
        <v>9</v>
      </c>
      <c r="F34028" s="7">
        <v>32947</v>
      </c>
      <c r="G34028" s="8">
        <v>2173500</v>
      </c>
      <c r="H34028" s="8">
        <v>825930</v>
      </c>
      <c r="I34028" s="8">
        <v>1391040</v>
      </c>
      <c r="J34028" s="8">
        <v>782460</v>
      </c>
      <c r="K34028" s="9"/>
      <c r="L34028" s="6"/>
    </row>
    <row r="34029" spans="1:12">
      <c r="A34029" s="6" t="s">
        <v>34220</v>
      </c>
      <c r="B34029" s="6"/>
      <c r="C34029" s="6" t="s">
        <v>32230</v>
      </c>
      <c r="D34029" s="6"/>
      <c r="E34029" s="6" t="s">
        <v>9</v>
      </c>
      <c r="F34029" s="7">
        <v>33592</v>
      </c>
      <c r="G34029" s="8">
        <v>2960200</v>
      </c>
      <c r="H34029" s="8">
        <v>1243284</v>
      </c>
      <c r="I34029" s="8">
        <v>1776120</v>
      </c>
      <c r="J34029" s="8">
        <v>1184080</v>
      </c>
      <c r="K34029" s="9"/>
      <c r="L34029" s="6"/>
    </row>
    <row r="34030" spans="1:12">
      <c r="A34030" s="6" t="s">
        <v>34221</v>
      </c>
      <c r="B34030" s="6"/>
      <c r="C34030" s="6" t="s">
        <v>32230</v>
      </c>
      <c r="D34030" s="6"/>
      <c r="E34030" s="6" t="s">
        <v>9</v>
      </c>
      <c r="F34030" s="7">
        <v>29305</v>
      </c>
      <c r="G34030" s="8">
        <v>4495500</v>
      </c>
      <c r="H34030" s="8">
        <v>809190</v>
      </c>
      <c r="I34030" s="8">
        <v>3776220</v>
      </c>
      <c r="J34030" s="8">
        <v>719280</v>
      </c>
      <c r="K34030" s="9"/>
      <c r="L34030" s="6"/>
    </row>
    <row r="34031" spans="1:12">
      <c r="A34031" s="6" t="s">
        <v>34222</v>
      </c>
      <c r="B34031" s="6"/>
      <c r="C34031" s="6" t="s">
        <v>32230</v>
      </c>
      <c r="D34031" s="6"/>
      <c r="E34031" s="6" t="s">
        <v>9</v>
      </c>
      <c r="F34031" s="7">
        <v>29305</v>
      </c>
      <c r="G34031" s="8">
        <v>3402000</v>
      </c>
      <c r="H34031" s="8">
        <v>612360</v>
      </c>
      <c r="I34031" s="8">
        <v>2857680</v>
      </c>
      <c r="J34031" s="8">
        <v>544320</v>
      </c>
      <c r="K34031" s="9"/>
      <c r="L34031" s="6"/>
    </row>
    <row r="34032" spans="1:12">
      <c r="A34032" s="6" t="s">
        <v>34223</v>
      </c>
      <c r="B34032" s="6"/>
      <c r="C34032" s="6" t="s">
        <v>32230</v>
      </c>
      <c r="D34032" s="6"/>
      <c r="E34032" s="6" t="s">
        <v>9</v>
      </c>
      <c r="F34032" s="7">
        <v>42536</v>
      </c>
      <c r="G34032" s="8">
        <v>82080</v>
      </c>
      <c r="H34032" s="8">
        <v>49248</v>
      </c>
      <c r="I34032" s="8">
        <v>41040</v>
      </c>
      <c r="J34032" s="8">
        <v>41040</v>
      </c>
      <c r="K34032" s="9"/>
      <c r="L34032" s="6"/>
    </row>
    <row r="34033" spans="1:12">
      <c r="A34033" s="6" t="s">
        <v>34224</v>
      </c>
      <c r="B34033" s="6"/>
      <c r="C34033" s="6" t="s">
        <v>32230</v>
      </c>
      <c r="D34033" s="6"/>
      <c r="E34033" s="6" t="s">
        <v>9</v>
      </c>
      <c r="F34033" s="7">
        <v>29305</v>
      </c>
      <c r="G34033" s="8">
        <v>1782000</v>
      </c>
      <c r="H34033" s="8">
        <v>320760</v>
      </c>
      <c r="I34033" s="8">
        <v>1496880</v>
      </c>
      <c r="J34033" s="8">
        <v>285120</v>
      </c>
      <c r="K34033" s="9"/>
      <c r="L34033" s="6"/>
    </row>
    <row r="34034" spans="1:12">
      <c r="A34034" s="6" t="s">
        <v>34225</v>
      </c>
      <c r="B34034" s="6"/>
      <c r="C34034" s="6" t="s">
        <v>32230</v>
      </c>
      <c r="D34034" s="6"/>
      <c r="E34034" s="6" t="s">
        <v>9</v>
      </c>
      <c r="F34034" s="7">
        <v>29305</v>
      </c>
      <c r="G34034" s="8">
        <v>2268000</v>
      </c>
      <c r="H34034" s="8">
        <v>408240</v>
      </c>
      <c r="I34034" s="8">
        <v>1905120</v>
      </c>
      <c r="J34034" s="8">
        <v>362880</v>
      </c>
      <c r="K34034" s="9"/>
      <c r="L34034" s="6"/>
    </row>
    <row r="34035" spans="1:12">
      <c r="A34035" s="6" t="s">
        <v>34226</v>
      </c>
      <c r="B34035" s="6"/>
      <c r="C34035" s="6" t="s">
        <v>32230</v>
      </c>
      <c r="D34035" s="6"/>
      <c r="E34035" s="6" t="s">
        <v>9</v>
      </c>
      <c r="F34035" s="7">
        <v>29305</v>
      </c>
      <c r="G34035" s="8">
        <v>4549500</v>
      </c>
      <c r="H34035" s="8">
        <v>818910</v>
      </c>
      <c r="I34035" s="8">
        <v>3821580</v>
      </c>
      <c r="J34035" s="8">
        <v>727920</v>
      </c>
      <c r="K34035" s="9"/>
      <c r="L34035" s="6"/>
    </row>
    <row r="34036" spans="1:12">
      <c r="A34036" s="6" t="s">
        <v>34227</v>
      </c>
      <c r="B34036" s="6"/>
      <c r="C34036" s="6" t="s">
        <v>32230</v>
      </c>
      <c r="D34036" s="6"/>
      <c r="E34036" s="6" t="s">
        <v>9</v>
      </c>
      <c r="F34036" s="7">
        <v>33592</v>
      </c>
      <c r="G34036" s="8">
        <v>55225800</v>
      </c>
      <c r="H34036" s="8">
        <v>23194836</v>
      </c>
      <c r="I34036" s="8">
        <v>33135480</v>
      </c>
      <c r="J34036" s="8">
        <v>22090320</v>
      </c>
      <c r="K34036" s="9"/>
      <c r="L34036" s="6"/>
    </row>
    <row r="34037" spans="1:12">
      <c r="A34037" s="6" t="s">
        <v>34228</v>
      </c>
      <c r="B34037" s="6"/>
      <c r="C34037" s="6" t="s">
        <v>32230</v>
      </c>
      <c r="D34037" s="6"/>
      <c r="E34037" s="6" t="s">
        <v>9</v>
      </c>
      <c r="F34037" s="7">
        <v>42177</v>
      </c>
      <c r="G34037" s="8">
        <v>831600</v>
      </c>
      <c r="H34037" s="8">
        <v>748440</v>
      </c>
      <c r="I34037" s="8">
        <v>99792</v>
      </c>
      <c r="J34037" s="8">
        <v>731808</v>
      </c>
      <c r="K34037" s="9"/>
      <c r="L34037" s="6"/>
    </row>
    <row r="34038" spans="1:12">
      <c r="A34038" s="6" t="s">
        <v>34229</v>
      </c>
      <c r="B34038" s="6"/>
      <c r="C34038" s="6" t="s">
        <v>32230</v>
      </c>
      <c r="D34038" s="6"/>
      <c r="E34038" s="6" t="s">
        <v>9</v>
      </c>
      <c r="F34038" s="7">
        <v>31500</v>
      </c>
      <c r="G34038" s="8">
        <v>87439500</v>
      </c>
      <c r="H34038" s="8">
        <v>26231850</v>
      </c>
      <c r="I34038" s="8">
        <v>62956440</v>
      </c>
      <c r="J34038" s="8">
        <v>24483060</v>
      </c>
      <c r="K34038" s="9"/>
      <c r="L34038" s="6"/>
    </row>
    <row r="34039" spans="1:12">
      <c r="A34039" s="6" t="s">
        <v>33185</v>
      </c>
      <c r="B34039" s="6"/>
      <c r="C34039" s="6" t="s">
        <v>32230</v>
      </c>
      <c r="D34039" s="6"/>
      <c r="E34039" s="6" t="s">
        <v>9</v>
      </c>
      <c r="F34039" s="7">
        <v>25294</v>
      </c>
      <c r="G34039" s="8">
        <v>10494120</v>
      </c>
      <c r="H34039" s="8">
        <v>1395720</v>
      </c>
      <c r="I34039" s="8">
        <v>9276800</v>
      </c>
      <c r="J34039" s="8">
        <v>1217320</v>
      </c>
      <c r="K34039" s="9"/>
      <c r="L34039" s="6"/>
    </row>
    <row r="34040" spans="1:12">
      <c r="A34040" s="6" t="s">
        <v>34230</v>
      </c>
      <c r="B34040" s="6"/>
      <c r="C34040" s="6" t="s">
        <v>32230</v>
      </c>
      <c r="D34040" s="6"/>
      <c r="E34040" s="6" t="s">
        <v>9</v>
      </c>
      <c r="F34040" s="7">
        <v>33592</v>
      </c>
      <c r="G34040" s="8">
        <v>30699000</v>
      </c>
      <c r="H34040" s="8">
        <v>12893580</v>
      </c>
      <c r="I34040" s="8">
        <v>18419400</v>
      </c>
      <c r="J34040" s="8">
        <v>12279600</v>
      </c>
      <c r="K34040" s="9"/>
      <c r="L34040" s="6"/>
    </row>
    <row r="34041" spans="1:12">
      <c r="A34041" s="6" t="s">
        <v>33185</v>
      </c>
      <c r="B34041" s="6"/>
      <c r="C34041" s="6" t="s">
        <v>32230</v>
      </c>
      <c r="D34041" s="6"/>
      <c r="E34041" s="6" t="s">
        <v>9</v>
      </c>
      <c r="F34041" s="7">
        <v>26755</v>
      </c>
      <c r="G34041" s="8">
        <v>40813500</v>
      </c>
      <c r="H34041" s="8">
        <v>8203537</v>
      </c>
      <c r="I34041" s="8">
        <v>33303792</v>
      </c>
      <c r="J34041" s="8">
        <v>7509708</v>
      </c>
      <c r="K34041" s="9"/>
      <c r="L34041" s="6"/>
    </row>
    <row r="34042" spans="1:12">
      <c r="A34042" s="6" t="s">
        <v>34231</v>
      </c>
      <c r="B34042" s="6"/>
      <c r="C34042" s="6" t="s">
        <v>32230</v>
      </c>
      <c r="D34042" s="6"/>
      <c r="E34042" s="6" t="s">
        <v>9</v>
      </c>
      <c r="F34042" s="7">
        <v>29305</v>
      </c>
      <c r="G34042" s="8">
        <v>6922800</v>
      </c>
      <c r="H34042" s="8">
        <v>1246104</v>
      </c>
      <c r="I34042" s="8">
        <v>5815152</v>
      </c>
      <c r="J34042" s="8">
        <v>1107648</v>
      </c>
      <c r="K34042" s="9"/>
      <c r="L34042" s="6"/>
    </row>
    <row r="34043" spans="1:12">
      <c r="A34043" s="6" t="s">
        <v>34232</v>
      </c>
      <c r="B34043" s="6"/>
      <c r="C34043" s="6" t="s">
        <v>32230</v>
      </c>
      <c r="D34043" s="6"/>
      <c r="E34043" s="6" t="s">
        <v>9</v>
      </c>
      <c r="F34043" s="7">
        <v>29305</v>
      </c>
      <c r="G34043" s="8">
        <v>1863000</v>
      </c>
      <c r="H34043" s="8">
        <v>335340</v>
      </c>
      <c r="I34043" s="8">
        <v>1564920</v>
      </c>
      <c r="J34043" s="8">
        <v>298080</v>
      </c>
      <c r="K34043" s="9"/>
      <c r="L34043" s="6"/>
    </row>
    <row r="34044" spans="1:12">
      <c r="A34044" s="6" t="s">
        <v>34233</v>
      </c>
      <c r="B34044" s="6"/>
      <c r="C34044" s="6" t="s">
        <v>32230</v>
      </c>
      <c r="D34044" s="6"/>
      <c r="E34044" s="6" t="s">
        <v>9</v>
      </c>
      <c r="F34044" s="7">
        <v>29305</v>
      </c>
      <c r="G34044" s="8">
        <v>2042500</v>
      </c>
      <c r="H34044" s="8">
        <v>367650</v>
      </c>
      <c r="I34044" s="8">
        <v>1715700</v>
      </c>
      <c r="J34044" s="8">
        <v>326800</v>
      </c>
      <c r="K34044" s="9"/>
      <c r="L34044" s="6"/>
    </row>
    <row r="34045" spans="1:12">
      <c r="A34045" s="6" t="s">
        <v>34234</v>
      </c>
      <c r="B34045" s="6"/>
      <c r="C34045" s="6" t="s">
        <v>32230</v>
      </c>
      <c r="D34045" s="6"/>
      <c r="E34045" s="6" t="s">
        <v>9</v>
      </c>
      <c r="F34045" s="7">
        <v>29305</v>
      </c>
      <c r="G34045" s="8">
        <v>4698000</v>
      </c>
      <c r="H34045" s="8">
        <v>845640</v>
      </c>
      <c r="I34045" s="8">
        <v>3946320</v>
      </c>
      <c r="J34045" s="8">
        <v>751680</v>
      </c>
      <c r="K34045" s="9"/>
      <c r="L34045" s="6"/>
    </row>
    <row r="34046" spans="1:12">
      <c r="A34046" s="6" t="s">
        <v>34235</v>
      </c>
      <c r="B34046" s="6"/>
      <c r="C34046" s="6" t="s">
        <v>32230</v>
      </c>
      <c r="D34046" s="6"/>
      <c r="E34046" s="6" t="s">
        <v>9</v>
      </c>
      <c r="F34046" s="7">
        <v>29305</v>
      </c>
      <c r="G34046" s="8">
        <v>56740500</v>
      </c>
      <c r="H34046" s="8">
        <v>10213290</v>
      </c>
      <c r="I34046" s="8">
        <v>47662020</v>
      </c>
      <c r="J34046" s="8">
        <v>9078480</v>
      </c>
      <c r="K34046" s="9"/>
      <c r="L34046" s="6"/>
    </row>
    <row r="34047" spans="1:12">
      <c r="A34047" s="6" t="s">
        <v>34236</v>
      </c>
      <c r="B34047" s="6"/>
      <c r="C34047" s="6" t="s">
        <v>32230</v>
      </c>
      <c r="D34047" s="6"/>
      <c r="E34047" s="6" t="s">
        <v>9</v>
      </c>
      <c r="F34047" s="7">
        <v>29305</v>
      </c>
      <c r="G34047" s="8">
        <v>2889000</v>
      </c>
      <c r="H34047" s="8">
        <v>520020</v>
      </c>
      <c r="I34047" s="8">
        <v>2426760</v>
      </c>
      <c r="J34047" s="8">
        <v>462240</v>
      </c>
      <c r="K34047" s="9"/>
      <c r="L34047" s="6"/>
    </row>
    <row r="34048" spans="1:12">
      <c r="A34048" s="6" t="s">
        <v>34237</v>
      </c>
      <c r="B34048" s="6"/>
      <c r="C34048" s="6" t="s">
        <v>32230</v>
      </c>
      <c r="D34048" s="6"/>
      <c r="E34048" s="6" t="s">
        <v>9</v>
      </c>
      <c r="F34048" s="7">
        <v>29305</v>
      </c>
      <c r="G34048" s="8">
        <v>2835000</v>
      </c>
      <c r="H34048" s="8">
        <v>510300</v>
      </c>
      <c r="I34048" s="8">
        <v>2381400</v>
      </c>
      <c r="J34048" s="8">
        <v>453600</v>
      </c>
      <c r="K34048" s="9"/>
      <c r="L34048" s="6"/>
    </row>
    <row r="34049" spans="1:12">
      <c r="A34049" s="6" t="s">
        <v>34238</v>
      </c>
      <c r="B34049" s="6"/>
      <c r="C34049" s="6" t="s">
        <v>32230</v>
      </c>
      <c r="D34049" s="6"/>
      <c r="E34049" s="6" t="s">
        <v>9</v>
      </c>
      <c r="F34049" s="7">
        <v>31137</v>
      </c>
      <c r="G34049" s="8">
        <v>7192800</v>
      </c>
      <c r="H34049" s="8">
        <v>2013984</v>
      </c>
      <c r="I34049" s="8">
        <v>5322672</v>
      </c>
      <c r="J34049" s="8">
        <v>1870128</v>
      </c>
      <c r="K34049" s="9"/>
      <c r="L34049" s="6"/>
    </row>
    <row r="34050" spans="1:12">
      <c r="A34050" s="6" t="s">
        <v>34239</v>
      </c>
      <c r="B34050" s="6"/>
      <c r="C34050" s="6" t="s">
        <v>32230</v>
      </c>
      <c r="D34050" s="6"/>
      <c r="E34050" s="6" t="s">
        <v>9</v>
      </c>
      <c r="F34050" s="7">
        <v>33592</v>
      </c>
      <c r="G34050" s="8">
        <v>61689600</v>
      </c>
      <c r="H34050" s="8">
        <v>25909632</v>
      </c>
      <c r="I34050" s="8">
        <v>37013760</v>
      </c>
      <c r="J34050" s="8">
        <v>24675840</v>
      </c>
      <c r="K34050" s="9"/>
      <c r="L34050" s="6"/>
    </row>
    <row r="34051" spans="1:12">
      <c r="A34051" s="6" t="s">
        <v>33185</v>
      </c>
      <c r="B34051" s="6"/>
      <c r="C34051" s="6" t="s">
        <v>32230</v>
      </c>
      <c r="D34051" s="6"/>
      <c r="E34051" s="6" t="s">
        <v>9</v>
      </c>
      <c r="F34051" s="7">
        <v>26024</v>
      </c>
      <c r="G34051" s="8">
        <v>25225200</v>
      </c>
      <c r="H34051" s="8">
        <v>4212628</v>
      </c>
      <c r="I34051" s="8">
        <v>21441400</v>
      </c>
      <c r="J34051" s="8">
        <v>3783800</v>
      </c>
      <c r="K34051" s="9"/>
      <c r="L34051" s="6"/>
    </row>
    <row r="34052" spans="1:12">
      <c r="A34052" s="6" t="s">
        <v>34240</v>
      </c>
      <c r="B34052" s="6"/>
      <c r="C34052" s="6" t="s">
        <v>32230</v>
      </c>
      <c r="D34052" s="6"/>
      <c r="E34052" s="6" t="s">
        <v>9</v>
      </c>
      <c r="F34052" s="7">
        <v>37708</v>
      </c>
      <c r="G34052" s="8">
        <v>17050500</v>
      </c>
      <c r="H34052" s="8">
        <v>10912320</v>
      </c>
      <c r="I34052" s="8">
        <v>6479190</v>
      </c>
      <c r="J34052" s="8">
        <v>10571310</v>
      </c>
      <c r="K34052" s="9"/>
      <c r="L34052" s="6"/>
    </row>
    <row r="34053" spans="1:12">
      <c r="A34053" s="6" t="s">
        <v>34241</v>
      </c>
      <c r="B34053" s="6"/>
      <c r="C34053" s="6" t="s">
        <v>32230</v>
      </c>
      <c r="D34053" s="6"/>
      <c r="E34053" s="6" t="s">
        <v>9</v>
      </c>
      <c r="F34053" s="7">
        <v>29305</v>
      </c>
      <c r="G34053" s="8">
        <v>3928500</v>
      </c>
      <c r="H34053" s="8">
        <v>707130</v>
      </c>
      <c r="I34053" s="8">
        <v>3299940</v>
      </c>
      <c r="J34053" s="8">
        <v>628560</v>
      </c>
      <c r="K34053" s="9"/>
      <c r="L34053" s="6"/>
    </row>
    <row r="34054" spans="1:12">
      <c r="A34054" s="6" t="s">
        <v>34242</v>
      </c>
      <c r="B34054" s="6"/>
      <c r="C34054" s="6" t="s">
        <v>32230</v>
      </c>
      <c r="D34054" s="6"/>
      <c r="E34054" s="6" t="s">
        <v>9</v>
      </c>
      <c r="F34054" s="7">
        <v>29305</v>
      </c>
      <c r="G34054" s="8">
        <v>1498500</v>
      </c>
      <c r="H34054" s="8">
        <v>269730</v>
      </c>
      <c r="I34054" s="8">
        <v>1258740</v>
      </c>
      <c r="J34054" s="8">
        <v>239760</v>
      </c>
      <c r="K34054" s="9"/>
      <c r="L34054" s="6"/>
    </row>
    <row r="34055" spans="1:12">
      <c r="A34055" s="6" t="s">
        <v>34243</v>
      </c>
      <c r="B34055" s="6"/>
      <c r="C34055" s="6" t="s">
        <v>32230</v>
      </c>
      <c r="D34055" s="6"/>
      <c r="E34055" s="6" t="s">
        <v>9</v>
      </c>
      <c r="F34055" s="7">
        <v>29305</v>
      </c>
      <c r="G34055" s="8">
        <v>5440500</v>
      </c>
      <c r="H34055" s="8">
        <v>979290</v>
      </c>
      <c r="I34055" s="8">
        <v>4570020</v>
      </c>
      <c r="J34055" s="8">
        <v>870480</v>
      </c>
      <c r="K34055" s="9"/>
      <c r="L34055" s="6"/>
    </row>
    <row r="34056" spans="1:12">
      <c r="A34056" s="6" t="s">
        <v>34244</v>
      </c>
      <c r="B34056" s="6"/>
      <c r="C34056" s="6" t="s">
        <v>32230</v>
      </c>
      <c r="D34056" s="6"/>
      <c r="E34056" s="6" t="s">
        <v>9</v>
      </c>
      <c r="F34056" s="7">
        <v>29305</v>
      </c>
      <c r="G34056" s="8">
        <v>9801000</v>
      </c>
      <c r="H34056" s="8">
        <v>1764180</v>
      </c>
      <c r="I34056" s="8">
        <v>8232840</v>
      </c>
      <c r="J34056" s="8">
        <v>1568160</v>
      </c>
      <c r="K34056" s="9"/>
      <c r="L34056" s="6"/>
    </row>
    <row r="34057" spans="1:12">
      <c r="A34057" s="6" t="s">
        <v>34245</v>
      </c>
      <c r="B34057" s="6"/>
      <c r="C34057" s="6" t="s">
        <v>32230</v>
      </c>
      <c r="D34057" s="6"/>
      <c r="E34057" s="6" t="s">
        <v>9</v>
      </c>
      <c r="F34057" s="7">
        <v>29305</v>
      </c>
      <c r="G34057" s="8">
        <v>7619400</v>
      </c>
      <c r="H34057" s="8">
        <v>1371492</v>
      </c>
      <c r="I34057" s="8">
        <v>6400296</v>
      </c>
      <c r="J34057" s="8">
        <v>1219104</v>
      </c>
      <c r="K34057" s="9"/>
      <c r="L34057" s="6"/>
    </row>
    <row r="34058" spans="1:12">
      <c r="A34058" s="6" t="s">
        <v>34246</v>
      </c>
      <c r="B34058" s="6"/>
      <c r="C34058" s="6" t="s">
        <v>32230</v>
      </c>
      <c r="D34058" s="6"/>
      <c r="E34058" s="6" t="s">
        <v>9</v>
      </c>
      <c r="F34058" s="7">
        <v>29305</v>
      </c>
      <c r="G34058" s="8">
        <v>8704800</v>
      </c>
      <c r="H34058" s="8">
        <v>1566864</v>
      </c>
      <c r="I34058" s="8">
        <v>7312032</v>
      </c>
      <c r="J34058" s="8">
        <v>1392768</v>
      </c>
      <c r="K34058" s="9"/>
      <c r="L34058" s="6"/>
    </row>
    <row r="34059" spans="1:12">
      <c r="A34059" s="6" t="s">
        <v>34247</v>
      </c>
      <c r="B34059" s="6"/>
      <c r="C34059" s="6" t="s">
        <v>32230</v>
      </c>
      <c r="D34059" s="6"/>
      <c r="E34059" s="6" t="s">
        <v>9</v>
      </c>
      <c r="F34059" s="7">
        <v>29305</v>
      </c>
      <c r="G34059" s="8">
        <v>4846500</v>
      </c>
      <c r="H34059" s="8">
        <v>872370</v>
      </c>
      <c r="I34059" s="8">
        <v>4071060</v>
      </c>
      <c r="J34059" s="8">
        <v>775440</v>
      </c>
      <c r="K34059" s="9"/>
      <c r="L34059" s="6"/>
    </row>
    <row r="34060" spans="1:12">
      <c r="A34060" s="6" t="s">
        <v>34248</v>
      </c>
      <c r="B34060" s="6"/>
      <c r="C34060" s="6" t="s">
        <v>32230</v>
      </c>
      <c r="D34060" s="6"/>
      <c r="E34060" s="6" t="s">
        <v>9</v>
      </c>
      <c r="F34060" s="7">
        <v>29305</v>
      </c>
      <c r="G34060" s="8">
        <v>3996000</v>
      </c>
      <c r="H34060" s="8">
        <v>719280</v>
      </c>
      <c r="I34060" s="8">
        <v>3356640</v>
      </c>
      <c r="J34060" s="8">
        <v>639360</v>
      </c>
      <c r="K34060" s="9"/>
      <c r="L34060" s="6"/>
    </row>
    <row r="34061" spans="1:12">
      <c r="A34061" s="6" t="s">
        <v>34249</v>
      </c>
      <c r="B34061" s="6"/>
      <c r="C34061" s="6" t="s">
        <v>32230</v>
      </c>
      <c r="D34061" s="6"/>
      <c r="E34061" s="6" t="s">
        <v>9</v>
      </c>
      <c r="F34061" s="7">
        <v>29305</v>
      </c>
      <c r="G34061" s="8">
        <v>1206900</v>
      </c>
      <c r="H34061" s="8">
        <v>217242</v>
      </c>
      <c r="I34061" s="8">
        <v>1013796</v>
      </c>
      <c r="J34061" s="8">
        <v>193104</v>
      </c>
      <c r="K34061" s="9"/>
      <c r="L34061" s="6"/>
    </row>
    <row r="34062" spans="1:12">
      <c r="A34062" s="6" t="s">
        <v>34250</v>
      </c>
      <c r="B34062" s="6"/>
      <c r="C34062" s="6" t="s">
        <v>32230</v>
      </c>
      <c r="D34062" s="6"/>
      <c r="E34062" s="6" t="s">
        <v>9</v>
      </c>
      <c r="F34062" s="7">
        <v>29305</v>
      </c>
      <c r="G34062" s="8">
        <v>3348000</v>
      </c>
      <c r="H34062" s="8">
        <v>602640</v>
      </c>
      <c r="I34062" s="8">
        <v>2812320</v>
      </c>
      <c r="J34062" s="8">
        <v>535680</v>
      </c>
      <c r="K34062" s="9"/>
      <c r="L34062" s="6"/>
    </row>
    <row r="34063" spans="1:12">
      <c r="A34063" s="6" t="s">
        <v>34251</v>
      </c>
      <c r="B34063" s="6"/>
      <c r="C34063" s="6" t="s">
        <v>32230</v>
      </c>
      <c r="D34063" s="6"/>
      <c r="E34063" s="6" t="s">
        <v>9</v>
      </c>
      <c r="F34063" s="7">
        <v>32947</v>
      </c>
      <c r="G34063" s="8">
        <v>17968500</v>
      </c>
      <c r="H34063" s="8">
        <v>6828030</v>
      </c>
      <c r="I34063" s="8">
        <v>11499840</v>
      </c>
      <c r="J34063" s="8">
        <v>6468660</v>
      </c>
      <c r="K34063" s="9"/>
      <c r="L34063" s="6"/>
    </row>
    <row r="34064" spans="1:12">
      <c r="A34064" s="6" t="s">
        <v>34252</v>
      </c>
      <c r="B34064" s="6"/>
      <c r="C34064" s="6" t="s">
        <v>32230</v>
      </c>
      <c r="D34064" s="6"/>
      <c r="E34064" s="6" t="s">
        <v>9</v>
      </c>
      <c r="F34064" s="7">
        <v>29305</v>
      </c>
      <c r="G34064" s="8">
        <v>3677400</v>
      </c>
      <c r="H34064" s="8">
        <v>661932</v>
      </c>
      <c r="I34064" s="8">
        <v>3089016</v>
      </c>
      <c r="J34064" s="8">
        <v>588384</v>
      </c>
      <c r="K34064" s="9"/>
      <c r="L34064" s="6"/>
    </row>
    <row r="34065" spans="1:12">
      <c r="A34065" s="6" t="s">
        <v>34253</v>
      </c>
      <c r="B34065" s="6"/>
      <c r="C34065" s="6" t="s">
        <v>32230</v>
      </c>
      <c r="D34065" s="6"/>
      <c r="E34065" s="6" t="s">
        <v>9</v>
      </c>
      <c r="F34065" s="7">
        <v>33437</v>
      </c>
      <c r="G34065" s="8">
        <v>59356800</v>
      </c>
      <c r="H34065" s="8">
        <v>24929856</v>
      </c>
      <c r="I34065" s="8">
        <v>35614080</v>
      </c>
      <c r="J34065" s="8">
        <v>23742720</v>
      </c>
      <c r="K34065" s="9"/>
      <c r="L34065" s="6"/>
    </row>
    <row r="34066" spans="1:12">
      <c r="A34066" s="6" t="s">
        <v>34254</v>
      </c>
      <c r="B34066" s="6"/>
      <c r="C34066" s="6" t="s">
        <v>32230</v>
      </c>
      <c r="D34066" s="6"/>
      <c r="E34066" s="6" t="s">
        <v>9</v>
      </c>
      <c r="F34066" s="7">
        <v>29305</v>
      </c>
      <c r="G34066" s="8">
        <v>25744500</v>
      </c>
      <c r="H34066" s="8">
        <v>4634010</v>
      </c>
      <c r="I34066" s="8">
        <v>21625380</v>
      </c>
      <c r="J34066" s="8">
        <v>4119120</v>
      </c>
      <c r="K34066" s="9"/>
      <c r="L34066" s="6"/>
    </row>
    <row r="34067" spans="1:12">
      <c r="A34067" s="6" t="s">
        <v>34255</v>
      </c>
      <c r="B34067" s="6"/>
      <c r="C34067" s="6" t="s">
        <v>32230</v>
      </c>
      <c r="D34067" s="6"/>
      <c r="E34067" s="6" t="s">
        <v>9</v>
      </c>
      <c r="F34067" s="7">
        <v>29305</v>
      </c>
      <c r="G34067" s="8">
        <v>27499500</v>
      </c>
      <c r="H34067" s="8">
        <v>4949910</v>
      </c>
      <c r="I34067" s="8">
        <v>23099580</v>
      </c>
      <c r="J34067" s="8">
        <v>4399920</v>
      </c>
      <c r="K34067" s="9"/>
      <c r="L34067" s="6"/>
    </row>
    <row r="34068" spans="1:12">
      <c r="A34068" s="6" t="s">
        <v>34256</v>
      </c>
      <c r="B34068" s="6"/>
      <c r="C34068" s="6" t="s">
        <v>32230</v>
      </c>
      <c r="D34068" s="6"/>
      <c r="E34068" s="6" t="s">
        <v>9</v>
      </c>
      <c r="F34068" s="7">
        <v>32233</v>
      </c>
      <c r="G34068" s="8">
        <v>7227900</v>
      </c>
      <c r="H34068" s="8">
        <v>2457486</v>
      </c>
      <c r="I34068" s="8">
        <v>4914972</v>
      </c>
      <c r="J34068" s="8">
        <v>2312928</v>
      </c>
      <c r="K34068" s="9"/>
      <c r="L34068" s="6"/>
    </row>
    <row r="34069" spans="1:12">
      <c r="A34069" s="6" t="s">
        <v>34257</v>
      </c>
      <c r="B34069" s="6"/>
      <c r="C34069" s="6" t="s">
        <v>32230</v>
      </c>
      <c r="D34069" s="6"/>
      <c r="E34069" s="6" t="s">
        <v>9</v>
      </c>
      <c r="F34069" s="7">
        <v>29305</v>
      </c>
      <c r="G34069" s="8">
        <v>5467500</v>
      </c>
      <c r="H34069" s="8">
        <v>984150</v>
      </c>
      <c r="I34069" s="8">
        <v>4592700</v>
      </c>
      <c r="J34069" s="8">
        <v>874800</v>
      </c>
      <c r="K34069" s="9"/>
      <c r="L34069" s="6"/>
    </row>
    <row r="34070" spans="1:12">
      <c r="A34070" s="6" t="s">
        <v>34258</v>
      </c>
      <c r="B34070" s="6"/>
      <c r="C34070" s="6" t="s">
        <v>32230</v>
      </c>
      <c r="D34070" s="6"/>
      <c r="E34070" s="6" t="s">
        <v>9</v>
      </c>
      <c r="F34070" s="7">
        <v>29305</v>
      </c>
      <c r="G34070" s="8">
        <v>16564500</v>
      </c>
      <c r="H34070" s="8">
        <v>2981610</v>
      </c>
      <c r="I34070" s="8">
        <v>13914180</v>
      </c>
      <c r="J34070" s="8">
        <v>2650320</v>
      </c>
      <c r="K34070" s="9"/>
      <c r="L34070" s="6"/>
    </row>
    <row r="34071" spans="1:12">
      <c r="A34071" s="6" t="s">
        <v>34259</v>
      </c>
      <c r="B34071" s="6"/>
      <c r="C34071" s="6" t="s">
        <v>32230</v>
      </c>
      <c r="D34071" s="6"/>
      <c r="E34071" s="6" t="s">
        <v>9</v>
      </c>
      <c r="F34071" s="7">
        <v>42891</v>
      </c>
      <c r="G34071" s="8">
        <v>1242000</v>
      </c>
      <c r="H34071" s="8">
        <v>992358</v>
      </c>
      <c r="I34071" s="8">
        <v>332856</v>
      </c>
      <c r="J34071" s="8">
        <v>909144</v>
      </c>
      <c r="K34071" s="9"/>
      <c r="L34071" s="6"/>
    </row>
    <row r="34072" spans="1:12">
      <c r="A34072" s="6" t="s">
        <v>34260</v>
      </c>
      <c r="B34072" s="6"/>
      <c r="C34072" s="6" t="s">
        <v>32230</v>
      </c>
      <c r="D34072" s="6"/>
      <c r="E34072" s="6" t="s">
        <v>9</v>
      </c>
      <c r="F34072" s="7">
        <v>29305</v>
      </c>
      <c r="G34072" s="8">
        <v>634500</v>
      </c>
      <c r="H34072" s="8">
        <v>114210</v>
      </c>
      <c r="I34072" s="8">
        <v>532980</v>
      </c>
      <c r="J34072" s="8">
        <v>101520</v>
      </c>
      <c r="K34072" s="9"/>
      <c r="L34072" s="6"/>
    </row>
    <row r="34073" spans="1:12">
      <c r="A34073" s="6" t="s">
        <v>34261</v>
      </c>
      <c r="B34073" s="6"/>
      <c r="C34073" s="6" t="s">
        <v>32230</v>
      </c>
      <c r="D34073" s="6"/>
      <c r="E34073" s="6" t="s">
        <v>9</v>
      </c>
      <c r="F34073" s="7">
        <v>29305</v>
      </c>
      <c r="G34073" s="8">
        <v>1620000</v>
      </c>
      <c r="H34073" s="8">
        <v>291600</v>
      </c>
      <c r="I34073" s="8">
        <v>1360800</v>
      </c>
      <c r="J34073" s="8">
        <v>259200</v>
      </c>
      <c r="K34073" s="9"/>
      <c r="L34073" s="6"/>
    </row>
    <row r="34074" spans="1:12">
      <c r="A34074" s="6" t="s">
        <v>34262</v>
      </c>
      <c r="B34074" s="6"/>
      <c r="C34074" s="6" t="s">
        <v>32230</v>
      </c>
      <c r="D34074" s="6"/>
      <c r="E34074" s="6" t="s">
        <v>9</v>
      </c>
      <c r="F34074" s="7">
        <v>29305</v>
      </c>
      <c r="G34074" s="8">
        <v>612900</v>
      </c>
      <c r="H34074" s="8">
        <v>110322</v>
      </c>
      <c r="I34074" s="8">
        <v>514836</v>
      </c>
      <c r="J34074" s="8">
        <v>98064</v>
      </c>
      <c r="K34074" s="9"/>
      <c r="L34074" s="6"/>
    </row>
    <row r="34075" spans="1:12">
      <c r="A34075" s="6" t="s">
        <v>34263</v>
      </c>
      <c r="B34075" s="6"/>
      <c r="C34075" s="6" t="s">
        <v>32230</v>
      </c>
      <c r="D34075" s="6"/>
      <c r="E34075" s="6" t="s">
        <v>9</v>
      </c>
      <c r="F34075" s="7">
        <v>29305</v>
      </c>
      <c r="G34075" s="8">
        <v>2929500</v>
      </c>
      <c r="H34075" s="8">
        <v>527310</v>
      </c>
      <c r="I34075" s="8">
        <v>2460780</v>
      </c>
      <c r="J34075" s="8">
        <v>468720</v>
      </c>
      <c r="K34075" s="9"/>
      <c r="L34075" s="6"/>
    </row>
    <row r="34076" spans="1:12">
      <c r="A34076" s="6" t="s">
        <v>34264</v>
      </c>
      <c r="B34076" s="6"/>
      <c r="C34076" s="6" t="s">
        <v>32230</v>
      </c>
      <c r="D34076" s="6"/>
      <c r="E34076" s="6" t="s">
        <v>9</v>
      </c>
      <c r="F34076" s="7">
        <v>29305</v>
      </c>
      <c r="G34076" s="8">
        <v>1406700</v>
      </c>
      <c r="H34076" s="8">
        <v>253206</v>
      </c>
      <c r="I34076" s="8">
        <v>1181628</v>
      </c>
      <c r="J34076" s="8">
        <v>225072</v>
      </c>
      <c r="K34076" s="9"/>
      <c r="L34076" s="6"/>
    </row>
    <row r="34077" spans="1:12">
      <c r="A34077" s="6" t="s">
        <v>34265</v>
      </c>
      <c r="B34077" s="6"/>
      <c r="C34077" s="6" t="s">
        <v>32230</v>
      </c>
      <c r="D34077" s="6"/>
      <c r="E34077" s="6" t="s">
        <v>9</v>
      </c>
      <c r="F34077" s="7">
        <v>29305</v>
      </c>
      <c r="G34077" s="8">
        <v>14067000</v>
      </c>
      <c r="H34077" s="8">
        <v>2532060</v>
      </c>
      <c r="I34077" s="8">
        <v>11816280</v>
      </c>
      <c r="J34077" s="8">
        <v>2250720</v>
      </c>
      <c r="K34077" s="9"/>
      <c r="L34077" s="6"/>
    </row>
    <row r="34078" spans="1:12">
      <c r="A34078" s="6" t="s">
        <v>33185</v>
      </c>
      <c r="B34078" s="6"/>
      <c r="C34078" s="6" t="s">
        <v>32230</v>
      </c>
      <c r="D34078" s="6"/>
      <c r="E34078" s="6" t="s">
        <v>9</v>
      </c>
      <c r="F34078" s="7">
        <v>24929</v>
      </c>
      <c r="G34078" s="8">
        <v>7163520</v>
      </c>
      <c r="H34078" s="8">
        <v>831012</v>
      </c>
      <c r="I34078" s="8">
        <v>6454287</v>
      </c>
      <c r="J34078" s="8">
        <v>709233</v>
      </c>
      <c r="K34078" s="9"/>
      <c r="L34078" s="6"/>
    </row>
    <row r="34079" spans="1:12">
      <c r="A34079" s="6" t="s">
        <v>33185</v>
      </c>
      <c r="B34079" s="6"/>
      <c r="C34079" s="6" t="s">
        <v>32230</v>
      </c>
      <c r="D34079" s="6"/>
      <c r="E34079" s="6" t="s">
        <v>9</v>
      </c>
      <c r="F34079" s="7">
        <v>24929</v>
      </c>
      <c r="G34079" s="8">
        <v>7163520</v>
      </c>
      <c r="H34079" s="8">
        <v>831012</v>
      </c>
      <c r="I34079" s="8">
        <v>6454287</v>
      </c>
      <c r="J34079" s="8">
        <v>709233</v>
      </c>
      <c r="K34079" s="9"/>
      <c r="L34079" s="6"/>
    </row>
    <row r="34080" spans="1:12">
      <c r="A34080" s="6" t="s">
        <v>34266</v>
      </c>
      <c r="B34080" s="6"/>
      <c r="C34080" s="6" t="s">
        <v>32230</v>
      </c>
      <c r="D34080" s="6"/>
      <c r="E34080" s="6" t="s">
        <v>9</v>
      </c>
      <c r="F34080" s="7">
        <v>29305</v>
      </c>
      <c r="G34080" s="8">
        <v>1296000</v>
      </c>
      <c r="H34080" s="8">
        <v>233280</v>
      </c>
      <c r="I34080" s="8">
        <v>1088640</v>
      </c>
      <c r="J34080" s="8">
        <v>207360</v>
      </c>
      <c r="K34080" s="9"/>
      <c r="L34080" s="6"/>
    </row>
    <row r="34081" spans="1:12">
      <c r="A34081" s="6" t="s">
        <v>34267</v>
      </c>
      <c r="B34081" s="6"/>
      <c r="C34081" s="6" t="s">
        <v>32230</v>
      </c>
      <c r="D34081" s="6"/>
      <c r="E34081" s="6" t="s">
        <v>9</v>
      </c>
      <c r="F34081" s="7">
        <v>29305</v>
      </c>
      <c r="G34081" s="8">
        <v>1609200</v>
      </c>
      <c r="H34081" s="8">
        <v>289656</v>
      </c>
      <c r="I34081" s="8">
        <v>1351728</v>
      </c>
      <c r="J34081" s="8">
        <v>257472</v>
      </c>
      <c r="K34081" s="9"/>
      <c r="L34081" s="6"/>
    </row>
    <row r="34082" spans="1:12">
      <c r="A34082" s="6" t="s">
        <v>34268</v>
      </c>
      <c r="B34082" s="6"/>
      <c r="C34082" s="6" t="s">
        <v>32230</v>
      </c>
      <c r="D34082" s="6"/>
      <c r="E34082" s="6" t="s">
        <v>9</v>
      </c>
      <c r="F34082" s="7">
        <v>29305</v>
      </c>
      <c r="G34082" s="8">
        <v>49329000</v>
      </c>
      <c r="H34082" s="8">
        <v>8879220</v>
      </c>
      <c r="I34082" s="8">
        <v>41436360</v>
      </c>
      <c r="J34082" s="8">
        <v>7892640</v>
      </c>
      <c r="K34082" s="9"/>
      <c r="L34082" s="6"/>
    </row>
    <row r="34083" spans="1:12">
      <c r="A34083" s="6" t="s">
        <v>34269</v>
      </c>
      <c r="B34083" s="6"/>
      <c r="C34083" s="6" t="s">
        <v>32230</v>
      </c>
      <c r="D34083" s="6"/>
      <c r="E34083" s="6" t="s">
        <v>9</v>
      </c>
      <c r="F34083" s="7">
        <v>33592</v>
      </c>
      <c r="G34083" s="8">
        <v>10354500</v>
      </c>
      <c r="H34083" s="8">
        <v>4348890</v>
      </c>
      <c r="I34083" s="8">
        <v>6212700</v>
      </c>
      <c r="J34083" s="8">
        <v>4141800</v>
      </c>
      <c r="K34083" s="9"/>
      <c r="L34083" s="6"/>
    </row>
    <row r="34084" spans="1:12">
      <c r="A34084" s="6" t="s">
        <v>34270</v>
      </c>
      <c r="B34084" s="6"/>
      <c r="C34084" s="6" t="s">
        <v>32230</v>
      </c>
      <c r="D34084" s="6"/>
      <c r="E34084" s="6" t="s">
        <v>9</v>
      </c>
      <c r="F34084" s="7">
        <v>29305</v>
      </c>
      <c r="G34084" s="8">
        <v>5224500</v>
      </c>
      <c r="H34084" s="8">
        <v>940410</v>
      </c>
      <c r="I34084" s="8">
        <v>4388580</v>
      </c>
      <c r="J34084" s="8">
        <v>835920</v>
      </c>
      <c r="K34084" s="9"/>
      <c r="L34084" s="6"/>
    </row>
    <row r="34085" spans="1:12">
      <c r="A34085" s="6" t="s">
        <v>34271</v>
      </c>
      <c r="B34085" s="6"/>
      <c r="C34085" s="6" t="s">
        <v>32230</v>
      </c>
      <c r="D34085" s="6"/>
      <c r="E34085" s="6" t="s">
        <v>9</v>
      </c>
      <c r="F34085" s="7">
        <v>29305</v>
      </c>
      <c r="G34085" s="8">
        <v>2289500</v>
      </c>
      <c r="H34085" s="8">
        <v>412110</v>
      </c>
      <c r="I34085" s="8">
        <v>1923180</v>
      </c>
      <c r="J34085" s="8">
        <v>366320</v>
      </c>
      <c r="K34085" s="9"/>
      <c r="L34085" s="6"/>
    </row>
    <row r="34086" spans="1:12">
      <c r="A34086" s="6" t="s">
        <v>34272</v>
      </c>
      <c r="B34086" s="6"/>
      <c r="C34086" s="6" t="s">
        <v>32230</v>
      </c>
      <c r="D34086" s="6"/>
      <c r="E34086" s="6" t="s">
        <v>9</v>
      </c>
      <c r="F34086" s="7">
        <v>29305</v>
      </c>
      <c r="G34086" s="8">
        <v>2185000</v>
      </c>
      <c r="H34086" s="8">
        <v>393300</v>
      </c>
      <c r="I34086" s="8">
        <v>1835400</v>
      </c>
      <c r="J34086" s="8">
        <v>349600</v>
      </c>
      <c r="K34086" s="9"/>
      <c r="L34086" s="6"/>
    </row>
    <row r="34087" spans="1:12">
      <c r="A34087" s="6" t="s">
        <v>34273</v>
      </c>
      <c r="B34087" s="6"/>
      <c r="C34087" s="6" t="s">
        <v>32230</v>
      </c>
      <c r="D34087" s="6"/>
      <c r="E34087" s="6" t="s">
        <v>9</v>
      </c>
      <c r="F34087" s="7">
        <v>29305</v>
      </c>
      <c r="G34087" s="8">
        <v>2185000</v>
      </c>
      <c r="H34087" s="8">
        <v>393300</v>
      </c>
      <c r="I34087" s="8">
        <v>1835400</v>
      </c>
      <c r="J34087" s="8">
        <v>349600</v>
      </c>
      <c r="K34087" s="9"/>
      <c r="L34087" s="6"/>
    </row>
    <row r="34088" spans="1:12">
      <c r="A34088" s="6" t="s">
        <v>34274</v>
      </c>
      <c r="B34088" s="6"/>
      <c r="C34088" s="6" t="s">
        <v>32230</v>
      </c>
      <c r="D34088" s="6"/>
      <c r="E34088" s="6" t="s">
        <v>9</v>
      </c>
      <c r="F34088" s="7">
        <v>32598</v>
      </c>
      <c r="G34088" s="8">
        <v>15376500</v>
      </c>
      <c r="H34088" s="8">
        <v>5535540</v>
      </c>
      <c r="I34088" s="8">
        <v>10148490</v>
      </c>
      <c r="J34088" s="8">
        <v>5228010</v>
      </c>
      <c r="K34088" s="9"/>
      <c r="L34088" s="6"/>
    </row>
    <row r="34089" spans="1:12">
      <c r="A34089" s="6" t="s">
        <v>33185</v>
      </c>
      <c r="B34089" s="6"/>
      <c r="C34089" s="6" t="s">
        <v>32230</v>
      </c>
      <c r="D34089" s="6"/>
      <c r="E34089" s="6" t="s">
        <v>9</v>
      </c>
      <c r="F34089" s="7">
        <v>24929</v>
      </c>
      <c r="G34089" s="8">
        <v>6879600</v>
      </c>
      <c r="H34089" s="8">
        <v>798044</v>
      </c>
      <c r="I34089" s="8">
        <v>6198509</v>
      </c>
      <c r="J34089" s="8">
        <v>681091</v>
      </c>
      <c r="K34089" s="9"/>
      <c r="L34089" s="6"/>
    </row>
    <row r="34090" spans="1:12">
      <c r="A34090" s="6" t="s">
        <v>33185</v>
      </c>
      <c r="B34090" s="6"/>
      <c r="C34090" s="6" t="s">
        <v>32230</v>
      </c>
      <c r="D34090" s="6"/>
      <c r="E34090" s="6" t="s">
        <v>9</v>
      </c>
      <c r="F34090" s="7">
        <v>24929</v>
      </c>
      <c r="G34090" s="8">
        <v>6142500</v>
      </c>
      <c r="H34090" s="8">
        <v>712556</v>
      </c>
      <c r="I34090" s="8">
        <v>5534366</v>
      </c>
      <c r="J34090" s="8">
        <v>608134</v>
      </c>
      <c r="K34090" s="9"/>
      <c r="L34090" s="6"/>
    </row>
    <row r="34091" spans="1:12">
      <c r="A34091" s="6" t="s">
        <v>34275</v>
      </c>
      <c r="B34091" s="6"/>
      <c r="C34091" s="6" t="s">
        <v>32230</v>
      </c>
      <c r="D34091" s="6"/>
      <c r="E34091" s="6" t="s">
        <v>9</v>
      </c>
      <c r="F34091" s="7">
        <v>29305</v>
      </c>
      <c r="G34091" s="8">
        <v>2970000</v>
      </c>
      <c r="H34091" s="8">
        <v>534600</v>
      </c>
      <c r="I34091" s="8">
        <v>2494800</v>
      </c>
      <c r="J34091" s="8">
        <v>475200</v>
      </c>
      <c r="K34091" s="9"/>
      <c r="L34091" s="6"/>
    </row>
    <row r="34092" spans="1:12">
      <c r="A34092" s="6" t="s">
        <v>34276</v>
      </c>
      <c r="B34092" s="6"/>
      <c r="C34092" s="6" t="s">
        <v>32230</v>
      </c>
      <c r="D34092" s="6"/>
      <c r="E34092" s="6" t="s">
        <v>9</v>
      </c>
      <c r="F34092" s="7">
        <v>29305</v>
      </c>
      <c r="G34092" s="8">
        <v>2090000</v>
      </c>
      <c r="H34092" s="8">
        <v>376200</v>
      </c>
      <c r="I34092" s="8">
        <v>1755600</v>
      </c>
      <c r="J34092" s="8">
        <v>334400</v>
      </c>
      <c r="K34092" s="9"/>
      <c r="L34092" s="6"/>
    </row>
    <row r="34093" spans="1:12">
      <c r="A34093" s="6" t="s">
        <v>34277</v>
      </c>
      <c r="B34093" s="6"/>
      <c r="C34093" s="6" t="s">
        <v>32230</v>
      </c>
      <c r="D34093" s="6"/>
      <c r="E34093" s="6" t="s">
        <v>9</v>
      </c>
      <c r="F34093" s="7">
        <v>29305</v>
      </c>
      <c r="G34093" s="8">
        <v>2970000</v>
      </c>
      <c r="H34093" s="8">
        <v>534600</v>
      </c>
      <c r="I34093" s="8">
        <v>2494800</v>
      </c>
      <c r="J34093" s="8">
        <v>475200</v>
      </c>
      <c r="K34093" s="9"/>
      <c r="L34093" s="6"/>
    </row>
    <row r="34094" spans="1:12">
      <c r="A34094" s="6" t="s">
        <v>34278</v>
      </c>
      <c r="B34094" s="6"/>
      <c r="C34094" s="6" t="s">
        <v>32230</v>
      </c>
      <c r="D34094" s="6"/>
      <c r="E34094" s="6" t="s">
        <v>9</v>
      </c>
      <c r="F34094" s="7">
        <v>29305</v>
      </c>
      <c r="G34094" s="8">
        <v>2970000</v>
      </c>
      <c r="H34094" s="8">
        <v>534600</v>
      </c>
      <c r="I34094" s="8">
        <v>2494800</v>
      </c>
      <c r="J34094" s="8">
        <v>475200</v>
      </c>
      <c r="K34094" s="9"/>
      <c r="L34094" s="6"/>
    </row>
    <row r="34095" spans="1:12">
      <c r="A34095" s="6" t="s">
        <v>34279</v>
      </c>
      <c r="B34095" s="6"/>
      <c r="C34095" s="6" t="s">
        <v>32230</v>
      </c>
      <c r="D34095" s="6"/>
      <c r="E34095" s="6" t="s">
        <v>9</v>
      </c>
      <c r="F34095" s="7">
        <v>29305</v>
      </c>
      <c r="G34095" s="8">
        <v>2160000</v>
      </c>
      <c r="H34095" s="8">
        <v>388800</v>
      </c>
      <c r="I34095" s="8">
        <v>1814400</v>
      </c>
      <c r="J34095" s="8">
        <v>345600</v>
      </c>
      <c r="K34095" s="9"/>
      <c r="L34095" s="6"/>
    </row>
    <row r="34096" spans="1:12">
      <c r="A34096" s="6" t="s">
        <v>34280</v>
      </c>
      <c r="B34096" s="6"/>
      <c r="C34096" s="6" t="s">
        <v>32230</v>
      </c>
      <c r="D34096" s="6"/>
      <c r="E34096" s="6" t="s">
        <v>9</v>
      </c>
      <c r="F34096" s="7">
        <v>29305</v>
      </c>
      <c r="G34096" s="8">
        <v>3310200</v>
      </c>
      <c r="H34096" s="8">
        <v>595836</v>
      </c>
      <c r="I34096" s="8">
        <v>2780568</v>
      </c>
      <c r="J34096" s="8">
        <v>529632</v>
      </c>
      <c r="K34096" s="9"/>
      <c r="L34096" s="6"/>
    </row>
    <row r="34097" spans="1:12">
      <c r="A34097" s="6" t="s">
        <v>34281</v>
      </c>
      <c r="B34097" s="6"/>
      <c r="C34097" s="6" t="s">
        <v>32230</v>
      </c>
      <c r="D34097" s="6"/>
      <c r="E34097" s="6" t="s">
        <v>9</v>
      </c>
      <c r="F34097" s="7">
        <v>29305</v>
      </c>
      <c r="G34097" s="8">
        <v>9477000</v>
      </c>
      <c r="H34097" s="8">
        <v>1705860</v>
      </c>
      <c r="I34097" s="8">
        <v>7960680</v>
      </c>
      <c r="J34097" s="8">
        <v>1516320</v>
      </c>
      <c r="K34097" s="9"/>
      <c r="L34097" s="6"/>
    </row>
    <row r="34098" spans="1:12">
      <c r="A34098" s="6" t="s">
        <v>34282</v>
      </c>
      <c r="B34098" s="6"/>
      <c r="C34098" s="6" t="s">
        <v>32230</v>
      </c>
      <c r="D34098" s="6"/>
      <c r="E34098" s="6" t="s">
        <v>9</v>
      </c>
      <c r="F34098" s="7">
        <v>29305</v>
      </c>
      <c r="G34098" s="8">
        <v>8073000</v>
      </c>
      <c r="H34098" s="8">
        <v>1453140</v>
      </c>
      <c r="I34098" s="8">
        <v>6781320</v>
      </c>
      <c r="J34098" s="8">
        <v>1291680</v>
      </c>
      <c r="K34098" s="9"/>
      <c r="L34098" s="6"/>
    </row>
    <row r="34099" spans="1:12">
      <c r="A34099" s="6" t="s">
        <v>34283</v>
      </c>
      <c r="B34099" s="6"/>
      <c r="C34099" s="6" t="s">
        <v>32230</v>
      </c>
      <c r="D34099" s="6"/>
      <c r="E34099" s="6" t="s">
        <v>9</v>
      </c>
      <c r="F34099" s="7">
        <v>29305</v>
      </c>
      <c r="G34099" s="8">
        <v>18937800</v>
      </c>
      <c r="H34099" s="8">
        <v>3408804</v>
      </c>
      <c r="I34099" s="8">
        <v>15907752</v>
      </c>
      <c r="J34099" s="8">
        <v>3030048</v>
      </c>
      <c r="K34099" s="9"/>
      <c r="L34099" s="6"/>
    </row>
    <row r="34100" spans="1:12">
      <c r="A34100" s="6" t="s">
        <v>34284</v>
      </c>
      <c r="B34100" s="6"/>
      <c r="C34100" s="6" t="s">
        <v>32230</v>
      </c>
      <c r="D34100" s="6"/>
      <c r="E34100" s="6" t="s">
        <v>9</v>
      </c>
      <c r="F34100" s="7">
        <v>29305</v>
      </c>
      <c r="G34100" s="8">
        <v>6213000</v>
      </c>
      <c r="H34100" s="8">
        <v>1118340</v>
      </c>
      <c r="I34100" s="8">
        <v>5218920</v>
      </c>
      <c r="J34100" s="8">
        <v>994080</v>
      </c>
      <c r="K34100" s="9"/>
      <c r="L34100" s="6"/>
    </row>
    <row r="34101" spans="1:12">
      <c r="A34101" s="6" t="s">
        <v>34285</v>
      </c>
      <c r="B34101" s="6"/>
      <c r="C34101" s="6" t="s">
        <v>32230</v>
      </c>
      <c r="D34101" s="6"/>
      <c r="E34101" s="6" t="s">
        <v>9</v>
      </c>
      <c r="F34101" s="7">
        <v>31866</v>
      </c>
      <c r="G34101" s="8">
        <v>2266700</v>
      </c>
      <c r="H34101" s="8">
        <v>725344</v>
      </c>
      <c r="I34101" s="8">
        <v>1586690</v>
      </c>
      <c r="J34101" s="8">
        <v>680010</v>
      </c>
      <c r="K34101" s="9"/>
      <c r="L34101" s="6"/>
    </row>
    <row r="34102" spans="1:12">
      <c r="A34102" s="6" t="s">
        <v>34286</v>
      </c>
      <c r="B34102" s="6"/>
      <c r="C34102" s="6" t="s">
        <v>32230</v>
      </c>
      <c r="D34102" s="6"/>
      <c r="E34102" s="6" t="s">
        <v>9</v>
      </c>
      <c r="F34102" s="7">
        <v>29305</v>
      </c>
      <c r="G34102" s="8">
        <v>1566000</v>
      </c>
      <c r="H34102" s="8">
        <v>281880</v>
      </c>
      <c r="I34102" s="8">
        <v>1315440</v>
      </c>
      <c r="J34102" s="8">
        <v>250560</v>
      </c>
      <c r="K34102" s="9"/>
      <c r="L34102" s="6"/>
    </row>
    <row r="34103" spans="1:12">
      <c r="A34103" s="6" t="s">
        <v>34287</v>
      </c>
      <c r="B34103" s="6"/>
      <c r="C34103" s="6" t="s">
        <v>32230</v>
      </c>
      <c r="D34103" s="6"/>
      <c r="E34103" s="6" t="s">
        <v>9</v>
      </c>
      <c r="F34103" s="7">
        <v>33592</v>
      </c>
      <c r="G34103" s="8">
        <v>60976800</v>
      </c>
      <c r="H34103" s="8">
        <v>25610256</v>
      </c>
      <c r="I34103" s="8">
        <v>36586080</v>
      </c>
      <c r="J34103" s="8">
        <v>24390720</v>
      </c>
      <c r="K34103" s="9"/>
      <c r="L34103" s="6"/>
    </row>
    <row r="34104" spans="1:12">
      <c r="A34104" s="6" t="s">
        <v>34288</v>
      </c>
      <c r="B34104" s="6"/>
      <c r="C34104" s="6" t="s">
        <v>32230</v>
      </c>
      <c r="D34104" s="6"/>
      <c r="E34104" s="6" t="s">
        <v>9</v>
      </c>
      <c r="F34104" s="7">
        <v>29305</v>
      </c>
      <c r="G34104" s="8">
        <v>1674000</v>
      </c>
      <c r="H34104" s="8">
        <v>301320</v>
      </c>
      <c r="I34104" s="8">
        <v>1406160</v>
      </c>
      <c r="J34104" s="8">
        <v>267840</v>
      </c>
      <c r="K34104" s="9"/>
      <c r="L34104" s="6"/>
    </row>
    <row r="34105" spans="1:12">
      <c r="A34105" s="6" t="s">
        <v>34289</v>
      </c>
      <c r="B34105" s="6"/>
      <c r="C34105" s="6" t="s">
        <v>32230</v>
      </c>
      <c r="D34105" s="6"/>
      <c r="E34105" s="6" t="s">
        <v>9</v>
      </c>
      <c r="F34105" s="7">
        <v>29305</v>
      </c>
      <c r="G34105" s="8">
        <v>1212200</v>
      </c>
      <c r="H34105" s="8">
        <v>218196</v>
      </c>
      <c r="I34105" s="8">
        <v>1018248</v>
      </c>
      <c r="J34105" s="8">
        <v>193952</v>
      </c>
      <c r="K34105" s="9"/>
      <c r="L34105" s="6"/>
    </row>
    <row r="34106" spans="1:12">
      <c r="A34106" s="6" t="s">
        <v>34290</v>
      </c>
      <c r="B34106" s="6"/>
      <c r="C34106" s="6" t="s">
        <v>32230</v>
      </c>
      <c r="D34106" s="6"/>
      <c r="E34106" s="6" t="s">
        <v>9</v>
      </c>
      <c r="F34106" s="7">
        <v>29305</v>
      </c>
      <c r="G34106" s="8">
        <v>1107700</v>
      </c>
      <c r="H34106" s="8">
        <v>199386</v>
      </c>
      <c r="I34106" s="8">
        <v>930468</v>
      </c>
      <c r="J34106" s="8">
        <v>177232</v>
      </c>
      <c r="K34106" s="9"/>
      <c r="L34106" s="6"/>
    </row>
    <row r="34107" spans="1:12">
      <c r="A34107" s="6" t="s">
        <v>34291</v>
      </c>
      <c r="B34107" s="6"/>
      <c r="C34107" s="6" t="s">
        <v>32230</v>
      </c>
      <c r="D34107" s="6"/>
      <c r="E34107" s="6" t="s">
        <v>9</v>
      </c>
      <c r="F34107" s="7">
        <v>29305</v>
      </c>
      <c r="G34107" s="8">
        <v>8383500</v>
      </c>
      <c r="H34107" s="8">
        <v>1509030</v>
      </c>
      <c r="I34107" s="8">
        <v>7042140</v>
      </c>
      <c r="J34107" s="8">
        <v>1341360</v>
      </c>
      <c r="K34107" s="9"/>
      <c r="L34107" s="6"/>
    </row>
    <row r="34108" spans="1:12">
      <c r="A34108" s="6" t="s">
        <v>33185</v>
      </c>
      <c r="B34108" s="6"/>
      <c r="C34108" s="6" t="s">
        <v>32230</v>
      </c>
      <c r="D34108" s="6"/>
      <c r="E34108" s="6" t="s">
        <v>9</v>
      </c>
      <c r="F34108" s="7">
        <v>24929</v>
      </c>
      <c r="G34108" s="8">
        <v>10374000</v>
      </c>
      <c r="H34108" s="8">
        <v>1203384</v>
      </c>
      <c r="I34108" s="8">
        <v>9346974</v>
      </c>
      <c r="J34108" s="8">
        <v>1027026</v>
      </c>
      <c r="K34108" s="9"/>
      <c r="L34108" s="6"/>
    </row>
    <row r="34109" spans="1:12">
      <c r="A34109" s="6" t="s">
        <v>34292</v>
      </c>
      <c r="B34109" s="6"/>
      <c r="C34109" s="6" t="s">
        <v>32230</v>
      </c>
      <c r="D34109" s="6"/>
      <c r="E34109" s="6" t="s">
        <v>9</v>
      </c>
      <c r="F34109" s="7">
        <v>29305</v>
      </c>
      <c r="G34109" s="8">
        <v>4077000</v>
      </c>
      <c r="H34109" s="8">
        <v>733860</v>
      </c>
      <c r="I34109" s="8">
        <v>3424680</v>
      </c>
      <c r="J34109" s="8">
        <v>652320</v>
      </c>
      <c r="K34109" s="9"/>
      <c r="L34109" s="6"/>
    </row>
    <row r="34110" spans="1:12">
      <c r="A34110" s="6" t="s">
        <v>34293</v>
      </c>
      <c r="B34110" s="6"/>
      <c r="C34110" s="6" t="s">
        <v>32230</v>
      </c>
      <c r="D34110" s="6"/>
      <c r="E34110" s="6" t="s">
        <v>9</v>
      </c>
      <c r="F34110" s="7">
        <v>29305</v>
      </c>
      <c r="G34110" s="8">
        <v>2500400</v>
      </c>
      <c r="H34110" s="8">
        <v>450072</v>
      </c>
      <c r="I34110" s="8">
        <v>2100336</v>
      </c>
      <c r="J34110" s="8">
        <v>400064</v>
      </c>
      <c r="K34110" s="9"/>
      <c r="L34110" s="6"/>
    </row>
    <row r="34111" spans="1:12">
      <c r="A34111" s="6" t="s">
        <v>34294</v>
      </c>
      <c r="B34111" s="6"/>
      <c r="C34111" s="6" t="s">
        <v>32230</v>
      </c>
      <c r="D34111" s="6"/>
      <c r="E34111" s="6" t="s">
        <v>9</v>
      </c>
      <c r="F34111" s="7">
        <v>29305</v>
      </c>
      <c r="G34111" s="8">
        <v>1786000</v>
      </c>
      <c r="H34111" s="8">
        <v>321480</v>
      </c>
      <c r="I34111" s="8">
        <v>1500240</v>
      </c>
      <c r="J34111" s="8">
        <v>285760</v>
      </c>
      <c r="K34111" s="9"/>
      <c r="L34111" s="6"/>
    </row>
    <row r="34112" spans="1:12">
      <c r="A34112" s="6" t="s">
        <v>34295</v>
      </c>
      <c r="B34112" s="6"/>
      <c r="C34112" s="6" t="s">
        <v>32230</v>
      </c>
      <c r="D34112" s="6"/>
      <c r="E34112" s="6" t="s">
        <v>9</v>
      </c>
      <c r="F34112" s="7">
        <v>29305</v>
      </c>
      <c r="G34112" s="8">
        <v>4422600</v>
      </c>
      <c r="H34112" s="8">
        <v>796068</v>
      </c>
      <c r="I34112" s="8">
        <v>3714984</v>
      </c>
      <c r="J34112" s="8">
        <v>707616</v>
      </c>
      <c r="K34112" s="9"/>
      <c r="L34112" s="6"/>
    </row>
    <row r="34113" spans="1:12">
      <c r="A34113" s="6" t="s">
        <v>34296</v>
      </c>
      <c r="B34113" s="6"/>
      <c r="C34113" s="6" t="s">
        <v>32230</v>
      </c>
      <c r="D34113" s="6"/>
      <c r="E34113" s="6" t="s">
        <v>9</v>
      </c>
      <c r="F34113" s="7">
        <v>29305</v>
      </c>
      <c r="G34113" s="8">
        <v>5937300</v>
      </c>
      <c r="H34113" s="8">
        <v>1068714</v>
      </c>
      <c r="I34113" s="8">
        <v>4987332</v>
      </c>
      <c r="J34113" s="8">
        <v>949968</v>
      </c>
      <c r="K34113" s="9"/>
      <c r="L34113" s="6"/>
    </row>
    <row r="34114" spans="1:12">
      <c r="A34114" s="6" t="s">
        <v>34296</v>
      </c>
      <c r="B34114" s="6"/>
      <c r="C34114" s="6" t="s">
        <v>32230</v>
      </c>
      <c r="D34114" s="6"/>
      <c r="E34114" s="6"/>
      <c r="F34114" s="7">
        <v>43922</v>
      </c>
      <c r="G34114" s="8">
        <v>1265000</v>
      </c>
      <c r="H34114" s="8">
        <v>1265000</v>
      </c>
      <c r="I34114" s="8">
        <v>25300</v>
      </c>
      <c r="J34114" s="8">
        <v>1239700</v>
      </c>
      <c r="K34114" s="9"/>
      <c r="L34114" s="6"/>
    </row>
    <row r="34115" spans="1:12">
      <c r="A34115" s="6" t="s">
        <v>34297</v>
      </c>
      <c r="B34115" s="6"/>
      <c r="C34115" s="6" t="s">
        <v>32230</v>
      </c>
      <c r="D34115" s="6"/>
      <c r="E34115" s="6" t="s">
        <v>9</v>
      </c>
      <c r="F34115" s="7">
        <v>31866</v>
      </c>
      <c r="G34115" s="8">
        <v>1323000</v>
      </c>
      <c r="H34115" s="8">
        <v>423360</v>
      </c>
      <c r="I34115" s="8">
        <v>926100</v>
      </c>
      <c r="J34115" s="8">
        <v>396900</v>
      </c>
      <c r="K34115" s="9"/>
      <c r="L34115" s="6"/>
    </row>
    <row r="34116" spans="1:12">
      <c r="A34116" s="6" t="s">
        <v>34298</v>
      </c>
      <c r="B34116" s="6"/>
      <c r="C34116" s="6" t="s">
        <v>32230</v>
      </c>
      <c r="D34116" s="6"/>
      <c r="E34116" s="6" t="s">
        <v>9</v>
      </c>
      <c r="F34116" s="7">
        <v>31866</v>
      </c>
      <c r="G34116" s="8">
        <v>4665600</v>
      </c>
      <c r="H34116" s="8">
        <v>1492992</v>
      </c>
      <c r="I34116" s="8">
        <v>3265920</v>
      </c>
      <c r="J34116" s="8">
        <v>1399680</v>
      </c>
      <c r="K34116" s="9"/>
      <c r="L34116" s="6"/>
    </row>
    <row r="34117" spans="1:12">
      <c r="A34117" s="6" t="s">
        <v>34299</v>
      </c>
      <c r="B34117" s="6"/>
      <c r="C34117" s="6" t="s">
        <v>32230</v>
      </c>
      <c r="D34117" s="6"/>
      <c r="E34117" s="6" t="s">
        <v>9</v>
      </c>
      <c r="F34117" s="7">
        <v>30406</v>
      </c>
      <c r="G34117" s="8">
        <v>1987400</v>
      </c>
      <c r="H34117" s="8">
        <v>476976</v>
      </c>
      <c r="I34117" s="8">
        <v>1550172</v>
      </c>
      <c r="J34117" s="8">
        <v>437228</v>
      </c>
      <c r="K34117" s="9"/>
      <c r="L34117" s="6"/>
    </row>
    <row r="34118" spans="1:12">
      <c r="A34118" s="6" t="s">
        <v>34300</v>
      </c>
      <c r="B34118" s="6"/>
      <c r="C34118" s="6" t="s">
        <v>32230</v>
      </c>
      <c r="D34118" s="6"/>
      <c r="E34118" s="6" t="s">
        <v>9</v>
      </c>
      <c r="F34118" s="7">
        <v>30406</v>
      </c>
      <c r="G34118" s="8">
        <v>2216700</v>
      </c>
      <c r="H34118" s="8">
        <v>532008</v>
      </c>
      <c r="I34118" s="8">
        <v>1729026</v>
      </c>
      <c r="J34118" s="8">
        <v>487674</v>
      </c>
      <c r="K34118" s="9"/>
      <c r="L34118" s="6"/>
    </row>
    <row r="34119" spans="1:12">
      <c r="A34119" s="6" t="s">
        <v>34301</v>
      </c>
      <c r="B34119" s="6"/>
      <c r="C34119" s="6" t="s">
        <v>32230</v>
      </c>
      <c r="D34119" s="6"/>
      <c r="E34119" s="6" t="s">
        <v>9</v>
      </c>
      <c r="F34119" s="7">
        <v>30406</v>
      </c>
      <c r="G34119" s="8">
        <v>3790800</v>
      </c>
      <c r="H34119" s="8">
        <v>909792</v>
      </c>
      <c r="I34119" s="8">
        <v>2956824</v>
      </c>
      <c r="J34119" s="8">
        <v>833976</v>
      </c>
      <c r="K34119" s="9"/>
      <c r="L34119" s="6"/>
    </row>
    <row r="34120" spans="1:12">
      <c r="A34120" s="6" t="s">
        <v>34302</v>
      </c>
      <c r="B34120" s="6"/>
      <c r="C34120" s="6" t="s">
        <v>32230</v>
      </c>
      <c r="D34120" s="6"/>
      <c r="E34120" s="6" t="s">
        <v>9</v>
      </c>
      <c r="F34120" s="7">
        <v>31809</v>
      </c>
      <c r="G34120" s="8">
        <v>9347400</v>
      </c>
      <c r="H34120" s="8">
        <v>2991168</v>
      </c>
      <c r="I34120" s="8">
        <v>6543180</v>
      </c>
      <c r="J34120" s="8">
        <v>2804220</v>
      </c>
      <c r="K34120" s="9"/>
      <c r="L34120" s="6"/>
    </row>
    <row r="34121" spans="1:12">
      <c r="A34121" s="6" t="s">
        <v>34303</v>
      </c>
      <c r="B34121" s="6"/>
      <c r="C34121" s="6" t="s">
        <v>32230</v>
      </c>
      <c r="D34121" s="6"/>
      <c r="E34121" s="6" t="s">
        <v>9</v>
      </c>
      <c r="F34121" s="7">
        <v>30406</v>
      </c>
      <c r="G34121" s="8">
        <v>1498500</v>
      </c>
      <c r="H34121" s="8">
        <v>359640</v>
      </c>
      <c r="I34121" s="8">
        <v>1168830</v>
      </c>
      <c r="J34121" s="8">
        <v>329670</v>
      </c>
      <c r="K34121" s="9"/>
      <c r="L34121" s="6"/>
    </row>
    <row r="34122" spans="1:12">
      <c r="A34122" s="6" t="s">
        <v>34304</v>
      </c>
      <c r="B34122" s="6"/>
      <c r="C34122" s="6" t="s">
        <v>32230</v>
      </c>
      <c r="D34122" s="6"/>
      <c r="E34122" s="6" t="s">
        <v>9</v>
      </c>
      <c r="F34122" s="7">
        <v>30406</v>
      </c>
      <c r="G34122" s="8">
        <v>11032200</v>
      </c>
      <c r="H34122" s="8">
        <v>2647728</v>
      </c>
      <c r="I34122" s="8">
        <v>8605116</v>
      </c>
      <c r="J34122" s="8">
        <v>2427084</v>
      </c>
      <c r="K34122" s="9"/>
      <c r="L34122" s="6"/>
    </row>
    <row r="34123" spans="1:12">
      <c r="A34123" s="6" t="s">
        <v>34305</v>
      </c>
      <c r="B34123" s="6"/>
      <c r="C34123" s="6" t="s">
        <v>32230</v>
      </c>
      <c r="D34123" s="6"/>
      <c r="E34123" s="6" t="s">
        <v>9</v>
      </c>
      <c r="F34123" s="7">
        <v>30406</v>
      </c>
      <c r="G34123" s="8">
        <v>71482500</v>
      </c>
      <c r="H34123" s="8">
        <v>17155800</v>
      </c>
      <c r="I34123" s="8">
        <v>55756350</v>
      </c>
      <c r="J34123" s="8">
        <v>15726150</v>
      </c>
      <c r="K34123" s="9"/>
      <c r="L34123" s="6"/>
    </row>
    <row r="34124" spans="1:12">
      <c r="A34124" s="6" t="s">
        <v>33185</v>
      </c>
      <c r="B34124" s="6"/>
      <c r="C34124" s="6" t="s">
        <v>32230</v>
      </c>
      <c r="D34124" s="6"/>
      <c r="E34124" s="6" t="s">
        <v>9</v>
      </c>
      <c r="F34124" s="7">
        <v>25294</v>
      </c>
      <c r="G34124" s="8">
        <v>17428320</v>
      </c>
      <c r="H34124" s="8">
        <v>2317989</v>
      </c>
      <c r="I34124" s="8">
        <v>15406612</v>
      </c>
      <c r="J34124" s="8">
        <v>2021708</v>
      </c>
      <c r="K34124" s="9"/>
      <c r="L34124" s="6"/>
    </row>
    <row r="34125" spans="1:12">
      <c r="A34125" s="6" t="s">
        <v>34306</v>
      </c>
      <c r="B34125" s="6"/>
      <c r="C34125" s="6" t="s">
        <v>32230</v>
      </c>
      <c r="D34125" s="6"/>
      <c r="E34125" s="6" t="s">
        <v>9</v>
      </c>
      <c r="F34125" s="7">
        <v>31500</v>
      </c>
      <c r="G34125" s="8">
        <v>36498600</v>
      </c>
      <c r="H34125" s="8">
        <v>10949580</v>
      </c>
      <c r="I34125" s="8">
        <v>26278992</v>
      </c>
      <c r="J34125" s="8">
        <v>10219608</v>
      </c>
      <c r="K34125" s="9"/>
      <c r="L34125" s="6"/>
    </row>
    <row r="34126" spans="1:12">
      <c r="A34126" s="6" t="s">
        <v>34307</v>
      </c>
      <c r="B34126" s="6"/>
      <c r="C34126" s="6" t="s">
        <v>32230</v>
      </c>
      <c r="D34126" s="6"/>
      <c r="E34126" s="6" t="s">
        <v>9</v>
      </c>
      <c r="F34126" s="7">
        <v>33592</v>
      </c>
      <c r="G34126" s="8">
        <v>8505000</v>
      </c>
      <c r="H34126" s="8">
        <v>3572100</v>
      </c>
      <c r="I34126" s="8">
        <v>5103000</v>
      </c>
      <c r="J34126" s="8">
        <v>3402000</v>
      </c>
      <c r="K34126" s="9"/>
      <c r="L34126" s="6"/>
    </row>
    <row r="34127" spans="1:12">
      <c r="A34127" s="6" t="s">
        <v>34308</v>
      </c>
      <c r="B34127" s="6"/>
      <c r="C34127" s="6" t="s">
        <v>32230</v>
      </c>
      <c r="D34127" s="6"/>
      <c r="E34127" s="6" t="s">
        <v>9</v>
      </c>
      <c r="F34127" s="7">
        <v>30406</v>
      </c>
      <c r="G34127" s="8">
        <v>5324400</v>
      </c>
      <c r="H34127" s="8">
        <v>1277856</v>
      </c>
      <c r="I34127" s="8">
        <v>4153032</v>
      </c>
      <c r="J34127" s="8">
        <v>1171368</v>
      </c>
      <c r="K34127" s="9"/>
      <c r="L34127" s="6"/>
    </row>
    <row r="34128" spans="1:12">
      <c r="A34128" s="6" t="s">
        <v>34309</v>
      </c>
      <c r="B34128" s="6"/>
      <c r="C34128" s="6" t="s">
        <v>32230</v>
      </c>
      <c r="D34128" s="6"/>
      <c r="E34128" s="6" t="s">
        <v>9</v>
      </c>
      <c r="F34128" s="7">
        <v>30406</v>
      </c>
      <c r="G34128" s="8">
        <v>39025800</v>
      </c>
      <c r="H34128" s="8">
        <v>9366192</v>
      </c>
      <c r="I34128" s="8">
        <v>30440124</v>
      </c>
      <c r="J34128" s="8">
        <v>8585676</v>
      </c>
      <c r="K34128" s="9"/>
      <c r="L34128" s="6"/>
    </row>
    <row r="34129" spans="1:12">
      <c r="A34129" s="6" t="s">
        <v>34310</v>
      </c>
      <c r="B34129" s="6"/>
      <c r="C34129" s="6" t="s">
        <v>32230</v>
      </c>
      <c r="D34129" s="6"/>
      <c r="E34129" s="6" t="s">
        <v>9</v>
      </c>
      <c r="F34129" s="7">
        <v>30406</v>
      </c>
      <c r="G34129" s="8">
        <v>6447600</v>
      </c>
      <c r="H34129" s="8">
        <v>1547424</v>
      </c>
      <c r="I34129" s="8">
        <v>5029128</v>
      </c>
      <c r="J34129" s="8">
        <v>1418472</v>
      </c>
      <c r="K34129" s="9"/>
      <c r="L34129" s="6"/>
    </row>
    <row r="34130" spans="1:12">
      <c r="A34130" s="6" t="s">
        <v>34311</v>
      </c>
      <c r="B34130" s="6"/>
      <c r="C34130" s="6" t="s">
        <v>32230</v>
      </c>
      <c r="D34130" s="6"/>
      <c r="E34130" s="6" t="s">
        <v>9</v>
      </c>
      <c r="F34130" s="7">
        <v>30406</v>
      </c>
      <c r="G34130" s="8">
        <v>1799300</v>
      </c>
      <c r="H34130" s="8">
        <v>431832</v>
      </c>
      <c r="I34130" s="8">
        <v>1403454</v>
      </c>
      <c r="J34130" s="8">
        <v>395846</v>
      </c>
      <c r="K34130" s="9"/>
      <c r="L34130" s="6"/>
    </row>
    <row r="34131" spans="1:12">
      <c r="A34131" s="6" t="s">
        <v>34312</v>
      </c>
      <c r="B34131" s="6"/>
      <c r="C34131" s="6" t="s">
        <v>32230</v>
      </c>
      <c r="D34131" s="6"/>
      <c r="E34131" s="6" t="s">
        <v>9</v>
      </c>
      <c r="F34131" s="7">
        <v>30406</v>
      </c>
      <c r="G34131" s="8">
        <v>2427300</v>
      </c>
      <c r="H34131" s="8">
        <v>582552</v>
      </c>
      <c r="I34131" s="8">
        <v>1893294</v>
      </c>
      <c r="J34131" s="8">
        <v>534006</v>
      </c>
      <c r="K34131" s="9"/>
      <c r="L34131" s="6"/>
    </row>
    <row r="34132" spans="1:12">
      <c r="A34132" s="6" t="s">
        <v>34313</v>
      </c>
      <c r="B34132" s="6"/>
      <c r="C34132" s="6" t="s">
        <v>32230</v>
      </c>
      <c r="D34132" s="6"/>
      <c r="E34132" s="6"/>
      <c r="F34132" s="7">
        <v>43191</v>
      </c>
      <c r="G34132" s="8">
        <v>1144800</v>
      </c>
      <c r="H34132" s="8">
        <v>1099008</v>
      </c>
      <c r="I34132" s="8">
        <v>68688</v>
      </c>
      <c r="J34132" s="8">
        <v>1076112</v>
      </c>
      <c r="K34132" s="9"/>
      <c r="L34132" s="6"/>
    </row>
    <row r="34133" spans="1:12">
      <c r="A34133" s="6" t="s">
        <v>34313</v>
      </c>
      <c r="B34133" s="6"/>
      <c r="C34133" s="6" t="s">
        <v>32230</v>
      </c>
      <c r="D34133" s="6"/>
      <c r="E34133" s="6" t="s">
        <v>9</v>
      </c>
      <c r="F34133" s="7">
        <v>30406</v>
      </c>
      <c r="G34133" s="8">
        <v>27920700</v>
      </c>
      <c r="H34133" s="8">
        <v>6700968</v>
      </c>
      <c r="I34133" s="8">
        <v>21778146</v>
      </c>
      <c r="J34133" s="8">
        <v>6142554</v>
      </c>
      <c r="K34133" s="9"/>
      <c r="L34133" s="6"/>
    </row>
    <row r="34134" spans="1:12">
      <c r="A34134" s="6" t="s">
        <v>34314</v>
      </c>
      <c r="B34134" s="6"/>
      <c r="C34134" s="6" t="s">
        <v>32230</v>
      </c>
      <c r="D34134" s="6"/>
      <c r="E34134" s="6" t="s">
        <v>9</v>
      </c>
      <c r="F34134" s="7">
        <v>30406</v>
      </c>
      <c r="G34134" s="8">
        <v>2335500</v>
      </c>
      <c r="H34134" s="8">
        <v>560520</v>
      </c>
      <c r="I34134" s="8">
        <v>1821690</v>
      </c>
      <c r="J34134" s="8">
        <v>513810</v>
      </c>
      <c r="K34134" s="9"/>
      <c r="L34134" s="6"/>
    </row>
    <row r="34135" spans="1:12">
      <c r="A34135" s="6" t="s">
        <v>34315</v>
      </c>
      <c r="B34135" s="6"/>
      <c r="C34135" s="6" t="s">
        <v>32230</v>
      </c>
      <c r="D34135" s="6"/>
      <c r="E34135" s="6" t="s">
        <v>9</v>
      </c>
      <c r="F34135" s="7">
        <v>30406</v>
      </c>
      <c r="G34135" s="8">
        <v>7252200</v>
      </c>
      <c r="H34135" s="8">
        <v>1740528</v>
      </c>
      <c r="I34135" s="8">
        <v>5656716</v>
      </c>
      <c r="J34135" s="8">
        <v>1595484</v>
      </c>
      <c r="K34135" s="9"/>
      <c r="L34135" s="6"/>
    </row>
    <row r="34136" spans="1:12">
      <c r="A34136" s="6" t="s">
        <v>34316</v>
      </c>
      <c r="B34136" s="6"/>
      <c r="C34136" s="6" t="s">
        <v>32230</v>
      </c>
      <c r="D34136" s="6"/>
      <c r="E34136" s="6" t="s">
        <v>9</v>
      </c>
      <c r="F34136" s="7">
        <v>31866</v>
      </c>
      <c r="G34136" s="8">
        <v>139776000</v>
      </c>
      <c r="H34136" s="8">
        <v>44728320</v>
      </c>
      <c r="I34136" s="8">
        <v>97843200</v>
      </c>
      <c r="J34136" s="8">
        <v>41932800</v>
      </c>
      <c r="K34136" s="9"/>
      <c r="L34136" s="6"/>
    </row>
    <row r="34137" spans="1:12">
      <c r="A34137" s="6" t="s">
        <v>34317</v>
      </c>
      <c r="B34137" s="6"/>
      <c r="C34137" s="6" t="s">
        <v>32230</v>
      </c>
      <c r="D34137" s="6"/>
      <c r="E34137" s="6" t="s">
        <v>9</v>
      </c>
      <c r="F34137" s="7">
        <v>38443</v>
      </c>
      <c r="G34137" s="8">
        <v>88670400</v>
      </c>
      <c r="H34137" s="8">
        <v>66059460</v>
      </c>
      <c r="I34137" s="8">
        <v>24118336</v>
      </c>
      <c r="J34137" s="8">
        <v>64552064</v>
      </c>
      <c r="K34137" s="9"/>
      <c r="L34137" s="6"/>
    </row>
    <row r="34138" spans="1:12">
      <c r="A34138" s="6" t="s">
        <v>34318</v>
      </c>
      <c r="B34138" s="6"/>
      <c r="C34138" s="6" t="s">
        <v>32230</v>
      </c>
      <c r="D34138" s="6"/>
      <c r="E34138" s="6" t="s">
        <v>9</v>
      </c>
      <c r="F34138" s="7">
        <v>42359</v>
      </c>
      <c r="G34138" s="8">
        <v>18468000</v>
      </c>
      <c r="H34138" s="8">
        <v>16621200</v>
      </c>
      <c r="I34138" s="8">
        <v>2216160</v>
      </c>
      <c r="J34138" s="8">
        <v>16251840</v>
      </c>
      <c r="K34138" s="9"/>
      <c r="L34138" s="6"/>
    </row>
    <row r="34139" spans="1:12">
      <c r="A34139" s="6" t="s">
        <v>34319</v>
      </c>
      <c r="B34139" s="6"/>
      <c r="C34139" s="6" t="s">
        <v>32230</v>
      </c>
      <c r="D34139" s="6"/>
      <c r="E34139" s="6" t="s">
        <v>9</v>
      </c>
      <c r="F34139" s="7">
        <v>33248</v>
      </c>
      <c r="G34139" s="8">
        <v>3520800</v>
      </c>
      <c r="H34139" s="8">
        <v>1408320</v>
      </c>
      <c r="I34139" s="8">
        <v>2182896</v>
      </c>
      <c r="J34139" s="8">
        <v>1337904</v>
      </c>
      <c r="K34139" s="9"/>
      <c r="L34139" s="6"/>
    </row>
    <row r="34140" spans="1:12">
      <c r="A34140" s="6" t="s">
        <v>34320</v>
      </c>
      <c r="B34140" s="6"/>
      <c r="C34140" s="6" t="s">
        <v>32230</v>
      </c>
      <c r="D34140" s="6"/>
      <c r="E34140" s="6" t="s">
        <v>9</v>
      </c>
      <c r="F34140" s="7">
        <v>32521</v>
      </c>
      <c r="G34140" s="8">
        <v>2253400</v>
      </c>
      <c r="H34140" s="8">
        <v>811224</v>
      </c>
      <c r="I34140" s="8">
        <v>1487244</v>
      </c>
      <c r="J34140" s="8">
        <v>766156</v>
      </c>
      <c r="K34140" s="9"/>
      <c r="L34140" s="6"/>
    </row>
    <row r="34141" spans="1:12">
      <c r="A34141" s="6" t="s">
        <v>34321</v>
      </c>
      <c r="B34141" s="6"/>
      <c r="C34141" s="6" t="s">
        <v>32230</v>
      </c>
      <c r="D34141" s="6"/>
      <c r="E34141" s="6" t="s">
        <v>9</v>
      </c>
      <c r="F34141" s="7">
        <v>32521</v>
      </c>
      <c r="G34141" s="8">
        <v>10084500</v>
      </c>
      <c r="H34141" s="8">
        <v>3630420</v>
      </c>
      <c r="I34141" s="8">
        <v>6655770</v>
      </c>
      <c r="J34141" s="8">
        <v>3428730</v>
      </c>
      <c r="K34141" s="9"/>
      <c r="L34141" s="6"/>
    </row>
    <row r="34142" spans="1:12">
      <c r="A34142" s="6" t="s">
        <v>34322</v>
      </c>
      <c r="B34142" s="6"/>
      <c r="C34142" s="6" t="s">
        <v>32230</v>
      </c>
      <c r="D34142" s="6"/>
      <c r="E34142" s="6" t="s">
        <v>9</v>
      </c>
      <c r="F34142" s="7">
        <v>32521</v>
      </c>
      <c r="G34142" s="8">
        <v>7565400</v>
      </c>
      <c r="H34142" s="8">
        <v>2723544</v>
      </c>
      <c r="I34142" s="8">
        <v>4993164</v>
      </c>
      <c r="J34142" s="8">
        <v>2572236</v>
      </c>
      <c r="K34142" s="9"/>
      <c r="L34142" s="6"/>
    </row>
    <row r="34143" spans="1:12">
      <c r="A34143" s="6" t="s">
        <v>34323</v>
      </c>
      <c r="B34143" s="6"/>
      <c r="C34143" s="6" t="s">
        <v>32230</v>
      </c>
      <c r="D34143" s="6"/>
      <c r="E34143" s="6" t="s">
        <v>9</v>
      </c>
      <c r="F34143" s="7">
        <v>32598</v>
      </c>
      <c r="G34143" s="8">
        <v>14623200</v>
      </c>
      <c r="H34143" s="8">
        <v>5264352</v>
      </c>
      <c r="I34143" s="8">
        <v>9651312</v>
      </c>
      <c r="J34143" s="8">
        <v>4971888</v>
      </c>
      <c r="K34143" s="9"/>
      <c r="L34143" s="6"/>
    </row>
    <row r="34144" spans="1:12">
      <c r="A34144" s="6" t="s">
        <v>34324</v>
      </c>
      <c r="B34144" s="6"/>
      <c r="C34144" s="6" t="s">
        <v>32230</v>
      </c>
      <c r="D34144" s="6"/>
      <c r="E34144" s="6" t="s">
        <v>9</v>
      </c>
      <c r="F34144" s="7">
        <v>32889</v>
      </c>
      <c r="G34144" s="8">
        <v>60588000</v>
      </c>
      <c r="H34144" s="8">
        <v>23023440</v>
      </c>
      <c r="I34144" s="8">
        <v>38776320</v>
      </c>
      <c r="J34144" s="8">
        <v>21811680</v>
      </c>
      <c r="K34144" s="9"/>
      <c r="L34144" s="6"/>
    </row>
    <row r="34145" spans="1:12">
      <c r="A34145" s="6" t="s">
        <v>34325</v>
      </c>
      <c r="B34145" s="6"/>
      <c r="C34145" s="6" t="s">
        <v>32230</v>
      </c>
      <c r="D34145" s="6"/>
      <c r="E34145" s="6" t="s">
        <v>9</v>
      </c>
      <c r="F34145" s="7">
        <v>33248</v>
      </c>
      <c r="G34145" s="8">
        <v>17204400</v>
      </c>
      <c r="H34145" s="8">
        <v>6881760</v>
      </c>
      <c r="I34145" s="8">
        <v>10666728</v>
      </c>
      <c r="J34145" s="8">
        <v>6537672</v>
      </c>
      <c r="K34145" s="9"/>
      <c r="L34145" s="6"/>
    </row>
    <row r="34146" spans="1:12">
      <c r="A34146" s="6" t="s">
        <v>34326</v>
      </c>
      <c r="B34146" s="6"/>
      <c r="C34146" s="6" t="s">
        <v>32230</v>
      </c>
      <c r="D34146" s="6"/>
      <c r="E34146" s="6" t="s">
        <v>9</v>
      </c>
      <c r="F34146" s="7">
        <v>33437</v>
      </c>
      <c r="G34146" s="8">
        <v>3226500</v>
      </c>
      <c r="H34146" s="8">
        <v>1355130</v>
      </c>
      <c r="I34146" s="8">
        <v>1935900</v>
      </c>
      <c r="J34146" s="8">
        <v>1290600</v>
      </c>
      <c r="K34146" s="9"/>
      <c r="L34146" s="6"/>
    </row>
    <row r="34147" spans="1:12">
      <c r="A34147" s="6" t="s">
        <v>34327</v>
      </c>
      <c r="B34147" s="6"/>
      <c r="C34147" s="6" t="s">
        <v>32230</v>
      </c>
      <c r="D34147" s="6"/>
      <c r="E34147" s="6" t="s">
        <v>9</v>
      </c>
      <c r="F34147" s="7">
        <v>34505</v>
      </c>
      <c r="G34147" s="8">
        <v>5508000</v>
      </c>
      <c r="H34147" s="8">
        <v>2643840</v>
      </c>
      <c r="I34147" s="8">
        <v>2974320</v>
      </c>
      <c r="J34147" s="8">
        <v>2533680</v>
      </c>
      <c r="K34147" s="9"/>
      <c r="L34147" s="6"/>
    </row>
    <row r="34148" spans="1:12">
      <c r="A34148" s="6" t="s">
        <v>34328</v>
      </c>
      <c r="B34148" s="6"/>
      <c r="C34148" s="6" t="s">
        <v>32230</v>
      </c>
      <c r="D34148" s="6"/>
      <c r="E34148" s="6" t="s">
        <v>9</v>
      </c>
      <c r="F34148" s="7">
        <v>37340</v>
      </c>
      <c r="G34148" s="8">
        <v>8586000</v>
      </c>
      <c r="H34148" s="8">
        <v>5323320</v>
      </c>
      <c r="I34148" s="8">
        <v>3434400</v>
      </c>
      <c r="J34148" s="8">
        <v>5151600</v>
      </c>
      <c r="K34148" s="9"/>
      <c r="L34148" s="6"/>
    </row>
    <row r="34149" spans="1:12">
      <c r="A34149" s="6" t="s">
        <v>34329</v>
      </c>
      <c r="B34149" s="6"/>
      <c r="C34149" s="6" t="s">
        <v>32230</v>
      </c>
      <c r="D34149" s="6"/>
      <c r="E34149" s="6" t="s">
        <v>9</v>
      </c>
      <c r="F34149" s="7">
        <v>37340</v>
      </c>
      <c r="G34149" s="8">
        <v>2640600</v>
      </c>
      <c r="H34149" s="8">
        <v>1637172</v>
      </c>
      <c r="I34149" s="8">
        <v>1056240</v>
      </c>
      <c r="J34149" s="8">
        <v>1584360</v>
      </c>
      <c r="K34149" s="9"/>
      <c r="L34149" s="6"/>
    </row>
    <row r="34150" spans="1:12">
      <c r="A34150" s="6" t="s">
        <v>34330</v>
      </c>
      <c r="B34150" s="6"/>
      <c r="C34150" s="6" t="s">
        <v>32230</v>
      </c>
      <c r="D34150" s="6"/>
      <c r="E34150" s="6" t="s">
        <v>9</v>
      </c>
      <c r="F34150" s="7">
        <v>38439</v>
      </c>
      <c r="G34150" s="8">
        <v>4803300</v>
      </c>
      <c r="H34150" s="8">
        <v>3266244</v>
      </c>
      <c r="I34150" s="8">
        <v>1633122</v>
      </c>
      <c r="J34150" s="8">
        <v>3170178</v>
      </c>
      <c r="K34150" s="9"/>
      <c r="L34150" s="6"/>
    </row>
    <row r="34151" spans="1:12">
      <c r="A34151" s="6" t="s">
        <v>34331</v>
      </c>
      <c r="B34151" s="6"/>
      <c r="C34151" s="6" t="s">
        <v>32230</v>
      </c>
      <c r="D34151" s="6"/>
      <c r="E34151" s="6" t="s">
        <v>9</v>
      </c>
      <c r="F34151" s="7">
        <v>38439</v>
      </c>
      <c r="G34151" s="8">
        <v>8991000</v>
      </c>
      <c r="H34151" s="8">
        <v>6113880</v>
      </c>
      <c r="I34151" s="8">
        <v>3056940</v>
      </c>
      <c r="J34151" s="8">
        <v>5934060</v>
      </c>
      <c r="K34151" s="9"/>
      <c r="L34151" s="6"/>
    </row>
    <row r="34152" spans="1:12">
      <c r="A34152" s="6" t="s">
        <v>34332</v>
      </c>
      <c r="B34152" s="6"/>
      <c r="C34152" s="6" t="s">
        <v>32230</v>
      </c>
      <c r="D34152" s="6"/>
      <c r="E34152" s="6" t="s">
        <v>9</v>
      </c>
      <c r="F34152" s="7">
        <v>37708</v>
      </c>
      <c r="G34152" s="8">
        <v>50041800</v>
      </c>
      <c r="H34152" s="8">
        <v>32026752</v>
      </c>
      <c r="I34152" s="8">
        <v>19015884</v>
      </c>
      <c r="J34152" s="8">
        <v>31025916</v>
      </c>
      <c r="K34152" s="9"/>
      <c r="L34152" s="6"/>
    </row>
    <row r="34153" spans="1:12">
      <c r="A34153" s="6" t="s">
        <v>34333</v>
      </c>
      <c r="B34153" s="6"/>
      <c r="C34153" s="6" t="s">
        <v>32230</v>
      </c>
      <c r="D34153" s="6"/>
      <c r="E34153" s="6" t="s">
        <v>9</v>
      </c>
      <c r="F34153" s="7">
        <v>29305</v>
      </c>
      <c r="G34153" s="8">
        <v>19008000</v>
      </c>
      <c r="H34153" s="8">
        <v>3421440</v>
      </c>
      <c r="I34153" s="8">
        <v>15966720</v>
      </c>
      <c r="J34153" s="8">
        <v>3041280</v>
      </c>
      <c r="K34153" s="9"/>
      <c r="L34153" s="6"/>
    </row>
    <row r="34154" spans="1:12">
      <c r="A34154" s="6" t="s">
        <v>34334</v>
      </c>
      <c r="B34154" s="6"/>
      <c r="C34154" s="6" t="s">
        <v>32230</v>
      </c>
      <c r="D34154" s="6"/>
      <c r="E34154" s="6" t="s">
        <v>9</v>
      </c>
      <c r="F34154" s="7">
        <v>43555</v>
      </c>
      <c r="G34154" s="8">
        <v>2376000</v>
      </c>
      <c r="H34154" s="8">
        <v>2057616</v>
      </c>
      <c r="I34154" s="8">
        <v>477576</v>
      </c>
      <c r="J34154" s="8">
        <v>1898424</v>
      </c>
      <c r="K34154" s="9"/>
      <c r="L34154" s="6"/>
    </row>
    <row r="34155" spans="1:12">
      <c r="A34155" s="6" t="s">
        <v>34335</v>
      </c>
      <c r="B34155" s="6"/>
      <c r="C34155" s="6" t="s">
        <v>32230</v>
      </c>
      <c r="D34155" s="6"/>
      <c r="E34155" s="6" t="s">
        <v>9</v>
      </c>
      <c r="F34155" s="7">
        <v>29305</v>
      </c>
      <c r="G34155" s="8">
        <v>26295300</v>
      </c>
      <c r="H34155" s="8">
        <v>4733154</v>
      </c>
      <c r="I34155" s="8">
        <v>22088052</v>
      </c>
      <c r="J34155" s="8">
        <v>4207248</v>
      </c>
      <c r="K34155" s="9"/>
      <c r="L34155" s="6"/>
    </row>
    <row r="34156" spans="1:12">
      <c r="A34156" s="6" t="s">
        <v>34336</v>
      </c>
      <c r="B34156" s="6"/>
      <c r="C34156" s="6" t="s">
        <v>32230</v>
      </c>
      <c r="D34156" s="6"/>
      <c r="E34156" s="6" t="s">
        <v>9</v>
      </c>
      <c r="F34156" s="7">
        <v>42191</v>
      </c>
      <c r="G34156" s="8">
        <v>1296000</v>
      </c>
      <c r="H34156" s="8">
        <v>1166400</v>
      </c>
      <c r="I34156" s="8">
        <v>155520</v>
      </c>
      <c r="J34156" s="8">
        <v>1140480</v>
      </c>
      <c r="K34156" s="9"/>
      <c r="L34156" s="6"/>
    </row>
    <row r="34157" spans="1:12">
      <c r="A34157" s="6" t="s">
        <v>34337</v>
      </c>
      <c r="B34157" s="6"/>
      <c r="C34157" s="6" t="s">
        <v>32230</v>
      </c>
      <c r="D34157" s="6"/>
      <c r="E34157" s="6" t="s">
        <v>9</v>
      </c>
      <c r="F34157" s="7">
        <v>42713</v>
      </c>
      <c r="G34157" s="8">
        <v>1044360</v>
      </c>
      <c r="H34157" s="8">
        <v>764472</v>
      </c>
      <c r="I34157" s="8">
        <v>349860</v>
      </c>
      <c r="J34157" s="8">
        <v>694500</v>
      </c>
      <c r="K34157" s="9"/>
      <c r="L34157" s="6"/>
    </row>
    <row r="34158" spans="1:12">
      <c r="A34158" s="6" t="s">
        <v>34338</v>
      </c>
      <c r="B34158" s="6"/>
      <c r="C34158" s="6" t="s">
        <v>32230</v>
      </c>
      <c r="D34158" s="6"/>
      <c r="E34158" s="6" t="s">
        <v>9</v>
      </c>
      <c r="F34158" s="7">
        <v>29305</v>
      </c>
      <c r="G34158" s="8">
        <v>7457500</v>
      </c>
      <c r="H34158" s="8">
        <v>1342350</v>
      </c>
      <c r="I34158" s="8">
        <v>6264300</v>
      </c>
      <c r="J34158" s="8">
        <v>1193200</v>
      </c>
      <c r="K34158" s="9"/>
      <c r="L34158" s="6"/>
    </row>
    <row r="34159" spans="1:12">
      <c r="A34159" s="6" t="s">
        <v>34339</v>
      </c>
      <c r="B34159" s="6"/>
      <c r="C34159" s="6" t="s">
        <v>32230</v>
      </c>
      <c r="D34159" s="6"/>
      <c r="E34159" s="6" t="s">
        <v>9</v>
      </c>
      <c r="F34159" s="7">
        <v>29305</v>
      </c>
      <c r="G34159" s="8">
        <v>12258000</v>
      </c>
      <c r="H34159" s="8">
        <v>2206440</v>
      </c>
      <c r="I34159" s="8">
        <v>10296720</v>
      </c>
      <c r="J34159" s="8">
        <v>1961280</v>
      </c>
      <c r="K34159" s="9"/>
      <c r="L34159" s="6"/>
    </row>
    <row r="34160" spans="1:12">
      <c r="A34160" s="6" t="s">
        <v>34340</v>
      </c>
      <c r="B34160" s="6"/>
      <c r="C34160" s="6" t="s">
        <v>32230</v>
      </c>
      <c r="D34160" s="6"/>
      <c r="E34160" s="6" t="s">
        <v>9</v>
      </c>
      <c r="F34160" s="7">
        <v>29305</v>
      </c>
      <c r="G34160" s="8">
        <v>4471200</v>
      </c>
      <c r="H34160" s="8">
        <v>804816</v>
      </c>
      <c r="I34160" s="8">
        <v>3755808</v>
      </c>
      <c r="J34160" s="8">
        <v>715392</v>
      </c>
      <c r="K34160" s="9"/>
      <c r="L34160" s="6"/>
    </row>
    <row r="34161" spans="1:12">
      <c r="A34161" s="6" t="s">
        <v>34341</v>
      </c>
      <c r="B34161" s="6"/>
      <c r="C34161" s="6" t="s">
        <v>32230</v>
      </c>
      <c r="D34161" s="6"/>
      <c r="E34161" s="6" t="s">
        <v>9</v>
      </c>
      <c r="F34161" s="7">
        <v>29305</v>
      </c>
      <c r="G34161" s="8">
        <v>858800</v>
      </c>
      <c r="H34161" s="8">
        <v>154584</v>
      </c>
      <c r="I34161" s="8">
        <v>721392</v>
      </c>
      <c r="J34161" s="8">
        <v>137408</v>
      </c>
      <c r="K34161" s="9"/>
      <c r="L34161" s="6"/>
    </row>
    <row r="34162" spans="1:12">
      <c r="A34162" s="6" t="s">
        <v>34342</v>
      </c>
      <c r="B34162" s="6"/>
      <c r="C34162" s="6" t="s">
        <v>32230</v>
      </c>
      <c r="D34162" s="6"/>
      <c r="E34162" s="6" t="s">
        <v>9</v>
      </c>
      <c r="F34162" s="7">
        <v>29305</v>
      </c>
      <c r="G34162" s="8">
        <v>788500</v>
      </c>
      <c r="H34162" s="8">
        <v>141930</v>
      </c>
      <c r="I34162" s="8">
        <v>662340</v>
      </c>
      <c r="J34162" s="8">
        <v>126160</v>
      </c>
      <c r="K34162" s="9"/>
      <c r="L34162" s="6"/>
    </row>
    <row r="34163" spans="1:12">
      <c r="A34163" s="6" t="s">
        <v>34343</v>
      </c>
      <c r="B34163" s="6"/>
      <c r="C34163" s="6" t="s">
        <v>32230</v>
      </c>
      <c r="D34163" s="6"/>
      <c r="E34163" s="6" t="s">
        <v>9</v>
      </c>
      <c r="F34163" s="7">
        <v>29305</v>
      </c>
      <c r="G34163" s="8">
        <v>319200</v>
      </c>
      <c r="H34163" s="8">
        <v>57456</v>
      </c>
      <c r="I34163" s="8">
        <v>268128</v>
      </c>
      <c r="J34163" s="8">
        <v>51072</v>
      </c>
      <c r="K34163" s="9"/>
      <c r="L34163" s="6"/>
    </row>
    <row r="34164" spans="1:12">
      <c r="A34164" s="6" t="s">
        <v>34344</v>
      </c>
      <c r="B34164" s="6"/>
      <c r="C34164" s="6" t="s">
        <v>32230</v>
      </c>
      <c r="D34164" s="6"/>
      <c r="E34164" s="6" t="s">
        <v>9</v>
      </c>
      <c r="F34164" s="7">
        <v>29305</v>
      </c>
      <c r="G34164" s="8">
        <v>486400</v>
      </c>
      <c r="H34164" s="8">
        <v>87552</v>
      </c>
      <c r="I34164" s="8">
        <v>408576</v>
      </c>
      <c r="J34164" s="8">
        <v>77824</v>
      </c>
      <c r="K34164" s="9"/>
      <c r="L34164" s="6"/>
    </row>
    <row r="34165" spans="1:12">
      <c r="A34165" s="6" t="s">
        <v>34345</v>
      </c>
      <c r="B34165" s="6"/>
      <c r="C34165" s="6" t="s">
        <v>32230</v>
      </c>
      <c r="D34165" s="6"/>
      <c r="E34165" s="6" t="s">
        <v>9</v>
      </c>
      <c r="F34165" s="7">
        <v>29305</v>
      </c>
      <c r="G34165" s="8">
        <v>1649200</v>
      </c>
      <c r="H34165" s="8">
        <v>296856</v>
      </c>
      <c r="I34165" s="8">
        <v>1385328</v>
      </c>
      <c r="J34165" s="8">
        <v>263872</v>
      </c>
      <c r="K34165" s="9"/>
      <c r="L34165" s="6"/>
    </row>
    <row r="34166" spans="1:12">
      <c r="A34166" s="6" t="s">
        <v>34346</v>
      </c>
      <c r="B34166" s="6"/>
      <c r="C34166" s="6" t="s">
        <v>32230</v>
      </c>
      <c r="D34166" s="6"/>
      <c r="E34166" s="6" t="s">
        <v>9</v>
      </c>
      <c r="F34166" s="7">
        <v>29305</v>
      </c>
      <c r="G34166" s="8">
        <v>718200</v>
      </c>
      <c r="H34166" s="8">
        <v>129276</v>
      </c>
      <c r="I34166" s="8">
        <v>603288</v>
      </c>
      <c r="J34166" s="8">
        <v>114912</v>
      </c>
      <c r="K34166" s="9"/>
      <c r="L34166" s="6"/>
    </row>
    <row r="34167" spans="1:12">
      <c r="A34167" s="6" t="s">
        <v>34347</v>
      </c>
      <c r="B34167" s="6"/>
      <c r="C34167" s="6" t="s">
        <v>32230</v>
      </c>
      <c r="D34167" s="6"/>
      <c r="E34167" s="6" t="s">
        <v>9</v>
      </c>
      <c r="F34167" s="7">
        <v>29305</v>
      </c>
      <c r="G34167" s="8">
        <v>1620700</v>
      </c>
      <c r="H34167" s="8">
        <v>291726</v>
      </c>
      <c r="I34167" s="8">
        <v>1361388</v>
      </c>
      <c r="J34167" s="8">
        <v>259312</v>
      </c>
      <c r="K34167" s="9"/>
      <c r="L34167" s="6"/>
    </row>
    <row r="34168" spans="1:12">
      <c r="A34168" s="6" t="s">
        <v>34348</v>
      </c>
      <c r="B34168" s="6"/>
      <c r="C34168" s="6" t="s">
        <v>32230</v>
      </c>
      <c r="D34168" s="6"/>
      <c r="E34168" s="6" t="s">
        <v>9</v>
      </c>
      <c r="F34168" s="7">
        <v>29305</v>
      </c>
      <c r="G34168" s="8">
        <v>1704300</v>
      </c>
      <c r="H34168" s="8">
        <v>306774</v>
      </c>
      <c r="I34168" s="8">
        <v>1431612</v>
      </c>
      <c r="J34168" s="8">
        <v>272688</v>
      </c>
      <c r="K34168" s="9"/>
      <c r="L34168" s="6"/>
    </row>
    <row r="34169" spans="1:12">
      <c r="A34169" s="6" t="s">
        <v>34349</v>
      </c>
      <c r="B34169" s="6"/>
      <c r="C34169" s="6" t="s">
        <v>32230</v>
      </c>
      <c r="D34169" s="6"/>
      <c r="E34169" s="6" t="s">
        <v>9</v>
      </c>
      <c r="F34169" s="7">
        <v>29305</v>
      </c>
      <c r="G34169" s="8">
        <v>566200</v>
      </c>
      <c r="H34169" s="8">
        <v>101916</v>
      </c>
      <c r="I34169" s="8">
        <v>475608</v>
      </c>
      <c r="J34169" s="8">
        <v>90592</v>
      </c>
      <c r="K34169" s="9"/>
      <c r="L34169" s="6"/>
    </row>
    <row r="34170" spans="1:12">
      <c r="A34170" s="6" t="s">
        <v>34350</v>
      </c>
      <c r="B34170" s="6"/>
      <c r="C34170" s="6" t="s">
        <v>32230</v>
      </c>
      <c r="D34170" s="6"/>
      <c r="E34170" s="6" t="s">
        <v>9</v>
      </c>
      <c r="F34170" s="7">
        <v>29305</v>
      </c>
      <c r="G34170" s="8">
        <v>1103900</v>
      </c>
      <c r="H34170" s="8">
        <v>198702</v>
      </c>
      <c r="I34170" s="8">
        <v>927276</v>
      </c>
      <c r="J34170" s="8">
        <v>176624</v>
      </c>
      <c r="K34170" s="9"/>
      <c r="L34170" s="6"/>
    </row>
    <row r="34171" spans="1:12">
      <c r="A34171" s="6" t="s">
        <v>34351</v>
      </c>
      <c r="B34171" s="6"/>
      <c r="C34171" s="6" t="s">
        <v>32230</v>
      </c>
      <c r="D34171" s="6"/>
      <c r="E34171" s="6" t="s">
        <v>9</v>
      </c>
      <c r="F34171" s="7">
        <v>29305</v>
      </c>
      <c r="G34171" s="8">
        <v>1786000</v>
      </c>
      <c r="H34171" s="8">
        <v>321480</v>
      </c>
      <c r="I34171" s="8">
        <v>1500240</v>
      </c>
      <c r="J34171" s="8">
        <v>285760</v>
      </c>
      <c r="K34171" s="9"/>
      <c r="L34171" s="6"/>
    </row>
    <row r="34172" spans="1:12">
      <c r="A34172" s="6" t="s">
        <v>34352</v>
      </c>
      <c r="B34172" s="6"/>
      <c r="C34172" s="6" t="s">
        <v>32230</v>
      </c>
      <c r="D34172" s="6"/>
      <c r="E34172" s="6" t="s">
        <v>9</v>
      </c>
      <c r="F34172" s="7">
        <v>29305</v>
      </c>
      <c r="G34172" s="8">
        <v>514900</v>
      </c>
      <c r="H34172" s="8">
        <v>92682</v>
      </c>
      <c r="I34172" s="8">
        <v>432516</v>
      </c>
      <c r="J34172" s="8">
        <v>82384</v>
      </c>
      <c r="K34172" s="9"/>
      <c r="L34172" s="6"/>
    </row>
    <row r="34173" spans="1:12">
      <c r="A34173" s="6" t="s">
        <v>34353</v>
      </c>
      <c r="B34173" s="6"/>
      <c r="C34173" s="6" t="s">
        <v>32230</v>
      </c>
      <c r="D34173" s="6"/>
      <c r="E34173" s="6" t="s">
        <v>9</v>
      </c>
      <c r="F34173" s="7">
        <v>29305</v>
      </c>
      <c r="G34173" s="8">
        <v>1216000</v>
      </c>
      <c r="H34173" s="8">
        <v>218880</v>
      </c>
      <c r="I34173" s="8">
        <v>1021440</v>
      </c>
      <c r="J34173" s="8">
        <v>194560</v>
      </c>
      <c r="K34173" s="9"/>
      <c r="L34173" s="6"/>
    </row>
    <row r="34174" spans="1:12">
      <c r="A34174" s="6" t="s">
        <v>34354</v>
      </c>
      <c r="B34174" s="6"/>
      <c r="C34174" s="6" t="s">
        <v>32230</v>
      </c>
      <c r="D34174" s="6"/>
      <c r="E34174" s="6" t="s">
        <v>9</v>
      </c>
      <c r="F34174" s="7">
        <v>29305</v>
      </c>
      <c r="G34174" s="8">
        <v>503500</v>
      </c>
      <c r="H34174" s="8">
        <v>90630</v>
      </c>
      <c r="I34174" s="8">
        <v>422940</v>
      </c>
      <c r="J34174" s="8">
        <v>80560</v>
      </c>
      <c r="K34174" s="9"/>
      <c r="L34174" s="6"/>
    </row>
    <row r="34175" spans="1:12">
      <c r="A34175" s="6" t="s">
        <v>34355</v>
      </c>
      <c r="B34175" s="6"/>
      <c r="C34175" s="6" t="s">
        <v>32230</v>
      </c>
      <c r="D34175" s="6"/>
      <c r="E34175" s="6" t="s">
        <v>9</v>
      </c>
      <c r="F34175" s="7">
        <v>29305</v>
      </c>
      <c r="G34175" s="8">
        <v>1951300</v>
      </c>
      <c r="H34175" s="8">
        <v>351234</v>
      </c>
      <c r="I34175" s="8">
        <v>1639092</v>
      </c>
      <c r="J34175" s="8">
        <v>312208</v>
      </c>
      <c r="K34175" s="9"/>
      <c r="L34175" s="6"/>
    </row>
    <row r="34176" spans="1:12">
      <c r="A34176" s="6" t="s">
        <v>34356</v>
      </c>
      <c r="B34176" s="6"/>
      <c r="C34176" s="6" t="s">
        <v>32230</v>
      </c>
      <c r="D34176" s="6"/>
      <c r="E34176" s="6" t="s">
        <v>9</v>
      </c>
      <c r="F34176" s="7">
        <v>29305</v>
      </c>
      <c r="G34176" s="8">
        <v>1111500</v>
      </c>
      <c r="H34176" s="8">
        <v>200070</v>
      </c>
      <c r="I34176" s="8">
        <v>933660</v>
      </c>
      <c r="J34176" s="8">
        <v>177840</v>
      </c>
      <c r="K34176" s="9"/>
      <c r="L34176" s="6"/>
    </row>
    <row r="34177" spans="1:12">
      <c r="A34177" s="6" t="s">
        <v>34357</v>
      </c>
      <c r="B34177" s="6"/>
      <c r="C34177" s="6" t="s">
        <v>32230</v>
      </c>
      <c r="D34177" s="6"/>
      <c r="E34177" s="6" t="s">
        <v>9</v>
      </c>
      <c r="F34177" s="7">
        <v>29305</v>
      </c>
      <c r="G34177" s="8">
        <v>1846800</v>
      </c>
      <c r="H34177" s="8">
        <v>332424</v>
      </c>
      <c r="I34177" s="8">
        <v>1551312</v>
      </c>
      <c r="J34177" s="8">
        <v>295488</v>
      </c>
      <c r="K34177" s="9"/>
      <c r="L34177" s="6"/>
    </row>
    <row r="34178" spans="1:12">
      <c r="A34178" s="6" t="s">
        <v>34358</v>
      </c>
      <c r="B34178" s="6"/>
      <c r="C34178" s="6" t="s">
        <v>32230</v>
      </c>
      <c r="D34178" s="6"/>
      <c r="E34178" s="6" t="s">
        <v>9</v>
      </c>
      <c r="F34178" s="7">
        <v>29305</v>
      </c>
      <c r="G34178" s="8">
        <v>3240000</v>
      </c>
      <c r="H34178" s="8">
        <v>583200</v>
      </c>
      <c r="I34178" s="8">
        <v>2721600</v>
      </c>
      <c r="J34178" s="8">
        <v>518400</v>
      </c>
      <c r="K34178" s="9"/>
      <c r="L34178" s="6"/>
    </row>
    <row r="34179" spans="1:12">
      <c r="A34179" s="6" t="s">
        <v>34359</v>
      </c>
      <c r="B34179" s="6"/>
      <c r="C34179" s="6" t="s">
        <v>32230</v>
      </c>
      <c r="D34179" s="6"/>
      <c r="E34179" s="6" t="s">
        <v>9</v>
      </c>
      <c r="F34179" s="7">
        <v>29305</v>
      </c>
      <c r="G34179" s="8">
        <v>1846800</v>
      </c>
      <c r="H34179" s="8">
        <v>332424</v>
      </c>
      <c r="I34179" s="8">
        <v>1551312</v>
      </c>
      <c r="J34179" s="8">
        <v>295488</v>
      </c>
      <c r="K34179" s="9"/>
      <c r="L34179" s="6"/>
    </row>
    <row r="34180" spans="1:12">
      <c r="A34180" s="6" t="s">
        <v>34360</v>
      </c>
      <c r="B34180" s="6"/>
      <c r="C34180" s="6" t="s">
        <v>32230</v>
      </c>
      <c r="D34180" s="6"/>
      <c r="E34180" s="6" t="s">
        <v>9</v>
      </c>
      <c r="F34180" s="7">
        <v>29305</v>
      </c>
      <c r="G34180" s="8">
        <v>841700</v>
      </c>
      <c r="H34180" s="8">
        <v>151506</v>
      </c>
      <c r="I34180" s="8">
        <v>707028</v>
      </c>
      <c r="J34180" s="8">
        <v>134672</v>
      </c>
      <c r="K34180" s="9"/>
      <c r="L34180" s="6"/>
    </row>
    <row r="34181" spans="1:12">
      <c r="A34181" s="6" t="s">
        <v>34361</v>
      </c>
      <c r="B34181" s="6"/>
      <c r="C34181" s="6" t="s">
        <v>32230</v>
      </c>
      <c r="D34181" s="6"/>
      <c r="E34181" s="6" t="s">
        <v>9</v>
      </c>
      <c r="F34181" s="7">
        <v>29305</v>
      </c>
      <c r="G34181" s="8">
        <v>1715700</v>
      </c>
      <c r="H34181" s="8">
        <v>308826</v>
      </c>
      <c r="I34181" s="8">
        <v>1441188</v>
      </c>
      <c r="J34181" s="8">
        <v>274512</v>
      </c>
      <c r="K34181" s="9"/>
      <c r="L34181" s="6"/>
    </row>
    <row r="34182" spans="1:12">
      <c r="A34182" s="6" t="s">
        <v>34362</v>
      </c>
      <c r="B34182" s="6"/>
      <c r="C34182" s="6" t="s">
        <v>32230</v>
      </c>
      <c r="D34182" s="6"/>
      <c r="E34182" s="6" t="s">
        <v>9</v>
      </c>
      <c r="F34182" s="7">
        <v>29305</v>
      </c>
      <c r="G34182" s="8">
        <v>1683400</v>
      </c>
      <c r="H34182" s="8">
        <v>303012</v>
      </c>
      <c r="I34182" s="8">
        <v>1414056</v>
      </c>
      <c r="J34182" s="8">
        <v>269344</v>
      </c>
      <c r="K34182" s="9"/>
      <c r="L34182" s="6"/>
    </row>
    <row r="34183" spans="1:12">
      <c r="A34183" s="6" t="s">
        <v>34363</v>
      </c>
      <c r="B34183" s="6"/>
      <c r="C34183" s="6" t="s">
        <v>32230</v>
      </c>
      <c r="D34183" s="6"/>
      <c r="E34183" s="6" t="s">
        <v>9</v>
      </c>
      <c r="F34183" s="7">
        <v>29305</v>
      </c>
      <c r="G34183" s="8">
        <v>805600</v>
      </c>
      <c r="H34183" s="8">
        <v>145008</v>
      </c>
      <c r="I34183" s="8">
        <v>676704</v>
      </c>
      <c r="J34183" s="8">
        <v>128896</v>
      </c>
      <c r="K34183" s="9"/>
      <c r="L34183" s="6"/>
    </row>
    <row r="34184" spans="1:12">
      <c r="A34184" s="6" t="s">
        <v>34364</v>
      </c>
      <c r="B34184" s="6"/>
      <c r="C34184" s="6" t="s">
        <v>32230</v>
      </c>
      <c r="D34184" s="6"/>
      <c r="E34184" s="6" t="s">
        <v>9</v>
      </c>
      <c r="F34184" s="7">
        <v>29305</v>
      </c>
      <c r="G34184" s="8">
        <v>674500</v>
      </c>
      <c r="H34184" s="8">
        <v>121410</v>
      </c>
      <c r="I34184" s="8">
        <v>566580</v>
      </c>
      <c r="J34184" s="8">
        <v>107920</v>
      </c>
      <c r="K34184" s="9"/>
      <c r="L34184" s="6"/>
    </row>
    <row r="34185" spans="1:12">
      <c r="A34185" s="6" t="s">
        <v>34365</v>
      </c>
      <c r="B34185" s="6"/>
      <c r="C34185" s="6" t="s">
        <v>32230</v>
      </c>
      <c r="D34185" s="6"/>
      <c r="E34185" s="6" t="s">
        <v>9</v>
      </c>
      <c r="F34185" s="7">
        <v>29305</v>
      </c>
      <c r="G34185" s="8">
        <v>1588400</v>
      </c>
      <c r="H34185" s="8">
        <v>285912</v>
      </c>
      <c r="I34185" s="8">
        <v>1334256</v>
      </c>
      <c r="J34185" s="8">
        <v>254144</v>
      </c>
      <c r="K34185" s="9"/>
      <c r="L34185" s="6"/>
    </row>
    <row r="34186" spans="1:12">
      <c r="A34186" s="6" t="s">
        <v>34366</v>
      </c>
      <c r="B34186" s="6"/>
      <c r="C34186" s="6" t="s">
        <v>32230</v>
      </c>
      <c r="D34186" s="6"/>
      <c r="E34186" s="6" t="s">
        <v>9</v>
      </c>
      <c r="F34186" s="7">
        <v>29305</v>
      </c>
      <c r="G34186" s="8">
        <v>1525700</v>
      </c>
      <c r="H34186" s="8">
        <v>274626</v>
      </c>
      <c r="I34186" s="8">
        <v>1281588</v>
      </c>
      <c r="J34186" s="8">
        <v>244112</v>
      </c>
      <c r="K34186" s="9"/>
      <c r="L34186" s="6"/>
    </row>
    <row r="34187" spans="1:12">
      <c r="A34187" s="6" t="s">
        <v>34367</v>
      </c>
      <c r="B34187" s="6"/>
      <c r="C34187" s="6" t="s">
        <v>32230</v>
      </c>
      <c r="D34187" s="6"/>
      <c r="E34187" s="6" t="s">
        <v>9</v>
      </c>
      <c r="F34187" s="7">
        <v>29305</v>
      </c>
      <c r="G34187" s="8">
        <v>558600</v>
      </c>
      <c r="H34187" s="8">
        <v>100548</v>
      </c>
      <c r="I34187" s="8">
        <v>469224</v>
      </c>
      <c r="J34187" s="8">
        <v>89376</v>
      </c>
      <c r="K34187" s="9"/>
      <c r="L34187" s="6"/>
    </row>
    <row r="34188" spans="1:12">
      <c r="A34188" s="6" t="s">
        <v>34368</v>
      </c>
      <c r="B34188" s="6"/>
      <c r="C34188" s="6" t="s">
        <v>32230</v>
      </c>
      <c r="D34188" s="6"/>
      <c r="E34188" s="6" t="s">
        <v>9</v>
      </c>
      <c r="F34188" s="7">
        <v>29305</v>
      </c>
      <c r="G34188" s="8">
        <v>1497200</v>
      </c>
      <c r="H34188" s="8">
        <v>269496</v>
      </c>
      <c r="I34188" s="8">
        <v>1257648</v>
      </c>
      <c r="J34188" s="8">
        <v>239552</v>
      </c>
      <c r="K34188" s="9"/>
      <c r="L34188" s="6"/>
    </row>
    <row r="34189" spans="1:12">
      <c r="A34189" s="6" t="s">
        <v>34369</v>
      </c>
      <c r="B34189" s="6"/>
      <c r="C34189" s="6" t="s">
        <v>32230</v>
      </c>
      <c r="D34189" s="6"/>
      <c r="E34189" s="6" t="s">
        <v>9</v>
      </c>
      <c r="F34189" s="7">
        <v>29305</v>
      </c>
      <c r="G34189" s="8">
        <v>940500</v>
      </c>
      <c r="H34189" s="8">
        <v>169290</v>
      </c>
      <c r="I34189" s="8">
        <v>790020</v>
      </c>
      <c r="J34189" s="8">
        <v>150480</v>
      </c>
      <c r="K34189" s="9"/>
      <c r="L34189" s="6"/>
    </row>
    <row r="34190" spans="1:12">
      <c r="A34190" s="6" t="s">
        <v>34370</v>
      </c>
      <c r="B34190" s="6"/>
      <c r="C34190" s="6" t="s">
        <v>32230</v>
      </c>
      <c r="D34190" s="6"/>
      <c r="E34190" s="6" t="s">
        <v>9</v>
      </c>
      <c r="F34190" s="7">
        <v>29305</v>
      </c>
      <c r="G34190" s="8">
        <v>423700</v>
      </c>
      <c r="H34190" s="8">
        <v>76266</v>
      </c>
      <c r="I34190" s="8">
        <v>355908</v>
      </c>
      <c r="J34190" s="8">
        <v>67792</v>
      </c>
      <c r="K34190" s="9"/>
      <c r="L34190" s="6"/>
    </row>
    <row r="34191" spans="1:12">
      <c r="A34191" s="6" t="s">
        <v>34371</v>
      </c>
      <c r="B34191" s="6"/>
      <c r="C34191" s="6" t="s">
        <v>32230</v>
      </c>
      <c r="D34191" s="6"/>
      <c r="E34191" s="6" t="s">
        <v>9</v>
      </c>
      <c r="F34191" s="7">
        <v>29305</v>
      </c>
      <c r="G34191" s="8">
        <v>347700</v>
      </c>
      <c r="H34191" s="8">
        <v>62586</v>
      </c>
      <c r="I34191" s="8">
        <v>292068</v>
      </c>
      <c r="J34191" s="8">
        <v>55632</v>
      </c>
      <c r="K34191" s="9"/>
      <c r="L34191" s="6"/>
    </row>
    <row r="34192" spans="1:12">
      <c r="A34192" s="6" t="s">
        <v>34372</v>
      </c>
      <c r="B34192" s="6"/>
      <c r="C34192" s="6" t="s">
        <v>32230</v>
      </c>
      <c r="D34192" s="6"/>
      <c r="E34192" s="6" t="s">
        <v>9</v>
      </c>
      <c r="F34192" s="7">
        <v>29305</v>
      </c>
      <c r="G34192" s="8">
        <v>1090600</v>
      </c>
      <c r="H34192" s="8">
        <v>196308</v>
      </c>
      <c r="I34192" s="8">
        <v>916104</v>
      </c>
      <c r="J34192" s="8">
        <v>174496</v>
      </c>
      <c r="K34192" s="9"/>
      <c r="L34192" s="6"/>
    </row>
    <row r="34193" spans="1:12">
      <c r="A34193" s="6" t="s">
        <v>34373</v>
      </c>
      <c r="B34193" s="6"/>
      <c r="C34193" s="6" t="s">
        <v>32230</v>
      </c>
      <c r="D34193" s="6"/>
      <c r="E34193" s="6" t="s">
        <v>9</v>
      </c>
      <c r="F34193" s="7">
        <v>29305</v>
      </c>
      <c r="G34193" s="8">
        <v>1141900</v>
      </c>
      <c r="H34193" s="8">
        <v>205542</v>
      </c>
      <c r="I34193" s="8">
        <v>959196</v>
      </c>
      <c r="J34193" s="8">
        <v>182704</v>
      </c>
      <c r="K34193" s="9"/>
      <c r="L34193" s="6"/>
    </row>
    <row r="34194" spans="1:12">
      <c r="A34194" s="6" t="s">
        <v>34374</v>
      </c>
      <c r="B34194" s="6"/>
      <c r="C34194" s="6" t="s">
        <v>32230</v>
      </c>
      <c r="D34194" s="6"/>
      <c r="E34194" s="6" t="s">
        <v>9</v>
      </c>
      <c r="F34194" s="7">
        <v>29305</v>
      </c>
      <c r="G34194" s="8">
        <v>1665900</v>
      </c>
      <c r="H34194" s="8">
        <v>299862</v>
      </c>
      <c r="I34194" s="8">
        <v>1399356</v>
      </c>
      <c r="J34194" s="8">
        <v>266544</v>
      </c>
      <c r="K34194" s="9"/>
      <c r="L34194" s="6"/>
    </row>
    <row r="34195" spans="1:12">
      <c r="A34195" s="6" t="s">
        <v>34375</v>
      </c>
      <c r="B34195" s="6"/>
      <c r="C34195" s="6" t="s">
        <v>32230</v>
      </c>
      <c r="D34195" s="6"/>
      <c r="E34195" s="6" t="s">
        <v>9</v>
      </c>
      <c r="F34195" s="7">
        <v>43555</v>
      </c>
      <c r="G34195" s="8">
        <v>2268000</v>
      </c>
      <c r="H34195" s="8">
        <v>1964088</v>
      </c>
      <c r="I34195" s="8">
        <v>455868</v>
      </c>
      <c r="J34195" s="8">
        <v>1812132</v>
      </c>
      <c r="K34195" s="9"/>
      <c r="L34195" s="6"/>
    </row>
    <row r="34196" spans="1:12">
      <c r="A34196" s="6" t="s">
        <v>34376</v>
      </c>
      <c r="B34196" s="6"/>
      <c r="C34196" s="6" t="s">
        <v>32230</v>
      </c>
      <c r="D34196" s="6"/>
      <c r="E34196" s="6" t="s">
        <v>9</v>
      </c>
      <c r="F34196" s="7">
        <v>29305</v>
      </c>
      <c r="G34196" s="8">
        <v>505400</v>
      </c>
      <c r="H34196" s="8">
        <v>90972</v>
      </c>
      <c r="I34196" s="8">
        <v>424536</v>
      </c>
      <c r="J34196" s="8">
        <v>80864</v>
      </c>
      <c r="K34196" s="9"/>
      <c r="L34196" s="6"/>
    </row>
    <row r="34197" spans="1:12">
      <c r="A34197" s="6" t="s">
        <v>34377</v>
      </c>
      <c r="B34197" s="6"/>
      <c r="C34197" s="6" t="s">
        <v>32230</v>
      </c>
      <c r="D34197" s="6"/>
      <c r="E34197" s="6" t="s">
        <v>9</v>
      </c>
      <c r="F34197" s="7">
        <v>29305</v>
      </c>
      <c r="G34197" s="8">
        <v>1044900</v>
      </c>
      <c r="H34197" s="8">
        <v>188082</v>
      </c>
      <c r="I34197" s="8">
        <v>877716</v>
      </c>
      <c r="J34197" s="8">
        <v>167184</v>
      </c>
      <c r="K34197" s="9"/>
      <c r="L34197" s="6"/>
    </row>
    <row r="34198" spans="1:12">
      <c r="A34198" s="6" t="s">
        <v>34378</v>
      </c>
      <c r="B34198" s="6"/>
      <c r="C34198" s="6" t="s">
        <v>32230</v>
      </c>
      <c r="D34198" s="6"/>
      <c r="E34198" s="6" t="s">
        <v>9</v>
      </c>
      <c r="F34198" s="7">
        <v>29305</v>
      </c>
      <c r="G34198" s="8">
        <v>435100</v>
      </c>
      <c r="H34198" s="8">
        <v>78318</v>
      </c>
      <c r="I34198" s="8">
        <v>365484</v>
      </c>
      <c r="J34198" s="8">
        <v>69616</v>
      </c>
      <c r="K34198" s="9"/>
      <c r="L34198" s="6"/>
    </row>
    <row r="34199" spans="1:12">
      <c r="A34199" s="6" t="s">
        <v>34379</v>
      </c>
      <c r="B34199" s="6"/>
      <c r="C34199" s="6" t="s">
        <v>32230</v>
      </c>
      <c r="D34199" s="6"/>
      <c r="E34199" s="6" t="s">
        <v>9</v>
      </c>
      <c r="F34199" s="7">
        <v>29305</v>
      </c>
      <c r="G34199" s="8">
        <v>887300</v>
      </c>
      <c r="H34199" s="8">
        <v>159714</v>
      </c>
      <c r="I34199" s="8">
        <v>745332</v>
      </c>
      <c r="J34199" s="8">
        <v>141968</v>
      </c>
      <c r="K34199" s="9"/>
      <c r="L34199" s="6"/>
    </row>
    <row r="34200" spans="1:12">
      <c r="A34200" s="6" t="s">
        <v>34380</v>
      </c>
      <c r="B34200" s="6"/>
      <c r="C34200" s="6" t="s">
        <v>32230</v>
      </c>
      <c r="D34200" s="6"/>
      <c r="E34200" s="6" t="s">
        <v>9</v>
      </c>
      <c r="F34200" s="7">
        <v>33592</v>
      </c>
      <c r="G34200" s="8">
        <v>788500</v>
      </c>
      <c r="H34200" s="8">
        <v>331170</v>
      </c>
      <c r="I34200" s="8">
        <v>473100</v>
      </c>
      <c r="J34200" s="8">
        <v>315400</v>
      </c>
      <c r="K34200" s="9"/>
      <c r="L34200" s="6"/>
    </row>
    <row r="34201" spans="1:12">
      <c r="A34201" s="6" t="s">
        <v>34381</v>
      </c>
      <c r="B34201" s="6"/>
      <c r="C34201" s="6" t="s">
        <v>32230</v>
      </c>
      <c r="D34201" s="6"/>
      <c r="E34201" s="6" t="s">
        <v>9</v>
      </c>
      <c r="F34201" s="7">
        <v>29305</v>
      </c>
      <c r="G34201" s="8">
        <v>408500</v>
      </c>
      <c r="H34201" s="8">
        <v>73530</v>
      </c>
      <c r="I34201" s="8">
        <v>343140</v>
      </c>
      <c r="J34201" s="8">
        <v>65360</v>
      </c>
      <c r="K34201" s="9"/>
      <c r="L34201" s="6"/>
    </row>
    <row r="34202" spans="1:12">
      <c r="A34202" s="6" t="s">
        <v>34382</v>
      </c>
      <c r="B34202" s="6"/>
      <c r="C34202" s="6" t="s">
        <v>32230</v>
      </c>
      <c r="D34202" s="6"/>
      <c r="E34202" s="6" t="s">
        <v>9</v>
      </c>
      <c r="F34202" s="7">
        <v>29305</v>
      </c>
      <c r="G34202" s="8">
        <v>750500</v>
      </c>
      <c r="H34202" s="8">
        <v>135090</v>
      </c>
      <c r="I34202" s="8">
        <v>630420</v>
      </c>
      <c r="J34202" s="8">
        <v>120080</v>
      </c>
      <c r="K34202" s="9"/>
      <c r="L34202" s="6"/>
    </row>
    <row r="34203" spans="1:12">
      <c r="A34203" s="6" t="s">
        <v>34383</v>
      </c>
      <c r="B34203" s="6"/>
      <c r="C34203" s="6" t="s">
        <v>32230</v>
      </c>
      <c r="D34203" s="6"/>
      <c r="E34203" s="6" t="s">
        <v>9</v>
      </c>
      <c r="F34203" s="7">
        <v>29305</v>
      </c>
      <c r="G34203" s="8">
        <v>1373700</v>
      </c>
      <c r="H34203" s="8">
        <v>247266</v>
      </c>
      <c r="I34203" s="8">
        <v>1153908</v>
      </c>
      <c r="J34203" s="8">
        <v>219792</v>
      </c>
      <c r="K34203" s="9"/>
      <c r="L34203" s="6"/>
    </row>
    <row r="34204" spans="1:12">
      <c r="A34204" s="6" t="s">
        <v>34384</v>
      </c>
      <c r="B34204" s="6"/>
      <c r="C34204" s="6" t="s">
        <v>32230</v>
      </c>
      <c r="D34204" s="6"/>
      <c r="E34204" s="6" t="s">
        <v>9</v>
      </c>
      <c r="F34204" s="7">
        <v>29305</v>
      </c>
      <c r="G34204" s="8">
        <v>393300</v>
      </c>
      <c r="H34204" s="8">
        <v>70794</v>
      </c>
      <c r="I34204" s="8">
        <v>330372</v>
      </c>
      <c r="J34204" s="8">
        <v>62928</v>
      </c>
      <c r="K34204" s="9"/>
      <c r="L34204" s="6"/>
    </row>
    <row r="34205" spans="1:12">
      <c r="A34205" s="6" t="s">
        <v>34385</v>
      </c>
      <c r="B34205" s="6"/>
      <c r="C34205" s="6" t="s">
        <v>32230</v>
      </c>
      <c r="D34205" s="6"/>
      <c r="E34205" s="6" t="s">
        <v>9</v>
      </c>
      <c r="F34205" s="7">
        <v>29305</v>
      </c>
      <c r="G34205" s="8">
        <v>397100</v>
      </c>
      <c r="H34205" s="8">
        <v>71478</v>
      </c>
      <c r="I34205" s="8">
        <v>333564</v>
      </c>
      <c r="J34205" s="8">
        <v>63536</v>
      </c>
      <c r="K34205" s="9"/>
      <c r="L34205" s="6"/>
    </row>
    <row r="34206" spans="1:12">
      <c r="A34206" s="6" t="s">
        <v>34386</v>
      </c>
      <c r="B34206" s="6"/>
      <c r="C34206" s="6" t="s">
        <v>32230</v>
      </c>
      <c r="D34206" s="6"/>
      <c r="E34206" s="6" t="s">
        <v>9</v>
      </c>
      <c r="F34206" s="7">
        <v>29305</v>
      </c>
      <c r="G34206" s="8">
        <v>499700</v>
      </c>
      <c r="H34206" s="8">
        <v>89946</v>
      </c>
      <c r="I34206" s="8">
        <v>419748</v>
      </c>
      <c r="J34206" s="8">
        <v>79952</v>
      </c>
      <c r="K34206" s="9"/>
      <c r="L34206" s="6"/>
    </row>
    <row r="34207" spans="1:12">
      <c r="A34207" s="6" t="s">
        <v>34387</v>
      </c>
      <c r="B34207" s="6"/>
      <c r="C34207" s="6" t="s">
        <v>32230</v>
      </c>
      <c r="D34207" s="6"/>
      <c r="E34207" s="6" t="s">
        <v>9</v>
      </c>
      <c r="F34207" s="7">
        <v>29305</v>
      </c>
      <c r="G34207" s="8">
        <v>2646000</v>
      </c>
      <c r="H34207" s="8">
        <v>476280</v>
      </c>
      <c r="I34207" s="8">
        <v>2222640</v>
      </c>
      <c r="J34207" s="8">
        <v>423360</v>
      </c>
      <c r="K34207" s="9"/>
      <c r="L34207" s="6"/>
    </row>
    <row r="34208" spans="1:12">
      <c r="A34208" s="6" t="s">
        <v>34388</v>
      </c>
      <c r="B34208" s="6"/>
      <c r="C34208" s="6" t="s">
        <v>32230</v>
      </c>
      <c r="D34208" s="6"/>
      <c r="E34208" s="6" t="s">
        <v>9</v>
      </c>
      <c r="F34208" s="7">
        <v>29305</v>
      </c>
      <c r="G34208" s="8">
        <v>400900</v>
      </c>
      <c r="H34208" s="8">
        <v>72162</v>
      </c>
      <c r="I34208" s="8">
        <v>336756</v>
      </c>
      <c r="J34208" s="8">
        <v>64144</v>
      </c>
      <c r="K34208" s="9"/>
      <c r="L34208" s="6"/>
    </row>
    <row r="34209" spans="1:12">
      <c r="A34209" s="6" t="s">
        <v>34389</v>
      </c>
      <c r="B34209" s="6"/>
      <c r="C34209" s="6" t="s">
        <v>32230</v>
      </c>
      <c r="D34209" s="6"/>
      <c r="E34209" s="6" t="s">
        <v>9</v>
      </c>
      <c r="F34209" s="7">
        <v>29305</v>
      </c>
      <c r="G34209" s="8">
        <v>611800</v>
      </c>
      <c r="H34209" s="8">
        <v>110124</v>
      </c>
      <c r="I34209" s="8">
        <v>513912</v>
      </c>
      <c r="J34209" s="8">
        <v>97888</v>
      </c>
      <c r="K34209" s="9"/>
      <c r="L34209" s="6"/>
    </row>
    <row r="34210" spans="1:12">
      <c r="A34210" s="6" t="s">
        <v>34390</v>
      </c>
      <c r="B34210" s="6"/>
      <c r="C34210" s="6" t="s">
        <v>32230</v>
      </c>
      <c r="D34210" s="6"/>
      <c r="E34210" s="6" t="s">
        <v>9</v>
      </c>
      <c r="F34210" s="7">
        <v>29305</v>
      </c>
      <c r="G34210" s="8">
        <v>2348400</v>
      </c>
      <c r="H34210" s="8">
        <v>422712</v>
      </c>
      <c r="I34210" s="8">
        <v>1972656</v>
      </c>
      <c r="J34210" s="8">
        <v>375744</v>
      </c>
      <c r="K34210" s="9"/>
      <c r="L34210" s="6"/>
    </row>
    <row r="34211" spans="1:12">
      <c r="A34211" s="6" t="s">
        <v>34391</v>
      </c>
      <c r="B34211" s="6"/>
      <c r="C34211" s="6" t="s">
        <v>32230</v>
      </c>
      <c r="D34211" s="6"/>
      <c r="E34211" s="6" t="s">
        <v>9</v>
      </c>
      <c r="F34211" s="7">
        <v>29305</v>
      </c>
      <c r="G34211" s="8">
        <v>511100</v>
      </c>
      <c r="H34211" s="8">
        <v>91998</v>
      </c>
      <c r="I34211" s="8">
        <v>429324</v>
      </c>
      <c r="J34211" s="8">
        <v>81776</v>
      </c>
      <c r="K34211" s="9"/>
      <c r="L34211" s="6"/>
    </row>
    <row r="34212" spans="1:12">
      <c r="A34212" s="6" t="s">
        <v>34392</v>
      </c>
      <c r="B34212" s="6"/>
      <c r="C34212" s="6" t="s">
        <v>32230</v>
      </c>
      <c r="D34212" s="6"/>
      <c r="E34212" s="6" t="s">
        <v>9</v>
      </c>
      <c r="F34212" s="7">
        <v>29305</v>
      </c>
      <c r="G34212" s="8">
        <v>2604900</v>
      </c>
      <c r="H34212" s="8">
        <v>468882</v>
      </c>
      <c r="I34212" s="8">
        <v>2188116</v>
      </c>
      <c r="J34212" s="8">
        <v>416784</v>
      </c>
      <c r="K34212" s="9"/>
      <c r="L34212" s="6"/>
    </row>
    <row r="34213" spans="1:12">
      <c r="A34213" s="6" t="s">
        <v>34393</v>
      </c>
      <c r="B34213" s="6"/>
      <c r="C34213" s="6" t="s">
        <v>32230</v>
      </c>
      <c r="D34213" s="6"/>
      <c r="E34213" s="6"/>
      <c r="F34213" s="7">
        <v>43922</v>
      </c>
      <c r="G34213" s="8">
        <v>2002000</v>
      </c>
      <c r="H34213" s="8">
        <v>2002000</v>
      </c>
      <c r="I34213" s="8">
        <v>40040</v>
      </c>
      <c r="J34213" s="8">
        <v>1961960</v>
      </c>
      <c r="K34213" s="9"/>
      <c r="L34213" s="6"/>
    </row>
    <row r="34214" spans="1:12">
      <c r="A34214" s="6" t="s">
        <v>34393</v>
      </c>
      <c r="B34214" s="6"/>
      <c r="C34214" s="6" t="s">
        <v>32230</v>
      </c>
      <c r="D34214" s="6"/>
      <c r="E34214" s="6" t="s">
        <v>9</v>
      </c>
      <c r="F34214" s="7">
        <v>29305</v>
      </c>
      <c r="G34214" s="8">
        <v>2779700</v>
      </c>
      <c r="H34214" s="8">
        <v>500346</v>
      </c>
      <c r="I34214" s="8">
        <v>2334948</v>
      </c>
      <c r="J34214" s="8">
        <v>444752</v>
      </c>
      <c r="K34214" s="9"/>
      <c r="L34214" s="6"/>
    </row>
    <row r="34215" spans="1:12">
      <c r="A34215" s="6" t="s">
        <v>34394</v>
      </c>
      <c r="B34215" s="6"/>
      <c r="C34215" s="6" t="s">
        <v>32230</v>
      </c>
      <c r="D34215" s="6"/>
      <c r="E34215" s="6" t="s">
        <v>9</v>
      </c>
      <c r="F34215" s="7">
        <v>42570</v>
      </c>
      <c r="G34215" s="8">
        <v>972000</v>
      </c>
      <c r="H34215" s="8">
        <v>711504</v>
      </c>
      <c r="I34215" s="8">
        <v>325620</v>
      </c>
      <c r="J34215" s="8">
        <v>646380</v>
      </c>
      <c r="K34215" s="9"/>
      <c r="L34215" s="6"/>
    </row>
    <row r="34216" spans="1:12">
      <c r="A34216" s="6" t="s">
        <v>34395</v>
      </c>
      <c r="B34216" s="6"/>
      <c r="C34216" s="6" t="s">
        <v>32230</v>
      </c>
      <c r="D34216" s="6"/>
      <c r="E34216" s="6" t="s">
        <v>9</v>
      </c>
      <c r="F34216" s="7">
        <v>43054</v>
      </c>
      <c r="G34216" s="8">
        <v>1296000</v>
      </c>
      <c r="H34216" s="8">
        <v>1035504</v>
      </c>
      <c r="I34216" s="8">
        <v>347328</v>
      </c>
      <c r="J34216" s="8">
        <v>948672</v>
      </c>
      <c r="K34216" s="9"/>
      <c r="L34216" s="6"/>
    </row>
    <row r="34217" spans="1:12">
      <c r="A34217" s="6" t="s">
        <v>34396</v>
      </c>
      <c r="B34217" s="6"/>
      <c r="C34217" s="6" t="s">
        <v>32230</v>
      </c>
      <c r="D34217" s="6"/>
      <c r="E34217" s="6" t="s">
        <v>9</v>
      </c>
      <c r="F34217" s="7">
        <v>43524</v>
      </c>
      <c r="G34217" s="8">
        <v>1242000</v>
      </c>
      <c r="H34217" s="8">
        <v>1075572</v>
      </c>
      <c r="I34217" s="8">
        <v>249642</v>
      </c>
      <c r="J34217" s="8">
        <v>992358</v>
      </c>
      <c r="K34217" s="9"/>
      <c r="L34217" s="6"/>
    </row>
    <row r="34218" spans="1:12">
      <c r="A34218" s="6" t="s">
        <v>34396</v>
      </c>
      <c r="B34218" s="6"/>
      <c r="C34218" s="6" t="s">
        <v>32230</v>
      </c>
      <c r="D34218" s="6"/>
      <c r="E34218" s="6" t="s">
        <v>9</v>
      </c>
      <c r="F34218" s="7">
        <v>43738</v>
      </c>
      <c r="G34218" s="8">
        <v>799200</v>
      </c>
      <c r="H34218" s="8">
        <v>745654</v>
      </c>
      <c r="I34218" s="8">
        <v>107092</v>
      </c>
      <c r="J34218" s="8">
        <v>692108</v>
      </c>
      <c r="K34218" s="9"/>
      <c r="L34218" s="6"/>
    </row>
    <row r="34219" spans="1:12">
      <c r="A34219" s="6" t="s">
        <v>34397</v>
      </c>
      <c r="B34219" s="6"/>
      <c r="C34219" s="6" t="s">
        <v>32230</v>
      </c>
      <c r="D34219" s="6"/>
      <c r="E34219" s="6" t="s">
        <v>9</v>
      </c>
      <c r="F34219" s="7">
        <v>29305</v>
      </c>
      <c r="G34219" s="8">
        <v>693500</v>
      </c>
      <c r="H34219" s="8">
        <v>124830</v>
      </c>
      <c r="I34219" s="8">
        <v>582540</v>
      </c>
      <c r="J34219" s="8">
        <v>110960</v>
      </c>
      <c r="K34219" s="9"/>
      <c r="L34219" s="6"/>
    </row>
    <row r="34220" spans="1:12">
      <c r="A34220" s="6" t="s">
        <v>34398</v>
      </c>
      <c r="B34220" s="6"/>
      <c r="C34220" s="6" t="s">
        <v>32230</v>
      </c>
      <c r="D34220" s="6"/>
      <c r="E34220" s="6" t="s">
        <v>9</v>
      </c>
      <c r="F34220" s="7">
        <v>29305</v>
      </c>
      <c r="G34220" s="8">
        <v>1124800</v>
      </c>
      <c r="H34220" s="8">
        <v>202464</v>
      </c>
      <c r="I34220" s="8">
        <v>944832</v>
      </c>
      <c r="J34220" s="8">
        <v>179968</v>
      </c>
      <c r="K34220" s="9"/>
      <c r="L34220" s="6"/>
    </row>
    <row r="34221" spans="1:12">
      <c r="A34221" s="6" t="s">
        <v>34399</v>
      </c>
      <c r="B34221" s="6"/>
      <c r="C34221" s="6" t="s">
        <v>32230</v>
      </c>
      <c r="D34221" s="6"/>
      <c r="E34221" s="6" t="s">
        <v>9</v>
      </c>
      <c r="F34221" s="7">
        <v>29305</v>
      </c>
      <c r="G34221" s="8">
        <v>1090800</v>
      </c>
      <c r="H34221" s="8">
        <v>196344</v>
      </c>
      <c r="I34221" s="8">
        <v>916272</v>
      </c>
      <c r="J34221" s="8">
        <v>174528</v>
      </c>
      <c r="K34221" s="9"/>
      <c r="L34221" s="6"/>
    </row>
    <row r="34222" spans="1:12">
      <c r="A34222" s="6" t="s">
        <v>34400</v>
      </c>
      <c r="B34222" s="6"/>
      <c r="C34222" s="6" t="s">
        <v>32230</v>
      </c>
      <c r="D34222" s="6"/>
      <c r="E34222" s="6" t="s">
        <v>9</v>
      </c>
      <c r="F34222" s="7">
        <v>29305</v>
      </c>
      <c r="G34222" s="8">
        <v>1966500</v>
      </c>
      <c r="H34222" s="8">
        <v>353970</v>
      </c>
      <c r="I34222" s="8">
        <v>1651860</v>
      </c>
      <c r="J34222" s="8">
        <v>314640</v>
      </c>
      <c r="K34222" s="9"/>
      <c r="L34222" s="6"/>
    </row>
    <row r="34223" spans="1:12">
      <c r="A34223" s="6" t="s">
        <v>34401</v>
      </c>
      <c r="B34223" s="6"/>
      <c r="C34223" s="6" t="s">
        <v>32230</v>
      </c>
      <c r="D34223" s="6"/>
      <c r="E34223" s="6" t="s">
        <v>9</v>
      </c>
      <c r="F34223" s="7">
        <v>29305</v>
      </c>
      <c r="G34223" s="8">
        <v>2591600</v>
      </c>
      <c r="H34223" s="8">
        <v>466488</v>
      </c>
      <c r="I34223" s="8">
        <v>2176944</v>
      </c>
      <c r="J34223" s="8">
        <v>414656</v>
      </c>
      <c r="K34223" s="9"/>
      <c r="L34223" s="6"/>
    </row>
    <row r="34224" spans="1:12">
      <c r="A34224" s="6" t="s">
        <v>34402</v>
      </c>
      <c r="B34224" s="6"/>
      <c r="C34224" s="6" t="s">
        <v>32230</v>
      </c>
      <c r="D34224" s="6"/>
      <c r="E34224" s="6" t="s">
        <v>9</v>
      </c>
      <c r="F34224" s="7">
        <v>29305</v>
      </c>
      <c r="G34224" s="8">
        <v>1396500</v>
      </c>
      <c r="H34224" s="8">
        <v>251370</v>
      </c>
      <c r="I34224" s="8">
        <v>1173060</v>
      </c>
      <c r="J34224" s="8">
        <v>223440</v>
      </c>
      <c r="K34224" s="9"/>
      <c r="L34224" s="6"/>
    </row>
    <row r="34225" spans="1:12">
      <c r="A34225" s="6" t="s">
        <v>34403</v>
      </c>
      <c r="B34225" s="6"/>
      <c r="C34225" s="6" t="s">
        <v>32230</v>
      </c>
      <c r="D34225" s="6"/>
      <c r="E34225" s="6" t="s">
        <v>9</v>
      </c>
      <c r="F34225" s="7">
        <v>29305</v>
      </c>
      <c r="G34225" s="8">
        <v>2397800</v>
      </c>
      <c r="H34225" s="8">
        <v>431604</v>
      </c>
      <c r="I34225" s="8">
        <v>2014152</v>
      </c>
      <c r="J34225" s="8">
        <v>383648</v>
      </c>
      <c r="K34225" s="9"/>
      <c r="L34225" s="6"/>
    </row>
    <row r="34226" spans="1:12">
      <c r="A34226" s="6" t="s">
        <v>34404</v>
      </c>
      <c r="B34226" s="6"/>
      <c r="C34226" s="6" t="s">
        <v>32230</v>
      </c>
      <c r="D34226" s="6"/>
      <c r="E34226" s="6" t="s">
        <v>9</v>
      </c>
      <c r="F34226" s="7">
        <v>29305</v>
      </c>
      <c r="G34226" s="8">
        <v>1223100</v>
      </c>
      <c r="H34226" s="8">
        <v>220158</v>
      </c>
      <c r="I34226" s="8">
        <v>1027404</v>
      </c>
      <c r="J34226" s="8">
        <v>195696</v>
      </c>
      <c r="K34226" s="9"/>
      <c r="L34226" s="6"/>
    </row>
    <row r="34227" spans="1:12">
      <c r="A34227" s="6" t="s">
        <v>34405</v>
      </c>
      <c r="B34227" s="6"/>
      <c r="C34227" s="6" t="s">
        <v>32230</v>
      </c>
      <c r="D34227" s="6"/>
      <c r="E34227" s="6" t="s">
        <v>9</v>
      </c>
      <c r="F34227" s="7">
        <v>29305</v>
      </c>
      <c r="G34227" s="8">
        <v>1322400</v>
      </c>
      <c r="H34227" s="8">
        <v>238032</v>
      </c>
      <c r="I34227" s="8">
        <v>1110816</v>
      </c>
      <c r="J34227" s="8">
        <v>211584</v>
      </c>
      <c r="K34227" s="9"/>
      <c r="L34227" s="6"/>
    </row>
    <row r="34228" spans="1:12">
      <c r="A34228" s="6" t="s">
        <v>34406</v>
      </c>
      <c r="B34228" s="6"/>
      <c r="C34228" s="6" t="s">
        <v>32230</v>
      </c>
      <c r="D34228" s="6"/>
      <c r="E34228" s="6" t="s">
        <v>9</v>
      </c>
      <c r="F34228" s="7">
        <v>29305</v>
      </c>
      <c r="G34228" s="8">
        <v>1392700</v>
      </c>
      <c r="H34228" s="8">
        <v>250686</v>
      </c>
      <c r="I34228" s="8">
        <v>1169868</v>
      </c>
      <c r="J34228" s="8">
        <v>222832</v>
      </c>
      <c r="K34228" s="9"/>
      <c r="L34228" s="6"/>
    </row>
    <row r="34229" spans="1:12">
      <c r="A34229" s="6" t="s">
        <v>34407</v>
      </c>
      <c r="B34229" s="6"/>
      <c r="C34229" s="6" t="s">
        <v>32230</v>
      </c>
      <c r="D34229" s="6"/>
      <c r="E34229" s="6" t="s">
        <v>9</v>
      </c>
      <c r="F34229" s="7">
        <v>29305</v>
      </c>
      <c r="G34229" s="8">
        <v>2133700</v>
      </c>
      <c r="H34229" s="8">
        <v>384066</v>
      </c>
      <c r="I34229" s="8">
        <v>1792308</v>
      </c>
      <c r="J34229" s="8">
        <v>341392</v>
      </c>
      <c r="K34229" s="9"/>
      <c r="L34229" s="6"/>
    </row>
    <row r="34230" spans="1:12">
      <c r="A34230" s="6" t="s">
        <v>34408</v>
      </c>
      <c r="B34230" s="6"/>
      <c r="C34230" s="6" t="s">
        <v>32230</v>
      </c>
      <c r="D34230" s="6"/>
      <c r="E34230" s="6" t="s">
        <v>9</v>
      </c>
      <c r="F34230" s="7">
        <v>29305</v>
      </c>
      <c r="G34230" s="8">
        <v>1544400</v>
      </c>
      <c r="H34230" s="8">
        <v>277992</v>
      </c>
      <c r="I34230" s="8">
        <v>1297296</v>
      </c>
      <c r="J34230" s="8">
        <v>247104</v>
      </c>
      <c r="K34230" s="9"/>
      <c r="L34230" s="6"/>
    </row>
    <row r="34231" spans="1:12">
      <c r="A34231" s="6" t="s">
        <v>34409</v>
      </c>
      <c r="B34231" s="6"/>
      <c r="C34231" s="6" t="s">
        <v>32230</v>
      </c>
      <c r="D34231" s="6"/>
      <c r="E34231" s="6" t="s">
        <v>9</v>
      </c>
      <c r="F34231" s="7">
        <v>29305</v>
      </c>
      <c r="G34231" s="8">
        <v>761900</v>
      </c>
      <c r="H34231" s="8">
        <v>137142</v>
      </c>
      <c r="I34231" s="8">
        <v>639996</v>
      </c>
      <c r="J34231" s="8">
        <v>121904</v>
      </c>
      <c r="K34231" s="9"/>
      <c r="L34231" s="6"/>
    </row>
    <row r="34232" spans="1:12">
      <c r="A34232" s="6" t="s">
        <v>34410</v>
      </c>
      <c r="B34232" s="6"/>
      <c r="C34232" s="6" t="s">
        <v>32230</v>
      </c>
      <c r="D34232" s="6"/>
      <c r="E34232" s="6" t="s">
        <v>9</v>
      </c>
      <c r="F34232" s="7">
        <v>29305</v>
      </c>
      <c r="G34232" s="8">
        <v>666900</v>
      </c>
      <c r="H34232" s="8">
        <v>120042</v>
      </c>
      <c r="I34232" s="8">
        <v>560196</v>
      </c>
      <c r="J34232" s="8">
        <v>106704</v>
      </c>
      <c r="K34232" s="9"/>
      <c r="L34232" s="6"/>
    </row>
    <row r="34233" spans="1:12">
      <c r="A34233" s="6" t="s">
        <v>34411</v>
      </c>
      <c r="B34233" s="6"/>
      <c r="C34233" s="6" t="s">
        <v>32230</v>
      </c>
      <c r="D34233" s="6"/>
      <c r="E34233" s="6" t="s">
        <v>9</v>
      </c>
      <c r="F34233" s="7">
        <v>29305</v>
      </c>
      <c r="G34233" s="8">
        <v>3632800</v>
      </c>
      <c r="H34233" s="8">
        <v>653904</v>
      </c>
      <c r="I34233" s="8">
        <v>3051552</v>
      </c>
      <c r="J34233" s="8">
        <v>581248</v>
      </c>
      <c r="K34233" s="9"/>
      <c r="L34233" s="6"/>
    </row>
    <row r="34234" spans="1:12">
      <c r="A34234" s="6" t="s">
        <v>34412</v>
      </c>
      <c r="B34234" s="6"/>
      <c r="C34234" s="6" t="s">
        <v>32230</v>
      </c>
      <c r="D34234" s="6"/>
      <c r="E34234" s="6" t="s">
        <v>9</v>
      </c>
      <c r="F34234" s="7">
        <v>29305</v>
      </c>
      <c r="G34234" s="8">
        <v>929100</v>
      </c>
      <c r="H34234" s="8">
        <v>167238</v>
      </c>
      <c r="I34234" s="8">
        <v>780444</v>
      </c>
      <c r="J34234" s="8">
        <v>148656</v>
      </c>
      <c r="K34234" s="9"/>
      <c r="L34234" s="6"/>
    </row>
    <row r="34235" spans="1:12">
      <c r="A34235" s="6" t="s">
        <v>34413</v>
      </c>
      <c r="B34235" s="6"/>
      <c r="C34235" s="6" t="s">
        <v>32230</v>
      </c>
      <c r="D34235" s="6"/>
      <c r="E34235" s="6" t="s">
        <v>9</v>
      </c>
      <c r="F34235" s="7">
        <v>29305</v>
      </c>
      <c r="G34235" s="8">
        <v>2914600</v>
      </c>
      <c r="H34235" s="8">
        <v>524628</v>
      </c>
      <c r="I34235" s="8">
        <v>2448264</v>
      </c>
      <c r="J34235" s="8">
        <v>466336</v>
      </c>
      <c r="K34235" s="9"/>
      <c r="L34235" s="6"/>
    </row>
    <row r="34236" spans="1:12">
      <c r="A34236" s="6" t="s">
        <v>34414</v>
      </c>
      <c r="B34236" s="6"/>
      <c r="C34236" s="6" t="s">
        <v>32230</v>
      </c>
      <c r="D34236" s="6"/>
      <c r="E34236" s="6" t="s">
        <v>9</v>
      </c>
      <c r="F34236" s="7">
        <v>29305</v>
      </c>
      <c r="G34236" s="8">
        <v>12480000</v>
      </c>
      <c r="H34236" s="8">
        <v>2246400</v>
      </c>
      <c r="I34236" s="8">
        <v>10483200</v>
      </c>
      <c r="J34236" s="8">
        <v>1996800</v>
      </c>
      <c r="K34236" s="9"/>
      <c r="L34236" s="6"/>
    </row>
    <row r="34237" spans="1:12">
      <c r="A34237" s="6" t="s">
        <v>34415</v>
      </c>
      <c r="B34237" s="6"/>
      <c r="C34237" s="6" t="s">
        <v>32230</v>
      </c>
      <c r="D34237" s="6"/>
      <c r="E34237" s="6" t="s">
        <v>9</v>
      </c>
      <c r="F34237" s="7">
        <v>36615</v>
      </c>
      <c r="G34237" s="8">
        <v>71182800</v>
      </c>
      <c r="H34237" s="8">
        <v>41286024</v>
      </c>
      <c r="I34237" s="8">
        <v>31320432</v>
      </c>
      <c r="J34237" s="8">
        <v>39862368</v>
      </c>
      <c r="K34237" s="9"/>
      <c r="L34237" s="6"/>
    </row>
    <row r="34238" spans="1:12">
      <c r="A34238" s="6" t="s">
        <v>34416</v>
      </c>
      <c r="B34238" s="6"/>
      <c r="C34238" s="6" t="s">
        <v>32230</v>
      </c>
      <c r="D34238" s="6"/>
      <c r="E34238" s="6" t="s">
        <v>9</v>
      </c>
      <c r="F34238" s="7">
        <v>29305</v>
      </c>
      <c r="G34238" s="8">
        <v>2019600</v>
      </c>
      <c r="H34238" s="8">
        <v>363528</v>
      </c>
      <c r="I34238" s="8">
        <v>1696464</v>
      </c>
      <c r="J34238" s="8">
        <v>323136</v>
      </c>
      <c r="K34238" s="9"/>
      <c r="L34238" s="6"/>
    </row>
    <row r="34239" spans="1:12">
      <c r="A34239" s="6" t="s">
        <v>34417</v>
      </c>
      <c r="B34239" s="6"/>
      <c r="C34239" s="6" t="s">
        <v>32230</v>
      </c>
      <c r="D34239" s="6"/>
      <c r="E34239" s="6" t="s">
        <v>9</v>
      </c>
      <c r="F34239" s="7">
        <v>29305</v>
      </c>
      <c r="G34239" s="8">
        <v>2708100</v>
      </c>
      <c r="H34239" s="8">
        <v>487458</v>
      </c>
      <c r="I34239" s="8">
        <v>2274804</v>
      </c>
      <c r="J34239" s="8">
        <v>433296</v>
      </c>
      <c r="K34239" s="9"/>
      <c r="L34239" s="6"/>
    </row>
    <row r="34240" spans="1:12">
      <c r="A34240" s="6" t="s">
        <v>34418</v>
      </c>
      <c r="B34240" s="6"/>
      <c r="C34240" s="6" t="s">
        <v>32230</v>
      </c>
      <c r="D34240" s="6"/>
      <c r="E34240" s="6" t="s">
        <v>9</v>
      </c>
      <c r="F34240" s="7">
        <v>29305</v>
      </c>
      <c r="G34240" s="8">
        <v>598500</v>
      </c>
      <c r="H34240" s="8">
        <v>107730</v>
      </c>
      <c r="I34240" s="8">
        <v>502740</v>
      </c>
      <c r="J34240" s="8">
        <v>95760</v>
      </c>
      <c r="K34240" s="9"/>
      <c r="L34240" s="6"/>
    </row>
    <row r="34241" spans="1:12">
      <c r="A34241" s="6" t="s">
        <v>34419</v>
      </c>
      <c r="B34241" s="6"/>
      <c r="C34241" s="6" t="s">
        <v>32230</v>
      </c>
      <c r="D34241" s="6"/>
      <c r="E34241" s="6" t="s">
        <v>9</v>
      </c>
      <c r="F34241" s="7">
        <v>36615</v>
      </c>
      <c r="G34241" s="8">
        <v>13008600</v>
      </c>
      <c r="H34241" s="8">
        <v>7544988</v>
      </c>
      <c r="I34241" s="8">
        <v>5723784</v>
      </c>
      <c r="J34241" s="8">
        <v>7284816</v>
      </c>
      <c r="K34241" s="9"/>
      <c r="L34241" s="6"/>
    </row>
    <row r="34242" spans="1:12">
      <c r="A34242" s="6" t="s">
        <v>34420</v>
      </c>
      <c r="B34242" s="6"/>
      <c r="C34242" s="6" t="s">
        <v>32230</v>
      </c>
      <c r="D34242" s="6"/>
      <c r="E34242" s="6" t="s">
        <v>9</v>
      </c>
      <c r="F34242" s="7">
        <v>29305</v>
      </c>
      <c r="G34242" s="8">
        <v>5653800</v>
      </c>
      <c r="H34242" s="8">
        <v>1017684</v>
      </c>
      <c r="I34242" s="8">
        <v>4749192</v>
      </c>
      <c r="J34242" s="8">
        <v>904608</v>
      </c>
      <c r="K34242" s="9"/>
      <c r="L34242" s="6"/>
    </row>
    <row r="34243" spans="1:12">
      <c r="A34243" s="6" t="s">
        <v>34421</v>
      </c>
      <c r="B34243" s="6"/>
      <c r="C34243" s="6" t="s">
        <v>32230</v>
      </c>
      <c r="D34243" s="6"/>
      <c r="E34243" s="6" t="s">
        <v>9</v>
      </c>
      <c r="F34243" s="7">
        <v>29305</v>
      </c>
      <c r="G34243" s="8">
        <v>4104000</v>
      </c>
      <c r="H34243" s="8">
        <v>738720</v>
      </c>
      <c r="I34243" s="8">
        <v>3447360</v>
      </c>
      <c r="J34243" s="8">
        <v>656640</v>
      </c>
      <c r="K34243" s="9"/>
      <c r="L34243" s="6"/>
    </row>
    <row r="34244" spans="1:12">
      <c r="A34244" s="6" t="s">
        <v>34422</v>
      </c>
      <c r="B34244" s="6"/>
      <c r="C34244" s="6" t="s">
        <v>32230</v>
      </c>
      <c r="D34244" s="6"/>
      <c r="E34244" s="6" t="s">
        <v>9</v>
      </c>
      <c r="F34244" s="7">
        <v>29305</v>
      </c>
      <c r="G34244" s="8">
        <v>2062800</v>
      </c>
      <c r="H34244" s="8">
        <v>371304</v>
      </c>
      <c r="I34244" s="8">
        <v>1732752</v>
      </c>
      <c r="J34244" s="8">
        <v>330048</v>
      </c>
      <c r="K34244" s="9"/>
      <c r="L34244" s="6"/>
    </row>
    <row r="34245" spans="1:12">
      <c r="A34245" s="6" t="s">
        <v>34423</v>
      </c>
      <c r="B34245" s="6"/>
      <c r="C34245" s="6" t="s">
        <v>32230</v>
      </c>
      <c r="D34245" s="6"/>
      <c r="E34245" s="6" t="s">
        <v>9</v>
      </c>
      <c r="F34245" s="7">
        <v>29305</v>
      </c>
      <c r="G34245" s="8">
        <v>61504000</v>
      </c>
      <c r="H34245" s="8">
        <v>11070720</v>
      </c>
      <c r="I34245" s="8">
        <v>51663360</v>
      </c>
      <c r="J34245" s="8">
        <v>9840640</v>
      </c>
      <c r="K34245" s="9"/>
      <c r="L34245" s="6"/>
    </row>
    <row r="34246" spans="1:12">
      <c r="A34246" s="6" t="s">
        <v>34424</v>
      </c>
      <c r="B34246" s="6"/>
      <c r="C34246" s="6" t="s">
        <v>32230</v>
      </c>
      <c r="D34246" s="6"/>
      <c r="E34246" s="6" t="s">
        <v>9</v>
      </c>
      <c r="F34246" s="7">
        <v>29305</v>
      </c>
      <c r="G34246" s="8">
        <v>18613800</v>
      </c>
      <c r="H34246" s="8">
        <v>3350484</v>
      </c>
      <c r="I34246" s="8">
        <v>15635592</v>
      </c>
      <c r="J34246" s="8">
        <v>2978208</v>
      </c>
      <c r="K34246" s="9"/>
      <c r="L34246" s="6"/>
    </row>
    <row r="34247" spans="1:12">
      <c r="A34247" s="6" t="s">
        <v>34425</v>
      </c>
      <c r="B34247" s="6"/>
      <c r="C34247" s="6" t="s">
        <v>32230</v>
      </c>
      <c r="D34247" s="6"/>
      <c r="E34247" s="6" t="s">
        <v>9</v>
      </c>
      <c r="F34247" s="7">
        <v>29305</v>
      </c>
      <c r="G34247" s="8">
        <v>98107200</v>
      </c>
      <c r="H34247" s="8">
        <v>17659296</v>
      </c>
      <c r="I34247" s="8">
        <v>82410048</v>
      </c>
      <c r="J34247" s="8">
        <v>15697152</v>
      </c>
      <c r="K34247" s="9"/>
      <c r="L34247" s="6"/>
    </row>
    <row r="34248" spans="1:12">
      <c r="A34248" s="6" t="s">
        <v>34426</v>
      </c>
      <c r="B34248" s="6"/>
      <c r="C34248" s="6" t="s">
        <v>32230</v>
      </c>
      <c r="D34248" s="6"/>
      <c r="E34248" s="6" t="s">
        <v>9</v>
      </c>
      <c r="F34248" s="7">
        <v>29305</v>
      </c>
      <c r="G34248" s="8">
        <v>19237500</v>
      </c>
      <c r="H34248" s="8">
        <v>3462750</v>
      </c>
      <c r="I34248" s="8">
        <v>16159500</v>
      </c>
      <c r="J34248" s="8">
        <v>3078000</v>
      </c>
      <c r="K34248" s="9"/>
      <c r="L34248" s="6"/>
    </row>
    <row r="34249" spans="1:12">
      <c r="A34249" s="6" t="s">
        <v>34427</v>
      </c>
      <c r="B34249" s="6"/>
      <c r="C34249" s="6" t="s">
        <v>32230</v>
      </c>
      <c r="D34249" s="6"/>
      <c r="E34249" s="6" t="s">
        <v>9</v>
      </c>
      <c r="F34249" s="7">
        <v>29305</v>
      </c>
      <c r="G34249" s="8">
        <v>1822500</v>
      </c>
      <c r="H34249" s="8">
        <v>328050</v>
      </c>
      <c r="I34249" s="8">
        <v>1530900</v>
      </c>
      <c r="J34249" s="8">
        <v>291600</v>
      </c>
      <c r="K34249" s="9"/>
      <c r="L34249" s="6"/>
    </row>
    <row r="34250" spans="1:12">
      <c r="A34250" s="6" t="s">
        <v>34428</v>
      </c>
      <c r="B34250" s="6"/>
      <c r="C34250" s="6" t="s">
        <v>32230</v>
      </c>
      <c r="D34250" s="6"/>
      <c r="E34250" s="6" t="s">
        <v>9</v>
      </c>
      <c r="F34250" s="7">
        <v>29305</v>
      </c>
      <c r="G34250" s="8">
        <v>2081700</v>
      </c>
      <c r="H34250" s="8">
        <v>374706</v>
      </c>
      <c r="I34250" s="8">
        <v>1748628</v>
      </c>
      <c r="J34250" s="8">
        <v>333072</v>
      </c>
      <c r="K34250" s="9"/>
      <c r="L34250" s="6"/>
    </row>
    <row r="34251" spans="1:12">
      <c r="A34251" s="6" t="s">
        <v>34429</v>
      </c>
      <c r="B34251" s="6"/>
      <c r="C34251" s="6" t="s">
        <v>32230</v>
      </c>
      <c r="D34251" s="6"/>
      <c r="E34251" s="6" t="s">
        <v>9</v>
      </c>
      <c r="F34251" s="7">
        <v>29305</v>
      </c>
      <c r="G34251" s="8">
        <v>6374700</v>
      </c>
      <c r="H34251" s="8">
        <v>1147446</v>
      </c>
      <c r="I34251" s="8">
        <v>5354748</v>
      </c>
      <c r="J34251" s="8">
        <v>1019952</v>
      </c>
      <c r="K34251" s="9"/>
      <c r="L34251" s="6"/>
    </row>
    <row r="34252" spans="1:12">
      <c r="A34252" s="6" t="s">
        <v>34430</v>
      </c>
      <c r="B34252" s="6"/>
      <c r="C34252" s="6" t="s">
        <v>32230</v>
      </c>
      <c r="D34252" s="6"/>
      <c r="E34252" s="6" t="s">
        <v>9</v>
      </c>
      <c r="F34252" s="7">
        <v>29305</v>
      </c>
      <c r="G34252" s="8">
        <v>3547800</v>
      </c>
      <c r="H34252" s="8">
        <v>638604</v>
      </c>
      <c r="I34252" s="8">
        <v>2980152</v>
      </c>
      <c r="J34252" s="8">
        <v>567648</v>
      </c>
      <c r="K34252" s="9"/>
      <c r="L34252" s="6"/>
    </row>
    <row r="34253" spans="1:12">
      <c r="A34253" s="6" t="s">
        <v>34431</v>
      </c>
      <c r="B34253" s="6"/>
      <c r="C34253" s="6" t="s">
        <v>32230</v>
      </c>
      <c r="D34253" s="6"/>
      <c r="E34253" s="6" t="s">
        <v>9</v>
      </c>
      <c r="F34253" s="7">
        <v>29305</v>
      </c>
      <c r="G34253" s="8">
        <v>1884600</v>
      </c>
      <c r="H34253" s="8">
        <v>339228</v>
      </c>
      <c r="I34253" s="8">
        <v>1583064</v>
      </c>
      <c r="J34253" s="8">
        <v>301536</v>
      </c>
      <c r="K34253" s="9"/>
      <c r="L34253" s="6"/>
    </row>
    <row r="34254" spans="1:12">
      <c r="A34254" s="6" t="s">
        <v>34432</v>
      </c>
      <c r="B34254" s="6"/>
      <c r="C34254" s="6" t="s">
        <v>32230</v>
      </c>
      <c r="D34254" s="6"/>
      <c r="E34254" s="6" t="s">
        <v>9</v>
      </c>
      <c r="F34254" s="7">
        <v>29305</v>
      </c>
      <c r="G34254" s="8">
        <v>8586000</v>
      </c>
      <c r="H34254" s="8">
        <v>1545480</v>
      </c>
      <c r="I34254" s="8">
        <v>7212240</v>
      </c>
      <c r="J34254" s="8">
        <v>1373760</v>
      </c>
      <c r="K34254" s="9"/>
      <c r="L34254" s="6"/>
    </row>
    <row r="34255" spans="1:12">
      <c r="A34255" s="6" t="s">
        <v>34433</v>
      </c>
      <c r="B34255" s="6"/>
      <c r="C34255" s="6" t="s">
        <v>32230</v>
      </c>
      <c r="D34255" s="6"/>
      <c r="E34255" s="6" t="s">
        <v>9</v>
      </c>
      <c r="F34255" s="7">
        <v>29305</v>
      </c>
      <c r="G34255" s="8">
        <v>6115500</v>
      </c>
      <c r="H34255" s="8">
        <v>1100790</v>
      </c>
      <c r="I34255" s="8">
        <v>5137020</v>
      </c>
      <c r="J34255" s="8">
        <v>978480</v>
      </c>
      <c r="K34255" s="9"/>
      <c r="L34255" s="6"/>
    </row>
    <row r="34256" spans="1:12">
      <c r="A34256" s="6" t="s">
        <v>34434</v>
      </c>
      <c r="B34256" s="6"/>
      <c r="C34256" s="6" t="s">
        <v>32230</v>
      </c>
      <c r="D34256" s="6"/>
      <c r="E34256" s="6" t="s">
        <v>9</v>
      </c>
      <c r="F34256" s="7">
        <v>29305</v>
      </c>
      <c r="G34256" s="8">
        <v>4954500</v>
      </c>
      <c r="H34256" s="8">
        <v>891810</v>
      </c>
      <c r="I34256" s="8">
        <v>4161780</v>
      </c>
      <c r="J34256" s="8">
        <v>792720</v>
      </c>
      <c r="K34256" s="9"/>
      <c r="L34256" s="6"/>
    </row>
    <row r="34257" spans="1:12">
      <c r="A34257" s="6" t="s">
        <v>34435</v>
      </c>
      <c r="B34257" s="6"/>
      <c r="C34257" s="6" t="s">
        <v>32230</v>
      </c>
      <c r="D34257" s="6"/>
      <c r="E34257" s="6" t="s">
        <v>9</v>
      </c>
      <c r="F34257" s="7">
        <v>29305</v>
      </c>
      <c r="G34257" s="8">
        <v>4482000</v>
      </c>
      <c r="H34257" s="8">
        <v>806760</v>
      </c>
      <c r="I34257" s="8">
        <v>3764880</v>
      </c>
      <c r="J34257" s="8">
        <v>717120</v>
      </c>
      <c r="K34257" s="9"/>
      <c r="L34257" s="6"/>
    </row>
    <row r="34258" spans="1:12">
      <c r="A34258" s="6" t="s">
        <v>34436</v>
      </c>
      <c r="B34258" s="6"/>
      <c r="C34258" s="6" t="s">
        <v>32230</v>
      </c>
      <c r="D34258" s="6"/>
      <c r="E34258" s="6" t="s">
        <v>9</v>
      </c>
      <c r="F34258" s="7">
        <v>29305</v>
      </c>
      <c r="G34258" s="8">
        <v>17026200</v>
      </c>
      <c r="H34258" s="8">
        <v>3064716</v>
      </c>
      <c r="I34258" s="8">
        <v>14302008</v>
      </c>
      <c r="J34258" s="8">
        <v>2724192</v>
      </c>
      <c r="K34258" s="9"/>
      <c r="L34258" s="6"/>
    </row>
    <row r="34259" spans="1:12">
      <c r="A34259" s="6" t="s">
        <v>34437</v>
      </c>
      <c r="B34259" s="6"/>
      <c r="C34259" s="6" t="s">
        <v>32230</v>
      </c>
      <c r="D34259" s="6"/>
      <c r="E34259" s="6" t="s">
        <v>9</v>
      </c>
      <c r="F34259" s="7">
        <v>29305</v>
      </c>
      <c r="G34259" s="8">
        <v>3753000</v>
      </c>
      <c r="H34259" s="8">
        <v>675540</v>
      </c>
      <c r="I34259" s="8">
        <v>3152520</v>
      </c>
      <c r="J34259" s="8">
        <v>600480</v>
      </c>
      <c r="K34259" s="9"/>
      <c r="L34259" s="6"/>
    </row>
    <row r="34260" spans="1:12">
      <c r="A34260" s="6" t="s">
        <v>34438</v>
      </c>
      <c r="B34260" s="6"/>
      <c r="C34260" s="6" t="s">
        <v>32230</v>
      </c>
      <c r="D34260" s="6"/>
      <c r="E34260" s="6" t="s">
        <v>9</v>
      </c>
      <c r="F34260" s="7">
        <v>29305</v>
      </c>
      <c r="G34260" s="8">
        <v>8189100</v>
      </c>
      <c r="H34260" s="8">
        <v>1474038</v>
      </c>
      <c r="I34260" s="8">
        <v>6878844</v>
      </c>
      <c r="J34260" s="8">
        <v>1310256</v>
      </c>
      <c r="K34260" s="9"/>
      <c r="L34260" s="6"/>
    </row>
    <row r="34261" spans="1:12">
      <c r="A34261" s="6" t="s">
        <v>34439</v>
      </c>
      <c r="B34261" s="6"/>
      <c r="C34261" s="6" t="s">
        <v>32230</v>
      </c>
      <c r="D34261" s="6"/>
      <c r="E34261" s="6" t="s">
        <v>9</v>
      </c>
      <c r="F34261" s="7">
        <v>29305</v>
      </c>
      <c r="G34261" s="8">
        <v>4363200</v>
      </c>
      <c r="H34261" s="8">
        <v>785376</v>
      </c>
      <c r="I34261" s="8">
        <v>3665088</v>
      </c>
      <c r="J34261" s="8">
        <v>698112</v>
      </c>
      <c r="K34261" s="9"/>
      <c r="L34261" s="6"/>
    </row>
    <row r="34262" spans="1:12">
      <c r="A34262" s="6" t="s">
        <v>34440</v>
      </c>
      <c r="B34262" s="6"/>
      <c r="C34262" s="6" t="s">
        <v>32230</v>
      </c>
      <c r="D34262" s="6"/>
      <c r="E34262" s="6" t="s">
        <v>9</v>
      </c>
      <c r="F34262" s="7">
        <v>29305</v>
      </c>
      <c r="G34262" s="8">
        <v>68736600</v>
      </c>
      <c r="H34262" s="8">
        <v>12372588</v>
      </c>
      <c r="I34262" s="8">
        <v>57738744</v>
      </c>
      <c r="J34262" s="8">
        <v>10997856</v>
      </c>
      <c r="K34262" s="9"/>
      <c r="L34262" s="6"/>
    </row>
    <row r="34263" spans="1:12">
      <c r="A34263" s="6" t="s">
        <v>34440</v>
      </c>
      <c r="B34263" s="6"/>
      <c r="C34263" s="6" t="s">
        <v>32230</v>
      </c>
      <c r="D34263" s="6"/>
      <c r="E34263" s="6"/>
      <c r="F34263" s="7">
        <v>43556</v>
      </c>
      <c r="G34263" s="8">
        <v>1299240</v>
      </c>
      <c r="H34263" s="8">
        <v>1273256</v>
      </c>
      <c r="I34263" s="8">
        <v>51968</v>
      </c>
      <c r="J34263" s="8">
        <v>1247272</v>
      </c>
      <c r="K34263" s="9"/>
      <c r="L34263" s="6"/>
    </row>
    <row r="34264" spans="1:12">
      <c r="A34264" s="6" t="s">
        <v>34441</v>
      </c>
      <c r="B34264" s="6"/>
      <c r="C34264" s="6" t="s">
        <v>32230</v>
      </c>
      <c r="D34264" s="6"/>
      <c r="E34264" s="6" t="s">
        <v>9</v>
      </c>
      <c r="F34264" s="7">
        <v>29305</v>
      </c>
      <c r="G34264" s="8">
        <v>4136400</v>
      </c>
      <c r="H34264" s="8">
        <v>744552</v>
      </c>
      <c r="I34264" s="8">
        <v>3474576</v>
      </c>
      <c r="J34264" s="8">
        <v>661824</v>
      </c>
      <c r="K34264" s="9"/>
      <c r="L34264" s="6"/>
    </row>
    <row r="34265" spans="1:12">
      <c r="A34265" s="6" t="s">
        <v>34442</v>
      </c>
      <c r="B34265" s="6"/>
      <c r="C34265" s="6" t="s">
        <v>32230</v>
      </c>
      <c r="D34265" s="6"/>
      <c r="E34265" s="6" t="s">
        <v>9</v>
      </c>
      <c r="F34265" s="7">
        <v>29305</v>
      </c>
      <c r="G34265" s="8">
        <v>31185000</v>
      </c>
      <c r="H34265" s="8">
        <v>5613300</v>
      </c>
      <c r="I34265" s="8">
        <v>26195400</v>
      </c>
      <c r="J34265" s="8">
        <v>4989600</v>
      </c>
      <c r="K34265" s="9"/>
      <c r="L34265" s="6"/>
    </row>
    <row r="34266" spans="1:12">
      <c r="A34266" s="6" t="s">
        <v>34443</v>
      </c>
      <c r="B34266" s="6"/>
      <c r="C34266" s="6" t="s">
        <v>32230</v>
      </c>
      <c r="D34266" s="6"/>
      <c r="E34266" s="6" t="s">
        <v>9</v>
      </c>
      <c r="F34266" s="7">
        <v>29305</v>
      </c>
      <c r="G34266" s="8">
        <v>20541600</v>
      </c>
      <c r="H34266" s="8">
        <v>3697488</v>
      </c>
      <c r="I34266" s="8">
        <v>17254944</v>
      </c>
      <c r="J34266" s="8">
        <v>3286656</v>
      </c>
      <c r="K34266" s="9"/>
      <c r="L34266" s="6"/>
    </row>
    <row r="34267" spans="1:12">
      <c r="A34267" s="6" t="s">
        <v>34444</v>
      </c>
      <c r="B34267" s="6"/>
      <c r="C34267" s="6" t="s">
        <v>32230</v>
      </c>
      <c r="D34267" s="6"/>
      <c r="E34267" s="6" t="s">
        <v>9</v>
      </c>
      <c r="F34267" s="7">
        <v>29305</v>
      </c>
      <c r="G34267" s="8">
        <v>1474200</v>
      </c>
      <c r="H34267" s="8">
        <v>265356</v>
      </c>
      <c r="I34267" s="8">
        <v>1238328</v>
      </c>
      <c r="J34267" s="8">
        <v>235872</v>
      </c>
      <c r="K34267" s="9"/>
      <c r="L34267" s="6"/>
    </row>
    <row r="34268" spans="1:12">
      <c r="A34268" s="6" t="s">
        <v>34445</v>
      </c>
      <c r="B34268" s="6"/>
      <c r="C34268" s="6" t="s">
        <v>32230</v>
      </c>
      <c r="D34268" s="6"/>
      <c r="E34268" s="6" t="s">
        <v>9</v>
      </c>
      <c r="F34268" s="7">
        <v>29305</v>
      </c>
      <c r="G34268" s="8">
        <v>3850200</v>
      </c>
      <c r="H34268" s="8">
        <v>693036</v>
      </c>
      <c r="I34268" s="8">
        <v>3234168</v>
      </c>
      <c r="J34268" s="8">
        <v>616032</v>
      </c>
      <c r="K34268" s="9"/>
      <c r="L34268" s="6"/>
    </row>
    <row r="34269" spans="1:12">
      <c r="A34269" s="6" t="s">
        <v>34446</v>
      </c>
      <c r="B34269" s="6"/>
      <c r="C34269" s="6" t="s">
        <v>32230</v>
      </c>
      <c r="D34269" s="6"/>
      <c r="E34269" s="6" t="s">
        <v>9</v>
      </c>
      <c r="F34269" s="7">
        <v>29305</v>
      </c>
      <c r="G34269" s="8">
        <v>45910800</v>
      </c>
      <c r="H34269" s="8">
        <v>8263944</v>
      </c>
      <c r="I34269" s="8">
        <v>38565072</v>
      </c>
      <c r="J34269" s="8">
        <v>7345728</v>
      </c>
      <c r="K34269" s="9"/>
      <c r="L34269" s="6"/>
    </row>
    <row r="34270" spans="1:12">
      <c r="A34270" s="6" t="s">
        <v>34447</v>
      </c>
      <c r="B34270" s="6"/>
      <c r="C34270" s="6" t="s">
        <v>32230</v>
      </c>
      <c r="D34270" s="6"/>
      <c r="E34270" s="6" t="s">
        <v>9</v>
      </c>
      <c r="F34270" s="7">
        <v>29305</v>
      </c>
      <c r="G34270" s="8">
        <v>39795300</v>
      </c>
      <c r="H34270" s="8">
        <v>7163154</v>
      </c>
      <c r="I34270" s="8">
        <v>33428052</v>
      </c>
      <c r="J34270" s="8">
        <v>6367248</v>
      </c>
      <c r="K34270" s="9"/>
      <c r="L34270" s="6"/>
    </row>
    <row r="34271" spans="1:12">
      <c r="A34271" s="6" t="s">
        <v>34448</v>
      </c>
      <c r="B34271" s="6"/>
      <c r="C34271" s="6" t="s">
        <v>32230</v>
      </c>
      <c r="D34271" s="6"/>
      <c r="E34271" s="6" t="s">
        <v>9</v>
      </c>
      <c r="F34271" s="7">
        <v>29305</v>
      </c>
      <c r="G34271" s="8">
        <v>4225500</v>
      </c>
      <c r="H34271" s="8">
        <v>760590</v>
      </c>
      <c r="I34271" s="8">
        <v>3549420</v>
      </c>
      <c r="J34271" s="8">
        <v>676080</v>
      </c>
      <c r="K34271" s="9"/>
      <c r="L34271" s="6"/>
    </row>
    <row r="34272" spans="1:12">
      <c r="A34272" s="6" t="s">
        <v>34449</v>
      </c>
      <c r="B34272" s="6"/>
      <c r="C34272" s="6" t="s">
        <v>32230</v>
      </c>
      <c r="D34272" s="6"/>
      <c r="E34272" s="6" t="s">
        <v>9</v>
      </c>
      <c r="F34272" s="7">
        <v>29305</v>
      </c>
      <c r="G34272" s="8">
        <v>1971000</v>
      </c>
      <c r="H34272" s="8">
        <v>354780</v>
      </c>
      <c r="I34272" s="8">
        <v>1655640</v>
      </c>
      <c r="J34272" s="8">
        <v>315360</v>
      </c>
      <c r="K34272" s="9"/>
      <c r="L34272" s="6"/>
    </row>
    <row r="34273" spans="1:12">
      <c r="A34273" s="6" t="s">
        <v>34450</v>
      </c>
      <c r="B34273" s="6"/>
      <c r="C34273" s="6" t="s">
        <v>32230</v>
      </c>
      <c r="D34273" s="6"/>
      <c r="E34273" s="6" t="s">
        <v>9</v>
      </c>
      <c r="F34273" s="7">
        <v>29305</v>
      </c>
      <c r="G34273" s="8">
        <v>1215000</v>
      </c>
      <c r="H34273" s="8">
        <v>218700</v>
      </c>
      <c r="I34273" s="8">
        <v>1020600</v>
      </c>
      <c r="J34273" s="8">
        <v>194400</v>
      </c>
      <c r="K34273" s="9"/>
      <c r="L34273" s="6"/>
    </row>
    <row r="34274" spans="1:12">
      <c r="A34274" s="6" t="s">
        <v>34451</v>
      </c>
      <c r="B34274" s="6"/>
      <c r="C34274" s="6" t="s">
        <v>32230</v>
      </c>
      <c r="D34274" s="6"/>
      <c r="E34274" s="6" t="s">
        <v>9</v>
      </c>
      <c r="F34274" s="7">
        <v>29305</v>
      </c>
      <c r="G34274" s="8">
        <v>2878200</v>
      </c>
      <c r="H34274" s="8">
        <v>518076</v>
      </c>
      <c r="I34274" s="8">
        <v>2417688</v>
      </c>
      <c r="J34274" s="8">
        <v>460512</v>
      </c>
      <c r="K34274" s="9"/>
      <c r="L34274" s="6"/>
    </row>
    <row r="34275" spans="1:12">
      <c r="A34275" s="6" t="s">
        <v>34452</v>
      </c>
      <c r="B34275" s="6"/>
      <c r="C34275" s="6" t="s">
        <v>32230</v>
      </c>
      <c r="D34275" s="6"/>
      <c r="E34275" s="6" t="s">
        <v>9</v>
      </c>
      <c r="F34275" s="7">
        <v>29305</v>
      </c>
      <c r="G34275" s="8">
        <v>14288400</v>
      </c>
      <c r="H34275" s="8">
        <v>2571912</v>
      </c>
      <c r="I34275" s="8">
        <v>12002256</v>
      </c>
      <c r="J34275" s="8">
        <v>2286144</v>
      </c>
      <c r="K34275" s="9"/>
      <c r="L34275" s="6"/>
    </row>
    <row r="34276" spans="1:12">
      <c r="A34276" s="6" t="s">
        <v>34453</v>
      </c>
      <c r="B34276" s="6"/>
      <c r="C34276" s="6" t="s">
        <v>32230</v>
      </c>
      <c r="D34276" s="6"/>
      <c r="E34276" s="6" t="s">
        <v>9</v>
      </c>
      <c r="F34276" s="7">
        <v>29305</v>
      </c>
      <c r="G34276" s="8">
        <v>14126400</v>
      </c>
      <c r="H34276" s="8">
        <v>2542752</v>
      </c>
      <c r="I34276" s="8">
        <v>11866176</v>
      </c>
      <c r="J34276" s="8">
        <v>2260224</v>
      </c>
      <c r="K34276" s="9"/>
      <c r="L34276" s="6"/>
    </row>
    <row r="34277" spans="1:12">
      <c r="A34277" s="6" t="s">
        <v>34454</v>
      </c>
      <c r="B34277" s="6"/>
      <c r="C34277" s="6" t="s">
        <v>32230</v>
      </c>
      <c r="D34277" s="6"/>
      <c r="E34277" s="6" t="s">
        <v>9</v>
      </c>
      <c r="F34277" s="7">
        <v>29305</v>
      </c>
      <c r="G34277" s="8">
        <v>2119500</v>
      </c>
      <c r="H34277" s="8">
        <v>381510</v>
      </c>
      <c r="I34277" s="8">
        <v>1780380</v>
      </c>
      <c r="J34277" s="8">
        <v>339120</v>
      </c>
      <c r="K34277" s="9"/>
      <c r="L34277" s="6"/>
    </row>
    <row r="34278" spans="1:12">
      <c r="A34278" s="6" t="s">
        <v>34455</v>
      </c>
      <c r="B34278" s="6"/>
      <c r="C34278" s="6" t="s">
        <v>32230</v>
      </c>
      <c r="D34278" s="6"/>
      <c r="E34278" s="6" t="s">
        <v>9</v>
      </c>
      <c r="F34278" s="7">
        <v>29305</v>
      </c>
      <c r="G34278" s="8">
        <v>1020600</v>
      </c>
      <c r="H34278" s="8">
        <v>183708</v>
      </c>
      <c r="I34278" s="8">
        <v>857304</v>
      </c>
      <c r="J34278" s="8">
        <v>163296</v>
      </c>
      <c r="K34278" s="9"/>
      <c r="L34278" s="6"/>
    </row>
    <row r="34279" spans="1:12">
      <c r="A34279" s="6" t="s">
        <v>34456</v>
      </c>
      <c r="B34279" s="6"/>
      <c r="C34279" s="6" t="s">
        <v>32230</v>
      </c>
      <c r="D34279" s="6"/>
      <c r="E34279" s="6" t="s">
        <v>9</v>
      </c>
      <c r="F34279" s="7">
        <v>29305</v>
      </c>
      <c r="G34279" s="8">
        <v>12498300</v>
      </c>
      <c r="H34279" s="8">
        <v>2249694</v>
      </c>
      <c r="I34279" s="8">
        <v>10498572</v>
      </c>
      <c r="J34279" s="8">
        <v>1999728</v>
      </c>
      <c r="K34279" s="9"/>
      <c r="L34279" s="6"/>
    </row>
    <row r="34280" spans="1:12">
      <c r="A34280" s="6" t="s">
        <v>34457</v>
      </c>
      <c r="B34280" s="6"/>
      <c r="C34280" s="6" t="s">
        <v>32230</v>
      </c>
      <c r="D34280" s="6"/>
      <c r="E34280" s="6" t="s">
        <v>9</v>
      </c>
      <c r="F34280" s="7">
        <v>29305</v>
      </c>
      <c r="G34280" s="8">
        <v>6137100</v>
      </c>
      <c r="H34280" s="8">
        <v>1104678</v>
      </c>
      <c r="I34280" s="8">
        <v>5155164</v>
      </c>
      <c r="J34280" s="8">
        <v>981936</v>
      </c>
      <c r="K34280" s="9"/>
      <c r="L34280" s="6"/>
    </row>
    <row r="34281" spans="1:12">
      <c r="A34281" s="6" t="s">
        <v>34458</v>
      </c>
      <c r="B34281" s="6"/>
      <c r="C34281" s="6" t="s">
        <v>32230</v>
      </c>
      <c r="D34281" s="6"/>
      <c r="E34281" s="6" t="s">
        <v>9</v>
      </c>
      <c r="F34281" s="7">
        <v>29305</v>
      </c>
      <c r="G34281" s="8">
        <v>8885700</v>
      </c>
      <c r="H34281" s="8">
        <v>1599426</v>
      </c>
      <c r="I34281" s="8">
        <v>7463988</v>
      </c>
      <c r="J34281" s="8">
        <v>1421712</v>
      </c>
      <c r="K34281" s="9"/>
      <c r="L34281" s="6"/>
    </row>
    <row r="34282" spans="1:12">
      <c r="A34282" s="6" t="s">
        <v>34459</v>
      </c>
      <c r="B34282" s="6"/>
      <c r="C34282" s="6" t="s">
        <v>32230</v>
      </c>
      <c r="D34282" s="6"/>
      <c r="E34282" s="6" t="s">
        <v>9</v>
      </c>
      <c r="F34282" s="7">
        <v>29305</v>
      </c>
      <c r="G34282" s="8">
        <v>1792800</v>
      </c>
      <c r="H34282" s="8">
        <v>322704</v>
      </c>
      <c r="I34282" s="8">
        <v>1505952</v>
      </c>
      <c r="J34282" s="8">
        <v>286848</v>
      </c>
      <c r="K34282" s="9"/>
      <c r="L34282" s="6"/>
    </row>
    <row r="34283" spans="1:12">
      <c r="A34283" s="6" t="s">
        <v>34460</v>
      </c>
      <c r="B34283" s="6"/>
      <c r="C34283" s="6" t="s">
        <v>32230</v>
      </c>
      <c r="D34283" s="6"/>
      <c r="E34283" s="6" t="s">
        <v>9</v>
      </c>
      <c r="F34283" s="7">
        <v>29305</v>
      </c>
      <c r="G34283" s="8">
        <v>6885000</v>
      </c>
      <c r="H34283" s="8">
        <v>1239300</v>
      </c>
      <c r="I34283" s="8">
        <v>5783400</v>
      </c>
      <c r="J34283" s="8">
        <v>1101600</v>
      </c>
      <c r="K34283" s="9"/>
      <c r="L34283" s="6"/>
    </row>
    <row r="34284" spans="1:12">
      <c r="A34284" s="6" t="s">
        <v>34461</v>
      </c>
      <c r="B34284" s="6"/>
      <c r="C34284" s="6" t="s">
        <v>32230</v>
      </c>
      <c r="D34284" s="6"/>
      <c r="E34284" s="6" t="s">
        <v>9</v>
      </c>
      <c r="F34284" s="7">
        <v>29305</v>
      </c>
      <c r="G34284" s="8">
        <v>8486400</v>
      </c>
      <c r="H34284" s="8">
        <v>1527552</v>
      </c>
      <c r="I34284" s="8">
        <v>7128576</v>
      </c>
      <c r="J34284" s="8">
        <v>1357824</v>
      </c>
      <c r="K34284" s="9"/>
      <c r="L34284" s="6"/>
    </row>
    <row r="34285" spans="1:12">
      <c r="A34285" s="6" t="s">
        <v>34462</v>
      </c>
      <c r="B34285" s="6"/>
      <c r="C34285" s="6" t="s">
        <v>32230</v>
      </c>
      <c r="D34285" s="6"/>
      <c r="E34285" s="6" t="s">
        <v>9</v>
      </c>
      <c r="F34285" s="7">
        <v>29305</v>
      </c>
      <c r="G34285" s="8">
        <v>31630500</v>
      </c>
      <c r="H34285" s="8">
        <v>5693490</v>
      </c>
      <c r="I34285" s="8">
        <v>26569620</v>
      </c>
      <c r="J34285" s="8">
        <v>5060880</v>
      </c>
      <c r="K34285" s="9"/>
      <c r="L34285" s="6"/>
    </row>
    <row r="34286" spans="1:12">
      <c r="A34286" s="6" t="s">
        <v>34463</v>
      </c>
      <c r="B34286" s="6"/>
      <c r="C34286" s="6" t="s">
        <v>32230</v>
      </c>
      <c r="D34286" s="6"/>
      <c r="E34286" s="6" t="s">
        <v>9</v>
      </c>
      <c r="F34286" s="7">
        <v>29305</v>
      </c>
      <c r="G34286" s="8">
        <v>6839100</v>
      </c>
      <c r="H34286" s="8">
        <v>1231038</v>
      </c>
      <c r="I34286" s="8">
        <v>5744844</v>
      </c>
      <c r="J34286" s="8">
        <v>1094256</v>
      </c>
      <c r="K34286" s="9"/>
      <c r="L34286" s="6"/>
    </row>
    <row r="34287" spans="1:12">
      <c r="A34287" s="6" t="s">
        <v>34464</v>
      </c>
      <c r="B34287" s="6"/>
      <c r="C34287" s="6" t="s">
        <v>32230</v>
      </c>
      <c r="D34287" s="6"/>
      <c r="E34287" s="6" t="s">
        <v>9</v>
      </c>
      <c r="F34287" s="7">
        <v>29305</v>
      </c>
      <c r="G34287" s="8">
        <v>139328000</v>
      </c>
      <c r="H34287" s="8">
        <v>25079040</v>
      </c>
      <c r="I34287" s="8">
        <v>117035520</v>
      </c>
      <c r="J34287" s="8">
        <v>22292480</v>
      </c>
      <c r="K34287" s="9"/>
      <c r="L34287" s="6"/>
    </row>
    <row r="34288" spans="1:12">
      <c r="A34288" s="6" t="s">
        <v>34465</v>
      </c>
      <c r="B34288" s="6"/>
      <c r="C34288" s="6" t="s">
        <v>32230</v>
      </c>
      <c r="D34288" s="6"/>
      <c r="E34288" s="6" t="s">
        <v>9</v>
      </c>
      <c r="F34288" s="7">
        <v>29305</v>
      </c>
      <c r="G34288" s="8">
        <v>12174300</v>
      </c>
      <c r="H34288" s="8">
        <v>2191374</v>
      </c>
      <c r="I34288" s="8">
        <v>10226412</v>
      </c>
      <c r="J34288" s="8">
        <v>1947888</v>
      </c>
      <c r="K34288" s="9"/>
      <c r="L34288" s="6"/>
    </row>
    <row r="34289" spans="1:12">
      <c r="A34289" s="6" t="s">
        <v>34466</v>
      </c>
      <c r="B34289" s="6"/>
      <c r="C34289" s="6" t="s">
        <v>32230</v>
      </c>
      <c r="D34289" s="6"/>
      <c r="E34289" s="6" t="s">
        <v>9</v>
      </c>
      <c r="F34289" s="7">
        <v>29305</v>
      </c>
      <c r="G34289" s="8">
        <v>2778300</v>
      </c>
      <c r="H34289" s="8">
        <v>500094</v>
      </c>
      <c r="I34289" s="8">
        <v>2333772</v>
      </c>
      <c r="J34289" s="8">
        <v>444528</v>
      </c>
      <c r="K34289" s="9"/>
      <c r="L34289" s="6"/>
    </row>
    <row r="34290" spans="1:12">
      <c r="A34290" s="6" t="s">
        <v>34467</v>
      </c>
      <c r="B34290" s="6"/>
      <c r="C34290" s="6" t="s">
        <v>32230</v>
      </c>
      <c r="D34290" s="6"/>
      <c r="E34290" s="6" t="s">
        <v>9</v>
      </c>
      <c r="F34290" s="7">
        <v>29305</v>
      </c>
      <c r="G34290" s="8">
        <v>637200</v>
      </c>
      <c r="H34290" s="8">
        <v>114696</v>
      </c>
      <c r="I34290" s="8">
        <v>535248</v>
      </c>
      <c r="J34290" s="8">
        <v>101952</v>
      </c>
      <c r="K34290" s="9"/>
      <c r="L34290" s="6"/>
    </row>
    <row r="34291" spans="1:12">
      <c r="A34291" s="6" t="s">
        <v>34468</v>
      </c>
      <c r="B34291" s="6"/>
      <c r="C34291" s="6" t="s">
        <v>32230</v>
      </c>
      <c r="D34291" s="6"/>
      <c r="E34291" s="6" t="s">
        <v>9</v>
      </c>
      <c r="F34291" s="7">
        <v>29305</v>
      </c>
      <c r="G34291" s="8">
        <v>634500</v>
      </c>
      <c r="H34291" s="8">
        <v>114210</v>
      </c>
      <c r="I34291" s="8">
        <v>532980</v>
      </c>
      <c r="J34291" s="8">
        <v>101520</v>
      </c>
      <c r="K34291" s="9"/>
      <c r="L34291" s="6"/>
    </row>
    <row r="34292" spans="1:12">
      <c r="A34292" s="6" t="s">
        <v>34469</v>
      </c>
      <c r="B34292" s="6"/>
      <c r="C34292" s="6" t="s">
        <v>32230</v>
      </c>
      <c r="D34292" s="6"/>
      <c r="E34292" s="6" t="s">
        <v>9</v>
      </c>
      <c r="F34292" s="7">
        <v>29305</v>
      </c>
      <c r="G34292" s="8">
        <v>1622700</v>
      </c>
      <c r="H34292" s="8">
        <v>292086</v>
      </c>
      <c r="I34292" s="8">
        <v>1363068</v>
      </c>
      <c r="J34292" s="8">
        <v>259632</v>
      </c>
      <c r="K34292" s="9"/>
      <c r="L34292" s="6"/>
    </row>
    <row r="34293" spans="1:12">
      <c r="A34293" s="6" t="s">
        <v>34470</v>
      </c>
      <c r="B34293" s="6"/>
      <c r="C34293" s="6" t="s">
        <v>32230</v>
      </c>
      <c r="D34293" s="6"/>
      <c r="E34293" s="6" t="s">
        <v>9</v>
      </c>
      <c r="F34293" s="7">
        <v>29305</v>
      </c>
      <c r="G34293" s="8">
        <v>2114100</v>
      </c>
      <c r="H34293" s="8">
        <v>380538</v>
      </c>
      <c r="I34293" s="8">
        <v>1775844</v>
      </c>
      <c r="J34293" s="8">
        <v>338256</v>
      </c>
      <c r="K34293" s="9"/>
      <c r="L34293" s="6"/>
    </row>
    <row r="34294" spans="1:12">
      <c r="A34294" s="6" t="s">
        <v>34471</v>
      </c>
      <c r="B34294" s="6"/>
      <c r="C34294" s="6" t="s">
        <v>32230</v>
      </c>
      <c r="D34294" s="6"/>
      <c r="E34294" s="6" t="s">
        <v>9</v>
      </c>
      <c r="F34294" s="7">
        <v>29305</v>
      </c>
      <c r="G34294" s="8">
        <v>2043900</v>
      </c>
      <c r="H34294" s="8">
        <v>367902</v>
      </c>
      <c r="I34294" s="8">
        <v>1716876</v>
      </c>
      <c r="J34294" s="8">
        <v>327024</v>
      </c>
      <c r="K34294" s="9"/>
      <c r="L34294" s="6"/>
    </row>
    <row r="34295" spans="1:12">
      <c r="A34295" s="6" t="s">
        <v>34472</v>
      </c>
      <c r="B34295" s="6"/>
      <c r="C34295" s="6" t="s">
        <v>32230</v>
      </c>
      <c r="D34295" s="6"/>
      <c r="E34295" s="6" t="s">
        <v>9</v>
      </c>
      <c r="F34295" s="7">
        <v>29305</v>
      </c>
      <c r="G34295" s="8">
        <v>2146500</v>
      </c>
      <c r="H34295" s="8">
        <v>386370</v>
      </c>
      <c r="I34295" s="8">
        <v>1803060</v>
      </c>
      <c r="J34295" s="8">
        <v>343440</v>
      </c>
      <c r="K34295" s="9"/>
      <c r="L34295" s="6"/>
    </row>
    <row r="34296" spans="1:12">
      <c r="A34296" s="6" t="s">
        <v>34473</v>
      </c>
      <c r="B34296" s="6"/>
      <c r="C34296" s="6" t="s">
        <v>32230</v>
      </c>
      <c r="D34296" s="6"/>
      <c r="E34296" s="6" t="s">
        <v>9</v>
      </c>
      <c r="F34296" s="7">
        <v>29305</v>
      </c>
      <c r="G34296" s="8">
        <v>1615000</v>
      </c>
      <c r="H34296" s="8">
        <v>290700</v>
      </c>
      <c r="I34296" s="8">
        <v>1356600</v>
      </c>
      <c r="J34296" s="8">
        <v>258400</v>
      </c>
      <c r="K34296" s="9"/>
      <c r="L34296" s="6"/>
    </row>
    <row r="34297" spans="1:12">
      <c r="A34297" s="6" t="s">
        <v>34474</v>
      </c>
      <c r="B34297" s="6"/>
      <c r="C34297" s="6" t="s">
        <v>32230</v>
      </c>
      <c r="D34297" s="6"/>
      <c r="E34297" s="6" t="s">
        <v>9</v>
      </c>
      <c r="F34297" s="7">
        <v>36980</v>
      </c>
      <c r="G34297" s="8">
        <v>70912000</v>
      </c>
      <c r="H34297" s="8">
        <v>42547200</v>
      </c>
      <c r="I34297" s="8">
        <v>29783040</v>
      </c>
      <c r="J34297" s="8">
        <v>41128960</v>
      </c>
      <c r="K34297" s="9"/>
      <c r="L34297" s="6"/>
    </row>
    <row r="34298" spans="1:12">
      <c r="A34298" s="6" t="s">
        <v>34475</v>
      </c>
      <c r="B34298" s="6"/>
      <c r="C34298" s="6" t="s">
        <v>32230</v>
      </c>
      <c r="D34298" s="6"/>
      <c r="E34298" s="6" t="s">
        <v>9</v>
      </c>
      <c r="F34298" s="7">
        <v>36980</v>
      </c>
      <c r="G34298" s="8">
        <v>25798500</v>
      </c>
      <c r="H34298" s="8">
        <v>15479100</v>
      </c>
      <c r="I34298" s="8">
        <v>10835370</v>
      </c>
      <c r="J34298" s="8">
        <v>14963130</v>
      </c>
      <c r="K34298" s="9"/>
      <c r="L34298" s="6"/>
    </row>
    <row r="34299" spans="1:12">
      <c r="A34299" s="6" t="s">
        <v>34476</v>
      </c>
      <c r="B34299" s="6"/>
      <c r="C34299" s="6" t="s">
        <v>32230</v>
      </c>
      <c r="D34299" s="6"/>
      <c r="E34299" s="6" t="s">
        <v>9</v>
      </c>
      <c r="F34299" s="7">
        <v>36980</v>
      </c>
      <c r="G34299" s="8">
        <v>3952800</v>
      </c>
      <c r="H34299" s="8">
        <v>2371680</v>
      </c>
      <c r="I34299" s="8">
        <v>1660176</v>
      </c>
      <c r="J34299" s="8">
        <v>2292624</v>
      </c>
      <c r="K34299" s="9"/>
      <c r="L34299" s="6"/>
    </row>
    <row r="34300" spans="1:12">
      <c r="A34300" s="6" t="s">
        <v>34477</v>
      </c>
      <c r="B34300" s="6"/>
      <c r="C34300" s="6" t="s">
        <v>32230</v>
      </c>
      <c r="D34300" s="6"/>
      <c r="E34300" s="6" t="s">
        <v>9</v>
      </c>
      <c r="F34300" s="7">
        <v>36980</v>
      </c>
      <c r="G34300" s="8">
        <v>7719300</v>
      </c>
      <c r="H34300" s="8">
        <v>4631580</v>
      </c>
      <c r="I34300" s="8">
        <v>3242106</v>
      </c>
      <c r="J34300" s="8">
        <v>4477194</v>
      </c>
      <c r="K34300" s="9"/>
      <c r="L34300" s="6"/>
    </row>
    <row r="34301" spans="1:12">
      <c r="A34301" s="6" t="s">
        <v>34478</v>
      </c>
      <c r="B34301" s="6"/>
      <c r="C34301" s="6" t="s">
        <v>32230</v>
      </c>
      <c r="D34301" s="6"/>
      <c r="E34301" s="6" t="s">
        <v>9</v>
      </c>
      <c r="F34301" s="7">
        <v>36980</v>
      </c>
      <c r="G34301" s="8">
        <v>21149100</v>
      </c>
      <c r="H34301" s="8">
        <v>12689460</v>
      </c>
      <c r="I34301" s="8">
        <v>8882622</v>
      </c>
      <c r="J34301" s="8">
        <v>12266478</v>
      </c>
      <c r="K34301" s="9"/>
      <c r="L34301" s="6"/>
    </row>
    <row r="34302" spans="1:12">
      <c r="A34302" s="6" t="s">
        <v>34479</v>
      </c>
      <c r="B34302" s="6"/>
      <c r="C34302" s="6" t="s">
        <v>32230</v>
      </c>
      <c r="D34302" s="6"/>
      <c r="E34302" s="6" t="s">
        <v>9</v>
      </c>
      <c r="F34302" s="7">
        <v>36980</v>
      </c>
      <c r="G34302" s="8">
        <v>5791500</v>
      </c>
      <c r="H34302" s="8">
        <v>3474900</v>
      </c>
      <c r="I34302" s="8">
        <v>2432430</v>
      </c>
      <c r="J34302" s="8">
        <v>3359070</v>
      </c>
      <c r="K34302" s="9"/>
      <c r="L34302" s="6"/>
    </row>
    <row r="34303" spans="1:12">
      <c r="A34303" s="6" t="s">
        <v>34480</v>
      </c>
      <c r="B34303" s="6"/>
      <c r="C34303" s="6" t="s">
        <v>32230</v>
      </c>
      <c r="D34303" s="6"/>
      <c r="E34303" s="6" t="s">
        <v>9</v>
      </c>
      <c r="F34303" s="7">
        <v>36980</v>
      </c>
      <c r="G34303" s="8">
        <v>6374700</v>
      </c>
      <c r="H34303" s="8">
        <v>3824820</v>
      </c>
      <c r="I34303" s="8">
        <v>2677374</v>
      </c>
      <c r="J34303" s="8">
        <v>3697326</v>
      </c>
      <c r="K34303" s="9"/>
      <c r="L34303" s="6"/>
    </row>
    <row r="34304" spans="1:12">
      <c r="A34304" s="6" t="s">
        <v>34481</v>
      </c>
      <c r="B34304" s="6"/>
      <c r="C34304" s="6" t="s">
        <v>32230</v>
      </c>
      <c r="D34304" s="6"/>
      <c r="E34304" s="6"/>
      <c r="F34304" s="7">
        <v>43556</v>
      </c>
      <c r="G34304" s="8">
        <v>1023000</v>
      </c>
      <c r="H34304" s="8">
        <v>1002540</v>
      </c>
      <c r="I34304" s="8">
        <v>40920</v>
      </c>
      <c r="J34304" s="8">
        <v>982080</v>
      </c>
      <c r="K34304" s="9"/>
      <c r="L34304" s="6"/>
    </row>
    <row r="34305" spans="1:12">
      <c r="A34305" s="6" t="s">
        <v>34481</v>
      </c>
      <c r="B34305" s="6"/>
      <c r="C34305" s="6" t="s">
        <v>32230</v>
      </c>
      <c r="D34305" s="6"/>
      <c r="E34305" s="6" t="s">
        <v>9</v>
      </c>
      <c r="F34305" s="7">
        <v>37699</v>
      </c>
      <c r="G34305" s="8">
        <v>56960000</v>
      </c>
      <c r="H34305" s="8">
        <v>36454400</v>
      </c>
      <c r="I34305" s="8">
        <v>21644800</v>
      </c>
      <c r="J34305" s="8">
        <v>35315200</v>
      </c>
      <c r="K34305" s="9"/>
      <c r="L34305" s="6"/>
    </row>
    <row r="34306" spans="1:12">
      <c r="A34306" s="6" t="s">
        <v>34482</v>
      </c>
      <c r="B34306" s="6"/>
      <c r="C34306" s="6" t="s">
        <v>32230</v>
      </c>
      <c r="D34306" s="6"/>
      <c r="E34306" s="6" t="s">
        <v>9</v>
      </c>
      <c r="F34306" s="7">
        <v>29305</v>
      </c>
      <c r="G34306" s="8">
        <v>11072700</v>
      </c>
      <c r="H34306" s="8">
        <v>1993086</v>
      </c>
      <c r="I34306" s="8">
        <v>9301068</v>
      </c>
      <c r="J34306" s="8">
        <v>1771632</v>
      </c>
      <c r="K34306" s="9"/>
      <c r="L34306" s="6"/>
    </row>
    <row r="34307" spans="1:12">
      <c r="A34307" s="6" t="s">
        <v>34483</v>
      </c>
      <c r="B34307" s="6"/>
      <c r="C34307" s="6" t="s">
        <v>32230</v>
      </c>
      <c r="D34307" s="6"/>
      <c r="E34307" s="6" t="s">
        <v>9</v>
      </c>
      <c r="F34307" s="7">
        <v>29305</v>
      </c>
      <c r="G34307" s="8">
        <v>5567400</v>
      </c>
      <c r="H34307" s="8">
        <v>1002132</v>
      </c>
      <c r="I34307" s="8">
        <v>4676616</v>
      </c>
      <c r="J34307" s="8">
        <v>890784</v>
      </c>
      <c r="K34307" s="9"/>
      <c r="L34307" s="6"/>
    </row>
    <row r="34308" spans="1:12">
      <c r="A34308" s="6" t="s">
        <v>34484</v>
      </c>
      <c r="B34308" s="6"/>
      <c r="C34308" s="6" t="s">
        <v>32230</v>
      </c>
      <c r="D34308" s="6"/>
      <c r="E34308" s="6" t="s">
        <v>9</v>
      </c>
      <c r="F34308" s="7">
        <v>33684</v>
      </c>
      <c r="G34308" s="8">
        <v>10797300</v>
      </c>
      <c r="H34308" s="8">
        <v>4534866</v>
      </c>
      <c r="I34308" s="8">
        <v>6478380</v>
      </c>
      <c r="J34308" s="8">
        <v>4318920</v>
      </c>
      <c r="K34308" s="9"/>
      <c r="L34308" s="6"/>
    </row>
    <row r="34309" spans="1:12">
      <c r="A34309" s="6" t="s">
        <v>34485</v>
      </c>
      <c r="B34309" s="6"/>
      <c r="C34309" s="6" t="s">
        <v>32230</v>
      </c>
      <c r="D34309" s="6"/>
      <c r="E34309" s="6" t="s">
        <v>9</v>
      </c>
      <c r="F34309" s="7">
        <v>33684</v>
      </c>
      <c r="G34309" s="8">
        <v>18041400</v>
      </c>
      <c r="H34309" s="8">
        <v>7577388</v>
      </c>
      <c r="I34309" s="8">
        <v>10824840</v>
      </c>
      <c r="J34309" s="8">
        <v>7216560</v>
      </c>
      <c r="K34309" s="9"/>
      <c r="L34309" s="6"/>
    </row>
    <row r="34310" spans="1:12">
      <c r="A34310" s="6" t="s">
        <v>33185</v>
      </c>
      <c r="B34310" s="6"/>
      <c r="C34310" s="6" t="s">
        <v>32230</v>
      </c>
      <c r="D34310" s="6"/>
      <c r="E34310" s="6" t="s">
        <v>9</v>
      </c>
      <c r="F34310" s="7">
        <v>26390</v>
      </c>
      <c r="G34310" s="8">
        <v>12012000</v>
      </c>
      <c r="H34310" s="8">
        <v>2210208</v>
      </c>
      <c r="I34310" s="8">
        <v>10005996</v>
      </c>
      <c r="J34310" s="8">
        <v>2006004</v>
      </c>
      <c r="K34310" s="9"/>
      <c r="L34310" s="6"/>
    </row>
    <row r="34311" spans="1:12">
      <c r="A34311" s="6" t="s">
        <v>34486</v>
      </c>
      <c r="B34311" s="6"/>
      <c r="C34311" s="6" t="s">
        <v>32230</v>
      </c>
      <c r="D34311" s="6"/>
      <c r="E34311" s="6" t="s">
        <v>9</v>
      </c>
      <c r="F34311" s="7">
        <v>33684</v>
      </c>
      <c r="G34311" s="8">
        <v>14515200</v>
      </c>
      <c r="H34311" s="8">
        <v>6096384</v>
      </c>
      <c r="I34311" s="8">
        <v>8709120</v>
      </c>
      <c r="J34311" s="8">
        <v>5806080</v>
      </c>
      <c r="K34311" s="9"/>
      <c r="L34311" s="6"/>
    </row>
    <row r="34312" spans="1:12">
      <c r="A34312" s="6" t="s">
        <v>34487</v>
      </c>
      <c r="B34312" s="6"/>
      <c r="C34312" s="6" t="s">
        <v>32230</v>
      </c>
      <c r="D34312" s="6"/>
      <c r="E34312" s="6" t="s">
        <v>9</v>
      </c>
      <c r="F34312" s="7">
        <v>29305</v>
      </c>
      <c r="G34312" s="8">
        <v>15498000</v>
      </c>
      <c r="H34312" s="8">
        <v>2789640</v>
      </c>
      <c r="I34312" s="8">
        <v>13018320</v>
      </c>
      <c r="J34312" s="8">
        <v>2479680</v>
      </c>
      <c r="K34312" s="9"/>
      <c r="L34312" s="6"/>
    </row>
    <row r="34313" spans="1:12">
      <c r="A34313" s="6" t="s">
        <v>34488</v>
      </c>
      <c r="B34313" s="6"/>
      <c r="C34313" s="6" t="s">
        <v>32230</v>
      </c>
      <c r="D34313" s="6"/>
      <c r="E34313" s="6" t="s">
        <v>9</v>
      </c>
      <c r="F34313" s="7">
        <v>42216</v>
      </c>
      <c r="G34313" s="8">
        <v>648000</v>
      </c>
      <c r="H34313" s="8">
        <v>583200</v>
      </c>
      <c r="I34313" s="8">
        <v>77760</v>
      </c>
      <c r="J34313" s="8">
        <v>570240</v>
      </c>
      <c r="K34313" s="9"/>
      <c r="L34313" s="6"/>
    </row>
    <row r="34314" spans="1:12">
      <c r="A34314" s="6" t="s">
        <v>34489</v>
      </c>
      <c r="B34314" s="6"/>
      <c r="C34314" s="6" t="s">
        <v>32230</v>
      </c>
      <c r="D34314" s="6"/>
      <c r="E34314" s="6" t="s">
        <v>9</v>
      </c>
      <c r="F34314" s="7">
        <v>31500</v>
      </c>
      <c r="G34314" s="8">
        <v>3267000</v>
      </c>
      <c r="H34314" s="8">
        <v>980100</v>
      </c>
      <c r="I34314" s="8">
        <v>2352240</v>
      </c>
      <c r="J34314" s="8">
        <v>914760</v>
      </c>
      <c r="K34314" s="9"/>
      <c r="L34314" s="6"/>
    </row>
    <row r="34315" spans="1:12">
      <c r="A34315" s="6" t="s">
        <v>34490</v>
      </c>
      <c r="B34315" s="6"/>
      <c r="C34315" s="6" t="s">
        <v>32230</v>
      </c>
      <c r="D34315" s="6"/>
      <c r="E34315" s="6" t="s">
        <v>9</v>
      </c>
      <c r="F34315" s="7">
        <v>29305</v>
      </c>
      <c r="G34315" s="8">
        <v>1797400</v>
      </c>
      <c r="H34315" s="8">
        <v>323532</v>
      </c>
      <c r="I34315" s="8">
        <v>1509816</v>
      </c>
      <c r="J34315" s="8">
        <v>287584</v>
      </c>
      <c r="K34315" s="9"/>
      <c r="L34315" s="6"/>
    </row>
    <row r="34316" spans="1:12">
      <c r="A34316" s="6" t="s">
        <v>34491</v>
      </c>
      <c r="B34316" s="6"/>
      <c r="C34316" s="6" t="s">
        <v>32230</v>
      </c>
      <c r="D34316" s="6"/>
      <c r="E34316" s="6" t="s">
        <v>9</v>
      </c>
      <c r="F34316" s="7">
        <v>32889</v>
      </c>
      <c r="G34316" s="8">
        <v>8899200</v>
      </c>
      <c r="H34316" s="8">
        <v>3381696</v>
      </c>
      <c r="I34316" s="8">
        <v>5695488</v>
      </c>
      <c r="J34316" s="8">
        <v>3203712</v>
      </c>
      <c r="K34316" s="9"/>
      <c r="L34316" s="6"/>
    </row>
    <row r="34317" spans="1:12">
      <c r="A34317" s="6" t="s">
        <v>33185</v>
      </c>
      <c r="B34317" s="6"/>
      <c r="C34317" s="6" t="s">
        <v>32230</v>
      </c>
      <c r="D34317" s="6"/>
      <c r="E34317" s="6" t="s">
        <v>9</v>
      </c>
      <c r="F34317" s="7"/>
      <c r="G34317" s="8">
        <v>1</v>
      </c>
      <c r="H34317" s="8">
        <v>1</v>
      </c>
      <c r="I34317" s="8">
        <v>0</v>
      </c>
      <c r="J34317" s="8">
        <v>1</v>
      </c>
      <c r="K34317" s="9"/>
      <c r="L34317" s="6"/>
    </row>
    <row r="34318" spans="1:12">
      <c r="A34318" s="6" t="s">
        <v>34492</v>
      </c>
      <c r="B34318" s="6"/>
      <c r="C34318" s="6" t="s">
        <v>32230</v>
      </c>
      <c r="D34318" s="6"/>
      <c r="E34318" s="6" t="s">
        <v>9</v>
      </c>
      <c r="F34318" s="7">
        <v>29305</v>
      </c>
      <c r="G34318" s="8">
        <v>1643500</v>
      </c>
      <c r="H34318" s="8">
        <v>295830</v>
      </c>
      <c r="I34318" s="8">
        <v>1380540</v>
      </c>
      <c r="J34318" s="8">
        <v>262960</v>
      </c>
      <c r="K34318" s="9"/>
      <c r="L34318" s="6"/>
    </row>
    <row r="34319" spans="1:12">
      <c r="A34319" s="6" t="s">
        <v>34493</v>
      </c>
      <c r="B34319" s="6"/>
      <c r="C34319" s="6" t="s">
        <v>32230</v>
      </c>
      <c r="D34319" s="6"/>
      <c r="E34319" s="6" t="s">
        <v>9</v>
      </c>
      <c r="F34319" s="7">
        <v>33684</v>
      </c>
      <c r="G34319" s="8">
        <v>16281000</v>
      </c>
      <c r="H34319" s="8">
        <v>6838020</v>
      </c>
      <c r="I34319" s="8">
        <v>9768600</v>
      </c>
      <c r="J34319" s="8">
        <v>6512400</v>
      </c>
      <c r="K34319" s="9"/>
      <c r="L34319" s="6"/>
    </row>
    <row r="34320" spans="1:12">
      <c r="A34320" s="6" t="s">
        <v>34494</v>
      </c>
      <c r="B34320" s="6"/>
      <c r="C34320" s="6" t="s">
        <v>32230</v>
      </c>
      <c r="D34320" s="6"/>
      <c r="E34320" s="6" t="s">
        <v>9</v>
      </c>
      <c r="F34320" s="7">
        <v>33684</v>
      </c>
      <c r="G34320" s="8">
        <v>5556600</v>
      </c>
      <c r="H34320" s="8">
        <v>2333772</v>
      </c>
      <c r="I34320" s="8">
        <v>3333960</v>
      </c>
      <c r="J34320" s="8">
        <v>2222640</v>
      </c>
      <c r="K34320" s="9"/>
      <c r="L34320" s="6"/>
    </row>
    <row r="34321" spans="1:12">
      <c r="A34321" s="6" t="s">
        <v>34495</v>
      </c>
      <c r="B34321" s="6"/>
      <c r="C34321" s="6" t="s">
        <v>32230</v>
      </c>
      <c r="D34321" s="6"/>
      <c r="E34321" s="6" t="s">
        <v>9</v>
      </c>
      <c r="F34321" s="7">
        <v>33684</v>
      </c>
      <c r="G34321" s="8">
        <v>11677500</v>
      </c>
      <c r="H34321" s="8">
        <v>4904550</v>
      </c>
      <c r="I34321" s="8">
        <v>7006500</v>
      </c>
      <c r="J34321" s="8">
        <v>4671000</v>
      </c>
      <c r="K34321" s="9"/>
      <c r="L34321" s="6"/>
    </row>
    <row r="34322" spans="1:12">
      <c r="A34322" s="6" t="s">
        <v>34496</v>
      </c>
      <c r="B34322" s="6"/>
      <c r="C34322" s="6" t="s">
        <v>32230</v>
      </c>
      <c r="D34322" s="6"/>
      <c r="E34322" s="6" t="s">
        <v>9</v>
      </c>
      <c r="F34322" s="7">
        <v>29305</v>
      </c>
      <c r="G34322" s="8">
        <v>4249800</v>
      </c>
      <c r="H34322" s="8">
        <v>764964</v>
      </c>
      <c r="I34322" s="8">
        <v>3569832</v>
      </c>
      <c r="J34322" s="8">
        <v>679968</v>
      </c>
      <c r="K34322" s="9"/>
      <c r="L34322" s="6"/>
    </row>
    <row r="34323" spans="1:12">
      <c r="A34323" s="6" t="s">
        <v>34497</v>
      </c>
      <c r="B34323" s="6"/>
      <c r="C34323" s="6" t="s">
        <v>32230</v>
      </c>
      <c r="D34323" s="6"/>
      <c r="E34323" s="6" t="s">
        <v>9</v>
      </c>
      <c r="F34323" s="7">
        <v>29305</v>
      </c>
      <c r="G34323" s="8">
        <v>1453500</v>
      </c>
      <c r="H34323" s="8">
        <v>261630</v>
      </c>
      <c r="I34323" s="8">
        <v>1220940</v>
      </c>
      <c r="J34323" s="8">
        <v>232560</v>
      </c>
      <c r="K34323" s="9"/>
      <c r="L34323" s="6"/>
    </row>
    <row r="34324" spans="1:12">
      <c r="A34324" s="6" t="s">
        <v>34498</v>
      </c>
      <c r="B34324" s="6"/>
      <c r="C34324" s="6" t="s">
        <v>32230</v>
      </c>
      <c r="D34324" s="6"/>
      <c r="E34324" s="6" t="s">
        <v>9</v>
      </c>
      <c r="F34324" s="7">
        <v>29305</v>
      </c>
      <c r="G34324" s="8">
        <v>1436400</v>
      </c>
      <c r="H34324" s="8">
        <v>258552</v>
      </c>
      <c r="I34324" s="8">
        <v>1206576</v>
      </c>
      <c r="J34324" s="8">
        <v>229824</v>
      </c>
      <c r="K34324" s="9"/>
      <c r="L34324" s="6"/>
    </row>
    <row r="34325" spans="1:12">
      <c r="A34325" s="6" t="s">
        <v>34499</v>
      </c>
      <c r="B34325" s="6"/>
      <c r="C34325" s="6" t="s">
        <v>32230</v>
      </c>
      <c r="D34325" s="6"/>
      <c r="E34325" s="6" t="s">
        <v>9</v>
      </c>
      <c r="F34325" s="7">
        <v>33684</v>
      </c>
      <c r="G34325" s="8">
        <v>2897100</v>
      </c>
      <c r="H34325" s="8">
        <v>1216782</v>
      </c>
      <c r="I34325" s="8">
        <v>1738260</v>
      </c>
      <c r="J34325" s="8">
        <v>1158840</v>
      </c>
      <c r="K34325" s="9"/>
      <c r="L34325" s="6"/>
    </row>
    <row r="34326" spans="1:12">
      <c r="A34326" s="6" t="s">
        <v>34500</v>
      </c>
      <c r="B34326" s="6"/>
      <c r="C34326" s="6" t="s">
        <v>32230</v>
      </c>
      <c r="D34326" s="6"/>
      <c r="E34326" s="6" t="s">
        <v>9</v>
      </c>
      <c r="F34326" s="7">
        <v>33684</v>
      </c>
      <c r="G34326" s="8">
        <v>3056400</v>
      </c>
      <c r="H34326" s="8">
        <v>1283688</v>
      </c>
      <c r="I34326" s="8">
        <v>1833840</v>
      </c>
      <c r="J34326" s="8">
        <v>1222560</v>
      </c>
      <c r="K34326" s="9"/>
      <c r="L34326" s="6"/>
    </row>
    <row r="34327" spans="1:12">
      <c r="A34327" s="6" t="s">
        <v>34501</v>
      </c>
      <c r="B34327" s="6"/>
      <c r="C34327" s="6" t="s">
        <v>32230</v>
      </c>
      <c r="D34327" s="6"/>
      <c r="E34327" s="6" t="s">
        <v>9</v>
      </c>
      <c r="F34327" s="7">
        <v>29305</v>
      </c>
      <c r="G34327" s="8">
        <v>1776600</v>
      </c>
      <c r="H34327" s="8">
        <v>319788</v>
      </c>
      <c r="I34327" s="8">
        <v>1492344</v>
      </c>
      <c r="J34327" s="8">
        <v>284256</v>
      </c>
      <c r="K34327" s="9"/>
      <c r="L34327" s="6"/>
    </row>
    <row r="34328" spans="1:12">
      <c r="A34328" s="6" t="s">
        <v>34502</v>
      </c>
      <c r="B34328" s="6"/>
      <c r="C34328" s="6" t="s">
        <v>32230</v>
      </c>
      <c r="D34328" s="6"/>
      <c r="E34328" s="6" t="s">
        <v>9</v>
      </c>
      <c r="F34328" s="7">
        <v>33684</v>
      </c>
      <c r="G34328" s="8">
        <v>3361500</v>
      </c>
      <c r="H34328" s="8">
        <v>1411830</v>
      </c>
      <c r="I34328" s="8">
        <v>2016900</v>
      </c>
      <c r="J34328" s="8">
        <v>1344600</v>
      </c>
      <c r="K34328" s="9"/>
      <c r="L34328" s="6"/>
    </row>
    <row r="34329" spans="1:12">
      <c r="A34329" s="6" t="s">
        <v>34503</v>
      </c>
      <c r="B34329" s="6"/>
      <c r="C34329" s="6" t="s">
        <v>32230</v>
      </c>
      <c r="D34329" s="6"/>
      <c r="E34329" s="6" t="s">
        <v>9</v>
      </c>
      <c r="F34329" s="7">
        <v>29305</v>
      </c>
      <c r="G34329" s="8">
        <v>3321000</v>
      </c>
      <c r="H34329" s="8">
        <v>597780</v>
      </c>
      <c r="I34329" s="8">
        <v>2789640</v>
      </c>
      <c r="J34329" s="8">
        <v>531360</v>
      </c>
      <c r="K34329" s="9"/>
      <c r="L34329" s="6"/>
    </row>
    <row r="34330" spans="1:12">
      <c r="A34330" s="6" t="s">
        <v>34504</v>
      </c>
      <c r="B34330" s="6"/>
      <c r="C34330" s="6" t="s">
        <v>32230</v>
      </c>
      <c r="D34330" s="6"/>
      <c r="E34330" s="6" t="s">
        <v>9</v>
      </c>
      <c r="F34330" s="7">
        <v>29305</v>
      </c>
      <c r="G34330" s="8">
        <v>1278700</v>
      </c>
      <c r="H34330" s="8">
        <v>230166</v>
      </c>
      <c r="I34330" s="8">
        <v>1074108</v>
      </c>
      <c r="J34330" s="8">
        <v>204592</v>
      </c>
      <c r="K34330" s="9"/>
      <c r="L34330" s="6"/>
    </row>
    <row r="34331" spans="1:12">
      <c r="A34331" s="6" t="s">
        <v>34505</v>
      </c>
      <c r="B34331" s="6"/>
      <c r="C34331" s="6" t="s">
        <v>32230</v>
      </c>
      <c r="D34331" s="6"/>
      <c r="E34331" s="6" t="s">
        <v>9</v>
      </c>
      <c r="F34331" s="7">
        <v>29305</v>
      </c>
      <c r="G34331" s="8">
        <v>4649400</v>
      </c>
      <c r="H34331" s="8">
        <v>836892</v>
      </c>
      <c r="I34331" s="8">
        <v>3905496</v>
      </c>
      <c r="J34331" s="8">
        <v>743904</v>
      </c>
      <c r="K34331" s="9"/>
      <c r="L34331" s="6"/>
    </row>
    <row r="34332" spans="1:12">
      <c r="A34332" s="6" t="s">
        <v>34506</v>
      </c>
      <c r="B34332" s="6"/>
      <c r="C34332" s="6" t="s">
        <v>32230</v>
      </c>
      <c r="D34332" s="6"/>
      <c r="E34332" s="6" t="s">
        <v>9</v>
      </c>
      <c r="F34332" s="7">
        <v>31866</v>
      </c>
      <c r="G34332" s="8">
        <v>3328800</v>
      </c>
      <c r="H34332" s="8">
        <v>1065216</v>
      </c>
      <c r="I34332" s="8">
        <v>2330160</v>
      </c>
      <c r="J34332" s="8">
        <v>998640</v>
      </c>
      <c r="K34332" s="9"/>
      <c r="L34332" s="6"/>
    </row>
    <row r="34333" spans="1:12">
      <c r="A34333" s="6" t="s">
        <v>34507</v>
      </c>
      <c r="B34333" s="6"/>
      <c r="C34333" s="6" t="s">
        <v>32230</v>
      </c>
      <c r="D34333" s="6"/>
      <c r="E34333" s="6" t="s">
        <v>9</v>
      </c>
      <c r="F34333" s="7">
        <v>29305</v>
      </c>
      <c r="G34333" s="8">
        <v>1520000</v>
      </c>
      <c r="H34333" s="8">
        <v>273600</v>
      </c>
      <c r="I34333" s="8">
        <v>1276800</v>
      </c>
      <c r="J34333" s="8">
        <v>243200</v>
      </c>
      <c r="K34333" s="9"/>
      <c r="L34333" s="6"/>
    </row>
    <row r="34334" spans="1:12">
      <c r="A34334" s="6" t="s">
        <v>34508</v>
      </c>
      <c r="B34334" s="6"/>
      <c r="C34334" s="6" t="s">
        <v>32230</v>
      </c>
      <c r="D34334" s="6"/>
      <c r="E34334" s="6" t="s">
        <v>9</v>
      </c>
      <c r="F34334" s="7">
        <v>30042</v>
      </c>
      <c r="G34334" s="8">
        <v>11075400</v>
      </c>
      <c r="H34334" s="8">
        <v>2658096</v>
      </c>
      <c r="I34334" s="8">
        <v>8638812</v>
      </c>
      <c r="J34334" s="8">
        <v>2436588</v>
      </c>
      <c r="K34334" s="9"/>
      <c r="L34334" s="6"/>
    </row>
    <row r="34335" spans="1:12">
      <c r="A34335" s="6" t="s">
        <v>34509</v>
      </c>
      <c r="B34335" s="6"/>
      <c r="C34335" s="6" t="s">
        <v>32230</v>
      </c>
      <c r="D34335" s="6"/>
      <c r="E34335" s="6" t="s">
        <v>9</v>
      </c>
      <c r="F34335" s="7">
        <v>33684</v>
      </c>
      <c r="G34335" s="8">
        <v>2602800</v>
      </c>
      <c r="H34335" s="8">
        <v>1093176</v>
      </c>
      <c r="I34335" s="8">
        <v>1561680</v>
      </c>
      <c r="J34335" s="8">
        <v>1041120</v>
      </c>
      <c r="K34335" s="9"/>
      <c r="L34335" s="6"/>
    </row>
    <row r="34336" spans="1:12">
      <c r="A34336" s="6" t="s">
        <v>34510</v>
      </c>
      <c r="B34336" s="6"/>
      <c r="C34336" s="6" t="s">
        <v>32230</v>
      </c>
      <c r="D34336" s="6"/>
      <c r="E34336" s="6" t="s">
        <v>9</v>
      </c>
      <c r="F34336" s="7">
        <v>32233</v>
      </c>
      <c r="G34336" s="8">
        <v>1144800</v>
      </c>
      <c r="H34336" s="8">
        <v>389232</v>
      </c>
      <c r="I34336" s="8">
        <v>778464</v>
      </c>
      <c r="J34336" s="8">
        <v>366336</v>
      </c>
      <c r="K34336" s="9"/>
      <c r="L34336" s="6"/>
    </row>
    <row r="34337" spans="1:12">
      <c r="A34337" s="6" t="s">
        <v>34511</v>
      </c>
      <c r="B34337" s="6"/>
      <c r="C34337" s="6" t="s">
        <v>32230</v>
      </c>
      <c r="D34337" s="6"/>
      <c r="E34337" s="6" t="s">
        <v>9</v>
      </c>
      <c r="F34337" s="7">
        <v>33684</v>
      </c>
      <c r="G34337" s="8">
        <v>22701600</v>
      </c>
      <c r="H34337" s="8">
        <v>9534672</v>
      </c>
      <c r="I34337" s="8">
        <v>13620960</v>
      </c>
      <c r="J34337" s="8">
        <v>9080640</v>
      </c>
      <c r="K34337" s="9"/>
      <c r="L34337" s="6"/>
    </row>
    <row r="34338" spans="1:12">
      <c r="A34338" s="6" t="s">
        <v>34512</v>
      </c>
      <c r="B34338" s="6"/>
      <c r="C34338" s="6" t="s">
        <v>32230</v>
      </c>
      <c r="D34338" s="6"/>
      <c r="E34338" s="6" t="s">
        <v>9</v>
      </c>
      <c r="F34338" s="7">
        <v>33684</v>
      </c>
      <c r="G34338" s="8">
        <v>9207000</v>
      </c>
      <c r="H34338" s="8">
        <v>3866940</v>
      </c>
      <c r="I34338" s="8">
        <v>5524200</v>
      </c>
      <c r="J34338" s="8">
        <v>3682800</v>
      </c>
      <c r="K34338" s="9"/>
      <c r="L34338" s="6"/>
    </row>
    <row r="34339" spans="1:12">
      <c r="A34339" s="6" t="s">
        <v>34513</v>
      </c>
      <c r="B34339" s="6"/>
      <c r="C34339" s="6" t="s">
        <v>32230</v>
      </c>
      <c r="D34339" s="6"/>
      <c r="E34339" s="6" t="s">
        <v>9</v>
      </c>
      <c r="F34339" s="7">
        <v>33684</v>
      </c>
      <c r="G34339" s="8">
        <v>7138800</v>
      </c>
      <c r="H34339" s="8">
        <v>2998296</v>
      </c>
      <c r="I34339" s="8">
        <v>4283280</v>
      </c>
      <c r="J34339" s="8">
        <v>2855520</v>
      </c>
      <c r="K34339" s="9"/>
      <c r="L34339" s="6"/>
    </row>
    <row r="34340" spans="1:12">
      <c r="A34340" s="6" t="s">
        <v>33185</v>
      </c>
      <c r="B34340" s="6"/>
      <c r="C34340" s="6" t="s">
        <v>32230</v>
      </c>
      <c r="D34340" s="6"/>
      <c r="E34340" s="6" t="s">
        <v>9</v>
      </c>
      <c r="F34340" s="7">
        <v>26390</v>
      </c>
      <c r="G34340" s="8">
        <v>8190000</v>
      </c>
      <c r="H34340" s="8">
        <v>1506960</v>
      </c>
      <c r="I34340" s="8">
        <v>6822270</v>
      </c>
      <c r="J34340" s="8">
        <v>1367730</v>
      </c>
      <c r="K34340" s="9"/>
      <c r="L34340" s="6"/>
    </row>
    <row r="34341" spans="1:12">
      <c r="A34341" s="6" t="s">
        <v>34514</v>
      </c>
      <c r="B34341" s="6"/>
      <c r="C34341" s="6" t="s">
        <v>32230</v>
      </c>
      <c r="D34341" s="6"/>
      <c r="E34341" s="6" t="s">
        <v>9</v>
      </c>
      <c r="F34341" s="7">
        <v>42272</v>
      </c>
      <c r="G34341" s="8">
        <v>1285200</v>
      </c>
      <c r="H34341" s="8">
        <v>1156680</v>
      </c>
      <c r="I34341" s="8">
        <v>154224</v>
      </c>
      <c r="J34341" s="8">
        <v>1130976</v>
      </c>
      <c r="K34341" s="9"/>
      <c r="L34341" s="6"/>
    </row>
    <row r="34342" spans="1:12">
      <c r="A34342" s="6" t="s">
        <v>34515</v>
      </c>
      <c r="B34342" s="6"/>
      <c r="C34342" s="6" t="s">
        <v>32230</v>
      </c>
      <c r="D34342" s="6"/>
      <c r="E34342" s="6" t="s">
        <v>9</v>
      </c>
      <c r="F34342" s="7">
        <v>33684</v>
      </c>
      <c r="G34342" s="8">
        <v>30520800</v>
      </c>
      <c r="H34342" s="8">
        <v>12818736</v>
      </c>
      <c r="I34342" s="8">
        <v>18312480</v>
      </c>
      <c r="J34342" s="8">
        <v>12208320</v>
      </c>
      <c r="K34342" s="9"/>
      <c r="L34342" s="6"/>
    </row>
    <row r="34343" spans="1:12">
      <c r="A34343" s="6" t="s">
        <v>34516</v>
      </c>
      <c r="B34343" s="6"/>
      <c r="C34343" s="6" t="s">
        <v>32230</v>
      </c>
      <c r="D34343" s="6"/>
      <c r="E34343" s="6" t="s">
        <v>9</v>
      </c>
      <c r="F34343" s="7">
        <v>32889</v>
      </c>
      <c r="G34343" s="8">
        <v>26598400</v>
      </c>
      <c r="H34343" s="8">
        <v>10107392</v>
      </c>
      <c r="I34343" s="8">
        <v>17022976</v>
      </c>
      <c r="J34343" s="8">
        <v>9575424</v>
      </c>
      <c r="K34343" s="9"/>
      <c r="L34343" s="6"/>
    </row>
    <row r="34344" spans="1:12">
      <c r="A34344" s="6" t="s">
        <v>34517</v>
      </c>
      <c r="B34344" s="6"/>
      <c r="C34344" s="6" t="s">
        <v>32230</v>
      </c>
      <c r="D34344" s="6"/>
      <c r="E34344" s="6" t="s">
        <v>9</v>
      </c>
      <c r="F34344" s="7">
        <v>33684</v>
      </c>
      <c r="G34344" s="8">
        <v>2886300</v>
      </c>
      <c r="H34344" s="8">
        <v>1212246</v>
      </c>
      <c r="I34344" s="8">
        <v>1731780</v>
      </c>
      <c r="J34344" s="8">
        <v>1154520</v>
      </c>
      <c r="K34344" s="9"/>
      <c r="L34344" s="6"/>
    </row>
    <row r="34345" spans="1:12">
      <c r="A34345" s="6" t="s">
        <v>34518</v>
      </c>
      <c r="B34345" s="6"/>
      <c r="C34345" s="6" t="s">
        <v>32230</v>
      </c>
      <c r="D34345" s="6"/>
      <c r="E34345" s="6" t="s">
        <v>9</v>
      </c>
      <c r="F34345" s="7">
        <v>29312</v>
      </c>
      <c r="G34345" s="8">
        <v>26142480</v>
      </c>
      <c r="H34345" s="8">
        <v>8365600</v>
      </c>
      <c r="I34345" s="8">
        <v>18221302</v>
      </c>
      <c r="J34345" s="8">
        <v>7921178</v>
      </c>
      <c r="K34345" s="9"/>
      <c r="L34345" s="6"/>
    </row>
    <row r="34346" spans="1:12">
      <c r="A34346" s="6" t="s">
        <v>34519</v>
      </c>
      <c r="B34346" s="6"/>
      <c r="C34346" s="6" t="s">
        <v>32230</v>
      </c>
      <c r="D34346" s="6"/>
      <c r="E34346" s="6" t="s">
        <v>9</v>
      </c>
      <c r="F34346" s="7">
        <v>30406</v>
      </c>
      <c r="G34346" s="8">
        <v>17528400</v>
      </c>
      <c r="H34346" s="8">
        <v>4206816</v>
      </c>
      <c r="I34346" s="8">
        <v>13672152</v>
      </c>
      <c r="J34346" s="8">
        <v>3856248</v>
      </c>
      <c r="K34346" s="9"/>
      <c r="L34346" s="6"/>
    </row>
    <row r="34347" spans="1:12">
      <c r="A34347" s="6" t="s">
        <v>34520</v>
      </c>
      <c r="B34347" s="6"/>
      <c r="C34347" s="6" t="s">
        <v>32230</v>
      </c>
      <c r="D34347" s="6"/>
      <c r="E34347" s="6" t="s">
        <v>9</v>
      </c>
      <c r="F34347" s="7">
        <v>30406</v>
      </c>
      <c r="G34347" s="8">
        <v>3472200</v>
      </c>
      <c r="H34347" s="8">
        <v>833328</v>
      </c>
      <c r="I34347" s="8">
        <v>2708316</v>
      </c>
      <c r="J34347" s="8">
        <v>763884</v>
      </c>
      <c r="K34347" s="9"/>
      <c r="L34347" s="6"/>
    </row>
    <row r="34348" spans="1:12">
      <c r="A34348" s="6" t="s">
        <v>34521</v>
      </c>
      <c r="B34348" s="6"/>
      <c r="C34348" s="6" t="s">
        <v>32230</v>
      </c>
      <c r="D34348" s="6"/>
      <c r="E34348" s="6" t="s">
        <v>9</v>
      </c>
      <c r="F34348" s="7">
        <v>33592</v>
      </c>
      <c r="G34348" s="8">
        <v>23117400</v>
      </c>
      <c r="H34348" s="8">
        <v>9709308</v>
      </c>
      <c r="I34348" s="8">
        <v>13870440</v>
      </c>
      <c r="J34348" s="8">
        <v>9246960</v>
      </c>
      <c r="K34348" s="9"/>
      <c r="L34348" s="6"/>
    </row>
    <row r="34349" spans="1:12">
      <c r="A34349" s="6" t="s">
        <v>34522</v>
      </c>
      <c r="B34349" s="6"/>
      <c r="C34349" s="6" t="s">
        <v>32230</v>
      </c>
      <c r="D34349" s="6"/>
      <c r="E34349" s="6" t="s">
        <v>9</v>
      </c>
      <c r="F34349" s="7">
        <v>42643</v>
      </c>
      <c r="G34349" s="8">
        <v>1296000</v>
      </c>
      <c r="H34349" s="8">
        <v>948672</v>
      </c>
      <c r="I34349" s="8">
        <v>434160</v>
      </c>
      <c r="J34349" s="8">
        <v>861840</v>
      </c>
      <c r="K34349" s="9"/>
      <c r="L34349" s="6"/>
    </row>
    <row r="34350" spans="1:12">
      <c r="A34350" s="6" t="s">
        <v>34523</v>
      </c>
      <c r="B34350" s="6"/>
      <c r="C34350" s="6" t="s">
        <v>32230</v>
      </c>
      <c r="D34350" s="6"/>
      <c r="E34350" s="6" t="s">
        <v>9</v>
      </c>
      <c r="F34350" s="7">
        <v>30406</v>
      </c>
      <c r="G34350" s="8">
        <v>14628600</v>
      </c>
      <c r="H34350" s="8">
        <v>3510864</v>
      </c>
      <c r="I34350" s="8">
        <v>11410308</v>
      </c>
      <c r="J34350" s="8">
        <v>3218292</v>
      </c>
      <c r="K34350" s="9"/>
      <c r="L34350" s="6"/>
    </row>
    <row r="34351" spans="1:12">
      <c r="A34351" s="6" t="s">
        <v>34524</v>
      </c>
      <c r="B34351" s="6"/>
      <c r="C34351" s="6" t="s">
        <v>32230</v>
      </c>
      <c r="D34351" s="6"/>
      <c r="E34351" s="6" t="s">
        <v>9</v>
      </c>
      <c r="F34351" s="7">
        <v>30406</v>
      </c>
      <c r="G34351" s="8">
        <v>16588800</v>
      </c>
      <c r="H34351" s="8">
        <v>3981312</v>
      </c>
      <c r="I34351" s="8">
        <v>12939264</v>
      </c>
      <c r="J34351" s="8">
        <v>3649536</v>
      </c>
      <c r="K34351" s="9"/>
      <c r="L34351" s="6"/>
    </row>
    <row r="34352" spans="1:12">
      <c r="A34352" s="6" t="s">
        <v>34525</v>
      </c>
      <c r="B34352" s="6"/>
      <c r="C34352" s="6" t="s">
        <v>32230</v>
      </c>
      <c r="D34352" s="6"/>
      <c r="E34352" s="6" t="s">
        <v>9</v>
      </c>
      <c r="F34352" s="7">
        <v>30406</v>
      </c>
      <c r="G34352" s="8">
        <v>2624400</v>
      </c>
      <c r="H34352" s="8">
        <v>629856</v>
      </c>
      <c r="I34352" s="8">
        <v>2047032</v>
      </c>
      <c r="J34352" s="8">
        <v>577368</v>
      </c>
      <c r="K34352" s="9"/>
      <c r="L34352" s="6"/>
    </row>
    <row r="34353" spans="1:12">
      <c r="A34353" s="6" t="s">
        <v>34526</v>
      </c>
      <c r="B34353" s="6"/>
      <c r="C34353" s="6" t="s">
        <v>32230</v>
      </c>
      <c r="D34353" s="6"/>
      <c r="E34353" s="6" t="s">
        <v>9</v>
      </c>
      <c r="F34353" s="7">
        <v>30406</v>
      </c>
      <c r="G34353" s="8">
        <v>1287900</v>
      </c>
      <c r="H34353" s="8">
        <v>309096</v>
      </c>
      <c r="I34353" s="8">
        <v>1004562</v>
      </c>
      <c r="J34353" s="8">
        <v>283338</v>
      </c>
      <c r="K34353" s="9"/>
      <c r="L34353" s="6"/>
    </row>
    <row r="34354" spans="1:12">
      <c r="A34354" s="6" t="s">
        <v>34527</v>
      </c>
      <c r="B34354" s="6"/>
      <c r="C34354" s="6" t="s">
        <v>32230</v>
      </c>
      <c r="D34354" s="6"/>
      <c r="E34354" s="6" t="s">
        <v>9</v>
      </c>
      <c r="F34354" s="7">
        <v>32233</v>
      </c>
      <c r="G34354" s="8">
        <v>6075000</v>
      </c>
      <c r="H34354" s="8">
        <v>2065500</v>
      </c>
      <c r="I34354" s="8">
        <v>4131000</v>
      </c>
      <c r="J34354" s="8">
        <v>1944000</v>
      </c>
      <c r="K34354" s="9"/>
      <c r="L34354" s="6"/>
    </row>
    <row r="34355" spans="1:12">
      <c r="A34355" s="6" t="s">
        <v>33185</v>
      </c>
      <c r="B34355" s="6"/>
      <c r="C34355" s="6" t="s">
        <v>32230</v>
      </c>
      <c r="D34355" s="6"/>
      <c r="E34355" s="6" t="s">
        <v>9</v>
      </c>
      <c r="F34355" s="7"/>
      <c r="G34355" s="8">
        <v>1</v>
      </c>
      <c r="H34355" s="8">
        <v>1</v>
      </c>
      <c r="I34355" s="8">
        <v>0</v>
      </c>
      <c r="J34355" s="8">
        <v>1</v>
      </c>
      <c r="K34355" s="9"/>
      <c r="L34355" s="6"/>
    </row>
    <row r="34356" spans="1:12">
      <c r="A34356" s="6" t="s">
        <v>34528</v>
      </c>
      <c r="B34356" s="6"/>
      <c r="C34356" s="6" t="s">
        <v>32230</v>
      </c>
      <c r="D34356" s="6"/>
      <c r="E34356" s="6" t="s">
        <v>9</v>
      </c>
      <c r="F34356" s="7">
        <v>33592</v>
      </c>
      <c r="G34356" s="8">
        <v>15373800</v>
      </c>
      <c r="H34356" s="8">
        <v>6456996</v>
      </c>
      <c r="I34356" s="8">
        <v>9224280</v>
      </c>
      <c r="J34356" s="8">
        <v>6149520</v>
      </c>
      <c r="K34356" s="9"/>
      <c r="L34356" s="6"/>
    </row>
    <row r="34357" spans="1:12">
      <c r="A34357" s="6" t="s">
        <v>33185</v>
      </c>
      <c r="B34357" s="6"/>
      <c r="C34357" s="6" t="s">
        <v>32230</v>
      </c>
      <c r="D34357" s="6"/>
      <c r="E34357" s="6" t="s">
        <v>9</v>
      </c>
      <c r="F34357" s="7"/>
      <c r="G34357" s="8">
        <v>1</v>
      </c>
      <c r="H34357" s="8">
        <v>1</v>
      </c>
      <c r="I34357" s="8">
        <v>0</v>
      </c>
      <c r="J34357" s="8">
        <v>1</v>
      </c>
      <c r="K34357" s="9"/>
      <c r="L34357" s="6"/>
    </row>
    <row r="34358" spans="1:12">
      <c r="A34358" s="6" t="s">
        <v>34529</v>
      </c>
      <c r="B34358" s="6"/>
      <c r="C34358" s="6" t="s">
        <v>32230</v>
      </c>
      <c r="D34358" s="6"/>
      <c r="E34358" s="6" t="s">
        <v>9</v>
      </c>
      <c r="F34358" s="7">
        <v>33592</v>
      </c>
      <c r="G34358" s="8">
        <v>1695600</v>
      </c>
      <c r="H34358" s="8">
        <v>712152</v>
      </c>
      <c r="I34358" s="8">
        <v>1017360</v>
      </c>
      <c r="J34358" s="8">
        <v>678240</v>
      </c>
      <c r="K34358" s="9"/>
      <c r="L34358" s="6"/>
    </row>
    <row r="34359" spans="1:12">
      <c r="A34359" s="6" t="s">
        <v>34530</v>
      </c>
      <c r="B34359" s="6"/>
      <c r="C34359" s="6" t="s">
        <v>32230</v>
      </c>
      <c r="D34359" s="6"/>
      <c r="E34359" s="6" t="s">
        <v>9</v>
      </c>
      <c r="F34359" s="7">
        <v>32889</v>
      </c>
      <c r="G34359" s="8">
        <v>20306700</v>
      </c>
      <c r="H34359" s="8">
        <v>7716546</v>
      </c>
      <c r="I34359" s="8">
        <v>12996288</v>
      </c>
      <c r="J34359" s="8">
        <v>7310412</v>
      </c>
      <c r="K34359" s="9"/>
      <c r="L34359" s="6"/>
    </row>
    <row r="34360" spans="1:12">
      <c r="A34360" s="6" t="s">
        <v>34531</v>
      </c>
      <c r="B34360" s="6"/>
      <c r="C34360" s="6" t="s">
        <v>32230</v>
      </c>
      <c r="D34360" s="6"/>
      <c r="E34360" s="6" t="s">
        <v>9</v>
      </c>
      <c r="F34360" s="7">
        <v>32889</v>
      </c>
      <c r="G34360" s="8">
        <v>23684400</v>
      </c>
      <c r="H34360" s="8">
        <v>9000072</v>
      </c>
      <c r="I34360" s="8">
        <v>15158016</v>
      </c>
      <c r="J34360" s="8">
        <v>8526384</v>
      </c>
      <c r="K34360" s="9"/>
      <c r="L34360" s="6"/>
    </row>
    <row r="34361" spans="1:12">
      <c r="A34361" s="6" t="s">
        <v>33185</v>
      </c>
      <c r="B34361" s="6"/>
      <c r="C34361" s="6" t="s">
        <v>32230</v>
      </c>
      <c r="D34361" s="6"/>
      <c r="E34361" s="6" t="s">
        <v>9</v>
      </c>
      <c r="F34361" s="7"/>
      <c r="G34361" s="8">
        <v>1</v>
      </c>
      <c r="H34361" s="8">
        <v>1</v>
      </c>
      <c r="I34361" s="8">
        <v>0</v>
      </c>
      <c r="J34361" s="8">
        <v>1</v>
      </c>
      <c r="K34361" s="9"/>
      <c r="L34361" s="6"/>
    </row>
    <row r="34362" spans="1:12">
      <c r="A34362" s="6" t="s">
        <v>33185</v>
      </c>
      <c r="B34362" s="6"/>
      <c r="C34362" s="6" t="s">
        <v>32230</v>
      </c>
      <c r="D34362" s="6"/>
      <c r="E34362" s="6" t="s">
        <v>9</v>
      </c>
      <c r="F34362" s="7"/>
      <c r="G34362" s="8">
        <v>1</v>
      </c>
      <c r="H34362" s="8">
        <v>1</v>
      </c>
      <c r="I34362" s="8">
        <v>0</v>
      </c>
      <c r="J34362" s="8">
        <v>1</v>
      </c>
      <c r="K34362" s="9"/>
      <c r="L34362" s="6"/>
    </row>
    <row r="34363" spans="1:12">
      <c r="A34363" s="6" t="s">
        <v>34532</v>
      </c>
      <c r="B34363" s="6"/>
      <c r="C34363" s="6" t="s">
        <v>32230</v>
      </c>
      <c r="D34363" s="6"/>
      <c r="E34363" s="6" t="s">
        <v>9</v>
      </c>
      <c r="F34363" s="7">
        <v>32889</v>
      </c>
      <c r="G34363" s="8">
        <v>4568400</v>
      </c>
      <c r="H34363" s="8">
        <v>1735992</v>
      </c>
      <c r="I34363" s="8">
        <v>2923776</v>
      </c>
      <c r="J34363" s="8">
        <v>1644624</v>
      </c>
      <c r="K34363" s="9"/>
      <c r="L34363" s="6"/>
    </row>
    <row r="34364" spans="1:12">
      <c r="A34364" s="6" t="s">
        <v>34533</v>
      </c>
      <c r="B34364" s="6"/>
      <c r="C34364" s="6" t="s">
        <v>32230</v>
      </c>
      <c r="D34364" s="6"/>
      <c r="E34364" s="6" t="s">
        <v>9</v>
      </c>
      <c r="F34364" s="7">
        <v>32889</v>
      </c>
      <c r="G34364" s="8">
        <v>10651500</v>
      </c>
      <c r="H34364" s="8">
        <v>4047570</v>
      </c>
      <c r="I34364" s="8">
        <v>6816960</v>
      </c>
      <c r="J34364" s="8">
        <v>3834540</v>
      </c>
      <c r="K34364" s="9"/>
      <c r="L34364" s="6"/>
    </row>
    <row r="34365" spans="1:12">
      <c r="A34365" s="6" t="s">
        <v>33185</v>
      </c>
      <c r="B34365" s="6"/>
      <c r="C34365" s="6" t="s">
        <v>32230</v>
      </c>
      <c r="D34365" s="6"/>
      <c r="E34365" s="6" t="s">
        <v>9</v>
      </c>
      <c r="F34365" s="7"/>
      <c r="G34365" s="8">
        <v>1</v>
      </c>
      <c r="H34365" s="8">
        <v>1</v>
      </c>
      <c r="I34365" s="8">
        <v>0</v>
      </c>
      <c r="J34365" s="8">
        <v>1</v>
      </c>
      <c r="K34365" s="9"/>
      <c r="L34365" s="6"/>
    </row>
    <row r="34366" spans="1:12">
      <c r="A34366" s="6" t="s">
        <v>34534</v>
      </c>
      <c r="B34366" s="6"/>
      <c r="C34366" s="6" t="s">
        <v>32230</v>
      </c>
      <c r="D34366" s="6"/>
      <c r="E34366" s="6" t="s">
        <v>9</v>
      </c>
      <c r="F34366" s="7">
        <v>32889</v>
      </c>
      <c r="G34366" s="8">
        <v>24768000</v>
      </c>
      <c r="H34366" s="8">
        <v>9411840</v>
      </c>
      <c r="I34366" s="8">
        <v>15851520</v>
      </c>
      <c r="J34366" s="8">
        <v>8916480</v>
      </c>
      <c r="K34366" s="9"/>
      <c r="L34366" s="6"/>
    </row>
    <row r="34367" spans="1:12">
      <c r="A34367" s="6" t="s">
        <v>34535</v>
      </c>
      <c r="B34367" s="6"/>
      <c r="C34367" s="6" t="s">
        <v>32230</v>
      </c>
      <c r="D34367" s="6"/>
      <c r="E34367" s="6" t="s">
        <v>9</v>
      </c>
      <c r="F34367" s="7">
        <v>32889</v>
      </c>
      <c r="G34367" s="8">
        <v>5702400</v>
      </c>
      <c r="H34367" s="8">
        <v>2166912</v>
      </c>
      <c r="I34367" s="8">
        <v>3649536</v>
      </c>
      <c r="J34367" s="8">
        <v>2052864</v>
      </c>
      <c r="K34367" s="9"/>
      <c r="L34367" s="6"/>
    </row>
    <row r="34368" spans="1:12">
      <c r="A34368" s="6" t="s">
        <v>34536</v>
      </c>
      <c r="B34368" s="6"/>
      <c r="C34368" s="6" t="s">
        <v>32230</v>
      </c>
      <c r="D34368" s="6"/>
      <c r="E34368" s="6" t="s">
        <v>9</v>
      </c>
      <c r="F34368" s="7">
        <v>32889</v>
      </c>
      <c r="G34368" s="8">
        <v>15746400</v>
      </c>
      <c r="H34368" s="8">
        <v>5983632</v>
      </c>
      <c r="I34368" s="8">
        <v>10077696</v>
      </c>
      <c r="J34368" s="8">
        <v>5668704</v>
      </c>
      <c r="K34368" s="9"/>
      <c r="L34368" s="6"/>
    </row>
    <row r="34369" spans="1:12">
      <c r="A34369" s="6" t="s">
        <v>33185</v>
      </c>
      <c r="B34369" s="6"/>
      <c r="C34369" s="6" t="s">
        <v>32230</v>
      </c>
      <c r="D34369" s="6"/>
      <c r="E34369" s="6" t="s">
        <v>9</v>
      </c>
      <c r="F34369" s="7"/>
      <c r="G34369" s="8">
        <v>1</v>
      </c>
      <c r="H34369" s="8">
        <v>1</v>
      </c>
      <c r="I34369" s="8">
        <v>0</v>
      </c>
      <c r="J34369" s="8">
        <v>1</v>
      </c>
      <c r="K34369" s="9"/>
      <c r="L34369" s="6"/>
    </row>
    <row r="34370" spans="1:12">
      <c r="A34370" s="6" t="s">
        <v>34537</v>
      </c>
      <c r="B34370" s="6"/>
      <c r="C34370" s="6" t="s">
        <v>32230</v>
      </c>
      <c r="D34370" s="6"/>
      <c r="E34370" s="6" t="s">
        <v>9</v>
      </c>
      <c r="F34370" s="7">
        <v>32889</v>
      </c>
      <c r="G34370" s="8">
        <v>8505000</v>
      </c>
      <c r="H34370" s="8">
        <v>3231900</v>
      </c>
      <c r="I34370" s="8">
        <v>5443200</v>
      </c>
      <c r="J34370" s="8">
        <v>3061800</v>
      </c>
      <c r="K34370" s="9"/>
      <c r="L34370" s="6"/>
    </row>
    <row r="34371" spans="1:12">
      <c r="A34371" s="6" t="s">
        <v>34538</v>
      </c>
      <c r="B34371" s="6"/>
      <c r="C34371" s="6" t="s">
        <v>32230</v>
      </c>
      <c r="D34371" s="6"/>
      <c r="E34371" s="6" t="s">
        <v>9</v>
      </c>
      <c r="F34371" s="7">
        <v>32889</v>
      </c>
      <c r="G34371" s="8">
        <v>7484400</v>
      </c>
      <c r="H34371" s="8">
        <v>2844072</v>
      </c>
      <c r="I34371" s="8">
        <v>4790016</v>
      </c>
      <c r="J34371" s="8">
        <v>2694384</v>
      </c>
      <c r="K34371" s="9"/>
      <c r="L34371" s="6"/>
    </row>
    <row r="34372" spans="1:12">
      <c r="A34372" s="6" t="s">
        <v>34539</v>
      </c>
      <c r="B34372" s="6"/>
      <c r="C34372" s="6" t="s">
        <v>32230</v>
      </c>
      <c r="D34372" s="6"/>
      <c r="E34372" s="6" t="s">
        <v>9</v>
      </c>
      <c r="F34372" s="7">
        <v>32889</v>
      </c>
      <c r="G34372" s="8">
        <v>7071300</v>
      </c>
      <c r="H34372" s="8">
        <v>2687094</v>
      </c>
      <c r="I34372" s="8">
        <v>4525632</v>
      </c>
      <c r="J34372" s="8">
        <v>2545668</v>
      </c>
      <c r="K34372" s="9"/>
      <c r="L34372" s="6"/>
    </row>
    <row r="34373" spans="1:12">
      <c r="A34373" s="6" t="s">
        <v>34540</v>
      </c>
      <c r="B34373" s="6"/>
      <c r="C34373" s="6" t="s">
        <v>32230</v>
      </c>
      <c r="D34373" s="6"/>
      <c r="E34373" s="6" t="s">
        <v>9</v>
      </c>
      <c r="F34373" s="7">
        <v>32889</v>
      </c>
      <c r="G34373" s="8">
        <v>7290000</v>
      </c>
      <c r="H34373" s="8">
        <v>2770200</v>
      </c>
      <c r="I34373" s="8">
        <v>4665600</v>
      </c>
      <c r="J34373" s="8">
        <v>2624400</v>
      </c>
      <c r="K34373" s="9"/>
      <c r="L34373" s="6"/>
    </row>
    <row r="34374" spans="1:12">
      <c r="A34374" s="6" t="s">
        <v>34541</v>
      </c>
      <c r="B34374" s="6"/>
      <c r="C34374" s="6" t="s">
        <v>32230</v>
      </c>
      <c r="D34374" s="6"/>
      <c r="E34374" s="6" t="s">
        <v>9</v>
      </c>
      <c r="F34374" s="7">
        <v>32889</v>
      </c>
      <c r="G34374" s="8">
        <v>7808400</v>
      </c>
      <c r="H34374" s="8">
        <v>2967192</v>
      </c>
      <c r="I34374" s="8">
        <v>4997376</v>
      </c>
      <c r="J34374" s="8">
        <v>2811024</v>
      </c>
      <c r="K34374" s="9"/>
      <c r="L34374" s="6"/>
    </row>
    <row r="34375" spans="1:12">
      <c r="A34375" s="6" t="s">
        <v>34542</v>
      </c>
      <c r="B34375" s="6"/>
      <c r="C34375" s="6" t="s">
        <v>32230</v>
      </c>
      <c r="D34375" s="6"/>
      <c r="E34375" s="6" t="s">
        <v>9</v>
      </c>
      <c r="F34375" s="7">
        <v>32889</v>
      </c>
      <c r="G34375" s="8">
        <v>28244700</v>
      </c>
      <c r="H34375" s="8">
        <v>10732986</v>
      </c>
      <c r="I34375" s="8">
        <v>18076608</v>
      </c>
      <c r="J34375" s="8">
        <v>10168092</v>
      </c>
      <c r="K34375" s="9"/>
      <c r="L34375" s="6"/>
    </row>
    <row r="34376" spans="1:12">
      <c r="A34376" s="6" t="s">
        <v>34543</v>
      </c>
      <c r="B34376" s="6"/>
      <c r="C34376" s="6" t="s">
        <v>32230</v>
      </c>
      <c r="D34376" s="6"/>
      <c r="E34376" s="6" t="s">
        <v>9</v>
      </c>
      <c r="F34376" s="7">
        <v>36249</v>
      </c>
      <c r="G34376" s="8">
        <v>10935000</v>
      </c>
      <c r="H34376" s="8">
        <v>6123600</v>
      </c>
      <c r="I34376" s="8">
        <v>5030100</v>
      </c>
      <c r="J34376" s="8">
        <v>5904900</v>
      </c>
      <c r="K34376" s="9"/>
      <c r="L34376" s="6"/>
    </row>
    <row r="34377" spans="1:12">
      <c r="A34377" s="6" t="s">
        <v>34544</v>
      </c>
      <c r="B34377" s="6"/>
      <c r="C34377" s="6" t="s">
        <v>32230</v>
      </c>
      <c r="D34377" s="6"/>
      <c r="E34377" s="6" t="s">
        <v>9</v>
      </c>
      <c r="F34377" s="7">
        <v>36249</v>
      </c>
      <c r="G34377" s="8">
        <v>10975500</v>
      </c>
      <c r="H34377" s="8">
        <v>6146280</v>
      </c>
      <c r="I34377" s="8">
        <v>5048730</v>
      </c>
      <c r="J34377" s="8">
        <v>5926770</v>
      </c>
      <c r="K34377" s="9"/>
      <c r="L34377" s="6"/>
    </row>
    <row r="34378" spans="1:12">
      <c r="A34378" s="6" t="s">
        <v>34545</v>
      </c>
      <c r="B34378" s="6"/>
      <c r="C34378" s="6" t="s">
        <v>32230</v>
      </c>
      <c r="D34378" s="6"/>
      <c r="E34378" s="6" t="s">
        <v>9</v>
      </c>
      <c r="F34378" s="7">
        <v>36249</v>
      </c>
      <c r="G34378" s="8">
        <v>2802600</v>
      </c>
      <c r="H34378" s="8">
        <v>1569456</v>
      </c>
      <c r="I34378" s="8">
        <v>1289196</v>
      </c>
      <c r="J34378" s="8">
        <v>1513404</v>
      </c>
      <c r="K34378" s="9"/>
      <c r="L34378" s="6"/>
    </row>
    <row r="34379" spans="1:12">
      <c r="A34379" s="6" t="s">
        <v>34546</v>
      </c>
      <c r="B34379" s="6"/>
      <c r="C34379" s="6" t="s">
        <v>32230</v>
      </c>
      <c r="D34379" s="6"/>
      <c r="E34379" s="6" t="s">
        <v>9</v>
      </c>
      <c r="F34379" s="7">
        <v>36615</v>
      </c>
      <c r="G34379" s="8">
        <v>23895000</v>
      </c>
      <c r="H34379" s="8">
        <v>13859100</v>
      </c>
      <c r="I34379" s="8">
        <v>10513800</v>
      </c>
      <c r="J34379" s="8">
        <v>13381200</v>
      </c>
      <c r="K34379" s="9"/>
      <c r="L34379" s="6"/>
    </row>
    <row r="34380" spans="1:12">
      <c r="A34380" s="6" t="s">
        <v>34547</v>
      </c>
      <c r="B34380" s="6"/>
      <c r="C34380" s="6" t="s">
        <v>32230</v>
      </c>
      <c r="D34380" s="6"/>
      <c r="E34380" s="6" t="s">
        <v>9</v>
      </c>
      <c r="F34380" s="7">
        <v>36615</v>
      </c>
      <c r="G34380" s="8">
        <v>10943100</v>
      </c>
      <c r="H34380" s="8">
        <v>6346998</v>
      </c>
      <c r="I34380" s="8">
        <v>4814964</v>
      </c>
      <c r="J34380" s="8">
        <v>6128136</v>
      </c>
      <c r="K34380" s="9"/>
      <c r="L34380" s="6"/>
    </row>
    <row r="34381" spans="1:12">
      <c r="A34381" s="6" t="s">
        <v>34548</v>
      </c>
      <c r="B34381" s="6"/>
      <c r="C34381" s="6" t="s">
        <v>32230</v>
      </c>
      <c r="D34381" s="6"/>
      <c r="E34381" s="6" t="s">
        <v>9</v>
      </c>
      <c r="F34381" s="7">
        <v>37340</v>
      </c>
      <c r="G34381" s="8">
        <v>16426800</v>
      </c>
      <c r="H34381" s="8">
        <v>10184616</v>
      </c>
      <c r="I34381" s="8">
        <v>6570720</v>
      </c>
      <c r="J34381" s="8">
        <v>9856080</v>
      </c>
      <c r="K34381" s="9"/>
      <c r="L34381" s="6"/>
    </row>
    <row r="34382" spans="1:12">
      <c r="A34382" s="6" t="s">
        <v>34549</v>
      </c>
      <c r="B34382" s="6"/>
      <c r="C34382" s="6" t="s">
        <v>32230</v>
      </c>
      <c r="D34382" s="6"/>
      <c r="E34382" s="6" t="s">
        <v>9</v>
      </c>
      <c r="F34382" s="7">
        <v>37340</v>
      </c>
      <c r="G34382" s="8">
        <v>2575800</v>
      </c>
      <c r="H34382" s="8">
        <v>1596996</v>
      </c>
      <c r="I34382" s="8">
        <v>1030320</v>
      </c>
      <c r="J34382" s="8">
        <v>1545480</v>
      </c>
      <c r="K34382" s="9"/>
      <c r="L34382" s="6"/>
    </row>
    <row r="34383" spans="1:12">
      <c r="A34383" s="6" t="s">
        <v>34550</v>
      </c>
      <c r="B34383" s="6"/>
      <c r="C34383" s="6" t="s">
        <v>32230</v>
      </c>
      <c r="D34383" s="6"/>
      <c r="E34383" s="6" t="s">
        <v>9</v>
      </c>
      <c r="F34383" s="7">
        <v>38439</v>
      </c>
      <c r="G34383" s="8">
        <v>36279900</v>
      </c>
      <c r="H34383" s="8">
        <v>24670332</v>
      </c>
      <c r="I34383" s="8">
        <v>12335166</v>
      </c>
      <c r="J34383" s="8">
        <v>23944734</v>
      </c>
      <c r="K34383" s="9"/>
      <c r="L34383" s="6"/>
    </row>
    <row r="34384" spans="1:12">
      <c r="A34384" s="6" t="s">
        <v>34551</v>
      </c>
      <c r="B34384" s="6"/>
      <c r="C34384" s="6" t="s">
        <v>32230</v>
      </c>
      <c r="D34384" s="6"/>
      <c r="E34384" s="6" t="s">
        <v>9</v>
      </c>
      <c r="F34384" s="7">
        <v>38439</v>
      </c>
      <c r="G34384" s="8">
        <v>36490500</v>
      </c>
      <c r="H34384" s="8">
        <v>24813540</v>
      </c>
      <c r="I34384" s="8">
        <v>12406770</v>
      </c>
      <c r="J34384" s="8">
        <v>24083730</v>
      </c>
      <c r="K34384" s="9"/>
      <c r="L34384" s="6"/>
    </row>
    <row r="34385" spans="1:12">
      <c r="A34385" s="6" t="s">
        <v>34552</v>
      </c>
      <c r="B34385" s="6"/>
      <c r="C34385" s="6" t="s">
        <v>32230</v>
      </c>
      <c r="D34385" s="6"/>
      <c r="E34385" s="6" t="s">
        <v>9</v>
      </c>
      <c r="F34385" s="7">
        <v>38439</v>
      </c>
      <c r="G34385" s="8">
        <v>6415200</v>
      </c>
      <c r="H34385" s="8">
        <v>4362336</v>
      </c>
      <c r="I34385" s="8">
        <v>2181168</v>
      </c>
      <c r="J34385" s="8">
        <v>4234032</v>
      </c>
      <c r="K34385" s="9"/>
      <c r="L34385" s="6"/>
    </row>
    <row r="34386" spans="1:12">
      <c r="A34386" s="6" t="s">
        <v>34553</v>
      </c>
      <c r="B34386" s="6"/>
      <c r="C34386" s="6" t="s">
        <v>32230</v>
      </c>
      <c r="D34386" s="6"/>
      <c r="E34386" s="6" t="s">
        <v>9</v>
      </c>
      <c r="F34386" s="7">
        <v>38439</v>
      </c>
      <c r="G34386" s="8">
        <v>10368000</v>
      </c>
      <c r="H34386" s="8">
        <v>7050240</v>
      </c>
      <c r="I34386" s="8">
        <v>3525120</v>
      </c>
      <c r="J34386" s="8">
        <v>6842880</v>
      </c>
      <c r="K34386" s="9"/>
      <c r="L34386" s="6"/>
    </row>
    <row r="34387" spans="1:12">
      <c r="A34387" s="6" t="s">
        <v>34554</v>
      </c>
      <c r="B34387" s="6"/>
      <c r="C34387" s="6" t="s">
        <v>32230</v>
      </c>
      <c r="D34387" s="6"/>
      <c r="E34387" s="6" t="s">
        <v>9</v>
      </c>
      <c r="F34387" s="7">
        <v>38439</v>
      </c>
      <c r="G34387" s="8">
        <v>6633900</v>
      </c>
      <c r="H34387" s="8">
        <v>4511052</v>
      </c>
      <c r="I34387" s="8">
        <v>2255526</v>
      </c>
      <c r="J34387" s="8">
        <v>4378374</v>
      </c>
      <c r="K34387" s="9"/>
      <c r="L34387" s="6"/>
    </row>
    <row r="34388" spans="1:12">
      <c r="A34388" s="6" t="s">
        <v>34555</v>
      </c>
      <c r="B34388" s="6"/>
      <c r="C34388" s="6" t="s">
        <v>32230</v>
      </c>
      <c r="D34388" s="6"/>
      <c r="E34388" s="6" t="s">
        <v>9</v>
      </c>
      <c r="F34388" s="7">
        <v>38439</v>
      </c>
      <c r="G34388" s="8">
        <v>6658200</v>
      </c>
      <c r="H34388" s="8">
        <v>4527576</v>
      </c>
      <c r="I34388" s="8">
        <v>2263788</v>
      </c>
      <c r="J34388" s="8">
        <v>4394412</v>
      </c>
      <c r="K34388" s="9"/>
      <c r="L34388" s="6"/>
    </row>
    <row r="34389" spans="1:12">
      <c r="A34389" s="6" t="s">
        <v>34556</v>
      </c>
      <c r="B34389" s="6"/>
      <c r="C34389" s="6" t="s">
        <v>32230</v>
      </c>
      <c r="D34389" s="6"/>
      <c r="E34389" s="6" t="s">
        <v>9</v>
      </c>
      <c r="F34389" s="7">
        <v>38439</v>
      </c>
      <c r="G34389" s="8">
        <v>9825300</v>
      </c>
      <c r="H34389" s="8">
        <v>6681204</v>
      </c>
      <c r="I34389" s="8">
        <v>3340602</v>
      </c>
      <c r="J34389" s="8">
        <v>6484698</v>
      </c>
      <c r="K34389" s="9"/>
      <c r="L34389" s="6"/>
    </row>
    <row r="34390" spans="1:12">
      <c r="A34390" s="6" t="s">
        <v>34557</v>
      </c>
      <c r="B34390" s="6"/>
      <c r="C34390" s="6" t="s">
        <v>32230</v>
      </c>
      <c r="D34390" s="6"/>
      <c r="E34390" s="6" t="s">
        <v>9</v>
      </c>
      <c r="F34390" s="7">
        <v>38439</v>
      </c>
      <c r="G34390" s="8">
        <v>6617700</v>
      </c>
      <c r="H34390" s="8">
        <v>4500036</v>
      </c>
      <c r="I34390" s="8">
        <v>2250018</v>
      </c>
      <c r="J34390" s="8">
        <v>4367682</v>
      </c>
      <c r="K34390" s="9"/>
      <c r="L34390" s="6"/>
    </row>
    <row r="34391" spans="1:12">
      <c r="A34391" s="6" t="s">
        <v>34558</v>
      </c>
      <c r="B34391" s="6"/>
      <c r="C34391" s="6" t="s">
        <v>32230</v>
      </c>
      <c r="D34391" s="6"/>
      <c r="E34391" s="6" t="s">
        <v>9</v>
      </c>
      <c r="F34391" s="7">
        <v>29305</v>
      </c>
      <c r="G34391" s="8">
        <v>29324800</v>
      </c>
      <c r="H34391" s="8">
        <v>5278464</v>
      </c>
      <c r="I34391" s="8">
        <v>24632832</v>
      </c>
      <c r="J34391" s="8">
        <v>4691968</v>
      </c>
      <c r="K34391" s="9"/>
      <c r="L34391" s="6"/>
    </row>
    <row r="34392" spans="1:12">
      <c r="A34392" s="6" t="s">
        <v>34559</v>
      </c>
      <c r="B34392" s="6"/>
      <c r="C34392" s="6" t="s">
        <v>32230</v>
      </c>
      <c r="D34392" s="6"/>
      <c r="E34392" s="6"/>
      <c r="F34392" s="7">
        <v>43922</v>
      </c>
      <c r="G34392" s="8">
        <v>1078000</v>
      </c>
      <c r="H34392" s="8">
        <v>1078000</v>
      </c>
      <c r="I34392" s="8">
        <v>21560</v>
      </c>
      <c r="J34392" s="8">
        <v>1056440</v>
      </c>
      <c r="K34392" s="9"/>
      <c r="L34392" s="6"/>
    </row>
    <row r="34393" spans="1:12">
      <c r="A34393" s="6" t="s">
        <v>34559</v>
      </c>
      <c r="B34393" s="6"/>
      <c r="C34393" s="6" t="s">
        <v>32230</v>
      </c>
      <c r="D34393" s="6"/>
      <c r="E34393" s="6" t="s">
        <v>9</v>
      </c>
      <c r="F34393" s="7">
        <v>29305</v>
      </c>
      <c r="G34393" s="8">
        <v>152038400</v>
      </c>
      <c r="H34393" s="8">
        <v>27366912</v>
      </c>
      <c r="I34393" s="8">
        <v>127712256</v>
      </c>
      <c r="J34393" s="8">
        <v>24326144</v>
      </c>
      <c r="K34393" s="9"/>
      <c r="L34393" s="6"/>
    </row>
    <row r="34394" spans="1:12">
      <c r="A34394" s="6" t="s">
        <v>34560</v>
      </c>
      <c r="B34394" s="6"/>
      <c r="C34394" s="6" t="s">
        <v>32230</v>
      </c>
      <c r="D34394" s="6"/>
      <c r="E34394" s="6" t="s">
        <v>9</v>
      </c>
      <c r="F34394" s="7">
        <v>39173</v>
      </c>
      <c r="G34394" s="8">
        <v>68086200</v>
      </c>
      <c r="H34394" s="8">
        <v>53039155</v>
      </c>
      <c r="I34394" s="8">
        <v>16204510</v>
      </c>
      <c r="J34394" s="8">
        <v>51881690</v>
      </c>
      <c r="K34394" s="9"/>
      <c r="L34394" s="6"/>
    </row>
    <row r="34395" spans="1:12">
      <c r="A34395" s="6" t="s">
        <v>34561</v>
      </c>
      <c r="B34395" s="6"/>
      <c r="C34395" s="6" t="s">
        <v>32230</v>
      </c>
      <c r="D34395" s="6"/>
      <c r="E34395" s="6" t="s">
        <v>9</v>
      </c>
      <c r="F34395" s="7">
        <v>43045</v>
      </c>
      <c r="G34395" s="8">
        <v>129600</v>
      </c>
      <c r="H34395" s="8">
        <v>121824</v>
      </c>
      <c r="I34395" s="8">
        <v>10368</v>
      </c>
      <c r="J34395" s="8">
        <v>119232</v>
      </c>
      <c r="K34395" s="9"/>
      <c r="L34395" s="6"/>
    </row>
    <row r="34396" spans="1:12">
      <c r="A34396" s="6" t="s">
        <v>34562</v>
      </c>
      <c r="B34396" s="6"/>
      <c r="C34396" s="6" t="s">
        <v>32230</v>
      </c>
      <c r="D34396" s="6"/>
      <c r="E34396" s="6" t="s">
        <v>9</v>
      </c>
      <c r="F34396" s="7">
        <v>43774</v>
      </c>
      <c r="G34396" s="8">
        <v>25315500</v>
      </c>
      <c r="H34396" s="8">
        <v>24809190</v>
      </c>
      <c r="I34396" s="8">
        <v>1012620</v>
      </c>
      <c r="J34396" s="8">
        <v>24302880</v>
      </c>
      <c r="K34396" s="9"/>
      <c r="L34396" s="6"/>
    </row>
    <row r="34397" spans="1:12">
      <c r="A34397" s="6" t="s">
        <v>34563</v>
      </c>
      <c r="B34397" s="6"/>
      <c r="C34397" s="6" t="s">
        <v>32230</v>
      </c>
      <c r="D34397" s="6"/>
      <c r="E34397" s="6" t="s">
        <v>9</v>
      </c>
      <c r="F34397" s="7">
        <v>32947</v>
      </c>
      <c r="G34397" s="8">
        <v>95692800</v>
      </c>
      <c r="H34397" s="8">
        <v>36363264</v>
      </c>
      <c r="I34397" s="8">
        <v>61243392</v>
      </c>
      <c r="J34397" s="8">
        <v>34449408</v>
      </c>
      <c r="K34397" s="9"/>
      <c r="L34397" s="6"/>
    </row>
    <row r="34398" spans="1:12">
      <c r="A34398" s="6" t="s">
        <v>33185</v>
      </c>
      <c r="B34398" s="6"/>
      <c r="C34398" s="6" t="s">
        <v>32230</v>
      </c>
      <c r="D34398" s="6"/>
      <c r="E34398" s="6" t="s">
        <v>9</v>
      </c>
      <c r="F34398" s="7">
        <v>24563</v>
      </c>
      <c r="G34398" s="8">
        <v>87223500</v>
      </c>
      <c r="H34398" s="8">
        <v>8635153</v>
      </c>
      <c r="I34398" s="8">
        <v>80071146</v>
      </c>
      <c r="J34398" s="8">
        <v>7152354</v>
      </c>
      <c r="K34398" s="9"/>
      <c r="L34398" s="6"/>
    </row>
    <row r="34399" spans="1:12">
      <c r="A34399" s="6" t="s">
        <v>34564</v>
      </c>
      <c r="B34399" s="6"/>
      <c r="C34399" s="6" t="s">
        <v>32230</v>
      </c>
      <c r="D34399" s="6"/>
      <c r="E34399" s="6" t="s">
        <v>9</v>
      </c>
      <c r="F34399" s="7">
        <v>43692</v>
      </c>
      <c r="G34399" s="8">
        <v>993600</v>
      </c>
      <c r="H34399" s="8">
        <v>894240</v>
      </c>
      <c r="I34399" s="8">
        <v>198720</v>
      </c>
      <c r="J34399" s="8">
        <v>794880</v>
      </c>
      <c r="K34399" s="9"/>
      <c r="L34399" s="6"/>
    </row>
    <row r="34400" spans="1:12">
      <c r="A34400" s="6" t="s">
        <v>34564</v>
      </c>
      <c r="B34400" s="6"/>
      <c r="C34400" s="6" t="s">
        <v>32230</v>
      </c>
      <c r="D34400" s="6"/>
      <c r="E34400" s="6" t="s">
        <v>9</v>
      </c>
      <c r="F34400" s="7">
        <v>44032</v>
      </c>
      <c r="G34400" s="8">
        <v>880000</v>
      </c>
      <c r="H34400" s="8">
        <v>880000</v>
      </c>
      <c r="I34400" s="8">
        <v>88000</v>
      </c>
      <c r="J34400" s="8">
        <v>792000</v>
      </c>
      <c r="K34400" s="9"/>
      <c r="L34400" s="6"/>
    </row>
    <row r="34401" spans="1:12">
      <c r="A34401" s="6" t="s">
        <v>34565</v>
      </c>
      <c r="B34401" s="6"/>
      <c r="C34401" s="6" t="s">
        <v>32230</v>
      </c>
      <c r="D34401" s="6"/>
      <c r="E34401" s="6" t="s">
        <v>9</v>
      </c>
      <c r="F34401" s="7">
        <v>32233</v>
      </c>
      <c r="G34401" s="8">
        <v>126080000</v>
      </c>
      <c r="H34401" s="8">
        <v>42867200</v>
      </c>
      <c r="I34401" s="8">
        <v>85734400</v>
      </c>
      <c r="J34401" s="8">
        <v>40345600</v>
      </c>
      <c r="K34401" s="9"/>
      <c r="L34401" s="6"/>
    </row>
    <row r="34402" spans="1:12">
      <c r="A34402" s="6" t="s">
        <v>34566</v>
      </c>
      <c r="B34402" s="6"/>
      <c r="C34402" s="6" t="s">
        <v>32230</v>
      </c>
      <c r="D34402" s="6"/>
      <c r="E34402" s="6" t="s">
        <v>9</v>
      </c>
      <c r="F34402" s="7">
        <v>32598</v>
      </c>
      <c r="G34402" s="8">
        <v>106304000</v>
      </c>
      <c r="H34402" s="8">
        <v>38269440</v>
      </c>
      <c r="I34402" s="8">
        <v>70160640</v>
      </c>
      <c r="J34402" s="8">
        <v>36143360</v>
      </c>
      <c r="K34402" s="9"/>
      <c r="L34402" s="6"/>
    </row>
    <row r="34403" spans="1:12">
      <c r="A34403" s="6" t="s">
        <v>34567</v>
      </c>
      <c r="B34403" s="6"/>
      <c r="C34403" s="6" t="s">
        <v>32230</v>
      </c>
      <c r="D34403" s="6"/>
      <c r="E34403" s="6" t="s">
        <v>9</v>
      </c>
      <c r="F34403" s="7">
        <v>31382</v>
      </c>
      <c r="G34403" s="8">
        <v>145454400</v>
      </c>
      <c r="H34403" s="8">
        <v>28363615</v>
      </c>
      <c r="I34403" s="8">
        <v>120436236</v>
      </c>
      <c r="J34403" s="8">
        <v>25018164</v>
      </c>
      <c r="K34403" s="9"/>
      <c r="L34403" s="6"/>
    </row>
    <row r="34404" spans="1:12">
      <c r="A34404" s="6" t="s">
        <v>34568</v>
      </c>
      <c r="B34404" s="6"/>
      <c r="C34404" s="6" t="s">
        <v>32230</v>
      </c>
      <c r="D34404" s="6"/>
      <c r="E34404" s="6" t="s">
        <v>9</v>
      </c>
      <c r="F34404" s="7">
        <v>31502</v>
      </c>
      <c r="G34404" s="8">
        <v>85555200</v>
      </c>
      <c r="H34404" s="8">
        <v>25666560</v>
      </c>
      <c r="I34404" s="8">
        <v>61599744</v>
      </c>
      <c r="J34404" s="8">
        <v>23955456</v>
      </c>
      <c r="K34404" s="9"/>
      <c r="L34404" s="6"/>
    </row>
    <row r="34405" spans="1:12">
      <c r="A34405" s="6" t="s">
        <v>34569</v>
      </c>
      <c r="B34405" s="6"/>
      <c r="C34405" s="6" t="s">
        <v>32230</v>
      </c>
      <c r="D34405" s="6"/>
      <c r="E34405" s="6" t="s">
        <v>9</v>
      </c>
      <c r="F34405" s="7">
        <v>22706</v>
      </c>
      <c r="G34405" s="8">
        <v>213862740</v>
      </c>
      <c r="H34405" s="8">
        <v>1</v>
      </c>
      <c r="I34405" s="8">
        <v>213862739</v>
      </c>
      <c r="J34405" s="8">
        <v>1</v>
      </c>
      <c r="K34405" s="9"/>
      <c r="L34405" s="6"/>
    </row>
    <row r="34406" spans="1:12">
      <c r="A34406" s="6" t="s">
        <v>34570</v>
      </c>
      <c r="B34406" s="6"/>
      <c r="C34406" s="6" t="s">
        <v>32230</v>
      </c>
      <c r="D34406" s="6"/>
      <c r="E34406" s="6" t="s">
        <v>9</v>
      </c>
      <c r="F34406" s="7">
        <v>42993</v>
      </c>
      <c r="G34406" s="8">
        <v>1209600</v>
      </c>
      <c r="H34406" s="8">
        <v>966471</v>
      </c>
      <c r="I34406" s="8">
        <v>324172</v>
      </c>
      <c r="J34406" s="8">
        <v>885428</v>
      </c>
      <c r="K34406" s="9"/>
      <c r="L34406" s="6"/>
    </row>
    <row r="34407" spans="1:12">
      <c r="A34407" s="6" t="s">
        <v>34571</v>
      </c>
      <c r="B34407" s="6"/>
      <c r="C34407" s="6" t="s">
        <v>32230</v>
      </c>
      <c r="D34407" s="6"/>
      <c r="E34407" s="6" t="s">
        <v>9</v>
      </c>
      <c r="F34407" s="7">
        <v>32233</v>
      </c>
      <c r="G34407" s="8">
        <v>47887200</v>
      </c>
      <c r="H34407" s="8">
        <v>16281648</v>
      </c>
      <c r="I34407" s="8">
        <v>32563296</v>
      </c>
      <c r="J34407" s="8">
        <v>15323904</v>
      </c>
      <c r="K34407" s="9"/>
      <c r="L34407" s="6"/>
    </row>
    <row r="34408" spans="1:12">
      <c r="A34408" s="6" t="s">
        <v>34571</v>
      </c>
      <c r="B34408" s="6"/>
      <c r="C34408" s="6" t="s">
        <v>32230</v>
      </c>
      <c r="D34408" s="6"/>
      <c r="E34408" s="6"/>
      <c r="F34408" s="7">
        <v>43922</v>
      </c>
      <c r="G34408" s="8">
        <v>2629000</v>
      </c>
      <c r="H34408" s="8">
        <v>2629000</v>
      </c>
      <c r="I34408" s="8">
        <v>52580</v>
      </c>
      <c r="J34408" s="8">
        <v>2576420</v>
      </c>
      <c r="K34408" s="9"/>
      <c r="L34408" s="6"/>
    </row>
    <row r="34409" spans="1:12">
      <c r="A34409" s="6" t="s">
        <v>34572</v>
      </c>
      <c r="B34409" s="6"/>
      <c r="C34409" s="6" t="s">
        <v>32230</v>
      </c>
      <c r="D34409" s="6"/>
      <c r="E34409" s="6"/>
      <c r="F34409" s="7">
        <v>43556</v>
      </c>
      <c r="G34409" s="8">
        <v>1080000</v>
      </c>
      <c r="H34409" s="8">
        <v>1058400</v>
      </c>
      <c r="I34409" s="8">
        <v>43200</v>
      </c>
      <c r="J34409" s="8">
        <v>1036800</v>
      </c>
      <c r="K34409" s="9"/>
      <c r="L34409" s="6"/>
    </row>
    <row r="34410" spans="1:12">
      <c r="A34410" s="6" t="s">
        <v>34572</v>
      </c>
      <c r="B34410" s="6"/>
      <c r="C34410" s="6" t="s">
        <v>32230</v>
      </c>
      <c r="D34410" s="6"/>
      <c r="E34410" s="6"/>
      <c r="F34410" s="7">
        <v>43556</v>
      </c>
      <c r="G34410" s="8">
        <v>3140000</v>
      </c>
      <c r="H34410" s="8">
        <v>3077200</v>
      </c>
      <c r="I34410" s="8">
        <v>125600</v>
      </c>
      <c r="J34410" s="8">
        <v>3014400</v>
      </c>
      <c r="K34410" s="9"/>
      <c r="L34410" s="6"/>
    </row>
    <row r="34411" spans="1:12">
      <c r="A34411" s="6" t="s">
        <v>34572</v>
      </c>
      <c r="B34411" s="6"/>
      <c r="C34411" s="6" t="s">
        <v>32230</v>
      </c>
      <c r="D34411" s="6"/>
      <c r="E34411" s="6"/>
      <c r="F34411" s="7">
        <v>43191</v>
      </c>
      <c r="G34411" s="8">
        <v>3511080</v>
      </c>
      <c r="H34411" s="8">
        <v>3370638</v>
      </c>
      <c r="I34411" s="8">
        <v>210663</v>
      </c>
      <c r="J34411" s="8">
        <v>3300417</v>
      </c>
      <c r="K34411" s="9"/>
      <c r="L34411" s="6"/>
    </row>
    <row r="34412" spans="1:12">
      <c r="A34412" s="6" t="s">
        <v>34572</v>
      </c>
      <c r="B34412" s="6"/>
      <c r="C34412" s="6" t="s">
        <v>32230</v>
      </c>
      <c r="D34412" s="6"/>
      <c r="E34412" s="6"/>
      <c r="F34412" s="7">
        <v>43922</v>
      </c>
      <c r="G34412" s="8">
        <v>5851400</v>
      </c>
      <c r="H34412" s="8">
        <v>5851400</v>
      </c>
      <c r="I34412" s="8">
        <v>117028</v>
      </c>
      <c r="J34412" s="8">
        <v>5734372</v>
      </c>
      <c r="K34412" s="9"/>
      <c r="L34412" s="6"/>
    </row>
    <row r="34413" spans="1:12">
      <c r="A34413" s="6" t="s">
        <v>34572</v>
      </c>
      <c r="B34413" s="6"/>
      <c r="C34413" s="6" t="s">
        <v>32230</v>
      </c>
      <c r="D34413" s="6"/>
      <c r="E34413" s="6"/>
      <c r="F34413" s="7">
        <v>43556</v>
      </c>
      <c r="G34413" s="8">
        <v>770000</v>
      </c>
      <c r="H34413" s="8">
        <v>754600</v>
      </c>
      <c r="I34413" s="8">
        <v>30800</v>
      </c>
      <c r="J34413" s="8">
        <v>739200</v>
      </c>
      <c r="K34413" s="9"/>
      <c r="L34413" s="6"/>
    </row>
    <row r="34414" spans="1:12">
      <c r="A34414" s="6" t="s">
        <v>34572</v>
      </c>
      <c r="B34414" s="6"/>
      <c r="C34414" s="6" t="s">
        <v>32230</v>
      </c>
      <c r="D34414" s="6"/>
      <c r="E34414" s="6" t="s">
        <v>9</v>
      </c>
      <c r="F34414" s="7">
        <v>29305</v>
      </c>
      <c r="G34414" s="8">
        <v>443392000</v>
      </c>
      <c r="H34414" s="8">
        <v>79810560</v>
      </c>
      <c r="I34414" s="8">
        <v>372449280</v>
      </c>
      <c r="J34414" s="8">
        <v>70942720</v>
      </c>
      <c r="K34414" s="9"/>
      <c r="L34414" s="6"/>
    </row>
    <row r="34415" spans="1:12">
      <c r="A34415" s="6" t="s">
        <v>34572</v>
      </c>
      <c r="B34415" s="6"/>
      <c r="C34415" s="6" t="s">
        <v>32230</v>
      </c>
      <c r="D34415" s="6"/>
      <c r="E34415" s="6"/>
      <c r="F34415" s="7">
        <v>43922</v>
      </c>
      <c r="G34415" s="8">
        <v>8745000</v>
      </c>
      <c r="H34415" s="8">
        <v>8745000</v>
      </c>
      <c r="I34415" s="8">
        <v>174900</v>
      </c>
      <c r="J34415" s="8">
        <v>8570100</v>
      </c>
      <c r="K34415" s="9"/>
      <c r="L34415" s="6"/>
    </row>
    <row r="34416" spans="1:12">
      <c r="A34416" s="6" t="s">
        <v>34573</v>
      </c>
      <c r="B34416" s="6"/>
      <c r="C34416" s="6" t="s">
        <v>32230</v>
      </c>
      <c r="D34416" s="6"/>
      <c r="E34416" s="6" t="s">
        <v>9</v>
      </c>
      <c r="F34416" s="7">
        <v>33684</v>
      </c>
      <c r="G34416" s="8">
        <v>228390400</v>
      </c>
      <c r="H34416" s="8">
        <v>95923968</v>
      </c>
      <c r="I34416" s="8">
        <v>137034240</v>
      </c>
      <c r="J34416" s="8">
        <v>91356160</v>
      </c>
      <c r="K34416" s="9"/>
      <c r="L34416" s="6"/>
    </row>
    <row r="34417" spans="1:12">
      <c r="A34417" s="6" t="s">
        <v>34574</v>
      </c>
      <c r="B34417" s="6"/>
      <c r="C34417" s="6" t="s">
        <v>32230</v>
      </c>
      <c r="D34417" s="6"/>
      <c r="E34417" s="6" t="s">
        <v>9</v>
      </c>
      <c r="F34417" s="7">
        <v>38078</v>
      </c>
      <c r="G34417" s="8">
        <v>63063000</v>
      </c>
      <c r="H34417" s="8">
        <v>45909864</v>
      </c>
      <c r="I34417" s="8">
        <v>18225207</v>
      </c>
      <c r="J34417" s="8">
        <v>44837793</v>
      </c>
      <c r="K34417" s="9"/>
      <c r="L34417" s="6"/>
    </row>
    <row r="34418" spans="1:12">
      <c r="A34418" s="6" t="s">
        <v>33185</v>
      </c>
      <c r="B34418" s="6"/>
      <c r="C34418" s="6" t="s">
        <v>32230</v>
      </c>
      <c r="D34418" s="6"/>
      <c r="E34418" s="6" t="s">
        <v>9</v>
      </c>
      <c r="F34418" s="7">
        <v>36982</v>
      </c>
      <c r="G34418" s="8">
        <v>25225200</v>
      </c>
      <c r="H34418" s="8">
        <v>17077468</v>
      </c>
      <c r="I34418" s="8">
        <v>8576560</v>
      </c>
      <c r="J34418" s="8">
        <v>16648640</v>
      </c>
      <c r="K34418" s="9"/>
      <c r="L34418" s="6"/>
    </row>
    <row r="34419" spans="1:12">
      <c r="A34419" s="6" t="s">
        <v>34575</v>
      </c>
      <c r="B34419" s="6"/>
      <c r="C34419" s="6" t="s">
        <v>32230</v>
      </c>
      <c r="D34419" s="6"/>
      <c r="E34419" s="6" t="s">
        <v>9</v>
      </c>
      <c r="F34419" s="7">
        <v>36982</v>
      </c>
      <c r="G34419" s="8">
        <v>68222700</v>
      </c>
      <c r="H34419" s="8">
        <v>46186785</v>
      </c>
      <c r="I34419" s="8">
        <v>23195700</v>
      </c>
      <c r="J34419" s="8">
        <v>45027000</v>
      </c>
      <c r="K34419" s="9"/>
      <c r="L34419" s="6"/>
    </row>
    <row r="34420" spans="1:12">
      <c r="A34420" s="6" t="s">
        <v>34576</v>
      </c>
      <c r="B34420" s="6"/>
      <c r="C34420" s="6" t="s">
        <v>32230</v>
      </c>
      <c r="D34420" s="6"/>
      <c r="E34420" s="6" t="s">
        <v>9</v>
      </c>
      <c r="F34420" s="7">
        <v>39169</v>
      </c>
      <c r="G34420" s="8">
        <v>122828400</v>
      </c>
      <c r="H34420" s="8">
        <v>88436448</v>
      </c>
      <c r="I34420" s="8">
        <v>36848520</v>
      </c>
      <c r="J34420" s="8">
        <v>85979880</v>
      </c>
      <c r="K34420" s="9"/>
      <c r="L34420" s="6"/>
    </row>
    <row r="34421" spans="1:12">
      <c r="A34421" s="6" t="s">
        <v>33185</v>
      </c>
      <c r="B34421" s="6"/>
      <c r="C34421" s="6" t="s">
        <v>32230</v>
      </c>
      <c r="D34421" s="6"/>
      <c r="E34421" s="6" t="s">
        <v>9</v>
      </c>
      <c r="F34421" s="7">
        <v>26024</v>
      </c>
      <c r="G34421" s="8">
        <v>18018000</v>
      </c>
      <c r="H34421" s="8">
        <v>3009006</v>
      </c>
      <c r="I34421" s="8">
        <v>15315300</v>
      </c>
      <c r="J34421" s="8">
        <v>2702700</v>
      </c>
      <c r="K34421" s="9"/>
      <c r="L34421" s="6"/>
    </row>
    <row r="34422" spans="1:12">
      <c r="A34422" s="6" t="s">
        <v>33185</v>
      </c>
      <c r="B34422" s="6"/>
      <c r="C34422" s="6" t="s">
        <v>32230</v>
      </c>
      <c r="D34422" s="6"/>
      <c r="E34422" s="6" t="s">
        <v>9</v>
      </c>
      <c r="F34422" s="7"/>
      <c r="G34422" s="8">
        <v>1</v>
      </c>
      <c r="H34422" s="8">
        <v>1</v>
      </c>
      <c r="I34422" s="8">
        <v>0</v>
      </c>
      <c r="J34422" s="8">
        <v>1</v>
      </c>
      <c r="K34422" s="9"/>
      <c r="L34422" s="6"/>
    </row>
    <row r="34423" spans="1:12">
      <c r="A34423" s="6" t="s">
        <v>34577</v>
      </c>
      <c r="B34423" s="6"/>
      <c r="C34423" s="6" t="s">
        <v>32230</v>
      </c>
      <c r="D34423" s="6"/>
      <c r="E34423" s="6" t="s">
        <v>9</v>
      </c>
      <c r="F34423" s="7">
        <v>39169</v>
      </c>
      <c r="G34423" s="8">
        <v>316693800</v>
      </c>
      <c r="H34423" s="8">
        <v>228019536</v>
      </c>
      <c r="I34423" s="8">
        <v>95008140</v>
      </c>
      <c r="J34423" s="8">
        <v>221685660</v>
      </c>
      <c r="K34423" s="9"/>
      <c r="L34423" s="6"/>
    </row>
    <row r="34424" spans="1:12">
      <c r="A34424" s="6" t="s">
        <v>34577</v>
      </c>
      <c r="B34424" s="6"/>
      <c r="C34424" s="6" t="s">
        <v>32230</v>
      </c>
      <c r="D34424" s="6"/>
      <c r="E34424" s="6"/>
      <c r="F34424" s="7">
        <v>43191</v>
      </c>
      <c r="G34424" s="8">
        <v>648000</v>
      </c>
      <c r="H34424" s="8">
        <v>622080</v>
      </c>
      <c r="I34424" s="8">
        <v>38880</v>
      </c>
      <c r="J34424" s="8">
        <v>609120</v>
      </c>
      <c r="K34424" s="9"/>
      <c r="L34424" s="6"/>
    </row>
    <row r="34425" spans="1:12">
      <c r="A34425" s="6" t="s">
        <v>34578</v>
      </c>
      <c r="B34425" s="6"/>
      <c r="C34425" s="6" t="s">
        <v>32230</v>
      </c>
      <c r="D34425" s="6"/>
      <c r="E34425" s="6" t="s">
        <v>9</v>
      </c>
      <c r="F34425" s="7">
        <v>34669</v>
      </c>
      <c r="G34425" s="8">
        <v>92929200</v>
      </c>
      <c r="H34425" s="8">
        <v>51854504</v>
      </c>
      <c r="I34425" s="8">
        <v>42654492</v>
      </c>
      <c r="J34425" s="8">
        <v>50274708</v>
      </c>
      <c r="K34425" s="9"/>
      <c r="L34425" s="6"/>
    </row>
    <row r="34426" spans="1:12">
      <c r="A34426" s="6" t="s">
        <v>33185</v>
      </c>
      <c r="B34426" s="6"/>
      <c r="C34426" s="6" t="s">
        <v>32230</v>
      </c>
      <c r="D34426" s="6"/>
      <c r="E34426" s="6" t="s">
        <v>9</v>
      </c>
      <c r="F34426" s="7"/>
      <c r="G34426" s="8">
        <v>1</v>
      </c>
      <c r="H34426" s="8">
        <v>1</v>
      </c>
      <c r="I34426" s="8">
        <v>0</v>
      </c>
      <c r="J34426" s="8">
        <v>1</v>
      </c>
      <c r="K34426" s="9"/>
      <c r="L34426" s="6"/>
    </row>
    <row r="34427" spans="1:12">
      <c r="A34427" s="6" t="s">
        <v>34579</v>
      </c>
      <c r="B34427" s="6"/>
      <c r="C34427" s="6" t="s">
        <v>32230</v>
      </c>
      <c r="D34427" s="6"/>
      <c r="E34427" s="6" t="s">
        <v>9</v>
      </c>
      <c r="F34427" s="7">
        <v>33248</v>
      </c>
      <c r="G34427" s="8">
        <v>181004800</v>
      </c>
      <c r="H34427" s="8">
        <v>72401920</v>
      </c>
      <c r="I34427" s="8">
        <v>112222976</v>
      </c>
      <c r="J34427" s="8">
        <v>68781824</v>
      </c>
      <c r="K34427" s="9"/>
      <c r="L34427" s="6"/>
    </row>
    <row r="34428" spans="1:12">
      <c r="A34428" s="6" t="s">
        <v>34580</v>
      </c>
      <c r="B34428" s="6"/>
      <c r="C34428" s="6" t="s">
        <v>32230</v>
      </c>
      <c r="D34428" s="6"/>
      <c r="E34428" s="6" t="s">
        <v>9</v>
      </c>
      <c r="F34428" s="7">
        <v>29305</v>
      </c>
      <c r="G34428" s="8">
        <v>108783000</v>
      </c>
      <c r="H34428" s="8">
        <v>19580940</v>
      </c>
      <c r="I34428" s="8">
        <v>91377720</v>
      </c>
      <c r="J34428" s="8">
        <v>17405280</v>
      </c>
      <c r="K34428" s="9"/>
      <c r="L34428" s="6"/>
    </row>
    <row r="34429" spans="1:12">
      <c r="A34429" s="6" t="s">
        <v>33185</v>
      </c>
      <c r="B34429" s="6"/>
      <c r="C34429" s="6" t="s">
        <v>32230</v>
      </c>
      <c r="D34429" s="6"/>
      <c r="E34429" s="6" t="s">
        <v>9</v>
      </c>
      <c r="F34429" s="7">
        <v>25659</v>
      </c>
      <c r="G34429" s="8">
        <v>25935000</v>
      </c>
      <c r="H34429" s="8">
        <v>3890250</v>
      </c>
      <c r="I34429" s="8">
        <v>22485645</v>
      </c>
      <c r="J34429" s="8">
        <v>3449355</v>
      </c>
      <c r="K34429" s="9"/>
      <c r="L34429" s="6"/>
    </row>
    <row r="34430" spans="1:12">
      <c r="A34430" s="6" t="s">
        <v>34581</v>
      </c>
      <c r="B34430" s="6"/>
      <c r="C34430" s="6" t="s">
        <v>32230</v>
      </c>
      <c r="D34430" s="6"/>
      <c r="E34430" s="6" t="s">
        <v>9</v>
      </c>
      <c r="F34430" s="7">
        <v>39169</v>
      </c>
      <c r="G34430" s="8">
        <v>128506500</v>
      </c>
      <c r="H34430" s="8">
        <v>92524680</v>
      </c>
      <c r="I34430" s="8">
        <v>38551950</v>
      </c>
      <c r="J34430" s="8">
        <v>89954550</v>
      </c>
      <c r="K34430" s="9"/>
      <c r="L34430" s="6"/>
    </row>
    <row r="34431" spans="1:12">
      <c r="A34431" s="6" t="s">
        <v>34582</v>
      </c>
      <c r="B34431" s="6"/>
      <c r="C34431" s="6" t="s">
        <v>32230</v>
      </c>
      <c r="D34431" s="6"/>
      <c r="E34431" s="6" t="s">
        <v>9</v>
      </c>
      <c r="F34431" s="7">
        <v>42394</v>
      </c>
      <c r="G34431" s="8">
        <v>31347000</v>
      </c>
      <c r="H34431" s="8">
        <v>28212300</v>
      </c>
      <c r="I34431" s="8">
        <v>3761640</v>
      </c>
      <c r="J34431" s="8">
        <v>27585360</v>
      </c>
      <c r="K34431" s="9"/>
      <c r="L34431" s="6"/>
    </row>
    <row r="34432" spans="1:12">
      <c r="A34432" s="6" t="s">
        <v>34583</v>
      </c>
      <c r="B34432" s="6"/>
      <c r="C34432" s="6" t="s">
        <v>32230</v>
      </c>
      <c r="D34432" s="6"/>
      <c r="E34432" s="6" t="s">
        <v>9</v>
      </c>
      <c r="F34432" s="7">
        <v>29305</v>
      </c>
      <c r="G34432" s="8">
        <v>308416000</v>
      </c>
      <c r="H34432" s="8">
        <v>55514880</v>
      </c>
      <c r="I34432" s="8">
        <v>259069440</v>
      </c>
      <c r="J34432" s="8">
        <v>49346560</v>
      </c>
      <c r="K34432" s="9"/>
      <c r="L34432" s="6"/>
    </row>
    <row r="34433" spans="1:12">
      <c r="A34433" s="6" t="s">
        <v>34584</v>
      </c>
      <c r="B34433" s="6"/>
      <c r="C34433" s="6" t="s">
        <v>32230</v>
      </c>
      <c r="D34433" s="6"/>
      <c r="E34433" s="6" t="s">
        <v>9</v>
      </c>
      <c r="F34433" s="7">
        <v>35400</v>
      </c>
      <c r="G34433" s="8">
        <v>150089940</v>
      </c>
      <c r="H34433" s="8">
        <v>67240308</v>
      </c>
      <c r="I34433" s="8">
        <v>86301700</v>
      </c>
      <c r="J34433" s="8">
        <v>63788240</v>
      </c>
      <c r="K34433" s="9"/>
      <c r="L34433" s="6"/>
    </row>
    <row r="34434" spans="1:12">
      <c r="A34434" s="6" t="s">
        <v>34585</v>
      </c>
      <c r="B34434" s="6"/>
      <c r="C34434" s="6" t="s">
        <v>32230</v>
      </c>
      <c r="D34434" s="6"/>
      <c r="E34434" s="6" t="s">
        <v>9</v>
      </c>
      <c r="F34434" s="7">
        <v>33248</v>
      </c>
      <c r="G34434" s="8">
        <v>91136000</v>
      </c>
      <c r="H34434" s="8">
        <v>36454400</v>
      </c>
      <c r="I34434" s="8">
        <v>56504320</v>
      </c>
      <c r="J34434" s="8">
        <v>34631680</v>
      </c>
      <c r="K34434" s="9"/>
      <c r="L34434" s="6"/>
    </row>
    <row r="34435" spans="1:12">
      <c r="A34435" s="6" t="s">
        <v>34586</v>
      </c>
      <c r="B34435" s="6"/>
      <c r="C34435" s="6" t="s">
        <v>32230</v>
      </c>
      <c r="D34435" s="6"/>
      <c r="E34435" s="6" t="s">
        <v>9</v>
      </c>
      <c r="F34435" s="7">
        <v>32234</v>
      </c>
      <c r="G34435" s="8">
        <v>126344400</v>
      </c>
      <c r="H34435" s="8">
        <v>57613072</v>
      </c>
      <c r="I34435" s="8">
        <v>70879182</v>
      </c>
      <c r="J34435" s="8">
        <v>55465218</v>
      </c>
      <c r="K34435" s="9"/>
      <c r="L34435" s="6"/>
    </row>
    <row r="34436" spans="1:12">
      <c r="A34436" s="6" t="s">
        <v>34587</v>
      </c>
      <c r="B34436" s="6"/>
      <c r="C34436" s="6" t="s">
        <v>32230</v>
      </c>
      <c r="D34436" s="6"/>
      <c r="E34436" s="6"/>
      <c r="F34436" s="7">
        <v>43922</v>
      </c>
      <c r="G34436" s="8">
        <v>1287000</v>
      </c>
      <c r="H34436" s="8">
        <v>1287000</v>
      </c>
      <c r="I34436" s="8">
        <v>25740</v>
      </c>
      <c r="J34436" s="8">
        <v>1261260</v>
      </c>
      <c r="K34436" s="9"/>
      <c r="L34436" s="6"/>
    </row>
    <row r="34437" spans="1:12">
      <c r="A34437" s="6" t="s">
        <v>34587</v>
      </c>
      <c r="B34437" s="6"/>
      <c r="C34437" s="6" t="s">
        <v>32230</v>
      </c>
      <c r="D34437" s="6"/>
      <c r="E34437" s="6"/>
      <c r="F34437" s="7">
        <v>43922</v>
      </c>
      <c r="G34437" s="8">
        <v>15121700</v>
      </c>
      <c r="H34437" s="8">
        <v>15121700</v>
      </c>
      <c r="I34437" s="8">
        <v>302434</v>
      </c>
      <c r="J34437" s="8">
        <v>14819266</v>
      </c>
      <c r="K34437" s="9"/>
      <c r="L34437" s="6"/>
    </row>
    <row r="34438" spans="1:12">
      <c r="A34438" s="6" t="s">
        <v>34587</v>
      </c>
      <c r="B34438" s="6"/>
      <c r="C34438" s="6" t="s">
        <v>32230</v>
      </c>
      <c r="D34438" s="6"/>
      <c r="E34438" s="6"/>
      <c r="F34438" s="7"/>
      <c r="G34438" s="8">
        <v>22501600</v>
      </c>
      <c r="H34438" s="8">
        <v>22501600</v>
      </c>
      <c r="I34438" s="8">
        <v>450032</v>
      </c>
      <c r="J34438" s="8">
        <v>22051568</v>
      </c>
      <c r="K34438" s="9"/>
      <c r="L34438" s="6"/>
    </row>
    <row r="34439" spans="1:12">
      <c r="A34439" s="6" t="s">
        <v>34587</v>
      </c>
      <c r="B34439" s="6"/>
      <c r="C34439" s="6" t="s">
        <v>32230</v>
      </c>
      <c r="D34439" s="6"/>
      <c r="E34439" s="6" t="s">
        <v>9</v>
      </c>
      <c r="F34439" s="7">
        <v>39169</v>
      </c>
      <c r="G34439" s="8">
        <v>454656000</v>
      </c>
      <c r="H34439" s="8">
        <v>327352320</v>
      </c>
      <c r="I34439" s="8">
        <v>136396800</v>
      </c>
      <c r="J34439" s="8">
        <v>318259200</v>
      </c>
      <c r="K34439" s="9"/>
      <c r="L34439" s="6"/>
    </row>
    <row r="34440" spans="1:12">
      <c r="A34440" s="6" t="s">
        <v>34587</v>
      </c>
      <c r="B34440" s="6"/>
      <c r="C34440" s="6" t="s">
        <v>32230</v>
      </c>
      <c r="D34440" s="6"/>
      <c r="E34440" s="6"/>
      <c r="F34440" s="7">
        <v>42826</v>
      </c>
      <c r="G34440" s="8">
        <v>5401080</v>
      </c>
      <c r="H34440" s="8">
        <v>5077017</v>
      </c>
      <c r="I34440" s="8">
        <v>432084</v>
      </c>
      <c r="J34440" s="8">
        <v>4968996</v>
      </c>
      <c r="K34440" s="9"/>
      <c r="L34440" s="6"/>
    </row>
    <row r="34441" spans="1:12">
      <c r="A34441" s="6" t="s">
        <v>34588</v>
      </c>
      <c r="B34441" s="6"/>
      <c r="C34441" s="6" t="s">
        <v>32230</v>
      </c>
      <c r="D34441" s="6"/>
      <c r="E34441" s="6" t="s">
        <v>9</v>
      </c>
      <c r="F34441" s="7">
        <v>38626</v>
      </c>
      <c r="G34441" s="8">
        <v>87219000</v>
      </c>
      <c r="H34441" s="8">
        <v>64978155</v>
      </c>
      <c r="I34441" s="8">
        <v>23723568</v>
      </c>
      <c r="J34441" s="8">
        <v>63495432</v>
      </c>
      <c r="K34441" s="9"/>
      <c r="L34441" s="6"/>
    </row>
    <row r="34442" spans="1:12">
      <c r="A34442" s="6" t="s">
        <v>34589</v>
      </c>
      <c r="B34442" s="6"/>
      <c r="C34442" s="6" t="s">
        <v>32230</v>
      </c>
      <c r="D34442" s="6"/>
      <c r="E34442" s="6" t="s">
        <v>9</v>
      </c>
      <c r="F34442" s="7">
        <v>27851</v>
      </c>
      <c r="G34442" s="8">
        <v>75348000</v>
      </c>
      <c r="H34442" s="8">
        <v>18987696</v>
      </c>
      <c r="I34442" s="8">
        <v>57641220</v>
      </c>
      <c r="J34442" s="8">
        <v>17706780</v>
      </c>
      <c r="K34442" s="9"/>
      <c r="L34442" s="6"/>
    </row>
    <row r="34443" spans="1:12">
      <c r="A34443" s="6" t="s">
        <v>34590</v>
      </c>
      <c r="B34443" s="6"/>
      <c r="C34443" s="6" t="s">
        <v>32230</v>
      </c>
      <c r="D34443" s="6"/>
      <c r="E34443" s="6" t="s">
        <v>9</v>
      </c>
      <c r="F34443" s="7">
        <v>30773</v>
      </c>
      <c r="G34443" s="8">
        <v>65520000</v>
      </c>
      <c r="H34443" s="8">
        <v>25421760</v>
      </c>
      <c r="I34443" s="8">
        <v>41212080</v>
      </c>
      <c r="J34443" s="8">
        <v>24307920</v>
      </c>
      <c r="K34443" s="9"/>
      <c r="L34443" s="6"/>
    </row>
    <row r="34444" spans="1:12">
      <c r="A34444" s="6" t="s">
        <v>34591</v>
      </c>
      <c r="B34444" s="6"/>
      <c r="C34444" s="6" t="s">
        <v>32230</v>
      </c>
      <c r="D34444" s="6"/>
      <c r="E34444" s="6" t="s">
        <v>9</v>
      </c>
      <c r="F34444" s="7">
        <v>34060</v>
      </c>
      <c r="G34444" s="8">
        <v>81081000</v>
      </c>
      <c r="H34444" s="8">
        <v>43864821</v>
      </c>
      <c r="I34444" s="8">
        <v>38594556</v>
      </c>
      <c r="J34444" s="8">
        <v>42486444</v>
      </c>
      <c r="K34444" s="9"/>
      <c r="L34444" s="6"/>
    </row>
    <row r="34445" spans="1:12">
      <c r="A34445" s="6" t="s">
        <v>34592</v>
      </c>
      <c r="B34445" s="6"/>
      <c r="C34445" s="6" t="s">
        <v>32230</v>
      </c>
      <c r="D34445" s="6"/>
      <c r="E34445" s="6" t="s">
        <v>9</v>
      </c>
      <c r="F34445" s="7">
        <v>42374</v>
      </c>
      <c r="G34445" s="8">
        <v>6578280</v>
      </c>
      <c r="H34445" s="8">
        <v>5920455</v>
      </c>
      <c r="I34445" s="8">
        <v>789390</v>
      </c>
      <c r="J34445" s="8">
        <v>5788890</v>
      </c>
      <c r="K34445" s="9"/>
      <c r="L34445" s="6"/>
    </row>
    <row r="34446" spans="1:12">
      <c r="A34446" s="6" t="s">
        <v>34593</v>
      </c>
      <c r="B34446" s="6"/>
      <c r="C34446" s="6" t="s">
        <v>32230</v>
      </c>
      <c r="D34446" s="6"/>
      <c r="E34446" s="6" t="s">
        <v>9</v>
      </c>
      <c r="F34446" s="7">
        <v>42804</v>
      </c>
      <c r="G34446" s="8">
        <v>5801760</v>
      </c>
      <c r="H34446" s="8">
        <v>5337620</v>
      </c>
      <c r="I34446" s="8">
        <v>580175</v>
      </c>
      <c r="J34446" s="8">
        <v>5221585</v>
      </c>
      <c r="K34446" s="9"/>
      <c r="L34446" s="6"/>
    </row>
    <row r="34447" spans="1:12">
      <c r="A34447" s="6" t="s">
        <v>34594</v>
      </c>
      <c r="B34447" s="6"/>
      <c r="C34447" s="6" t="s">
        <v>32230</v>
      </c>
      <c r="D34447" s="6"/>
      <c r="E34447" s="6" t="s">
        <v>9</v>
      </c>
      <c r="F34447" s="7">
        <v>33592</v>
      </c>
      <c r="G34447" s="8">
        <v>71231400</v>
      </c>
      <c r="H34447" s="8">
        <v>29917188</v>
      </c>
      <c r="I34447" s="8">
        <v>42738840</v>
      </c>
      <c r="J34447" s="8">
        <v>28492560</v>
      </c>
      <c r="K34447" s="9"/>
      <c r="L34447" s="6"/>
    </row>
    <row r="34448" spans="1:12">
      <c r="A34448" s="6" t="s">
        <v>33185</v>
      </c>
      <c r="B34448" s="6"/>
      <c r="C34448" s="6" t="s">
        <v>32230</v>
      </c>
      <c r="D34448" s="6"/>
      <c r="E34448" s="6" t="s">
        <v>9</v>
      </c>
      <c r="F34448" s="7"/>
      <c r="G34448" s="8">
        <v>1</v>
      </c>
      <c r="H34448" s="8">
        <v>1</v>
      </c>
      <c r="I34448" s="8">
        <v>0</v>
      </c>
      <c r="J34448" s="8">
        <v>1</v>
      </c>
      <c r="K34448" s="9"/>
      <c r="L34448" s="6"/>
    </row>
    <row r="34449" spans="1:12">
      <c r="A34449" s="6" t="s">
        <v>34595</v>
      </c>
      <c r="B34449" s="6"/>
      <c r="C34449" s="6" t="s">
        <v>32230</v>
      </c>
      <c r="D34449" s="6"/>
      <c r="E34449" s="6" t="s">
        <v>9</v>
      </c>
      <c r="F34449" s="7">
        <v>31500</v>
      </c>
      <c r="G34449" s="8">
        <v>105583500</v>
      </c>
      <c r="H34449" s="8">
        <v>31675050</v>
      </c>
      <c r="I34449" s="8">
        <v>76020120</v>
      </c>
      <c r="J34449" s="8">
        <v>29563380</v>
      </c>
      <c r="K34449" s="9"/>
      <c r="L34449" s="6"/>
    </row>
    <row r="34450" spans="1:12">
      <c r="A34450" s="6" t="s">
        <v>32848</v>
      </c>
      <c r="B34450" s="6"/>
      <c r="C34450" s="6" t="s">
        <v>32230</v>
      </c>
      <c r="D34450" s="6"/>
      <c r="E34450" s="6" t="s">
        <v>9</v>
      </c>
      <c r="F34450" s="7">
        <v>43921</v>
      </c>
      <c r="G34450" s="8">
        <v>1287000</v>
      </c>
      <c r="H34450" s="8">
        <v>1257399</v>
      </c>
      <c r="I34450" s="8">
        <v>59202</v>
      </c>
      <c r="J34450" s="8">
        <v>1227798</v>
      </c>
      <c r="K34450" s="9"/>
      <c r="L34450" s="6"/>
    </row>
    <row r="34451" spans="1:12">
      <c r="A34451" s="6" t="s">
        <v>34596</v>
      </c>
      <c r="B34451" s="6"/>
      <c r="C34451" s="6" t="s">
        <v>32230</v>
      </c>
      <c r="D34451" s="6"/>
      <c r="E34451" s="6" t="s">
        <v>9</v>
      </c>
      <c r="F34451" s="7">
        <v>31137</v>
      </c>
      <c r="G34451" s="8">
        <v>108054000</v>
      </c>
      <c r="H34451" s="8">
        <v>30255120</v>
      </c>
      <c r="I34451" s="8">
        <v>79959960</v>
      </c>
      <c r="J34451" s="8">
        <v>28094040</v>
      </c>
      <c r="K34451" s="9"/>
      <c r="L34451" s="6"/>
    </row>
    <row r="34452" spans="1:12">
      <c r="A34452" s="6" t="s">
        <v>34597</v>
      </c>
      <c r="B34452" s="6"/>
      <c r="C34452" s="6" t="s">
        <v>32230</v>
      </c>
      <c r="D34452" s="6"/>
      <c r="E34452" s="6" t="s">
        <v>9</v>
      </c>
      <c r="F34452" s="7">
        <v>39169</v>
      </c>
      <c r="G34452" s="8">
        <v>150271200</v>
      </c>
      <c r="H34452" s="8">
        <v>108195264</v>
      </c>
      <c r="I34452" s="8">
        <v>45081360</v>
      </c>
      <c r="J34452" s="8">
        <v>105189840</v>
      </c>
      <c r="K34452" s="9"/>
      <c r="L34452" s="6"/>
    </row>
    <row r="34453" spans="1:12">
      <c r="A34453" s="6" t="s">
        <v>34598</v>
      </c>
      <c r="B34453" s="6"/>
      <c r="C34453" s="6" t="s">
        <v>32230</v>
      </c>
      <c r="D34453" s="6"/>
      <c r="E34453" s="6" t="s">
        <v>9</v>
      </c>
      <c r="F34453" s="7">
        <v>28946</v>
      </c>
      <c r="G34453" s="8">
        <v>30576000</v>
      </c>
      <c r="H34453" s="8">
        <v>9264528</v>
      </c>
      <c r="I34453" s="8">
        <v>21831264</v>
      </c>
      <c r="J34453" s="8">
        <v>8744736</v>
      </c>
      <c r="K34453" s="9"/>
      <c r="L34453" s="6"/>
    </row>
    <row r="34454" spans="1:12">
      <c r="A34454" s="6" t="s">
        <v>34599</v>
      </c>
      <c r="B34454" s="6"/>
      <c r="C34454" s="6" t="s">
        <v>32230</v>
      </c>
      <c r="D34454" s="6"/>
      <c r="E34454" s="6" t="s">
        <v>9</v>
      </c>
      <c r="F34454" s="7">
        <v>29305</v>
      </c>
      <c r="G34454" s="8">
        <v>169784100</v>
      </c>
      <c r="H34454" s="8">
        <v>30561138</v>
      </c>
      <c r="I34454" s="8">
        <v>142618644</v>
      </c>
      <c r="J34454" s="8">
        <v>27165456</v>
      </c>
      <c r="K34454" s="9"/>
      <c r="L34454" s="6"/>
    </row>
    <row r="34455" spans="1:12">
      <c r="A34455" s="6" t="s">
        <v>33185</v>
      </c>
      <c r="B34455" s="6"/>
      <c r="C34455" s="6" t="s">
        <v>32230</v>
      </c>
      <c r="D34455" s="6"/>
      <c r="E34455" s="6" t="s">
        <v>9</v>
      </c>
      <c r="F34455" s="7"/>
      <c r="G34455" s="8">
        <v>1</v>
      </c>
      <c r="H34455" s="8">
        <v>1</v>
      </c>
      <c r="I34455" s="8">
        <v>0</v>
      </c>
      <c r="J34455" s="8">
        <v>1</v>
      </c>
      <c r="K34455" s="9"/>
      <c r="L34455" s="6"/>
    </row>
    <row r="34456" spans="1:12">
      <c r="A34456" s="6" t="s">
        <v>33185</v>
      </c>
      <c r="B34456" s="6"/>
      <c r="C34456" s="6" t="s">
        <v>32230</v>
      </c>
      <c r="D34456" s="6"/>
      <c r="E34456" s="6" t="s">
        <v>9</v>
      </c>
      <c r="F34456" s="7">
        <v>23468</v>
      </c>
      <c r="G34456" s="8">
        <v>10024560</v>
      </c>
      <c r="H34456" s="8">
        <v>481208</v>
      </c>
      <c r="I34456" s="8">
        <v>9713769</v>
      </c>
      <c r="J34456" s="8">
        <v>310791</v>
      </c>
      <c r="K34456" s="9"/>
      <c r="L34456" s="6"/>
    </row>
    <row r="34457" spans="1:12">
      <c r="A34457" s="6" t="s">
        <v>34600</v>
      </c>
      <c r="B34457" s="6"/>
      <c r="C34457" s="6" t="s">
        <v>32230</v>
      </c>
      <c r="D34457" s="6"/>
      <c r="E34457" s="6" t="s">
        <v>9</v>
      </c>
      <c r="F34457" s="7">
        <v>29305</v>
      </c>
      <c r="G34457" s="8">
        <v>18944000</v>
      </c>
      <c r="H34457" s="8">
        <v>3409920</v>
      </c>
      <c r="I34457" s="8">
        <v>15912960</v>
      </c>
      <c r="J34457" s="8">
        <v>3031040</v>
      </c>
      <c r="K34457" s="9"/>
      <c r="L34457" s="6"/>
    </row>
    <row r="34458" spans="1:12">
      <c r="A34458" s="6" t="s">
        <v>34601</v>
      </c>
      <c r="B34458" s="6"/>
      <c r="C34458" s="6" t="s">
        <v>32230</v>
      </c>
      <c r="D34458" s="6"/>
      <c r="E34458" s="6" t="s">
        <v>9</v>
      </c>
      <c r="F34458" s="7">
        <v>29305</v>
      </c>
      <c r="G34458" s="8">
        <v>101145600</v>
      </c>
      <c r="H34458" s="8">
        <v>18206208</v>
      </c>
      <c r="I34458" s="8">
        <v>84962304</v>
      </c>
      <c r="J34458" s="8">
        <v>16183296</v>
      </c>
      <c r="K34458" s="9"/>
      <c r="L34458" s="6"/>
    </row>
    <row r="34459" spans="1:12">
      <c r="A34459" s="6" t="s">
        <v>34602</v>
      </c>
      <c r="B34459" s="6"/>
      <c r="C34459" s="6" t="s">
        <v>32230</v>
      </c>
      <c r="D34459" s="6"/>
      <c r="E34459" s="6" t="s">
        <v>9</v>
      </c>
      <c r="F34459" s="7"/>
      <c r="G34459" s="8">
        <v>1</v>
      </c>
      <c r="H34459" s="8">
        <v>1</v>
      </c>
      <c r="I34459" s="8">
        <v>0</v>
      </c>
      <c r="J34459" s="8">
        <v>1</v>
      </c>
      <c r="K34459" s="9"/>
      <c r="L34459" s="6"/>
    </row>
    <row r="34460" spans="1:12">
      <c r="A34460" s="6" t="s">
        <v>34603</v>
      </c>
      <c r="B34460" s="6"/>
      <c r="C34460" s="6" t="s">
        <v>32230</v>
      </c>
      <c r="D34460" s="6"/>
      <c r="E34460" s="6" t="s">
        <v>9</v>
      </c>
      <c r="F34460" s="7">
        <v>29305</v>
      </c>
      <c r="G34460" s="8">
        <v>28074600</v>
      </c>
      <c r="H34460" s="8">
        <v>5053428</v>
      </c>
      <c r="I34460" s="8">
        <v>23582664</v>
      </c>
      <c r="J34460" s="8">
        <v>4491936</v>
      </c>
      <c r="K34460" s="9"/>
      <c r="L34460" s="6"/>
    </row>
    <row r="34461" spans="1:12">
      <c r="A34461" s="6" t="s">
        <v>34604</v>
      </c>
      <c r="B34461" s="6"/>
      <c r="C34461" s="6" t="s">
        <v>32230</v>
      </c>
      <c r="D34461" s="6"/>
      <c r="E34461" s="6" t="s">
        <v>9</v>
      </c>
      <c r="F34461" s="7">
        <v>42460</v>
      </c>
      <c r="G34461" s="8">
        <v>1293840</v>
      </c>
      <c r="H34461" s="8">
        <v>1164460</v>
      </c>
      <c r="I34461" s="8">
        <v>155256</v>
      </c>
      <c r="J34461" s="8">
        <v>1138584</v>
      </c>
      <c r="K34461" s="9"/>
      <c r="L34461" s="6"/>
    </row>
    <row r="34462" spans="1:12">
      <c r="A34462" s="6" t="s">
        <v>34605</v>
      </c>
      <c r="B34462" s="6"/>
      <c r="C34462" s="6" t="s">
        <v>32230</v>
      </c>
      <c r="D34462" s="6"/>
      <c r="E34462" s="6" t="s">
        <v>9</v>
      </c>
      <c r="F34462" s="7">
        <v>42816</v>
      </c>
      <c r="G34462" s="8">
        <v>1254960</v>
      </c>
      <c r="H34462" s="8">
        <v>918632</v>
      </c>
      <c r="I34462" s="8">
        <v>420410</v>
      </c>
      <c r="J34462" s="8">
        <v>834550</v>
      </c>
      <c r="K34462" s="9"/>
      <c r="L34462" s="6"/>
    </row>
    <row r="34463" spans="1:12">
      <c r="A34463" s="6" t="s">
        <v>34606</v>
      </c>
      <c r="B34463" s="6"/>
      <c r="C34463" s="6" t="s">
        <v>32230</v>
      </c>
      <c r="D34463" s="6"/>
      <c r="E34463" s="6" t="s">
        <v>9</v>
      </c>
      <c r="F34463" s="7">
        <v>43738</v>
      </c>
      <c r="G34463" s="8">
        <v>907200</v>
      </c>
      <c r="H34463" s="8">
        <v>846418</v>
      </c>
      <c r="I34463" s="8">
        <v>121564</v>
      </c>
      <c r="J34463" s="8">
        <v>785636</v>
      </c>
      <c r="K34463" s="9"/>
      <c r="L34463" s="6"/>
    </row>
    <row r="34464" spans="1:12">
      <c r="A34464" s="6" t="s">
        <v>34607</v>
      </c>
      <c r="B34464" s="6"/>
      <c r="C34464" s="6" t="s">
        <v>32230</v>
      </c>
      <c r="D34464" s="6"/>
      <c r="E34464" s="6" t="s">
        <v>9</v>
      </c>
      <c r="F34464" s="7">
        <v>29305</v>
      </c>
      <c r="G34464" s="8">
        <v>117824000</v>
      </c>
      <c r="H34464" s="8">
        <v>21208320</v>
      </c>
      <c r="I34464" s="8">
        <v>98972160</v>
      </c>
      <c r="J34464" s="8">
        <v>18851840</v>
      </c>
      <c r="K34464" s="9"/>
      <c r="L34464" s="6"/>
    </row>
    <row r="34465" spans="1:12">
      <c r="A34465" s="6" t="s">
        <v>34608</v>
      </c>
      <c r="B34465" s="6"/>
      <c r="C34465" s="6" t="s">
        <v>32230</v>
      </c>
      <c r="D34465" s="6"/>
      <c r="E34465" s="6" t="s">
        <v>9</v>
      </c>
      <c r="F34465" s="7">
        <v>43028</v>
      </c>
      <c r="G34465" s="8">
        <v>124200</v>
      </c>
      <c r="H34465" s="8">
        <v>86940</v>
      </c>
      <c r="I34465" s="8">
        <v>49680</v>
      </c>
      <c r="J34465" s="8">
        <v>74520</v>
      </c>
      <c r="K34465" s="9"/>
      <c r="L34465" s="6"/>
    </row>
    <row r="34466" spans="1:12">
      <c r="A34466" s="6" t="s">
        <v>34609</v>
      </c>
      <c r="B34466" s="6"/>
      <c r="C34466" s="6" t="s">
        <v>32230</v>
      </c>
      <c r="D34466" s="6"/>
      <c r="E34466" s="6" t="s">
        <v>9</v>
      </c>
      <c r="F34466" s="7">
        <v>43327</v>
      </c>
      <c r="G34466" s="8">
        <v>496800</v>
      </c>
      <c r="H34466" s="8">
        <v>473948</v>
      </c>
      <c r="I34466" s="8">
        <v>34278</v>
      </c>
      <c r="J34466" s="8">
        <v>462522</v>
      </c>
      <c r="K34466" s="9"/>
      <c r="L34466" s="6"/>
    </row>
    <row r="34467" spans="1:12">
      <c r="A34467" s="6" t="s">
        <v>34610</v>
      </c>
      <c r="B34467" s="6"/>
      <c r="C34467" s="6" t="s">
        <v>32230</v>
      </c>
      <c r="D34467" s="6"/>
      <c r="E34467" s="6" t="s">
        <v>9</v>
      </c>
      <c r="F34467" s="7">
        <v>43745</v>
      </c>
      <c r="G34467" s="8">
        <v>635040</v>
      </c>
      <c r="H34467" s="8">
        <v>592493</v>
      </c>
      <c r="I34467" s="8">
        <v>85094</v>
      </c>
      <c r="J34467" s="8">
        <v>549946</v>
      </c>
      <c r="K34467" s="9"/>
      <c r="L34467" s="6"/>
    </row>
    <row r="34468" spans="1:12">
      <c r="A34468" s="6" t="s">
        <v>34611</v>
      </c>
      <c r="B34468" s="6"/>
      <c r="C34468" s="6" t="s">
        <v>32230</v>
      </c>
      <c r="D34468" s="6"/>
      <c r="E34468" s="6" t="s">
        <v>9</v>
      </c>
      <c r="F34468" s="7">
        <v>31500</v>
      </c>
      <c r="G34468" s="8">
        <v>57906900</v>
      </c>
      <c r="H34468" s="8">
        <v>17372070</v>
      </c>
      <c r="I34468" s="8">
        <v>41692968</v>
      </c>
      <c r="J34468" s="8">
        <v>16213932</v>
      </c>
      <c r="K34468" s="9"/>
      <c r="L34468" s="6"/>
    </row>
    <row r="34469" spans="1:12">
      <c r="A34469" s="6" t="s">
        <v>34612</v>
      </c>
      <c r="B34469" s="6"/>
      <c r="C34469" s="6" t="s">
        <v>32230</v>
      </c>
      <c r="D34469" s="6"/>
      <c r="E34469" s="6" t="s">
        <v>9</v>
      </c>
      <c r="F34469" s="7">
        <v>19450</v>
      </c>
      <c r="G34469" s="8">
        <v>29407560</v>
      </c>
      <c r="H34469" s="8">
        <v>1</v>
      </c>
      <c r="I34469" s="8">
        <v>29407559</v>
      </c>
      <c r="J34469" s="8">
        <v>1</v>
      </c>
      <c r="K34469" s="9"/>
      <c r="L34469" s="6"/>
    </row>
    <row r="34470" spans="1:12">
      <c r="A34470" s="6" t="s">
        <v>34613</v>
      </c>
      <c r="B34470" s="6"/>
      <c r="C34470" s="6" t="s">
        <v>32230</v>
      </c>
      <c r="D34470" s="6"/>
      <c r="E34470" s="6" t="s">
        <v>9</v>
      </c>
      <c r="F34470" s="7">
        <v>33592</v>
      </c>
      <c r="G34470" s="8">
        <v>102845700</v>
      </c>
      <c r="H34470" s="8">
        <v>43195194</v>
      </c>
      <c r="I34470" s="8">
        <v>61707420</v>
      </c>
      <c r="J34470" s="8">
        <v>41138280</v>
      </c>
      <c r="K34470" s="9"/>
      <c r="L34470" s="6"/>
    </row>
    <row r="34471" spans="1:12">
      <c r="A34471" s="6" t="s">
        <v>33185</v>
      </c>
      <c r="B34471" s="6"/>
      <c r="C34471" s="6" t="s">
        <v>32230</v>
      </c>
      <c r="D34471" s="6"/>
      <c r="E34471" s="6" t="s">
        <v>9</v>
      </c>
      <c r="F34471" s="7">
        <v>26024</v>
      </c>
      <c r="G34471" s="8">
        <v>13311480</v>
      </c>
      <c r="H34471" s="8">
        <v>2223025</v>
      </c>
      <c r="I34471" s="8">
        <v>11314750</v>
      </c>
      <c r="J34471" s="8">
        <v>1996730</v>
      </c>
      <c r="K34471" s="9"/>
      <c r="L34471" s="6"/>
    </row>
    <row r="34472" spans="1:12">
      <c r="A34472" s="6" t="s">
        <v>34614</v>
      </c>
      <c r="B34472" s="6"/>
      <c r="C34472" s="6" t="s">
        <v>32230</v>
      </c>
      <c r="D34472" s="6"/>
      <c r="E34472" s="6" t="s">
        <v>9</v>
      </c>
      <c r="F34472" s="7">
        <v>24929</v>
      </c>
      <c r="G34472" s="8">
        <v>7862400</v>
      </c>
      <c r="H34472" s="8">
        <v>912080</v>
      </c>
      <c r="I34472" s="8">
        <v>7083980</v>
      </c>
      <c r="J34472" s="8">
        <v>778420</v>
      </c>
      <c r="K34472" s="9"/>
      <c r="L34472" s="6"/>
    </row>
    <row r="34473" spans="1:12">
      <c r="A34473" s="6" t="s">
        <v>34615</v>
      </c>
      <c r="B34473" s="6"/>
      <c r="C34473" s="6" t="s">
        <v>32230</v>
      </c>
      <c r="D34473" s="6"/>
      <c r="E34473" s="6" t="s">
        <v>9</v>
      </c>
      <c r="F34473" s="7">
        <v>31501</v>
      </c>
      <c r="G34473" s="8">
        <v>90055800</v>
      </c>
      <c r="H34473" s="8">
        <v>27016740</v>
      </c>
      <c r="I34473" s="8">
        <v>64840176</v>
      </c>
      <c r="J34473" s="8">
        <v>25215624</v>
      </c>
      <c r="K34473" s="9"/>
      <c r="L34473" s="6"/>
    </row>
    <row r="34474" spans="1:12">
      <c r="A34474" s="6" t="s">
        <v>33185</v>
      </c>
      <c r="B34474" s="6"/>
      <c r="C34474" s="6" t="s">
        <v>32230</v>
      </c>
      <c r="D34474" s="6"/>
      <c r="E34474" s="6" t="s">
        <v>9</v>
      </c>
      <c r="F34474" s="7">
        <v>12875</v>
      </c>
      <c r="G34474" s="8">
        <v>14742000</v>
      </c>
      <c r="H34474" s="8">
        <v>1</v>
      </c>
      <c r="I34474" s="8">
        <v>14741999</v>
      </c>
      <c r="J34474" s="8">
        <v>1</v>
      </c>
      <c r="K34474" s="9"/>
      <c r="L34474" s="6"/>
    </row>
    <row r="34475" spans="1:12">
      <c r="A34475" s="6" t="s">
        <v>34616</v>
      </c>
      <c r="B34475" s="6"/>
      <c r="C34475" s="6" t="s">
        <v>32230</v>
      </c>
      <c r="D34475" s="6"/>
      <c r="E34475" s="6" t="s">
        <v>9</v>
      </c>
      <c r="F34475" s="7">
        <v>31472</v>
      </c>
      <c r="G34475" s="8">
        <v>97856000</v>
      </c>
      <c r="H34475" s="8">
        <v>29356800</v>
      </c>
      <c r="I34475" s="8">
        <v>70456320</v>
      </c>
      <c r="J34475" s="8">
        <v>27399680</v>
      </c>
      <c r="K34475" s="9"/>
      <c r="L34475" s="6"/>
    </row>
    <row r="34476" spans="1:12">
      <c r="A34476" s="6" t="s">
        <v>33185</v>
      </c>
      <c r="B34476" s="6"/>
      <c r="C34476" s="6" t="s">
        <v>32230</v>
      </c>
      <c r="D34476" s="6"/>
      <c r="E34476" s="6" t="s">
        <v>9</v>
      </c>
      <c r="F34476" s="7">
        <v>24563</v>
      </c>
      <c r="G34476" s="8">
        <v>82992000</v>
      </c>
      <c r="H34476" s="8">
        <v>8216208</v>
      </c>
      <c r="I34476" s="8">
        <v>76186656</v>
      </c>
      <c r="J34476" s="8">
        <v>6805344</v>
      </c>
      <c r="K34476" s="9"/>
      <c r="L34476" s="6"/>
    </row>
    <row r="34477" spans="1:12">
      <c r="A34477" s="6" t="s">
        <v>34617</v>
      </c>
      <c r="B34477" s="6"/>
      <c r="C34477" s="6" t="s">
        <v>32230</v>
      </c>
      <c r="D34477" s="6"/>
      <c r="E34477" s="6" t="s">
        <v>9</v>
      </c>
      <c r="F34477" s="7">
        <v>29305</v>
      </c>
      <c r="G34477" s="8">
        <v>113229900</v>
      </c>
      <c r="H34477" s="8">
        <v>20381382</v>
      </c>
      <c r="I34477" s="8">
        <v>95113116</v>
      </c>
      <c r="J34477" s="8">
        <v>18116784</v>
      </c>
      <c r="K34477" s="9"/>
      <c r="L34477" s="6"/>
    </row>
    <row r="34478" spans="1:12">
      <c r="A34478" s="6" t="s">
        <v>34618</v>
      </c>
      <c r="B34478" s="6"/>
      <c r="C34478" s="6" t="s">
        <v>32230</v>
      </c>
      <c r="D34478" s="6"/>
      <c r="E34478" s="6" t="s">
        <v>9</v>
      </c>
      <c r="F34478" s="7">
        <v>39142</v>
      </c>
      <c r="G34478" s="8">
        <v>264923000</v>
      </c>
      <c r="H34478" s="8">
        <v>201871326</v>
      </c>
      <c r="I34478" s="8">
        <v>67555365</v>
      </c>
      <c r="J34478" s="8">
        <v>197367635</v>
      </c>
      <c r="K34478" s="9"/>
      <c r="L34478" s="6"/>
    </row>
    <row r="34479" spans="1:12">
      <c r="A34479" s="6" t="s">
        <v>34619</v>
      </c>
      <c r="B34479" s="6"/>
      <c r="C34479" s="6" t="s">
        <v>32230</v>
      </c>
      <c r="D34479" s="6"/>
      <c r="E34479" s="6" t="s">
        <v>9</v>
      </c>
      <c r="F34479" s="7">
        <v>29305</v>
      </c>
      <c r="G34479" s="8">
        <v>24462000</v>
      </c>
      <c r="H34479" s="8">
        <v>4403160</v>
      </c>
      <c r="I34479" s="8">
        <v>20548080</v>
      </c>
      <c r="J34479" s="8">
        <v>3913920</v>
      </c>
      <c r="K34479" s="9"/>
      <c r="L34479" s="6"/>
    </row>
    <row r="34480" spans="1:12">
      <c r="A34480" s="6" t="s">
        <v>34620</v>
      </c>
      <c r="B34480" s="6"/>
      <c r="C34480" s="6" t="s">
        <v>32230</v>
      </c>
      <c r="D34480" s="6"/>
      <c r="E34480" s="6" t="s">
        <v>9</v>
      </c>
      <c r="F34480" s="7">
        <v>32933</v>
      </c>
      <c r="G34480" s="8">
        <v>1</v>
      </c>
      <c r="H34480" s="8">
        <v>1</v>
      </c>
      <c r="I34480" s="8">
        <v>0</v>
      </c>
      <c r="J34480" s="8">
        <v>1</v>
      </c>
      <c r="K34480" s="9"/>
      <c r="L34480" s="6"/>
    </row>
    <row r="34481" spans="1:12">
      <c r="A34481" s="6" t="s">
        <v>34567</v>
      </c>
      <c r="B34481" s="6"/>
      <c r="C34481" s="6" t="s">
        <v>32230</v>
      </c>
      <c r="D34481" s="6"/>
      <c r="E34481" s="6" t="s">
        <v>9</v>
      </c>
      <c r="F34481" s="7">
        <v>24898</v>
      </c>
      <c r="G34481" s="8">
        <v>1</v>
      </c>
      <c r="H34481" s="8">
        <v>1</v>
      </c>
      <c r="I34481" s="8">
        <v>0</v>
      </c>
      <c r="J34481" s="8">
        <v>1</v>
      </c>
      <c r="K34481" s="9"/>
      <c r="L34481" s="6"/>
    </row>
    <row r="34482" spans="1:12">
      <c r="A34482" s="6" t="s">
        <v>34621</v>
      </c>
      <c r="B34482" s="6"/>
      <c r="C34482" s="6" t="s">
        <v>32230</v>
      </c>
      <c r="D34482" s="6"/>
      <c r="E34482" s="6" t="s">
        <v>9</v>
      </c>
      <c r="F34482" s="7">
        <v>37316</v>
      </c>
      <c r="G34482" s="8">
        <v>30794400</v>
      </c>
      <c r="H34482" s="8">
        <v>1</v>
      </c>
      <c r="I34482" s="8">
        <v>30794399</v>
      </c>
      <c r="J34482" s="8">
        <v>1</v>
      </c>
      <c r="K34482" s="9"/>
      <c r="L34482" s="6"/>
    </row>
    <row r="34483" spans="1:12">
      <c r="A34483" s="6" t="s">
        <v>34622</v>
      </c>
      <c r="B34483" s="6"/>
      <c r="C34483" s="6" t="s">
        <v>32230</v>
      </c>
      <c r="D34483" s="6"/>
      <c r="E34483" s="6" t="s">
        <v>9</v>
      </c>
      <c r="F34483" s="7">
        <v>33684</v>
      </c>
      <c r="G34483" s="8">
        <v>69255000</v>
      </c>
      <c r="H34483" s="8">
        <v>29087100</v>
      </c>
      <c r="I34483" s="8">
        <v>41553000</v>
      </c>
      <c r="J34483" s="8">
        <v>27702000</v>
      </c>
      <c r="K34483" s="9"/>
      <c r="L34483" s="6"/>
    </row>
    <row r="34484" spans="1:12">
      <c r="A34484" s="6" t="s">
        <v>34623</v>
      </c>
      <c r="B34484" s="6"/>
      <c r="C34484" s="6" t="s">
        <v>32230</v>
      </c>
      <c r="D34484" s="6"/>
      <c r="E34484" s="6"/>
      <c r="F34484" s="7"/>
      <c r="G34484" s="8">
        <v>2343600</v>
      </c>
      <c r="H34484" s="8">
        <v>2249856</v>
      </c>
      <c r="I34484" s="8">
        <v>140616</v>
      </c>
      <c r="J34484" s="8">
        <v>2202984</v>
      </c>
      <c r="K34484" s="9"/>
      <c r="L34484" s="6"/>
    </row>
    <row r="34485" spans="1:12">
      <c r="A34485" s="6" t="s">
        <v>34623</v>
      </c>
      <c r="B34485" s="6"/>
      <c r="C34485" s="6" t="s">
        <v>32230</v>
      </c>
      <c r="D34485" s="6"/>
      <c r="E34485" s="6"/>
      <c r="F34485" s="7">
        <v>43556</v>
      </c>
      <c r="G34485" s="8">
        <v>3132800</v>
      </c>
      <c r="H34485" s="8">
        <v>3070144</v>
      </c>
      <c r="I34485" s="8">
        <v>125312</v>
      </c>
      <c r="J34485" s="8">
        <v>3007488</v>
      </c>
      <c r="K34485" s="9"/>
      <c r="L34485" s="6"/>
    </row>
    <row r="34486" spans="1:12">
      <c r="A34486" s="6" t="s">
        <v>34623</v>
      </c>
      <c r="B34486" s="6"/>
      <c r="C34486" s="6" t="s">
        <v>32230</v>
      </c>
      <c r="D34486" s="6"/>
      <c r="E34486" s="6"/>
      <c r="F34486" s="7"/>
      <c r="G34486" s="8">
        <v>3463560</v>
      </c>
      <c r="H34486" s="8">
        <v>3325018</v>
      </c>
      <c r="I34486" s="8">
        <v>207813</v>
      </c>
      <c r="J34486" s="8">
        <v>3255747</v>
      </c>
      <c r="K34486" s="9"/>
      <c r="L34486" s="6"/>
    </row>
    <row r="34487" spans="1:12">
      <c r="A34487" s="6" t="s">
        <v>34623</v>
      </c>
      <c r="B34487" s="6"/>
      <c r="C34487" s="6" t="s">
        <v>32230</v>
      </c>
      <c r="D34487" s="6"/>
      <c r="E34487" s="6"/>
      <c r="F34487" s="7"/>
      <c r="G34487" s="8">
        <v>4890600</v>
      </c>
      <c r="H34487" s="8">
        <v>4792788</v>
      </c>
      <c r="I34487" s="8">
        <v>195624</v>
      </c>
      <c r="J34487" s="8">
        <v>4694976</v>
      </c>
      <c r="K34487" s="9"/>
      <c r="L34487" s="6"/>
    </row>
    <row r="34488" spans="1:12">
      <c r="A34488" s="6" t="s">
        <v>34623</v>
      </c>
      <c r="B34488" s="6"/>
      <c r="C34488" s="6" t="s">
        <v>32230</v>
      </c>
      <c r="D34488" s="6"/>
      <c r="E34488" s="6" t="s">
        <v>9</v>
      </c>
      <c r="F34488" s="7">
        <v>33684</v>
      </c>
      <c r="G34488" s="8">
        <v>115141500</v>
      </c>
      <c r="H34488" s="8">
        <v>48359430</v>
      </c>
      <c r="I34488" s="8">
        <v>69084900</v>
      </c>
      <c r="J34488" s="8">
        <v>46056600</v>
      </c>
      <c r="K34488" s="9"/>
      <c r="L34488" s="6"/>
    </row>
    <row r="34489" spans="1:12">
      <c r="A34489" s="6" t="s">
        <v>34624</v>
      </c>
      <c r="B34489" s="6"/>
      <c r="C34489" s="6" t="s">
        <v>32230</v>
      </c>
      <c r="D34489" s="6"/>
      <c r="E34489" s="6" t="s">
        <v>9</v>
      </c>
      <c r="F34489" s="7">
        <v>24929</v>
      </c>
      <c r="G34489" s="8">
        <v>33169500</v>
      </c>
      <c r="H34489" s="8">
        <v>1</v>
      </c>
      <c r="I34489" s="8">
        <v>33169499</v>
      </c>
      <c r="J34489" s="8">
        <v>1</v>
      </c>
      <c r="K34489" s="9"/>
      <c r="L34489" s="6"/>
    </row>
    <row r="34490" spans="1:12">
      <c r="A34490" s="6" t="s">
        <v>34625</v>
      </c>
      <c r="B34490" s="6"/>
      <c r="C34490" s="6" t="s">
        <v>32230</v>
      </c>
      <c r="D34490" s="6"/>
      <c r="E34490" s="6" t="s">
        <v>9</v>
      </c>
      <c r="F34490" s="7">
        <v>33592</v>
      </c>
      <c r="G34490" s="8">
        <v>79031700</v>
      </c>
      <c r="H34490" s="8">
        <v>33193314</v>
      </c>
      <c r="I34490" s="8">
        <v>47419020</v>
      </c>
      <c r="J34490" s="8">
        <v>31612680</v>
      </c>
      <c r="K34490" s="9"/>
      <c r="L34490" s="6"/>
    </row>
    <row r="34491" spans="1:12">
      <c r="A34491" s="6" t="s">
        <v>33185</v>
      </c>
      <c r="B34491" s="6"/>
      <c r="C34491" s="6" t="s">
        <v>32230</v>
      </c>
      <c r="D34491" s="6"/>
      <c r="E34491" s="6" t="s">
        <v>9</v>
      </c>
      <c r="F34491" s="7">
        <v>28946</v>
      </c>
      <c r="G34491" s="8">
        <v>21266700</v>
      </c>
      <c r="H34491" s="8">
        <v>6443847</v>
      </c>
      <c r="I34491" s="8">
        <v>15184386</v>
      </c>
      <c r="J34491" s="8">
        <v>6082314</v>
      </c>
      <c r="K34491" s="9"/>
      <c r="L34491" s="6"/>
    </row>
    <row r="34492" spans="1:12">
      <c r="A34492" s="6" t="s">
        <v>34626</v>
      </c>
      <c r="B34492" s="6"/>
      <c r="C34492" s="6" t="s">
        <v>32230</v>
      </c>
      <c r="D34492" s="6"/>
      <c r="E34492" s="6" t="s">
        <v>9</v>
      </c>
      <c r="F34492" s="7">
        <v>31137</v>
      </c>
      <c r="G34492" s="8">
        <v>50195700</v>
      </c>
      <c r="H34492" s="8">
        <v>14054796</v>
      </c>
      <c r="I34492" s="8">
        <v>37144818</v>
      </c>
      <c r="J34492" s="8">
        <v>13050882</v>
      </c>
      <c r="K34492" s="9"/>
      <c r="L34492" s="6"/>
    </row>
    <row r="34493" spans="1:12">
      <c r="A34493" s="6" t="s">
        <v>33185</v>
      </c>
      <c r="B34493" s="6"/>
      <c r="C34493" s="6" t="s">
        <v>32230</v>
      </c>
      <c r="D34493" s="6"/>
      <c r="E34493" s="6" t="s">
        <v>9</v>
      </c>
      <c r="F34493" s="7">
        <v>24929</v>
      </c>
      <c r="G34493" s="8">
        <v>40458600</v>
      </c>
      <c r="H34493" s="8">
        <v>4693208</v>
      </c>
      <c r="I34493" s="8">
        <v>36453188</v>
      </c>
      <c r="J34493" s="8">
        <v>4005412</v>
      </c>
      <c r="K34493" s="9"/>
      <c r="L34493" s="6"/>
    </row>
    <row r="34494" spans="1:12">
      <c r="A34494" s="6" t="s">
        <v>34627</v>
      </c>
      <c r="B34494" s="6"/>
      <c r="C34494" s="6" t="s">
        <v>32230</v>
      </c>
      <c r="D34494" s="6"/>
      <c r="E34494" s="6" t="s">
        <v>9</v>
      </c>
      <c r="F34494" s="7">
        <v>33592</v>
      </c>
      <c r="G34494" s="8">
        <v>211225600</v>
      </c>
      <c r="H34494" s="8">
        <v>88714752</v>
      </c>
      <c r="I34494" s="8">
        <v>126735360</v>
      </c>
      <c r="J34494" s="8">
        <v>84490240</v>
      </c>
      <c r="K34494" s="9"/>
      <c r="L34494" s="6"/>
    </row>
    <row r="34495" spans="1:12">
      <c r="A34495" s="6" t="s">
        <v>34628</v>
      </c>
      <c r="B34495" s="6"/>
      <c r="C34495" s="6" t="s">
        <v>32230</v>
      </c>
      <c r="D34495" s="6"/>
      <c r="E34495" s="6" t="s">
        <v>9</v>
      </c>
      <c r="F34495" s="7">
        <v>42247</v>
      </c>
      <c r="G34495" s="8">
        <v>1296000</v>
      </c>
      <c r="H34495" s="8">
        <v>1166400</v>
      </c>
      <c r="I34495" s="8">
        <v>155520</v>
      </c>
      <c r="J34495" s="8">
        <v>1140480</v>
      </c>
      <c r="K34495" s="9"/>
      <c r="L34495" s="6"/>
    </row>
    <row r="34496" spans="1:12">
      <c r="A34496" s="6" t="s">
        <v>34629</v>
      </c>
      <c r="B34496" s="6"/>
      <c r="C34496" s="6" t="s">
        <v>32230</v>
      </c>
      <c r="D34496" s="6"/>
      <c r="E34496" s="6" t="s">
        <v>9</v>
      </c>
      <c r="F34496" s="7">
        <v>29305</v>
      </c>
      <c r="G34496" s="8">
        <v>40791600</v>
      </c>
      <c r="H34496" s="8">
        <v>7342488</v>
      </c>
      <c r="I34496" s="8">
        <v>34264944</v>
      </c>
      <c r="J34496" s="8">
        <v>6526656</v>
      </c>
      <c r="K34496" s="9"/>
      <c r="L34496" s="6"/>
    </row>
    <row r="34497" spans="1:12">
      <c r="A34497" s="6" t="s">
        <v>34630</v>
      </c>
      <c r="B34497" s="6"/>
      <c r="C34497" s="6" t="s">
        <v>32230</v>
      </c>
      <c r="D34497" s="6"/>
      <c r="E34497" s="6" t="s">
        <v>9</v>
      </c>
      <c r="F34497" s="7">
        <v>43039</v>
      </c>
      <c r="G34497" s="8">
        <v>1609200</v>
      </c>
      <c r="H34497" s="8">
        <v>1126440</v>
      </c>
      <c r="I34497" s="8">
        <v>643680</v>
      </c>
      <c r="J34497" s="8">
        <v>965520</v>
      </c>
      <c r="K34497" s="9"/>
      <c r="L34497" s="6"/>
    </row>
    <row r="34498" spans="1:12">
      <c r="A34498" s="6" t="s">
        <v>34631</v>
      </c>
      <c r="B34498" s="6"/>
      <c r="C34498" s="6" t="s">
        <v>32230</v>
      </c>
      <c r="D34498" s="6"/>
      <c r="E34498" s="6" t="s">
        <v>9</v>
      </c>
      <c r="F34498" s="7">
        <v>29305</v>
      </c>
      <c r="G34498" s="8">
        <v>31266000</v>
      </c>
      <c r="H34498" s="8">
        <v>5627880</v>
      </c>
      <c r="I34498" s="8">
        <v>26263440</v>
      </c>
      <c r="J34498" s="8">
        <v>5002560</v>
      </c>
      <c r="K34498" s="9"/>
      <c r="L34498" s="6"/>
    </row>
    <row r="34499" spans="1:12">
      <c r="A34499" s="6" t="s">
        <v>33185</v>
      </c>
      <c r="B34499" s="6"/>
      <c r="C34499" s="6" t="s">
        <v>32230</v>
      </c>
      <c r="D34499" s="6"/>
      <c r="E34499" s="6" t="s">
        <v>9</v>
      </c>
      <c r="F34499" s="7">
        <v>26024</v>
      </c>
      <c r="G34499" s="8">
        <v>17936100</v>
      </c>
      <c r="H34499" s="8">
        <v>2995363</v>
      </c>
      <c r="I34499" s="8">
        <v>15245650</v>
      </c>
      <c r="J34499" s="8">
        <v>2690450</v>
      </c>
      <c r="K34499" s="9"/>
      <c r="L34499" s="6"/>
    </row>
    <row r="34500" spans="1:12">
      <c r="A34500" s="6" t="s">
        <v>34632</v>
      </c>
      <c r="B34500" s="6"/>
      <c r="C34500" s="6" t="s">
        <v>32230</v>
      </c>
      <c r="D34500" s="6"/>
      <c r="E34500" s="6" t="s">
        <v>9</v>
      </c>
      <c r="F34500" s="7">
        <v>32947</v>
      </c>
      <c r="G34500" s="8">
        <v>61697700</v>
      </c>
      <c r="H34500" s="8">
        <v>23445126</v>
      </c>
      <c r="I34500" s="8">
        <v>39486528</v>
      </c>
      <c r="J34500" s="8">
        <v>22211172</v>
      </c>
      <c r="K34500" s="9"/>
      <c r="L34500" s="6"/>
    </row>
    <row r="34501" spans="1:12">
      <c r="A34501" s="6" t="s">
        <v>34633</v>
      </c>
      <c r="B34501" s="6"/>
      <c r="C34501" s="6" t="s">
        <v>32230</v>
      </c>
      <c r="D34501" s="6"/>
      <c r="E34501" s="6" t="s">
        <v>9</v>
      </c>
      <c r="F34501" s="7">
        <v>39169</v>
      </c>
      <c r="G34501" s="8">
        <v>3391200</v>
      </c>
      <c r="H34501" s="8">
        <v>2441664</v>
      </c>
      <c r="I34501" s="8">
        <v>1017360</v>
      </c>
      <c r="J34501" s="8">
        <v>2373840</v>
      </c>
      <c r="K34501" s="9"/>
      <c r="L34501" s="6"/>
    </row>
    <row r="34502" spans="1:12">
      <c r="A34502" s="6" t="s">
        <v>34634</v>
      </c>
      <c r="B34502" s="6"/>
      <c r="C34502" s="6" t="s">
        <v>32230</v>
      </c>
      <c r="D34502" s="6"/>
      <c r="E34502" s="6" t="s">
        <v>9</v>
      </c>
      <c r="F34502" s="7">
        <v>39169</v>
      </c>
      <c r="G34502" s="8">
        <v>103680000</v>
      </c>
      <c r="H34502" s="8">
        <v>74649600</v>
      </c>
      <c r="I34502" s="8">
        <v>31104000</v>
      </c>
      <c r="J34502" s="8">
        <v>72576000</v>
      </c>
      <c r="K34502" s="9"/>
      <c r="L34502" s="6"/>
    </row>
    <row r="34503" spans="1:12">
      <c r="A34503" s="6" t="s">
        <v>34635</v>
      </c>
      <c r="B34503" s="6"/>
      <c r="C34503" s="6" t="s">
        <v>32230</v>
      </c>
      <c r="D34503" s="6"/>
      <c r="E34503" s="6" t="s">
        <v>9</v>
      </c>
      <c r="F34503" s="7">
        <v>39169</v>
      </c>
      <c r="G34503" s="8">
        <v>31859200</v>
      </c>
      <c r="H34503" s="8">
        <v>22938624</v>
      </c>
      <c r="I34503" s="8">
        <v>9557760</v>
      </c>
      <c r="J34503" s="8">
        <v>22301440</v>
      </c>
      <c r="K34503" s="9"/>
      <c r="L34503" s="6"/>
    </row>
    <row r="34504" spans="1:12">
      <c r="A34504" s="6" t="s">
        <v>34636</v>
      </c>
      <c r="B34504" s="6"/>
      <c r="C34504" s="6" t="s">
        <v>32230</v>
      </c>
      <c r="D34504" s="6"/>
      <c r="E34504" s="6" t="s">
        <v>9</v>
      </c>
      <c r="F34504" s="7">
        <v>39169</v>
      </c>
      <c r="G34504" s="8">
        <v>27776000</v>
      </c>
      <c r="H34504" s="8">
        <v>19998720</v>
      </c>
      <c r="I34504" s="8">
        <v>8332800</v>
      </c>
      <c r="J34504" s="8">
        <v>19443200</v>
      </c>
      <c r="K34504" s="9"/>
      <c r="L34504" s="6"/>
    </row>
    <row r="34505" spans="1:12">
      <c r="A34505" s="6" t="s">
        <v>34637</v>
      </c>
      <c r="B34505" s="6"/>
      <c r="C34505" s="6" t="s">
        <v>32230</v>
      </c>
      <c r="D34505" s="6"/>
      <c r="E34505" s="6" t="s">
        <v>9</v>
      </c>
      <c r="F34505" s="7">
        <v>39169</v>
      </c>
      <c r="G34505" s="8">
        <v>4422600</v>
      </c>
      <c r="H34505" s="8">
        <v>3184272</v>
      </c>
      <c r="I34505" s="8">
        <v>1326780</v>
      </c>
      <c r="J34505" s="8">
        <v>3095820</v>
      </c>
      <c r="K34505" s="9"/>
      <c r="L34505" s="6"/>
    </row>
    <row r="34506" spans="1:12">
      <c r="A34506" s="6" t="s">
        <v>34638</v>
      </c>
      <c r="B34506" s="6"/>
      <c r="C34506" s="6" t="s">
        <v>32230</v>
      </c>
      <c r="D34506" s="6"/>
      <c r="E34506" s="6" t="s">
        <v>9</v>
      </c>
      <c r="F34506" s="7">
        <v>39169</v>
      </c>
      <c r="G34506" s="8">
        <v>17479800</v>
      </c>
      <c r="H34506" s="8">
        <v>12585456</v>
      </c>
      <c r="I34506" s="8">
        <v>5243940</v>
      </c>
      <c r="J34506" s="8">
        <v>12235860</v>
      </c>
      <c r="K34506" s="9"/>
      <c r="L34506" s="6"/>
    </row>
    <row r="34507" spans="1:12">
      <c r="A34507" s="6" t="s">
        <v>34639</v>
      </c>
      <c r="B34507" s="6"/>
      <c r="C34507" s="6" t="s">
        <v>32230</v>
      </c>
      <c r="D34507" s="6"/>
      <c r="E34507" s="6" t="s">
        <v>9</v>
      </c>
      <c r="F34507" s="7">
        <v>39169</v>
      </c>
      <c r="G34507" s="8">
        <v>5653800</v>
      </c>
      <c r="H34507" s="8">
        <v>4070736</v>
      </c>
      <c r="I34507" s="8">
        <v>1696140</v>
      </c>
      <c r="J34507" s="8">
        <v>3957660</v>
      </c>
      <c r="K34507" s="9"/>
      <c r="L34507" s="6"/>
    </row>
    <row r="34508" spans="1:12">
      <c r="A34508" s="6" t="s">
        <v>34640</v>
      </c>
      <c r="B34508" s="6"/>
      <c r="C34508" s="6" t="s">
        <v>32230</v>
      </c>
      <c r="D34508" s="6"/>
      <c r="E34508" s="6" t="s">
        <v>9</v>
      </c>
      <c r="F34508" s="7">
        <v>39169</v>
      </c>
      <c r="G34508" s="8">
        <v>6739200</v>
      </c>
      <c r="H34508" s="8">
        <v>4852224</v>
      </c>
      <c r="I34508" s="8">
        <v>2021760</v>
      </c>
      <c r="J34508" s="8">
        <v>4717440</v>
      </c>
      <c r="K34508" s="9"/>
      <c r="L34508" s="6"/>
    </row>
    <row r="34509" spans="1:12">
      <c r="A34509" s="6" t="s">
        <v>34641</v>
      </c>
      <c r="B34509" s="6"/>
      <c r="C34509" s="6" t="s">
        <v>32230</v>
      </c>
      <c r="D34509" s="6"/>
      <c r="E34509" s="6" t="s">
        <v>9</v>
      </c>
      <c r="F34509" s="7">
        <v>39169</v>
      </c>
      <c r="G34509" s="8">
        <v>8853300</v>
      </c>
      <c r="H34509" s="8">
        <v>6374376</v>
      </c>
      <c r="I34509" s="8">
        <v>2655990</v>
      </c>
      <c r="J34509" s="8">
        <v>6197310</v>
      </c>
      <c r="K34509" s="9"/>
      <c r="L34509" s="6"/>
    </row>
    <row r="34510" spans="1:12">
      <c r="A34510" s="6" t="s">
        <v>34642</v>
      </c>
      <c r="B34510" s="6"/>
      <c r="C34510" s="6" t="s">
        <v>32230</v>
      </c>
      <c r="D34510" s="6"/>
      <c r="E34510" s="6" t="s">
        <v>9</v>
      </c>
      <c r="F34510" s="7">
        <v>39169</v>
      </c>
      <c r="G34510" s="8">
        <v>7152300</v>
      </c>
      <c r="H34510" s="8">
        <v>5149656</v>
      </c>
      <c r="I34510" s="8">
        <v>2145690</v>
      </c>
      <c r="J34510" s="8">
        <v>5006610</v>
      </c>
      <c r="K34510" s="9"/>
      <c r="L34510" s="6"/>
    </row>
    <row r="34511" spans="1:12">
      <c r="A34511" s="6" t="s">
        <v>34643</v>
      </c>
      <c r="B34511" s="6"/>
      <c r="C34511" s="6" t="s">
        <v>32230</v>
      </c>
      <c r="D34511" s="6"/>
      <c r="E34511" s="6" t="s">
        <v>9</v>
      </c>
      <c r="F34511" s="7">
        <v>39169</v>
      </c>
      <c r="G34511" s="8">
        <v>17771400</v>
      </c>
      <c r="H34511" s="8">
        <v>12795408</v>
      </c>
      <c r="I34511" s="8">
        <v>5331420</v>
      </c>
      <c r="J34511" s="8">
        <v>12439980</v>
      </c>
      <c r="K34511" s="9"/>
      <c r="L34511" s="6"/>
    </row>
    <row r="34512" spans="1:12">
      <c r="A34512" s="6" t="s">
        <v>34644</v>
      </c>
      <c r="B34512" s="6"/>
      <c r="C34512" s="6" t="s">
        <v>32230</v>
      </c>
      <c r="D34512" s="6"/>
      <c r="E34512" s="6" t="s">
        <v>9</v>
      </c>
      <c r="F34512" s="7">
        <v>39169</v>
      </c>
      <c r="G34512" s="8">
        <v>10384200</v>
      </c>
      <c r="H34512" s="8">
        <v>7476624</v>
      </c>
      <c r="I34512" s="8">
        <v>3115260</v>
      </c>
      <c r="J34512" s="8">
        <v>7268940</v>
      </c>
      <c r="K34512" s="9"/>
      <c r="L34512" s="6"/>
    </row>
    <row r="34513" spans="1:12">
      <c r="A34513" s="6" t="s">
        <v>34645</v>
      </c>
      <c r="B34513" s="6"/>
      <c r="C34513" s="6" t="s">
        <v>32230</v>
      </c>
      <c r="D34513" s="6"/>
      <c r="E34513" s="6" t="s">
        <v>9</v>
      </c>
      <c r="F34513" s="7">
        <v>39169</v>
      </c>
      <c r="G34513" s="8">
        <v>9720000</v>
      </c>
      <c r="H34513" s="8">
        <v>6998400</v>
      </c>
      <c r="I34513" s="8">
        <v>2916000</v>
      </c>
      <c r="J34513" s="8">
        <v>6804000</v>
      </c>
      <c r="K34513" s="9"/>
      <c r="L34513" s="6"/>
    </row>
    <row r="34514" spans="1:12">
      <c r="A34514" s="6" t="s">
        <v>34646</v>
      </c>
      <c r="B34514" s="6"/>
      <c r="C34514" s="6" t="s">
        <v>32230</v>
      </c>
      <c r="D34514" s="6"/>
      <c r="E34514" s="6" t="s">
        <v>9</v>
      </c>
      <c r="F34514" s="7">
        <v>39169</v>
      </c>
      <c r="G34514" s="8">
        <v>7290000</v>
      </c>
      <c r="H34514" s="8">
        <v>5248800</v>
      </c>
      <c r="I34514" s="8">
        <v>2187000</v>
      </c>
      <c r="J34514" s="8">
        <v>5103000</v>
      </c>
      <c r="K34514" s="9"/>
      <c r="L34514" s="6"/>
    </row>
    <row r="34515" spans="1:12">
      <c r="A34515" s="6" t="s">
        <v>34647</v>
      </c>
      <c r="B34515" s="6"/>
      <c r="C34515" s="6" t="s">
        <v>32230</v>
      </c>
      <c r="D34515" s="6"/>
      <c r="E34515" s="6" t="s">
        <v>9</v>
      </c>
      <c r="F34515" s="7">
        <v>39169</v>
      </c>
      <c r="G34515" s="8">
        <v>10408500</v>
      </c>
      <c r="H34515" s="8">
        <v>7494120</v>
      </c>
      <c r="I34515" s="8">
        <v>3122550</v>
      </c>
      <c r="J34515" s="8">
        <v>7285950</v>
      </c>
      <c r="K34515" s="9"/>
      <c r="L34515" s="6"/>
    </row>
    <row r="34516" spans="1:12">
      <c r="A34516" s="6" t="s">
        <v>34648</v>
      </c>
      <c r="B34516" s="6"/>
      <c r="C34516" s="6" t="s">
        <v>32230</v>
      </c>
      <c r="D34516" s="6"/>
      <c r="E34516" s="6" t="s">
        <v>9</v>
      </c>
      <c r="F34516" s="7">
        <v>39169</v>
      </c>
      <c r="G34516" s="8">
        <v>52585200</v>
      </c>
      <c r="H34516" s="8">
        <v>37861344</v>
      </c>
      <c r="I34516" s="8">
        <v>15775560</v>
      </c>
      <c r="J34516" s="8">
        <v>36809640</v>
      </c>
      <c r="K34516" s="9"/>
      <c r="L34516" s="6"/>
    </row>
    <row r="34517" spans="1:12">
      <c r="A34517" s="6" t="s">
        <v>34649</v>
      </c>
      <c r="B34517" s="6"/>
      <c r="C34517" s="6" t="s">
        <v>32230</v>
      </c>
      <c r="D34517" s="6"/>
      <c r="E34517" s="6" t="s">
        <v>9</v>
      </c>
      <c r="F34517" s="7">
        <v>39169</v>
      </c>
      <c r="G34517" s="8">
        <v>2324700</v>
      </c>
      <c r="H34517" s="8">
        <v>1673784</v>
      </c>
      <c r="I34517" s="8">
        <v>697410</v>
      </c>
      <c r="J34517" s="8">
        <v>1627290</v>
      </c>
      <c r="K34517" s="9"/>
      <c r="L34517" s="6"/>
    </row>
    <row r="34518" spans="1:12">
      <c r="A34518" s="6" t="s">
        <v>34650</v>
      </c>
      <c r="B34518" s="6"/>
      <c r="C34518" s="6" t="s">
        <v>32230</v>
      </c>
      <c r="D34518" s="6"/>
      <c r="E34518" s="6" t="s">
        <v>9</v>
      </c>
      <c r="F34518" s="7">
        <v>39169</v>
      </c>
      <c r="G34518" s="8">
        <v>8586000</v>
      </c>
      <c r="H34518" s="8">
        <v>6181920</v>
      </c>
      <c r="I34518" s="8">
        <v>2575800</v>
      </c>
      <c r="J34518" s="8">
        <v>6010200</v>
      </c>
      <c r="K34518" s="9"/>
      <c r="L34518" s="6"/>
    </row>
    <row r="34519" spans="1:12">
      <c r="A34519" s="6" t="s">
        <v>34651</v>
      </c>
      <c r="B34519" s="6"/>
      <c r="C34519" s="6" t="s">
        <v>32230</v>
      </c>
      <c r="D34519" s="6"/>
      <c r="E34519" s="6" t="s">
        <v>9</v>
      </c>
      <c r="F34519" s="7">
        <v>39169</v>
      </c>
      <c r="G34519" s="8">
        <v>43659000</v>
      </c>
      <c r="H34519" s="8">
        <v>31434480</v>
      </c>
      <c r="I34519" s="8">
        <v>13097700</v>
      </c>
      <c r="J34519" s="8">
        <v>30561300</v>
      </c>
      <c r="K34519" s="9"/>
      <c r="L34519" s="6"/>
    </row>
    <row r="34520" spans="1:12">
      <c r="A34520" s="6" t="s">
        <v>34652</v>
      </c>
      <c r="B34520" s="6"/>
      <c r="C34520" s="6" t="s">
        <v>32230</v>
      </c>
      <c r="D34520" s="6"/>
      <c r="E34520" s="6" t="s">
        <v>9</v>
      </c>
      <c r="F34520" s="7">
        <v>39169</v>
      </c>
      <c r="G34520" s="8">
        <v>38880000</v>
      </c>
      <c r="H34520" s="8">
        <v>27993600</v>
      </c>
      <c r="I34520" s="8">
        <v>11664000</v>
      </c>
      <c r="J34520" s="8">
        <v>27216000</v>
      </c>
      <c r="K34520" s="9"/>
      <c r="L34520" s="6"/>
    </row>
    <row r="34521" spans="1:12">
      <c r="A34521" s="6" t="s">
        <v>34653</v>
      </c>
      <c r="B34521" s="6"/>
      <c r="C34521" s="6" t="s">
        <v>32230</v>
      </c>
      <c r="D34521" s="6"/>
      <c r="E34521" s="6" t="s">
        <v>9</v>
      </c>
      <c r="F34521" s="7">
        <v>39169</v>
      </c>
      <c r="G34521" s="8">
        <v>30658500</v>
      </c>
      <c r="H34521" s="8">
        <v>22074120</v>
      </c>
      <c r="I34521" s="8">
        <v>9197550</v>
      </c>
      <c r="J34521" s="8">
        <v>21460950</v>
      </c>
      <c r="K34521" s="9"/>
      <c r="L34521" s="6"/>
    </row>
    <row r="34522" spans="1:12">
      <c r="A34522" s="6" t="s">
        <v>34654</v>
      </c>
      <c r="B34522" s="6"/>
      <c r="C34522" s="6" t="s">
        <v>32230</v>
      </c>
      <c r="D34522" s="6"/>
      <c r="E34522" s="6" t="s">
        <v>9</v>
      </c>
      <c r="F34522" s="7">
        <v>39169</v>
      </c>
      <c r="G34522" s="8">
        <v>25652700</v>
      </c>
      <c r="H34522" s="8">
        <v>18469944</v>
      </c>
      <c r="I34522" s="8">
        <v>7695810</v>
      </c>
      <c r="J34522" s="8">
        <v>17956890</v>
      </c>
      <c r="K34522" s="9"/>
      <c r="L34522" s="6"/>
    </row>
    <row r="34523" spans="1:12">
      <c r="A34523" s="6" t="s">
        <v>34655</v>
      </c>
      <c r="B34523" s="6"/>
      <c r="C34523" s="6" t="s">
        <v>32230</v>
      </c>
      <c r="D34523" s="6"/>
      <c r="E34523" s="6" t="s">
        <v>9</v>
      </c>
      <c r="F34523" s="7">
        <v>39169</v>
      </c>
      <c r="G34523" s="8">
        <v>15171300</v>
      </c>
      <c r="H34523" s="8">
        <v>10923336</v>
      </c>
      <c r="I34523" s="8">
        <v>4551390</v>
      </c>
      <c r="J34523" s="8">
        <v>10619910</v>
      </c>
      <c r="K34523" s="9"/>
      <c r="L34523" s="6"/>
    </row>
    <row r="34524" spans="1:12">
      <c r="A34524" s="6" t="s">
        <v>34656</v>
      </c>
      <c r="B34524" s="6"/>
      <c r="C34524" s="6" t="s">
        <v>32230</v>
      </c>
      <c r="D34524" s="6"/>
      <c r="E34524" s="6" t="s">
        <v>9</v>
      </c>
      <c r="F34524" s="7">
        <v>39169</v>
      </c>
      <c r="G34524" s="8">
        <v>1514700</v>
      </c>
      <c r="H34524" s="8">
        <v>1090584</v>
      </c>
      <c r="I34524" s="8">
        <v>454410</v>
      </c>
      <c r="J34524" s="8">
        <v>1060290</v>
      </c>
      <c r="K34524" s="9"/>
      <c r="L34524" s="6"/>
    </row>
    <row r="34525" spans="1:12">
      <c r="A34525" s="6" t="s">
        <v>34657</v>
      </c>
      <c r="B34525" s="6"/>
      <c r="C34525" s="6" t="s">
        <v>32230</v>
      </c>
      <c r="D34525" s="6"/>
      <c r="E34525" s="6" t="s">
        <v>9</v>
      </c>
      <c r="F34525" s="7">
        <v>39169</v>
      </c>
      <c r="G34525" s="8">
        <v>2092500</v>
      </c>
      <c r="H34525" s="8">
        <v>1506600</v>
      </c>
      <c r="I34525" s="8">
        <v>627750</v>
      </c>
      <c r="J34525" s="8">
        <v>1464750</v>
      </c>
      <c r="K34525" s="9"/>
      <c r="L34525" s="6"/>
    </row>
    <row r="34526" spans="1:12">
      <c r="A34526" s="6" t="s">
        <v>34658</v>
      </c>
      <c r="B34526" s="6"/>
      <c r="C34526" s="6" t="s">
        <v>32230</v>
      </c>
      <c r="D34526" s="6"/>
      <c r="E34526" s="6" t="s">
        <v>9</v>
      </c>
      <c r="F34526" s="7">
        <v>39169</v>
      </c>
      <c r="G34526" s="8">
        <v>6058800</v>
      </c>
      <c r="H34526" s="8">
        <v>4362336</v>
      </c>
      <c r="I34526" s="8">
        <v>1817640</v>
      </c>
      <c r="J34526" s="8">
        <v>4241160</v>
      </c>
      <c r="K34526" s="9"/>
      <c r="L34526" s="6"/>
    </row>
    <row r="34527" spans="1:12">
      <c r="A34527" s="6" t="s">
        <v>34659</v>
      </c>
      <c r="B34527" s="6"/>
      <c r="C34527" s="6" t="s">
        <v>32230</v>
      </c>
      <c r="D34527" s="6"/>
      <c r="E34527" s="6" t="s">
        <v>9</v>
      </c>
      <c r="F34527" s="7">
        <v>39169</v>
      </c>
      <c r="G34527" s="8">
        <v>5208300</v>
      </c>
      <c r="H34527" s="8">
        <v>3749976</v>
      </c>
      <c r="I34527" s="8">
        <v>1562490</v>
      </c>
      <c r="J34527" s="8">
        <v>3645810</v>
      </c>
      <c r="K34527" s="9"/>
      <c r="L34527" s="6"/>
    </row>
    <row r="34528" spans="1:12">
      <c r="A34528" s="6" t="s">
        <v>34660</v>
      </c>
      <c r="B34528" s="6"/>
      <c r="C34528" s="6" t="s">
        <v>32230</v>
      </c>
      <c r="D34528" s="6"/>
      <c r="E34528" s="6" t="s">
        <v>9</v>
      </c>
      <c r="F34528" s="7">
        <v>39169</v>
      </c>
      <c r="G34528" s="8">
        <v>2016900</v>
      </c>
      <c r="H34528" s="8">
        <v>1452168</v>
      </c>
      <c r="I34528" s="8">
        <v>605070</v>
      </c>
      <c r="J34528" s="8">
        <v>1411830</v>
      </c>
      <c r="K34528" s="9"/>
      <c r="L34528" s="6"/>
    </row>
    <row r="34529" spans="1:12">
      <c r="A34529" s="6" t="s">
        <v>34661</v>
      </c>
      <c r="B34529" s="6"/>
      <c r="C34529" s="6" t="s">
        <v>32230</v>
      </c>
      <c r="D34529" s="6"/>
      <c r="E34529" s="6" t="s">
        <v>9</v>
      </c>
      <c r="F34529" s="7">
        <v>39535</v>
      </c>
      <c r="G34529" s="8">
        <v>11196900</v>
      </c>
      <c r="H34529" s="8">
        <v>8285706</v>
      </c>
      <c r="I34529" s="8">
        <v>3135132</v>
      </c>
      <c r="J34529" s="8">
        <v>8061768</v>
      </c>
      <c r="K34529" s="9"/>
      <c r="L34529" s="6"/>
    </row>
    <row r="34530" spans="1:12">
      <c r="A34530" s="6" t="s">
        <v>34662</v>
      </c>
      <c r="B34530" s="6"/>
      <c r="C34530" s="6" t="s">
        <v>32230</v>
      </c>
      <c r="D34530" s="6"/>
      <c r="E34530" s="6" t="s">
        <v>9</v>
      </c>
      <c r="F34530" s="7">
        <v>39535</v>
      </c>
      <c r="G34530" s="8">
        <v>2000700</v>
      </c>
      <c r="H34530" s="8">
        <v>1480518</v>
      </c>
      <c r="I34530" s="8">
        <v>560196</v>
      </c>
      <c r="J34530" s="8">
        <v>1440504</v>
      </c>
      <c r="K34530" s="9"/>
      <c r="L34530" s="6"/>
    </row>
    <row r="34531" spans="1:12">
      <c r="A34531" s="6" t="s">
        <v>34663</v>
      </c>
      <c r="B34531" s="6"/>
      <c r="C34531" s="6" t="s">
        <v>32230</v>
      </c>
      <c r="D34531" s="6"/>
      <c r="E34531" s="6" t="s">
        <v>9</v>
      </c>
      <c r="F34531" s="7">
        <v>39535</v>
      </c>
      <c r="G34531" s="8">
        <v>22072500</v>
      </c>
      <c r="H34531" s="8">
        <v>16333650</v>
      </c>
      <c r="I34531" s="8">
        <v>6180300</v>
      </c>
      <c r="J34531" s="8">
        <v>15892200</v>
      </c>
      <c r="K34531" s="9"/>
      <c r="L34531" s="6"/>
    </row>
    <row r="34532" spans="1:12">
      <c r="A34532" s="6" t="s">
        <v>34664</v>
      </c>
      <c r="B34532" s="6"/>
      <c r="C34532" s="6" t="s">
        <v>32230</v>
      </c>
      <c r="D34532" s="6"/>
      <c r="E34532" s="6" t="s">
        <v>9</v>
      </c>
      <c r="F34532" s="7">
        <v>39899</v>
      </c>
      <c r="G34532" s="8">
        <v>6042600</v>
      </c>
      <c r="H34532" s="8">
        <v>4592376</v>
      </c>
      <c r="I34532" s="8">
        <v>1571076</v>
      </c>
      <c r="J34532" s="8">
        <v>4471524</v>
      </c>
      <c r="K34532" s="9"/>
      <c r="L34532" s="6"/>
    </row>
    <row r="34533" spans="1:12">
      <c r="A34533" s="6" t="s">
        <v>34665</v>
      </c>
      <c r="B34533" s="6"/>
      <c r="C34533" s="6" t="s">
        <v>32230</v>
      </c>
      <c r="D34533" s="6"/>
      <c r="E34533" s="6" t="s">
        <v>9</v>
      </c>
      <c r="F34533" s="7">
        <v>39899</v>
      </c>
      <c r="G34533" s="8">
        <v>1377000</v>
      </c>
      <c r="H34533" s="8">
        <v>1046520</v>
      </c>
      <c r="I34533" s="8">
        <v>358020</v>
      </c>
      <c r="J34533" s="8">
        <v>1018980</v>
      </c>
      <c r="K34533" s="9"/>
      <c r="L34533" s="6"/>
    </row>
    <row r="34534" spans="1:12">
      <c r="A34534" s="6" t="s">
        <v>34666</v>
      </c>
      <c r="B34534" s="6"/>
      <c r="C34534" s="6" t="s">
        <v>32230</v>
      </c>
      <c r="D34534" s="6"/>
      <c r="E34534" s="6" t="s">
        <v>9</v>
      </c>
      <c r="F34534" s="7">
        <v>39899</v>
      </c>
      <c r="G34534" s="8">
        <v>1665900</v>
      </c>
      <c r="H34534" s="8">
        <v>1266084</v>
      </c>
      <c r="I34534" s="8">
        <v>433134</v>
      </c>
      <c r="J34534" s="8">
        <v>1232766</v>
      </c>
      <c r="K34534" s="9"/>
      <c r="L34534" s="6"/>
    </row>
    <row r="34535" spans="1:12">
      <c r="A34535" s="6" t="s">
        <v>34667</v>
      </c>
      <c r="B34535" s="6"/>
      <c r="C34535" s="6" t="s">
        <v>32230</v>
      </c>
      <c r="D34535" s="6"/>
      <c r="E34535" s="6" t="s">
        <v>9</v>
      </c>
      <c r="F34535" s="7">
        <v>39804</v>
      </c>
      <c r="G34535" s="8">
        <v>56700000</v>
      </c>
      <c r="H34535" s="8">
        <v>43092000</v>
      </c>
      <c r="I34535" s="8">
        <v>14742000</v>
      </c>
      <c r="J34535" s="8">
        <v>41958000</v>
      </c>
      <c r="K34535" s="9"/>
      <c r="L34535" s="6"/>
    </row>
    <row r="34536" spans="1:12">
      <c r="A34536" s="6" t="s">
        <v>34668</v>
      </c>
      <c r="B34536" s="6"/>
      <c r="C34536" s="6" t="s">
        <v>32230</v>
      </c>
      <c r="D34536" s="6"/>
      <c r="E34536" s="6" t="s">
        <v>9</v>
      </c>
      <c r="F34536" s="7">
        <v>39899</v>
      </c>
      <c r="G34536" s="8">
        <v>69708800</v>
      </c>
      <c r="H34536" s="8">
        <v>52978688</v>
      </c>
      <c r="I34536" s="8">
        <v>18124288</v>
      </c>
      <c r="J34536" s="8">
        <v>51584512</v>
      </c>
      <c r="K34536" s="9"/>
      <c r="L34536" s="6"/>
    </row>
    <row r="34537" spans="1:12">
      <c r="A34537" s="6" t="s">
        <v>34669</v>
      </c>
      <c r="B34537" s="6"/>
      <c r="C34537" s="6" t="s">
        <v>32230</v>
      </c>
      <c r="D34537" s="6"/>
      <c r="E34537" s="6" t="s">
        <v>9</v>
      </c>
      <c r="F34537" s="7">
        <v>40263</v>
      </c>
      <c r="G34537" s="8">
        <v>109529600</v>
      </c>
      <c r="H34537" s="8">
        <v>85433088</v>
      </c>
      <c r="I34537" s="8">
        <v>26287104</v>
      </c>
      <c r="J34537" s="8">
        <v>83242496</v>
      </c>
      <c r="K34537" s="9"/>
      <c r="L34537" s="6"/>
    </row>
    <row r="34538" spans="1:12">
      <c r="A34538" s="6" t="s">
        <v>34670</v>
      </c>
      <c r="B34538" s="6"/>
      <c r="C34538" s="6" t="s">
        <v>32230</v>
      </c>
      <c r="D34538" s="6"/>
      <c r="E34538" s="6" t="s">
        <v>9</v>
      </c>
      <c r="F34538" s="7">
        <v>40263</v>
      </c>
      <c r="G34538" s="8">
        <v>15333300</v>
      </c>
      <c r="H34538" s="8">
        <v>11959974</v>
      </c>
      <c r="I34538" s="8">
        <v>3679992</v>
      </c>
      <c r="J34538" s="8">
        <v>11653308</v>
      </c>
      <c r="K34538" s="9"/>
      <c r="L34538" s="6"/>
    </row>
    <row r="34539" spans="1:12">
      <c r="A34539" s="6" t="s">
        <v>34671</v>
      </c>
      <c r="B34539" s="6"/>
      <c r="C34539" s="6" t="s">
        <v>32230</v>
      </c>
      <c r="D34539" s="6"/>
      <c r="E34539" s="6" t="s">
        <v>9</v>
      </c>
      <c r="F34539" s="7">
        <v>40263</v>
      </c>
      <c r="G34539" s="8">
        <v>50137600</v>
      </c>
      <c r="H34539" s="8">
        <v>39107328</v>
      </c>
      <c r="I34539" s="8">
        <v>12033024</v>
      </c>
      <c r="J34539" s="8">
        <v>38104576</v>
      </c>
      <c r="K34539" s="9"/>
      <c r="L34539" s="6"/>
    </row>
    <row r="34540" spans="1:12">
      <c r="A34540" s="6" t="s">
        <v>34672</v>
      </c>
      <c r="B34540" s="6"/>
      <c r="C34540" s="6" t="s">
        <v>32230</v>
      </c>
      <c r="D34540" s="6"/>
      <c r="E34540" s="6" t="s">
        <v>9</v>
      </c>
      <c r="F34540" s="7">
        <v>40263</v>
      </c>
      <c r="G34540" s="8">
        <v>15722100</v>
      </c>
      <c r="H34540" s="8">
        <v>12263238</v>
      </c>
      <c r="I34540" s="8">
        <v>3773304</v>
      </c>
      <c r="J34540" s="8">
        <v>11948796</v>
      </c>
      <c r="K34540" s="9"/>
      <c r="L34540" s="6"/>
    </row>
    <row r="34541" spans="1:12">
      <c r="A34541" s="6" t="s">
        <v>34673</v>
      </c>
      <c r="B34541" s="6"/>
      <c r="C34541" s="6" t="s">
        <v>32230</v>
      </c>
      <c r="D34541" s="6"/>
      <c r="E34541" s="6" t="s">
        <v>9</v>
      </c>
      <c r="F34541" s="7">
        <v>40263</v>
      </c>
      <c r="G34541" s="8">
        <v>28439100</v>
      </c>
      <c r="H34541" s="8">
        <v>22182498</v>
      </c>
      <c r="I34541" s="8">
        <v>6825384</v>
      </c>
      <c r="J34541" s="8">
        <v>21613716</v>
      </c>
      <c r="K34541" s="9"/>
      <c r="L34541" s="6"/>
    </row>
    <row r="34542" spans="1:12">
      <c r="A34542" s="6" t="s">
        <v>34674</v>
      </c>
      <c r="B34542" s="6"/>
      <c r="C34542" s="6" t="s">
        <v>32230</v>
      </c>
      <c r="D34542" s="6"/>
      <c r="E34542" s="6" t="s">
        <v>9</v>
      </c>
      <c r="F34542" s="7">
        <v>40263</v>
      </c>
      <c r="G34542" s="8">
        <v>15795000</v>
      </c>
      <c r="H34542" s="8">
        <v>12320100</v>
      </c>
      <c r="I34542" s="8">
        <v>3790800</v>
      </c>
      <c r="J34542" s="8">
        <v>12004200</v>
      </c>
      <c r="K34542" s="9"/>
      <c r="L34542" s="6"/>
    </row>
    <row r="34543" spans="1:12">
      <c r="A34543" s="6" t="s">
        <v>34675</v>
      </c>
      <c r="B34543" s="6"/>
      <c r="C34543" s="6" t="s">
        <v>32230</v>
      </c>
      <c r="D34543" s="6"/>
      <c r="E34543" s="6" t="s">
        <v>9</v>
      </c>
      <c r="F34543" s="7">
        <v>40263</v>
      </c>
      <c r="G34543" s="8">
        <v>8602200</v>
      </c>
      <c r="H34543" s="8">
        <v>6709716</v>
      </c>
      <c r="I34543" s="8">
        <v>2064528</v>
      </c>
      <c r="J34543" s="8">
        <v>6537672</v>
      </c>
      <c r="K34543" s="9"/>
      <c r="L34543" s="6"/>
    </row>
    <row r="34544" spans="1:12">
      <c r="A34544" s="6" t="s">
        <v>34676</v>
      </c>
      <c r="B34544" s="6"/>
      <c r="C34544" s="6" t="s">
        <v>32230</v>
      </c>
      <c r="D34544" s="6"/>
      <c r="E34544" s="6" t="s">
        <v>9</v>
      </c>
      <c r="F34544" s="7">
        <v>40263</v>
      </c>
      <c r="G34544" s="8">
        <v>3464100</v>
      </c>
      <c r="H34544" s="8">
        <v>2701998</v>
      </c>
      <c r="I34544" s="8">
        <v>831384</v>
      </c>
      <c r="J34544" s="8">
        <v>2632716</v>
      </c>
      <c r="K34544" s="9"/>
      <c r="L34544" s="6"/>
    </row>
    <row r="34545" spans="1:12">
      <c r="A34545" s="6" t="s">
        <v>34677</v>
      </c>
      <c r="B34545" s="6"/>
      <c r="C34545" s="6" t="s">
        <v>32230</v>
      </c>
      <c r="D34545" s="6"/>
      <c r="E34545" s="6" t="s">
        <v>9</v>
      </c>
      <c r="F34545" s="7">
        <v>40263</v>
      </c>
      <c r="G34545" s="8">
        <v>12101400</v>
      </c>
      <c r="H34545" s="8">
        <v>9439092</v>
      </c>
      <c r="I34545" s="8">
        <v>2904336</v>
      </c>
      <c r="J34545" s="8">
        <v>9197064</v>
      </c>
      <c r="K34545" s="9"/>
      <c r="L34545" s="6"/>
    </row>
    <row r="34546" spans="1:12">
      <c r="A34546" s="6" t="s">
        <v>34678</v>
      </c>
      <c r="B34546" s="6"/>
      <c r="C34546" s="6" t="s">
        <v>32230</v>
      </c>
      <c r="D34546" s="6"/>
      <c r="E34546" s="6" t="s">
        <v>9</v>
      </c>
      <c r="F34546" s="7">
        <v>40263</v>
      </c>
      <c r="G34546" s="8">
        <v>2705400</v>
      </c>
      <c r="H34546" s="8">
        <v>2110212</v>
      </c>
      <c r="I34546" s="8">
        <v>649296</v>
      </c>
      <c r="J34546" s="8">
        <v>2056104</v>
      </c>
      <c r="K34546" s="9"/>
      <c r="L34546" s="6"/>
    </row>
    <row r="34547" spans="1:12">
      <c r="A34547" s="6" t="s">
        <v>34679</v>
      </c>
      <c r="B34547" s="6"/>
      <c r="C34547" s="6" t="s">
        <v>32230</v>
      </c>
      <c r="D34547" s="6"/>
      <c r="E34547" s="6" t="s">
        <v>9</v>
      </c>
      <c r="F34547" s="7">
        <v>43769</v>
      </c>
      <c r="G34547" s="8">
        <v>5741280</v>
      </c>
      <c r="H34547" s="8">
        <v>5626455</v>
      </c>
      <c r="I34547" s="8">
        <v>229650</v>
      </c>
      <c r="J34547" s="8">
        <v>5511630</v>
      </c>
      <c r="K34547" s="9"/>
      <c r="L34547" s="6"/>
    </row>
    <row r="34548" spans="1:12">
      <c r="A34548" s="6" t="s">
        <v>34680</v>
      </c>
      <c r="B34548" s="6"/>
      <c r="C34548" s="6" t="s">
        <v>32230</v>
      </c>
      <c r="D34548" s="6"/>
      <c r="E34548" s="6" t="s">
        <v>9</v>
      </c>
      <c r="F34548" s="7">
        <v>40269</v>
      </c>
      <c r="G34548" s="8">
        <v>31282200</v>
      </c>
      <c r="H34548" s="8">
        <v>25025760</v>
      </c>
      <c r="I34548" s="8">
        <v>6882084</v>
      </c>
      <c r="J34548" s="8">
        <v>24400116</v>
      </c>
      <c r="K34548" s="9"/>
      <c r="L34548" s="6"/>
    </row>
    <row r="34549" spans="1:12">
      <c r="A34549" s="6" t="s">
        <v>34681</v>
      </c>
      <c r="B34549" s="6"/>
      <c r="C34549" s="6" t="s">
        <v>32230</v>
      </c>
      <c r="D34549" s="6"/>
      <c r="E34549" s="6" t="s">
        <v>9</v>
      </c>
      <c r="F34549" s="7">
        <v>40630</v>
      </c>
      <c r="G34549" s="8">
        <v>3296700</v>
      </c>
      <c r="H34549" s="8">
        <v>2637360</v>
      </c>
      <c r="I34549" s="8">
        <v>725274</v>
      </c>
      <c r="J34549" s="8">
        <v>2571426</v>
      </c>
      <c r="K34549" s="9"/>
      <c r="L34549" s="6"/>
    </row>
    <row r="34550" spans="1:12">
      <c r="A34550" s="6" t="s">
        <v>34682</v>
      </c>
      <c r="B34550" s="6"/>
      <c r="C34550" s="6" t="s">
        <v>32230</v>
      </c>
      <c r="D34550" s="6"/>
      <c r="E34550" s="6" t="s">
        <v>9</v>
      </c>
      <c r="F34550" s="7">
        <v>40630</v>
      </c>
      <c r="G34550" s="8">
        <v>6982200</v>
      </c>
      <c r="H34550" s="8">
        <v>5585760</v>
      </c>
      <c r="I34550" s="8">
        <v>1536084</v>
      </c>
      <c r="J34550" s="8">
        <v>5446116</v>
      </c>
      <c r="K34550" s="9"/>
      <c r="L34550" s="6"/>
    </row>
    <row r="34551" spans="1:12">
      <c r="A34551" s="6" t="s">
        <v>34683</v>
      </c>
      <c r="B34551" s="6"/>
      <c r="C34551" s="6" t="s">
        <v>32230</v>
      </c>
      <c r="D34551" s="6"/>
      <c r="E34551" s="6" t="s">
        <v>9</v>
      </c>
      <c r="F34551" s="7">
        <v>40630</v>
      </c>
      <c r="G34551" s="8">
        <v>6569100</v>
      </c>
      <c r="H34551" s="8">
        <v>5255280</v>
      </c>
      <c r="I34551" s="8">
        <v>1445202</v>
      </c>
      <c r="J34551" s="8">
        <v>5123898</v>
      </c>
      <c r="K34551" s="9"/>
      <c r="L34551" s="6"/>
    </row>
    <row r="34552" spans="1:12">
      <c r="A34552" s="6" t="s">
        <v>34684</v>
      </c>
      <c r="B34552" s="6"/>
      <c r="C34552" s="6" t="s">
        <v>32230</v>
      </c>
      <c r="D34552" s="6"/>
      <c r="E34552" s="6" t="s">
        <v>9</v>
      </c>
      <c r="F34552" s="7">
        <v>40630</v>
      </c>
      <c r="G34552" s="8">
        <v>10465200</v>
      </c>
      <c r="H34552" s="8">
        <v>8372160</v>
      </c>
      <c r="I34552" s="8">
        <v>2302344</v>
      </c>
      <c r="J34552" s="8">
        <v>8162856</v>
      </c>
      <c r="K34552" s="9"/>
      <c r="L34552" s="6"/>
    </row>
    <row r="34553" spans="1:12">
      <c r="A34553" s="6" t="s">
        <v>34685</v>
      </c>
      <c r="B34553" s="6"/>
      <c r="C34553" s="6" t="s">
        <v>32230</v>
      </c>
      <c r="D34553" s="6"/>
      <c r="E34553" s="6" t="s">
        <v>9</v>
      </c>
      <c r="F34553" s="7">
        <v>40718</v>
      </c>
      <c r="G34553" s="8">
        <v>1444000</v>
      </c>
      <c r="H34553" s="8">
        <v>1184080</v>
      </c>
      <c r="I34553" s="8">
        <v>288800</v>
      </c>
      <c r="J34553" s="8">
        <v>1155200</v>
      </c>
      <c r="K34553" s="9"/>
      <c r="L34553" s="6"/>
    </row>
    <row r="34554" spans="1:12">
      <c r="A34554" s="6" t="s">
        <v>34686</v>
      </c>
      <c r="B34554" s="6"/>
      <c r="C34554" s="6" t="s">
        <v>32230</v>
      </c>
      <c r="D34554" s="6"/>
      <c r="E34554" s="6" t="s">
        <v>9</v>
      </c>
      <c r="F34554" s="7">
        <v>40630</v>
      </c>
      <c r="G34554" s="8">
        <v>52747200</v>
      </c>
      <c r="H34554" s="8">
        <v>42197760</v>
      </c>
      <c r="I34554" s="8">
        <v>11604384</v>
      </c>
      <c r="J34554" s="8">
        <v>41142816</v>
      </c>
      <c r="K34554" s="9"/>
      <c r="L34554" s="6"/>
    </row>
    <row r="34555" spans="1:12">
      <c r="A34555" s="6" t="s">
        <v>34687</v>
      </c>
      <c r="B34555" s="6"/>
      <c r="C34555" s="6" t="s">
        <v>32230</v>
      </c>
      <c r="D34555" s="6"/>
      <c r="E34555" s="6" t="s">
        <v>9</v>
      </c>
      <c r="F34555" s="7">
        <v>42460</v>
      </c>
      <c r="G34555" s="8">
        <v>66789680</v>
      </c>
      <c r="H34555" s="8">
        <v>60110715</v>
      </c>
      <c r="I34555" s="8">
        <v>8014758</v>
      </c>
      <c r="J34555" s="8">
        <v>58774922</v>
      </c>
      <c r="K34555" s="9"/>
      <c r="L34555" s="6"/>
    </row>
    <row r="34556" spans="1:12">
      <c r="A34556" s="6" t="s">
        <v>34688</v>
      </c>
      <c r="B34556" s="6"/>
      <c r="C34556" s="6" t="s">
        <v>32230</v>
      </c>
      <c r="D34556" s="6"/>
      <c r="E34556" s="6" t="s">
        <v>9</v>
      </c>
      <c r="F34556" s="7">
        <v>43024</v>
      </c>
      <c r="G34556" s="8">
        <v>1080000</v>
      </c>
      <c r="H34556" s="8">
        <v>756000</v>
      </c>
      <c r="I34556" s="8">
        <v>432000</v>
      </c>
      <c r="J34556" s="8">
        <v>648000</v>
      </c>
      <c r="K34556" s="9"/>
      <c r="L34556" s="6"/>
    </row>
    <row r="34557" spans="1:12">
      <c r="A34557" s="6" t="s">
        <v>34689</v>
      </c>
      <c r="B34557" s="6"/>
      <c r="C34557" s="6" t="s">
        <v>32230</v>
      </c>
      <c r="D34557" s="6"/>
      <c r="E34557" s="6" t="s">
        <v>9</v>
      </c>
      <c r="F34557" s="7">
        <v>43921</v>
      </c>
      <c r="G34557" s="8">
        <v>1287000</v>
      </c>
      <c r="H34557" s="8">
        <v>1158300</v>
      </c>
      <c r="I34557" s="8">
        <v>257400</v>
      </c>
      <c r="J34557" s="8">
        <v>1029600</v>
      </c>
      <c r="K34557" s="9"/>
      <c r="L34557" s="6"/>
    </row>
    <row r="34558" spans="1:12">
      <c r="A34558" s="6" t="s">
        <v>34690</v>
      </c>
      <c r="B34558" s="6"/>
      <c r="C34558" s="6" t="s">
        <v>32230</v>
      </c>
      <c r="D34558" s="6"/>
      <c r="E34558" s="6" t="s">
        <v>9</v>
      </c>
      <c r="F34558" s="7">
        <v>44286</v>
      </c>
      <c r="G34558" s="8">
        <v>277226900</v>
      </c>
      <c r="H34558" s="8">
        <v>277226900</v>
      </c>
      <c r="I34558" s="8">
        <v>5544538</v>
      </c>
      <c r="J34558" s="8">
        <v>271682362</v>
      </c>
      <c r="K34558" s="9"/>
      <c r="L34558" s="6"/>
    </row>
    <row r="34559" spans="1:12">
      <c r="A34559" s="6" t="s">
        <v>34691</v>
      </c>
      <c r="B34559" s="6"/>
      <c r="C34559" s="6" t="s">
        <v>32230</v>
      </c>
      <c r="D34559" s="6"/>
      <c r="E34559" s="6" t="s">
        <v>9</v>
      </c>
      <c r="F34559" s="7">
        <v>41360</v>
      </c>
      <c r="G34559" s="8">
        <v>9061200</v>
      </c>
      <c r="H34559" s="8">
        <v>7611408</v>
      </c>
      <c r="I34559" s="8">
        <v>1631016</v>
      </c>
      <c r="J34559" s="8">
        <v>7430184</v>
      </c>
      <c r="K34559" s="9"/>
      <c r="L34559" s="6"/>
    </row>
    <row r="34560" spans="1:12">
      <c r="A34560" s="6" t="s">
        <v>34692</v>
      </c>
      <c r="B34560" s="6"/>
      <c r="C34560" s="6" t="s">
        <v>32230</v>
      </c>
      <c r="D34560" s="6"/>
      <c r="E34560" s="6" t="s">
        <v>9</v>
      </c>
      <c r="F34560" s="7">
        <v>41360</v>
      </c>
      <c r="G34560" s="8">
        <v>217625600</v>
      </c>
      <c r="H34560" s="8">
        <v>182805504</v>
      </c>
      <c r="I34560" s="8">
        <v>39172608</v>
      </c>
      <c r="J34560" s="8">
        <v>178452992</v>
      </c>
      <c r="K34560" s="9"/>
      <c r="L34560" s="6"/>
    </row>
    <row r="34561" spans="1:12">
      <c r="A34561" s="6" t="s">
        <v>33185</v>
      </c>
      <c r="B34561" s="6"/>
      <c r="C34561" s="6" t="s">
        <v>32230</v>
      </c>
      <c r="D34561" s="6"/>
      <c r="E34561" s="6" t="s">
        <v>9</v>
      </c>
      <c r="F34561" s="7"/>
      <c r="G34561" s="8">
        <v>1</v>
      </c>
      <c r="H34561" s="8">
        <v>1</v>
      </c>
      <c r="I34561" s="8">
        <v>0</v>
      </c>
      <c r="J34561" s="8">
        <v>1</v>
      </c>
      <c r="K34561" s="9"/>
      <c r="L34561" s="6"/>
    </row>
    <row r="34562" spans="1:12">
      <c r="A34562" s="6" t="s">
        <v>34693</v>
      </c>
      <c r="B34562" s="6"/>
      <c r="C34562" s="6" t="s">
        <v>32230</v>
      </c>
      <c r="D34562" s="6"/>
      <c r="E34562" s="6" t="s">
        <v>9</v>
      </c>
      <c r="F34562" s="7">
        <v>41726</v>
      </c>
      <c r="G34562" s="8">
        <v>6083100</v>
      </c>
      <c r="H34562" s="8">
        <v>5231466</v>
      </c>
      <c r="I34562" s="8">
        <v>973296</v>
      </c>
      <c r="J34562" s="8">
        <v>5109804</v>
      </c>
      <c r="K34562" s="9"/>
      <c r="L34562" s="6"/>
    </row>
    <row r="34563" spans="1:12">
      <c r="A34563" s="6" t="s">
        <v>34694</v>
      </c>
      <c r="B34563" s="6"/>
      <c r="C34563" s="6" t="s">
        <v>32230</v>
      </c>
      <c r="D34563" s="6"/>
      <c r="E34563" s="6" t="s">
        <v>9</v>
      </c>
      <c r="F34563" s="7">
        <v>41726</v>
      </c>
      <c r="G34563" s="8">
        <v>1626400</v>
      </c>
      <c r="H34563" s="8">
        <v>1398704</v>
      </c>
      <c r="I34563" s="8">
        <v>260224</v>
      </c>
      <c r="J34563" s="8">
        <v>1366176</v>
      </c>
      <c r="K34563" s="9"/>
      <c r="L34563" s="6"/>
    </row>
    <row r="34564" spans="1:12">
      <c r="A34564" s="6" t="s">
        <v>34695</v>
      </c>
      <c r="B34564" s="6"/>
      <c r="C34564" s="6" t="s">
        <v>32230</v>
      </c>
      <c r="D34564" s="6"/>
      <c r="E34564" s="6" t="s">
        <v>9</v>
      </c>
      <c r="F34564" s="7">
        <v>42709</v>
      </c>
      <c r="G34564" s="8">
        <v>5114880</v>
      </c>
      <c r="H34564" s="8">
        <v>4705692</v>
      </c>
      <c r="I34564" s="8">
        <v>511485</v>
      </c>
      <c r="J34564" s="8">
        <v>4603395</v>
      </c>
      <c r="K34564" s="9"/>
      <c r="L34564" s="6"/>
    </row>
    <row r="34565" spans="1:12">
      <c r="A34565" s="6" t="s">
        <v>34696</v>
      </c>
      <c r="B34565" s="6"/>
      <c r="C34565" s="6" t="s">
        <v>32230</v>
      </c>
      <c r="D34565" s="6"/>
      <c r="E34565" s="6" t="s">
        <v>9</v>
      </c>
      <c r="F34565" s="7">
        <v>30270</v>
      </c>
      <c r="G34565" s="8">
        <v>9396000</v>
      </c>
      <c r="H34565" s="8">
        <v>2255040</v>
      </c>
      <c r="I34565" s="8">
        <v>7328880</v>
      </c>
      <c r="J34565" s="8">
        <v>2067120</v>
      </c>
      <c r="K34565" s="9"/>
      <c r="L34565" s="6"/>
    </row>
    <row r="34566" spans="1:12">
      <c r="A34566" s="6" t="s">
        <v>34697</v>
      </c>
      <c r="B34566" s="6"/>
      <c r="C34566" s="6" t="s">
        <v>32230</v>
      </c>
      <c r="D34566" s="6"/>
      <c r="E34566" s="6" t="s">
        <v>9</v>
      </c>
      <c r="F34566" s="7">
        <v>30270</v>
      </c>
      <c r="G34566" s="8">
        <v>8073000</v>
      </c>
      <c r="H34566" s="8">
        <v>1937520</v>
      </c>
      <c r="I34566" s="8">
        <v>6296940</v>
      </c>
      <c r="J34566" s="8">
        <v>1776060</v>
      </c>
      <c r="K34566" s="9"/>
      <c r="L34566" s="6"/>
    </row>
    <row r="34567" spans="1:12">
      <c r="A34567" s="6" t="s">
        <v>34698</v>
      </c>
      <c r="B34567" s="6"/>
      <c r="C34567" s="6" t="s">
        <v>32230</v>
      </c>
      <c r="D34567" s="6"/>
      <c r="E34567" s="6" t="s">
        <v>9</v>
      </c>
      <c r="F34567" s="7">
        <v>30270</v>
      </c>
      <c r="G34567" s="8">
        <v>1636200</v>
      </c>
      <c r="H34567" s="8">
        <v>392688</v>
      </c>
      <c r="I34567" s="8">
        <v>1276236</v>
      </c>
      <c r="J34567" s="8">
        <v>359964</v>
      </c>
      <c r="K34567" s="9"/>
      <c r="L34567" s="6"/>
    </row>
    <row r="34568" spans="1:12">
      <c r="A34568" s="6" t="s">
        <v>33185</v>
      </c>
      <c r="B34568" s="6"/>
      <c r="C34568" s="6" t="s">
        <v>32230</v>
      </c>
      <c r="D34568" s="6"/>
      <c r="E34568" s="6" t="s">
        <v>9</v>
      </c>
      <c r="F34568" s="7">
        <v>22007</v>
      </c>
      <c r="G34568" s="8">
        <v>6126120</v>
      </c>
      <c r="H34568" s="8">
        <v>1</v>
      </c>
      <c r="I34568" s="8">
        <v>6126119</v>
      </c>
      <c r="J34568" s="8">
        <v>1</v>
      </c>
      <c r="K34568" s="9"/>
      <c r="L34568" s="6"/>
    </row>
    <row r="34569" spans="1:12">
      <c r="A34569" s="6" t="s">
        <v>34699</v>
      </c>
      <c r="B34569" s="6"/>
      <c r="C34569" s="6" t="s">
        <v>32230</v>
      </c>
      <c r="D34569" s="6"/>
      <c r="E34569" s="6" t="s">
        <v>9</v>
      </c>
      <c r="F34569" s="7">
        <v>30270</v>
      </c>
      <c r="G34569" s="8">
        <v>4716900</v>
      </c>
      <c r="H34569" s="8">
        <v>1132056</v>
      </c>
      <c r="I34569" s="8">
        <v>3679182</v>
      </c>
      <c r="J34569" s="8">
        <v>1037718</v>
      </c>
      <c r="K34569" s="9"/>
      <c r="L34569" s="6"/>
    </row>
    <row r="34570" spans="1:12">
      <c r="A34570" s="6" t="s">
        <v>33185</v>
      </c>
      <c r="B34570" s="6"/>
      <c r="C34570" s="6" t="s">
        <v>32230</v>
      </c>
      <c r="D34570" s="6"/>
      <c r="E34570" s="6" t="s">
        <v>9</v>
      </c>
      <c r="F34570" s="7">
        <v>7397</v>
      </c>
      <c r="G34570" s="8">
        <v>9625980</v>
      </c>
      <c r="H34570" s="8">
        <v>1</v>
      </c>
      <c r="I34570" s="8">
        <v>9625979</v>
      </c>
      <c r="J34570" s="8">
        <v>1</v>
      </c>
      <c r="K34570" s="9"/>
      <c r="L34570" s="6"/>
    </row>
    <row r="34571" spans="1:12">
      <c r="A34571" s="6" t="s">
        <v>34700</v>
      </c>
      <c r="B34571" s="6"/>
      <c r="C34571" s="6" t="s">
        <v>32230</v>
      </c>
      <c r="D34571" s="6"/>
      <c r="E34571" s="6" t="s">
        <v>9</v>
      </c>
      <c r="F34571" s="7">
        <v>30270</v>
      </c>
      <c r="G34571" s="8">
        <v>5783400</v>
      </c>
      <c r="H34571" s="8">
        <v>1388016</v>
      </c>
      <c r="I34571" s="8">
        <v>4511052</v>
      </c>
      <c r="J34571" s="8">
        <v>1272348</v>
      </c>
      <c r="K34571" s="9"/>
      <c r="L34571" s="6"/>
    </row>
    <row r="34572" spans="1:12">
      <c r="A34572" s="6" t="s">
        <v>34701</v>
      </c>
      <c r="B34572" s="6"/>
      <c r="C34572" s="6" t="s">
        <v>32230</v>
      </c>
      <c r="D34572" s="6"/>
      <c r="E34572" s="6" t="s">
        <v>9</v>
      </c>
      <c r="F34572" s="7">
        <v>30270</v>
      </c>
      <c r="G34572" s="8">
        <v>463600</v>
      </c>
      <c r="H34572" s="8">
        <v>111264</v>
      </c>
      <c r="I34572" s="8">
        <v>361608</v>
      </c>
      <c r="J34572" s="8">
        <v>101992</v>
      </c>
      <c r="K34572" s="9"/>
      <c r="L34572" s="6"/>
    </row>
    <row r="34573" spans="1:12">
      <c r="A34573" s="6" t="s">
        <v>34702</v>
      </c>
      <c r="B34573" s="6"/>
      <c r="C34573" s="6" t="s">
        <v>32230</v>
      </c>
      <c r="D34573" s="6"/>
      <c r="E34573" s="6" t="s">
        <v>9</v>
      </c>
      <c r="F34573" s="7">
        <v>28840</v>
      </c>
      <c r="G34573" s="8">
        <v>4774700</v>
      </c>
      <c r="H34573" s="8">
        <v>763952</v>
      </c>
      <c r="I34573" s="8">
        <v>4106242</v>
      </c>
      <c r="J34573" s="8">
        <v>668458</v>
      </c>
      <c r="K34573" s="9"/>
      <c r="L34573" s="6"/>
    </row>
    <row r="34574" spans="1:12">
      <c r="A34574" s="6" t="s">
        <v>34703</v>
      </c>
      <c r="B34574" s="6"/>
      <c r="C34574" s="6" t="s">
        <v>32230</v>
      </c>
      <c r="D34574" s="6"/>
      <c r="E34574" s="6" t="s">
        <v>9</v>
      </c>
      <c r="F34574" s="7">
        <v>30270</v>
      </c>
      <c r="G34574" s="8">
        <v>24227100</v>
      </c>
      <c r="H34574" s="8">
        <v>5814504</v>
      </c>
      <c r="I34574" s="8">
        <v>18897138</v>
      </c>
      <c r="J34574" s="8">
        <v>5329962</v>
      </c>
      <c r="K34574" s="9"/>
      <c r="L34574" s="6"/>
    </row>
    <row r="34575" spans="1:12">
      <c r="A34575" s="6" t="s">
        <v>34704</v>
      </c>
      <c r="B34575" s="6"/>
      <c r="C34575" s="6" t="s">
        <v>32230</v>
      </c>
      <c r="D34575" s="6"/>
      <c r="E34575" s="6" t="s">
        <v>9</v>
      </c>
      <c r="F34575" s="7">
        <v>30270</v>
      </c>
      <c r="G34575" s="8">
        <v>3729700</v>
      </c>
      <c r="H34575" s="8">
        <v>895128</v>
      </c>
      <c r="I34575" s="8">
        <v>2909166</v>
      </c>
      <c r="J34575" s="8">
        <v>820534</v>
      </c>
      <c r="K34575" s="9"/>
      <c r="L34575" s="6"/>
    </row>
    <row r="34576" spans="1:12">
      <c r="A34576" s="6" t="s">
        <v>34705</v>
      </c>
      <c r="B34576" s="6"/>
      <c r="C34576" s="6" t="s">
        <v>32230</v>
      </c>
      <c r="D34576" s="6"/>
      <c r="E34576" s="6" t="s">
        <v>9</v>
      </c>
      <c r="F34576" s="7">
        <v>30270</v>
      </c>
      <c r="G34576" s="8">
        <v>47943900</v>
      </c>
      <c r="H34576" s="8">
        <v>11506536</v>
      </c>
      <c r="I34576" s="8">
        <v>37396242</v>
      </c>
      <c r="J34576" s="8">
        <v>10547658</v>
      </c>
      <c r="K34576" s="9"/>
      <c r="L34576" s="6"/>
    </row>
    <row r="34577" spans="1:12">
      <c r="A34577" s="6" t="s">
        <v>33185</v>
      </c>
      <c r="B34577" s="6"/>
      <c r="C34577" s="6" t="s">
        <v>32230</v>
      </c>
      <c r="D34577" s="6"/>
      <c r="E34577" s="6" t="s">
        <v>9</v>
      </c>
      <c r="F34577" s="7">
        <v>39904</v>
      </c>
      <c r="G34577" s="8">
        <v>12694500</v>
      </c>
      <c r="H34577" s="8">
        <v>10320634</v>
      </c>
      <c r="I34577" s="8">
        <v>2589672</v>
      </c>
      <c r="J34577" s="8">
        <v>10104828</v>
      </c>
      <c r="K34577" s="9"/>
      <c r="L34577" s="6"/>
    </row>
    <row r="34578" spans="1:12">
      <c r="A34578" s="6" t="s">
        <v>34706</v>
      </c>
      <c r="B34578" s="6"/>
      <c r="C34578" s="6" t="s">
        <v>32230</v>
      </c>
      <c r="D34578" s="6"/>
      <c r="E34578" s="6" t="s">
        <v>9</v>
      </c>
      <c r="F34578" s="7">
        <v>30270</v>
      </c>
      <c r="G34578" s="8">
        <v>75751200</v>
      </c>
      <c r="H34578" s="8">
        <v>18180288</v>
      </c>
      <c r="I34578" s="8">
        <v>59085936</v>
      </c>
      <c r="J34578" s="8">
        <v>16665264</v>
      </c>
      <c r="K34578" s="9"/>
      <c r="L34578" s="6"/>
    </row>
    <row r="34579" spans="1:12">
      <c r="A34579" s="6" t="s">
        <v>34707</v>
      </c>
      <c r="B34579" s="6"/>
      <c r="C34579" s="6" t="s">
        <v>32230</v>
      </c>
      <c r="D34579" s="6"/>
      <c r="E34579" s="6" t="s">
        <v>9</v>
      </c>
      <c r="F34579" s="7">
        <v>31472</v>
      </c>
      <c r="G34579" s="8">
        <v>108348240</v>
      </c>
      <c r="H34579" s="8">
        <v>21127925</v>
      </c>
      <c r="I34579" s="8">
        <v>89712324</v>
      </c>
      <c r="J34579" s="8">
        <v>18635916</v>
      </c>
      <c r="K34579" s="9"/>
      <c r="L34579" s="6"/>
    </row>
    <row r="34580" spans="1:12">
      <c r="A34580" s="6" t="s">
        <v>34708</v>
      </c>
      <c r="B34580" s="6"/>
      <c r="C34580" s="6" t="s">
        <v>32230</v>
      </c>
      <c r="D34580" s="6"/>
      <c r="E34580" s="6" t="s">
        <v>9</v>
      </c>
      <c r="F34580" s="7">
        <v>30270</v>
      </c>
      <c r="G34580" s="8">
        <v>9225900</v>
      </c>
      <c r="H34580" s="8">
        <v>2214216</v>
      </c>
      <c r="I34580" s="8">
        <v>7196202</v>
      </c>
      <c r="J34580" s="8">
        <v>2029698</v>
      </c>
      <c r="K34580" s="9"/>
      <c r="L34580" s="6"/>
    </row>
    <row r="34581" spans="1:12">
      <c r="A34581" s="6" t="s">
        <v>33185</v>
      </c>
      <c r="B34581" s="6"/>
      <c r="C34581" s="6" t="s">
        <v>32230</v>
      </c>
      <c r="D34581" s="6"/>
      <c r="E34581" s="6" t="s">
        <v>9</v>
      </c>
      <c r="F34581" s="7">
        <v>30773</v>
      </c>
      <c r="G34581" s="8">
        <v>17674020</v>
      </c>
      <c r="H34581" s="8">
        <v>6857532</v>
      </c>
      <c r="I34581" s="8">
        <v>11116946</v>
      </c>
      <c r="J34581" s="8">
        <v>6557074</v>
      </c>
      <c r="K34581" s="9"/>
      <c r="L34581" s="6"/>
    </row>
    <row r="34582" spans="1:12">
      <c r="A34582" s="6" t="s">
        <v>34709</v>
      </c>
      <c r="B34582" s="6"/>
      <c r="C34582" s="6" t="s">
        <v>32230</v>
      </c>
      <c r="D34582" s="6"/>
      <c r="E34582" s="6" t="s">
        <v>9</v>
      </c>
      <c r="F34582" s="7">
        <v>30270</v>
      </c>
      <c r="G34582" s="8">
        <v>6528600</v>
      </c>
      <c r="H34582" s="8">
        <v>1566864</v>
      </c>
      <c r="I34582" s="8">
        <v>5092308</v>
      </c>
      <c r="J34582" s="8">
        <v>1436292</v>
      </c>
      <c r="K34582" s="9"/>
      <c r="L34582" s="6"/>
    </row>
    <row r="34583" spans="1:12">
      <c r="A34583" s="6" t="s">
        <v>34710</v>
      </c>
      <c r="B34583" s="6"/>
      <c r="C34583" s="6" t="s">
        <v>32230</v>
      </c>
      <c r="D34583" s="6"/>
      <c r="E34583" s="6" t="s">
        <v>9</v>
      </c>
      <c r="F34583" s="7">
        <v>30270</v>
      </c>
      <c r="G34583" s="8">
        <v>5890000</v>
      </c>
      <c r="H34583" s="8">
        <v>1413600</v>
      </c>
      <c r="I34583" s="8">
        <v>4594200</v>
      </c>
      <c r="J34583" s="8">
        <v>1295800</v>
      </c>
      <c r="K34583" s="9"/>
      <c r="L34583" s="6"/>
    </row>
    <row r="34584" spans="1:12">
      <c r="A34584" s="6" t="s">
        <v>33185</v>
      </c>
      <c r="B34584" s="6"/>
      <c r="C34584" s="6" t="s">
        <v>32230</v>
      </c>
      <c r="D34584" s="6"/>
      <c r="E34584" s="6" t="s">
        <v>9</v>
      </c>
      <c r="F34584" s="7">
        <v>22007</v>
      </c>
      <c r="G34584" s="8">
        <v>5460000</v>
      </c>
      <c r="H34584" s="8">
        <v>1</v>
      </c>
      <c r="I34584" s="8">
        <v>5459999</v>
      </c>
      <c r="J34584" s="8">
        <v>1</v>
      </c>
      <c r="K34584" s="9"/>
      <c r="L34584" s="6"/>
    </row>
    <row r="34585" spans="1:12">
      <c r="A34585" s="6" t="s">
        <v>34711</v>
      </c>
      <c r="B34585" s="6"/>
      <c r="C34585" s="6" t="s">
        <v>32230</v>
      </c>
      <c r="D34585" s="6"/>
      <c r="E34585" s="6" t="s">
        <v>9</v>
      </c>
      <c r="F34585" s="7">
        <v>30270</v>
      </c>
      <c r="G34585" s="8">
        <v>40767300</v>
      </c>
      <c r="H34585" s="8">
        <v>9784152</v>
      </c>
      <c r="I34585" s="8">
        <v>31798494</v>
      </c>
      <c r="J34585" s="8">
        <v>8968806</v>
      </c>
      <c r="K34585" s="9"/>
      <c r="L34585" s="6"/>
    </row>
    <row r="34586" spans="1:12">
      <c r="A34586" s="6" t="s">
        <v>34712</v>
      </c>
      <c r="B34586" s="6"/>
      <c r="C34586" s="6" t="s">
        <v>32230</v>
      </c>
      <c r="D34586" s="6"/>
      <c r="E34586" s="6" t="s">
        <v>9</v>
      </c>
      <c r="F34586" s="7">
        <v>42689</v>
      </c>
      <c r="G34586" s="8">
        <v>896400</v>
      </c>
      <c r="H34586" s="8">
        <v>656168</v>
      </c>
      <c r="I34586" s="8">
        <v>300290</v>
      </c>
      <c r="J34586" s="8">
        <v>596110</v>
      </c>
      <c r="K34586" s="9"/>
      <c r="L34586" s="6"/>
    </row>
    <row r="34587" spans="1:12">
      <c r="A34587" s="6" t="s">
        <v>34713</v>
      </c>
      <c r="B34587" s="6"/>
      <c r="C34587" s="6" t="s">
        <v>32230</v>
      </c>
      <c r="D34587" s="6"/>
      <c r="E34587" s="6" t="s">
        <v>9</v>
      </c>
      <c r="F34587" s="7">
        <v>30270</v>
      </c>
      <c r="G34587" s="8">
        <v>21643200</v>
      </c>
      <c r="H34587" s="8">
        <v>5194368</v>
      </c>
      <c r="I34587" s="8">
        <v>16881696</v>
      </c>
      <c r="J34587" s="8">
        <v>4761504</v>
      </c>
      <c r="K34587" s="9"/>
      <c r="L34587" s="6"/>
    </row>
    <row r="34588" spans="1:12">
      <c r="A34588" s="6" t="s">
        <v>34714</v>
      </c>
      <c r="B34588" s="6"/>
      <c r="C34588" s="6" t="s">
        <v>32230</v>
      </c>
      <c r="D34588" s="6"/>
      <c r="E34588" s="6" t="s">
        <v>9</v>
      </c>
      <c r="F34588" s="7">
        <v>30270</v>
      </c>
      <c r="G34588" s="8">
        <v>1461100</v>
      </c>
      <c r="H34588" s="8">
        <v>350664</v>
      </c>
      <c r="I34588" s="8">
        <v>1139658</v>
      </c>
      <c r="J34588" s="8">
        <v>321442</v>
      </c>
      <c r="K34588" s="9"/>
      <c r="L34588" s="6"/>
    </row>
    <row r="34589" spans="1:12">
      <c r="A34589" s="6" t="s">
        <v>34715</v>
      </c>
      <c r="B34589" s="6"/>
      <c r="C34589" s="6" t="s">
        <v>32230</v>
      </c>
      <c r="D34589" s="6"/>
      <c r="E34589" s="6" t="s">
        <v>9</v>
      </c>
      <c r="F34589" s="7">
        <v>30270</v>
      </c>
      <c r="G34589" s="8">
        <v>3123600</v>
      </c>
      <c r="H34589" s="8">
        <v>749664</v>
      </c>
      <c r="I34589" s="8">
        <v>2436408</v>
      </c>
      <c r="J34589" s="8">
        <v>687192</v>
      </c>
      <c r="K34589" s="9"/>
      <c r="L34589" s="6"/>
    </row>
    <row r="34590" spans="1:12">
      <c r="A34590" s="6" t="s">
        <v>34716</v>
      </c>
      <c r="B34590" s="6"/>
      <c r="C34590" s="6" t="s">
        <v>32230</v>
      </c>
      <c r="D34590" s="6"/>
      <c r="E34590" s="6" t="s">
        <v>9</v>
      </c>
      <c r="F34590" s="7">
        <v>30270</v>
      </c>
      <c r="G34590" s="8">
        <v>11422800</v>
      </c>
      <c r="H34590" s="8">
        <v>2741472</v>
      </c>
      <c r="I34590" s="8">
        <v>8909784</v>
      </c>
      <c r="J34590" s="8">
        <v>2513016</v>
      </c>
      <c r="K34590" s="9"/>
      <c r="L34590" s="6"/>
    </row>
    <row r="34591" spans="1:12">
      <c r="A34591" s="6" t="s">
        <v>34717</v>
      </c>
      <c r="B34591" s="6"/>
      <c r="C34591" s="6" t="s">
        <v>32230</v>
      </c>
      <c r="D34591" s="6"/>
      <c r="E34591" s="6" t="s">
        <v>9</v>
      </c>
      <c r="F34591" s="7">
        <v>43539</v>
      </c>
      <c r="G34591" s="8">
        <v>1296000</v>
      </c>
      <c r="H34591" s="8">
        <v>1231200</v>
      </c>
      <c r="I34591" s="8">
        <v>97200</v>
      </c>
      <c r="J34591" s="8">
        <v>1198800</v>
      </c>
      <c r="K34591" s="9"/>
      <c r="L34591" s="6"/>
    </row>
    <row r="34592" spans="1:12">
      <c r="A34592" s="6" t="s">
        <v>34718</v>
      </c>
      <c r="B34592" s="6"/>
      <c r="C34592" s="6" t="s">
        <v>32230</v>
      </c>
      <c r="D34592" s="6"/>
      <c r="E34592" s="6" t="s">
        <v>9</v>
      </c>
      <c r="F34592" s="7">
        <v>30270</v>
      </c>
      <c r="G34592" s="8">
        <v>24364800</v>
      </c>
      <c r="H34592" s="8">
        <v>5847552</v>
      </c>
      <c r="I34592" s="8">
        <v>19004544</v>
      </c>
      <c r="J34592" s="8">
        <v>5360256</v>
      </c>
      <c r="K34592" s="9"/>
      <c r="L34592" s="6"/>
    </row>
    <row r="34593" spans="1:12">
      <c r="A34593" s="6" t="s">
        <v>34719</v>
      </c>
      <c r="B34593" s="6"/>
      <c r="C34593" s="6" t="s">
        <v>32230</v>
      </c>
      <c r="D34593" s="6"/>
      <c r="E34593" s="6" t="s">
        <v>9</v>
      </c>
      <c r="F34593" s="7">
        <v>30498</v>
      </c>
      <c r="G34593" s="8">
        <v>11923200</v>
      </c>
      <c r="H34593" s="8">
        <v>3100032</v>
      </c>
      <c r="I34593" s="8">
        <v>9061632</v>
      </c>
      <c r="J34593" s="8">
        <v>2861568</v>
      </c>
      <c r="K34593" s="9"/>
      <c r="L34593" s="6"/>
    </row>
    <row r="34594" spans="1:12">
      <c r="A34594" s="6" t="s">
        <v>34720</v>
      </c>
      <c r="B34594" s="6"/>
      <c r="C34594" s="6" t="s">
        <v>32230</v>
      </c>
      <c r="D34594" s="6"/>
      <c r="E34594" s="6" t="s">
        <v>9</v>
      </c>
      <c r="F34594" s="7">
        <v>30270</v>
      </c>
      <c r="G34594" s="8">
        <v>2646700</v>
      </c>
      <c r="H34594" s="8">
        <v>635208</v>
      </c>
      <c r="I34594" s="8">
        <v>2064426</v>
      </c>
      <c r="J34594" s="8">
        <v>582274</v>
      </c>
      <c r="K34594" s="9"/>
      <c r="L34594" s="6"/>
    </row>
    <row r="34595" spans="1:12">
      <c r="A34595" s="6" t="s">
        <v>34721</v>
      </c>
      <c r="B34595" s="6"/>
      <c r="C34595" s="6" t="s">
        <v>32230</v>
      </c>
      <c r="D34595" s="6"/>
      <c r="E34595" s="6" t="s">
        <v>9</v>
      </c>
      <c r="F34595" s="7">
        <v>30270</v>
      </c>
      <c r="G34595" s="8">
        <v>5443200</v>
      </c>
      <c r="H34595" s="8">
        <v>1306368</v>
      </c>
      <c r="I34595" s="8">
        <v>4245696</v>
      </c>
      <c r="J34595" s="8">
        <v>1197504</v>
      </c>
      <c r="K34595" s="9"/>
      <c r="L34595" s="6"/>
    </row>
    <row r="34596" spans="1:12">
      <c r="A34596" s="6" t="s">
        <v>34722</v>
      </c>
      <c r="B34596" s="6"/>
      <c r="C34596" s="6" t="s">
        <v>32230</v>
      </c>
      <c r="D34596" s="6"/>
      <c r="E34596" s="6" t="s">
        <v>9</v>
      </c>
      <c r="F34596" s="7">
        <v>30270</v>
      </c>
      <c r="G34596" s="8">
        <v>17280000</v>
      </c>
      <c r="H34596" s="8">
        <v>4147200</v>
      </c>
      <c r="I34596" s="8">
        <v>13478400</v>
      </c>
      <c r="J34596" s="8">
        <v>3801600</v>
      </c>
      <c r="K34596" s="9"/>
      <c r="L34596" s="6"/>
    </row>
    <row r="34597" spans="1:12">
      <c r="A34597" s="6" t="s">
        <v>33185</v>
      </c>
      <c r="B34597" s="6"/>
      <c r="C34597" s="6" t="s">
        <v>32230</v>
      </c>
      <c r="D34597" s="6"/>
      <c r="E34597" s="6" t="s">
        <v>9</v>
      </c>
      <c r="F34597" s="7">
        <v>26024</v>
      </c>
      <c r="G34597" s="8">
        <v>7507500</v>
      </c>
      <c r="H34597" s="8">
        <v>1253777</v>
      </c>
      <c r="I34597" s="8">
        <v>6381350</v>
      </c>
      <c r="J34597" s="8">
        <v>1126150</v>
      </c>
      <c r="K34597" s="9"/>
      <c r="L34597" s="6"/>
    </row>
    <row r="34598" spans="1:12">
      <c r="A34598" s="6" t="s">
        <v>34723</v>
      </c>
      <c r="B34598" s="6"/>
      <c r="C34598" s="6" t="s">
        <v>32230</v>
      </c>
      <c r="D34598" s="6"/>
      <c r="E34598" s="6" t="s">
        <v>9</v>
      </c>
      <c r="F34598" s="7">
        <v>30270</v>
      </c>
      <c r="G34598" s="8">
        <v>10149300</v>
      </c>
      <c r="H34598" s="8">
        <v>2435832</v>
      </c>
      <c r="I34598" s="8">
        <v>7916454</v>
      </c>
      <c r="J34598" s="8">
        <v>2232846</v>
      </c>
      <c r="K34598" s="9"/>
      <c r="L34598" s="6"/>
    </row>
    <row r="34599" spans="1:12">
      <c r="A34599" s="6" t="s">
        <v>33185</v>
      </c>
      <c r="B34599" s="6"/>
      <c r="C34599" s="6" t="s">
        <v>32230</v>
      </c>
      <c r="D34599" s="6"/>
      <c r="E34599" s="6" t="s">
        <v>9</v>
      </c>
      <c r="F34599" s="7"/>
      <c r="G34599" s="8">
        <v>1</v>
      </c>
      <c r="H34599" s="8">
        <v>1</v>
      </c>
      <c r="I34599" s="8">
        <v>0</v>
      </c>
      <c r="J34599" s="8">
        <v>1</v>
      </c>
      <c r="K34599" s="9"/>
      <c r="L34599" s="6"/>
    </row>
    <row r="34600" spans="1:12">
      <c r="A34600" s="6" t="s">
        <v>34724</v>
      </c>
      <c r="B34600" s="6"/>
      <c r="C34600" s="6" t="s">
        <v>32230</v>
      </c>
      <c r="D34600" s="6"/>
      <c r="E34600" s="6" t="s">
        <v>9</v>
      </c>
      <c r="F34600" s="7">
        <v>30270</v>
      </c>
      <c r="G34600" s="8">
        <v>21089700</v>
      </c>
      <c r="H34600" s="8">
        <v>5061528</v>
      </c>
      <c r="I34600" s="8">
        <v>16449966</v>
      </c>
      <c r="J34600" s="8">
        <v>4639734</v>
      </c>
      <c r="K34600" s="9"/>
      <c r="L34600" s="6"/>
    </row>
    <row r="34601" spans="1:12">
      <c r="A34601" s="6" t="s">
        <v>34725</v>
      </c>
      <c r="B34601" s="6"/>
      <c r="C34601" s="6" t="s">
        <v>32230</v>
      </c>
      <c r="D34601" s="6"/>
      <c r="E34601" s="6" t="s">
        <v>9</v>
      </c>
      <c r="F34601" s="7">
        <v>30270</v>
      </c>
      <c r="G34601" s="8">
        <v>23878800</v>
      </c>
      <c r="H34601" s="8">
        <v>5730912</v>
      </c>
      <c r="I34601" s="8">
        <v>18625464</v>
      </c>
      <c r="J34601" s="8">
        <v>5253336</v>
      </c>
      <c r="K34601" s="9"/>
      <c r="L34601" s="6"/>
    </row>
    <row r="34602" spans="1:12">
      <c r="A34602" s="6" t="s">
        <v>34726</v>
      </c>
      <c r="B34602" s="6"/>
      <c r="C34602" s="6" t="s">
        <v>32230</v>
      </c>
      <c r="D34602" s="6"/>
      <c r="E34602" s="6" t="s">
        <v>9</v>
      </c>
      <c r="F34602" s="7">
        <v>30270</v>
      </c>
      <c r="G34602" s="8">
        <v>1316700</v>
      </c>
      <c r="H34602" s="8">
        <v>316008</v>
      </c>
      <c r="I34602" s="8">
        <v>1027026</v>
      </c>
      <c r="J34602" s="8">
        <v>289674</v>
      </c>
      <c r="K34602" s="9"/>
      <c r="L34602" s="6"/>
    </row>
    <row r="34603" spans="1:12">
      <c r="A34603" s="6" t="s">
        <v>34727</v>
      </c>
      <c r="B34603" s="6"/>
      <c r="C34603" s="6" t="s">
        <v>32230</v>
      </c>
      <c r="D34603" s="6"/>
      <c r="E34603" s="6" t="s">
        <v>9</v>
      </c>
      <c r="F34603" s="7">
        <v>30270</v>
      </c>
      <c r="G34603" s="8">
        <v>881600</v>
      </c>
      <c r="H34603" s="8">
        <v>211584</v>
      </c>
      <c r="I34603" s="8">
        <v>687648</v>
      </c>
      <c r="J34603" s="8">
        <v>193952</v>
      </c>
      <c r="K34603" s="9"/>
      <c r="L34603" s="6"/>
    </row>
    <row r="34604" spans="1:12">
      <c r="A34604" s="6" t="s">
        <v>34728</v>
      </c>
      <c r="B34604" s="6"/>
      <c r="C34604" s="6" t="s">
        <v>32230</v>
      </c>
      <c r="D34604" s="6"/>
      <c r="E34604" s="6" t="s">
        <v>9</v>
      </c>
      <c r="F34604" s="7">
        <v>30270</v>
      </c>
      <c r="G34604" s="8">
        <v>37980900</v>
      </c>
      <c r="H34604" s="8">
        <v>9115416</v>
      </c>
      <c r="I34604" s="8">
        <v>29625102</v>
      </c>
      <c r="J34604" s="8">
        <v>8355798</v>
      </c>
      <c r="K34604" s="9"/>
      <c r="L34604" s="6"/>
    </row>
    <row r="34605" spans="1:12">
      <c r="A34605" s="6" t="s">
        <v>33185</v>
      </c>
      <c r="B34605" s="6"/>
      <c r="C34605" s="6" t="s">
        <v>32230</v>
      </c>
      <c r="D34605" s="6"/>
      <c r="E34605" s="6" t="s">
        <v>9</v>
      </c>
      <c r="F34605" s="7">
        <v>26755</v>
      </c>
      <c r="G34605" s="8">
        <v>5405400</v>
      </c>
      <c r="H34605" s="8">
        <v>1086523</v>
      </c>
      <c r="I34605" s="8">
        <v>4410768</v>
      </c>
      <c r="J34605" s="8">
        <v>994632</v>
      </c>
      <c r="K34605" s="9"/>
      <c r="L34605" s="6"/>
    </row>
    <row r="34606" spans="1:12">
      <c r="A34606" s="6" t="s">
        <v>34729</v>
      </c>
      <c r="B34606" s="6"/>
      <c r="C34606" s="6" t="s">
        <v>32230</v>
      </c>
      <c r="D34606" s="6"/>
      <c r="E34606" s="6" t="s">
        <v>9</v>
      </c>
      <c r="F34606" s="7">
        <v>30270</v>
      </c>
      <c r="G34606" s="8">
        <v>55201500</v>
      </c>
      <c r="H34606" s="8">
        <v>13248360</v>
      </c>
      <c r="I34606" s="8">
        <v>43057170</v>
      </c>
      <c r="J34606" s="8">
        <v>12144330</v>
      </c>
      <c r="K34606" s="9"/>
      <c r="L34606" s="6"/>
    </row>
    <row r="34607" spans="1:12">
      <c r="A34607" s="6" t="s">
        <v>33185</v>
      </c>
      <c r="B34607" s="6"/>
      <c r="C34607" s="6" t="s">
        <v>32230</v>
      </c>
      <c r="D34607" s="6"/>
      <c r="E34607" s="6" t="s">
        <v>9</v>
      </c>
      <c r="F34607" s="7">
        <v>26024</v>
      </c>
      <c r="G34607" s="8">
        <v>7780500</v>
      </c>
      <c r="H34607" s="8">
        <v>1299368</v>
      </c>
      <c r="I34607" s="8">
        <v>6613400</v>
      </c>
      <c r="J34607" s="8">
        <v>1167100</v>
      </c>
      <c r="K34607" s="9"/>
      <c r="L34607" s="6"/>
    </row>
    <row r="34608" spans="1:12">
      <c r="A34608" s="6" t="s">
        <v>34730</v>
      </c>
      <c r="B34608" s="6"/>
      <c r="C34608" s="6" t="s">
        <v>32230</v>
      </c>
      <c r="D34608" s="6"/>
      <c r="E34608" s="6" t="s">
        <v>9</v>
      </c>
      <c r="F34608" s="7">
        <v>42454</v>
      </c>
      <c r="G34608" s="8">
        <v>1288440</v>
      </c>
      <c r="H34608" s="8">
        <v>1159600</v>
      </c>
      <c r="I34608" s="8">
        <v>154608</v>
      </c>
      <c r="J34608" s="8">
        <v>1133832</v>
      </c>
      <c r="K34608" s="9"/>
      <c r="L34608" s="6"/>
    </row>
    <row r="34609" spans="1:12">
      <c r="A34609" s="6" t="s">
        <v>34731</v>
      </c>
      <c r="B34609" s="6"/>
      <c r="C34609" s="6" t="s">
        <v>32230</v>
      </c>
      <c r="D34609" s="6"/>
      <c r="E34609" s="6" t="s">
        <v>9</v>
      </c>
      <c r="F34609" s="7">
        <v>42794</v>
      </c>
      <c r="G34609" s="8">
        <v>1281960</v>
      </c>
      <c r="H34609" s="8">
        <v>938396</v>
      </c>
      <c r="I34609" s="8">
        <v>429455</v>
      </c>
      <c r="J34609" s="8">
        <v>852505</v>
      </c>
      <c r="K34609" s="9"/>
      <c r="L34609" s="6"/>
    </row>
    <row r="34610" spans="1:12">
      <c r="A34610" s="6" t="s">
        <v>34732</v>
      </c>
      <c r="B34610" s="6"/>
      <c r="C34610" s="6" t="s">
        <v>32230</v>
      </c>
      <c r="D34610" s="6"/>
      <c r="E34610" s="6" t="s">
        <v>9</v>
      </c>
      <c r="F34610" s="7">
        <v>42794</v>
      </c>
      <c r="G34610" s="8">
        <v>709560</v>
      </c>
      <c r="H34610" s="8">
        <v>519400</v>
      </c>
      <c r="I34610" s="8">
        <v>237700</v>
      </c>
      <c r="J34610" s="8">
        <v>471860</v>
      </c>
      <c r="K34610" s="9"/>
      <c r="L34610" s="6"/>
    </row>
    <row r="34611" spans="1:12">
      <c r="A34611" s="6" t="s">
        <v>34733</v>
      </c>
      <c r="B34611" s="6"/>
      <c r="C34611" s="6" t="s">
        <v>32230</v>
      </c>
      <c r="D34611" s="6"/>
      <c r="E34611" s="6" t="s">
        <v>9</v>
      </c>
      <c r="F34611" s="7">
        <v>43190</v>
      </c>
      <c r="G34611" s="8">
        <v>1054080</v>
      </c>
      <c r="H34611" s="8">
        <v>842211</v>
      </c>
      <c r="I34611" s="8">
        <v>282492</v>
      </c>
      <c r="J34611" s="8">
        <v>771588</v>
      </c>
      <c r="K34611" s="9"/>
      <c r="L34611" s="6"/>
    </row>
    <row r="34612" spans="1:12">
      <c r="A34612" s="6" t="s">
        <v>34734</v>
      </c>
      <c r="B34612" s="6"/>
      <c r="C34612" s="6" t="s">
        <v>32230</v>
      </c>
      <c r="D34612" s="6"/>
      <c r="E34612" s="6" t="s">
        <v>9</v>
      </c>
      <c r="F34612" s="7">
        <v>44208</v>
      </c>
      <c r="G34612" s="8">
        <v>93500</v>
      </c>
      <c r="H34612" s="8">
        <v>93500</v>
      </c>
      <c r="I34612" s="8">
        <v>9350</v>
      </c>
      <c r="J34612" s="8">
        <v>84150</v>
      </c>
      <c r="K34612" s="9"/>
      <c r="L34612" s="6"/>
    </row>
    <row r="34613" spans="1:12">
      <c r="A34613" s="6" t="s">
        <v>34735</v>
      </c>
      <c r="B34613" s="6"/>
      <c r="C34613" s="6" t="s">
        <v>32230</v>
      </c>
      <c r="D34613" s="6"/>
      <c r="E34613" s="6" t="s">
        <v>9</v>
      </c>
      <c r="F34613" s="7">
        <v>30270</v>
      </c>
      <c r="G34613" s="8">
        <v>50649300</v>
      </c>
      <c r="H34613" s="8">
        <v>12155832</v>
      </c>
      <c r="I34613" s="8">
        <v>39506454</v>
      </c>
      <c r="J34613" s="8">
        <v>11142846</v>
      </c>
      <c r="K34613" s="9"/>
      <c r="L34613" s="6"/>
    </row>
    <row r="34614" spans="1:12">
      <c r="A34614" s="6" t="s">
        <v>34736</v>
      </c>
      <c r="B34614" s="6"/>
      <c r="C34614" s="6" t="s">
        <v>32230</v>
      </c>
      <c r="D34614" s="6"/>
      <c r="E34614" s="6" t="s">
        <v>9</v>
      </c>
      <c r="F34614" s="7">
        <v>30270</v>
      </c>
      <c r="G34614" s="8">
        <v>35996400</v>
      </c>
      <c r="H34614" s="8">
        <v>8639136</v>
      </c>
      <c r="I34614" s="8">
        <v>28077192</v>
      </c>
      <c r="J34614" s="8">
        <v>7919208</v>
      </c>
      <c r="K34614" s="9"/>
      <c r="L34614" s="6"/>
    </row>
    <row r="34615" spans="1:12">
      <c r="A34615" s="6" t="s">
        <v>33185</v>
      </c>
      <c r="B34615" s="6"/>
      <c r="C34615" s="6" t="s">
        <v>32230</v>
      </c>
      <c r="D34615" s="6"/>
      <c r="E34615" s="6" t="s">
        <v>9</v>
      </c>
      <c r="F34615" s="7">
        <v>26390</v>
      </c>
      <c r="G34615" s="8">
        <v>6906900</v>
      </c>
      <c r="H34615" s="8">
        <v>1270884</v>
      </c>
      <c r="I34615" s="8">
        <v>5753433</v>
      </c>
      <c r="J34615" s="8">
        <v>1153467</v>
      </c>
      <c r="K34615" s="9"/>
      <c r="L34615" s="6"/>
    </row>
    <row r="34616" spans="1:12">
      <c r="A34616" s="6" t="s">
        <v>34737</v>
      </c>
      <c r="B34616" s="6"/>
      <c r="C34616" s="6" t="s">
        <v>32230</v>
      </c>
      <c r="D34616" s="6"/>
      <c r="E34616" s="6" t="s">
        <v>9</v>
      </c>
      <c r="F34616" s="7">
        <v>32495</v>
      </c>
      <c r="G34616" s="8">
        <v>286822400</v>
      </c>
      <c r="H34616" s="8">
        <v>103256064</v>
      </c>
      <c r="I34616" s="8">
        <v>189302784</v>
      </c>
      <c r="J34616" s="8">
        <v>97519616</v>
      </c>
      <c r="K34616" s="9"/>
      <c r="L34616" s="6"/>
    </row>
    <row r="34617" spans="1:12">
      <c r="A34617" s="6" t="s">
        <v>34737</v>
      </c>
      <c r="B34617" s="6"/>
      <c r="C34617" s="6" t="s">
        <v>32230</v>
      </c>
      <c r="D34617" s="6"/>
      <c r="E34617" s="6"/>
      <c r="F34617" s="7">
        <v>43191</v>
      </c>
      <c r="G34617" s="8">
        <v>44366400</v>
      </c>
      <c r="H34617" s="8">
        <v>42591744</v>
      </c>
      <c r="I34617" s="8">
        <v>2661984</v>
      </c>
      <c r="J34617" s="8">
        <v>41704416</v>
      </c>
      <c r="K34617" s="9"/>
      <c r="L34617" s="6"/>
    </row>
    <row r="34618" spans="1:12">
      <c r="A34618" s="6" t="s">
        <v>34738</v>
      </c>
      <c r="B34618" s="6"/>
      <c r="C34618" s="6" t="s">
        <v>32230</v>
      </c>
      <c r="D34618" s="6"/>
      <c r="E34618" s="6" t="s">
        <v>9</v>
      </c>
      <c r="F34618" s="7">
        <v>42257</v>
      </c>
      <c r="G34618" s="8">
        <v>2934360</v>
      </c>
      <c r="H34618" s="8">
        <v>2640925</v>
      </c>
      <c r="I34618" s="8">
        <v>352122</v>
      </c>
      <c r="J34618" s="8">
        <v>2582238</v>
      </c>
      <c r="K34618" s="9"/>
      <c r="L34618" s="6"/>
    </row>
    <row r="34619" spans="1:12">
      <c r="A34619" s="6" t="s">
        <v>34739</v>
      </c>
      <c r="B34619" s="6"/>
      <c r="C34619" s="6" t="s">
        <v>32230</v>
      </c>
      <c r="D34619" s="6"/>
      <c r="E34619" s="6" t="s">
        <v>9</v>
      </c>
      <c r="F34619" s="7">
        <v>42794</v>
      </c>
      <c r="G34619" s="8">
        <v>59435640</v>
      </c>
      <c r="H34619" s="8">
        <v>54680792</v>
      </c>
      <c r="I34619" s="8">
        <v>5943560</v>
      </c>
      <c r="J34619" s="8">
        <v>53492080</v>
      </c>
      <c r="K34619" s="9"/>
      <c r="L34619" s="6"/>
    </row>
    <row r="34620" spans="1:12">
      <c r="A34620" s="6" t="s">
        <v>34740</v>
      </c>
      <c r="B34620" s="6"/>
      <c r="C34620" s="6" t="s">
        <v>32230</v>
      </c>
      <c r="D34620" s="6"/>
      <c r="E34620" s="6" t="s">
        <v>9</v>
      </c>
      <c r="F34620" s="7">
        <v>30270</v>
      </c>
      <c r="G34620" s="8">
        <v>28738800</v>
      </c>
      <c r="H34620" s="8">
        <v>6897312</v>
      </c>
      <c r="I34620" s="8">
        <v>22416264</v>
      </c>
      <c r="J34620" s="8">
        <v>6322536</v>
      </c>
      <c r="K34620" s="9"/>
      <c r="L34620" s="6"/>
    </row>
    <row r="34621" spans="1:12">
      <c r="A34621" s="6" t="s">
        <v>33185</v>
      </c>
      <c r="B34621" s="6"/>
      <c r="C34621" s="6" t="s">
        <v>32230</v>
      </c>
      <c r="D34621" s="6"/>
      <c r="E34621" s="6" t="s">
        <v>9</v>
      </c>
      <c r="F34621" s="7">
        <v>26755</v>
      </c>
      <c r="G34621" s="8">
        <v>5460000</v>
      </c>
      <c r="H34621" s="8">
        <v>1097460</v>
      </c>
      <c r="I34621" s="8">
        <v>4455360</v>
      </c>
      <c r="J34621" s="8">
        <v>1004640</v>
      </c>
      <c r="K34621" s="9"/>
      <c r="L34621" s="6"/>
    </row>
    <row r="34622" spans="1:12">
      <c r="A34622" s="6" t="s">
        <v>34741</v>
      </c>
      <c r="B34622" s="6"/>
      <c r="C34622" s="6" t="s">
        <v>32230</v>
      </c>
      <c r="D34622" s="6"/>
      <c r="E34622" s="6" t="s">
        <v>9</v>
      </c>
      <c r="F34622" s="7">
        <v>30270</v>
      </c>
      <c r="G34622" s="8">
        <v>6190200</v>
      </c>
      <c r="H34622" s="8">
        <v>1485648</v>
      </c>
      <c r="I34622" s="8">
        <v>4828356</v>
      </c>
      <c r="J34622" s="8">
        <v>1361844</v>
      </c>
      <c r="K34622" s="9"/>
      <c r="L34622" s="6"/>
    </row>
    <row r="34623" spans="1:12">
      <c r="A34623" s="6" t="s">
        <v>33185</v>
      </c>
      <c r="B34623" s="6"/>
      <c r="C34623" s="6" t="s">
        <v>32230</v>
      </c>
      <c r="D34623" s="6"/>
      <c r="E34623" s="6" t="s">
        <v>9</v>
      </c>
      <c r="F34623" s="7">
        <v>21641</v>
      </c>
      <c r="G34623" s="8">
        <v>8648640</v>
      </c>
      <c r="H34623" s="8">
        <v>1</v>
      </c>
      <c r="I34623" s="8">
        <v>8648639</v>
      </c>
      <c r="J34623" s="8">
        <v>1</v>
      </c>
      <c r="K34623" s="9"/>
      <c r="L34623" s="6"/>
    </row>
    <row r="34624" spans="1:12">
      <c r="A34624" s="6" t="s">
        <v>34742</v>
      </c>
      <c r="B34624" s="6"/>
      <c r="C34624" s="6" t="s">
        <v>32230</v>
      </c>
      <c r="D34624" s="6"/>
      <c r="E34624" s="6" t="s">
        <v>9</v>
      </c>
      <c r="F34624" s="7">
        <v>43190</v>
      </c>
      <c r="G34624" s="8">
        <v>898560</v>
      </c>
      <c r="H34624" s="8">
        <v>717951</v>
      </c>
      <c r="I34624" s="8">
        <v>240812</v>
      </c>
      <c r="J34624" s="8">
        <v>657748</v>
      </c>
      <c r="K34624" s="9"/>
      <c r="L34624" s="6"/>
    </row>
    <row r="34625" spans="1:12">
      <c r="A34625" s="6" t="s">
        <v>34743</v>
      </c>
      <c r="B34625" s="6"/>
      <c r="C34625" s="6" t="s">
        <v>32230</v>
      </c>
      <c r="D34625" s="6"/>
      <c r="E34625" s="6" t="s">
        <v>9</v>
      </c>
      <c r="F34625" s="7">
        <v>30270</v>
      </c>
      <c r="G34625" s="8">
        <v>12598200</v>
      </c>
      <c r="H34625" s="8">
        <v>3023568</v>
      </c>
      <c r="I34625" s="8">
        <v>9826596</v>
      </c>
      <c r="J34625" s="8">
        <v>2771604</v>
      </c>
      <c r="K34625" s="9"/>
      <c r="L34625" s="6"/>
    </row>
    <row r="34626" spans="1:12">
      <c r="A34626" s="6" t="s">
        <v>33185</v>
      </c>
      <c r="B34626" s="6"/>
      <c r="C34626" s="6" t="s">
        <v>32230</v>
      </c>
      <c r="D34626" s="6"/>
      <c r="E34626" s="6" t="s">
        <v>9</v>
      </c>
      <c r="F34626" s="7">
        <v>26024</v>
      </c>
      <c r="G34626" s="8">
        <v>6530160</v>
      </c>
      <c r="H34626" s="8">
        <v>1090572</v>
      </c>
      <c r="I34626" s="8">
        <v>5550600</v>
      </c>
      <c r="J34626" s="8">
        <v>979560</v>
      </c>
      <c r="K34626" s="9"/>
      <c r="L34626" s="6"/>
    </row>
    <row r="34627" spans="1:12">
      <c r="A34627" s="6" t="s">
        <v>34744</v>
      </c>
      <c r="B34627" s="6"/>
      <c r="C34627" s="6" t="s">
        <v>32230</v>
      </c>
      <c r="D34627" s="6"/>
      <c r="E34627" s="6" t="s">
        <v>9</v>
      </c>
      <c r="F34627" s="7">
        <v>30270</v>
      </c>
      <c r="G34627" s="8">
        <v>3240000</v>
      </c>
      <c r="H34627" s="8">
        <v>777600</v>
      </c>
      <c r="I34627" s="8">
        <v>2527200</v>
      </c>
      <c r="J34627" s="8">
        <v>712800</v>
      </c>
      <c r="K34627" s="9"/>
      <c r="L34627" s="6"/>
    </row>
    <row r="34628" spans="1:12">
      <c r="A34628" s="6" t="s">
        <v>34745</v>
      </c>
      <c r="B34628" s="6"/>
      <c r="C34628" s="6" t="s">
        <v>32230</v>
      </c>
      <c r="D34628" s="6"/>
      <c r="E34628" s="6" t="s">
        <v>9</v>
      </c>
      <c r="F34628" s="7">
        <v>30270</v>
      </c>
      <c r="G34628" s="8">
        <v>957600</v>
      </c>
      <c r="H34628" s="8">
        <v>229824</v>
      </c>
      <c r="I34628" s="8">
        <v>746928</v>
      </c>
      <c r="J34628" s="8">
        <v>210672</v>
      </c>
      <c r="K34628" s="9"/>
      <c r="L34628" s="6"/>
    </row>
    <row r="34629" spans="1:12">
      <c r="A34629" s="6" t="s">
        <v>34746</v>
      </c>
      <c r="B34629" s="6"/>
      <c r="C34629" s="6" t="s">
        <v>32230</v>
      </c>
      <c r="D34629" s="6"/>
      <c r="E34629" s="6" t="s">
        <v>9</v>
      </c>
      <c r="F34629" s="7">
        <v>30270</v>
      </c>
      <c r="G34629" s="8">
        <v>3933000</v>
      </c>
      <c r="H34629" s="8">
        <v>943920</v>
      </c>
      <c r="I34629" s="8">
        <v>3067740</v>
      </c>
      <c r="J34629" s="8">
        <v>865260</v>
      </c>
      <c r="K34629" s="9"/>
      <c r="L34629" s="6"/>
    </row>
    <row r="34630" spans="1:12">
      <c r="A34630" s="6" t="s">
        <v>34747</v>
      </c>
      <c r="B34630" s="6"/>
      <c r="C34630" s="6" t="s">
        <v>32230</v>
      </c>
      <c r="D34630" s="6"/>
      <c r="E34630" s="6" t="s">
        <v>9</v>
      </c>
      <c r="F34630" s="7">
        <v>30270</v>
      </c>
      <c r="G34630" s="8">
        <v>5791500</v>
      </c>
      <c r="H34630" s="8">
        <v>1389960</v>
      </c>
      <c r="I34630" s="8">
        <v>4517370</v>
      </c>
      <c r="J34630" s="8">
        <v>1274130</v>
      </c>
      <c r="K34630" s="9"/>
      <c r="L34630" s="6"/>
    </row>
    <row r="34631" spans="1:12">
      <c r="A34631" s="6" t="s">
        <v>34748</v>
      </c>
      <c r="B34631" s="6"/>
      <c r="C34631" s="6" t="s">
        <v>32230</v>
      </c>
      <c r="D34631" s="6"/>
      <c r="E34631" s="6" t="s">
        <v>9</v>
      </c>
      <c r="F34631" s="7">
        <v>30270</v>
      </c>
      <c r="G34631" s="8">
        <v>22850100</v>
      </c>
      <c r="H34631" s="8">
        <v>5484024</v>
      </c>
      <c r="I34631" s="8">
        <v>17823078</v>
      </c>
      <c r="J34631" s="8">
        <v>5027022</v>
      </c>
      <c r="K34631" s="9"/>
      <c r="L34631" s="6"/>
    </row>
    <row r="34632" spans="1:12">
      <c r="A34632" s="6" t="s">
        <v>34749</v>
      </c>
      <c r="B34632" s="6"/>
      <c r="C34632" s="6" t="s">
        <v>32230</v>
      </c>
      <c r="D34632" s="6"/>
      <c r="E34632" s="6" t="s">
        <v>9</v>
      </c>
      <c r="F34632" s="7">
        <v>30270</v>
      </c>
      <c r="G34632" s="8">
        <v>1863900</v>
      </c>
      <c r="H34632" s="8">
        <v>447336</v>
      </c>
      <c r="I34632" s="8">
        <v>1453842</v>
      </c>
      <c r="J34632" s="8">
        <v>410058</v>
      </c>
      <c r="K34632" s="9"/>
      <c r="L34632" s="6"/>
    </row>
    <row r="34633" spans="1:12">
      <c r="A34633" s="6" t="s">
        <v>34750</v>
      </c>
      <c r="B34633" s="6"/>
      <c r="C34633" s="6" t="s">
        <v>32230</v>
      </c>
      <c r="D34633" s="6"/>
      <c r="E34633" s="6" t="s">
        <v>9</v>
      </c>
      <c r="F34633" s="7">
        <v>30270</v>
      </c>
      <c r="G34633" s="8">
        <v>5143500</v>
      </c>
      <c r="H34633" s="8">
        <v>1234440</v>
      </c>
      <c r="I34633" s="8">
        <v>4011930</v>
      </c>
      <c r="J34633" s="8">
        <v>1131570</v>
      </c>
      <c r="K34633" s="9"/>
      <c r="L34633" s="6"/>
    </row>
    <row r="34634" spans="1:12">
      <c r="A34634" s="6" t="s">
        <v>34751</v>
      </c>
      <c r="B34634" s="6"/>
      <c r="C34634" s="6" t="s">
        <v>32230</v>
      </c>
      <c r="D34634" s="6"/>
      <c r="E34634" s="6" t="s">
        <v>9</v>
      </c>
      <c r="F34634" s="7">
        <v>30270</v>
      </c>
      <c r="G34634" s="8">
        <v>5856300</v>
      </c>
      <c r="H34634" s="8">
        <v>1405512</v>
      </c>
      <c r="I34634" s="8">
        <v>4567914</v>
      </c>
      <c r="J34634" s="8">
        <v>1288386</v>
      </c>
      <c r="K34634" s="9"/>
      <c r="L34634" s="6"/>
    </row>
    <row r="34635" spans="1:12">
      <c r="A34635" s="6" t="s">
        <v>34752</v>
      </c>
      <c r="B34635" s="6"/>
      <c r="C34635" s="6" t="s">
        <v>32230</v>
      </c>
      <c r="D34635" s="6"/>
      <c r="E34635" s="6" t="s">
        <v>9</v>
      </c>
      <c r="F34635" s="7">
        <v>30270</v>
      </c>
      <c r="G34635" s="8">
        <v>6296400</v>
      </c>
      <c r="H34635" s="8">
        <v>1511136</v>
      </c>
      <c r="I34635" s="8">
        <v>4911192</v>
      </c>
      <c r="J34635" s="8">
        <v>1385208</v>
      </c>
      <c r="K34635" s="9"/>
      <c r="L34635" s="6"/>
    </row>
    <row r="34636" spans="1:12">
      <c r="A34636" s="6" t="s">
        <v>34753</v>
      </c>
      <c r="B34636" s="6"/>
      <c r="C34636" s="6" t="s">
        <v>32230</v>
      </c>
      <c r="D34636" s="6"/>
      <c r="E34636" s="6" t="s">
        <v>9</v>
      </c>
      <c r="F34636" s="7">
        <v>30270</v>
      </c>
      <c r="G34636" s="8">
        <v>10359900</v>
      </c>
      <c r="H34636" s="8">
        <v>2486376</v>
      </c>
      <c r="I34636" s="8">
        <v>8080722</v>
      </c>
      <c r="J34636" s="8">
        <v>2279178</v>
      </c>
      <c r="K34636" s="9"/>
      <c r="L34636" s="6"/>
    </row>
    <row r="34637" spans="1:12">
      <c r="A34637" s="6" t="s">
        <v>34754</v>
      </c>
      <c r="B34637" s="6"/>
      <c r="C34637" s="6" t="s">
        <v>32230</v>
      </c>
      <c r="D34637" s="6"/>
      <c r="E34637" s="6" t="s">
        <v>9</v>
      </c>
      <c r="F34637" s="7">
        <v>30270</v>
      </c>
      <c r="G34637" s="8">
        <v>5356800</v>
      </c>
      <c r="H34637" s="8">
        <v>1285632</v>
      </c>
      <c r="I34637" s="8">
        <v>4178304</v>
      </c>
      <c r="J34637" s="8">
        <v>1178496</v>
      </c>
      <c r="K34637" s="9"/>
      <c r="L34637" s="6"/>
    </row>
    <row r="34638" spans="1:12">
      <c r="A34638" s="6" t="s">
        <v>34755</v>
      </c>
      <c r="B34638" s="6"/>
      <c r="C34638" s="6" t="s">
        <v>32230</v>
      </c>
      <c r="D34638" s="6"/>
      <c r="E34638" s="6" t="s">
        <v>9</v>
      </c>
      <c r="F34638" s="7">
        <v>30926</v>
      </c>
      <c r="G34638" s="8">
        <v>91509600</v>
      </c>
      <c r="H34638" s="8">
        <v>15739680</v>
      </c>
      <c r="I34638" s="8">
        <v>77874640</v>
      </c>
      <c r="J34638" s="8">
        <v>13634960</v>
      </c>
      <c r="K34638" s="9"/>
      <c r="L34638" s="6"/>
    </row>
    <row r="34639" spans="1:12">
      <c r="A34639" s="6" t="s">
        <v>34756</v>
      </c>
      <c r="B34639" s="6"/>
      <c r="C34639" s="6" t="s">
        <v>32230</v>
      </c>
      <c r="D34639" s="6"/>
      <c r="E34639" s="6" t="s">
        <v>9</v>
      </c>
      <c r="F34639" s="7">
        <v>30270</v>
      </c>
      <c r="G34639" s="8">
        <v>16929000</v>
      </c>
      <c r="H34639" s="8">
        <v>4062960</v>
      </c>
      <c r="I34639" s="8">
        <v>13204620</v>
      </c>
      <c r="J34639" s="8">
        <v>3724380</v>
      </c>
      <c r="K34639" s="9"/>
      <c r="L34639" s="6"/>
    </row>
    <row r="34640" spans="1:12">
      <c r="A34640" s="6" t="s">
        <v>33185</v>
      </c>
      <c r="B34640" s="6"/>
      <c r="C34640" s="6" t="s">
        <v>32230</v>
      </c>
      <c r="D34640" s="6"/>
      <c r="E34640" s="6" t="s">
        <v>9</v>
      </c>
      <c r="F34640" s="7">
        <v>21641</v>
      </c>
      <c r="G34640" s="8">
        <v>6606600</v>
      </c>
      <c r="H34640" s="8">
        <v>1</v>
      </c>
      <c r="I34640" s="8">
        <v>6606599</v>
      </c>
      <c r="J34640" s="8">
        <v>1</v>
      </c>
      <c r="K34640" s="9"/>
      <c r="L34640" s="6"/>
    </row>
    <row r="34641" spans="1:12">
      <c r="A34641" s="6" t="s">
        <v>34757</v>
      </c>
      <c r="B34641" s="6"/>
      <c r="C34641" s="6" t="s">
        <v>32230</v>
      </c>
      <c r="D34641" s="6"/>
      <c r="E34641" s="6" t="s">
        <v>9</v>
      </c>
      <c r="F34641" s="7">
        <v>44208</v>
      </c>
      <c r="G34641" s="8">
        <v>93500</v>
      </c>
      <c r="H34641" s="8">
        <v>93500</v>
      </c>
      <c r="I34641" s="8">
        <v>9350</v>
      </c>
      <c r="J34641" s="8">
        <v>84150</v>
      </c>
      <c r="K34641" s="9"/>
      <c r="L34641" s="6"/>
    </row>
    <row r="34642" spans="1:12">
      <c r="A34642" s="6" t="s">
        <v>34758</v>
      </c>
      <c r="B34642" s="6"/>
      <c r="C34642" s="6" t="s">
        <v>32230</v>
      </c>
      <c r="D34642" s="6"/>
      <c r="E34642" s="6" t="s">
        <v>9</v>
      </c>
      <c r="F34642" s="7">
        <v>30270</v>
      </c>
      <c r="G34642" s="8">
        <v>3126600</v>
      </c>
      <c r="H34642" s="8">
        <v>750384</v>
      </c>
      <c r="I34642" s="8">
        <v>2438748</v>
      </c>
      <c r="J34642" s="8">
        <v>687852</v>
      </c>
      <c r="K34642" s="9"/>
      <c r="L34642" s="6"/>
    </row>
    <row r="34643" spans="1:12">
      <c r="A34643" s="6" t="s">
        <v>34759</v>
      </c>
      <c r="B34643" s="6"/>
      <c r="C34643" s="6" t="s">
        <v>32230</v>
      </c>
      <c r="D34643" s="6"/>
      <c r="E34643" s="6" t="s">
        <v>9</v>
      </c>
      <c r="F34643" s="7">
        <v>30270</v>
      </c>
      <c r="G34643" s="8">
        <v>4770900</v>
      </c>
      <c r="H34643" s="8">
        <v>1145016</v>
      </c>
      <c r="I34643" s="8">
        <v>3721302</v>
      </c>
      <c r="J34643" s="8">
        <v>1049598</v>
      </c>
      <c r="K34643" s="9"/>
      <c r="L34643" s="6"/>
    </row>
    <row r="34644" spans="1:12">
      <c r="A34644" s="6" t="s">
        <v>34760</v>
      </c>
      <c r="B34644" s="6"/>
      <c r="C34644" s="6" t="s">
        <v>32230</v>
      </c>
      <c r="D34644" s="6"/>
      <c r="E34644" s="6" t="s">
        <v>9</v>
      </c>
      <c r="F34644" s="7">
        <v>30270</v>
      </c>
      <c r="G34644" s="8">
        <v>3005100</v>
      </c>
      <c r="H34644" s="8">
        <v>721224</v>
      </c>
      <c r="I34644" s="8">
        <v>2343978</v>
      </c>
      <c r="J34644" s="8">
        <v>661122</v>
      </c>
      <c r="K34644" s="9"/>
      <c r="L34644" s="6"/>
    </row>
    <row r="34645" spans="1:12">
      <c r="A34645" s="6" t="s">
        <v>34761</v>
      </c>
      <c r="B34645" s="6"/>
      <c r="C34645" s="6" t="s">
        <v>32230</v>
      </c>
      <c r="D34645" s="6"/>
      <c r="E34645" s="6" t="s">
        <v>9</v>
      </c>
      <c r="F34645" s="7">
        <v>30270</v>
      </c>
      <c r="G34645" s="8">
        <v>1768500</v>
      </c>
      <c r="H34645" s="8">
        <v>424440</v>
      </c>
      <c r="I34645" s="8">
        <v>1379430</v>
      </c>
      <c r="J34645" s="8">
        <v>389070</v>
      </c>
      <c r="K34645" s="9"/>
      <c r="L34645" s="6"/>
    </row>
    <row r="34646" spans="1:12">
      <c r="A34646" s="6" t="s">
        <v>34762</v>
      </c>
      <c r="B34646" s="6"/>
      <c r="C34646" s="6" t="s">
        <v>32230</v>
      </c>
      <c r="D34646" s="6"/>
      <c r="E34646" s="6" t="s">
        <v>9</v>
      </c>
      <c r="F34646" s="7">
        <v>30270</v>
      </c>
      <c r="G34646" s="8">
        <v>1768500</v>
      </c>
      <c r="H34646" s="8">
        <v>424440</v>
      </c>
      <c r="I34646" s="8">
        <v>1379430</v>
      </c>
      <c r="J34646" s="8">
        <v>389070</v>
      </c>
      <c r="K34646" s="9"/>
      <c r="L34646" s="6"/>
    </row>
    <row r="34647" spans="1:12">
      <c r="A34647" s="6" t="s">
        <v>34763</v>
      </c>
      <c r="B34647" s="6"/>
      <c r="C34647" s="6" t="s">
        <v>32230</v>
      </c>
      <c r="D34647" s="6"/>
      <c r="E34647" s="6" t="s">
        <v>9</v>
      </c>
      <c r="F34647" s="7">
        <v>30270</v>
      </c>
      <c r="G34647" s="8">
        <v>44776800</v>
      </c>
      <c r="H34647" s="8">
        <v>10746432</v>
      </c>
      <c r="I34647" s="8">
        <v>34925904</v>
      </c>
      <c r="J34647" s="8">
        <v>9850896</v>
      </c>
      <c r="K34647" s="9"/>
      <c r="L34647" s="6"/>
    </row>
    <row r="34648" spans="1:12">
      <c r="A34648" s="6" t="s">
        <v>34764</v>
      </c>
      <c r="B34648" s="6"/>
      <c r="C34648" s="6" t="s">
        <v>32230</v>
      </c>
      <c r="D34648" s="6"/>
      <c r="E34648" s="6" t="s">
        <v>9</v>
      </c>
      <c r="F34648" s="7">
        <v>30270</v>
      </c>
      <c r="G34648" s="8">
        <v>5467500</v>
      </c>
      <c r="H34648" s="8">
        <v>1312200</v>
      </c>
      <c r="I34648" s="8">
        <v>4264650</v>
      </c>
      <c r="J34648" s="8">
        <v>1202850</v>
      </c>
      <c r="K34648" s="9"/>
      <c r="L34648" s="6"/>
    </row>
    <row r="34649" spans="1:12">
      <c r="A34649" s="6" t="s">
        <v>34765</v>
      </c>
      <c r="B34649" s="6"/>
      <c r="C34649" s="6" t="s">
        <v>32230</v>
      </c>
      <c r="D34649" s="6"/>
      <c r="E34649" s="6" t="s">
        <v>9</v>
      </c>
      <c r="F34649" s="7">
        <v>32686</v>
      </c>
      <c r="G34649" s="8">
        <v>35494200</v>
      </c>
      <c r="H34649" s="8">
        <v>13487796</v>
      </c>
      <c r="I34649" s="8">
        <v>22716288</v>
      </c>
      <c r="J34649" s="8">
        <v>12777912</v>
      </c>
      <c r="K34649" s="9"/>
      <c r="L34649" s="6"/>
    </row>
    <row r="34650" spans="1:12">
      <c r="A34650" s="6" t="s">
        <v>34766</v>
      </c>
      <c r="B34650" s="6"/>
      <c r="C34650" s="6" t="s">
        <v>32230</v>
      </c>
      <c r="D34650" s="6"/>
      <c r="E34650" s="6" t="s">
        <v>9</v>
      </c>
      <c r="F34650" s="7">
        <v>30270</v>
      </c>
      <c r="G34650" s="8">
        <v>3086100</v>
      </c>
      <c r="H34650" s="8">
        <v>740664</v>
      </c>
      <c r="I34650" s="8">
        <v>2407158</v>
      </c>
      <c r="J34650" s="8">
        <v>678942</v>
      </c>
      <c r="K34650" s="9"/>
      <c r="L34650" s="6"/>
    </row>
    <row r="34651" spans="1:12">
      <c r="A34651" s="6" t="s">
        <v>34767</v>
      </c>
      <c r="B34651" s="6"/>
      <c r="C34651" s="6" t="s">
        <v>32230</v>
      </c>
      <c r="D34651" s="6"/>
      <c r="E34651" s="6" t="s">
        <v>9</v>
      </c>
      <c r="F34651" s="7">
        <v>30270</v>
      </c>
      <c r="G34651" s="8">
        <v>18929700</v>
      </c>
      <c r="H34651" s="8">
        <v>4543128</v>
      </c>
      <c r="I34651" s="8">
        <v>14765166</v>
      </c>
      <c r="J34651" s="8">
        <v>4164534</v>
      </c>
      <c r="K34651" s="9"/>
      <c r="L34651" s="6"/>
    </row>
    <row r="34652" spans="1:12">
      <c r="A34652" s="6" t="s">
        <v>34768</v>
      </c>
      <c r="B34652" s="6"/>
      <c r="C34652" s="6" t="s">
        <v>32230</v>
      </c>
      <c r="D34652" s="6"/>
      <c r="E34652" s="6" t="s">
        <v>9</v>
      </c>
      <c r="F34652" s="7">
        <v>30270</v>
      </c>
      <c r="G34652" s="8">
        <v>3334500</v>
      </c>
      <c r="H34652" s="8">
        <v>800280</v>
      </c>
      <c r="I34652" s="8">
        <v>2600910</v>
      </c>
      <c r="J34652" s="8">
        <v>733590</v>
      </c>
      <c r="K34652" s="9"/>
      <c r="L34652" s="6"/>
    </row>
    <row r="34653" spans="1:12">
      <c r="A34653" s="6" t="s">
        <v>34769</v>
      </c>
      <c r="B34653" s="6"/>
      <c r="C34653" s="6" t="s">
        <v>32230</v>
      </c>
      <c r="D34653" s="6"/>
      <c r="E34653" s="6" t="s">
        <v>9</v>
      </c>
      <c r="F34653" s="7">
        <v>30270</v>
      </c>
      <c r="G34653" s="8">
        <v>6164100</v>
      </c>
      <c r="H34653" s="8">
        <v>1479384</v>
      </c>
      <c r="I34653" s="8">
        <v>4807998</v>
      </c>
      <c r="J34653" s="8">
        <v>1356102</v>
      </c>
      <c r="K34653" s="9"/>
      <c r="L34653" s="6"/>
    </row>
    <row r="34654" spans="1:12">
      <c r="A34654" s="6" t="s">
        <v>34770</v>
      </c>
      <c r="B34654" s="6"/>
      <c r="C34654" s="6" t="s">
        <v>32230</v>
      </c>
      <c r="D34654" s="6"/>
      <c r="E34654" s="6" t="s">
        <v>9</v>
      </c>
      <c r="F34654" s="7">
        <v>30270</v>
      </c>
      <c r="G34654" s="8">
        <v>4212000</v>
      </c>
      <c r="H34654" s="8">
        <v>1010880</v>
      </c>
      <c r="I34654" s="8">
        <v>3285360</v>
      </c>
      <c r="J34654" s="8">
        <v>926640</v>
      </c>
      <c r="K34654" s="9"/>
      <c r="L34654" s="6"/>
    </row>
    <row r="34655" spans="1:12">
      <c r="A34655" s="6" t="s">
        <v>34771</v>
      </c>
      <c r="B34655" s="6"/>
      <c r="C34655" s="6" t="s">
        <v>32230</v>
      </c>
      <c r="D34655" s="6"/>
      <c r="E34655" s="6" t="s">
        <v>9</v>
      </c>
      <c r="F34655" s="7">
        <v>30270</v>
      </c>
      <c r="G34655" s="8">
        <v>2040600</v>
      </c>
      <c r="H34655" s="8">
        <v>489744</v>
      </c>
      <c r="I34655" s="8">
        <v>1591668</v>
      </c>
      <c r="J34655" s="8">
        <v>448932</v>
      </c>
      <c r="K34655" s="9"/>
      <c r="L34655" s="6"/>
    </row>
    <row r="34656" spans="1:12">
      <c r="A34656" s="6" t="s">
        <v>34772</v>
      </c>
      <c r="B34656" s="6"/>
      <c r="C34656" s="6" t="s">
        <v>32230</v>
      </c>
      <c r="D34656" s="6"/>
      <c r="E34656" s="6" t="s">
        <v>9</v>
      </c>
      <c r="F34656" s="7">
        <v>30270</v>
      </c>
      <c r="G34656" s="8">
        <v>11988000</v>
      </c>
      <c r="H34656" s="8">
        <v>2877120</v>
      </c>
      <c r="I34656" s="8">
        <v>9350640</v>
      </c>
      <c r="J34656" s="8">
        <v>2637360</v>
      </c>
      <c r="K34656" s="9"/>
      <c r="L34656" s="6"/>
    </row>
    <row r="34657" spans="1:12">
      <c r="A34657" s="6" t="s">
        <v>34773</v>
      </c>
      <c r="B34657" s="6"/>
      <c r="C34657" s="6" t="s">
        <v>32230</v>
      </c>
      <c r="D34657" s="6"/>
      <c r="E34657" s="6" t="s">
        <v>9</v>
      </c>
      <c r="F34657" s="7">
        <v>30270</v>
      </c>
      <c r="G34657" s="8">
        <v>4201200</v>
      </c>
      <c r="H34657" s="8">
        <v>1008288</v>
      </c>
      <c r="I34657" s="8">
        <v>3276936</v>
      </c>
      <c r="J34657" s="8">
        <v>924264</v>
      </c>
      <c r="K34657" s="9"/>
      <c r="L34657" s="6"/>
    </row>
    <row r="34658" spans="1:12">
      <c r="A34658" s="6" t="s">
        <v>34774</v>
      </c>
      <c r="B34658" s="6"/>
      <c r="C34658" s="6" t="s">
        <v>32230</v>
      </c>
      <c r="D34658" s="6"/>
      <c r="E34658" s="6" t="s">
        <v>9</v>
      </c>
      <c r="F34658" s="7">
        <v>39169</v>
      </c>
      <c r="G34658" s="8">
        <v>1412100</v>
      </c>
      <c r="H34658" s="8">
        <v>1016712</v>
      </c>
      <c r="I34658" s="8">
        <v>423630</v>
      </c>
      <c r="J34658" s="8">
        <v>988470</v>
      </c>
      <c r="K34658" s="9"/>
      <c r="L34658" s="6"/>
    </row>
    <row r="34659" spans="1:12">
      <c r="A34659" s="6" t="s">
        <v>34775</v>
      </c>
      <c r="B34659" s="6"/>
      <c r="C34659" s="6" t="s">
        <v>32230</v>
      </c>
      <c r="D34659" s="6"/>
      <c r="E34659" s="6" t="s">
        <v>9</v>
      </c>
      <c r="F34659" s="7">
        <v>30498</v>
      </c>
      <c r="G34659" s="8">
        <v>2770200</v>
      </c>
      <c r="H34659" s="8">
        <v>720252</v>
      </c>
      <c r="I34659" s="8">
        <v>2105352</v>
      </c>
      <c r="J34659" s="8">
        <v>664848</v>
      </c>
      <c r="K34659" s="9"/>
      <c r="L34659" s="6"/>
    </row>
    <row r="34660" spans="1:12">
      <c r="A34660" s="6" t="s">
        <v>34776</v>
      </c>
      <c r="B34660" s="6"/>
      <c r="C34660" s="6" t="s">
        <v>32230</v>
      </c>
      <c r="D34660" s="6"/>
      <c r="E34660" s="6" t="s">
        <v>9</v>
      </c>
      <c r="F34660" s="7">
        <v>30498</v>
      </c>
      <c r="G34660" s="8">
        <v>1350000</v>
      </c>
      <c r="H34660" s="8">
        <v>351000</v>
      </c>
      <c r="I34660" s="8">
        <v>1026000</v>
      </c>
      <c r="J34660" s="8">
        <v>324000</v>
      </c>
      <c r="K34660" s="9"/>
      <c r="L34660" s="6"/>
    </row>
    <row r="34661" spans="1:12">
      <c r="A34661" s="6" t="s">
        <v>34777</v>
      </c>
      <c r="B34661" s="6"/>
      <c r="C34661" s="6" t="s">
        <v>32230</v>
      </c>
      <c r="D34661" s="6"/>
      <c r="E34661" s="6" t="s">
        <v>9</v>
      </c>
      <c r="F34661" s="7">
        <v>30498</v>
      </c>
      <c r="G34661" s="8">
        <v>14466600</v>
      </c>
      <c r="H34661" s="8">
        <v>3761316</v>
      </c>
      <c r="I34661" s="8">
        <v>10994616</v>
      </c>
      <c r="J34661" s="8">
        <v>3471984</v>
      </c>
      <c r="K34661" s="9"/>
      <c r="L34661" s="6"/>
    </row>
    <row r="34662" spans="1:12">
      <c r="A34662" s="6" t="s">
        <v>33185</v>
      </c>
      <c r="B34662" s="6"/>
      <c r="C34662" s="6" t="s">
        <v>32230</v>
      </c>
      <c r="D34662" s="6"/>
      <c r="E34662" s="6" t="s">
        <v>9</v>
      </c>
      <c r="F34662" s="7">
        <v>39904</v>
      </c>
      <c r="G34662" s="8">
        <v>12448800</v>
      </c>
      <c r="H34662" s="8">
        <v>10120881</v>
      </c>
      <c r="I34662" s="8">
        <v>2539548</v>
      </c>
      <c r="J34662" s="8">
        <v>9909252</v>
      </c>
      <c r="K34662" s="9"/>
      <c r="L34662" s="6"/>
    </row>
    <row r="34663" spans="1:12">
      <c r="A34663" s="6" t="s">
        <v>34778</v>
      </c>
      <c r="B34663" s="6"/>
      <c r="C34663" s="6" t="s">
        <v>32230</v>
      </c>
      <c r="D34663" s="6"/>
      <c r="E34663" s="6" t="s">
        <v>9</v>
      </c>
      <c r="F34663" s="7">
        <v>30861</v>
      </c>
      <c r="G34663" s="8">
        <v>1952100</v>
      </c>
      <c r="H34663" s="8">
        <v>546588</v>
      </c>
      <c r="I34663" s="8">
        <v>1444554</v>
      </c>
      <c r="J34663" s="8">
        <v>507546</v>
      </c>
      <c r="K34663" s="9"/>
      <c r="L34663" s="6"/>
    </row>
    <row r="34664" spans="1:12">
      <c r="A34664" s="6" t="s">
        <v>34779</v>
      </c>
      <c r="B34664" s="6"/>
      <c r="C34664" s="6" t="s">
        <v>32230</v>
      </c>
      <c r="D34664" s="6"/>
      <c r="E34664" s="6" t="s">
        <v>9</v>
      </c>
      <c r="F34664" s="7">
        <v>30861</v>
      </c>
      <c r="G34664" s="8">
        <v>10481400</v>
      </c>
      <c r="H34664" s="8">
        <v>2934792</v>
      </c>
      <c r="I34664" s="8">
        <v>7756236</v>
      </c>
      <c r="J34664" s="8">
        <v>2725164</v>
      </c>
      <c r="K34664" s="9"/>
      <c r="L34664" s="6"/>
    </row>
    <row r="34665" spans="1:12">
      <c r="A34665" s="6" t="s">
        <v>34780</v>
      </c>
      <c r="B34665" s="6"/>
      <c r="C34665" s="6" t="s">
        <v>32230</v>
      </c>
      <c r="D34665" s="6"/>
      <c r="E34665" s="6" t="s">
        <v>9</v>
      </c>
      <c r="F34665" s="7">
        <v>30861</v>
      </c>
      <c r="G34665" s="8">
        <v>2851200</v>
      </c>
      <c r="H34665" s="8">
        <v>798336</v>
      </c>
      <c r="I34665" s="8">
        <v>2109888</v>
      </c>
      <c r="J34665" s="8">
        <v>741312</v>
      </c>
      <c r="K34665" s="9"/>
      <c r="L34665" s="6"/>
    </row>
    <row r="34666" spans="1:12">
      <c r="A34666" s="6" t="s">
        <v>34781</v>
      </c>
      <c r="B34666" s="6"/>
      <c r="C34666" s="6" t="s">
        <v>32230</v>
      </c>
      <c r="D34666" s="6"/>
      <c r="E34666" s="6" t="s">
        <v>9</v>
      </c>
      <c r="F34666" s="7">
        <v>30861</v>
      </c>
      <c r="G34666" s="8">
        <v>3847500</v>
      </c>
      <c r="H34666" s="8">
        <v>1077300</v>
      </c>
      <c r="I34666" s="8">
        <v>2847150</v>
      </c>
      <c r="J34666" s="8">
        <v>1000350</v>
      </c>
      <c r="K34666" s="9"/>
      <c r="L34666" s="6"/>
    </row>
    <row r="34667" spans="1:12">
      <c r="A34667" s="6" t="s">
        <v>34782</v>
      </c>
      <c r="B34667" s="6"/>
      <c r="C34667" s="6" t="s">
        <v>32230</v>
      </c>
      <c r="D34667" s="6"/>
      <c r="E34667" s="6" t="s">
        <v>9</v>
      </c>
      <c r="F34667" s="7">
        <v>30861</v>
      </c>
      <c r="G34667" s="8">
        <v>15673500</v>
      </c>
      <c r="H34667" s="8">
        <v>4388580</v>
      </c>
      <c r="I34667" s="8">
        <v>11598390</v>
      </c>
      <c r="J34667" s="8">
        <v>4075110</v>
      </c>
      <c r="K34667" s="9"/>
      <c r="L34667" s="6"/>
    </row>
    <row r="34668" spans="1:12">
      <c r="A34668" s="6" t="s">
        <v>34783</v>
      </c>
      <c r="B34668" s="6"/>
      <c r="C34668" s="6" t="s">
        <v>32230</v>
      </c>
      <c r="D34668" s="6"/>
      <c r="E34668" s="6" t="s">
        <v>9</v>
      </c>
      <c r="F34668" s="7">
        <v>30861</v>
      </c>
      <c r="G34668" s="8">
        <v>31719600</v>
      </c>
      <c r="H34668" s="8">
        <v>8881488</v>
      </c>
      <c r="I34668" s="8">
        <v>23472504</v>
      </c>
      <c r="J34668" s="8">
        <v>8247096</v>
      </c>
      <c r="K34668" s="9"/>
      <c r="L34668" s="6"/>
    </row>
    <row r="34669" spans="1:12">
      <c r="A34669" s="6" t="s">
        <v>33185</v>
      </c>
      <c r="B34669" s="6"/>
      <c r="C34669" s="6" t="s">
        <v>32230</v>
      </c>
      <c r="D34669" s="6"/>
      <c r="E34669" s="6" t="s">
        <v>9</v>
      </c>
      <c r="F34669" s="7">
        <v>31868</v>
      </c>
      <c r="G34669" s="8">
        <v>17472000</v>
      </c>
      <c r="H34669" s="8">
        <v>7670208</v>
      </c>
      <c r="I34669" s="8">
        <v>10098816</v>
      </c>
      <c r="J34669" s="8">
        <v>7373184</v>
      </c>
      <c r="K34669" s="9"/>
      <c r="L34669" s="6"/>
    </row>
    <row r="34670" spans="1:12">
      <c r="A34670" s="6" t="s">
        <v>34784</v>
      </c>
      <c r="B34670" s="6"/>
      <c r="C34670" s="6" t="s">
        <v>32230</v>
      </c>
      <c r="D34670" s="6"/>
      <c r="E34670" s="6" t="s">
        <v>9</v>
      </c>
      <c r="F34670" s="7">
        <v>30861</v>
      </c>
      <c r="G34670" s="8">
        <v>2932200</v>
      </c>
      <c r="H34670" s="8">
        <v>821016</v>
      </c>
      <c r="I34670" s="8">
        <v>2169828</v>
      </c>
      <c r="J34670" s="8">
        <v>762372</v>
      </c>
      <c r="K34670" s="9"/>
      <c r="L34670" s="6"/>
    </row>
    <row r="34671" spans="1:12">
      <c r="A34671" s="6" t="s">
        <v>34785</v>
      </c>
      <c r="B34671" s="6"/>
      <c r="C34671" s="6" t="s">
        <v>32230</v>
      </c>
      <c r="D34671" s="6"/>
      <c r="E34671" s="6" t="s">
        <v>9</v>
      </c>
      <c r="F34671" s="7">
        <v>31226</v>
      </c>
      <c r="G34671" s="8">
        <v>232716800</v>
      </c>
      <c r="H34671" s="8">
        <v>69815040</v>
      </c>
      <c r="I34671" s="8">
        <v>167556096</v>
      </c>
      <c r="J34671" s="8">
        <v>65160704</v>
      </c>
      <c r="K34671" s="9"/>
      <c r="L34671" s="6"/>
    </row>
    <row r="34672" spans="1:12">
      <c r="A34672" s="6" t="s">
        <v>34786</v>
      </c>
      <c r="B34672" s="6"/>
      <c r="C34672" s="6" t="s">
        <v>32230</v>
      </c>
      <c r="D34672" s="6"/>
      <c r="E34672" s="6" t="s">
        <v>9</v>
      </c>
      <c r="F34672" s="7">
        <v>31472</v>
      </c>
      <c r="G34672" s="8">
        <v>268632000</v>
      </c>
      <c r="H34672" s="8">
        <v>52383240</v>
      </c>
      <c r="I34672" s="8">
        <v>222427296</v>
      </c>
      <c r="J34672" s="8">
        <v>46204704</v>
      </c>
      <c r="K34672" s="9"/>
      <c r="L34672" s="6"/>
    </row>
    <row r="34673" spans="1:12">
      <c r="A34673" s="6" t="s">
        <v>34787</v>
      </c>
      <c r="B34673" s="6"/>
      <c r="C34673" s="6" t="s">
        <v>32230</v>
      </c>
      <c r="D34673" s="6"/>
      <c r="E34673" s="6" t="s">
        <v>9</v>
      </c>
      <c r="F34673" s="7">
        <v>39995</v>
      </c>
      <c r="G34673" s="8">
        <v>119932000</v>
      </c>
      <c r="H34673" s="8">
        <v>89589204</v>
      </c>
      <c r="I34673" s="8">
        <v>33101232</v>
      </c>
      <c r="J34673" s="8">
        <v>86830768</v>
      </c>
      <c r="K34673" s="9"/>
      <c r="L34673" s="6"/>
    </row>
    <row r="34674" spans="1:12">
      <c r="A34674" s="6" t="s">
        <v>33185</v>
      </c>
      <c r="B34674" s="6"/>
      <c r="C34674" s="6" t="s">
        <v>32230</v>
      </c>
      <c r="D34674" s="6"/>
      <c r="E34674" s="6" t="s">
        <v>9</v>
      </c>
      <c r="F34674" s="7"/>
      <c r="G34674" s="8">
        <v>1</v>
      </c>
      <c r="H34674" s="8">
        <v>1</v>
      </c>
      <c r="I34674" s="8">
        <v>0</v>
      </c>
      <c r="J34674" s="8">
        <v>1</v>
      </c>
      <c r="K34674" s="9"/>
      <c r="L34674" s="6"/>
    </row>
    <row r="34675" spans="1:12">
      <c r="A34675" s="6" t="s">
        <v>33708</v>
      </c>
      <c r="B34675" s="6"/>
      <c r="C34675" s="6" t="s">
        <v>32230</v>
      </c>
      <c r="D34675" s="6"/>
      <c r="E34675" s="6" t="s">
        <v>9</v>
      </c>
      <c r="F34675" s="7">
        <v>40074</v>
      </c>
      <c r="G34675" s="8">
        <v>108349500</v>
      </c>
      <c r="H34675" s="8">
        <v>80937082</v>
      </c>
      <c r="I34675" s="8">
        <v>29904456</v>
      </c>
      <c r="J34675" s="8">
        <v>78445044</v>
      </c>
      <c r="K34675" s="9"/>
      <c r="L34675" s="6"/>
    </row>
    <row r="34676" spans="1:12">
      <c r="A34676" s="6" t="s">
        <v>34788</v>
      </c>
      <c r="B34676" s="6"/>
      <c r="C34676" s="6" t="s">
        <v>32230</v>
      </c>
      <c r="D34676" s="6"/>
      <c r="E34676" s="6" t="s">
        <v>9</v>
      </c>
      <c r="F34676" s="7">
        <v>42993</v>
      </c>
      <c r="G34676" s="8">
        <v>356400</v>
      </c>
      <c r="H34676" s="8">
        <v>331809</v>
      </c>
      <c r="I34676" s="8">
        <v>32788</v>
      </c>
      <c r="J34676" s="8">
        <v>323612</v>
      </c>
      <c r="K34676" s="9"/>
      <c r="L34676" s="6"/>
    </row>
    <row r="34677" spans="1:12">
      <c r="A34677" s="6" t="s">
        <v>34789</v>
      </c>
      <c r="B34677" s="6"/>
      <c r="C34677" s="6" t="s">
        <v>32230</v>
      </c>
      <c r="D34677" s="6"/>
      <c r="E34677" s="6" t="s">
        <v>9</v>
      </c>
      <c r="F34677" s="7">
        <v>44225</v>
      </c>
      <c r="G34677" s="8">
        <v>638000</v>
      </c>
      <c r="H34677" s="8">
        <v>638000</v>
      </c>
      <c r="I34677" s="8">
        <v>42746</v>
      </c>
      <c r="J34677" s="8">
        <v>595254</v>
      </c>
      <c r="K34677" s="9"/>
      <c r="L34677" s="6"/>
    </row>
    <row r="34678" spans="1:12">
      <c r="A34678" s="6" t="s">
        <v>34790</v>
      </c>
      <c r="B34678" s="6"/>
      <c r="C34678" s="6" t="s">
        <v>32230</v>
      </c>
      <c r="D34678" s="6"/>
      <c r="E34678" s="6" t="s">
        <v>9</v>
      </c>
      <c r="F34678" s="7">
        <v>31226</v>
      </c>
      <c r="G34678" s="8">
        <v>2932200</v>
      </c>
      <c r="H34678" s="8">
        <v>879660</v>
      </c>
      <c r="I34678" s="8">
        <v>2111184</v>
      </c>
      <c r="J34678" s="8">
        <v>821016</v>
      </c>
      <c r="K34678" s="9"/>
      <c r="L34678" s="6"/>
    </row>
    <row r="34679" spans="1:12">
      <c r="A34679" s="6" t="s">
        <v>34791</v>
      </c>
      <c r="B34679" s="6"/>
      <c r="C34679" s="6" t="s">
        <v>32230</v>
      </c>
      <c r="D34679" s="6"/>
      <c r="E34679" s="6" t="s">
        <v>9</v>
      </c>
      <c r="F34679" s="7">
        <v>31226</v>
      </c>
      <c r="G34679" s="8">
        <v>16605000</v>
      </c>
      <c r="H34679" s="8">
        <v>4981500</v>
      </c>
      <c r="I34679" s="8">
        <v>11955600</v>
      </c>
      <c r="J34679" s="8">
        <v>4649400</v>
      </c>
      <c r="K34679" s="9"/>
      <c r="L34679" s="6"/>
    </row>
    <row r="34680" spans="1:12">
      <c r="A34680" s="6" t="s">
        <v>34792</v>
      </c>
      <c r="B34680" s="6"/>
      <c r="C34680" s="6" t="s">
        <v>32230</v>
      </c>
      <c r="D34680" s="6"/>
      <c r="E34680" s="6" t="s">
        <v>9</v>
      </c>
      <c r="F34680" s="7">
        <v>31226</v>
      </c>
      <c r="G34680" s="8">
        <v>14823000</v>
      </c>
      <c r="H34680" s="8">
        <v>4446900</v>
      </c>
      <c r="I34680" s="8">
        <v>10672560</v>
      </c>
      <c r="J34680" s="8">
        <v>4150440</v>
      </c>
      <c r="K34680" s="9"/>
      <c r="L34680" s="6"/>
    </row>
    <row r="34681" spans="1:12">
      <c r="A34681" s="6" t="s">
        <v>34793</v>
      </c>
      <c r="B34681" s="6"/>
      <c r="C34681" s="6" t="s">
        <v>32230</v>
      </c>
      <c r="D34681" s="6"/>
      <c r="E34681" s="6" t="s">
        <v>9</v>
      </c>
      <c r="F34681" s="7">
        <v>42216</v>
      </c>
      <c r="G34681" s="8">
        <v>993600</v>
      </c>
      <c r="H34681" s="8">
        <v>894240</v>
      </c>
      <c r="I34681" s="8">
        <v>119232</v>
      </c>
      <c r="J34681" s="8">
        <v>874368</v>
      </c>
      <c r="K34681" s="9"/>
      <c r="L34681" s="6"/>
    </row>
    <row r="34682" spans="1:12">
      <c r="A34682" s="6" t="s">
        <v>34794</v>
      </c>
      <c r="B34682" s="6"/>
      <c r="C34682" s="6" t="s">
        <v>32230</v>
      </c>
      <c r="D34682" s="6"/>
      <c r="E34682" s="6" t="s">
        <v>9</v>
      </c>
      <c r="F34682" s="7">
        <v>31226</v>
      </c>
      <c r="G34682" s="8">
        <v>2883600</v>
      </c>
      <c r="H34682" s="8">
        <v>865080</v>
      </c>
      <c r="I34682" s="8">
        <v>2076192</v>
      </c>
      <c r="J34682" s="8">
        <v>807408</v>
      </c>
      <c r="K34682" s="9"/>
      <c r="L34682" s="6"/>
    </row>
    <row r="34683" spans="1:12">
      <c r="A34683" s="6" t="s">
        <v>34795</v>
      </c>
      <c r="B34683" s="6"/>
      <c r="C34683" s="6" t="s">
        <v>32230</v>
      </c>
      <c r="D34683" s="6"/>
      <c r="E34683" s="6" t="s">
        <v>9</v>
      </c>
      <c r="F34683" s="7">
        <v>31587</v>
      </c>
      <c r="G34683" s="8">
        <v>21343500</v>
      </c>
      <c r="H34683" s="8">
        <v>6829920</v>
      </c>
      <c r="I34683" s="8">
        <v>14940450</v>
      </c>
      <c r="J34683" s="8">
        <v>6403050</v>
      </c>
      <c r="K34683" s="9"/>
      <c r="L34683" s="6"/>
    </row>
    <row r="34684" spans="1:12">
      <c r="A34684" s="6" t="s">
        <v>34796</v>
      </c>
      <c r="B34684" s="6"/>
      <c r="C34684" s="6" t="s">
        <v>32230</v>
      </c>
      <c r="D34684" s="6"/>
      <c r="E34684" s="6" t="s">
        <v>9</v>
      </c>
      <c r="F34684" s="7">
        <v>31587</v>
      </c>
      <c r="G34684" s="8">
        <v>3936600</v>
      </c>
      <c r="H34684" s="8">
        <v>1259712</v>
      </c>
      <c r="I34684" s="8">
        <v>2755620</v>
      </c>
      <c r="J34684" s="8">
        <v>1180980</v>
      </c>
      <c r="K34684" s="9"/>
      <c r="L34684" s="6"/>
    </row>
    <row r="34685" spans="1:12">
      <c r="A34685" s="6" t="s">
        <v>34797</v>
      </c>
      <c r="B34685" s="6"/>
      <c r="C34685" s="6" t="s">
        <v>32230</v>
      </c>
      <c r="D34685" s="6"/>
      <c r="E34685" s="6" t="s">
        <v>9</v>
      </c>
      <c r="F34685" s="7">
        <v>31587</v>
      </c>
      <c r="G34685" s="8">
        <v>2478600</v>
      </c>
      <c r="H34685" s="8">
        <v>793152</v>
      </c>
      <c r="I34685" s="8">
        <v>1735020</v>
      </c>
      <c r="J34685" s="8">
        <v>743580</v>
      </c>
      <c r="K34685" s="9"/>
      <c r="L34685" s="6"/>
    </row>
    <row r="34686" spans="1:12">
      <c r="A34686" s="6" t="s">
        <v>34798</v>
      </c>
      <c r="B34686" s="6"/>
      <c r="C34686" s="6" t="s">
        <v>32230</v>
      </c>
      <c r="D34686" s="6"/>
      <c r="E34686" s="6" t="s">
        <v>9</v>
      </c>
      <c r="F34686" s="7">
        <v>31587</v>
      </c>
      <c r="G34686" s="8">
        <v>1668600</v>
      </c>
      <c r="H34686" s="8">
        <v>533952</v>
      </c>
      <c r="I34686" s="8">
        <v>1168020</v>
      </c>
      <c r="J34686" s="8">
        <v>500580</v>
      </c>
      <c r="K34686" s="9"/>
      <c r="L34686" s="6"/>
    </row>
    <row r="34687" spans="1:12">
      <c r="A34687" s="6" t="s">
        <v>34799</v>
      </c>
      <c r="B34687" s="6"/>
      <c r="C34687" s="6" t="s">
        <v>32230</v>
      </c>
      <c r="D34687" s="6"/>
      <c r="E34687" s="6" t="s">
        <v>9</v>
      </c>
      <c r="F34687" s="7">
        <v>31587</v>
      </c>
      <c r="G34687" s="8">
        <v>9112500</v>
      </c>
      <c r="H34687" s="8">
        <v>2916000</v>
      </c>
      <c r="I34687" s="8">
        <v>6378750</v>
      </c>
      <c r="J34687" s="8">
        <v>2733750</v>
      </c>
      <c r="K34687" s="9"/>
      <c r="L34687" s="6"/>
    </row>
    <row r="34688" spans="1:12">
      <c r="A34688" s="6" t="s">
        <v>34800</v>
      </c>
      <c r="B34688" s="6"/>
      <c r="C34688" s="6" t="s">
        <v>32230</v>
      </c>
      <c r="D34688" s="6"/>
      <c r="E34688" s="6" t="s">
        <v>9</v>
      </c>
      <c r="F34688" s="7">
        <v>31587</v>
      </c>
      <c r="G34688" s="8">
        <v>5386500</v>
      </c>
      <c r="H34688" s="8">
        <v>1723680</v>
      </c>
      <c r="I34688" s="8">
        <v>3770550</v>
      </c>
      <c r="J34688" s="8">
        <v>1615950</v>
      </c>
      <c r="K34688" s="9"/>
      <c r="L34688" s="6"/>
    </row>
    <row r="34689" spans="1:12">
      <c r="A34689" s="6" t="s">
        <v>34801</v>
      </c>
      <c r="B34689" s="6"/>
      <c r="C34689" s="6" t="s">
        <v>32230</v>
      </c>
      <c r="D34689" s="6"/>
      <c r="E34689" s="6" t="s">
        <v>9</v>
      </c>
      <c r="F34689" s="7">
        <v>31587</v>
      </c>
      <c r="G34689" s="8">
        <v>5337900</v>
      </c>
      <c r="H34689" s="8">
        <v>1708128</v>
      </c>
      <c r="I34689" s="8">
        <v>3736530</v>
      </c>
      <c r="J34689" s="8">
        <v>1601370</v>
      </c>
      <c r="K34689" s="9"/>
      <c r="L34689" s="6"/>
    </row>
    <row r="34690" spans="1:12">
      <c r="A34690" s="6" t="s">
        <v>34802</v>
      </c>
      <c r="B34690" s="6"/>
      <c r="C34690" s="6" t="s">
        <v>32230</v>
      </c>
      <c r="D34690" s="6"/>
      <c r="E34690" s="6" t="s">
        <v>9</v>
      </c>
      <c r="F34690" s="7">
        <v>31952</v>
      </c>
      <c r="G34690" s="8">
        <v>28779300</v>
      </c>
      <c r="H34690" s="8">
        <v>9784962</v>
      </c>
      <c r="I34690" s="8">
        <v>19569924</v>
      </c>
      <c r="J34690" s="8">
        <v>9209376</v>
      </c>
      <c r="K34690" s="9"/>
      <c r="L34690" s="6"/>
    </row>
    <row r="34691" spans="1:12">
      <c r="A34691" s="6" t="s">
        <v>34803</v>
      </c>
      <c r="B34691" s="6"/>
      <c r="C34691" s="6" t="s">
        <v>32230</v>
      </c>
      <c r="D34691" s="6"/>
      <c r="E34691" s="6" t="s">
        <v>9</v>
      </c>
      <c r="F34691" s="7">
        <v>32317</v>
      </c>
      <c r="G34691" s="8">
        <v>5211000</v>
      </c>
      <c r="H34691" s="8">
        <v>1875960</v>
      </c>
      <c r="I34691" s="8">
        <v>3439260</v>
      </c>
      <c r="J34691" s="8">
        <v>1771740</v>
      </c>
      <c r="K34691" s="9"/>
      <c r="L34691" s="6"/>
    </row>
    <row r="34692" spans="1:12">
      <c r="A34692" s="6" t="s">
        <v>34804</v>
      </c>
      <c r="B34692" s="6"/>
      <c r="C34692" s="6" t="s">
        <v>32230</v>
      </c>
      <c r="D34692" s="6"/>
      <c r="E34692" s="6" t="s">
        <v>9</v>
      </c>
      <c r="F34692" s="7">
        <v>32317</v>
      </c>
      <c r="G34692" s="8">
        <v>1968300</v>
      </c>
      <c r="H34692" s="8">
        <v>708588</v>
      </c>
      <c r="I34692" s="8">
        <v>1299078</v>
      </c>
      <c r="J34692" s="8">
        <v>669222</v>
      </c>
      <c r="K34692" s="9"/>
      <c r="L34692" s="6"/>
    </row>
    <row r="34693" spans="1:12">
      <c r="A34693" s="6" t="s">
        <v>34805</v>
      </c>
      <c r="B34693" s="6"/>
      <c r="C34693" s="6" t="s">
        <v>32230</v>
      </c>
      <c r="D34693" s="6"/>
      <c r="E34693" s="6" t="s">
        <v>9</v>
      </c>
      <c r="F34693" s="7">
        <v>32317</v>
      </c>
      <c r="G34693" s="8">
        <v>3936600</v>
      </c>
      <c r="H34693" s="8">
        <v>1417176</v>
      </c>
      <c r="I34693" s="8">
        <v>2598156</v>
      </c>
      <c r="J34693" s="8">
        <v>1338444</v>
      </c>
      <c r="K34693" s="9"/>
      <c r="L34693" s="6"/>
    </row>
    <row r="34694" spans="1:12">
      <c r="A34694" s="6" t="s">
        <v>34806</v>
      </c>
      <c r="B34694" s="6"/>
      <c r="C34694" s="6" t="s">
        <v>32230</v>
      </c>
      <c r="D34694" s="6"/>
      <c r="E34694" s="6" t="s">
        <v>9</v>
      </c>
      <c r="F34694" s="7">
        <v>32317</v>
      </c>
      <c r="G34694" s="8">
        <v>3871800</v>
      </c>
      <c r="H34694" s="8">
        <v>1393848</v>
      </c>
      <c r="I34694" s="8">
        <v>2555388</v>
      </c>
      <c r="J34694" s="8">
        <v>1316412</v>
      </c>
      <c r="K34694" s="9"/>
      <c r="L34694" s="6"/>
    </row>
    <row r="34695" spans="1:12">
      <c r="A34695" s="6" t="s">
        <v>33185</v>
      </c>
      <c r="B34695" s="6"/>
      <c r="C34695" s="6" t="s">
        <v>32230</v>
      </c>
      <c r="D34695" s="6"/>
      <c r="E34695" s="6" t="s">
        <v>9</v>
      </c>
      <c r="F34695" s="7">
        <v>31868</v>
      </c>
      <c r="G34695" s="8">
        <v>18018000</v>
      </c>
      <c r="H34695" s="8">
        <v>7909902</v>
      </c>
      <c r="I34695" s="8">
        <v>10414404</v>
      </c>
      <c r="J34695" s="8">
        <v>7603596</v>
      </c>
      <c r="K34695" s="9"/>
      <c r="L34695" s="6"/>
    </row>
    <row r="34696" spans="1:12">
      <c r="A34696" s="6" t="s">
        <v>34807</v>
      </c>
      <c r="B34696" s="6"/>
      <c r="C34696" s="6" t="s">
        <v>32230</v>
      </c>
      <c r="D34696" s="6"/>
      <c r="E34696" s="6" t="s">
        <v>9</v>
      </c>
      <c r="F34696" s="7">
        <v>32317</v>
      </c>
      <c r="G34696" s="8">
        <v>6577200</v>
      </c>
      <c r="H34696" s="8">
        <v>2367792</v>
      </c>
      <c r="I34696" s="8">
        <v>4340952</v>
      </c>
      <c r="J34696" s="8">
        <v>2236248</v>
      </c>
      <c r="K34696" s="9"/>
      <c r="L34696" s="6"/>
    </row>
    <row r="34697" spans="1:12">
      <c r="A34697" s="6" t="s">
        <v>34808</v>
      </c>
      <c r="B34697" s="6"/>
      <c r="C34697" s="6" t="s">
        <v>32230</v>
      </c>
      <c r="D34697" s="6"/>
      <c r="E34697" s="6" t="s">
        <v>9</v>
      </c>
      <c r="F34697" s="7">
        <v>32317</v>
      </c>
      <c r="G34697" s="8">
        <v>14442300</v>
      </c>
      <c r="H34697" s="8">
        <v>5199228</v>
      </c>
      <c r="I34697" s="8">
        <v>9531918</v>
      </c>
      <c r="J34697" s="8">
        <v>4910382</v>
      </c>
      <c r="K34697" s="9"/>
      <c r="L34697" s="6"/>
    </row>
    <row r="34698" spans="1:12">
      <c r="A34698" s="6" t="s">
        <v>34809</v>
      </c>
      <c r="B34698" s="6"/>
      <c r="C34698" s="6" t="s">
        <v>32230</v>
      </c>
      <c r="D34698" s="6"/>
      <c r="E34698" s="6" t="s">
        <v>9</v>
      </c>
      <c r="F34698" s="7">
        <v>32317</v>
      </c>
      <c r="G34698" s="8">
        <v>3164400</v>
      </c>
      <c r="H34698" s="8">
        <v>1139184</v>
      </c>
      <c r="I34698" s="8">
        <v>2088504</v>
      </c>
      <c r="J34698" s="8">
        <v>1075896</v>
      </c>
      <c r="K34698" s="9"/>
      <c r="L34698" s="6"/>
    </row>
    <row r="34699" spans="1:12">
      <c r="A34699" s="6" t="s">
        <v>34810</v>
      </c>
      <c r="B34699" s="6"/>
      <c r="C34699" s="6" t="s">
        <v>32230</v>
      </c>
      <c r="D34699" s="6"/>
      <c r="E34699" s="6" t="s">
        <v>9</v>
      </c>
      <c r="F34699" s="7">
        <v>32317</v>
      </c>
      <c r="G34699" s="8">
        <v>2694600</v>
      </c>
      <c r="H34699" s="8">
        <v>970056</v>
      </c>
      <c r="I34699" s="8">
        <v>1778436</v>
      </c>
      <c r="J34699" s="8">
        <v>916164</v>
      </c>
      <c r="K34699" s="9"/>
      <c r="L34699" s="6"/>
    </row>
    <row r="34700" spans="1:12">
      <c r="A34700" s="6" t="s">
        <v>34811</v>
      </c>
      <c r="B34700" s="6"/>
      <c r="C34700" s="6" t="s">
        <v>32230</v>
      </c>
      <c r="D34700" s="6"/>
      <c r="E34700" s="6" t="s">
        <v>9</v>
      </c>
      <c r="F34700" s="7">
        <v>37049</v>
      </c>
      <c r="G34700" s="8">
        <v>3944700</v>
      </c>
      <c r="H34700" s="8">
        <v>2445714</v>
      </c>
      <c r="I34700" s="8">
        <v>1577880</v>
      </c>
      <c r="J34700" s="8">
        <v>2366820</v>
      </c>
      <c r="K34700" s="9"/>
      <c r="L34700" s="6"/>
    </row>
    <row r="34701" spans="1:12">
      <c r="A34701" s="6" t="s">
        <v>34812</v>
      </c>
      <c r="B34701" s="6"/>
      <c r="C34701" s="6" t="s">
        <v>32230</v>
      </c>
      <c r="D34701" s="6"/>
      <c r="E34701" s="6" t="s">
        <v>9</v>
      </c>
      <c r="F34701" s="7">
        <v>37049</v>
      </c>
      <c r="G34701" s="8">
        <v>4074300</v>
      </c>
      <c r="H34701" s="8">
        <v>2526066</v>
      </c>
      <c r="I34701" s="8">
        <v>1629720</v>
      </c>
      <c r="J34701" s="8">
        <v>2444580</v>
      </c>
      <c r="K34701" s="9"/>
      <c r="L34701" s="6"/>
    </row>
    <row r="34702" spans="1:12">
      <c r="A34702" s="6" t="s">
        <v>34813</v>
      </c>
      <c r="B34702" s="6"/>
      <c r="C34702" s="6" t="s">
        <v>32230</v>
      </c>
      <c r="D34702" s="6"/>
      <c r="E34702" s="6" t="s">
        <v>9</v>
      </c>
      <c r="F34702" s="7">
        <v>30270</v>
      </c>
      <c r="G34702" s="8">
        <v>52300800</v>
      </c>
      <c r="H34702" s="8">
        <v>12552192</v>
      </c>
      <c r="I34702" s="8">
        <v>40794624</v>
      </c>
      <c r="J34702" s="8">
        <v>11506176</v>
      </c>
      <c r="K34702" s="9"/>
      <c r="L34702" s="6"/>
    </row>
    <row r="34703" spans="1:12">
      <c r="A34703" s="6" t="s">
        <v>34814</v>
      </c>
      <c r="B34703" s="6"/>
      <c r="C34703" s="6" t="s">
        <v>32230</v>
      </c>
      <c r="D34703" s="6"/>
      <c r="E34703" s="6" t="s">
        <v>9</v>
      </c>
      <c r="F34703" s="7">
        <v>30270</v>
      </c>
      <c r="G34703" s="8">
        <v>368307200</v>
      </c>
      <c r="H34703" s="8">
        <v>88393728</v>
      </c>
      <c r="I34703" s="8">
        <v>287279616</v>
      </c>
      <c r="J34703" s="8">
        <v>81027584</v>
      </c>
      <c r="K34703" s="9"/>
      <c r="L34703" s="6"/>
    </row>
    <row r="34704" spans="1:12">
      <c r="A34704" s="6" t="s">
        <v>34815</v>
      </c>
      <c r="B34704" s="6"/>
      <c r="C34704" s="6" t="s">
        <v>32230</v>
      </c>
      <c r="D34704" s="6"/>
      <c r="E34704" s="6" t="s">
        <v>9</v>
      </c>
      <c r="F34704" s="7">
        <v>27820</v>
      </c>
      <c r="G34704" s="8">
        <v>402658620</v>
      </c>
      <c r="H34704" s="8">
        <v>94624800</v>
      </c>
      <c r="I34704" s="8">
        <v>314879016</v>
      </c>
      <c r="J34704" s="8">
        <v>87779604</v>
      </c>
      <c r="K34704" s="9"/>
      <c r="L34704" s="6"/>
    </row>
    <row r="34705" spans="1:12">
      <c r="A34705" s="6" t="s">
        <v>34816</v>
      </c>
      <c r="B34705" s="6"/>
      <c r="C34705" s="6" t="s">
        <v>32230</v>
      </c>
      <c r="D34705" s="6"/>
      <c r="E34705" s="6" t="s">
        <v>9</v>
      </c>
      <c r="F34705" s="7">
        <v>32317</v>
      </c>
      <c r="G34705" s="8">
        <v>23020200</v>
      </c>
      <c r="H34705" s="8">
        <v>8287272</v>
      </c>
      <c r="I34705" s="8">
        <v>15193332</v>
      </c>
      <c r="J34705" s="8">
        <v>7826868</v>
      </c>
      <c r="K34705" s="9"/>
      <c r="L34705" s="6"/>
    </row>
    <row r="34706" spans="1:12">
      <c r="A34706" s="6" t="s">
        <v>34817</v>
      </c>
      <c r="B34706" s="6"/>
      <c r="C34706" s="6" t="s">
        <v>32230</v>
      </c>
      <c r="D34706" s="6"/>
      <c r="E34706" s="6" t="s">
        <v>9</v>
      </c>
      <c r="F34706" s="7">
        <v>32224</v>
      </c>
      <c r="G34706" s="8">
        <v>13273600</v>
      </c>
      <c r="H34706" s="8">
        <v>4513024</v>
      </c>
      <c r="I34706" s="8">
        <v>9026048</v>
      </c>
      <c r="J34706" s="8">
        <v>4247552</v>
      </c>
      <c r="K34706" s="9"/>
      <c r="L34706" s="6"/>
    </row>
    <row r="34707" spans="1:12">
      <c r="A34707" s="6" t="s">
        <v>34818</v>
      </c>
      <c r="B34707" s="6"/>
      <c r="C34707" s="6" t="s">
        <v>32230</v>
      </c>
      <c r="D34707" s="6"/>
      <c r="E34707" s="6" t="s">
        <v>9</v>
      </c>
      <c r="F34707" s="7">
        <v>32224</v>
      </c>
      <c r="G34707" s="8">
        <v>17536000</v>
      </c>
      <c r="H34707" s="8">
        <v>5962240</v>
      </c>
      <c r="I34707" s="8">
        <v>11924480</v>
      </c>
      <c r="J34707" s="8">
        <v>5611520</v>
      </c>
      <c r="K34707" s="9"/>
      <c r="L34707" s="6"/>
    </row>
    <row r="34708" spans="1:12">
      <c r="A34708" s="6" t="s">
        <v>34819</v>
      </c>
      <c r="B34708" s="6"/>
      <c r="C34708" s="6" t="s">
        <v>32230</v>
      </c>
      <c r="D34708" s="6"/>
      <c r="E34708" s="6" t="s">
        <v>9</v>
      </c>
      <c r="F34708" s="7">
        <v>32686</v>
      </c>
      <c r="G34708" s="8">
        <v>48284100</v>
      </c>
      <c r="H34708" s="8">
        <v>18347958</v>
      </c>
      <c r="I34708" s="8">
        <v>30901824</v>
      </c>
      <c r="J34708" s="8">
        <v>17382276</v>
      </c>
      <c r="K34708" s="9"/>
      <c r="L34708" s="6"/>
    </row>
    <row r="34709" spans="1:12">
      <c r="A34709" s="6" t="s">
        <v>33185</v>
      </c>
      <c r="B34709" s="6"/>
      <c r="C34709" s="6" t="s">
        <v>32230</v>
      </c>
      <c r="D34709" s="6"/>
      <c r="E34709" s="6" t="s">
        <v>9</v>
      </c>
      <c r="F34709" s="7">
        <v>39904</v>
      </c>
      <c r="G34709" s="8">
        <v>9500400</v>
      </c>
      <c r="H34709" s="8">
        <v>7723834</v>
      </c>
      <c r="I34709" s="8">
        <v>1938072</v>
      </c>
      <c r="J34709" s="8">
        <v>7562328</v>
      </c>
      <c r="K34709" s="9"/>
      <c r="L34709" s="6"/>
    </row>
    <row r="34710" spans="1:12">
      <c r="A34710" s="6" t="s">
        <v>34820</v>
      </c>
      <c r="B34710" s="6"/>
      <c r="C34710" s="6" t="s">
        <v>32230</v>
      </c>
      <c r="D34710" s="6"/>
      <c r="E34710" s="6" t="s">
        <v>9</v>
      </c>
      <c r="F34710" s="7">
        <v>33105</v>
      </c>
      <c r="G34710" s="8">
        <v>10319400</v>
      </c>
      <c r="H34710" s="8">
        <v>4127760</v>
      </c>
      <c r="I34710" s="8">
        <v>6398028</v>
      </c>
      <c r="J34710" s="8">
        <v>3921372</v>
      </c>
      <c r="K34710" s="9"/>
      <c r="L34710" s="6"/>
    </row>
    <row r="34711" spans="1:12">
      <c r="A34711" s="6" t="s">
        <v>34821</v>
      </c>
      <c r="B34711" s="6"/>
      <c r="C34711" s="6" t="s">
        <v>32230</v>
      </c>
      <c r="D34711" s="6"/>
      <c r="E34711" s="6" t="s">
        <v>9</v>
      </c>
      <c r="F34711" s="7">
        <v>33420</v>
      </c>
      <c r="G34711" s="8">
        <v>3350700</v>
      </c>
      <c r="H34711" s="8">
        <v>1407294</v>
      </c>
      <c r="I34711" s="8">
        <v>2010420</v>
      </c>
      <c r="J34711" s="8">
        <v>1340280</v>
      </c>
      <c r="K34711" s="9"/>
      <c r="L34711" s="6"/>
    </row>
    <row r="34712" spans="1:12">
      <c r="A34712" s="6" t="s">
        <v>34822</v>
      </c>
      <c r="B34712" s="6"/>
      <c r="C34712" s="6" t="s">
        <v>32230</v>
      </c>
      <c r="D34712" s="6"/>
      <c r="E34712" s="6" t="s">
        <v>9</v>
      </c>
      <c r="F34712" s="7">
        <v>33420</v>
      </c>
      <c r="G34712" s="8">
        <v>4430700</v>
      </c>
      <c r="H34712" s="8">
        <v>1860894</v>
      </c>
      <c r="I34712" s="8">
        <v>2658420</v>
      </c>
      <c r="J34712" s="8">
        <v>1772280</v>
      </c>
      <c r="K34712" s="9"/>
      <c r="L34712" s="6"/>
    </row>
    <row r="34713" spans="1:12">
      <c r="A34713" s="6" t="s">
        <v>34823</v>
      </c>
      <c r="B34713" s="6"/>
      <c r="C34713" s="6" t="s">
        <v>32230</v>
      </c>
      <c r="D34713" s="6"/>
      <c r="E34713" s="6" t="s">
        <v>9</v>
      </c>
      <c r="F34713" s="7">
        <v>33420</v>
      </c>
      <c r="G34713" s="8">
        <v>3604500</v>
      </c>
      <c r="H34713" s="8">
        <v>1513890</v>
      </c>
      <c r="I34713" s="8">
        <v>2162700</v>
      </c>
      <c r="J34713" s="8">
        <v>1441800</v>
      </c>
      <c r="K34713" s="9"/>
      <c r="L34713" s="6"/>
    </row>
    <row r="34714" spans="1:12">
      <c r="A34714" s="6" t="s">
        <v>34824</v>
      </c>
      <c r="B34714" s="6"/>
      <c r="C34714" s="6" t="s">
        <v>32230</v>
      </c>
      <c r="D34714" s="6"/>
      <c r="E34714" s="6" t="s">
        <v>9</v>
      </c>
      <c r="F34714" s="7">
        <v>33420</v>
      </c>
      <c r="G34714" s="8">
        <v>9282600</v>
      </c>
      <c r="H34714" s="8">
        <v>3898692</v>
      </c>
      <c r="I34714" s="8">
        <v>5569560</v>
      </c>
      <c r="J34714" s="8">
        <v>3713040</v>
      </c>
      <c r="K34714" s="9"/>
      <c r="L34714" s="6"/>
    </row>
    <row r="34715" spans="1:12">
      <c r="A34715" s="6" t="s">
        <v>34825</v>
      </c>
      <c r="B34715" s="6"/>
      <c r="C34715" s="6" t="s">
        <v>32230</v>
      </c>
      <c r="D34715" s="6"/>
      <c r="E34715" s="6" t="s">
        <v>9</v>
      </c>
      <c r="F34715" s="7">
        <v>33420</v>
      </c>
      <c r="G34715" s="8">
        <v>8229600</v>
      </c>
      <c r="H34715" s="8">
        <v>3456432</v>
      </c>
      <c r="I34715" s="8">
        <v>4937760</v>
      </c>
      <c r="J34715" s="8">
        <v>3291840</v>
      </c>
      <c r="K34715" s="9"/>
      <c r="L34715" s="6"/>
    </row>
    <row r="34716" spans="1:12">
      <c r="A34716" s="6" t="s">
        <v>34826</v>
      </c>
      <c r="B34716" s="6"/>
      <c r="C34716" s="6" t="s">
        <v>32230</v>
      </c>
      <c r="D34716" s="6"/>
      <c r="E34716" s="6" t="s">
        <v>9</v>
      </c>
      <c r="F34716" s="7">
        <v>33786</v>
      </c>
      <c r="G34716" s="8">
        <v>2878200</v>
      </c>
      <c r="H34716" s="8">
        <v>1266408</v>
      </c>
      <c r="I34716" s="8">
        <v>1669356</v>
      </c>
      <c r="J34716" s="8">
        <v>1208844</v>
      </c>
      <c r="K34716" s="9"/>
      <c r="L34716" s="6"/>
    </row>
    <row r="34717" spans="1:12">
      <c r="A34717" s="6" t="s">
        <v>34827</v>
      </c>
      <c r="B34717" s="6"/>
      <c r="C34717" s="6" t="s">
        <v>32230</v>
      </c>
      <c r="D34717" s="6"/>
      <c r="E34717" s="6" t="s">
        <v>9</v>
      </c>
      <c r="F34717" s="7">
        <v>34142</v>
      </c>
      <c r="G34717" s="8">
        <v>3034800</v>
      </c>
      <c r="H34717" s="8">
        <v>1396008</v>
      </c>
      <c r="I34717" s="8">
        <v>1699488</v>
      </c>
      <c r="J34717" s="8">
        <v>1335312</v>
      </c>
      <c r="K34717" s="9"/>
      <c r="L34717" s="6"/>
    </row>
    <row r="34718" spans="1:12">
      <c r="A34718" s="6" t="s">
        <v>34828</v>
      </c>
      <c r="B34718" s="6"/>
      <c r="C34718" s="6" t="s">
        <v>32230</v>
      </c>
      <c r="D34718" s="6"/>
      <c r="E34718" s="6" t="s">
        <v>9</v>
      </c>
      <c r="F34718" s="7">
        <v>34758</v>
      </c>
      <c r="G34718" s="8">
        <v>10651500</v>
      </c>
      <c r="H34718" s="8">
        <v>5112720</v>
      </c>
      <c r="I34718" s="8">
        <v>5751810</v>
      </c>
      <c r="J34718" s="8">
        <v>4899690</v>
      </c>
      <c r="K34718" s="9"/>
      <c r="L34718" s="6"/>
    </row>
    <row r="34719" spans="1:12">
      <c r="A34719" s="6" t="s">
        <v>34829</v>
      </c>
      <c r="B34719" s="6"/>
      <c r="C34719" s="6" t="s">
        <v>32230</v>
      </c>
      <c r="D34719" s="6"/>
      <c r="E34719" s="6" t="s">
        <v>9</v>
      </c>
      <c r="F34719" s="7">
        <v>34758</v>
      </c>
      <c r="G34719" s="8">
        <v>22809600</v>
      </c>
      <c r="H34719" s="8">
        <v>10948608</v>
      </c>
      <c r="I34719" s="8">
        <v>12317184</v>
      </c>
      <c r="J34719" s="8">
        <v>10492416</v>
      </c>
      <c r="K34719" s="9"/>
      <c r="L34719" s="6"/>
    </row>
    <row r="34720" spans="1:12">
      <c r="A34720" s="6" t="s">
        <v>34830</v>
      </c>
      <c r="B34720" s="6"/>
      <c r="C34720" s="6" t="s">
        <v>32230</v>
      </c>
      <c r="D34720" s="6"/>
      <c r="E34720" s="6" t="s">
        <v>9</v>
      </c>
      <c r="F34720" s="7">
        <v>35153</v>
      </c>
      <c r="G34720" s="8">
        <v>19998900</v>
      </c>
      <c r="H34720" s="8">
        <v>9999450</v>
      </c>
      <c r="I34720" s="8">
        <v>10399428</v>
      </c>
      <c r="J34720" s="8">
        <v>9599472</v>
      </c>
      <c r="K34720" s="9"/>
      <c r="L34720" s="6"/>
    </row>
    <row r="34721" spans="1:12">
      <c r="A34721" s="6" t="s">
        <v>34831</v>
      </c>
      <c r="B34721" s="6"/>
      <c r="C34721" s="6" t="s">
        <v>32230</v>
      </c>
      <c r="D34721" s="6"/>
      <c r="E34721" s="6" t="s">
        <v>9</v>
      </c>
      <c r="F34721" s="7">
        <v>39169</v>
      </c>
      <c r="G34721" s="8">
        <v>38345400</v>
      </c>
      <c r="H34721" s="8">
        <v>27608688</v>
      </c>
      <c r="I34721" s="8">
        <v>11503620</v>
      </c>
      <c r="J34721" s="8">
        <v>26841780</v>
      </c>
      <c r="K34721" s="9"/>
      <c r="L34721" s="6"/>
    </row>
    <row r="34722" spans="1:12">
      <c r="A34722" s="6" t="s">
        <v>34832</v>
      </c>
      <c r="B34722" s="6"/>
      <c r="C34722" s="6" t="s">
        <v>32230</v>
      </c>
      <c r="D34722" s="6"/>
      <c r="E34722" s="6" t="s">
        <v>9</v>
      </c>
      <c r="F34722" s="7">
        <v>35153</v>
      </c>
      <c r="G34722" s="8">
        <v>11907000</v>
      </c>
      <c r="H34722" s="8">
        <v>5953500</v>
      </c>
      <c r="I34722" s="8">
        <v>6191640</v>
      </c>
      <c r="J34722" s="8">
        <v>5715360</v>
      </c>
      <c r="K34722" s="9"/>
      <c r="L34722" s="6"/>
    </row>
    <row r="34723" spans="1:12">
      <c r="A34723" s="6" t="s">
        <v>34833</v>
      </c>
      <c r="B34723" s="6"/>
      <c r="C34723" s="6" t="s">
        <v>32230</v>
      </c>
      <c r="D34723" s="6"/>
      <c r="E34723" s="6" t="s">
        <v>9</v>
      </c>
      <c r="F34723" s="7">
        <v>35153</v>
      </c>
      <c r="G34723" s="8">
        <v>6269400</v>
      </c>
      <c r="H34723" s="8">
        <v>3134700</v>
      </c>
      <c r="I34723" s="8">
        <v>3260088</v>
      </c>
      <c r="J34723" s="8">
        <v>3009312</v>
      </c>
      <c r="K34723" s="9"/>
      <c r="L34723" s="6"/>
    </row>
    <row r="34724" spans="1:12">
      <c r="A34724" s="6" t="s">
        <v>34834</v>
      </c>
      <c r="B34724" s="6"/>
      <c r="C34724" s="6" t="s">
        <v>32230</v>
      </c>
      <c r="D34724" s="6"/>
      <c r="E34724" s="6" t="s">
        <v>9</v>
      </c>
      <c r="F34724" s="7">
        <v>35611</v>
      </c>
      <c r="G34724" s="8">
        <v>15543900</v>
      </c>
      <c r="H34724" s="8">
        <v>8393706</v>
      </c>
      <c r="I34724" s="8">
        <v>7461072</v>
      </c>
      <c r="J34724" s="8">
        <v>8082828</v>
      </c>
      <c r="K34724" s="9"/>
      <c r="L34724" s="6"/>
    </row>
    <row r="34725" spans="1:12">
      <c r="A34725" s="6" t="s">
        <v>34835</v>
      </c>
      <c r="B34725" s="6"/>
      <c r="C34725" s="6" t="s">
        <v>32230</v>
      </c>
      <c r="D34725" s="6"/>
      <c r="E34725" s="6" t="s">
        <v>9</v>
      </c>
      <c r="F34725" s="7">
        <v>35977</v>
      </c>
      <c r="G34725" s="8">
        <v>6804000</v>
      </c>
      <c r="H34725" s="8">
        <v>3810240</v>
      </c>
      <c r="I34725" s="8">
        <v>3129840</v>
      </c>
      <c r="J34725" s="8">
        <v>3674160</v>
      </c>
      <c r="K34725" s="9"/>
      <c r="L34725" s="6"/>
    </row>
    <row r="34726" spans="1:12">
      <c r="A34726" s="6" t="s">
        <v>34836</v>
      </c>
      <c r="B34726" s="6"/>
      <c r="C34726" s="6" t="s">
        <v>32230</v>
      </c>
      <c r="D34726" s="6"/>
      <c r="E34726" s="6" t="s">
        <v>9</v>
      </c>
      <c r="F34726" s="7">
        <v>36697</v>
      </c>
      <c r="G34726" s="8">
        <v>18362700</v>
      </c>
      <c r="H34726" s="8">
        <v>11017620</v>
      </c>
      <c r="I34726" s="8">
        <v>7712334</v>
      </c>
      <c r="J34726" s="8">
        <v>10650366</v>
      </c>
      <c r="K34726" s="9"/>
      <c r="L34726" s="6"/>
    </row>
    <row r="34727" spans="1:12">
      <c r="A34727" s="6" t="s">
        <v>34837</v>
      </c>
      <c r="B34727" s="6"/>
      <c r="C34727" s="6" t="s">
        <v>32230</v>
      </c>
      <c r="D34727" s="6"/>
      <c r="E34727" s="6" t="s">
        <v>9</v>
      </c>
      <c r="F34727" s="7">
        <v>36697</v>
      </c>
      <c r="G34727" s="8">
        <v>708700</v>
      </c>
      <c r="H34727" s="8">
        <v>425220</v>
      </c>
      <c r="I34727" s="8">
        <v>297654</v>
      </c>
      <c r="J34727" s="8">
        <v>411046</v>
      </c>
      <c r="K34727" s="9"/>
      <c r="L34727" s="6"/>
    </row>
    <row r="34728" spans="1:12">
      <c r="A34728" s="6" t="s">
        <v>34838</v>
      </c>
      <c r="B34728" s="6"/>
      <c r="C34728" s="6" t="s">
        <v>32230</v>
      </c>
      <c r="D34728" s="6"/>
      <c r="E34728" s="6" t="s">
        <v>9</v>
      </c>
      <c r="F34728" s="7">
        <v>36697</v>
      </c>
      <c r="G34728" s="8">
        <v>1142100</v>
      </c>
      <c r="H34728" s="8">
        <v>685260</v>
      </c>
      <c r="I34728" s="8">
        <v>479682</v>
      </c>
      <c r="J34728" s="8">
        <v>662418</v>
      </c>
      <c r="K34728" s="9"/>
      <c r="L34728" s="6"/>
    </row>
    <row r="34729" spans="1:12">
      <c r="A34729" s="6" t="s">
        <v>34839</v>
      </c>
      <c r="B34729" s="6"/>
      <c r="C34729" s="6" t="s">
        <v>32230</v>
      </c>
      <c r="D34729" s="6"/>
      <c r="E34729" s="6" t="s">
        <v>9</v>
      </c>
      <c r="F34729" s="7">
        <v>36697</v>
      </c>
      <c r="G34729" s="8">
        <v>12344400</v>
      </c>
      <c r="H34729" s="8">
        <v>7406640</v>
      </c>
      <c r="I34729" s="8">
        <v>5184648</v>
      </c>
      <c r="J34729" s="8">
        <v>7159752</v>
      </c>
      <c r="K34729" s="9"/>
      <c r="L34729" s="6"/>
    </row>
    <row r="34730" spans="1:12">
      <c r="A34730" s="6" t="s">
        <v>34840</v>
      </c>
      <c r="B34730" s="6"/>
      <c r="C34730" s="6" t="s">
        <v>32230</v>
      </c>
      <c r="D34730" s="6"/>
      <c r="E34730" s="6" t="s">
        <v>9</v>
      </c>
      <c r="F34730" s="7">
        <v>36697</v>
      </c>
      <c r="G34730" s="8">
        <v>11850300</v>
      </c>
      <c r="H34730" s="8">
        <v>7110180</v>
      </c>
      <c r="I34730" s="8">
        <v>4977126</v>
      </c>
      <c r="J34730" s="8">
        <v>6873174</v>
      </c>
      <c r="K34730" s="9"/>
      <c r="L34730" s="6"/>
    </row>
    <row r="34731" spans="1:12">
      <c r="A34731" s="6" t="s">
        <v>34841</v>
      </c>
      <c r="B34731" s="6"/>
      <c r="C34731" s="6" t="s">
        <v>32230</v>
      </c>
      <c r="D34731" s="6"/>
      <c r="E34731" s="6" t="s">
        <v>9</v>
      </c>
      <c r="F34731" s="7">
        <v>37432</v>
      </c>
      <c r="G34731" s="8">
        <v>712500</v>
      </c>
      <c r="H34731" s="8">
        <v>456000</v>
      </c>
      <c r="I34731" s="8">
        <v>270750</v>
      </c>
      <c r="J34731" s="8">
        <v>441750</v>
      </c>
      <c r="K34731" s="9"/>
      <c r="L34731" s="6"/>
    </row>
    <row r="34732" spans="1:12">
      <c r="A34732" s="6" t="s">
        <v>34842</v>
      </c>
      <c r="B34732" s="6"/>
      <c r="C34732" s="6" t="s">
        <v>32230</v>
      </c>
      <c r="D34732" s="6"/>
      <c r="E34732" s="6" t="s">
        <v>9</v>
      </c>
      <c r="F34732" s="7">
        <v>37777</v>
      </c>
      <c r="G34732" s="8">
        <v>932900</v>
      </c>
      <c r="H34732" s="8">
        <v>615714</v>
      </c>
      <c r="I34732" s="8">
        <v>335844</v>
      </c>
      <c r="J34732" s="8">
        <v>597056</v>
      </c>
      <c r="K34732" s="9"/>
      <c r="L34732" s="6"/>
    </row>
    <row r="34733" spans="1:12">
      <c r="A34733" s="6" t="s">
        <v>34843</v>
      </c>
      <c r="B34733" s="6"/>
      <c r="C34733" s="6" t="s">
        <v>32230</v>
      </c>
      <c r="D34733" s="6"/>
      <c r="E34733" s="6" t="s">
        <v>9</v>
      </c>
      <c r="F34733" s="7">
        <v>38169</v>
      </c>
      <c r="G34733" s="8">
        <v>10521900</v>
      </c>
      <c r="H34733" s="8">
        <v>7154892</v>
      </c>
      <c r="I34733" s="8">
        <v>3577446</v>
      </c>
      <c r="J34733" s="8">
        <v>6944454</v>
      </c>
      <c r="K34733" s="9"/>
      <c r="L34733" s="6"/>
    </row>
    <row r="34734" spans="1:12">
      <c r="A34734" s="6" t="s">
        <v>34844</v>
      </c>
      <c r="B34734" s="6"/>
      <c r="C34734" s="6" t="s">
        <v>32230</v>
      </c>
      <c r="D34734" s="6"/>
      <c r="E34734" s="6" t="s">
        <v>9</v>
      </c>
      <c r="F34734" s="7">
        <v>37049</v>
      </c>
      <c r="G34734" s="8">
        <v>13551300</v>
      </c>
      <c r="H34734" s="8">
        <v>8401806</v>
      </c>
      <c r="I34734" s="8">
        <v>5420520</v>
      </c>
      <c r="J34734" s="8">
        <v>8130780</v>
      </c>
      <c r="K34734" s="9"/>
      <c r="L34734" s="6"/>
    </row>
    <row r="34735" spans="1:12">
      <c r="A34735" s="6" t="s">
        <v>33185</v>
      </c>
      <c r="B34735" s="6"/>
      <c r="C34735" s="6" t="s">
        <v>32230</v>
      </c>
      <c r="D34735" s="6"/>
      <c r="E34735" s="6" t="s">
        <v>9</v>
      </c>
      <c r="F34735" s="7"/>
      <c r="G34735" s="8">
        <v>1</v>
      </c>
      <c r="H34735" s="8">
        <v>1</v>
      </c>
      <c r="I34735" s="8">
        <v>0</v>
      </c>
      <c r="J34735" s="8">
        <v>1</v>
      </c>
      <c r="K34735" s="9"/>
      <c r="L34735" s="6"/>
    </row>
    <row r="34736" spans="1:12">
      <c r="A34736" s="6" t="s">
        <v>34845</v>
      </c>
      <c r="B34736" s="6"/>
      <c r="C34736" s="6" t="s">
        <v>32230</v>
      </c>
      <c r="D34736" s="6"/>
      <c r="E34736" s="6" t="s">
        <v>9</v>
      </c>
      <c r="F34736" s="7">
        <v>30270</v>
      </c>
      <c r="G34736" s="8">
        <v>11785500</v>
      </c>
      <c r="H34736" s="8">
        <v>2828520</v>
      </c>
      <c r="I34736" s="8">
        <v>9192690</v>
      </c>
      <c r="J34736" s="8">
        <v>2592810</v>
      </c>
      <c r="K34736" s="9"/>
      <c r="L34736" s="6"/>
    </row>
    <row r="34737" spans="1:12">
      <c r="A34737" s="6" t="s">
        <v>34846</v>
      </c>
      <c r="B34737" s="6"/>
      <c r="C34737" s="6" t="s">
        <v>32230</v>
      </c>
      <c r="D34737" s="6"/>
      <c r="E34737" s="6" t="s">
        <v>9</v>
      </c>
      <c r="F34737" s="7">
        <v>30270</v>
      </c>
      <c r="G34737" s="8">
        <v>39576600</v>
      </c>
      <c r="H34737" s="8">
        <v>9498384</v>
      </c>
      <c r="I34737" s="8">
        <v>30869748</v>
      </c>
      <c r="J34737" s="8">
        <v>8706852</v>
      </c>
      <c r="K34737" s="9"/>
      <c r="L34737" s="6"/>
    </row>
    <row r="34738" spans="1:12">
      <c r="A34738" s="6" t="s">
        <v>34847</v>
      </c>
      <c r="B34738" s="6"/>
      <c r="C34738" s="6" t="s">
        <v>32230</v>
      </c>
      <c r="D34738" s="6"/>
      <c r="E34738" s="6" t="s">
        <v>9</v>
      </c>
      <c r="F34738" s="7">
        <v>29495</v>
      </c>
      <c r="G34738" s="8">
        <v>139120800</v>
      </c>
      <c r="H34738" s="8">
        <v>44518680</v>
      </c>
      <c r="I34738" s="8">
        <v>96967173</v>
      </c>
      <c r="J34738" s="8">
        <v>42153627</v>
      </c>
      <c r="K34738" s="9"/>
      <c r="L34738" s="6"/>
    </row>
    <row r="34739" spans="1:12">
      <c r="A34739" s="6" t="s">
        <v>34848</v>
      </c>
      <c r="B34739" s="6"/>
      <c r="C34739" s="6" t="s">
        <v>32230</v>
      </c>
      <c r="D34739" s="6"/>
      <c r="E34739" s="6" t="s">
        <v>9</v>
      </c>
      <c r="F34739" s="7">
        <v>30270</v>
      </c>
      <c r="G34739" s="8">
        <v>1077300</v>
      </c>
      <c r="H34739" s="8">
        <v>258552</v>
      </c>
      <c r="I34739" s="8">
        <v>840294</v>
      </c>
      <c r="J34739" s="8">
        <v>237006</v>
      </c>
      <c r="K34739" s="9"/>
      <c r="L34739" s="6"/>
    </row>
    <row r="34740" spans="1:12">
      <c r="A34740" s="6" t="s">
        <v>34849</v>
      </c>
      <c r="B34740" s="6"/>
      <c r="C34740" s="6" t="s">
        <v>32230</v>
      </c>
      <c r="D34740" s="6"/>
      <c r="E34740" s="6" t="s">
        <v>9</v>
      </c>
      <c r="F34740" s="7">
        <v>30270</v>
      </c>
      <c r="G34740" s="8">
        <v>961400</v>
      </c>
      <c r="H34740" s="8">
        <v>230736</v>
      </c>
      <c r="I34740" s="8">
        <v>749892</v>
      </c>
      <c r="J34740" s="8">
        <v>211508</v>
      </c>
      <c r="K34740" s="9"/>
      <c r="L34740" s="6"/>
    </row>
    <row r="34741" spans="1:12">
      <c r="A34741" s="6" t="s">
        <v>34850</v>
      </c>
      <c r="B34741" s="6"/>
      <c r="C34741" s="6" t="s">
        <v>32230</v>
      </c>
      <c r="D34741" s="6"/>
      <c r="E34741" s="6" t="s">
        <v>9</v>
      </c>
      <c r="F34741" s="7">
        <v>30270</v>
      </c>
      <c r="G34741" s="8">
        <v>27891200</v>
      </c>
      <c r="H34741" s="8">
        <v>6693888</v>
      </c>
      <c r="I34741" s="8">
        <v>21755136</v>
      </c>
      <c r="J34741" s="8">
        <v>6136064</v>
      </c>
      <c r="K34741" s="9"/>
      <c r="L34741" s="6"/>
    </row>
    <row r="34742" spans="1:12">
      <c r="A34742" s="6" t="s">
        <v>34851</v>
      </c>
      <c r="B34742" s="6"/>
      <c r="C34742" s="6" t="s">
        <v>32230</v>
      </c>
      <c r="D34742" s="6"/>
      <c r="E34742" s="6" t="s">
        <v>9</v>
      </c>
      <c r="F34742" s="7">
        <v>30270</v>
      </c>
      <c r="G34742" s="8">
        <v>4913400</v>
      </c>
      <c r="H34742" s="8">
        <v>1179216</v>
      </c>
      <c r="I34742" s="8">
        <v>3832452</v>
      </c>
      <c r="J34742" s="8">
        <v>1080948</v>
      </c>
      <c r="K34742" s="9"/>
      <c r="L34742" s="6"/>
    </row>
    <row r="34743" spans="1:12">
      <c r="A34743" s="6" t="s">
        <v>34851</v>
      </c>
      <c r="B34743" s="6"/>
      <c r="C34743" s="6" t="s">
        <v>32230</v>
      </c>
      <c r="D34743" s="6"/>
      <c r="E34743" s="6"/>
      <c r="F34743" s="7"/>
      <c r="G34743" s="8">
        <v>988200</v>
      </c>
      <c r="H34743" s="8">
        <v>937803</v>
      </c>
      <c r="I34743" s="8">
        <v>67196</v>
      </c>
      <c r="J34743" s="8">
        <v>921004</v>
      </c>
      <c r="K34743" s="9"/>
      <c r="L34743" s="6"/>
    </row>
    <row r="34744" spans="1:12">
      <c r="A34744" s="6" t="s">
        <v>34852</v>
      </c>
      <c r="B34744" s="6"/>
      <c r="C34744" s="6" t="s">
        <v>32230</v>
      </c>
      <c r="D34744" s="6"/>
      <c r="E34744" s="6" t="s">
        <v>9</v>
      </c>
      <c r="F34744" s="7">
        <v>30270</v>
      </c>
      <c r="G34744" s="8">
        <v>3893100</v>
      </c>
      <c r="H34744" s="8">
        <v>934344</v>
      </c>
      <c r="I34744" s="8">
        <v>3036618</v>
      </c>
      <c r="J34744" s="8">
        <v>856482</v>
      </c>
      <c r="K34744" s="9"/>
      <c r="L34744" s="6"/>
    </row>
    <row r="34745" spans="1:12">
      <c r="A34745" s="6" t="s">
        <v>34853</v>
      </c>
      <c r="B34745" s="6"/>
      <c r="C34745" s="6" t="s">
        <v>32230</v>
      </c>
      <c r="D34745" s="6"/>
      <c r="E34745" s="6" t="s">
        <v>9</v>
      </c>
      <c r="F34745" s="7">
        <v>30270</v>
      </c>
      <c r="G34745" s="8">
        <v>1455400</v>
      </c>
      <c r="H34745" s="8">
        <v>349296</v>
      </c>
      <c r="I34745" s="8">
        <v>1135212</v>
      </c>
      <c r="J34745" s="8">
        <v>320188</v>
      </c>
      <c r="K34745" s="9"/>
      <c r="L34745" s="6"/>
    </row>
    <row r="34746" spans="1:12">
      <c r="A34746" s="6" t="s">
        <v>34854</v>
      </c>
      <c r="B34746" s="6"/>
      <c r="C34746" s="6" t="s">
        <v>32230</v>
      </c>
      <c r="D34746" s="6"/>
      <c r="E34746" s="6" t="s">
        <v>9</v>
      </c>
      <c r="F34746" s="7">
        <v>30270</v>
      </c>
      <c r="G34746" s="8">
        <v>3825900</v>
      </c>
      <c r="H34746" s="8">
        <v>918216</v>
      </c>
      <c r="I34746" s="8">
        <v>2984202</v>
      </c>
      <c r="J34746" s="8">
        <v>841698</v>
      </c>
      <c r="K34746" s="9"/>
      <c r="L34746" s="6"/>
    </row>
    <row r="34747" spans="1:12">
      <c r="A34747" s="6" t="s">
        <v>34855</v>
      </c>
      <c r="B34747" s="6"/>
      <c r="C34747" s="6" t="s">
        <v>32230</v>
      </c>
      <c r="D34747" s="6"/>
      <c r="E34747" s="6" t="s">
        <v>9</v>
      </c>
      <c r="F34747" s="7">
        <v>30270</v>
      </c>
      <c r="G34747" s="8">
        <v>38199600</v>
      </c>
      <c r="H34747" s="8">
        <v>9167904</v>
      </c>
      <c r="I34747" s="8">
        <v>29795688</v>
      </c>
      <c r="J34747" s="8">
        <v>8403912</v>
      </c>
      <c r="K34747" s="9"/>
      <c r="L34747" s="6"/>
    </row>
    <row r="34748" spans="1:12">
      <c r="A34748" s="6" t="s">
        <v>33185</v>
      </c>
      <c r="B34748" s="6"/>
      <c r="C34748" s="6" t="s">
        <v>32230</v>
      </c>
      <c r="D34748" s="6"/>
      <c r="E34748" s="6" t="s">
        <v>9</v>
      </c>
      <c r="F34748" s="7">
        <v>24198</v>
      </c>
      <c r="G34748" s="8">
        <v>10761660</v>
      </c>
      <c r="H34748" s="8">
        <v>882468</v>
      </c>
      <c r="I34748" s="8">
        <v>10062140</v>
      </c>
      <c r="J34748" s="8">
        <v>699520</v>
      </c>
      <c r="K34748" s="9"/>
      <c r="L34748" s="6"/>
    </row>
    <row r="34749" spans="1:12">
      <c r="A34749" s="6" t="s">
        <v>34856</v>
      </c>
      <c r="B34749" s="6"/>
      <c r="C34749" s="6" t="s">
        <v>32230</v>
      </c>
      <c r="D34749" s="6"/>
      <c r="E34749" s="6" t="s">
        <v>9</v>
      </c>
      <c r="F34749" s="7">
        <v>30270</v>
      </c>
      <c r="G34749" s="8">
        <v>1155200</v>
      </c>
      <c r="H34749" s="8">
        <v>277248</v>
      </c>
      <c r="I34749" s="8">
        <v>901056</v>
      </c>
      <c r="J34749" s="8">
        <v>254144</v>
      </c>
      <c r="K34749" s="9"/>
      <c r="L34749" s="6"/>
    </row>
    <row r="34750" spans="1:12">
      <c r="A34750" s="6" t="s">
        <v>34856</v>
      </c>
      <c r="B34750" s="6"/>
      <c r="C34750" s="6" t="s">
        <v>32230</v>
      </c>
      <c r="D34750" s="6"/>
      <c r="E34750" s="6"/>
      <c r="F34750" s="7"/>
      <c r="G34750" s="8">
        <v>810000</v>
      </c>
      <c r="H34750" s="8">
        <v>761400</v>
      </c>
      <c r="I34750" s="8">
        <v>64800</v>
      </c>
      <c r="J34750" s="8">
        <v>745200</v>
      </c>
      <c r="K34750" s="9"/>
      <c r="L34750" s="6"/>
    </row>
    <row r="34751" spans="1:12">
      <c r="A34751" s="6" t="s">
        <v>34857</v>
      </c>
      <c r="B34751" s="6"/>
      <c r="C34751" s="6" t="s">
        <v>32230</v>
      </c>
      <c r="D34751" s="6"/>
      <c r="E34751" s="6" t="s">
        <v>9</v>
      </c>
      <c r="F34751" s="7">
        <v>30270</v>
      </c>
      <c r="G34751" s="8">
        <v>4644000</v>
      </c>
      <c r="H34751" s="8">
        <v>1114560</v>
      </c>
      <c r="I34751" s="8">
        <v>3622320</v>
      </c>
      <c r="J34751" s="8">
        <v>1021680</v>
      </c>
      <c r="K34751" s="9"/>
      <c r="L34751" s="6"/>
    </row>
    <row r="34752" spans="1:12">
      <c r="A34752" s="6" t="s">
        <v>34857</v>
      </c>
      <c r="B34752" s="6"/>
      <c r="C34752" s="6" t="s">
        <v>32230</v>
      </c>
      <c r="D34752" s="6"/>
      <c r="E34752" s="6"/>
      <c r="F34752" s="7"/>
      <c r="G34752" s="8">
        <v>777600</v>
      </c>
      <c r="H34752" s="8">
        <v>730944</v>
      </c>
      <c r="I34752" s="8">
        <v>62208</v>
      </c>
      <c r="J34752" s="8">
        <v>715392</v>
      </c>
      <c r="K34752" s="9"/>
      <c r="L34752" s="6"/>
    </row>
    <row r="34753" spans="1:12">
      <c r="A34753" s="6" t="s">
        <v>34858</v>
      </c>
      <c r="B34753" s="6"/>
      <c r="C34753" s="6" t="s">
        <v>32230</v>
      </c>
      <c r="D34753" s="6"/>
      <c r="E34753" s="6" t="s">
        <v>9</v>
      </c>
      <c r="F34753" s="7">
        <v>30270</v>
      </c>
      <c r="G34753" s="8">
        <v>4039200</v>
      </c>
      <c r="H34753" s="8">
        <v>969408</v>
      </c>
      <c r="I34753" s="8">
        <v>3150576</v>
      </c>
      <c r="J34753" s="8">
        <v>888624</v>
      </c>
      <c r="K34753" s="9"/>
      <c r="L34753" s="6"/>
    </row>
    <row r="34754" spans="1:12">
      <c r="A34754" s="6" t="s">
        <v>34859</v>
      </c>
      <c r="B34754" s="6"/>
      <c r="C34754" s="6" t="s">
        <v>32230</v>
      </c>
      <c r="D34754" s="6"/>
      <c r="E34754" s="6" t="s">
        <v>9</v>
      </c>
      <c r="F34754" s="7">
        <v>30270</v>
      </c>
      <c r="G34754" s="8">
        <v>2713200</v>
      </c>
      <c r="H34754" s="8">
        <v>651168</v>
      </c>
      <c r="I34754" s="8">
        <v>2116296</v>
      </c>
      <c r="J34754" s="8">
        <v>596904</v>
      </c>
      <c r="K34754" s="9"/>
      <c r="L34754" s="6"/>
    </row>
    <row r="34755" spans="1:12">
      <c r="A34755" s="6" t="s">
        <v>34860</v>
      </c>
      <c r="B34755" s="6"/>
      <c r="C34755" s="6" t="s">
        <v>32230</v>
      </c>
      <c r="D34755" s="6"/>
      <c r="E34755" s="6" t="s">
        <v>9</v>
      </c>
      <c r="F34755" s="7">
        <v>30270</v>
      </c>
      <c r="G34755" s="8">
        <v>824600</v>
      </c>
      <c r="H34755" s="8">
        <v>197904</v>
      </c>
      <c r="I34755" s="8">
        <v>643188</v>
      </c>
      <c r="J34755" s="8">
        <v>181412</v>
      </c>
      <c r="K34755" s="9"/>
      <c r="L34755" s="6"/>
    </row>
    <row r="34756" spans="1:12">
      <c r="A34756" s="6" t="s">
        <v>34861</v>
      </c>
      <c r="B34756" s="6"/>
      <c r="C34756" s="6" t="s">
        <v>32230</v>
      </c>
      <c r="D34756" s="6"/>
      <c r="E34756" s="6" t="s">
        <v>9</v>
      </c>
      <c r="F34756" s="7">
        <v>30270</v>
      </c>
      <c r="G34756" s="8">
        <v>7041600</v>
      </c>
      <c r="H34756" s="8">
        <v>1689984</v>
      </c>
      <c r="I34756" s="8">
        <v>5492448</v>
      </c>
      <c r="J34756" s="8">
        <v>1549152</v>
      </c>
      <c r="K34756" s="9"/>
      <c r="L34756" s="6"/>
    </row>
    <row r="34757" spans="1:12">
      <c r="A34757" s="6" t="s">
        <v>34862</v>
      </c>
      <c r="B34757" s="6"/>
      <c r="C34757" s="6" t="s">
        <v>32230</v>
      </c>
      <c r="D34757" s="6"/>
      <c r="E34757" s="6" t="s">
        <v>9</v>
      </c>
      <c r="F34757" s="7">
        <v>30270</v>
      </c>
      <c r="G34757" s="8">
        <v>2152700</v>
      </c>
      <c r="H34757" s="8">
        <v>516648</v>
      </c>
      <c r="I34757" s="8">
        <v>1679106</v>
      </c>
      <c r="J34757" s="8">
        <v>473594</v>
      </c>
      <c r="K34757" s="9"/>
      <c r="L34757" s="6"/>
    </row>
    <row r="34758" spans="1:12">
      <c r="A34758" s="6" t="s">
        <v>34863</v>
      </c>
      <c r="B34758" s="6"/>
      <c r="C34758" s="6" t="s">
        <v>32230</v>
      </c>
      <c r="D34758" s="6"/>
      <c r="E34758" s="6" t="s">
        <v>9</v>
      </c>
      <c r="F34758" s="7">
        <v>30270</v>
      </c>
      <c r="G34758" s="8">
        <v>4487400</v>
      </c>
      <c r="H34758" s="8">
        <v>1076976</v>
      </c>
      <c r="I34758" s="8">
        <v>3500172</v>
      </c>
      <c r="J34758" s="8">
        <v>987228</v>
      </c>
      <c r="K34758" s="9"/>
      <c r="L34758" s="6"/>
    </row>
    <row r="34759" spans="1:12">
      <c r="A34759" s="6" t="s">
        <v>34864</v>
      </c>
      <c r="B34759" s="6"/>
      <c r="C34759" s="6" t="s">
        <v>32230</v>
      </c>
      <c r="D34759" s="6"/>
      <c r="E34759" s="6" t="s">
        <v>9</v>
      </c>
      <c r="F34759" s="7">
        <v>30270</v>
      </c>
      <c r="G34759" s="8">
        <v>2692300</v>
      </c>
      <c r="H34759" s="8">
        <v>646152</v>
      </c>
      <c r="I34759" s="8">
        <v>2099994</v>
      </c>
      <c r="J34759" s="8">
        <v>592306</v>
      </c>
      <c r="K34759" s="9"/>
      <c r="L34759" s="6"/>
    </row>
    <row r="34760" spans="1:12">
      <c r="A34760" s="6" t="s">
        <v>34865</v>
      </c>
      <c r="B34760" s="6"/>
      <c r="C34760" s="6" t="s">
        <v>32230</v>
      </c>
      <c r="D34760" s="6"/>
      <c r="E34760" s="6" t="s">
        <v>9</v>
      </c>
      <c r="F34760" s="7">
        <v>30270</v>
      </c>
      <c r="G34760" s="8">
        <v>1246400</v>
      </c>
      <c r="H34760" s="8">
        <v>299136</v>
      </c>
      <c r="I34760" s="8">
        <v>972192</v>
      </c>
      <c r="J34760" s="8">
        <v>274208</v>
      </c>
      <c r="K34760" s="9"/>
      <c r="L34760" s="6"/>
    </row>
    <row r="34761" spans="1:12">
      <c r="A34761" s="6" t="s">
        <v>34866</v>
      </c>
      <c r="B34761" s="6"/>
      <c r="C34761" s="6" t="s">
        <v>32230</v>
      </c>
      <c r="D34761" s="6"/>
      <c r="E34761" s="6" t="s">
        <v>9</v>
      </c>
      <c r="F34761" s="7">
        <v>30270</v>
      </c>
      <c r="G34761" s="8">
        <v>29413800</v>
      </c>
      <c r="H34761" s="8">
        <v>7059312</v>
      </c>
      <c r="I34761" s="8">
        <v>22942764</v>
      </c>
      <c r="J34761" s="8">
        <v>6471036</v>
      </c>
      <c r="K34761" s="9"/>
      <c r="L34761" s="6"/>
    </row>
    <row r="34762" spans="1:12">
      <c r="A34762" s="6" t="s">
        <v>33185</v>
      </c>
      <c r="B34762" s="6"/>
      <c r="C34762" s="6" t="s">
        <v>32230</v>
      </c>
      <c r="D34762" s="6"/>
      <c r="E34762" s="6" t="s">
        <v>9</v>
      </c>
      <c r="F34762" s="7">
        <v>26024</v>
      </c>
      <c r="G34762" s="8">
        <v>10395840</v>
      </c>
      <c r="H34762" s="8">
        <v>1736119</v>
      </c>
      <c r="I34762" s="8">
        <v>8836450</v>
      </c>
      <c r="J34762" s="8">
        <v>1559390</v>
      </c>
      <c r="K34762" s="9"/>
      <c r="L34762" s="6"/>
    </row>
    <row r="34763" spans="1:12">
      <c r="A34763" s="6" t="s">
        <v>34867</v>
      </c>
      <c r="B34763" s="6"/>
      <c r="C34763" s="6" t="s">
        <v>32230</v>
      </c>
      <c r="D34763" s="6"/>
      <c r="E34763" s="6" t="s">
        <v>9</v>
      </c>
      <c r="F34763" s="7">
        <v>30270</v>
      </c>
      <c r="G34763" s="8">
        <v>7751700</v>
      </c>
      <c r="H34763" s="8">
        <v>1860408</v>
      </c>
      <c r="I34763" s="8">
        <v>6046326</v>
      </c>
      <c r="J34763" s="8">
        <v>1705374</v>
      </c>
      <c r="K34763" s="9"/>
      <c r="L34763" s="6"/>
    </row>
    <row r="34764" spans="1:12">
      <c r="A34764" s="6" t="s">
        <v>34867</v>
      </c>
      <c r="B34764" s="6"/>
      <c r="C34764" s="6" t="s">
        <v>32230</v>
      </c>
      <c r="D34764" s="6"/>
      <c r="E34764" s="6"/>
      <c r="F34764" s="7">
        <v>43922</v>
      </c>
      <c r="G34764" s="8">
        <v>775500</v>
      </c>
      <c r="H34764" s="8">
        <v>775500</v>
      </c>
      <c r="I34764" s="8">
        <v>15510</v>
      </c>
      <c r="J34764" s="8">
        <v>759990</v>
      </c>
      <c r="K34764" s="9"/>
      <c r="L34764" s="6"/>
    </row>
    <row r="34765" spans="1:12">
      <c r="A34765" s="6" t="s">
        <v>34868</v>
      </c>
      <c r="B34765" s="6"/>
      <c r="C34765" s="6" t="s">
        <v>32230</v>
      </c>
      <c r="D34765" s="6"/>
      <c r="E34765" s="6" t="s">
        <v>9</v>
      </c>
      <c r="F34765" s="7">
        <v>30270</v>
      </c>
      <c r="G34765" s="8">
        <v>1717600</v>
      </c>
      <c r="H34765" s="8">
        <v>412224</v>
      </c>
      <c r="I34765" s="8">
        <v>1339728</v>
      </c>
      <c r="J34765" s="8">
        <v>377872</v>
      </c>
      <c r="K34765" s="9"/>
      <c r="L34765" s="6"/>
    </row>
    <row r="34766" spans="1:12">
      <c r="A34766" s="6" t="s">
        <v>34869</v>
      </c>
      <c r="B34766" s="6"/>
      <c r="C34766" s="6" t="s">
        <v>32230</v>
      </c>
      <c r="D34766" s="6"/>
      <c r="E34766" s="6" t="s">
        <v>9</v>
      </c>
      <c r="F34766" s="7">
        <v>30270</v>
      </c>
      <c r="G34766" s="8">
        <v>7970400</v>
      </c>
      <c r="H34766" s="8">
        <v>1912896</v>
      </c>
      <c r="I34766" s="8">
        <v>6216912</v>
      </c>
      <c r="J34766" s="8">
        <v>1753488</v>
      </c>
      <c r="K34766" s="9"/>
      <c r="L34766" s="6"/>
    </row>
    <row r="34767" spans="1:12">
      <c r="A34767" s="6" t="s">
        <v>34870</v>
      </c>
      <c r="B34767" s="6"/>
      <c r="C34767" s="6" t="s">
        <v>32230</v>
      </c>
      <c r="D34767" s="6"/>
      <c r="E34767" s="6" t="s">
        <v>9</v>
      </c>
      <c r="F34767" s="7">
        <v>43475</v>
      </c>
      <c r="G34767" s="8">
        <v>48600</v>
      </c>
      <c r="H34767" s="8">
        <v>46170</v>
      </c>
      <c r="I34767" s="8">
        <v>3645</v>
      </c>
      <c r="J34767" s="8">
        <v>44955</v>
      </c>
      <c r="K34767" s="9"/>
      <c r="L34767" s="6"/>
    </row>
    <row r="34768" spans="1:12">
      <c r="A34768" s="6" t="s">
        <v>34871</v>
      </c>
      <c r="B34768" s="6"/>
      <c r="C34768" s="6" t="s">
        <v>32230</v>
      </c>
      <c r="D34768" s="6"/>
      <c r="E34768" s="6" t="s">
        <v>9</v>
      </c>
      <c r="F34768" s="7">
        <v>30270</v>
      </c>
      <c r="G34768" s="8">
        <v>22923000</v>
      </c>
      <c r="H34768" s="8">
        <v>5501520</v>
      </c>
      <c r="I34768" s="8">
        <v>17879940</v>
      </c>
      <c r="J34768" s="8">
        <v>5043060</v>
      </c>
      <c r="K34768" s="9"/>
      <c r="L34768" s="6"/>
    </row>
    <row r="34769" spans="1:12">
      <c r="A34769" s="6" t="s">
        <v>34872</v>
      </c>
      <c r="B34769" s="6"/>
      <c r="C34769" s="6" t="s">
        <v>32230</v>
      </c>
      <c r="D34769" s="6"/>
      <c r="E34769" s="6" t="s">
        <v>9</v>
      </c>
      <c r="F34769" s="7">
        <v>30270</v>
      </c>
      <c r="G34769" s="8">
        <v>3537000</v>
      </c>
      <c r="H34769" s="8">
        <v>848880</v>
      </c>
      <c r="I34769" s="8">
        <v>2758860</v>
      </c>
      <c r="J34769" s="8">
        <v>778140</v>
      </c>
      <c r="K34769" s="9"/>
      <c r="L34769" s="6"/>
    </row>
    <row r="34770" spans="1:12">
      <c r="A34770" s="6" t="s">
        <v>33185</v>
      </c>
      <c r="B34770" s="6"/>
      <c r="C34770" s="6" t="s">
        <v>32230</v>
      </c>
      <c r="D34770" s="6"/>
      <c r="E34770" s="6" t="s">
        <v>9</v>
      </c>
      <c r="F34770" s="7">
        <v>11780</v>
      </c>
      <c r="G34770" s="8">
        <v>7261800</v>
      </c>
      <c r="H34770" s="8">
        <v>1</v>
      </c>
      <c r="I34770" s="8">
        <v>7261799</v>
      </c>
      <c r="J34770" s="8">
        <v>1</v>
      </c>
      <c r="K34770" s="9"/>
      <c r="L34770" s="6"/>
    </row>
    <row r="34771" spans="1:12">
      <c r="A34771" s="6" t="s">
        <v>34873</v>
      </c>
      <c r="B34771" s="6"/>
      <c r="C34771" s="6" t="s">
        <v>32230</v>
      </c>
      <c r="D34771" s="6"/>
      <c r="E34771" s="6" t="s">
        <v>9</v>
      </c>
      <c r="F34771" s="7">
        <v>30270</v>
      </c>
      <c r="G34771" s="8">
        <v>1615000</v>
      </c>
      <c r="H34771" s="8">
        <v>387600</v>
      </c>
      <c r="I34771" s="8">
        <v>1259700</v>
      </c>
      <c r="J34771" s="8">
        <v>355300</v>
      </c>
      <c r="K34771" s="9"/>
      <c r="L34771" s="6"/>
    </row>
    <row r="34772" spans="1:12">
      <c r="A34772" s="6" t="s">
        <v>34874</v>
      </c>
      <c r="B34772" s="6"/>
      <c r="C34772" s="6" t="s">
        <v>32230</v>
      </c>
      <c r="D34772" s="6"/>
      <c r="E34772" s="6" t="s">
        <v>9</v>
      </c>
      <c r="F34772" s="7">
        <v>30270</v>
      </c>
      <c r="G34772" s="8">
        <v>3427600</v>
      </c>
      <c r="H34772" s="8">
        <v>822624</v>
      </c>
      <c r="I34772" s="8">
        <v>2673528</v>
      </c>
      <c r="J34772" s="8">
        <v>754072</v>
      </c>
      <c r="K34772" s="9"/>
      <c r="L34772" s="6"/>
    </row>
    <row r="34773" spans="1:12">
      <c r="A34773" s="6" t="s">
        <v>34875</v>
      </c>
      <c r="B34773" s="6"/>
      <c r="C34773" s="6" t="s">
        <v>32230</v>
      </c>
      <c r="D34773" s="6"/>
      <c r="E34773" s="6" t="s">
        <v>9</v>
      </c>
      <c r="F34773" s="7">
        <v>30270</v>
      </c>
      <c r="G34773" s="8">
        <v>3194100</v>
      </c>
      <c r="H34773" s="8">
        <v>766584</v>
      </c>
      <c r="I34773" s="8">
        <v>2491398</v>
      </c>
      <c r="J34773" s="8">
        <v>702702</v>
      </c>
      <c r="K34773" s="9"/>
      <c r="L34773" s="6"/>
    </row>
    <row r="34774" spans="1:12">
      <c r="A34774" s="6" t="s">
        <v>34876</v>
      </c>
      <c r="B34774" s="6"/>
      <c r="C34774" s="6" t="s">
        <v>32230</v>
      </c>
      <c r="D34774" s="6"/>
      <c r="E34774" s="6" t="s">
        <v>9</v>
      </c>
      <c r="F34774" s="7">
        <v>30270</v>
      </c>
      <c r="G34774" s="8">
        <v>1065900</v>
      </c>
      <c r="H34774" s="8">
        <v>255816</v>
      </c>
      <c r="I34774" s="8">
        <v>831402</v>
      </c>
      <c r="J34774" s="8">
        <v>234498</v>
      </c>
      <c r="K34774" s="9"/>
      <c r="L34774" s="6"/>
    </row>
    <row r="34775" spans="1:12">
      <c r="A34775" s="6" t="s">
        <v>33185</v>
      </c>
      <c r="B34775" s="6"/>
      <c r="C34775" s="6" t="s">
        <v>32230</v>
      </c>
      <c r="D34775" s="6"/>
      <c r="E34775" s="6" t="s">
        <v>9</v>
      </c>
      <c r="F34775" s="7">
        <v>11780</v>
      </c>
      <c r="G34775" s="8">
        <v>6497400</v>
      </c>
      <c r="H34775" s="8">
        <v>1</v>
      </c>
      <c r="I34775" s="8">
        <v>6497399</v>
      </c>
      <c r="J34775" s="8">
        <v>1</v>
      </c>
      <c r="K34775" s="9"/>
      <c r="L34775" s="6"/>
    </row>
    <row r="34776" spans="1:12">
      <c r="A34776" s="6" t="s">
        <v>34877</v>
      </c>
      <c r="B34776" s="6"/>
      <c r="C34776" s="6" t="s">
        <v>32230</v>
      </c>
      <c r="D34776" s="6"/>
      <c r="E34776" s="6" t="s">
        <v>9</v>
      </c>
      <c r="F34776" s="7">
        <v>30270</v>
      </c>
      <c r="G34776" s="8">
        <v>11153700</v>
      </c>
      <c r="H34776" s="8">
        <v>2676888</v>
      </c>
      <c r="I34776" s="8">
        <v>8699886</v>
      </c>
      <c r="J34776" s="8">
        <v>2453814</v>
      </c>
      <c r="K34776" s="9"/>
      <c r="L34776" s="6"/>
    </row>
    <row r="34777" spans="1:12">
      <c r="A34777" s="6" t="s">
        <v>34878</v>
      </c>
      <c r="B34777" s="6"/>
      <c r="C34777" s="6" t="s">
        <v>32230</v>
      </c>
      <c r="D34777" s="6"/>
      <c r="E34777" s="6" t="s">
        <v>9</v>
      </c>
      <c r="F34777" s="7">
        <v>42578</v>
      </c>
      <c r="G34777" s="8">
        <v>4816800</v>
      </c>
      <c r="H34777" s="8">
        <v>4431456</v>
      </c>
      <c r="I34777" s="8">
        <v>481680</v>
      </c>
      <c r="J34777" s="8">
        <v>4335120</v>
      </c>
      <c r="K34777" s="9"/>
      <c r="L34777" s="6"/>
    </row>
    <row r="34778" spans="1:12">
      <c r="A34778" s="6" t="s">
        <v>34879</v>
      </c>
      <c r="B34778" s="6"/>
      <c r="C34778" s="6" t="s">
        <v>32230</v>
      </c>
      <c r="D34778" s="6"/>
      <c r="E34778" s="6" t="s">
        <v>9</v>
      </c>
      <c r="F34778" s="7">
        <v>30270</v>
      </c>
      <c r="G34778" s="8">
        <v>1717200</v>
      </c>
      <c r="H34778" s="8">
        <v>412128</v>
      </c>
      <c r="I34778" s="8">
        <v>1339416</v>
      </c>
      <c r="J34778" s="8">
        <v>377784</v>
      </c>
      <c r="K34778" s="9"/>
      <c r="L34778" s="6"/>
    </row>
    <row r="34779" spans="1:12">
      <c r="A34779" s="6" t="s">
        <v>34880</v>
      </c>
      <c r="B34779" s="6"/>
      <c r="C34779" s="6" t="s">
        <v>32230</v>
      </c>
      <c r="D34779" s="6"/>
      <c r="E34779" s="6" t="s">
        <v>9</v>
      </c>
      <c r="F34779" s="7">
        <v>30270</v>
      </c>
      <c r="G34779" s="8">
        <v>399000</v>
      </c>
      <c r="H34779" s="8">
        <v>95760</v>
      </c>
      <c r="I34779" s="8">
        <v>311220</v>
      </c>
      <c r="J34779" s="8">
        <v>87780</v>
      </c>
      <c r="K34779" s="9"/>
      <c r="L34779" s="6"/>
    </row>
    <row r="34780" spans="1:12">
      <c r="A34780" s="6" t="s">
        <v>34881</v>
      </c>
      <c r="B34780" s="6"/>
      <c r="C34780" s="6" t="s">
        <v>32230</v>
      </c>
      <c r="D34780" s="6"/>
      <c r="E34780" s="6" t="s">
        <v>9</v>
      </c>
      <c r="F34780" s="7">
        <v>30270</v>
      </c>
      <c r="G34780" s="8">
        <v>10305900</v>
      </c>
      <c r="H34780" s="8">
        <v>2473416</v>
      </c>
      <c r="I34780" s="8">
        <v>8038602</v>
      </c>
      <c r="J34780" s="8">
        <v>2267298</v>
      </c>
      <c r="K34780" s="9"/>
      <c r="L34780" s="6"/>
    </row>
    <row r="34781" spans="1:12">
      <c r="A34781" s="6" t="s">
        <v>34882</v>
      </c>
      <c r="B34781" s="6"/>
      <c r="C34781" s="6" t="s">
        <v>32230</v>
      </c>
      <c r="D34781" s="6"/>
      <c r="E34781" s="6" t="s">
        <v>9</v>
      </c>
      <c r="F34781" s="7">
        <v>32495</v>
      </c>
      <c r="G34781" s="8">
        <v>62086500</v>
      </c>
      <c r="H34781" s="8">
        <v>22351140</v>
      </c>
      <c r="I34781" s="8">
        <v>40977090</v>
      </c>
      <c r="J34781" s="8">
        <v>21109410</v>
      </c>
      <c r="K34781" s="9"/>
      <c r="L34781" s="6"/>
    </row>
    <row r="34782" spans="1:12">
      <c r="A34782" s="6" t="s">
        <v>34883</v>
      </c>
      <c r="B34782" s="6"/>
      <c r="C34782" s="6" t="s">
        <v>32230</v>
      </c>
      <c r="D34782" s="6"/>
      <c r="E34782" s="6" t="s">
        <v>9</v>
      </c>
      <c r="F34782" s="7">
        <v>30270</v>
      </c>
      <c r="G34782" s="8">
        <v>13851000</v>
      </c>
      <c r="H34782" s="8">
        <v>3324240</v>
      </c>
      <c r="I34782" s="8">
        <v>10803780</v>
      </c>
      <c r="J34782" s="8">
        <v>3047220</v>
      </c>
      <c r="K34782" s="9"/>
      <c r="L34782" s="6"/>
    </row>
    <row r="34783" spans="1:12">
      <c r="A34783" s="6" t="s">
        <v>34884</v>
      </c>
      <c r="B34783" s="6"/>
      <c r="C34783" s="6" t="s">
        <v>32230</v>
      </c>
      <c r="D34783" s="6"/>
      <c r="E34783" s="6" t="s">
        <v>9</v>
      </c>
      <c r="F34783" s="7">
        <v>30270</v>
      </c>
      <c r="G34783" s="8">
        <v>7967700</v>
      </c>
      <c r="H34783" s="8">
        <v>1912248</v>
      </c>
      <c r="I34783" s="8">
        <v>6214806</v>
      </c>
      <c r="J34783" s="8">
        <v>1752894</v>
      </c>
      <c r="K34783" s="9"/>
      <c r="L34783" s="6"/>
    </row>
    <row r="34784" spans="1:12">
      <c r="A34784" s="6" t="s">
        <v>34885</v>
      </c>
      <c r="B34784" s="6"/>
      <c r="C34784" s="6" t="s">
        <v>32230</v>
      </c>
      <c r="D34784" s="6"/>
      <c r="E34784" s="6" t="s">
        <v>9</v>
      </c>
      <c r="F34784" s="7">
        <v>30270</v>
      </c>
      <c r="G34784" s="8">
        <v>4522000</v>
      </c>
      <c r="H34784" s="8">
        <v>1085280</v>
      </c>
      <c r="I34784" s="8">
        <v>3527160</v>
      </c>
      <c r="J34784" s="8">
        <v>994840</v>
      </c>
      <c r="K34784" s="9"/>
      <c r="L34784" s="6"/>
    </row>
    <row r="34785" spans="1:12">
      <c r="A34785" s="6" t="s">
        <v>34885</v>
      </c>
      <c r="B34785" s="6"/>
      <c r="C34785" s="6" t="s">
        <v>32230</v>
      </c>
      <c r="D34785" s="6"/>
      <c r="E34785" s="6"/>
      <c r="F34785" s="7"/>
      <c r="G34785" s="8">
        <v>2831760</v>
      </c>
      <c r="H34785" s="8">
        <v>2661855</v>
      </c>
      <c r="I34785" s="8">
        <v>226540</v>
      </c>
      <c r="J34785" s="8">
        <v>2605220</v>
      </c>
      <c r="K34785" s="9"/>
      <c r="L34785" s="6"/>
    </row>
    <row r="34786" spans="1:12">
      <c r="A34786" s="6" t="s">
        <v>34886</v>
      </c>
      <c r="B34786" s="6"/>
      <c r="C34786" s="6" t="s">
        <v>32230</v>
      </c>
      <c r="D34786" s="6"/>
      <c r="E34786" s="6" t="s">
        <v>9</v>
      </c>
      <c r="F34786" s="7">
        <v>30270</v>
      </c>
      <c r="G34786" s="8">
        <v>74625300</v>
      </c>
      <c r="H34786" s="8">
        <v>17910072</v>
      </c>
      <c r="I34786" s="8">
        <v>58207734</v>
      </c>
      <c r="J34786" s="8">
        <v>16417566</v>
      </c>
      <c r="K34786" s="9"/>
      <c r="L34786" s="6"/>
    </row>
    <row r="34787" spans="1:12">
      <c r="A34787" s="6" t="s">
        <v>34887</v>
      </c>
      <c r="B34787" s="6"/>
      <c r="C34787" s="6" t="s">
        <v>32230</v>
      </c>
      <c r="D34787" s="6"/>
      <c r="E34787" s="6" t="s">
        <v>9</v>
      </c>
      <c r="F34787" s="7">
        <v>30270</v>
      </c>
      <c r="G34787" s="8">
        <v>6191100</v>
      </c>
      <c r="H34787" s="8">
        <v>1485864</v>
      </c>
      <c r="I34787" s="8">
        <v>4829058</v>
      </c>
      <c r="J34787" s="8">
        <v>1362042</v>
      </c>
      <c r="K34787" s="9"/>
      <c r="L34787" s="6"/>
    </row>
    <row r="34788" spans="1:12">
      <c r="A34788" s="6" t="s">
        <v>34888</v>
      </c>
      <c r="B34788" s="6"/>
      <c r="C34788" s="6" t="s">
        <v>32230</v>
      </c>
      <c r="D34788" s="6"/>
      <c r="E34788" s="6" t="s">
        <v>9</v>
      </c>
      <c r="F34788" s="7">
        <v>30270</v>
      </c>
      <c r="G34788" s="8">
        <v>606100</v>
      </c>
      <c r="H34788" s="8">
        <v>145464</v>
      </c>
      <c r="I34788" s="8">
        <v>472758</v>
      </c>
      <c r="J34788" s="8">
        <v>133342</v>
      </c>
      <c r="K34788" s="9"/>
      <c r="L34788" s="6"/>
    </row>
    <row r="34789" spans="1:12">
      <c r="A34789" s="6" t="s">
        <v>34889</v>
      </c>
      <c r="B34789" s="6"/>
      <c r="C34789" s="6" t="s">
        <v>32230</v>
      </c>
      <c r="D34789" s="6"/>
      <c r="E34789" s="6" t="s">
        <v>9</v>
      </c>
      <c r="F34789" s="7">
        <v>30270</v>
      </c>
      <c r="G34789" s="8">
        <v>68663700</v>
      </c>
      <c r="H34789" s="8">
        <v>16479288</v>
      </c>
      <c r="I34789" s="8">
        <v>53557686</v>
      </c>
      <c r="J34789" s="8">
        <v>15106014</v>
      </c>
      <c r="K34789" s="9"/>
      <c r="L34789" s="6"/>
    </row>
    <row r="34790" spans="1:12">
      <c r="A34790" s="6" t="s">
        <v>34890</v>
      </c>
      <c r="B34790" s="6"/>
      <c r="C34790" s="6" t="s">
        <v>32230</v>
      </c>
      <c r="D34790" s="6"/>
      <c r="E34790" s="6" t="s">
        <v>9</v>
      </c>
      <c r="F34790" s="7">
        <v>30270</v>
      </c>
      <c r="G34790" s="8">
        <v>22688100</v>
      </c>
      <c r="H34790" s="8">
        <v>5445144</v>
      </c>
      <c r="I34790" s="8">
        <v>17696718</v>
      </c>
      <c r="J34790" s="8">
        <v>4991382</v>
      </c>
      <c r="K34790" s="9"/>
      <c r="L34790" s="6"/>
    </row>
    <row r="34791" spans="1:12">
      <c r="A34791" s="6" t="s">
        <v>33185</v>
      </c>
      <c r="B34791" s="6"/>
      <c r="C34791" s="6" t="s">
        <v>32230</v>
      </c>
      <c r="D34791" s="6"/>
      <c r="E34791" s="6" t="s">
        <v>9</v>
      </c>
      <c r="F34791" s="7"/>
      <c r="G34791" s="8">
        <v>1</v>
      </c>
      <c r="H34791" s="8">
        <v>1</v>
      </c>
      <c r="I34791" s="8">
        <v>0</v>
      </c>
      <c r="J34791" s="8">
        <v>1</v>
      </c>
      <c r="K34791" s="9"/>
      <c r="L34791" s="6"/>
    </row>
    <row r="34792" spans="1:12">
      <c r="A34792" s="6" t="s">
        <v>34891</v>
      </c>
      <c r="B34792" s="6"/>
      <c r="C34792" s="6" t="s">
        <v>32230</v>
      </c>
      <c r="D34792" s="6"/>
      <c r="E34792" s="6" t="s">
        <v>9</v>
      </c>
      <c r="F34792" s="7">
        <v>43074</v>
      </c>
      <c r="G34792" s="8">
        <v>98280</v>
      </c>
      <c r="H34792" s="8">
        <v>88257</v>
      </c>
      <c r="I34792" s="8">
        <v>13364</v>
      </c>
      <c r="J34792" s="8">
        <v>84916</v>
      </c>
      <c r="K34792" s="9"/>
      <c r="L34792" s="6"/>
    </row>
    <row r="34793" spans="1:12">
      <c r="A34793" s="6" t="s">
        <v>34892</v>
      </c>
      <c r="B34793" s="6"/>
      <c r="C34793" s="6" t="s">
        <v>32230</v>
      </c>
      <c r="D34793" s="6"/>
      <c r="E34793" s="6" t="s">
        <v>9</v>
      </c>
      <c r="F34793" s="7">
        <v>30270</v>
      </c>
      <c r="G34793" s="8">
        <v>723900</v>
      </c>
      <c r="H34793" s="8">
        <v>173736</v>
      </c>
      <c r="I34793" s="8">
        <v>564642</v>
      </c>
      <c r="J34793" s="8">
        <v>159258</v>
      </c>
      <c r="K34793" s="9"/>
      <c r="L34793" s="6"/>
    </row>
    <row r="34794" spans="1:12">
      <c r="A34794" s="6" t="s">
        <v>34893</v>
      </c>
      <c r="B34794" s="6"/>
      <c r="C34794" s="6" t="s">
        <v>32230</v>
      </c>
      <c r="D34794" s="6"/>
      <c r="E34794" s="6" t="s">
        <v>9</v>
      </c>
      <c r="F34794" s="7">
        <v>30270</v>
      </c>
      <c r="G34794" s="8">
        <v>7244100</v>
      </c>
      <c r="H34794" s="8">
        <v>1738584</v>
      </c>
      <c r="I34794" s="8">
        <v>5650398</v>
      </c>
      <c r="J34794" s="8">
        <v>1593702</v>
      </c>
      <c r="K34794" s="9"/>
      <c r="L34794" s="6"/>
    </row>
    <row r="34795" spans="1:12">
      <c r="A34795" s="6" t="s">
        <v>34894</v>
      </c>
      <c r="B34795" s="6"/>
      <c r="C34795" s="6" t="s">
        <v>32230</v>
      </c>
      <c r="D34795" s="6"/>
      <c r="E34795" s="6" t="s">
        <v>9</v>
      </c>
      <c r="F34795" s="7">
        <v>30270</v>
      </c>
      <c r="G34795" s="8">
        <v>6655500</v>
      </c>
      <c r="H34795" s="8">
        <v>1597320</v>
      </c>
      <c r="I34795" s="8">
        <v>5191290</v>
      </c>
      <c r="J34795" s="8">
        <v>1464210</v>
      </c>
      <c r="K34795" s="9"/>
      <c r="L34795" s="6"/>
    </row>
    <row r="34796" spans="1:12">
      <c r="A34796" s="6" t="s">
        <v>34895</v>
      </c>
      <c r="B34796" s="6"/>
      <c r="C34796" s="6" t="s">
        <v>32230</v>
      </c>
      <c r="D34796" s="6"/>
      <c r="E34796" s="6" t="s">
        <v>9</v>
      </c>
      <c r="F34796" s="7">
        <v>30270</v>
      </c>
      <c r="G34796" s="8">
        <v>6299100</v>
      </c>
      <c r="H34796" s="8">
        <v>1511784</v>
      </c>
      <c r="I34796" s="8">
        <v>4913298</v>
      </c>
      <c r="J34796" s="8">
        <v>1385802</v>
      </c>
      <c r="K34796" s="9"/>
      <c r="L34796" s="6"/>
    </row>
    <row r="34797" spans="1:12">
      <c r="A34797" s="6" t="s">
        <v>34896</v>
      </c>
      <c r="B34797" s="6"/>
      <c r="C34797" s="6" t="s">
        <v>32230</v>
      </c>
      <c r="D34797" s="6"/>
      <c r="E34797" s="6" t="s">
        <v>9</v>
      </c>
      <c r="F34797" s="7">
        <v>30270</v>
      </c>
      <c r="G34797" s="8">
        <v>1979800</v>
      </c>
      <c r="H34797" s="8">
        <v>475152</v>
      </c>
      <c r="I34797" s="8">
        <v>1544244</v>
      </c>
      <c r="J34797" s="8">
        <v>435556</v>
      </c>
      <c r="K34797" s="9"/>
      <c r="L34797" s="6"/>
    </row>
    <row r="34798" spans="1:12">
      <c r="A34798" s="6" t="s">
        <v>34897</v>
      </c>
      <c r="B34798" s="6"/>
      <c r="C34798" s="6" t="s">
        <v>32230</v>
      </c>
      <c r="D34798" s="6"/>
      <c r="E34798" s="6" t="s">
        <v>9</v>
      </c>
      <c r="F34798" s="7">
        <v>30270</v>
      </c>
      <c r="G34798" s="8">
        <v>134208000</v>
      </c>
      <c r="H34798" s="8">
        <v>32209920</v>
      </c>
      <c r="I34798" s="8">
        <v>104682240</v>
      </c>
      <c r="J34798" s="8">
        <v>29525760</v>
      </c>
      <c r="K34798" s="9"/>
      <c r="L34798" s="6"/>
    </row>
    <row r="34799" spans="1:12">
      <c r="A34799" s="6" t="s">
        <v>34897</v>
      </c>
      <c r="B34799" s="6"/>
      <c r="C34799" s="6" t="s">
        <v>32230</v>
      </c>
      <c r="D34799" s="6"/>
      <c r="E34799" s="6"/>
      <c r="F34799" s="7"/>
      <c r="G34799" s="8">
        <v>3930000</v>
      </c>
      <c r="H34799" s="8">
        <v>3851400</v>
      </c>
      <c r="I34799" s="8">
        <v>157200</v>
      </c>
      <c r="J34799" s="8">
        <v>3772800</v>
      </c>
      <c r="K34799" s="9"/>
      <c r="L34799" s="6"/>
    </row>
    <row r="34800" spans="1:12">
      <c r="A34800" s="6" t="s">
        <v>34897</v>
      </c>
      <c r="B34800" s="6"/>
      <c r="C34800" s="6" t="s">
        <v>32230</v>
      </c>
      <c r="D34800" s="6"/>
      <c r="E34800" s="6"/>
      <c r="F34800" s="7"/>
      <c r="G34800" s="8">
        <v>5928200</v>
      </c>
      <c r="H34800" s="8">
        <v>5928200</v>
      </c>
      <c r="I34800" s="8">
        <v>118564</v>
      </c>
      <c r="J34800" s="8">
        <v>5809636</v>
      </c>
      <c r="K34800" s="9"/>
      <c r="L34800" s="6"/>
    </row>
    <row r="34801" spans="1:12">
      <c r="A34801" s="6" t="s">
        <v>33185</v>
      </c>
      <c r="B34801" s="6"/>
      <c r="C34801" s="6" t="s">
        <v>32230</v>
      </c>
      <c r="D34801" s="6"/>
      <c r="E34801" s="6" t="s">
        <v>9</v>
      </c>
      <c r="F34801" s="7"/>
      <c r="G34801" s="8">
        <v>1</v>
      </c>
      <c r="H34801" s="8">
        <v>1</v>
      </c>
      <c r="I34801" s="8">
        <v>0</v>
      </c>
      <c r="J34801" s="8">
        <v>1</v>
      </c>
      <c r="K34801" s="9"/>
      <c r="L34801" s="6"/>
    </row>
    <row r="34802" spans="1:12">
      <c r="A34802" s="6" t="s">
        <v>34898</v>
      </c>
      <c r="B34802" s="6"/>
      <c r="C34802" s="6" t="s">
        <v>32230</v>
      </c>
      <c r="D34802" s="6"/>
      <c r="E34802" s="6" t="s">
        <v>9</v>
      </c>
      <c r="F34802" s="7">
        <v>42824</v>
      </c>
      <c r="G34802" s="8">
        <v>982800</v>
      </c>
      <c r="H34802" s="8">
        <v>904176</v>
      </c>
      <c r="I34802" s="8">
        <v>98280</v>
      </c>
      <c r="J34802" s="8">
        <v>884520</v>
      </c>
      <c r="K34802" s="9"/>
      <c r="L34802" s="6"/>
    </row>
    <row r="34803" spans="1:12">
      <c r="A34803" s="6" t="s">
        <v>34899</v>
      </c>
      <c r="B34803" s="6"/>
      <c r="C34803" s="6" t="s">
        <v>32230</v>
      </c>
      <c r="D34803" s="6"/>
      <c r="E34803" s="6" t="s">
        <v>9</v>
      </c>
      <c r="F34803" s="7">
        <v>30270</v>
      </c>
      <c r="G34803" s="8">
        <v>119556000</v>
      </c>
      <c r="H34803" s="8">
        <v>28693440</v>
      </c>
      <c r="I34803" s="8">
        <v>93253680</v>
      </c>
      <c r="J34803" s="8">
        <v>26302320</v>
      </c>
      <c r="K34803" s="9"/>
      <c r="L34803" s="6"/>
    </row>
    <row r="34804" spans="1:12">
      <c r="A34804" s="6" t="s">
        <v>33185</v>
      </c>
      <c r="B34804" s="6"/>
      <c r="C34804" s="6" t="s">
        <v>32230</v>
      </c>
      <c r="D34804" s="6"/>
      <c r="E34804" s="6" t="s">
        <v>9</v>
      </c>
      <c r="F34804" s="7">
        <v>39904</v>
      </c>
      <c r="G34804" s="8">
        <v>14004900</v>
      </c>
      <c r="H34804" s="8">
        <v>11385987</v>
      </c>
      <c r="I34804" s="8">
        <v>2856996</v>
      </c>
      <c r="J34804" s="8">
        <v>11147904</v>
      </c>
      <c r="K34804" s="9"/>
      <c r="L34804" s="6"/>
    </row>
    <row r="34805" spans="1:12">
      <c r="A34805" s="6" t="s">
        <v>34900</v>
      </c>
      <c r="B34805" s="6"/>
      <c r="C34805" s="6" t="s">
        <v>32230</v>
      </c>
      <c r="D34805" s="6"/>
      <c r="E34805" s="6" t="s">
        <v>9</v>
      </c>
      <c r="F34805" s="7">
        <v>43738</v>
      </c>
      <c r="G34805" s="8">
        <v>696600</v>
      </c>
      <c r="H34805" s="8">
        <v>649928</v>
      </c>
      <c r="I34805" s="8">
        <v>93344</v>
      </c>
      <c r="J34805" s="8">
        <v>603256</v>
      </c>
      <c r="K34805" s="9"/>
      <c r="L34805" s="6"/>
    </row>
    <row r="34806" spans="1:12">
      <c r="A34806" s="6" t="s">
        <v>34901</v>
      </c>
      <c r="B34806" s="6"/>
      <c r="C34806" s="6" t="s">
        <v>32230</v>
      </c>
      <c r="D34806" s="6"/>
      <c r="E34806" s="6" t="s">
        <v>9</v>
      </c>
      <c r="F34806" s="7">
        <v>43677</v>
      </c>
      <c r="G34806" s="8">
        <v>1188000</v>
      </c>
      <c r="H34806" s="8">
        <v>1108404</v>
      </c>
      <c r="I34806" s="8">
        <v>159192</v>
      </c>
      <c r="J34806" s="8">
        <v>1028808</v>
      </c>
      <c r="K34806" s="9"/>
      <c r="L34806" s="6"/>
    </row>
    <row r="34807" spans="1:12">
      <c r="A34807" s="6" t="s">
        <v>34902</v>
      </c>
      <c r="B34807" s="6"/>
      <c r="C34807" s="6" t="s">
        <v>32230</v>
      </c>
      <c r="D34807" s="6"/>
      <c r="E34807" s="6" t="s">
        <v>9</v>
      </c>
      <c r="F34807" s="7">
        <v>30270</v>
      </c>
      <c r="G34807" s="8">
        <v>78877800</v>
      </c>
      <c r="H34807" s="8">
        <v>18930672</v>
      </c>
      <c r="I34807" s="8">
        <v>61524684</v>
      </c>
      <c r="J34807" s="8">
        <v>17353116</v>
      </c>
      <c r="K34807" s="9"/>
      <c r="L34807" s="6"/>
    </row>
    <row r="34808" spans="1:12">
      <c r="A34808" s="6" t="s">
        <v>33185</v>
      </c>
      <c r="B34808" s="6"/>
      <c r="C34808" s="6" t="s">
        <v>32230</v>
      </c>
      <c r="D34808" s="6"/>
      <c r="E34808" s="6" t="s">
        <v>9</v>
      </c>
      <c r="F34808" s="7"/>
      <c r="G34808" s="8">
        <v>1</v>
      </c>
      <c r="H34808" s="8">
        <v>1</v>
      </c>
      <c r="I34808" s="8">
        <v>0</v>
      </c>
      <c r="J34808" s="8">
        <v>1</v>
      </c>
      <c r="K34808" s="9"/>
      <c r="L34808" s="6"/>
    </row>
    <row r="34809" spans="1:12">
      <c r="A34809" s="6" t="s">
        <v>34903</v>
      </c>
      <c r="B34809" s="6"/>
      <c r="C34809" s="6" t="s">
        <v>32230</v>
      </c>
      <c r="D34809" s="6"/>
      <c r="E34809" s="6" t="s">
        <v>9</v>
      </c>
      <c r="F34809" s="7">
        <v>30270</v>
      </c>
      <c r="G34809" s="8">
        <v>8618400</v>
      </c>
      <c r="H34809" s="8">
        <v>2068416</v>
      </c>
      <c r="I34809" s="8">
        <v>6722352</v>
      </c>
      <c r="J34809" s="8">
        <v>1896048</v>
      </c>
      <c r="K34809" s="9"/>
      <c r="L34809" s="6"/>
    </row>
    <row r="34810" spans="1:12">
      <c r="A34810" s="6" t="s">
        <v>34904</v>
      </c>
      <c r="B34810" s="6"/>
      <c r="C34810" s="6" t="s">
        <v>32230</v>
      </c>
      <c r="D34810" s="6"/>
      <c r="E34810" s="6" t="s">
        <v>9</v>
      </c>
      <c r="F34810" s="7">
        <v>30270</v>
      </c>
      <c r="G34810" s="8">
        <v>34190100</v>
      </c>
      <c r="H34810" s="8">
        <v>8205624</v>
      </c>
      <c r="I34810" s="8">
        <v>26668278</v>
      </c>
      <c r="J34810" s="8">
        <v>7521822</v>
      </c>
      <c r="K34810" s="9"/>
      <c r="L34810" s="6"/>
    </row>
    <row r="34811" spans="1:12">
      <c r="A34811" s="6" t="s">
        <v>34905</v>
      </c>
      <c r="B34811" s="6"/>
      <c r="C34811" s="6" t="s">
        <v>32230</v>
      </c>
      <c r="D34811" s="6"/>
      <c r="E34811" s="6" t="s">
        <v>9</v>
      </c>
      <c r="F34811" s="7">
        <v>30270</v>
      </c>
      <c r="G34811" s="8">
        <v>18038700</v>
      </c>
      <c r="H34811" s="8">
        <v>4329288</v>
      </c>
      <c r="I34811" s="8">
        <v>14070186</v>
      </c>
      <c r="J34811" s="8">
        <v>3968514</v>
      </c>
      <c r="K34811" s="9"/>
      <c r="L34811" s="6"/>
    </row>
    <row r="34812" spans="1:12">
      <c r="A34812" s="6" t="s">
        <v>34906</v>
      </c>
      <c r="B34812" s="6"/>
      <c r="C34812" s="6" t="s">
        <v>32230</v>
      </c>
      <c r="D34812" s="6"/>
      <c r="E34812" s="6" t="s">
        <v>9</v>
      </c>
      <c r="F34812" s="7">
        <v>30270</v>
      </c>
      <c r="G34812" s="8">
        <v>2477600</v>
      </c>
      <c r="H34812" s="8">
        <v>594624</v>
      </c>
      <c r="I34812" s="8">
        <v>1932528</v>
      </c>
      <c r="J34812" s="8">
        <v>545072</v>
      </c>
      <c r="K34812" s="9"/>
      <c r="L34812" s="6"/>
    </row>
    <row r="34813" spans="1:12">
      <c r="A34813" s="6" t="s">
        <v>34907</v>
      </c>
      <c r="B34813" s="6"/>
      <c r="C34813" s="6" t="s">
        <v>32230</v>
      </c>
      <c r="D34813" s="6"/>
      <c r="E34813" s="6" t="s">
        <v>9</v>
      </c>
      <c r="F34813" s="7">
        <v>28934</v>
      </c>
      <c r="G34813" s="8">
        <v>3636900</v>
      </c>
      <c r="H34813" s="8">
        <v>581904</v>
      </c>
      <c r="I34813" s="8">
        <v>3127734</v>
      </c>
      <c r="J34813" s="8">
        <v>509166</v>
      </c>
      <c r="K34813" s="9"/>
      <c r="L34813" s="6"/>
    </row>
    <row r="34814" spans="1:12">
      <c r="A34814" s="6" t="s">
        <v>34908</v>
      </c>
      <c r="B34814" s="6"/>
      <c r="C34814" s="6" t="s">
        <v>32230</v>
      </c>
      <c r="D34814" s="6"/>
      <c r="E34814" s="6" t="s">
        <v>9</v>
      </c>
      <c r="F34814" s="7">
        <v>42978</v>
      </c>
      <c r="G34814" s="8">
        <v>1299240</v>
      </c>
      <c r="H34814" s="8">
        <v>1038093</v>
      </c>
      <c r="I34814" s="8">
        <v>348196</v>
      </c>
      <c r="J34814" s="8">
        <v>951044</v>
      </c>
      <c r="K34814" s="9"/>
      <c r="L34814" s="6"/>
    </row>
    <row r="34815" spans="1:12">
      <c r="A34815" s="6" t="s">
        <v>34909</v>
      </c>
      <c r="B34815" s="6"/>
      <c r="C34815" s="6" t="s">
        <v>32230</v>
      </c>
      <c r="D34815" s="6"/>
      <c r="E34815" s="6" t="s">
        <v>9</v>
      </c>
      <c r="F34815" s="7">
        <v>43677</v>
      </c>
      <c r="G34815" s="8">
        <v>1134000</v>
      </c>
      <c r="H34815" s="8">
        <v>1058022</v>
      </c>
      <c r="I34815" s="8">
        <v>151956</v>
      </c>
      <c r="J34815" s="8">
        <v>982044</v>
      </c>
      <c r="K34815" s="9"/>
      <c r="L34815" s="6"/>
    </row>
    <row r="34816" spans="1:12">
      <c r="A34816" s="6" t="s">
        <v>34910</v>
      </c>
      <c r="B34816" s="6"/>
      <c r="C34816" s="6" t="s">
        <v>32230</v>
      </c>
      <c r="D34816" s="6"/>
      <c r="E34816" s="6" t="s">
        <v>9</v>
      </c>
      <c r="F34816" s="7">
        <v>30270</v>
      </c>
      <c r="G34816" s="8">
        <v>4900500</v>
      </c>
      <c r="H34816" s="8">
        <v>1176120</v>
      </c>
      <c r="I34816" s="8">
        <v>3822390</v>
      </c>
      <c r="J34816" s="8">
        <v>1078110</v>
      </c>
      <c r="K34816" s="9"/>
      <c r="L34816" s="6"/>
    </row>
    <row r="34817" spans="1:12">
      <c r="A34817" s="6" t="s">
        <v>34910</v>
      </c>
      <c r="B34817" s="6"/>
      <c r="C34817" s="6" t="s">
        <v>32230</v>
      </c>
      <c r="D34817" s="6"/>
      <c r="E34817" s="6"/>
      <c r="F34817" s="7">
        <v>43922</v>
      </c>
      <c r="G34817" s="8">
        <v>1254000</v>
      </c>
      <c r="H34817" s="8">
        <v>1254000</v>
      </c>
      <c r="I34817" s="8">
        <v>25080</v>
      </c>
      <c r="J34817" s="8">
        <v>1228920</v>
      </c>
      <c r="K34817" s="9"/>
      <c r="L34817" s="6"/>
    </row>
    <row r="34818" spans="1:12">
      <c r="A34818" s="6" t="s">
        <v>34910</v>
      </c>
      <c r="B34818" s="6"/>
      <c r="C34818" s="6" t="s">
        <v>32230</v>
      </c>
      <c r="D34818" s="6"/>
      <c r="E34818" s="6"/>
      <c r="F34818" s="7">
        <v>43922</v>
      </c>
      <c r="G34818" s="8">
        <v>869000</v>
      </c>
      <c r="H34818" s="8">
        <v>869000</v>
      </c>
      <c r="I34818" s="8">
        <v>17380</v>
      </c>
      <c r="J34818" s="8">
        <v>851620</v>
      </c>
      <c r="K34818" s="9"/>
      <c r="L34818" s="6"/>
    </row>
    <row r="34819" spans="1:12">
      <c r="A34819" s="6" t="s">
        <v>34911</v>
      </c>
      <c r="B34819" s="6"/>
      <c r="C34819" s="6" t="s">
        <v>32230</v>
      </c>
      <c r="D34819" s="6"/>
      <c r="E34819" s="6" t="s">
        <v>9</v>
      </c>
      <c r="F34819" s="7">
        <v>30270</v>
      </c>
      <c r="G34819" s="8">
        <v>3931200</v>
      </c>
      <c r="H34819" s="8">
        <v>943488</v>
      </c>
      <c r="I34819" s="8">
        <v>3066336</v>
      </c>
      <c r="J34819" s="8">
        <v>864864</v>
      </c>
      <c r="K34819" s="9"/>
      <c r="L34819" s="6"/>
    </row>
    <row r="34820" spans="1:12">
      <c r="A34820" s="6" t="s">
        <v>34912</v>
      </c>
      <c r="B34820" s="6"/>
      <c r="C34820" s="6" t="s">
        <v>32230</v>
      </c>
      <c r="D34820" s="6"/>
      <c r="E34820" s="6" t="s">
        <v>9</v>
      </c>
      <c r="F34820" s="7">
        <v>30270</v>
      </c>
      <c r="G34820" s="8">
        <v>35640000</v>
      </c>
      <c r="H34820" s="8">
        <v>8553600</v>
      </c>
      <c r="I34820" s="8">
        <v>27799200</v>
      </c>
      <c r="J34820" s="8">
        <v>7840800</v>
      </c>
      <c r="K34820" s="9"/>
      <c r="L34820" s="6"/>
    </row>
    <row r="34821" spans="1:12">
      <c r="A34821" s="6" t="s">
        <v>34913</v>
      </c>
      <c r="B34821" s="6"/>
      <c r="C34821" s="6" t="s">
        <v>32230</v>
      </c>
      <c r="D34821" s="6"/>
      <c r="E34821" s="6" t="s">
        <v>9</v>
      </c>
      <c r="F34821" s="7">
        <v>30270</v>
      </c>
      <c r="G34821" s="8">
        <v>4413700</v>
      </c>
      <c r="H34821" s="8">
        <v>1059288</v>
      </c>
      <c r="I34821" s="8">
        <v>3442686</v>
      </c>
      <c r="J34821" s="8">
        <v>971014</v>
      </c>
      <c r="K34821" s="9"/>
      <c r="L34821" s="6"/>
    </row>
    <row r="34822" spans="1:12">
      <c r="A34822" s="6" t="s">
        <v>34914</v>
      </c>
      <c r="B34822" s="6"/>
      <c r="C34822" s="6" t="s">
        <v>32230</v>
      </c>
      <c r="D34822" s="6"/>
      <c r="E34822" s="6" t="s">
        <v>9</v>
      </c>
      <c r="F34822" s="7">
        <v>30498</v>
      </c>
      <c r="G34822" s="8">
        <v>8510400</v>
      </c>
      <c r="H34822" s="8">
        <v>2212704</v>
      </c>
      <c r="I34822" s="8">
        <v>6467904</v>
      </c>
      <c r="J34822" s="8">
        <v>2042496</v>
      </c>
      <c r="K34822" s="9"/>
      <c r="L34822" s="6"/>
    </row>
    <row r="34823" spans="1:12">
      <c r="A34823" s="6" t="s">
        <v>34915</v>
      </c>
      <c r="B34823" s="6"/>
      <c r="C34823" s="6" t="s">
        <v>32230</v>
      </c>
      <c r="D34823" s="6"/>
      <c r="E34823" s="6" t="s">
        <v>9</v>
      </c>
      <c r="F34823" s="7">
        <v>33833</v>
      </c>
      <c r="G34823" s="8">
        <v>171392000</v>
      </c>
      <c r="H34823" s="8">
        <v>75412480</v>
      </c>
      <c r="I34823" s="8">
        <v>99407360</v>
      </c>
      <c r="J34823" s="8">
        <v>71984640</v>
      </c>
      <c r="K34823" s="9"/>
      <c r="L34823" s="6"/>
    </row>
    <row r="34824" spans="1:12">
      <c r="A34824" s="6" t="s">
        <v>34916</v>
      </c>
      <c r="B34824" s="6"/>
      <c r="C34824" s="6" t="s">
        <v>32230</v>
      </c>
      <c r="D34824" s="6"/>
      <c r="E34824" s="6" t="s">
        <v>9</v>
      </c>
      <c r="F34824" s="7">
        <v>30270</v>
      </c>
      <c r="G34824" s="8">
        <v>9261000</v>
      </c>
      <c r="H34824" s="8">
        <v>2222640</v>
      </c>
      <c r="I34824" s="8">
        <v>7223580</v>
      </c>
      <c r="J34824" s="8">
        <v>2037420</v>
      </c>
      <c r="K34824" s="9"/>
      <c r="L34824" s="6"/>
    </row>
    <row r="34825" spans="1:12">
      <c r="A34825" s="6" t="s">
        <v>34917</v>
      </c>
      <c r="B34825" s="6"/>
      <c r="C34825" s="6" t="s">
        <v>32230</v>
      </c>
      <c r="D34825" s="6"/>
      <c r="E34825" s="6" t="s">
        <v>9</v>
      </c>
      <c r="F34825" s="7">
        <v>30270</v>
      </c>
      <c r="G34825" s="8">
        <v>32084100</v>
      </c>
      <c r="H34825" s="8">
        <v>7700184</v>
      </c>
      <c r="I34825" s="8">
        <v>25025598</v>
      </c>
      <c r="J34825" s="8">
        <v>7058502</v>
      </c>
      <c r="K34825" s="9"/>
      <c r="L34825" s="6"/>
    </row>
    <row r="34826" spans="1:12">
      <c r="A34826" s="6" t="s">
        <v>34918</v>
      </c>
      <c r="B34826" s="6"/>
      <c r="C34826" s="6" t="s">
        <v>32230</v>
      </c>
      <c r="D34826" s="6"/>
      <c r="E34826" s="6" t="s">
        <v>9</v>
      </c>
      <c r="F34826" s="7">
        <v>30270</v>
      </c>
      <c r="G34826" s="8">
        <v>2414900</v>
      </c>
      <c r="H34826" s="8">
        <v>579576</v>
      </c>
      <c r="I34826" s="8">
        <v>1883622</v>
      </c>
      <c r="J34826" s="8">
        <v>531278</v>
      </c>
      <c r="K34826" s="9"/>
      <c r="L34826" s="6"/>
    </row>
    <row r="34827" spans="1:12">
      <c r="A34827" s="6" t="s">
        <v>34919</v>
      </c>
      <c r="B34827" s="6"/>
      <c r="C34827" s="6" t="s">
        <v>32230</v>
      </c>
      <c r="D34827" s="6"/>
      <c r="E34827" s="6" t="s">
        <v>9</v>
      </c>
      <c r="F34827" s="7">
        <v>30270</v>
      </c>
      <c r="G34827" s="8">
        <v>32221800</v>
      </c>
      <c r="H34827" s="8">
        <v>7733232</v>
      </c>
      <c r="I34827" s="8">
        <v>25133004</v>
      </c>
      <c r="J34827" s="8">
        <v>7088796</v>
      </c>
      <c r="K34827" s="9"/>
      <c r="L34827" s="6"/>
    </row>
    <row r="34828" spans="1:12">
      <c r="A34828" s="6" t="s">
        <v>34920</v>
      </c>
      <c r="B34828" s="6"/>
      <c r="C34828" s="6" t="s">
        <v>32230</v>
      </c>
      <c r="D34828" s="6"/>
      <c r="E34828" s="6" t="s">
        <v>9</v>
      </c>
      <c r="F34828" s="7">
        <v>30270</v>
      </c>
      <c r="G34828" s="8">
        <v>2407300</v>
      </c>
      <c r="H34828" s="8">
        <v>577752</v>
      </c>
      <c r="I34828" s="8">
        <v>1877694</v>
      </c>
      <c r="J34828" s="8">
        <v>529606</v>
      </c>
      <c r="K34828" s="9"/>
      <c r="L34828" s="6"/>
    </row>
    <row r="34829" spans="1:12">
      <c r="A34829" s="6" t="s">
        <v>34921</v>
      </c>
      <c r="B34829" s="6"/>
      <c r="C34829" s="6" t="s">
        <v>32230</v>
      </c>
      <c r="D34829" s="6"/>
      <c r="E34829" s="6" t="s">
        <v>9</v>
      </c>
      <c r="F34829" s="7">
        <v>30270</v>
      </c>
      <c r="G34829" s="8">
        <v>14885100</v>
      </c>
      <c r="H34829" s="8">
        <v>3572424</v>
      </c>
      <c r="I34829" s="8">
        <v>11610378</v>
      </c>
      <c r="J34829" s="8">
        <v>3274722</v>
      </c>
      <c r="K34829" s="9"/>
      <c r="L34829" s="6"/>
    </row>
    <row r="34830" spans="1:12">
      <c r="A34830" s="6" t="s">
        <v>34922</v>
      </c>
      <c r="B34830" s="6"/>
      <c r="C34830" s="6" t="s">
        <v>32230</v>
      </c>
      <c r="D34830" s="6"/>
      <c r="E34830" s="6" t="s">
        <v>9</v>
      </c>
      <c r="F34830" s="7">
        <v>30270</v>
      </c>
      <c r="G34830" s="8">
        <v>10862100</v>
      </c>
      <c r="H34830" s="8">
        <v>2606904</v>
      </c>
      <c r="I34830" s="8">
        <v>8472438</v>
      </c>
      <c r="J34830" s="8">
        <v>2389662</v>
      </c>
      <c r="K34830" s="9"/>
      <c r="L34830" s="6"/>
    </row>
    <row r="34831" spans="1:12">
      <c r="A34831" s="6" t="s">
        <v>34923</v>
      </c>
      <c r="B34831" s="6"/>
      <c r="C34831" s="6" t="s">
        <v>32230</v>
      </c>
      <c r="D34831" s="6"/>
      <c r="E34831" s="6" t="s">
        <v>9</v>
      </c>
      <c r="F34831" s="7">
        <v>30270</v>
      </c>
      <c r="G34831" s="8">
        <v>4765500</v>
      </c>
      <c r="H34831" s="8">
        <v>1143720</v>
      </c>
      <c r="I34831" s="8">
        <v>3717090</v>
      </c>
      <c r="J34831" s="8">
        <v>1048410</v>
      </c>
      <c r="K34831" s="9"/>
      <c r="L34831" s="6"/>
    </row>
    <row r="34832" spans="1:12">
      <c r="A34832" s="6" t="s">
        <v>33185</v>
      </c>
      <c r="B34832" s="6"/>
      <c r="C34832" s="6" t="s">
        <v>32230</v>
      </c>
      <c r="D34832" s="6"/>
      <c r="E34832" s="6" t="s">
        <v>9</v>
      </c>
      <c r="F34832" s="7">
        <v>24929</v>
      </c>
      <c r="G34832" s="8">
        <v>8288280</v>
      </c>
      <c r="H34832" s="8">
        <v>961480</v>
      </c>
      <c r="I34832" s="8">
        <v>7467700</v>
      </c>
      <c r="J34832" s="8">
        <v>820580</v>
      </c>
      <c r="K34832" s="9"/>
      <c r="L34832" s="6"/>
    </row>
    <row r="34833" spans="1:12">
      <c r="A34833" s="6" t="s">
        <v>34924</v>
      </c>
      <c r="B34833" s="6"/>
      <c r="C34833" s="6" t="s">
        <v>32230</v>
      </c>
      <c r="D34833" s="6"/>
      <c r="E34833" s="6" t="s">
        <v>9</v>
      </c>
      <c r="F34833" s="7">
        <v>30270</v>
      </c>
      <c r="G34833" s="8">
        <v>2918700</v>
      </c>
      <c r="H34833" s="8">
        <v>700488</v>
      </c>
      <c r="I34833" s="8">
        <v>2276586</v>
      </c>
      <c r="J34833" s="8">
        <v>642114</v>
      </c>
      <c r="K34833" s="9"/>
      <c r="L34833" s="6"/>
    </row>
    <row r="34834" spans="1:12">
      <c r="A34834" s="6" t="s">
        <v>34925</v>
      </c>
      <c r="B34834" s="6"/>
      <c r="C34834" s="6" t="s">
        <v>32230</v>
      </c>
      <c r="D34834" s="6"/>
      <c r="E34834" s="6" t="s">
        <v>9</v>
      </c>
      <c r="F34834" s="7">
        <v>30270</v>
      </c>
      <c r="G34834" s="8">
        <v>2573100</v>
      </c>
      <c r="H34834" s="8">
        <v>617544</v>
      </c>
      <c r="I34834" s="8">
        <v>2007018</v>
      </c>
      <c r="J34834" s="8">
        <v>566082</v>
      </c>
      <c r="K34834" s="9"/>
      <c r="L34834" s="6"/>
    </row>
    <row r="34835" spans="1:12">
      <c r="A34835" s="6" t="s">
        <v>34926</v>
      </c>
      <c r="B34835" s="6"/>
      <c r="C34835" s="6" t="s">
        <v>32230</v>
      </c>
      <c r="D34835" s="6"/>
      <c r="E34835" s="6" t="s">
        <v>9</v>
      </c>
      <c r="F34835" s="7">
        <v>30270</v>
      </c>
      <c r="G34835" s="8">
        <v>4214700</v>
      </c>
      <c r="H34835" s="8">
        <v>1011528</v>
      </c>
      <c r="I34835" s="8">
        <v>3287466</v>
      </c>
      <c r="J34835" s="8">
        <v>927234</v>
      </c>
      <c r="K34835" s="9"/>
      <c r="L34835" s="6"/>
    </row>
    <row r="34836" spans="1:12">
      <c r="A34836" s="6" t="s">
        <v>34927</v>
      </c>
      <c r="B34836" s="6"/>
      <c r="C34836" s="6" t="s">
        <v>32230</v>
      </c>
      <c r="D34836" s="6"/>
      <c r="E34836" s="6" t="s">
        <v>9</v>
      </c>
      <c r="F34836" s="7">
        <v>39169</v>
      </c>
      <c r="G34836" s="8">
        <v>45975600</v>
      </c>
      <c r="H34836" s="8">
        <v>33102432</v>
      </c>
      <c r="I34836" s="8">
        <v>13792680</v>
      </c>
      <c r="J34836" s="8">
        <v>32182920</v>
      </c>
      <c r="K34836" s="9"/>
      <c r="L34836" s="6"/>
    </row>
    <row r="34837" spans="1:12">
      <c r="A34837" s="6" t="s">
        <v>34928</v>
      </c>
      <c r="B34837" s="6"/>
      <c r="C34837" s="6" t="s">
        <v>32230</v>
      </c>
      <c r="D34837" s="6"/>
      <c r="E34837" s="6"/>
      <c r="F34837" s="7">
        <v>43922</v>
      </c>
      <c r="G34837" s="8">
        <v>1278200</v>
      </c>
      <c r="H34837" s="8">
        <v>1278200</v>
      </c>
      <c r="I34837" s="8">
        <v>25564</v>
      </c>
      <c r="J34837" s="8">
        <v>1252636</v>
      </c>
      <c r="K34837" s="9"/>
      <c r="L34837" s="6"/>
    </row>
    <row r="34838" spans="1:12">
      <c r="A34838" s="6" t="s">
        <v>34928</v>
      </c>
      <c r="B34838" s="6"/>
      <c r="C34838" s="6" t="s">
        <v>32230</v>
      </c>
      <c r="D34838" s="6"/>
      <c r="E34838" s="6" t="s">
        <v>9</v>
      </c>
      <c r="F34838" s="7">
        <v>30270</v>
      </c>
      <c r="G34838" s="8">
        <v>90404100</v>
      </c>
      <c r="H34838" s="8">
        <v>21696984</v>
      </c>
      <c r="I34838" s="8">
        <v>70515198</v>
      </c>
      <c r="J34838" s="8">
        <v>19888902</v>
      </c>
      <c r="K34838" s="9"/>
      <c r="L34838" s="6"/>
    </row>
    <row r="34839" spans="1:12">
      <c r="A34839" s="6" t="s">
        <v>33185</v>
      </c>
      <c r="B34839" s="6"/>
      <c r="C34839" s="6" t="s">
        <v>32230</v>
      </c>
      <c r="D34839" s="6"/>
      <c r="E34839" s="6" t="s">
        <v>9</v>
      </c>
      <c r="F34839" s="7"/>
      <c r="G34839" s="8">
        <v>1</v>
      </c>
      <c r="H34839" s="8">
        <v>1</v>
      </c>
      <c r="I34839" s="8">
        <v>0</v>
      </c>
      <c r="J34839" s="8">
        <v>1</v>
      </c>
      <c r="K34839" s="9"/>
      <c r="L34839" s="6"/>
    </row>
    <row r="34840" spans="1:12">
      <c r="A34840" s="6" t="s">
        <v>34929</v>
      </c>
      <c r="B34840" s="6"/>
      <c r="C34840" s="6" t="s">
        <v>32230</v>
      </c>
      <c r="D34840" s="6"/>
      <c r="E34840" s="6" t="s">
        <v>9</v>
      </c>
      <c r="F34840" s="7">
        <v>43501</v>
      </c>
      <c r="G34840" s="8">
        <v>73980</v>
      </c>
      <c r="H34840" s="8">
        <v>59184</v>
      </c>
      <c r="I34840" s="8">
        <v>22194</v>
      </c>
      <c r="J34840" s="8">
        <v>51786</v>
      </c>
      <c r="K34840" s="9"/>
      <c r="L34840" s="6"/>
    </row>
    <row r="34841" spans="1:12">
      <c r="A34841" s="6" t="s">
        <v>34930</v>
      </c>
      <c r="B34841" s="6"/>
      <c r="C34841" s="6" t="s">
        <v>32230</v>
      </c>
      <c r="D34841" s="6"/>
      <c r="E34841" s="6" t="s">
        <v>9</v>
      </c>
      <c r="F34841" s="7">
        <v>30270</v>
      </c>
      <c r="G34841" s="8">
        <v>12644100</v>
      </c>
      <c r="H34841" s="8">
        <v>3034584</v>
      </c>
      <c r="I34841" s="8">
        <v>9862398</v>
      </c>
      <c r="J34841" s="8">
        <v>2781702</v>
      </c>
      <c r="K34841" s="9"/>
      <c r="L34841" s="6"/>
    </row>
    <row r="34842" spans="1:12">
      <c r="A34842" s="6" t="s">
        <v>34931</v>
      </c>
      <c r="B34842" s="6"/>
      <c r="C34842" s="6" t="s">
        <v>32230</v>
      </c>
      <c r="D34842" s="6"/>
      <c r="E34842" s="6" t="s">
        <v>9</v>
      </c>
      <c r="F34842" s="7">
        <v>30498</v>
      </c>
      <c r="G34842" s="8">
        <v>265446400</v>
      </c>
      <c r="H34842" s="8">
        <v>69016064</v>
      </c>
      <c r="I34842" s="8">
        <v>201739264</v>
      </c>
      <c r="J34842" s="8">
        <v>63707136</v>
      </c>
      <c r="K34842" s="9"/>
      <c r="L34842" s="6"/>
    </row>
    <row r="34843" spans="1:12">
      <c r="A34843" s="6" t="s">
        <v>34932</v>
      </c>
      <c r="B34843" s="6"/>
      <c r="C34843" s="6" t="s">
        <v>32230</v>
      </c>
      <c r="D34843" s="6"/>
      <c r="E34843" s="6" t="s">
        <v>9</v>
      </c>
      <c r="F34843" s="7">
        <v>29646</v>
      </c>
      <c r="G34843" s="8">
        <v>83363280</v>
      </c>
      <c r="H34843" s="8">
        <v>6669080</v>
      </c>
      <c r="I34843" s="8">
        <v>78611555</v>
      </c>
      <c r="J34843" s="8">
        <v>4751725</v>
      </c>
      <c r="K34843" s="9"/>
      <c r="L34843" s="6"/>
    </row>
    <row r="34844" spans="1:12">
      <c r="A34844" s="6" t="s">
        <v>33185</v>
      </c>
      <c r="B34844" s="6"/>
      <c r="C34844" s="6" t="s">
        <v>32230</v>
      </c>
      <c r="D34844" s="6"/>
      <c r="E34844" s="6" t="s">
        <v>9</v>
      </c>
      <c r="F34844" s="7">
        <v>28581</v>
      </c>
      <c r="G34844" s="8">
        <v>13486200</v>
      </c>
      <c r="H34844" s="8">
        <v>3857070</v>
      </c>
      <c r="I34844" s="8">
        <v>9858395</v>
      </c>
      <c r="J34844" s="8">
        <v>3627805</v>
      </c>
      <c r="K34844" s="9"/>
      <c r="L34844" s="6"/>
    </row>
    <row r="34845" spans="1:12">
      <c r="A34845" s="6" t="s">
        <v>33185</v>
      </c>
      <c r="B34845" s="6"/>
      <c r="C34845" s="6" t="s">
        <v>32230</v>
      </c>
      <c r="D34845" s="6"/>
      <c r="E34845" s="6" t="s">
        <v>9</v>
      </c>
      <c r="F34845" s="7"/>
      <c r="G34845" s="8">
        <v>1</v>
      </c>
      <c r="H34845" s="8">
        <v>1</v>
      </c>
      <c r="I34845" s="8">
        <v>0</v>
      </c>
      <c r="J34845" s="8">
        <v>1</v>
      </c>
      <c r="K34845" s="9"/>
      <c r="L34845" s="6"/>
    </row>
    <row r="34846" spans="1:12">
      <c r="A34846" s="6" t="s">
        <v>33185</v>
      </c>
      <c r="B34846" s="6"/>
      <c r="C34846" s="6" t="s">
        <v>32230</v>
      </c>
      <c r="D34846" s="6"/>
      <c r="E34846" s="6" t="s">
        <v>9</v>
      </c>
      <c r="F34846" s="7"/>
      <c r="G34846" s="8">
        <v>1</v>
      </c>
      <c r="H34846" s="8">
        <v>1</v>
      </c>
      <c r="I34846" s="8">
        <v>0</v>
      </c>
      <c r="J34846" s="8">
        <v>1</v>
      </c>
      <c r="K34846" s="9"/>
      <c r="L34846" s="6"/>
    </row>
    <row r="34847" spans="1:12">
      <c r="A34847" s="6" t="s">
        <v>34933</v>
      </c>
      <c r="B34847" s="6"/>
      <c r="C34847" s="6" t="s">
        <v>32230</v>
      </c>
      <c r="D34847" s="6"/>
      <c r="E34847" s="6" t="s">
        <v>9</v>
      </c>
      <c r="F34847" s="7">
        <v>30270</v>
      </c>
      <c r="G34847" s="8">
        <v>3377700</v>
      </c>
      <c r="H34847" s="8">
        <v>810648</v>
      </c>
      <c r="I34847" s="8">
        <v>2634606</v>
      </c>
      <c r="J34847" s="8">
        <v>743094</v>
      </c>
      <c r="K34847" s="9"/>
      <c r="L34847" s="6"/>
    </row>
    <row r="34848" spans="1:12">
      <c r="A34848" s="6" t="s">
        <v>34934</v>
      </c>
      <c r="B34848" s="6"/>
      <c r="C34848" s="6" t="s">
        <v>32230</v>
      </c>
      <c r="D34848" s="6"/>
      <c r="E34848" s="6" t="s">
        <v>9</v>
      </c>
      <c r="F34848" s="7">
        <v>30270</v>
      </c>
      <c r="G34848" s="8">
        <v>15349500</v>
      </c>
      <c r="H34848" s="8">
        <v>3683880</v>
      </c>
      <c r="I34848" s="8">
        <v>11972610</v>
      </c>
      <c r="J34848" s="8">
        <v>3376890</v>
      </c>
      <c r="K34848" s="9"/>
      <c r="L34848" s="6"/>
    </row>
    <row r="34849" spans="1:12">
      <c r="A34849" s="6" t="s">
        <v>34935</v>
      </c>
      <c r="B34849" s="6"/>
      <c r="C34849" s="6" t="s">
        <v>32230</v>
      </c>
      <c r="D34849" s="6"/>
      <c r="E34849" s="6" t="s">
        <v>9</v>
      </c>
      <c r="F34849" s="7">
        <v>30270</v>
      </c>
      <c r="G34849" s="8">
        <v>26535600</v>
      </c>
      <c r="H34849" s="8">
        <v>6368544</v>
      </c>
      <c r="I34849" s="8">
        <v>20697768</v>
      </c>
      <c r="J34849" s="8">
        <v>5837832</v>
      </c>
      <c r="K34849" s="9"/>
      <c r="L34849" s="6"/>
    </row>
    <row r="34850" spans="1:12">
      <c r="A34850" s="6" t="s">
        <v>34936</v>
      </c>
      <c r="B34850" s="6"/>
      <c r="C34850" s="6" t="s">
        <v>32230</v>
      </c>
      <c r="D34850" s="6"/>
      <c r="E34850" s="6" t="s">
        <v>9</v>
      </c>
      <c r="F34850" s="7">
        <v>30270</v>
      </c>
      <c r="G34850" s="8">
        <v>17479800</v>
      </c>
      <c r="H34850" s="8">
        <v>4195152</v>
      </c>
      <c r="I34850" s="8">
        <v>13634244</v>
      </c>
      <c r="J34850" s="8">
        <v>3845556</v>
      </c>
      <c r="K34850" s="9"/>
      <c r="L34850" s="6"/>
    </row>
    <row r="34851" spans="1:12">
      <c r="A34851" s="6" t="s">
        <v>34937</v>
      </c>
      <c r="B34851" s="6"/>
      <c r="C34851" s="6" t="s">
        <v>32230</v>
      </c>
      <c r="D34851" s="6"/>
      <c r="E34851" s="6" t="s">
        <v>9</v>
      </c>
      <c r="F34851" s="7">
        <v>30270</v>
      </c>
      <c r="G34851" s="8">
        <v>5400000</v>
      </c>
      <c r="H34851" s="8">
        <v>1296000</v>
      </c>
      <c r="I34851" s="8">
        <v>4212000</v>
      </c>
      <c r="J34851" s="8">
        <v>1188000</v>
      </c>
      <c r="K34851" s="9"/>
      <c r="L34851" s="6"/>
    </row>
    <row r="34852" spans="1:12">
      <c r="A34852" s="6" t="s">
        <v>34938</v>
      </c>
      <c r="B34852" s="6"/>
      <c r="C34852" s="6" t="s">
        <v>32230</v>
      </c>
      <c r="D34852" s="6"/>
      <c r="E34852" s="6" t="s">
        <v>9</v>
      </c>
      <c r="F34852" s="7">
        <v>30270</v>
      </c>
      <c r="G34852" s="8">
        <v>9144900</v>
      </c>
      <c r="H34852" s="8">
        <v>2194776</v>
      </c>
      <c r="I34852" s="8">
        <v>7133022</v>
      </c>
      <c r="J34852" s="8">
        <v>2011878</v>
      </c>
      <c r="K34852" s="9"/>
      <c r="L34852" s="6"/>
    </row>
    <row r="34853" spans="1:12">
      <c r="A34853" s="6" t="s">
        <v>34939</v>
      </c>
      <c r="B34853" s="6"/>
      <c r="C34853" s="6" t="s">
        <v>32230</v>
      </c>
      <c r="D34853" s="6"/>
      <c r="E34853" s="6" t="s">
        <v>9</v>
      </c>
      <c r="F34853" s="7">
        <v>30270</v>
      </c>
      <c r="G34853" s="8">
        <v>12150000</v>
      </c>
      <c r="H34853" s="8">
        <v>2916000</v>
      </c>
      <c r="I34853" s="8">
        <v>9477000</v>
      </c>
      <c r="J34853" s="8">
        <v>2673000</v>
      </c>
      <c r="K34853" s="9"/>
      <c r="L34853" s="6"/>
    </row>
    <row r="34854" spans="1:12">
      <c r="A34854" s="6" t="s">
        <v>34940</v>
      </c>
      <c r="B34854" s="6"/>
      <c r="C34854" s="6" t="s">
        <v>32230</v>
      </c>
      <c r="D34854" s="6"/>
      <c r="E34854" s="6" t="s">
        <v>9</v>
      </c>
      <c r="F34854" s="7">
        <v>30270</v>
      </c>
      <c r="G34854" s="8">
        <v>2251800</v>
      </c>
      <c r="H34854" s="8">
        <v>540432</v>
      </c>
      <c r="I34854" s="8">
        <v>1756404</v>
      </c>
      <c r="J34854" s="8">
        <v>495396</v>
      </c>
      <c r="K34854" s="9"/>
      <c r="L34854" s="6"/>
    </row>
    <row r="34855" spans="1:12">
      <c r="A34855" s="6" t="s">
        <v>33185</v>
      </c>
      <c r="B34855" s="6"/>
      <c r="C34855" s="6" t="s">
        <v>32230</v>
      </c>
      <c r="D34855" s="6"/>
      <c r="E34855" s="6" t="s">
        <v>9</v>
      </c>
      <c r="F34855" s="7"/>
      <c r="G34855" s="8">
        <v>1</v>
      </c>
      <c r="H34855" s="8">
        <v>1</v>
      </c>
      <c r="I34855" s="8">
        <v>0</v>
      </c>
      <c r="J34855" s="8">
        <v>1</v>
      </c>
      <c r="K34855" s="9"/>
      <c r="L34855" s="6"/>
    </row>
    <row r="34856" spans="1:12">
      <c r="A34856" s="6" t="s">
        <v>34941</v>
      </c>
      <c r="B34856" s="6"/>
      <c r="C34856" s="6" t="s">
        <v>32230</v>
      </c>
      <c r="D34856" s="6"/>
      <c r="E34856" s="6" t="s">
        <v>9</v>
      </c>
      <c r="F34856" s="7">
        <v>30270</v>
      </c>
      <c r="G34856" s="8">
        <v>14466600</v>
      </c>
      <c r="H34856" s="8">
        <v>3471984</v>
      </c>
      <c r="I34856" s="8">
        <v>11283948</v>
      </c>
      <c r="J34856" s="8">
        <v>3182652</v>
      </c>
      <c r="K34856" s="9"/>
      <c r="L34856" s="6"/>
    </row>
    <row r="34857" spans="1:12">
      <c r="A34857" s="6" t="s">
        <v>34942</v>
      </c>
      <c r="B34857" s="6"/>
      <c r="C34857" s="6" t="s">
        <v>32230</v>
      </c>
      <c r="D34857" s="6"/>
      <c r="E34857" s="6" t="s">
        <v>9</v>
      </c>
      <c r="F34857" s="7">
        <v>30270</v>
      </c>
      <c r="G34857" s="8">
        <v>11916800</v>
      </c>
      <c r="H34857" s="8">
        <v>2860032</v>
      </c>
      <c r="I34857" s="8">
        <v>9295104</v>
      </c>
      <c r="J34857" s="8">
        <v>2621696</v>
      </c>
      <c r="K34857" s="9"/>
      <c r="L34857" s="6"/>
    </row>
    <row r="34858" spans="1:12">
      <c r="A34858" s="6" t="s">
        <v>34943</v>
      </c>
      <c r="B34858" s="6"/>
      <c r="C34858" s="6" t="s">
        <v>32230</v>
      </c>
      <c r="D34858" s="6"/>
      <c r="E34858" s="6" t="s">
        <v>9</v>
      </c>
      <c r="F34858" s="7">
        <v>30270</v>
      </c>
      <c r="G34858" s="8">
        <v>42572800</v>
      </c>
      <c r="H34858" s="8">
        <v>10217472</v>
      </c>
      <c r="I34858" s="8">
        <v>33206784</v>
      </c>
      <c r="J34858" s="8">
        <v>9366016</v>
      </c>
      <c r="K34858" s="9"/>
      <c r="L34858" s="6"/>
    </row>
    <row r="34859" spans="1:12">
      <c r="A34859" s="6" t="s">
        <v>34944</v>
      </c>
      <c r="B34859" s="6"/>
      <c r="C34859" s="6" t="s">
        <v>32230</v>
      </c>
      <c r="D34859" s="6"/>
      <c r="E34859" s="6" t="s">
        <v>9</v>
      </c>
      <c r="F34859" s="7">
        <v>44280</v>
      </c>
      <c r="G34859" s="8">
        <v>57548300</v>
      </c>
      <c r="H34859" s="8">
        <v>57548300</v>
      </c>
      <c r="I34859" s="8">
        <v>1150966</v>
      </c>
      <c r="J34859" s="8">
        <v>56397334</v>
      </c>
      <c r="K34859" s="9"/>
      <c r="L34859" s="6"/>
    </row>
    <row r="34860" spans="1:12">
      <c r="A34860" s="6" t="s">
        <v>34945</v>
      </c>
      <c r="B34860" s="6"/>
      <c r="C34860" s="6" t="s">
        <v>32230</v>
      </c>
      <c r="D34860" s="6"/>
      <c r="E34860" s="6" t="s">
        <v>9</v>
      </c>
      <c r="F34860" s="7">
        <v>44286</v>
      </c>
      <c r="G34860" s="8">
        <v>92950</v>
      </c>
      <c r="H34860" s="8">
        <v>92950</v>
      </c>
      <c r="I34860" s="8">
        <v>1859</v>
      </c>
      <c r="J34860" s="8">
        <v>91091</v>
      </c>
      <c r="K34860" s="9"/>
      <c r="L34860" s="6"/>
    </row>
    <row r="34861" spans="1:12">
      <c r="A34861" s="6" t="s">
        <v>34946</v>
      </c>
      <c r="B34861" s="6"/>
      <c r="C34861" s="6" t="s">
        <v>32230</v>
      </c>
      <c r="D34861" s="6"/>
      <c r="E34861" s="6" t="s">
        <v>9</v>
      </c>
      <c r="F34861" s="7">
        <v>30270</v>
      </c>
      <c r="G34861" s="8">
        <v>1247400</v>
      </c>
      <c r="H34861" s="8">
        <v>299376</v>
      </c>
      <c r="I34861" s="8">
        <v>972972</v>
      </c>
      <c r="J34861" s="8">
        <v>274428</v>
      </c>
      <c r="K34861" s="9"/>
      <c r="L34861" s="6"/>
    </row>
    <row r="34862" spans="1:12">
      <c r="A34862" s="6" t="s">
        <v>34947</v>
      </c>
      <c r="B34862" s="6"/>
      <c r="C34862" s="6" t="s">
        <v>32230</v>
      </c>
      <c r="D34862" s="6"/>
      <c r="E34862" s="6" t="s">
        <v>9</v>
      </c>
      <c r="F34862" s="7">
        <v>30270</v>
      </c>
      <c r="G34862" s="8">
        <v>8675100</v>
      </c>
      <c r="H34862" s="8">
        <v>2082024</v>
      </c>
      <c r="I34862" s="8">
        <v>6766578</v>
      </c>
      <c r="J34862" s="8">
        <v>1908522</v>
      </c>
      <c r="K34862" s="9"/>
      <c r="L34862" s="6"/>
    </row>
    <row r="34863" spans="1:12">
      <c r="A34863" s="6" t="s">
        <v>34948</v>
      </c>
      <c r="B34863" s="6"/>
      <c r="C34863" s="6" t="s">
        <v>32230</v>
      </c>
      <c r="D34863" s="6"/>
      <c r="E34863" s="6" t="s">
        <v>9</v>
      </c>
      <c r="F34863" s="7">
        <v>30270</v>
      </c>
      <c r="G34863" s="8">
        <v>59478300</v>
      </c>
      <c r="H34863" s="8">
        <v>14274792</v>
      </c>
      <c r="I34863" s="8">
        <v>46393074</v>
      </c>
      <c r="J34863" s="8">
        <v>13085226</v>
      </c>
      <c r="K34863" s="9"/>
      <c r="L34863" s="6"/>
    </row>
    <row r="34864" spans="1:12">
      <c r="A34864" s="6" t="s">
        <v>34949</v>
      </c>
      <c r="B34864" s="6"/>
      <c r="C34864" s="6" t="s">
        <v>32230</v>
      </c>
      <c r="D34864" s="6"/>
      <c r="E34864" s="6" t="s">
        <v>9</v>
      </c>
      <c r="F34864" s="7">
        <v>30270</v>
      </c>
      <c r="G34864" s="8">
        <v>16394400</v>
      </c>
      <c r="H34864" s="8">
        <v>3934656</v>
      </c>
      <c r="I34864" s="8">
        <v>12787632</v>
      </c>
      <c r="J34864" s="8">
        <v>3606768</v>
      </c>
      <c r="K34864" s="9"/>
      <c r="L34864" s="6"/>
    </row>
    <row r="34865" spans="1:12">
      <c r="A34865" s="6" t="s">
        <v>34950</v>
      </c>
      <c r="B34865" s="6"/>
      <c r="C34865" s="6" t="s">
        <v>32230</v>
      </c>
      <c r="D34865" s="6"/>
      <c r="E34865" s="6" t="s">
        <v>9</v>
      </c>
      <c r="F34865" s="7">
        <v>30270</v>
      </c>
      <c r="G34865" s="8">
        <v>8853300</v>
      </c>
      <c r="H34865" s="8">
        <v>2124792</v>
      </c>
      <c r="I34865" s="8">
        <v>6905574</v>
      </c>
      <c r="J34865" s="8">
        <v>1947726</v>
      </c>
      <c r="K34865" s="9"/>
      <c r="L34865" s="6"/>
    </row>
    <row r="34866" spans="1:12">
      <c r="A34866" s="6" t="s">
        <v>34951</v>
      </c>
      <c r="B34866" s="6"/>
      <c r="C34866" s="6" t="s">
        <v>32230</v>
      </c>
      <c r="D34866" s="6"/>
      <c r="E34866" s="6" t="s">
        <v>9</v>
      </c>
      <c r="F34866" s="7">
        <v>30270</v>
      </c>
      <c r="G34866" s="8">
        <v>9485100</v>
      </c>
      <c r="H34866" s="8">
        <v>2276424</v>
      </c>
      <c r="I34866" s="8">
        <v>7398378</v>
      </c>
      <c r="J34866" s="8">
        <v>2086722</v>
      </c>
      <c r="K34866" s="9"/>
      <c r="L34866" s="6"/>
    </row>
    <row r="34867" spans="1:12">
      <c r="A34867" s="6" t="s">
        <v>34952</v>
      </c>
      <c r="B34867" s="6"/>
      <c r="C34867" s="6" t="s">
        <v>32230</v>
      </c>
      <c r="D34867" s="6"/>
      <c r="E34867" s="6" t="s">
        <v>9</v>
      </c>
      <c r="F34867" s="7">
        <v>30270</v>
      </c>
      <c r="G34867" s="8">
        <v>20930400</v>
      </c>
      <c r="H34867" s="8">
        <v>5023296</v>
      </c>
      <c r="I34867" s="8">
        <v>16325712</v>
      </c>
      <c r="J34867" s="8">
        <v>4604688</v>
      </c>
      <c r="K34867" s="9"/>
      <c r="L34867" s="6"/>
    </row>
    <row r="34868" spans="1:12">
      <c r="A34868" s="6" t="s">
        <v>34953</v>
      </c>
      <c r="B34868" s="6"/>
      <c r="C34868" s="6" t="s">
        <v>32230</v>
      </c>
      <c r="D34868" s="6"/>
      <c r="E34868" s="6" t="s">
        <v>9</v>
      </c>
      <c r="F34868" s="7">
        <v>30270</v>
      </c>
      <c r="G34868" s="8">
        <v>31168800</v>
      </c>
      <c r="H34868" s="8">
        <v>7480512</v>
      </c>
      <c r="I34868" s="8">
        <v>24311664</v>
      </c>
      <c r="J34868" s="8">
        <v>6857136</v>
      </c>
      <c r="K34868" s="9"/>
      <c r="L34868" s="6"/>
    </row>
    <row r="34869" spans="1:12">
      <c r="A34869" s="6" t="s">
        <v>34954</v>
      </c>
      <c r="B34869" s="6"/>
      <c r="C34869" s="6" t="s">
        <v>32230</v>
      </c>
      <c r="D34869" s="6"/>
      <c r="E34869" s="6" t="s">
        <v>9</v>
      </c>
      <c r="F34869" s="7">
        <v>30270</v>
      </c>
      <c r="G34869" s="8">
        <v>9344700</v>
      </c>
      <c r="H34869" s="8">
        <v>2242728</v>
      </c>
      <c r="I34869" s="8">
        <v>7288866</v>
      </c>
      <c r="J34869" s="8">
        <v>2055834</v>
      </c>
      <c r="K34869" s="9"/>
      <c r="L34869" s="6"/>
    </row>
    <row r="34870" spans="1:12">
      <c r="A34870" s="6" t="s">
        <v>34955</v>
      </c>
      <c r="B34870" s="6"/>
      <c r="C34870" s="6" t="s">
        <v>32230</v>
      </c>
      <c r="D34870" s="6"/>
      <c r="E34870" s="6" t="s">
        <v>9</v>
      </c>
      <c r="F34870" s="7">
        <v>30270</v>
      </c>
      <c r="G34870" s="8">
        <v>1343300</v>
      </c>
      <c r="H34870" s="8">
        <v>322392</v>
      </c>
      <c r="I34870" s="8">
        <v>1047774</v>
      </c>
      <c r="J34870" s="8">
        <v>295526</v>
      </c>
      <c r="K34870" s="9"/>
      <c r="L34870" s="6"/>
    </row>
    <row r="34871" spans="1:12">
      <c r="A34871" s="6" t="s">
        <v>34956</v>
      </c>
      <c r="B34871" s="6"/>
      <c r="C34871" s="6" t="s">
        <v>32230</v>
      </c>
      <c r="D34871" s="6"/>
      <c r="E34871" s="6" t="s">
        <v>9</v>
      </c>
      <c r="F34871" s="7">
        <v>30270</v>
      </c>
      <c r="G34871" s="8">
        <v>5103400</v>
      </c>
      <c r="H34871" s="8">
        <v>1224816</v>
      </c>
      <c r="I34871" s="8">
        <v>3980652</v>
      </c>
      <c r="J34871" s="8">
        <v>1122748</v>
      </c>
      <c r="K34871" s="9"/>
      <c r="L34871" s="6"/>
    </row>
    <row r="34872" spans="1:12">
      <c r="A34872" s="6" t="s">
        <v>34957</v>
      </c>
      <c r="B34872" s="6"/>
      <c r="C34872" s="6" t="s">
        <v>32230</v>
      </c>
      <c r="D34872" s="6"/>
      <c r="E34872" s="6" t="s">
        <v>9</v>
      </c>
      <c r="F34872" s="7">
        <v>30270</v>
      </c>
      <c r="G34872" s="8">
        <v>24705000</v>
      </c>
      <c r="H34872" s="8">
        <v>5929200</v>
      </c>
      <c r="I34872" s="8">
        <v>19269900</v>
      </c>
      <c r="J34872" s="8">
        <v>5435100</v>
      </c>
      <c r="K34872" s="9"/>
      <c r="L34872" s="6"/>
    </row>
    <row r="34873" spans="1:12">
      <c r="A34873" s="6" t="s">
        <v>34958</v>
      </c>
      <c r="B34873" s="6"/>
      <c r="C34873" s="6" t="s">
        <v>32230</v>
      </c>
      <c r="D34873" s="6"/>
      <c r="E34873" s="6" t="s">
        <v>9</v>
      </c>
      <c r="F34873" s="7">
        <v>42212</v>
      </c>
      <c r="G34873" s="8">
        <v>351000</v>
      </c>
      <c r="H34873" s="8">
        <v>315900</v>
      </c>
      <c r="I34873" s="8">
        <v>42120</v>
      </c>
      <c r="J34873" s="8">
        <v>308880</v>
      </c>
      <c r="K34873" s="9"/>
      <c r="L34873" s="6"/>
    </row>
    <row r="34874" spans="1:12">
      <c r="A34874" s="6" t="s">
        <v>34959</v>
      </c>
      <c r="B34874" s="6"/>
      <c r="C34874" s="6" t="s">
        <v>32230</v>
      </c>
      <c r="D34874" s="6"/>
      <c r="E34874" s="6" t="s">
        <v>9</v>
      </c>
      <c r="F34874" s="7">
        <v>30270</v>
      </c>
      <c r="G34874" s="8">
        <v>4576500</v>
      </c>
      <c r="H34874" s="8">
        <v>1098360</v>
      </c>
      <c r="I34874" s="8">
        <v>3569670</v>
      </c>
      <c r="J34874" s="8">
        <v>1006830</v>
      </c>
      <c r="K34874" s="9"/>
      <c r="L34874" s="6"/>
    </row>
    <row r="34875" spans="1:12">
      <c r="A34875" s="6" t="s">
        <v>34960</v>
      </c>
      <c r="B34875" s="6"/>
      <c r="C34875" s="6" t="s">
        <v>32230</v>
      </c>
      <c r="D34875" s="6"/>
      <c r="E34875" s="6" t="s">
        <v>9</v>
      </c>
      <c r="F34875" s="7">
        <v>30270</v>
      </c>
      <c r="G34875" s="8">
        <v>5394600</v>
      </c>
      <c r="H34875" s="8">
        <v>1294704</v>
      </c>
      <c r="I34875" s="8">
        <v>4207788</v>
      </c>
      <c r="J34875" s="8">
        <v>1186812</v>
      </c>
      <c r="K34875" s="9"/>
      <c r="L34875" s="6"/>
    </row>
    <row r="34876" spans="1:12">
      <c r="A34876" s="6" t="s">
        <v>34961</v>
      </c>
      <c r="B34876" s="6"/>
      <c r="C34876" s="6" t="s">
        <v>32230</v>
      </c>
      <c r="D34876" s="6"/>
      <c r="E34876" s="6" t="s">
        <v>9</v>
      </c>
      <c r="F34876" s="7">
        <v>30270</v>
      </c>
      <c r="G34876" s="8">
        <v>9282600</v>
      </c>
      <c r="H34876" s="8">
        <v>2227824</v>
      </c>
      <c r="I34876" s="8">
        <v>7240428</v>
      </c>
      <c r="J34876" s="8">
        <v>2042172</v>
      </c>
      <c r="K34876" s="9"/>
      <c r="L34876" s="6"/>
    </row>
    <row r="34877" spans="1:12">
      <c r="A34877" s="6" t="s">
        <v>34962</v>
      </c>
      <c r="B34877" s="6"/>
      <c r="C34877" s="6" t="s">
        <v>32230</v>
      </c>
      <c r="D34877" s="6"/>
      <c r="E34877" s="6" t="s">
        <v>9</v>
      </c>
      <c r="F34877" s="7">
        <v>30270</v>
      </c>
      <c r="G34877" s="8">
        <v>1398600</v>
      </c>
      <c r="H34877" s="8">
        <v>335664</v>
      </c>
      <c r="I34877" s="8">
        <v>1090908</v>
      </c>
      <c r="J34877" s="8">
        <v>307692</v>
      </c>
      <c r="K34877" s="9"/>
      <c r="L34877" s="6"/>
    </row>
    <row r="34878" spans="1:12">
      <c r="A34878" s="6" t="s">
        <v>34963</v>
      </c>
      <c r="B34878" s="6"/>
      <c r="C34878" s="6" t="s">
        <v>32230</v>
      </c>
      <c r="D34878" s="6"/>
      <c r="E34878" s="6" t="s">
        <v>9</v>
      </c>
      <c r="F34878" s="7">
        <v>30270</v>
      </c>
      <c r="G34878" s="8">
        <v>1393200</v>
      </c>
      <c r="H34878" s="8">
        <v>334368</v>
      </c>
      <c r="I34878" s="8">
        <v>1086696</v>
      </c>
      <c r="J34878" s="8">
        <v>306504</v>
      </c>
      <c r="K34878" s="9"/>
      <c r="L34878" s="6"/>
    </row>
    <row r="34879" spans="1:12">
      <c r="A34879" s="6" t="s">
        <v>34964</v>
      </c>
      <c r="B34879" s="6"/>
      <c r="C34879" s="6" t="s">
        <v>32230</v>
      </c>
      <c r="D34879" s="6"/>
      <c r="E34879" s="6" t="s">
        <v>9</v>
      </c>
      <c r="F34879" s="7">
        <v>30270</v>
      </c>
      <c r="G34879" s="8">
        <v>42152400</v>
      </c>
      <c r="H34879" s="8">
        <v>10116576</v>
      </c>
      <c r="I34879" s="8">
        <v>32878872</v>
      </c>
      <c r="J34879" s="8">
        <v>9273528</v>
      </c>
      <c r="K34879" s="9"/>
      <c r="L34879" s="6"/>
    </row>
    <row r="34880" spans="1:12">
      <c r="A34880" s="6" t="s">
        <v>34965</v>
      </c>
      <c r="B34880" s="6"/>
      <c r="C34880" s="6" t="s">
        <v>32230</v>
      </c>
      <c r="D34880" s="6"/>
      <c r="E34880" s="6" t="s">
        <v>9</v>
      </c>
      <c r="F34880" s="7">
        <v>30270</v>
      </c>
      <c r="G34880" s="8">
        <v>6876900</v>
      </c>
      <c r="H34880" s="8">
        <v>1650456</v>
      </c>
      <c r="I34880" s="8">
        <v>5363982</v>
      </c>
      <c r="J34880" s="8">
        <v>1512918</v>
      </c>
      <c r="K34880" s="9"/>
      <c r="L34880" s="6"/>
    </row>
    <row r="34881" spans="1:12">
      <c r="A34881" s="6" t="s">
        <v>34966</v>
      </c>
      <c r="B34881" s="6"/>
      <c r="C34881" s="6" t="s">
        <v>32230</v>
      </c>
      <c r="D34881" s="6"/>
      <c r="E34881" s="6" t="s">
        <v>9</v>
      </c>
      <c r="F34881" s="7">
        <v>30270</v>
      </c>
      <c r="G34881" s="8">
        <v>6766200</v>
      </c>
      <c r="H34881" s="8">
        <v>1623888</v>
      </c>
      <c r="I34881" s="8">
        <v>5277636</v>
      </c>
      <c r="J34881" s="8">
        <v>1488564</v>
      </c>
      <c r="K34881" s="9"/>
      <c r="L34881" s="6"/>
    </row>
    <row r="34882" spans="1:12">
      <c r="A34882" s="6" t="s">
        <v>34967</v>
      </c>
      <c r="B34882" s="6"/>
      <c r="C34882" s="6" t="s">
        <v>32230</v>
      </c>
      <c r="D34882" s="6"/>
      <c r="E34882" s="6" t="s">
        <v>9</v>
      </c>
      <c r="F34882" s="7">
        <v>30270</v>
      </c>
      <c r="G34882" s="8">
        <v>25596000</v>
      </c>
      <c r="H34882" s="8">
        <v>6143040</v>
      </c>
      <c r="I34882" s="8">
        <v>19964880</v>
      </c>
      <c r="J34882" s="8">
        <v>5631120</v>
      </c>
      <c r="K34882" s="9"/>
      <c r="L34882" s="6"/>
    </row>
    <row r="34883" spans="1:12">
      <c r="A34883" s="6" t="s">
        <v>34968</v>
      </c>
      <c r="B34883" s="6"/>
      <c r="C34883" s="6" t="s">
        <v>32230</v>
      </c>
      <c r="D34883" s="6"/>
      <c r="E34883" s="6" t="s">
        <v>9</v>
      </c>
      <c r="F34883" s="7">
        <v>30270</v>
      </c>
      <c r="G34883" s="8">
        <v>46866600</v>
      </c>
      <c r="H34883" s="8">
        <v>11247984</v>
      </c>
      <c r="I34883" s="8">
        <v>36555948</v>
      </c>
      <c r="J34883" s="8">
        <v>10310652</v>
      </c>
      <c r="K34883" s="9"/>
      <c r="L34883" s="6"/>
    </row>
    <row r="34884" spans="1:12">
      <c r="A34884" s="6" t="s">
        <v>33185</v>
      </c>
      <c r="B34884" s="6"/>
      <c r="C34884" s="6" t="s">
        <v>32230</v>
      </c>
      <c r="D34884" s="6"/>
      <c r="E34884" s="6" t="s">
        <v>9</v>
      </c>
      <c r="F34884" s="7"/>
      <c r="G34884" s="8">
        <v>1</v>
      </c>
      <c r="H34884" s="8">
        <v>1</v>
      </c>
      <c r="I34884" s="8">
        <v>0</v>
      </c>
      <c r="J34884" s="8">
        <v>1</v>
      </c>
      <c r="K34884" s="9"/>
      <c r="L34884" s="6"/>
    </row>
    <row r="34885" spans="1:12">
      <c r="A34885" s="6" t="s">
        <v>34969</v>
      </c>
      <c r="B34885" s="6"/>
      <c r="C34885" s="6" t="s">
        <v>32230</v>
      </c>
      <c r="D34885" s="6"/>
      <c r="E34885" s="6" t="s">
        <v>9</v>
      </c>
      <c r="F34885" s="7">
        <v>30270</v>
      </c>
      <c r="G34885" s="8">
        <v>31622400</v>
      </c>
      <c r="H34885" s="8">
        <v>7589376</v>
      </c>
      <c r="I34885" s="8">
        <v>24665472</v>
      </c>
      <c r="J34885" s="8">
        <v>6956928</v>
      </c>
      <c r="K34885" s="9"/>
      <c r="L34885" s="6"/>
    </row>
    <row r="34886" spans="1:12">
      <c r="A34886" s="6" t="s">
        <v>34970</v>
      </c>
      <c r="B34886" s="6"/>
      <c r="C34886" s="6" t="s">
        <v>32230</v>
      </c>
      <c r="D34886" s="6"/>
      <c r="E34886" s="6" t="s">
        <v>9</v>
      </c>
      <c r="F34886" s="7">
        <v>30270</v>
      </c>
      <c r="G34886" s="8">
        <v>26746200</v>
      </c>
      <c r="H34886" s="8">
        <v>6419088</v>
      </c>
      <c r="I34886" s="8">
        <v>20862036</v>
      </c>
      <c r="J34886" s="8">
        <v>5884164</v>
      </c>
      <c r="K34886" s="9"/>
      <c r="L34886" s="6"/>
    </row>
    <row r="34887" spans="1:12">
      <c r="A34887" s="6" t="s">
        <v>34971</v>
      </c>
      <c r="B34887" s="6"/>
      <c r="C34887" s="6" t="s">
        <v>32230</v>
      </c>
      <c r="D34887" s="6"/>
      <c r="E34887" s="6" t="s">
        <v>9</v>
      </c>
      <c r="F34887" s="7">
        <v>30270</v>
      </c>
      <c r="G34887" s="8">
        <v>28755000</v>
      </c>
      <c r="H34887" s="8">
        <v>6901200</v>
      </c>
      <c r="I34887" s="8">
        <v>22428900</v>
      </c>
      <c r="J34887" s="8">
        <v>6326100</v>
      </c>
      <c r="K34887" s="9"/>
      <c r="L34887" s="6"/>
    </row>
    <row r="34888" spans="1:12">
      <c r="A34888" s="6" t="s">
        <v>34972</v>
      </c>
      <c r="B34888" s="6"/>
      <c r="C34888" s="6" t="s">
        <v>32230</v>
      </c>
      <c r="D34888" s="6"/>
      <c r="E34888" s="6" t="s">
        <v>9</v>
      </c>
      <c r="F34888" s="7">
        <v>30127</v>
      </c>
      <c r="G34888" s="8">
        <v>5329800</v>
      </c>
      <c r="H34888" s="8">
        <v>1279152</v>
      </c>
      <c r="I34888" s="8">
        <v>4157244</v>
      </c>
      <c r="J34888" s="8">
        <v>1172556</v>
      </c>
      <c r="K34888" s="9"/>
      <c r="L34888" s="6"/>
    </row>
    <row r="34889" spans="1:12">
      <c r="A34889" s="6" t="s">
        <v>34973</v>
      </c>
      <c r="B34889" s="6"/>
      <c r="C34889" s="6" t="s">
        <v>32230</v>
      </c>
      <c r="D34889" s="6"/>
      <c r="E34889" s="6" t="s">
        <v>9</v>
      </c>
      <c r="F34889" s="7">
        <v>30127</v>
      </c>
      <c r="G34889" s="8">
        <v>13154400</v>
      </c>
      <c r="H34889" s="8">
        <v>3157056</v>
      </c>
      <c r="I34889" s="8">
        <v>10260432</v>
      </c>
      <c r="J34889" s="8">
        <v>2893968</v>
      </c>
      <c r="K34889" s="9"/>
      <c r="L34889" s="6"/>
    </row>
    <row r="34890" spans="1:12">
      <c r="A34890" s="6" t="s">
        <v>34974</v>
      </c>
      <c r="B34890" s="6"/>
      <c r="C34890" s="6" t="s">
        <v>32230</v>
      </c>
      <c r="D34890" s="6"/>
      <c r="E34890" s="6" t="s">
        <v>9</v>
      </c>
      <c r="F34890" s="7">
        <v>30127</v>
      </c>
      <c r="G34890" s="8">
        <v>16613100</v>
      </c>
      <c r="H34890" s="8">
        <v>3987144</v>
      </c>
      <c r="I34890" s="8">
        <v>12958218</v>
      </c>
      <c r="J34890" s="8">
        <v>3654882</v>
      </c>
      <c r="K34890" s="9"/>
      <c r="L34890" s="6"/>
    </row>
    <row r="34891" spans="1:12">
      <c r="A34891" s="6" t="s">
        <v>34975</v>
      </c>
      <c r="B34891" s="6"/>
      <c r="C34891" s="6" t="s">
        <v>32230</v>
      </c>
      <c r="D34891" s="6"/>
      <c r="E34891" s="6" t="s">
        <v>9</v>
      </c>
      <c r="F34891" s="7">
        <v>30498</v>
      </c>
      <c r="G34891" s="8">
        <v>999000</v>
      </c>
      <c r="H34891" s="8">
        <v>259740</v>
      </c>
      <c r="I34891" s="8">
        <v>759240</v>
      </c>
      <c r="J34891" s="8">
        <v>239760</v>
      </c>
      <c r="K34891" s="9"/>
      <c r="L34891" s="6"/>
    </row>
    <row r="34892" spans="1:12">
      <c r="A34892" s="6" t="s">
        <v>34976</v>
      </c>
      <c r="B34892" s="6"/>
      <c r="C34892" s="6" t="s">
        <v>32230</v>
      </c>
      <c r="D34892" s="6"/>
      <c r="E34892" s="6" t="s">
        <v>9</v>
      </c>
      <c r="F34892" s="7">
        <v>30498</v>
      </c>
      <c r="G34892" s="8">
        <v>1471500</v>
      </c>
      <c r="H34892" s="8">
        <v>382590</v>
      </c>
      <c r="I34892" s="8">
        <v>1118340</v>
      </c>
      <c r="J34892" s="8">
        <v>353160</v>
      </c>
      <c r="K34892" s="9"/>
      <c r="L34892" s="6"/>
    </row>
    <row r="34893" spans="1:12">
      <c r="A34893" s="6" t="s">
        <v>34977</v>
      </c>
      <c r="B34893" s="6"/>
      <c r="C34893" s="6" t="s">
        <v>32230</v>
      </c>
      <c r="D34893" s="6"/>
      <c r="E34893" s="6" t="s">
        <v>9</v>
      </c>
      <c r="F34893" s="7">
        <v>30498</v>
      </c>
      <c r="G34893" s="8">
        <v>27596700</v>
      </c>
      <c r="H34893" s="8">
        <v>7175142</v>
      </c>
      <c r="I34893" s="8">
        <v>20973492</v>
      </c>
      <c r="J34893" s="8">
        <v>6623208</v>
      </c>
      <c r="K34893" s="9"/>
      <c r="L34893" s="6"/>
    </row>
    <row r="34894" spans="1:12">
      <c r="A34894" s="6" t="s">
        <v>34978</v>
      </c>
      <c r="B34894" s="6"/>
      <c r="C34894" s="6" t="s">
        <v>32230</v>
      </c>
      <c r="D34894" s="6"/>
      <c r="E34894" s="6" t="s">
        <v>9</v>
      </c>
      <c r="F34894" s="7">
        <v>30498</v>
      </c>
      <c r="G34894" s="8">
        <v>3496500</v>
      </c>
      <c r="H34894" s="8">
        <v>909090</v>
      </c>
      <c r="I34894" s="8">
        <v>2657340</v>
      </c>
      <c r="J34894" s="8">
        <v>839160</v>
      </c>
      <c r="K34894" s="9"/>
      <c r="L34894" s="6"/>
    </row>
    <row r="34895" spans="1:12">
      <c r="A34895" s="6" t="s">
        <v>34979</v>
      </c>
      <c r="B34895" s="6"/>
      <c r="C34895" s="6" t="s">
        <v>32230</v>
      </c>
      <c r="D34895" s="6"/>
      <c r="E34895" s="6" t="s">
        <v>9</v>
      </c>
      <c r="F34895" s="7">
        <v>30498</v>
      </c>
      <c r="G34895" s="8">
        <v>10319400</v>
      </c>
      <c r="H34895" s="8">
        <v>2683044</v>
      </c>
      <c r="I34895" s="8">
        <v>7842744</v>
      </c>
      <c r="J34895" s="8">
        <v>2476656</v>
      </c>
      <c r="K34895" s="9"/>
      <c r="L34895" s="6"/>
    </row>
    <row r="34896" spans="1:12">
      <c r="A34896" s="6" t="s">
        <v>34980</v>
      </c>
      <c r="B34896" s="6"/>
      <c r="C34896" s="6" t="s">
        <v>32230</v>
      </c>
      <c r="D34896" s="6"/>
      <c r="E34896" s="6" t="s">
        <v>9</v>
      </c>
      <c r="F34896" s="7">
        <v>30498</v>
      </c>
      <c r="G34896" s="8">
        <v>9622800</v>
      </c>
      <c r="H34896" s="8">
        <v>2501928</v>
      </c>
      <c r="I34896" s="8">
        <v>7313328</v>
      </c>
      <c r="J34896" s="8">
        <v>2309472</v>
      </c>
      <c r="K34896" s="9"/>
      <c r="L34896" s="6"/>
    </row>
    <row r="34897" spans="1:12">
      <c r="A34897" s="6" t="s">
        <v>34981</v>
      </c>
      <c r="B34897" s="6"/>
      <c r="C34897" s="6" t="s">
        <v>32230</v>
      </c>
      <c r="D34897" s="6"/>
      <c r="E34897" s="6" t="s">
        <v>9</v>
      </c>
      <c r="F34897" s="7">
        <v>31226</v>
      </c>
      <c r="G34897" s="8">
        <v>3790800</v>
      </c>
      <c r="H34897" s="8">
        <v>1137240</v>
      </c>
      <c r="I34897" s="8">
        <v>2729376</v>
      </c>
      <c r="J34897" s="8">
        <v>1061424</v>
      </c>
      <c r="K34897" s="9"/>
      <c r="L34897" s="6"/>
    </row>
    <row r="34898" spans="1:12">
      <c r="A34898" s="6" t="s">
        <v>34982</v>
      </c>
      <c r="B34898" s="6"/>
      <c r="C34898" s="6" t="s">
        <v>32230</v>
      </c>
      <c r="D34898" s="6"/>
      <c r="E34898" s="6" t="s">
        <v>9</v>
      </c>
      <c r="F34898" s="7">
        <v>31226</v>
      </c>
      <c r="G34898" s="8">
        <v>10905300</v>
      </c>
      <c r="H34898" s="8">
        <v>3271590</v>
      </c>
      <c r="I34898" s="8">
        <v>7851816</v>
      </c>
      <c r="J34898" s="8">
        <v>3053484</v>
      </c>
      <c r="K34898" s="9"/>
      <c r="L34898" s="6"/>
    </row>
    <row r="34899" spans="1:12">
      <c r="A34899" s="6" t="s">
        <v>34983</v>
      </c>
      <c r="B34899" s="6"/>
      <c r="C34899" s="6" t="s">
        <v>32230</v>
      </c>
      <c r="D34899" s="6"/>
      <c r="E34899" s="6" t="s">
        <v>9</v>
      </c>
      <c r="F34899" s="7">
        <v>31226</v>
      </c>
      <c r="G34899" s="8">
        <v>794200</v>
      </c>
      <c r="H34899" s="8">
        <v>238260</v>
      </c>
      <c r="I34899" s="8">
        <v>571824</v>
      </c>
      <c r="J34899" s="8">
        <v>222376</v>
      </c>
      <c r="K34899" s="9"/>
      <c r="L34899" s="6"/>
    </row>
    <row r="34900" spans="1:12">
      <c r="A34900" s="6" t="s">
        <v>34984</v>
      </c>
      <c r="B34900" s="6"/>
      <c r="C34900" s="6" t="s">
        <v>32230</v>
      </c>
      <c r="D34900" s="6"/>
      <c r="E34900" s="6" t="s">
        <v>9</v>
      </c>
      <c r="F34900" s="7">
        <v>31587</v>
      </c>
      <c r="G34900" s="8">
        <v>3034800</v>
      </c>
      <c r="H34900" s="8">
        <v>971136</v>
      </c>
      <c r="I34900" s="8">
        <v>2124360</v>
      </c>
      <c r="J34900" s="8">
        <v>910440</v>
      </c>
      <c r="K34900" s="9"/>
      <c r="L34900" s="6"/>
    </row>
    <row r="34901" spans="1:12">
      <c r="A34901" s="6" t="s">
        <v>34985</v>
      </c>
      <c r="B34901" s="6"/>
      <c r="C34901" s="6" t="s">
        <v>32230</v>
      </c>
      <c r="D34901" s="6"/>
      <c r="E34901" s="6" t="s">
        <v>9</v>
      </c>
      <c r="F34901" s="7">
        <v>31587</v>
      </c>
      <c r="G34901" s="8">
        <v>4455000</v>
      </c>
      <c r="H34901" s="8">
        <v>1425600</v>
      </c>
      <c r="I34901" s="8">
        <v>3118500</v>
      </c>
      <c r="J34901" s="8">
        <v>1336500</v>
      </c>
      <c r="K34901" s="9"/>
      <c r="L34901" s="6"/>
    </row>
    <row r="34902" spans="1:12">
      <c r="A34902" s="6" t="s">
        <v>34986</v>
      </c>
      <c r="B34902" s="6"/>
      <c r="C34902" s="6" t="s">
        <v>32230</v>
      </c>
      <c r="D34902" s="6"/>
      <c r="E34902" s="6" t="s">
        <v>9</v>
      </c>
      <c r="F34902" s="7">
        <v>31952</v>
      </c>
      <c r="G34902" s="8">
        <v>6871500</v>
      </c>
      <c r="H34902" s="8">
        <v>2336310</v>
      </c>
      <c r="I34902" s="8">
        <v>4672620</v>
      </c>
      <c r="J34902" s="8">
        <v>2198880</v>
      </c>
      <c r="K34902" s="9"/>
      <c r="L34902" s="6"/>
    </row>
    <row r="34903" spans="1:12">
      <c r="A34903" s="6" t="s">
        <v>34987</v>
      </c>
      <c r="B34903" s="6"/>
      <c r="C34903" s="6" t="s">
        <v>32230</v>
      </c>
      <c r="D34903" s="6"/>
      <c r="E34903" s="6" t="s">
        <v>9</v>
      </c>
      <c r="F34903" s="7">
        <v>31952</v>
      </c>
      <c r="G34903" s="8">
        <v>67456000</v>
      </c>
      <c r="H34903" s="8">
        <v>22935040</v>
      </c>
      <c r="I34903" s="8">
        <v>45870080</v>
      </c>
      <c r="J34903" s="8">
        <v>21585920</v>
      </c>
      <c r="K34903" s="9"/>
      <c r="L34903" s="6"/>
    </row>
    <row r="34904" spans="1:12">
      <c r="A34904" s="6" t="s">
        <v>34988</v>
      </c>
      <c r="B34904" s="6"/>
      <c r="C34904" s="6" t="s">
        <v>32230</v>
      </c>
      <c r="D34904" s="6"/>
      <c r="E34904" s="6" t="s">
        <v>9</v>
      </c>
      <c r="F34904" s="7">
        <v>32317</v>
      </c>
      <c r="G34904" s="8">
        <v>1476900</v>
      </c>
      <c r="H34904" s="8">
        <v>531684</v>
      </c>
      <c r="I34904" s="8">
        <v>974754</v>
      </c>
      <c r="J34904" s="8">
        <v>502146</v>
      </c>
      <c r="K34904" s="9"/>
      <c r="L34904" s="6"/>
    </row>
    <row r="34905" spans="1:12">
      <c r="A34905" s="6" t="s">
        <v>34989</v>
      </c>
      <c r="B34905" s="6"/>
      <c r="C34905" s="6" t="s">
        <v>32230</v>
      </c>
      <c r="D34905" s="6"/>
      <c r="E34905" s="6" t="s">
        <v>9</v>
      </c>
      <c r="F34905" s="7">
        <v>32317</v>
      </c>
      <c r="G34905" s="8">
        <v>1972200</v>
      </c>
      <c r="H34905" s="8">
        <v>709992</v>
      </c>
      <c r="I34905" s="8">
        <v>1301652</v>
      </c>
      <c r="J34905" s="8">
        <v>670548</v>
      </c>
      <c r="K34905" s="9"/>
      <c r="L34905" s="6"/>
    </row>
    <row r="34906" spans="1:12">
      <c r="A34906" s="6" t="s">
        <v>34990</v>
      </c>
      <c r="B34906" s="6"/>
      <c r="C34906" s="6" t="s">
        <v>32230</v>
      </c>
      <c r="D34906" s="6"/>
      <c r="E34906" s="6" t="s">
        <v>9</v>
      </c>
      <c r="F34906" s="7">
        <v>32686</v>
      </c>
      <c r="G34906" s="8">
        <v>8529300</v>
      </c>
      <c r="H34906" s="8">
        <v>3241134</v>
      </c>
      <c r="I34906" s="8">
        <v>5458752</v>
      </c>
      <c r="J34906" s="8">
        <v>3070548</v>
      </c>
      <c r="K34906" s="9"/>
      <c r="L34906" s="6"/>
    </row>
    <row r="34907" spans="1:12">
      <c r="A34907" s="6" t="s">
        <v>33185</v>
      </c>
      <c r="B34907" s="6"/>
      <c r="C34907" s="6" t="s">
        <v>32230</v>
      </c>
      <c r="D34907" s="6"/>
      <c r="E34907" s="6" t="s">
        <v>9</v>
      </c>
      <c r="F34907" s="7"/>
      <c r="G34907" s="8">
        <v>1</v>
      </c>
      <c r="H34907" s="8">
        <v>1</v>
      </c>
      <c r="I34907" s="8">
        <v>0</v>
      </c>
      <c r="J34907" s="8">
        <v>1</v>
      </c>
      <c r="K34907" s="9"/>
      <c r="L34907" s="6"/>
    </row>
    <row r="34908" spans="1:12">
      <c r="A34908" s="6" t="s">
        <v>34991</v>
      </c>
      <c r="B34908" s="6"/>
      <c r="C34908" s="6" t="s">
        <v>32230</v>
      </c>
      <c r="D34908" s="6"/>
      <c r="E34908" s="6" t="s">
        <v>9</v>
      </c>
      <c r="F34908" s="7">
        <v>32686</v>
      </c>
      <c r="G34908" s="8">
        <v>2430000</v>
      </c>
      <c r="H34908" s="8">
        <v>923400</v>
      </c>
      <c r="I34908" s="8">
        <v>1555200</v>
      </c>
      <c r="J34908" s="8">
        <v>874800</v>
      </c>
      <c r="K34908" s="9"/>
      <c r="L34908" s="6"/>
    </row>
    <row r="34909" spans="1:12">
      <c r="A34909" s="6" t="s">
        <v>34992</v>
      </c>
      <c r="B34909" s="6"/>
      <c r="C34909" s="6" t="s">
        <v>32230</v>
      </c>
      <c r="D34909" s="6"/>
      <c r="E34909" s="6" t="s">
        <v>9</v>
      </c>
      <c r="F34909" s="7">
        <v>32686</v>
      </c>
      <c r="G34909" s="8">
        <v>15516900</v>
      </c>
      <c r="H34909" s="8">
        <v>5896422</v>
      </c>
      <c r="I34909" s="8">
        <v>9930816</v>
      </c>
      <c r="J34909" s="8">
        <v>5586084</v>
      </c>
      <c r="K34909" s="9"/>
      <c r="L34909" s="6"/>
    </row>
    <row r="34910" spans="1:12">
      <c r="A34910" s="6" t="s">
        <v>34992</v>
      </c>
      <c r="B34910" s="6"/>
      <c r="C34910" s="6" t="s">
        <v>32230</v>
      </c>
      <c r="D34910" s="6"/>
      <c r="E34910" s="6"/>
      <c r="F34910" s="7">
        <v>43191</v>
      </c>
      <c r="G34910" s="8">
        <v>918000</v>
      </c>
      <c r="H34910" s="8">
        <v>881280</v>
      </c>
      <c r="I34910" s="8">
        <v>55080</v>
      </c>
      <c r="J34910" s="8">
        <v>862920</v>
      </c>
      <c r="K34910" s="9"/>
      <c r="L34910" s="6"/>
    </row>
    <row r="34911" spans="1:12">
      <c r="A34911" s="6" t="s">
        <v>34993</v>
      </c>
      <c r="B34911" s="6"/>
      <c r="C34911" s="6" t="s">
        <v>32230</v>
      </c>
      <c r="D34911" s="6"/>
      <c r="E34911" s="6" t="s">
        <v>9</v>
      </c>
      <c r="F34911" s="7">
        <v>32686</v>
      </c>
      <c r="G34911" s="8">
        <v>6593400</v>
      </c>
      <c r="H34911" s="8">
        <v>2505492</v>
      </c>
      <c r="I34911" s="8">
        <v>4219776</v>
      </c>
      <c r="J34911" s="8">
        <v>2373624</v>
      </c>
      <c r="K34911" s="9"/>
      <c r="L34911" s="6"/>
    </row>
    <row r="34912" spans="1:12">
      <c r="A34912" s="6" t="s">
        <v>34994</v>
      </c>
      <c r="B34912" s="6"/>
      <c r="C34912" s="6" t="s">
        <v>32230</v>
      </c>
      <c r="D34912" s="6"/>
      <c r="E34912" s="6" t="s">
        <v>9</v>
      </c>
      <c r="F34912" s="7">
        <v>33105</v>
      </c>
      <c r="G34912" s="8">
        <v>6042600</v>
      </c>
      <c r="H34912" s="8">
        <v>2417040</v>
      </c>
      <c r="I34912" s="8">
        <v>3746412</v>
      </c>
      <c r="J34912" s="8">
        <v>2296188</v>
      </c>
      <c r="K34912" s="9"/>
      <c r="L34912" s="6"/>
    </row>
    <row r="34913" spans="1:12">
      <c r="A34913" s="6" t="s">
        <v>34995</v>
      </c>
      <c r="B34913" s="6"/>
      <c r="C34913" s="6" t="s">
        <v>32230</v>
      </c>
      <c r="D34913" s="6"/>
      <c r="E34913" s="6" t="s">
        <v>9</v>
      </c>
      <c r="F34913" s="7">
        <v>33105</v>
      </c>
      <c r="G34913" s="8">
        <v>2948800</v>
      </c>
      <c r="H34913" s="8">
        <v>1179520</v>
      </c>
      <c r="I34913" s="8">
        <v>1828256</v>
      </c>
      <c r="J34913" s="8">
        <v>1120544</v>
      </c>
      <c r="K34913" s="9"/>
      <c r="L34913" s="6"/>
    </row>
    <row r="34914" spans="1:12">
      <c r="A34914" s="6" t="s">
        <v>34996</v>
      </c>
      <c r="B34914" s="6"/>
      <c r="C34914" s="6" t="s">
        <v>32230</v>
      </c>
      <c r="D34914" s="6"/>
      <c r="E34914" s="6" t="s">
        <v>9</v>
      </c>
      <c r="F34914" s="7">
        <v>33105</v>
      </c>
      <c r="G34914" s="8">
        <v>1377000</v>
      </c>
      <c r="H34914" s="8">
        <v>550800</v>
      </c>
      <c r="I34914" s="8">
        <v>853740</v>
      </c>
      <c r="J34914" s="8">
        <v>523260</v>
      </c>
      <c r="K34914" s="9"/>
      <c r="L34914" s="6"/>
    </row>
    <row r="34915" spans="1:12">
      <c r="A34915" s="6" t="s">
        <v>34997</v>
      </c>
      <c r="B34915" s="6"/>
      <c r="C34915" s="6" t="s">
        <v>32230</v>
      </c>
      <c r="D34915" s="6"/>
      <c r="E34915" s="6" t="s">
        <v>9</v>
      </c>
      <c r="F34915" s="7">
        <v>33105</v>
      </c>
      <c r="G34915" s="8">
        <v>5589000</v>
      </c>
      <c r="H34915" s="8">
        <v>2235600</v>
      </c>
      <c r="I34915" s="8">
        <v>3465180</v>
      </c>
      <c r="J34915" s="8">
        <v>2123820</v>
      </c>
      <c r="K34915" s="9"/>
      <c r="L34915" s="6"/>
    </row>
    <row r="34916" spans="1:12">
      <c r="A34916" s="6" t="s">
        <v>34998</v>
      </c>
      <c r="B34916" s="6"/>
      <c r="C34916" s="6" t="s">
        <v>32230</v>
      </c>
      <c r="D34916" s="6"/>
      <c r="E34916" s="6" t="s">
        <v>9</v>
      </c>
      <c r="F34916" s="7">
        <v>33105</v>
      </c>
      <c r="G34916" s="8">
        <v>11485800</v>
      </c>
      <c r="H34916" s="8">
        <v>4594320</v>
      </c>
      <c r="I34916" s="8">
        <v>7121196</v>
      </c>
      <c r="J34916" s="8">
        <v>4364604</v>
      </c>
      <c r="K34916" s="9"/>
      <c r="L34916" s="6"/>
    </row>
    <row r="34917" spans="1:12">
      <c r="A34917" s="6" t="s">
        <v>34999</v>
      </c>
      <c r="B34917" s="6"/>
      <c r="C34917" s="6" t="s">
        <v>32230</v>
      </c>
      <c r="D34917" s="6"/>
      <c r="E34917" s="6" t="s">
        <v>9</v>
      </c>
      <c r="F34917" s="7">
        <v>33105</v>
      </c>
      <c r="G34917" s="8">
        <v>10530000</v>
      </c>
      <c r="H34917" s="8">
        <v>4212000</v>
      </c>
      <c r="I34917" s="8">
        <v>6528600</v>
      </c>
      <c r="J34917" s="8">
        <v>4001400</v>
      </c>
      <c r="K34917" s="9"/>
      <c r="L34917" s="6"/>
    </row>
    <row r="34918" spans="1:12">
      <c r="A34918" s="6" t="s">
        <v>35000</v>
      </c>
      <c r="B34918" s="6"/>
      <c r="C34918" s="6" t="s">
        <v>32230</v>
      </c>
      <c r="D34918" s="6"/>
      <c r="E34918" s="6" t="s">
        <v>9</v>
      </c>
      <c r="F34918" s="7">
        <v>33105</v>
      </c>
      <c r="G34918" s="8">
        <v>1335700</v>
      </c>
      <c r="H34918" s="8">
        <v>534280</v>
      </c>
      <c r="I34918" s="8">
        <v>828134</v>
      </c>
      <c r="J34918" s="8">
        <v>507566</v>
      </c>
      <c r="K34918" s="9"/>
      <c r="L34918" s="6"/>
    </row>
    <row r="34919" spans="1:12">
      <c r="A34919" s="6" t="s">
        <v>35001</v>
      </c>
      <c r="B34919" s="6"/>
      <c r="C34919" s="6" t="s">
        <v>32230</v>
      </c>
      <c r="D34919" s="6"/>
      <c r="E34919" s="6" t="s">
        <v>9</v>
      </c>
      <c r="F34919" s="7">
        <v>33105</v>
      </c>
      <c r="G34919" s="8">
        <v>1169100</v>
      </c>
      <c r="H34919" s="8">
        <v>467640</v>
      </c>
      <c r="I34919" s="8">
        <v>724842</v>
      </c>
      <c r="J34919" s="8">
        <v>444258</v>
      </c>
      <c r="K34919" s="9"/>
      <c r="L34919" s="6"/>
    </row>
    <row r="34920" spans="1:12">
      <c r="A34920" s="6" t="s">
        <v>35002</v>
      </c>
      <c r="B34920" s="6"/>
      <c r="C34920" s="6" t="s">
        <v>32230</v>
      </c>
      <c r="D34920" s="6"/>
      <c r="E34920" s="6" t="s">
        <v>9</v>
      </c>
      <c r="F34920" s="7">
        <v>33105</v>
      </c>
      <c r="G34920" s="8">
        <v>16572600</v>
      </c>
      <c r="H34920" s="8">
        <v>6629040</v>
      </c>
      <c r="I34920" s="8">
        <v>10275012</v>
      </c>
      <c r="J34920" s="8">
        <v>6297588</v>
      </c>
      <c r="K34920" s="9"/>
      <c r="L34920" s="6"/>
    </row>
    <row r="34921" spans="1:12">
      <c r="A34921" s="6" t="s">
        <v>35003</v>
      </c>
      <c r="B34921" s="6"/>
      <c r="C34921" s="6" t="s">
        <v>32230</v>
      </c>
      <c r="D34921" s="6"/>
      <c r="E34921" s="6" t="s">
        <v>9</v>
      </c>
      <c r="F34921" s="7">
        <v>33105</v>
      </c>
      <c r="G34921" s="8">
        <v>8942400</v>
      </c>
      <c r="H34921" s="8">
        <v>3576960</v>
      </c>
      <c r="I34921" s="8">
        <v>5544288</v>
      </c>
      <c r="J34921" s="8">
        <v>3398112</v>
      </c>
      <c r="K34921" s="9"/>
      <c r="L34921" s="6"/>
    </row>
    <row r="34922" spans="1:12">
      <c r="A34922" s="6" t="s">
        <v>35004</v>
      </c>
      <c r="B34922" s="6"/>
      <c r="C34922" s="6" t="s">
        <v>32230</v>
      </c>
      <c r="D34922" s="6"/>
      <c r="E34922" s="6" t="s">
        <v>9</v>
      </c>
      <c r="F34922" s="7">
        <v>33105</v>
      </c>
      <c r="G34922" s="8">
        <v>1555200</v>
      </c>
      <c r="H34922" s="8">
        <v>622080</v>
      </c>
      <c r="I34922" s="8">
        <v>964224</v>
      </c>
      <c r="J34922" s="8">
        <v>590976</v>
      </c>
      <c r="K34922" s="9"/>
      <c r="L34922" s="6"/>
    </row>
    <row r="34923" spans="1:12">
      <c r="A34923" s="6" t="s">
        <v>35005</v>
      </c>
      <c r="B34923" s="6"/>
      <c r="C34923" s="6" t="s">
        <v>32230</v>
      </c>
      <c r="D34923" s="6"/>
      <c r="E34923" s="6" t="s">
        <v>9</v>
      </c>
      <c r="F34923" s="7">
        <v>33420</v>
      </c>
      <c r="G34923" s="8">
        <v>6547500</v>
      </c>
      <c r="H34923" s="8">
        <v>2749950</v>
      </c>
      <c r="I34923" s="8">
        <v>3928500</v>
      </c>
      <c r="J34923" s="8">
        <v>2619000</v>
      </c>
      <c r="K34923" s="9"/>
      <c r="L34923" s="6"/>
    </row>
    <row r="34924" spans="1:12">
      <c r="A34924" s="6" t="s">
        <v>35006</v>
      </c>
      <c r="B34924" s="6"/>
      <c r="C34924" s="6" t="s">
        <v>32230</v>
      </c>
      <c r="D34924" s="6"/>
      <c r="E34924" s="6" t="s">
        <v>9</v>
      </c>
      <c r="F34924" s="7">
        <v>33420</v>
      </c>
      <c r="G34924" s="8">
        <v>11331900</v>
      </c>
      <c r="H34924" s="8">
        <v>4759398</v>
      </c>
      <c r="I34924" s="8">
        <v>6799140</v>
      </c>
      <c r="J34924" s="8">
        <v>4532760</v>
      </c>
      <c r="K34924" s="9"/>
      <c r="L34924" s="6"/>
    </row>
    <row r="34925" spans="1:12">
      <c r="A34925" s="6" t="s">
        <v>35007</v>
      </c>
      <c r="B34925" s="6"/>
      <c r="C34925" s="6" t="s">
        <v>32230</v>
      </c>
      <c r="D34925" s="6"/>
      <c r="E34925" s="6" t="s">
        <v>9</v>
      </c>
      <c r="F34925" s="7">
        <v>33420</v>
      </c>
      <c r="G34925" s="8">
        <v>3645000</v>
      </c>
      <c r="H34925" s="8">
        <v>1530900</v>
      </c>
      <c r="I34925" s="8">
        <v>2187000</v>
      </c>
      <c r="J34925" s="8">
        <v>1458000</v>
      </c>
      <c r="K34925" s="9"/>
      <c r="L34925" s="6"/>
    </row>
    <row r="34926" spans="1:12">
      <c r="A34926" s="6" t="s">
        <v>35008</v>
      </c>
      <c r="B34926" s="6"/>
      <c r="C34926" s="6" t="s">
        <v>32230</v>
      </c>
      <c r="D34926" s="6"/>
      <c r="E34926" s="6" t="s">
        <v>9</v>
      </c>
      <c r="F34926" s="7">
        <v>33420</v>
      </c>
      <c r="G34926" s="8">
        <v>11890800</v>
      </c>
      <c r="H34926" s="8">
        <v>4994136</v>
      </c>
      <c r="I34926" s="8">
        <v>7134480</v>
      </c>
      <c r="J34926" s="8">
        <v>4756320</v>
      </c>
      <c r="K34926" s="9"/>
      <c r="L34926" s="6"/>
    </row>
    <row r="34927" spans="1:12">
      <c r="A34927" s="6" t="s">
        <v>35009</v>
      </c>
      <c r="B34927" s="6"/>
      <c r="C34927" s="6" t="s">
        <v>32230</v>
      </c>
      <c r="D34927" s="6"/>
      <c r="E34927" s="6" t="s">
        <v>9</v>
      </c>
      <c r="F34927" s="7">
        <v>39169</v>
      </c>
      <c r="G34927" s="8">
        <v>7346700</v>
      </c>
      <c r="H34927" s="8">
        <v>5289624</v>
      </c>
      <c r="I34927" s="8">
        <v>2204010</v>
      </c>
      <c r="J34927" s="8">
        <v>5142690</v>
      </c>
      <c r="K34927" s="9"/>
      <c r="L34927" s="6"/>
    </row>
    <row r="34928" spans="1:12">
      <c r="A34928" s="6" t="s">
        <v>35010</v>
      </c>
      <c r="B34928" s="6"/>
      <c r="C34928" s="6" t="s">
        <v>32230</v>
      </c>
      <c r="D34928" s="6"/>
      <c r="E34928" s="6" t="s">
        <v>9</v>
      </c>
      <c r="F34928" s="7">
        <v>33420</v>
      </c>
      <c r="G34928" s="8">
        <v>5670000</v>
      </c>
      <c r="H34928" s="8">
        <v>2381400</v>
      </c>
      <c r="I34928" s="8">
        <v>3402000</v>
      </c>
      <c r="J34928" s="8">
        <v>2268000</v>
      </c>
      <c r="K34928" s="9"/>
      <c r="L34928" s="6"/>
    </row>
    <row r="34929" spans="1:12">
      <c r="A34929" s="6" t="s">
        <v>35011</v>
      </c>
      <c r="B34929" s="6"/>
      <c r="C34929" s="6" t="s">
        <v>32230</v>
      </c>
      <c r="D34929" s="6"/>
      <c r="E34929" s="6" t="s">
        <v>9</v>
      </c>
      <c r="F34929" s="7">
        <v>33786</v>
      </c>
      <c r="G34929" s="8">
        <v>3321000</v>
      </c>
      <c r="H34929" s="8">
        <v>1461240</v>
      </c>
      <c r="I34929" s="8">
        <v>1926180</v>
      </c>
      <c r="J34929" s="8">
        <v>1394820</v>
      </c>
      <c r="K34929" s="9"/>
      <c r="L34929" s="6"/>
    </row>
    <row r="34930" spans="1:12">
      <c r="A34930" s="6" t="s">
        <v>35012</v>
      </c>
      <c r="B34930" s="6"/>
      <c r="C34930" s="6" t="s">
        <v>32230</v>
      </c>
      <c r="D34930" s="6"/>
      <c r="E34930" s="6" t="s">
        <v>9</v>
      </c>
      <c r="F34930" s="7">
        <v>33786</v>
      </c>
      <c r="G34930" s="8">
        <v>6253200</v>
      </c>
      <c r="H34930" s="8">
        <v>2751408</v>
      </c>
      <c r="I34930" s="8">
        <v>3626856</v>
      </c>
      <c r="J34930" s="8">
        <v>2626344</v>
      </c>
      <c r="K34930" s="9"/>
      <c r="L34930" s="6"/>
    </row>
    <row r="34931" spans="1:12">
      <c r="A34931" s="6" t="s">
        <v>33185</v>
      </c>
      <c r="B34931" s="6"/>
      <c r="C34931" s="6" t="s">
        <v>32230</v>
      </c>
      <c r="D34931" s="6"/>
      <c r="E34931" s="6" t="s">
        <v>9</v>
      </c>
      <c r="F34931" s="7"/>
      <c r="G34931" s="8">
        <v>1</v>
      </c>
      <c r="H34931" s="8">
        <v>1</v>
      </c>
      <c r="I34931" s="8">
        <v>0</v>
      </c>
      <c r="J34931" s="8">
        <v>1</v>
      </c>
      <c r="K34931" s="9"/>
      <c r="L34931" s="6"/>
    </row>
    <row r="34932" spans="1:12">
      <c r="A34932" s="6" t="s">
        <v>35013</v>
      </c>
      <c r="B34932" s="6"/>
      <c r="C34932" s="6" t="s">
        <v>32230</v>
      </c>
      <c r="D34932" s="6"/>
      <c r="E34932" s="6" t="s">
        <v>9</v>
      </c>
      <c r="F34932" s="7">
        <v>33786</v>
      </c>
      <c r="G34932" s="8">
        <v>48025600</v>
      </c>
      <c r="H34932" s="8">
        <v>21131264</v>
      </c>
      <c r="I34932" s="8">
        <v>27854848</v>
      </c>
      <c r="J34932" s="8">
        <v>20170752</v>
      </c>
      <c r="K34932" s="9"/>
      <c r="L34932" s="6"/>
    </row>
    <row r="34933" spans="1:12">
      <c r="A34933" s="6" t="s">
        <v>35014</v>
      </c>
      <c r="B34933" s="6"/>
      <c r="C34933" s="6" t="s">
        <v>32230</v>
      </c>
      <c r="D34933" s="6"/>
      <c r="E34933" s="6" t="s">
        <v>9</v>
      </c>
      <c r="F34933" s="7">
        <v>33786</v>
      </c>
      <c r="G34933" s="8">
        <v>20954700</v>
      </c>
      <c r="H34933" s="8">
        <v>9220068</v>
      </c>
      <c r="I34933" s="8">
        <v>12153726</v>
      </c>
      <c r="J34933" s="8">
        <v>8800974</v>
      </c>
      <c r="K34933" s="9"/>
      <c r="L34933" s="6"/>
    </row>
    <row r="34934" spans="1:12">
      <c r="A34934" s="6" t="s">
        <v>35015</v>
      </c>
      <c r="B34934" s="6"/>
      <c r="C34934" s="6" t="s">
        <v>32230</v>
      </c>
      <c r="D34934" s="6"/>
      <c r="E34934" s="6" t="s">
        <v>9</v>
      </c>
      <c r="F34934" s="7">
        <v>34142</v>
      </c>
      <c r="G34934" s="8">
        <v>4341600</v>
      </c>
      <c r="H34934" s="8">
        <v>1997136</v>
      </c>
      <c r="I34934" s="8">
        <v>2431296</v>
      </c>
      <c r="J34934" s="8">
        <v>1910304</v>
      </c>
      <c r="K34934" s="9"/>
      <c r="L34934" s="6"/>
    </row>
    <row r="34935" spans="1:12">
      <c r="A34935" s="6" t="s">
        <v>35016</v>
      </c>
      <c r="B34935" s="6"/>
      <c r="C34935" s="6" t="s">
        <v>32230</v>
      </c>
      <c r="D34935" s="6"/>
      <c r="E34935" s="6" t="s">
        <v>9</v>
      </c>
      <c r="F34935" s="7">
        <v>34142</v>
      </c>
      <c r="G34935" s="8">
        <v>3831300</v>
      </c>
      <c r="H34935" s="8">
        <v>1762398</v>
      </c>
      <c r="I34935" s="8">
        <v>2145528</v>
      </c>
      <c r="J34935" s="8">
        <v>1685772</v>
      </c>
      <c r="K34935" s="9"/>
      <c r="L34935" s="6"/>
    </row>
    <row r="34936" spans="1:12">
      <c r="A34936" s="6" t="s">
        <v>35017</v>
      </c>
      <c r="B34936" s="6"/>
      <c r="C34936" s="6" t="s">
        <v>32230</v>
      </c>
      <c r="D34936" s="6"/>
      <c r="E34936" s="6" t="s">
        <v>9</v>
      </c>
      <c r="F34936" s="7">
        <v>34758</v>
      </c>
      <c r="G34936" s="8">
        <v>8432100</v>
      </c>
      <c r="H34936" s="8">
        <v>4047408</v>
      </c>
      <c r="I34936" s="8">
        <v>4553334</v>
      </c>
      <c r="J34936" s="8">
        <v>3878766</v>
      </c>
      <c r="K34936" s="9"/>
      <c r="L34936" s="6"/>
    </row>
    <row r="34937" spans="1:12">
      <c r="A34937" s="6" t="s">
        <v>35018</v>
      </c>
      <c r="B34937" s="6"/>
      <c r="C34937" s="6" t="s">
        <v>32230</v>
      </c>
      <c r="D34937" s="6"/>
      <c r="E34937" s="6" t="s">
        <v>9</v>
      </c>
      <c r="F34937" s="7">
        <v>35153</v>
      </c>
      <c r="G34937" s="8">
        <v>22801500</v>
      </c>
      <c r="H34937" s="8">
        <v>11400750</v>
      </c>
      <c r="I34937" s="8">
        <v>11856780</v>
      </c>
      <c r="J34937" s="8">
        <v>10944720</v>
      </c>
      <c r="K34937" s="9"/>
      <c r="L34937" s="6"/>
    </row>
    <row r="34938" spans="1:12">
      <c r="A34938" s="6" t="s">
        <v>35019</v>
      </c>
      <c r="B34938" s="6"/>
      <c r="C34938" s="6" t="s">
        <v>32230</v>
      </c>
      <c r="D34938" s="6"/>
      <c r="E34938" s="6" t="s">
        <v>9</v>
      </c>
      <c r="F34938" s="7">
        <v>35153</v>
      </c>
      <c r="G34938" s="8">
        <v>3264300</v>
      </c>
      <c r="H34938" s="8">
        <v>1632150</v>
      </c>
      <c r="I34938" s="8">
        <v>1697436</v>
      </c>
      <c r="J34938" s="8">
        <v>1566864</v>
      </c>
      <c r="K34938" s="9"/>
      <c r="L34938" s="6"/>
    </row>
    <row r="34939" spans="1:12">
      <c r="A34939" s="6" t="s">
        <v>35020</v>
      </c>
      <c r="B34939" s="6"/>
      <c r="C34939" s="6" t="s">
        <v>32230</v>
      </c>
      <c r="D34939" s="6"/>
      <c r="E34939" s="6" t="s">
        <v>9</v>
      </c>
      <c r="F34939" s="7">
        <v>35153</v>
      </c>
      <c r="G34939" s="8">
        <v>17107200</v>
      </c>
      <c r="H34939" s="8">
        <v>8553600</v>
      </c>
      <c r="I34939" s="8">
        <v>8895744</v>
      </c>
      <c r="J34939" s="8">
        <v>8211456</v>
      </c>
      <c r="K34939" s="9"/>
      <c r="L34939" s="6"/>
    </row>
    <row r="34940" spans="1:12">
      <c r="A34940" s="6" t="s">
        <v>35021</v>
      </c>
      <c r="B34940" s="6"/>
      <c r="C34940" s="6" t="s">
        <v>32230</v>
      </c>
      <c r="D34940" s="6"/>
      <c r="E34940" s="6" t="s">
        <v>9</v>
      </c>
      <c r="F34940" s="7">
        <v>35153</v>
      </c>
      <c r="G34940" s="8">
        <v>10465200</v>
      </c>
      <c r="H34940" s="8">
        <v>5232600</v>
      </c>
      <c r="I34940" s="8">
        <v>5441904</v>
      </c>
      <c r="J34940" s="8">
        <v>5023296</v>
      </c>
      <c r="K34940" s="9"/>
      <c r="L34940" s="6"/>
    </row>
    <row r="34941" spans="1:12">
      <c r="A34941" s="6" t="s">
        <v>35022</v>
      </c>
      <c r="B34941" s="6"/>
      <c r="C34941" s="6" t="s">
        <v>32230</v>
      </c>
      <c r="D34941" s="6"/>
      <c r="E34941" s="6" t="s">
        <v>9</v>
      </c>
      <c r="F34941" s="7">
        <v>35244</v>
      </c>
      <c r="G34941" s="8">
        <v>24097500</v>
      </c>
      <c r="H34941" s="8">
        <v>12530700</v>
      </c>
      <c r="I34941" s="8">
        <v>12048750</v>
      </c>
      <c r="J34941" s="8">
        <v>12048750</v>
      </c>
      <c r="K34941" s="9"/>
      <c r="L34941" s="6"/>
    </row>
    <row r="34942" spans="1:12">
      <c r="A34942" s="6" t="s">
        <v>35023</v>
      </c>
      <c r="B34942" s="6"/>
      <c r="C34942" s="6" t="s">
        <v>32230</v>
      </c>
      <c r="D34942" s="6"/>
      <c r="E34942" s="6" t="s">
        <v>9</v>
      </c>
      <c r="F34942" s="7">
        <v>35244</v>
      </c>
      <c r="G34942" s="8">
        <v>4455000</v>
      </c>
      <c r="H34942" s="8">
        <v>2316600</v>
      </c>
      <c r="I34942" s="8">
        <v>2227500</v>
      </c>
      <c r="J34942" s="8">
        <v>2227500</v>
      </c>
      <c r="K34942" s="9"/>
      <c r="L34942" s="6"/>
    </row>
    <row r="34943" spans="1:12">
      <c r="A34943" s="6" t="s">
        <v>35024</v>
      </c>
      <c r="B34943" s="6"/>
      <c r="C34943" s="6" t="s">
        <v>32230</v>
      </c>
      <c r="D34943" s="6"/>
      <c r="E34943" s="6" t="s">
        <v>9</v>
      </c>
      <c r="F34943" s="7">
        <v>35977</v>
      </c>
      <c r="G34943" s="8">
        <v>3385800</v>
      </c>
      <c r="H34943" s="8">
        <v>1896048</v>
      </c>
      <c r="I34943" s="8">
        <v>1557468</v>
      </c>
      <c r="J34943" s="8">
        <v>1828332</v>
      </c>
      <c r="K34943" s="9"/>
      <c r="L34943" s="6"/>
    </row>
    <row r="34944" spans="1:12">
      <c r="A34944" s="6" t="s">
        <v>35025</v>
      </c>
      <c r="B34944" s="6"/>
      <c r="C34944" s="6" t="s">
        <v>32230</v>
      </c>
      <c r="D34944" s="6"/>
      <c r="E34944" s="6" t="s">
        <v>9</v>
      </c>
      <c r="F34944" s="7">
        <v>35977</v>
      </c>
      <c r="G34944" s="8">
        <v>4406400</v>
      </c>
      <c r="H34944" s="8">
        <v>2467584</v>
      </c>
      <c r="I34944" s="8">
        <v>2026944</v>
      </c>
      <c r="J34944" s="8">
        <v>2379456</v>
      </c>
      <c r="K34944" s="9"/>
      <c r="L34944" s="6"/>
    </row>
    <row r="34945" spans="1:12">
      <c r="A34945" s="6" t="s">
        <v>35026</v>
      </c>
      <c r="B34945" s="6"/>
      <c r="C34945" s="6" t="s">
        <v>32230</v>
      </c>
      <c r="D34945" s="6"/>
      <c r="E34945" s="6" t="s">
        <v>9</v>
      </c>
      <c r="F34945" s="7">
        <v>35977</v>
      </c>
      <c r="G34945" s="8">
        <v>4438800</v>
      </c>
      <c r="H34945" s="8">
        <v>2485728</v>
      </c>
      <c r="I34945" s="8">
        <v>2041848</v>
      </c>
      <c r="J34945" s="8">
        <v>2396952</v>
      </c>
      <c r="K34945" s="9"/>
      <c r="L34945" s="6"/>
    </row>
    <row r="34946" spans="1:12">
      <c r="A34946" s="6" t="s">
        <v>35027</v>
      </c>
      <c r="B34946" s="6"/>
      <c r="C34946" s="6" t="s">
        <v>32230</v>
      </c>
      <c r="D34946" s="6"/>
      <c r="E34946" s="6" t="s">
        <v>9</v>
      </c>
      <c r="F34946" s="7">
        <v>36245</v>
      </c>
      <c r="G34946" s="8">
        <v>4106700</v>
      </c>
      <c r="H34946" s="8">
        <v>2299752</v>
      </c>
      <c r="I34946" s="8">
        <v>1889082</v>
      </c>
      <c r="J34946" s="8">
        <v>2217618</v>
      </c>
      <c r="K34946" s="9"/>
      <c r="L34946" s="6"/>
    </row>
    <row r="34947" spans="1:12">
      <c r="A34947" s="6" t="s">
        <v>35028</v>
      </c>
      <c r="B34947" s="6"/>
      <c r="C34947" s="6" t="s">
        <v>32230</v>
      </c>
      <c r="D34947" s="6"/>
      <c r="E34947" s="6" t="s">
        <v>9</v>
      </c>
      <c r="F34947" s="7">
        <v>36616</v>
      </c>
      <c r="G34947" s="8">
        <v>52285500</v>
      </c>
      <c r="H34947" s="8">
        <v>30325590</v>
      </c>
      <c r="I34947" s="8">
        <v>23005620</v>
      </c>
      <c r="J34947" s="8">
        <v>29279880</v>
      </c>
      <c r="K34947" s="9"/>
      <c r="L34947" s="6"/>
    </row>
    <row r="34948" spans="1:12">
      <c r="A34948" s="6" t="s">
        <v>35029</v>
      </c>
      <c r="B34948" s="6"/>
      <c r="C34948" s="6" t="s">
        <v>32230</v>
      </c>
      <c r="D34948" s="6"/>
      <c r="E34948" s="6" t="s">
        <v>9</v>
      </c>
      <c r="F34948" s="7">
        <v>36616</v>
      </c>
      <c r="G34948" s="8">
        <v>6342300</v>
      </c>
      <c r="H34948" s="8">
        <v>3678534</v>
      </c>
      <c r="I34948" s="8">
        <v>2790612</v>
      </c>
      <c r="J34948" s="8">
        <v>3551688</v>
      </c>
      <c r="K34948" s="9"/>
      <c r="L34948" s="6"/>
    </row>
    <row r="34949" spans="1:12">
      <c r="A34949" s="6" t="s">
        <v>35030</v>
      </c>
      <c r="B34949" s="6"/>
      <c r="C34949" s="6" t="s">
        <v>32230</v>
      </c>
      <c r="D34949" s="6"/>
      <c r="E34949" s="6" t="s">
        <v>9</v>
      </c>
      <c r="F34949" s="7">
        <v>36616</v>
      </c>
      <c r="G34949" s="8">
        <v>5880600</v>
      </c>
      <c r="H34949" s="8">
        <v>3410748</v>
      </c>
      <c r="I34949" s="8">
        <v>2587464</v>
      </c>
      <c r="J34949" s="8">
        <v>3293136</v>
      </c>
      <c r="K34949" s="9"/>
      <c r="L34949" s="6"/>
    </row>
    <row r="34950" spans="1:12">
      <c r="A34950" s="6" t="s">
        <v>35031</v>
      </c>
      <c r="B34950" s="6"/>
      <c r="C34950" s="6" t="s">
        <v>32230</v>
      </c>
      <c r="D34950" s="6"/>
      <c r="E34950" s="6" t="s">
        <v>9</v>
      </c>
      <c r="F34950" s="7">
        <v>36697</v>
      </c>
      <c r="G34950" s="8">
        <v>20015100</v>
      </c>
      <c r="H34950" s="8">
        <v>12009060</v>
      </c>
      <c r="I34950" s="8">
        <v>8406342</v>
      </c>
      <c r="J34950" s="8">
        <v>11608758</v>
      </c>
      <c r="K34950" s="9"/>
      <c r="L34950" s="6"/>
    </row>
    <row r="34951" spans="1:12">
      <c r="A34951" s="6" t="s">
        <v>35031</v>
      </c>
      <c r="B34951" s="6"/>
      <c r="C34951" s="6" t="s">
        <v>32230</v>
      </c>
      <c r="D34951" s="6"/>
      <c r="E34951" s="6"/>
      <c r="F34951" s="7"/>
      <c r="G34951" s="8">
        <v>16791840</v>
      </c>
      <c r="H34951" s="8">
        <v>16120168</v>
      </c>
      <c r="I34951" s="8">
        <v>1007508</v>
      </c>
      <c r="J34951" s="8">
        <v>15784332</v>
      </c>
      <c r="K34951" s="9"/>
      <c r="L34951" s="6"/>
    </row>
    <row r="34952" spans="1:12">
      <c r="A34952" s="6" t="s">
        <v>35032</v>
      </c>
      <c r="B34952" s="6"/>
      <c r="C34952" s="6" t="s">
        <v>32230</v>
      </c>
      <c r="D34952" s="6"/>
      <c r="E34952" s="6" t="s">
        <v>9</v>
      </c>
      <c r="F34952" s="7">
        <v>42818</v>
      </c>
      <c r="G34952" s="8">
        <v>7185240</v>
      </c>
      <c r="H34952" s="8">
        <v>6610424</v>
      </c>
      <c r="I34952" s="8">
        <v>718520</v>
      </c>
      <c r="J34952" s="8">
        <v>6466720</v>
      </c>
      <c r="K34952" s="9"/>
      <c r="L34952" s="6"/>
    </row>
    <row r="34953" spans="1:12">
      <c r="A34953" s="6" t="s">
        <v>35033</v>
      </c>
      <c r="B34953" s="6"/>
      <c r="C34953" s="6" t="s">
        <v>32230</v>
      </c>
      <c r="D34953" s="6"/>
      <c r="E34953" s="6" t="s">
        <v>9</v>
      </c>
      <c r="F34953" s="7">
        <v>36697</v>
      </c>
      <c r="G34953" s="8">
        <v>21116700</v>
      </c>
      <c r="H34953" s="8">
        <v>12670020</v>
      </c>
      <c r="I34953" s="8">
        <v>8869014</v>
      </c>
      <c r="J34953" s="8">
        <v>12247686</v>
      </c>
      <c r="K34953" s="9"/>
      <c r="L34953" s="6"/>
    </row>
    <row r="34954" spans="1:12">
      <c r="A34954" s="6" t="s">
        <v>35034</v>
      </c>
      <c r="B34954" s="6"/>
      <c r="C34954" s="6" t="s">
        <v>32230</v>
      </c>
      <c r="D34954" s="6"/>
      <c r="E34954" s="6" t="s">
        <v>9</v>
      </c>
      <c r="F34954" s="7">
        <v>36697</v>
      </c>
      <c r="G34954" s="8">
        <v>29621700</v>
      </c>
      <c r="H34954" s="8">
        <v>17773020</v>
      </c>
      <c r="I34954" s="8">
        <v>12441114</v>
      </c>
      <c r="J34954" s="8">
        <v>17180586</v>
      </c>
      <c r="K34954" s="9"/>
      <c r="L34954" s="6"/>
    </row>
    <row r="34955" spans="1:12">
      <c r="A34955" s="6" t="s">
        <v>35035</v>
      </c>
      <c r="B34955" s="6"/>
      <c r="C34955" s="6" t="s">
        <v>32230</v>
      </c>
      <c r="D34955" s="6"/>
      <c r="E34955" s="6" t="s">
        <v>9</v>
      </c>
      <c r="F34955" s="7">
        <v>36697</v>
      </c>
      <c r="G34955" s="8">
        <v>33785100</v>
      </c>
      <c r="H34955" s="8">
        <v>20271060</v>
      </c>
      <c r="I34955" s="8">
        <v>14189742</v>
      </c>
      <c r="J34955" s="8">
        <v>19595358</v>
      </c>
      <c r="K34955" s="9"/>
      <c r="L34955" s="6"/>
    </row>
    <row r="34956" spans="1:12">
      <c r="A34956" s="6" t="s">
        <v>35036</v>
      </c>
      <c r="B34956" s="6"/>
      <c r="C34956" s="6" t="s">
        <v>32230</v>
      </c>
      <c r="D34956" s="6"/>
      <c r="E34956" s="6" t="s">
        <v>9</v>
      </c>
      <c r="F34956" s="7">
        <v>36697</v>
      </c>
      <c r="G34956" s="8">
        <v>4325400</v>
      </c>
      <c r="H34956" s="8">
        <v>2595240</v>
      </c>
      <c r="I34956" s="8">
        <v>1816668</v>
      </c>
      <c r="J34956" s="8">
        <v>2508732</v>
      </c>
      <c r="K34956" s="9"/>
      <c r="L34956" s="6"/>
    </row>
    <row r="34957" spans="1:12">
      <c r="A34957" s="6" t="s">
        <v>35037</v>
      </c>
      <c r="B34957" s="6"/>
      <c r="C34957" s="6" t="s">
        <v>32230</v>
      </c>
      <c r="D34957" s="6"/>
      <c r="E34957" s="6" t="s">
        <v>9</v>
      </c>
      <c r="F34957" s="7">
        <v>36697</v>
      </c>
      <c r="G34957" s="8">
        <v>14272200</v>
      </c>
      <c r="H34957" s="8">
        <v>8563320</v>
      </c>
      <c r="I34957" s="8">
        <v>5994324</v>
      </c>
      <c r="J34957" s="8">
        <v>8277876</v>
      </c>
      <c r="K34957" s="9"/>
      <c r="L34957" s="6"/>
    </row>
    <row r="34958" spans="1:12">
      <c r="A34958" s="6" t="s">
        <v>35038</v>
      </c>
      <c r="B34958" s="6"/>
      <c r="C34958" s="6" t="s">
        <v>32230</v>
      </c>
      <c r="D34958" s="6"/>
      <c r="E34958" s="6"/>
      <c r="F34958" s="7">
        <v>43922</v>
      </c>
      <c r="G34958" s="8">
        <v>1837000</v>
      </c>
      <c r="H34958" s="8">
        <v>1837000</v>
      </c>
      <c r="I34958" s="8">
        <v>36740</v>
      </c>
      <c r="J34958" s="8">
        <v>1800260</v>
      </c>
      <c r="K34958" s="9"/>
      <c r="L34958" s="6"/>
    </row>
    <row r="34959" spans="1:12">
      <c r="A34959" s="6" t="s">
        <v>35038</v>
      </c>
      <c r="B34959" s="6"/>
      <c r="C34959" s="6" t="s">
        <v>32230</v>
      </c>
      <c r="D34959" s="6"/>
      <c r="E34959" s="6" t="s">
        <v>9</v>
      </c>
      <c r="F34959" s="7">
        <v>36697</v>
      </c>
      <c r="G34959" s="8">
        <v>10770300</v>
      </c>
      <c r="H34959" s="8">
        <v>6462180</v>
      </c>
      <c r="I34959" s="8">
        <v>4523526</v>
      </c>
      <c r="J34959" s="8">
        <v>6246774</v>
      </c>
      <c r="K34959" s="9"/>
      <c r="L34959" s="6"/>
    </row>
    <row r="34960" spans="1:12">
      <c r="A34960" s="6" t="s">
        <v>35039</v>
      </c>
      <c r="B34960" s="6"/>
      <c r="C34960" s="6" t="s">
        <v>32230</v>
      </c>
      <c r="D34960" s="6"/>
      <c r="E34960" s="6" t="s">
        <v>9</v>
      </c>
      <c r="F34960" s="7">
        <v>42804</v>
      </c>
      <c r="G34960" s="8">
        <v>3197880</v>
      </c>
      <c r="H34960" s="8">
        <v>2942052</v>
      </c>
      <c r="I34960" s="8">
        <v>319785</v>
      </c>
      <c r="J34960" s="8">
        <v>2878095</v>
      </c>
      <c r="K34960" s="9"/>
      <c r="L34960" s="6"/>
    </row>
    <row r="34961" spans="1:12">
      <c r="A34961" s="6" t="s">
        <v>35040</v>
      </c>
      <c r="B34961" s="6"/>
      <c r="C34961" s="6" t="s">
        <v>32230</v>
      </c>
      <c r="D34961" s="6"/>
      <c r="E34961" s="6" t="s">
        <v>9</v>
      </c>
      <c r="F34961" s="7">
        <v>36697</v>
      </c>
      <c r="G34961" s="8">
        <v>18208800</v>
      </c>
      <c r="H34961" s="8">
        <v>10925280</v>
      </c>
      <c r="I34961" s="8">
        <v>7647696</v>
      </c>
      <c r="J34961" s="8">
        <v>10561104</v>
      </c>
      <c r="K34961" s="9"/>
      <c r="L34961" s="6"/>
    </row>
    <row r="34962" spans="1:12">
      <c r="A34962" s="6" t="s">
        <v>35041</v>
      </c>
      <c r="B34962" s="6"/>
      <c r="C34962" s="6" t="s">
        <v>32230</v>
      </c>
      <c r="D34962" s="6"/>
      <c r="E34962" s="6" t="s">
        <v>9</v>
      </c>
      <c r="F34962" s="7">
        <v>36697</v>
      </c>
      <c r="G34962" s="8">
        <v>9963000</v>
      </c>
      <c r="H34962" s="8">
        <v>5977800</v>
      </c>
      <c r="I34962" s="8">
        <v>4184460</v>
      </c>
      <c r="J34962" s="8">
        <v>5778540</v>
      </c>
      <c r="K34962" s="9"/>
      <c r="L34962" s="6"/>
    </row>
    <row r="34963" spans="1:12">
      <c r="A34963" s="6" t="s">
        <v>35042</v>
      </c>
      <c r="B34963" s="6"/>
      <c r="C34963" s="6" t="s">
        <v>32230</v>
      </c>
      <c r="D34963" s="6"/>
      <c r="E34963" s="6" t="s">
        <v>9</v>
      </c>
      <c r="F34963" s="7">
        <v>36697</v>
      </c>
      <c r="G34963" s="8">
        <v>11550600</v>
      </c>
      <c r="H34963" s="8">
        <v>6930360</v>
      </c>
      <c r="I34963" s="8">
        <v>4851252</v>
      </c>
      <c r="J34963" s="8">
        <v>6699348</v>
      </c>
      <c r="K34963" s="9"/>
      <c r="L34963" s="6"/>
    </row>
    <row r="34964" spans="1:12">
      <c r="A34964" s="6" t="s">
        <v>35043</v>
      </c>
      <c r="B34964" s="6"/>
      <c r="C34964" s="6" t="s">
        <v>32230</v>
      </c>
      <c r="D34964" s="6"/>
      <c r="E34964" s="6" t="s">
        <v>9</v>
      </c>
      <c r="F34964" s="7">
        <v>36697</v>
      </c>
      <c r="G34964" s="8">
        <v>3199500</v>
      </c>
      <c r="H34964" s="8">
        <v>1919700</v>
      </c>
      <c r="I34964" s="8">
        <v>1343790</v>
      </c>
      <c r="J34964" s="8">
        <v>1855710</v>
      </c>
      <c r="K34964" s="9"/>
      <c r="L34964" s="6"/>
    </row>
    <row r="34965" spans="1:12">
      <c r="A34965" s="6" t="s">
        <v>35044</v>
      </c>
      <c r="B34965" s="6"/>
      <c r="C34965" s="6" t="s">
        <v>32230</v>
      </c>
      <c r="D34965" s="6"/>
      <c r="E34965" s="6" t="s">
        <v>9</v>
      </c>
      <c r="F34965" s="7">
        <v>36697</v>
      </c>
      <c r="G34965" s="8">
        <v>5451300</v>
      </c>
      <c r="H34965" s="8">
        <v>3270780</v>
      </c>
      <c r="I34965" s="8">
        <v>2289546</v>
      </c>
      <c r="J34965" s="8">
        <v>3161754</v>
      </c>
      <c r="K34965" s="9"/>
      <c r="L34965" s="6"/>
    </row>
    <row r="34966" spans="1:12">
      <c r="A34966" s="6" t="s">
        <v>35045</v>
      </c>
      <c r="B34966" s="6"/>
      <c r="C34966" s="6" t="s">
        <v>32230</v>
      </c>
      <c r="D34966" s="6"/>
      <c r="E34966" s="6" t="s">
        <v>9</v>
      </c>
      <c r="F34966" s="7">
        <v>36971</v>
      </c>
      <c r="G34966" s="8">
        <v>5700000</v>
      </c>
      <c r="H34966" s="8">
        <v>3420000</v>
      </c>
      <c r="I34966" s="8">
        <v>2394000</v>
      </c>
      <c r="J34966" s="8">
        <v>3306000</v>
      </c>
      <c r="K34966" s="9"/>
      <c r="L34966" s="6"/>
    </row>
    <row r="34967" spans="1:12">
      <c r="A34967" s="6" t="s">
        <v>35046</v>
      </c>
      <c r="B34967" s="6"/>
      <c r="C34967" s="6" t="s">
        <v>32230</v>
      </c>
      <c r="D34967" s="6"/>
      <c r="E34967" s="6" t="s">
        <v>9</v>
      </c>
      <c r="F34967" s="7">
        <v>37049</v>
      </c>
      <c r="G34967" s="8">
        <v>4131000</v>
      </c>
      <c r="H34967" s="8">
        <v>2561220</v>
      </c>
      <c r="I34967" s="8">
        <v>1652400</v>
      </c>
      <c r="J34967" s="8">
        <v>2478600</v>
      </c>
      <c r="K34967" s="9"/>
      <c r="L34967" s="6"/>
    </row>
    <row r="34968" spans="1:12">
      <c r="A34968" s="6" t="s">
        <v>35047</v>
      </c>
      <c r="B34968" s="6"/>
      <c r="C34968" s="6" t="s">
        <v>32230</v>
      </c>
      <c r="D34968" s="6"/>
      <c r="E34968" s="6" t="s">
        <v>9</v>
      </c>
      <c r="F34968" s="7">
        <v>37049</v>
      </c>
      <c r="G34968" s="8">
        <v>7144200</v>
      </c>
      <c r="H34968" s="8">
        <v>4429404</v>
      </c>
      <c r="I34968" s="8">
        <v>2857680</v>
      </c>
      <c r="J34968" s="8">
        <v>4286520</v>
      </c>
      <c r="K34968" s="9"/>
      <c r="L34968" s="6"/>
    </row>
    <row r="34969" spans="1:12">
      <c r="A34969" s="6" t="s">
        <v>35048</v>
      </c>
      <c r="B34969" s="6"/>
      <c r="C34969" s="6" t="s">
        <v>32230</v>
      </c>
      <c r="D34969" s="6"/>
      <c r="E34969" s="6" t="s">
        <v>9</v>
      </c>
      <c r="F34969" s="7">
        <v>37049</v>
      </c>
      <c r="G34969" s="8">
        <v>3896100</v>
      </c>
      <c r="H34969" s="8">
        <v>2415582</v>
      </c>
      <c r="I34969" s="8">
        <v>1558440</v>
      </c>
      <c r="J34969" s="8">
        <v>2337660</v>
      </c>
      <c r="K34969" s="9"/>
      <c r="L34969" s="6"/>
    </row>
    <row r="34970" spans="1:12">
      <c r="A34970" s="6" t="s">
        <v>35049</v>
      </c>
      <c r="B34970" s="6"/>
      <c r="C34970" s="6" t="s">
        <v>32230</v>
      </c>
      <c r="D34970" s="6"/>
      <c r="E34970" s="6" t="s">
        <v>9</v>
      </c>
      <c r="F34970" s="7">
        <v>37049</v>
      </c>
      <c r="G34970" s="8">
        <v>9185400</v>
      </c>
      <c r="H34970" s="8">
        <v>5694948</v>
      </c>
      <c r="I34970" s="8">
        <v>3674160</v>
      </c>
      <c r="J34970" s="8">
        <v>5511240</v>
      </c>
      <c r="K34970" s="9"/>
      <c r="L34970" s="6"/>
    </row>
    <row r="34971" spans="1:12">
      <c r="A34971" s="6" t="s">
        <v>35050</v>
      </c>
      <c r="B34971" s="6"/>
      <c r="C34971" s="6" t="s">
        <v>32230</v>
      </c>
      <c r="D34971" s="6"/>
      <c r="E34971" s="6" t="s">
        <v>9</v>
      </c>
      <c r="F34971" s="7">
        <v>37049</v>
      </c>
      <c r="G34971" s="8">
        <v>8000100</v>
      </c>
      <c r="H34971" s="8">
        <v>4960062</v>
      </c>
      <c r="I34971" s="8">
        <v>3200040</v>
      </c>
      <c r="J34971" s="8">
        <v>4800060</v>
      </c>
      <c r="K34971" s="9"/>
      <c r="L34971" s="6"/>
    </row>
    <row r="34972" spans="1:12">
      <c r="A34972" s="6" t="s">
        <v>35051</v>
      </c>
      <c r="B34972" s="6"/>
      <c r="C34972" s="6" t="s">
        <v>32230</v>
      </c>
      <c r="D34972" s="6"/>
      <c r="E34972" s="6" t="s">
        <v>9</v>
      </c>
      <c r="F34972" s="7">
        <v>37049</v>
      </c>
      <c r="G34972" s="8">
        <v>23984100</v>
      </c>
      <c r="H34972" s="8">
        <v>14870142</v>
      </c>
      <c r="I34972" s="8">
        <v>9593640</v>
      </c>
      <c r="J34972" s="8">
        <v>14390460</v>
      </c>
      <c r="K34972" s="9"/>
      <c r="L34972" s="6"/>
    </row>
    <row r="34973" spans="1:12">
      <c r="A34973" s="6" t="s">
        <v>35052</v>
      </c>
      <c r="B34973" s="6"/>
      <c r="C34973" s="6" t="s">
        <v>32230</v>
      </c>
      <c r="D34973" s="6"/>
      <c r="E34973" s="6" t="s">
        <v>9</v>
      </c>
      <c r="F34973" s="7">
        <v>37777</v>
      </c>
      <c r="G34973" s="8">
        <v>4495500</v>
      </c>
      <c r="H34973" s="8">
        <v>2967030</v>
      </c>
      <c r="I34973" s="8">
        <v>1618380</v>
      </c>
      <c r="J34973" s="8">
        <v>2877120</v>
      </c>
      <c r="K34973" s="9"/>
      <c r="L34973" s="6"/>
    </row>
    <row r="34974" spans="1:12">
      <c r="A34974" s="6" t="s">
        <v>35053</v>
      </c>
      <c r="B34974" s="6"/>
      <c r="C34974" s="6" t="s">
        <v>32230</v>
      </c>
      <c r="D34974" s="6"/>
      <c r="E34974" s="6" t="s">
        <v>9</v>
      </c>
      <c r="F34974" s="7">
        <v>36971</v>
      </c>
      <c r="G34974" s="8">
        <v>34390000</v>
      </c>
      <c r="H34974" s="8">
        <v>20634000</v>
      </c>
      <c r="I34974" s="8">
        <v>14443800</v>
      </c>
      <c r="J34974" s="8">
        <v>19946200</v>
      </c>
      <c r="K34974" s="9"/>
      <c r="L34974" s="6"/>
    </row>
    <row r="34975" spans="1:12">
      <c r="A34975" s="6" t="s">
        <v>35054</v>
      </c>
      <c r="B34975" s="6"/>
      <c r="C34975" s="6" t="s">
        <v>32230</v>
      </c>
      <c r="D34975" s="6"/>
      <c r="E34975" s="6"/>
      <c r="F34975" s="7"/>
      <c r="G34975" s="8">
        <v>1133000</v>
      </c>
      <c r="H34975" s="8">
        <v>1133000</v>
      </c>
      <c r="I34975" s="8">
        <v>22660</v>
      </c>
      <c r="J34975" s="8">
        <v>1110340</v>
      </c>
      <c r="K34975" s="9"/>
      <c r="L34975" s="6"/>
    </row>
    <row r="34976" spans="1:12">
      <c r="A34976" s="6" t="s">
        <v>35054</v>
      </c>
      <c r="B34976" s="6"/>
      <c r="C34976" s="6" t="s">
        <v>32230</v>
      </c>
      <c r="D34976" s="6"/>
      <c r="E34976" s="6" t="s">
        <v>9</v>
      </c>
      <c r="F34976" s="7">
        <v>39169</v>
      </c>
      <c r="G34976" s="8">
        <v>51564600</v>
      </c>
      <c r="H34976" s="8">
        <v>37126512</v>
      </c>
      <c r="I34976" s="8">
        <v>15469380</v>
      </c>
      <c r="J34976" s="8">
        <v>36095220</v>
      </c>
      <c r="K34976" s="9"/>
      <c r="L34976" s="6"/>
    </row>
    <row r="34977" spans="1:12">
      <c r="A34977" s="6" t="s">
        <v>35055</v>
      </c>
      <c r="B34977" s="6"/>
      <c r="C34977" s="6" t="s">
        <v>32230</v>
      </c>
      <c r="D34977" s="6"/>
      <c r="E34977" s="6" t="s">
        <v>9</v>
      </c>
      <c r="F34977" s="7">
        <v>42200</v>
      </c>
      <c r="G34977" s="8">
        <v>1231200</v>
      </c>
      <c r="H34977" s="8">
        <v>1108080</v>
      </c>
      <c r="I34977" s="8">
        <v>147744</v>
      </c>
      <c r="J34977" s="8">
        <v>1083456</v>
      </c>
      <c r="K34977" s="9"/>
      <c r="L34977" s="6"/>
    </row>
    <row r="34978" spans="1:12">
      <c r="A34978" s="6" t="s">
        <v>35056</v>
      </c>
      <c r="B34978" s="6"/>
      <c r="C34978" s="6" t="s">
        <v>32230</v>
      </c>
      <c r="D34978" s="6"/>
      <c r="E34978" s="6" t="s">
        <v>9</v>
      </c>
      <c r="F34978" s="7">
        <v>42648</v>
      </c>
      <c r="G34978" s="8">
        <v>1126440</v>
      </c>
      <c r="H34978" s="8">
        <v>824556</v>
      </c>
      <c r="I34978" s="8">
        <v>377355</v>
      </c>
      <c r="J34978" s="8">
        <v>749085</v>
      </c>
      <c r="K34978" s="9"/>
      <c r="L34978" s="6"/>
    </row>
    <row r="34979" spans="1:12">
      <c r="A34979" s="6" t="s">
        <v>35057</v>
      </c>
      <c r="B34979" s="6"/>
      <c r="C34979" s="6" t="s">
        <v>32230</v>
      </c>
      <c r="D34979" s="6"/>
      <c r="E34979" s="6" t="s">
        <v>9</v>
      </c>
      <c r="F34979" s="7">
        <v>43496</v>
      </c>
      <c r="G34979" s="8">
        <v>378000</v>
      </c>
      <c r="H34979" s="8">
        <v>327348</v>
      </c>
      <c r="I34979" s="8">
        <v>75978</v>
      </c>
      <c r="J34979" s="8">
        <v>302022</v>
      </c>
      <c r="K34979" s="9"/>
      <c r="L34979" s="6"/>
    </row>
    <row r="34980" spans="1:12">
      <c r="A34980" s="6" t="s">
        <v>35058</v>
      </c>
      <c r="B34980" s="6"/>
      <c r="C34980" s="6" t="s">
        <v>32230</v>
      </c>
      <c r="D34980" s="6"/>
      <c r="E34980" s="6" t="s">
        <v>9</v>
      </c>
      <c r="F34980" s="7">
        <v>30270</v>
      </c>
      <c r="G34980" s="8">
        <v>2813400</v>
      </c>
      <c r="H34980" s="8">
        <v>675216</v>
      </c>
      <c r="I34980" s="8">
        <v>2194452</v>
      </c>
      <c r="J34980" s="8">
        <v>618948</v>
      </c>
      <c r="K34980" s="9"/>
      <c r="L34980" s="6"/>
    </row>
    <row r="34981" spans="1:12">
      <c r="A34981" s="6" t="s">
        <v>35059</v>
      </c>
      <c r="B34981" s="6"/>
      <c r="C34981" s="6" t="s">
        <v>32230</v>
      </c>
      <c r="D34981" s="6"/>
      <c r="E34981" s="6" t="s">
        <v>9</v>
      </c>
      <c r="F34981" s="7">
        <v>30270</v>
      </c>
      <c r="G34981" s="8">
        <v>3415500</v>
      </c>
      <c r="H34981" s="8">
        <v>819720</v>
      </c>
      <c r="I34981" s="8">
        <v>2664090</v>
      </c>
      <c r="J34981" s="8">
        <v>751410</v>
      </c>
      <c r="K34981" s="9"/>
      <c r="L34981" s="6"/>
    </row>
    <row r="34982" spans="1:12">
      <c r="A34982" s="6" t="s">
        <v>35060</v>
      </c>
      <c r="B34982" s="6"/>
      <c r="C34982" s="6" t="s">
        <v>32230</v>
      </c>
      <c r="D34982" s="6"/>
      <c r="E34982" s="6" t="s">
        <v>9</v>
      </c>
      <c r="F34982" s="7">
        <v>30270</v>
      </c>
      <c r="G34982" s="8">
        <v>7265700</v>
      </c>
      <c r="H34982" s="8">
        <v>1743768</v>
      </c>
      <c r="I34982" s="8">
        <v>5667246</v>
      </c>
      <c r="J34982" s="8">
        <v>1598454</v>
      </c>
      <c r="K34982" s="9"/>
      <c r="L34982" s="6"/>
    </row>
    <row r="34983" spans="1:12">
      <c r="A34983" s="6" t="s">
        <v>35061</v>
      </c>
      <c r="B34983" s="6"/>
      <c r="C34983" s="6" t="s">
        <v>32230</v>
      </c>
      <c r="D34983" s="6"/>
      <c r="E34983" s="6" t="s">
        <v>9</v>
      </c>
      <c r="F34983" s="7">
        <v>30270</v>
      </c>
      <c r="G34983" s="8">
        <v>729000</v>
      </c>
      <c r="H34983" s="8">
        <v>174960</v>
      </c>
      <c r="I34983" s="8">
        <v>568620</v>
      </c>
      <c r="J34983" s="8">
        <v>160380</v>
      </c>
      <c r="K34983" s="9"/>
      <c r="L34983" s="6"/>
    </row>
    <row r="34984" spans="1:12">
      <c r="A34984" s="6" t="s">
        <v>35062</v>
      </c>
      <c r="B34984" s="6"/>
      <c r="C34984" s="6" t="s">
        <v>32230</v>
      </c>
      <c r="D34984" s="6"/>
      <c r="E34984" s="6" t="s">
        <v>9</v>
      </c>
      <c r="F34984" s="7">
        <v>30270</v>
      </c>
      <c r="G34984" s="8">
        <v>23797800</v>
      </c>
      <c r="H34984" s="8">
        <v>5711472</v>
      </c>
      <c r="I34984" s="8">
        <v>18562284</v>
      </c>
      <c r="J34984" s="8">
        <v>5235516</v>
      </c>
      <c r="K34984" s="9"/>
      <c r="L34984" s="6"/>
    </row>
    <row r="34985" spans="1:12">
      <c r="A34985" s="6" t="s">
        <v>35063</v>
      </c>
      <c r="B34985" s="6"/>
      <c r="C34985" s="6" t="s">
        <v>32230</v>
      </c>
      <c r="D34985" s="6"/>
      <c r="E34985" s="6" t="s">
        <v>9</v>
      </c>
      <c r="F34985" s="7">
        <v>30270</v>
      </c>
      <c r="G34985" s="8">
        <v>58473900</v>
      </c>
      <c r="H34985" s="8">
        <v>14033736</v>
      </c>
      <c r="I34985" s="8">
        <v>45609642</v>
      </c>
      <c r="J34985" s="8">
        <v>12864258</v>
      </c>
      <c r="K34985" s="9"/>
      <c r="L34985" s="6"/>
    </row>
    <row r="34986" spans="1:12">
      <c r="A34986" s="6" t="s">
        <v>35063</v>
      </c>
      <c r="B34986" s="6"/>
      <c r="C34986" s="6" t="s">
        <v>32230</v>
      </c>
      <c r="D34986" s="6"/>
      <c r="E34986" s="6"/>
      <c r="F34986" s="7">
        <v>43191</v>
      </c>
      <c r="G34986" s="8">
        <v>916898</v>
      </c>
      <c r="H34986" s="8">
        <v>880224</v>
      </c>
      <c r="I34986" s="8">
        <v>55011</v>
      </c>
      <c r="J34986" s="8">
        <v>861887</v>
      </c>
      <c r="K34986" s="9"/>
      <c r="L34986" s="6"/>
    </row>
    <row r="34987" spans="1:12">
      <c r="A34987" s="6" t="s">
        <v>35064</v>
      </c>
      <c r="B34987" s="6"/>
      <c r="C34987" s="6" t="s">
        <v>32230</v>
      </c>
      <c r="D34987" s="6"/>
      <c r="E34987" s="6" t="s">
        <v>9</v>
      </c>
      <c r="F34987" s="7">
        <v>32203</v>
      </c>
      <c r="G34987" s="8">
        <v>90909000</v>
      </c>
      <c r="H34987" s="8">
        <v>21909069</v>
      </c>
      <c r="I34987" s="8">
        <v>71090838</v>
      </c>
      <c r="J34987" s="8">
        <v>19818162</v>
      </c>
      <c r="K34987" s="9"/>
      <c r="L34987" s="6"/>
    </row>
    <row r="34988" spans="1:12">
      <c r="A34988" s="6" t="s">
        <v>35065</v>
      </c>
      <c r="B34988" s="6"/>
      <c r="C34988" s="6" t="s">
        <v>32230</v>
      </c>
      <c r="D34988" s="6"/>
      <c r="E34988" s="6" t="s">
        <v>9</v>
      </c>
      <c r="F34988" s="7">
        <v>30270</v>
      </c>
      <c r="G34988" s="8">
        <v>3553200</v>
      </c>
      <c r="H34988" s="8">
        <v>852768</v>
      </c>
      <c r="I34988" s="8">
        <v>2771496</v>
      </c>
      <c r="J34988" s="8">
        <v>781704</v>
      </c>
      <c r="K34988" s="9"/>
      <c r="L34988" s="6"/>
    </row>
    <row r="34989" spans="1:12">
      <c r="A34989" s="6" t="s">
        <v>35066</v>
      </c>
      <c r="B34989" s="6"/>
      <c r="C34989" s="6" t="s">
        <v>32230</v>
      </c>
      <c r="D34989" s="6"/>
      <c r="E34989" s="6" t="s">
        <v>9</v>
      </c>
      <c r="F34989" s="7">
        <v>30270</v>
      </c>
      <c r="G34989" s="8">
        <v>2899800</v>
      </c>
      <c r="H34989" s="8">
        <v>695952</v>
      </c>
      <c r="I34989" s="8">
        <v>2261844</v>
      </c>
      <c r="J34989" s="8">
        <v>637956</v>
      </c>
      <c r="K34989" s="9"/>
      <c r="L34989" s="6"/>
    </row>
    <row r="34990" spans="1:12">
      <c r="A34990" s="6" t="s">
        <v>35067</v>
      </c>
      <c r="B34990" s="6"/>
      <c r="C34990" s="6" t="s">
        <v>32230</v>
      </c>
      <c r="D34990" s="6"/>
      <c r="E34990" s="6" t="s">
        <v>9</v>
      </c>
      <c r="F34990" s="7">
        <v>39169</v>
      </c>
      <c r="G34990" s="8">
        <v>41253300</v>
      </c>
      <c r="H34990" s="8">
        <v>29702376</v>
      </c>
      <c r="I34990" s="8">
        <v>12375990</v>
      </c>
      <c r="J34990" s="8">
        <v>28877310</v>
      </c>
      <c r="K34990" s="9"/>
      <c r="L34990" s="6"/>
    </row>
    <row r="34991" spans="1:12">
      <c r="A34991" s="6" t="s">
        <v>35068</v>
      </c>
      <c r="B34991" s="6"/>
      <c r="C34991" s="6" t="s">
        <v>32230</v>
      </c>
      <c r="D34991" s="6"/>
      <c r="E34991" s="6" t="s">
        <v>9</v>
      </c>
      <c r="F34991" s="7">
        <v>30270</v>
      </c>
      <c r="G34991" s="8">
        <v>1026000</v>
      </c>
      <c r="H34991" s="8">
        <v>246240</v>
      </c>
      <c r="I34991" s="8">
        <v>800280</v>
      </c>
      <c r="J34991" s="8">
        <v>225720</v>
      </c>
      <c r="K34991" s="9"/>
      <c r="L34991" s="6"/>
    </row>
    <row r="34992" spans="1:12">
      <c r="A34992" s="6" t="s">
        <v>35069</v>
      </c>
      <c r="B34992" s="6"/>
      <c r="C34992" s="6" t="s">
        <v>32230</v>
      </c>
      <c r="D34992" s="6"/>
      <c r="E34992" s="6" t="s">
        <v>9</v>
      </c>
      <c r="F34992" s="7">
        <v>30270</v>
      </c>
      <c r="G34992" s="8">
        <v>3988100</v>
      </c>
      <c r="H34992" s="8">
        <v>957144</v>
      </c>
      <c r="I34992" s="8">
        <v>3110718</v>
      </c>
      <c r="J34992" s="8">
        <v>877382</v>
      </c>
      <c r="K34992" s="9"/>
      <c r="L34992" s="6"/>
    </row>
    <row r="34993" spans="1:12">
      <c r="A34993" s="6" t="s">
        <v>35070</v>
      </c>
      <c r="B34993" s="6"/>
      <c r="C34993" s="6" t="s">
        <v>32230</v>
      </c>
      <c r="D34993" s="6"/>
      <c r="E34993" s="6" t="s">
        <v>9</v>
      </c>
      <c r="F34993" s="7">
        <v>30270</v>
      </c>
      <c r="G34993" s="8">
        <v>4506300</v>
      </c>
      <c r="H34993" s="8">
        <v>1081512</v>
      </c>
      <c r="I34993" s="8">
        <v>3514914</v>
      </c>
      <c r="J34993" s="8">
        <v>991386</v>
      </c>
      <c r="K34993" s="9"/>
      <c r="L34993" s="6"/>
    </row>
    <row r="34994" spans="1:12">
      <c r="A34994" s="6" t="s">
        <v>35071</v>
      </c>
      <c r="B34994" s="6"/>
      <c r="C34994" s="6" t="s">
        <v>32230</v>
      </c>
      <c r="D34994" s="6"/>
      <c r="E34994" s="6" t="s">
        <v>9</v>
      </c>
      <c r="F34994" s="7">
        <v>30270</v>
      </c>
      <c r="G34994" s="8">
        <v>2042500</v>
      </c>
      <c r="H34994" s="8">
        <v>490200</v>
      </c>
      <c r="I34994" s="8">
        <v>1593150</v>
      </c>
      <c r="J34994" s="8">
        <v>449350</v>
      </c>
      <c r="K34994" s="9"/>
      <c r="L34994" s="6"/>
    </row>
    <row r="34995" spans="1:12">
      <c r="A34995" s="6" t="s">
        <v>35072</v>
      </c>
      <c r="B34995" s="6"/>
      <c r="C34995" s="6" t="s">
        <v>32230</v>
      </c>
      <c r="D34995" s="6"/>
      <c r="E34995" s="6" t="s">
        <v>9</v>
      </c>
      <c r="F34995" s="7">
        <v>30270</v>
      </c>
      <c r="G34995" s="8">
        <v>1657800</v>
      </c>
      <c r="H34995" s="8">
        <v>397872</v>
      </c>
      <c r="I34995" s="8">
        <v>1293084</v>
      </c>
      <c r="J34995" s="8">
        <v>364716</v>
      </c>
      <c r="K34995" s="9"/>
      <c r="L34995" s="6"/>
    </row>
    <row r="34996" spans="1:12">
      <c r="A34996" s="6" t="s">
        <v>35073</v>
      </c>
      <c r="B34996" s="6"/>
      <c r="C34996" s="6" t="s">
        <v>32230</v>
      </c>
      <c r="D34996" s="6"/>
      <c r="E34996" s="6" t="s">
        <v>9</v>
      </c>
      <c r="F34996" s="7">
        <v>30270</v>
      </c>
      <c r="G34996" s="8">
        <v>88946100</v>
      </c>
      <c r="H34996" s="8">
        <v>21347064</v>
      </c>
      <c r="I34996" s="8">
        <v>69377958</v>
      </c>
      <c r="J34996" s="8">
        <v>19568142</v>
      </c>
      <c r="K34996" s="9"/>
      <c r="L34996" s="6"/>
    </row>
    <row r="34997" spans="1:12">
      <c r="A34997" s="6" t="s">
        <v>35074</v>
      </c>
      <c r="B34997" s="6"/>
      <c r="C34997" s="6" t="s">
        <v>32230</v>
      </c>
      <c r="D34997" s="6"/>
      <c r="E34997" s="6" t="s">
        <v>9</v>
      </c>
      <c r="F34997" s="7">
        <v>31837</v>
      </c>
      <c r="G34997" s="8">
        <v>88697700</v>
      </c>
      <c r="H34997" s="8">
        <v>19336102</v>
      </c>
      <c r="I34997" s="8">
        <v>71401645</v>
      </c>
      <c r="J34997" s="8">
        <v>17296055</v>
      </c>
      <c r="K34997" s="9"/>
      <c r="L34997" s="6"/>
    </row>
    <row r="34998" spans="1:12">
      <c r="A34998" s="6" t="s">
        <v>33185</v>
      </c>
      <c r="B34998" s="6"/>
      <c r="C34998" s="6" t="s">
        <v>32230</v>
      </c>
      <c r="D34998" s="6"/>
      <c r="E34998" s="6" t="s">
        <v>9</v>
      </c>
      <c r="F34998" s="7">
        <v>25659</v>
      </c>
      <c r="G34998" s="8">
        <v>19797960</v>
      </c>
      <c r="H34998" s="8">
        <v>2969710</v>
      </c>
      <c r="I34998" s="8">
        <v>17164815</v>
      </c>
      <c r="J34998" s="8">
        <v>2633145</v>
      </c>
      <c r="K34998" s="9"/>
      <c r="L34998" s="6"/>
    </row>
    <row r="34999" spans="1:12">
      <c r="A34999" s="6" t="s">
        <v>35075</v>
      </c>
      <c r="B34999" s="6"/>
      <c r="C34999" s="6" t="s">
        <v>32230</v>
      </c>
      <c r="D34999" s="6"/>
      <c r="E34999" s="6" t="s">
        <v>9</v>
      </c>
      <c r="F34999" s="7">
        <v>42333</v>
      </c>
      <c r="G34999" s="8">
        <v>15981840</v>
      </c>
      <c r="H34999" s="8">
        <v>14383660</v>
      </c>
      <c r="I34999" s="8">
        <v>1917816</v>
      </c>
      <c r="J34999" s="8">
        <v>14064024</v>
      </c>
      <c r="K34999" s="9"/>
      <c r="L34999" s="6"/>
    </row>
    <row r="35000" spans="1:12">
      <c r="A35000" s="6" t="s">
        <v>35076</v>
      </c>
      <c r="B35000" s="6"/>
      <c r="C35000" s="6" t="s">
        <v>32230</v>
      </c>
      <c r="D35000" s="6"/>
      <c r="E35000" s="6" t="s">
        <v>9</v>
      </c>
      <c r="F35000" s="7">
        <v>43549</v>
      </c>
      <c r="G35000" s="8">
        <v>70200</v>
      </c>
      <c r="H35000" s="8">
        <v>56160</v>
      </c>
      <c r="I35000" s="8">
        <v>21060</v>
      </c>
      <c r="J35000" s="8">
        <v>49140</v>
      </c>
      <c r="K35000" s="9"/>
      <c r="L35000" s="6"/>
    </row>
    <row r="35001" spans="1:12">
      <c r="A35001" s="6" t="s">
        <v>35077</v>
      </c>
      <c r="B35001" s="6"/>
      <c r="C35001" s="6" t="s">
        <v>32230</v>
      </c>
      <c r="D35001" s="6"/>
      <c r="E35001" s="6" t="s">
        <v>9</v>
      </c>
      <c r="F35001" s="7">
        <v>30270</v>
      </c>
      <c r="G35001" s="8">
        <v>3315600</v>
      </c>
      <c r="H35001" s="8">
        <v>795744</v>
      </c>
      <c r="I35001" s="8">
        <v>2586168</v>
      </c>
      <c r="J35001" s="8">
        <v>729432</v>
      </c>
      <c r="K35001" s="9"/>
      <c r="L35001" s="6"/>
    </row>
    <row r="35002" spans="1:12">
      <c r="A35002" s="6" t="s">
        <v>35078</v>
      </c>
      <c r="B35002" s="6"/>
      <c r="C35002" s="6" t="s">
        <v>32230</v>
      </c>
      <c r="D35002" s="6"/>
      <c r="E35002" s="6" t="s">
        <v>9</v>
      </c>
      <c r="F35002" s="7">
        <v>30270</v>
      </c>
      <c r="G35002" s="8">
        <v>24035400</v>
      </c>
      <c r="H35002" s="8">
        <v>5768496</v>
      </c>
      <c r="I35002" s="8">
        <v>18747612</v>
      </c>
      <c r="J35002" s="8">
        <v>5287788</v>
      </c>
      <c r="K35002" s="9"/>
      <c r="L35002" s="6"/>
    </row>
    <row r="35003" spans="1:12">
      <c r="A35003" s="6" t="s">
        <v>35079</v>
      </c>
      <c r="B35003" s="6"/>
      <c r="C35003" s="6" t="s">
        <v>32230</v>
      </c>
      <c r="D35003" s="6"/>
      <c r="E35003" s="6" t="s">
        <v>9</v>
      </c>
      <c r="F35003" s="7">
        <v>30270</v>
      </c>
      <c r="G35003" s="8">
        <v>17506800</v>
      </c>
      <c r="H35003" s="8">
        <v>4201632</v>
      </c>
      <c r="I35003" s="8">
        <v>13655304</v>
      </c>
      <c r="J35003" s="8">
        <v>3851496</v>
      </c>
      <c r="K35003" s="9"/>
      <c r="L35003" s="6"/>
    </row>
    <row r="35004" spans="1:12">
      <c r="A35004" s="6" t="s">
        <v>35080</v>
      </c>
      <c r="B35004" s="6"/>
      <c r="C35004" s="6" t="s">
        <v>32230</v>
      </c>
      <c r="D35004" s="6"/>
      <c r="E35004" s="6" t="s">
        <v>9</v>
      </c>
      <c r="F35004" s="7">
        <v>30270</v>
      </c>
      <c r="G35004" s="8">
        <v>8855900</v>
      </c>
      <c r="H35004" s="8">
        <v>2125416</v>
      </c>
      <c r="I35004" s="8">
        <v>6907602</v>
      </c>
      <c r="J35004" s="8">
        <v>1948298</v>
      </c>
      <c r="K35004" s="9"/>
      <c r="L35004" s="6"/>
    </row>
    <row r="35005" spans="1:12">
      <c r="A35005" s="6" t="s">
        <v>35081</v>
      </c>
      <c r="B35005" s="6"/>
      <c r="C35005" s="6" t="s">
        <v>32230</v>
      </c>
      <c r="D35005" s="6"/>
      <c r="E35005" s="6" t="s">
        <v>9</v>
      </c>
      <c r="F35005" s="7">
        <v>31837</v>
      </c>
      <c r="G35005" s="8">
        <v>79060800</v>
      </c>
      <c r="H35005" s="8">
        <v>17235268</v>
      </c>
      <c r="I35005" s="8">
        <v>63643930</v>
      </c>
      <c r="J35005" s="8">
        <v>15416870</v>
      </c>
      <c r="K35005" s="9"/>
      <c r="L35005" s="6"/>
    </row>
    <row r="35006" spans="1:12">
      <c r="A35006" s="6" t="s">
        <v>35082</v>
      </c>
      <c r="B35006" s="6"/>
      <c r="C35006" s="6" t="s">
        <v>32230</v>
      </c>
      <c r="D35006" s="6"/>
      <c r="E35006" s="6"/>
      <c r="F35006" s="7"/>
      <c r="G35006" s="8">
        <v>1188000</v>
      </c>
      <c r="H35006" s="8">
        <v>1164240</v>
      </c>
      <c r="I35006" s="8">
        <v>47520</v>
      </c>
      <c r="J35006" s="8">
        <v>1140480</v>
      </c>
      <c r="K35006" s="9"/>
      <c r="L35006" s="6"/>
    </row>
    <row r="35007" spans="1:12">
      <c r="A35007" s="6" t="s">
        <v>35082</v>
      </c>
      <c r="B35007" s="6"/>
      <c r="C35007" s="6" t="s">
        <v>32230</v>
      </c>
      <c r="D35007" s="6"/>
      <c r="E35007" s="6" t="s">
        <v>9</v>
      </c>
      <c r="F35007" s="7">
        <v>30270</v>
      </c>
      <c r="G35007" s="8">
        <v>31009500</v>
      </c>
      <c r="H35007" s="8">
        <v>7442280</v>
      </c>
      <c r="I35007" s="8">
        <v>24187410</v>
      </c>
      <c r="J35007" s="8">
        <v>6822090</v>
      </c>
      <c r="K35007" s="9"/>
      <c r="L35007" s="6"/>
    </row>
    <row r="35008" spans="1:12">
      <c r="A35008" s="6" t="s">
        <v>35083</v>
      </c>
      <c r="B35008" s="6"/>
      <c r="C35008" s="6" t="s">
        <v>32230</v>
      </c>
      <c r="D35008" s="6"/>
      <c r="E35008" s="6" t="s">
        <v>9</v>
      </c>
      <c r="F35008" s="7">
        <v>42808</v>
      </c>
      <c r="G35008" s="8">
        <v>10505160</v>
      </c>
      <c r="H35008" s="8">
        <v>9664748</v>
      </c>
      <c r="I35008" s="8">
        <v>1050515</v>
      </c>
      <c r="J35008" s="8">
        <v>9454645</v>
      </c>
      <c r="K35008" s="9"/>
      <c r="L35008" s="6"/>
    </row>
    <row r="35009" spans="1:12">
      <c r="A35009" s="6" t="s">
        <v>35084</v>
      </c>
      <c r="B35009" s="6"/>
      <c r="C35009" s="6" t="s">
        <v>32230</v>
      </c>
      <c r="D35009" s="6"/>
      <c r="E35009" s="6" t="s">
        <v>9</v>
      </c>
      <c r="F35009" s="7">
        <v>30270</v>
      </c>
      <c r="G35009" s="8">
        <v>8915400</v>
      </c>
      <c r="H35009" s="8">
        <v>2139696</v>
      </c>
      <c r="I35009" s="8">
        <v>6954012</v>
      </c>
      <c r="J35009" s="8">
        <v>1961388</v>
      </c>
      <c r="K35009" s="9"/>
      <c r="L35009" s="6"/>
    </row>
    <row r="35010" spans="1:12">
      <c r="A35010" s="6" t="s">
        <v>35085</v>
      </c>
      <c r="B35010" s="6"/>
      <c r="C35010" s="6" t="s">
        <v>32230</v>
      </c>
      <c r="D35010" s="6"/>
      <c r="E35010" s="6" t="s">
        <v>9</v>
      </c>
      <c r="F35010" s="7">
        <v>30270</v>
      </c>
      <c r="G35010" s="8">
        <v>4144500</v>
      </c>
      <c r="H35010" s="8">
        <v>994680</v>
      </c>
      <c r="I35010" s="8">
        <v>3232710</v>
      </c>
      <c r="J35010" s="8">
        <v>911790</v>
      </c>
      <c r="K35010" s="9"/>
      <c r="L35010" s="6"/>
    </row>
    <row r="35011" spans="1:12">
      <c r="A35011" s="6" t="s">
        <v>35086</v>
      </c>
      <c r="B35011" s="6"/>
      <c r="C35011" s="6" t="s">
        <v>32230</v>
      </c>
      <c r="D35011" s="6"/>
      <c r="E35011" s="6" t="s">
        <v>9</v>
      </c>
      <c r="F35011" s="7">
        <v>30270</v>
      </c>
      <c r="G35011" s="8">
        <v>6606900</v>
      </c>
      <c r="H35011" s="8">
        <v>1585656</v>
      </c>
      <c r="I35011" s="8">
        <v>5153382</v>
      </c>
      <c r="J35011" s="8">
        <v>1453518</v>
      </c>
      <c r="K35011" s="9"/>
      <c r="L35011" s="6"/>
    </row>
    <row r="35012" spans="1:12">
      <c r="A35012" s="6" t="s">
        <v>33185</v>
      </c>
      <c r="B35012" s="6"/>
      <c r="C35012" s="6" t="s">
        <v>32230</v>
      </c>
      <c r="D35012" s="6"/>
      <c r="E35012" s="6" t="s">
        <v>9</v>
      </c>
      <c r="F35012" s="7">
        <v>22007</v>
      </c>
      <c r="G35012" s="8">
        <v>6355440</v>
      </c>
      <c r="H35012" s="8">
        <v>1</v>
      </c>
      <c r="I35012" s="8">
        <v>6355439</v>
      </c>
      <c r="J35012" s="8">
        <v>1</v>
      </c>
      <c r="K35012" s="9"/>
      <c r="L35012" s="6"/>
    </row>
    <row r="35013" spans="1:12">
      <c r="A35013" s="6" t="s">
        <v>35087</v>
      </c>
      <c r="B35013" s="6"/>
      <c r="C35013" s="6" t="s">
        <v>32230</v>
      </c>
      <c r="D35013" s="6"/>
      <c r="E35013" s="6" t="s">
        <v>9</v>
      </c>
      <c r="F35013" s="7">
        <v>30270</v>
      </c>
      <c r="G35013" s="8">
        <v>10057500</v>
      </c>
      <c r="H35013" s="8">
        <v>2413800</v>
      </c>
      <c r="I35013" s="8">
        <v>7844850</v>
      </c>
      <c r="J35013" s="8">
        <v>2212650</v>
      </c>
      <c r="K35013" s="9"/>
      <c r="L35013" s="6"/>
    </row>
    <row r="35014" spans="1:12">
      <c r="A35014" s="6" t="s">
        <v>33185</v>
      </c>
      <c r="B35014" s="6"/>
      <c r="C35014" s="6" t="s">
        <v>32230</v>
      </c>
      <c r="D35014" s="6"/>
      <c r="E35014" s="6" t="s">
        <v>9</v>
      </c>
      <c r="F35014" s="7">
        <v>25659</v>
      </c>
      <c r="G35014" s="8">
        <v>19246500</v>
      </c>
      <c r="H35014" s="8">
        <v>2887000</v>
      </c>
      <c r="I35014" s="8">
        <v>16686690</v>
      </c>
      <c r="J35014" s="8">
        <v>2559810</v>
      </c>
      <c r="K35014" s="9"/>
      <c r="L35014" s="6"/>
    </row>
    <row r="35015" spans="1:12">
      <c r="A35015" s="6" t="s">
        <v>35088</v>
      </c>
      <c r="B35015" s="6"/>
      <c r="C35015" s="6" t="s">
        <v>32230</v>
      </c>
      <c r="D35015" s="6"/>
      <c r="E35015" s="6" t="s">
        <v>9</v>
      </c>
      <c r="F35015" s="7">
        <v>30270</v>
      </c>
      <c r="G35015" s="8">
        <v>29062800</v>
      </c>
      <c r="H35015" s="8">
        <v>6975072</v>
      </c>
      <c r="I35015" s="8">
        <v>22668984</v>
      </c>
      <c r="J35015" s="8">
        <v>6393816</v>
      </c>
      <c r="K35015" s="9"/>
      <c r="L35015" s="6"/>
    </row>
    <row r="35016" spans="1:12">
      <c r="A35016" s="6" t="s">
        <v>35089</v>
      </c>
      <c r="B35016" s="6"/>
      <c r="C35016" s="6" t="s">
        <v>32230</v>
      </c>
      <c r="D35016" s="6"/>
      <c r="E35016" s="6" t="s">
        <v>9</v>
      </c>
      <c r="F35016" s="7">
        <v>30270</v>
      </c>
      <c r="G35016" s="8">
        <v>7611300</v>
      </c>
      <c r="H35016" s="8">
        <v>1826712</v>
      </c>
      <c r="I35016" s="8">
        <v>5936814</v>
      </c>
      <c r="J35016" s="8">
        <v>1674486</v>
      </c>
      <c r="K35016" s="9"/>
      <c r="L35016" s="6"/>
    </row>
    <row r="35017" spans="1:12">
      <c r="A35017" s="6" t="s">
        <v>33185</v>
      </c>
      <c r="B35017" s="6"/>
      <c r="C35017" s="6" t="s">
        <v>32230</v>
      </c>
      <c r="D35017" s="6"/>
      <c r="E35017" s="6" t="s">
        <v>9</v>
      </c>
      <c r="F35017" s="7">
        <v>25659</v>
      </c>
      <c r="G35017" s="8">
        <v>9391200</v>
      </c>
      <c r="H35017" s="8">
        <v>1408700</v>
      </c>
      <c r="I35017" s="8">
        <v>8142150</v>
      </c>
      <c r="J35017" s="8">
        <v>1249050</v>
      </c>
      <c r="K35017" s="9"/>
      <c r="L35017" s="6"/>
    </row>
    <row r="35018" spans="1:12">
      <c r="A35018" s="6" t="s">
        <v>35090</v>
      </c>
      <c r="B35018" s="6"/>
      <c r="C35018" s="6" t="s">
        <v>32230</v>
      </c>
      <c r="D35018" s="6"/>
      <c r="E35018" s="6" t="s">
        <v>9</v>
      </c>
      <c r="F35018" s="7">
        <v>30270</v>
      </c>
      <c r="G35018" s="8">
        <v>3234600</v>
      </c>
      <c r="H35018" s="8">
        <v>776304</v>
      </c>
      <c r="I35018" s="8">
        <v>2522988</v>
      </c>
      <c r="J35018" s="8">
        <v>711612</v>
      </c>
      <c r="K35018" s="9"/>
      <c r="L35018" s="6"/>
    </row>
    <row r="35019" spans="1:12">
      <c r="A35019" s="6" t="s">
        <v>35091</v>
      </c>
      <c r="B35019" s="6"/>
      <c r="C35019" s="6" t="s">
        <v>32230</v>
      </c>
      <c r="D35019" s="6"/>
      <c r="E35019" s="6" t="s">
        <v>9</v>
      </c>
      <c r="F35019" s="7">
        <v>30270</v>
      </c>
      <c r="G35019" s="8">
        <v>2916000</v>
      </c>
      <c r="H35019" s="8">
        <v>699840</v>
      </c>
      <c r="I35019" s="8">
        <v>2274480</v>
      </c>
      <c r="J35019" s="8">
        <v>641520</v>
      </c>
      <c r="K35019" s="9"/>
      <c r="L35019" s="6"/>
    </row>
    <row r="35020" spans="1:12">
      <c r="A35020" s="6" t="s">
        <v>35092</v>
      </c>
      <c r="B35020" s="6"/>
      <c r="C35020" s="6" t="s">
        <v>32230</v>
      </c>
      <c r="D35020" s="6"/>
      <c r="E35020" s="6" t="s">
        <v>9</v>
      </c>
      <c r="F35020" s="7">
        <v>30270</v>
      </c>
      <c r="G35020" s="8">
        <v>8861400</v>
      </c>
      <c r="H35020" s="8">
        <v>2126736</v>
      </c>
      <c r="I35020" s="8">
        <v>6911892</v>
      </c>
      <c r="J35020" s="8">
        <v>1949508</v>
      </c>
      <c r="K35020" s="9"/>
      <c r="L35020" s="6"/>
    </row>
    <row r="35021" spans="1:12">
      <c r="A35021" s="6" t="s">
        <v>35093</v>
      </c>
      <c r="B35021" s="6"/>
      <c r="C35021" s="6" t="s">
        <v>32230</v>
      </c>
      <c r="D35021" s="6"/>
      <c r="E35021" s="6" t="s">
        <v>9</v>
      </c>
      <c r="F35021" s="7">
        <v>30270</v>
      </c>
      <c r="G35021" s="8">
        <v>41804100</v>
      </c>
      <c r="H35021" s="8">
        <v>10032984</v>
      </c>
      <c r="I35021" s="8">
        <v>32607198</v>
      </c>
      <c r="J35021" s="8">
        <v>9196902</v>
      </c>
      <c r="K35021" s="9"/>
      <c r="L35021" s="6"/>
    </row>
    <row r="35022" spans="1:12">
      <c r="A35022" s="6" t="s">
        <v>35093</v>
      </c>
      <c r="B35022" s="6"/>
      <c r="C35022" s="6" t="s">
        <v>32230</v>
      </c>
      <c r="D35022" s="6"/>
      <c r="E35022" s="6"/>
      <c r="F35022" s="7"/>
      <c r="G35022" s="8">
        <v>22832840</v>
      </c>
      <c r="H35022" s="8">
        <v>22376184</v>
      </c>
      <c r="I35022" s="8">
        <v>913312</v>
      </c>
      <c r="J35022" s="8">
        <v>21919528</v>
      </c>
      <c r="K35022" s="9"/>
      <c r="L35022" s="6"/>
    </row>
    <row r="35023" spans="1:12">
      <c r="A35023" s="6" t="s">
        <v>33185</v>
      </c>
      <c r="B35023" s="6"/>
      <c r="C35023" s="6" t="s">
        <v>32230</v>
      </c>
      <c r="D35023" s="6"/>
      <c r="E35023" s="6" t="s">
        <v>9</v>
      </c>
      <c r="F35023" s="7"/>
      <c r="G35023" s="8">
        <v>1</v>
      </c>
      <c r="H35023" s="8">
        <v>1</v>
      </c>
      <c r="I35023" s="8">
        <v>0</v>
      </c>
      <c r="J35023" s="8">
        <v>1</v>
      </c>
      <c r="K35023" s="9"/>
      <c r="L35023" s="6"/>
    </row>
    <row r="35024" spans="1:12">
      <c r="A35024" s="6" t="s">
        <v>35094</v>
      </c>
      <c r="B35024" s="6"/>
      <c r="C35024" s="6" t="s">
        <v>32230</v>
      </c>
      <c r="D35024" s="6"/>
      <c r="E35024" s="6" t="s">
        <v>9</v>
      </c>
      <c r="F35024" s="7">
        <v>30270</v>
      </c>
      <c r="G35024" s="8">
        <v>25436700</v>
      </c>
      <c r="H35024" s="8">
        <v>6104808</v>
      </c>
      <c r="I35024" s="8">
        <v>19840626</v>
      </c>
      <c r="J35024" s="8">
        <v>5596074</v>
      </c>
      <c r="K35024" s="9"/>
      <c r="L35024" s="6"/>
    </row>
    <row r="35025" spans="1:12">
      <c r="A35025" s="6" t="s">
        <v>35095</v>
      </c>
      <c r="B35025" s="6"/>
      <c r="C35025" s="6" t="s">
        <v>32230</v>
      </c>
      <c r="D35025" s="6"/>
      <c r="E35025" s="6" t="s">
        <v>9</v>
      </c>
      <c r="F35025" s="7">
        <v>30270</v>
      </c>
      <c r="G35025" s="8">
        <v>10512700</v>
      </c>
      <c r="H35025" s="8">
        <v>2523048</v>
      </c>
      <c r="I35025" s="8">
        <v>8199906</v>
      </c>
      <c r="J35025" s="8">
        <v>2312794</v>
      </c>
      <c r="K35025" s="9"/>
      <c r="L35025" s="6"/>
    </row>
    <row r="35026" spans="1:12">
      <c r="A35026" s="6" t="s">
        <v>35096</v>
      </c>
      <c r="B35026" s="6"/>
      <c r="C35026" s="6" t="s">
        <v>32230</v>
      </c>
      <c r="D35026" s="6"/>
      <c r="E35026" s="6" t="s">
        <v>9</v>
      </c>
      <c r="F35026" s="7">
        <v>30270</v>
      </c>
      <c r="G35026" s="8">
        <v>1350000</v>
      </c>
      <c r="H35026" s="8">
        <v>324000</v>
      </c>
      <c r="I35026" s="8">
        <v>1053000</v>
      </c>
      <c r="J35026" s="8">
        <v>297000</v>
      </c>
      <c r="K35026" s="9"/>
      <c r="L35026" s="6"/>
    </row>
    <row r="35027" spans="1:12">
      <c r="A35027" s="6" t="s">
        <v>35097</v>
      </c>
      <c r="B35027" s="6"/>
      <c r="C35027" s="6" t="s">
        <v>32230</v>
      </c>
      <c r="D35027" s="6"/>
      <c r="E35027" s="6" t="s">
        <v>9</v>
      </c>
      <c r="F35027" s="7">
        <v>30270</v>
      </c>
      <c r="G35027" s="8">
        <v>45157500</v>
      </c>
      <c r="H35027" s="8">
        <v>10837800</v>
      </c>
      <c r="I35027" s="8">
        <v>35222850</v>
      </c>
      <c r="J35027" s="8">
        <v>9934650</v>
      </c>
      <c r="K35027" s="9"/>
      <c r="L35027" s="6"/>
    </row>
    <row r="35028" spans="1:12">
      <c r="A35028" s="6" t="s">
        <v>33185</v>
      </c>
      <c r="B35028" s="6"/>
      <c r="C35028" s="6" t="s">
        <v>32230</v>
      </c>
      <c r="D35028" s="6"/>
      <c r="E35028" s="6" t="s">
        <v>9</v>
      </c>
      <c r="F35028" s="7">
        <v>25659</v>
      </c>
      <c r="G35028" s="8">
        <v>26863200</v>
      </c>
      <c r="H35028" s="8">
        <v>4029500</v>
      </c>
      <c r="I35028" s="8">
        <v>23290374</v>
      </c>
      <c r="J35028" s="8">
        <v>3572826</v>
      </c>
      <c r="K35028" s="9"/>
      <c r="L35028" s="6"/>
    </row>
    <row r="35029" spans="1:12">
      <c r="A35029" s="6" t="s">
        <v>35098</v>
      </c>
      <c r="B35029" s="6"/>
      <c r="C35029" s="6" t="s">
        <v>32230</v>
      </c>
      <c r="D35029" s="6"/>
      <c r="E35029" s="6" t="s">
        <v>9</v>
      </c>
      <c r="F35029" s="7">
        <v>30270</v>
      </c>
      <c r="G35029" s="8">
        <v>834100</v>
      </c>
      <c r="H35029" s="8">
        <v>200184</v>
      </c>
      <c r="I35029" s="8">
        <v>650598</v>
      </c>
      <c r="J35029" s="8">
        <v>183502</v>
      </c>
      <c r="K35029" s="9"/>
      <c r="L35029" s="6"/>
    </row>
    <row r="35030" spans="1:12">
      <c r="A35030" s="6" t="s">
        <v>35099</v>
      </c>
      <c r="B35030" s="6"/>
      <c r="C35030" s="6" t="s">
        <v>32230</v>
      </c>
      <c r="D35030" s="6"/>
      <c r="E35030" s="6" t="s">
        <v>9</v>
      </c>
      <c r="F35030" s="7">
        <v>30270</v>
      </c>
      <c r="G35030" s="8">
        <v>16491600</v>
      </c>
      <c r="H35030" s="8">
        <v>3957984</v>
      </c>
      <c r="I35030" s="8">
        <v>12863448</v>
      </c>
      <c r="J35030" s="8">
        <v>3628152</v>
      </c>
      <c r="K35030" s="9"/>
      <c r="L35030" s="6"/>
    </row>
    <row r="35031" spans="1:12">
      <c r="A35031" s="6" t="s">
        <v>35100</v>
      </c>
      <c r="B35031" s="6"/>
      <c r="C35031" s="6" t="s">
        <v>32230</v>
      </c>
      <c r="D35031" s="6"/>
      <c r="E35031" s="6" t="s">
        <v>9</v>
      </c>
      <c r="F35031" s="7">
        <v>32599</v>
      </c>
      <c r="G35031" s="8">
        <v>78864240</v>
      </c>
      <c r="H35031" s="8">
        <v>22634053</v>
      </c>
      <c r="I35031" s="8">
        <v>58044064</v>
      </c>
      <c r="J35031" s="8">
        <v>20820176</v>
      </c>
      <c r="K35031" s="9"/>
      <c r="L35031" s="6"/>
    </row>
    <row r="35032" spans="1:12">
      <c r="A35032" s="6" t="s">
        <v>35101</v>
      </c>
      <c r="B35032" s="6"/>
      <c r="C35032" s="6" t="s">
        <v>32230</v>
      </c>
      <c r="D35032" s="6"/>
      <c r="E35032" s="6" t="s">
        <v>9</v>
      </c>
      <c r="F35032" s="7">
        <v>30270</v>
      </c>
      <c r="G35032" s="8">
        <v>10168200</v>
      </c>
      <c r="H35032" s="8">
        <v>2440368</v>
      </c>
      <c r="I35032" s="8">
        <v>7931196</v>
      </c>
      <c r="J35032" s="8">
        <v>2237004</v>
      </c>
      <c r="K35032" s="9"/>
      <c r="L35032" s="6"/>
    </row>
    <row r="35033" spans="1:12">
      <c r="A35033" s="6" t="s">
        <v>35102</v>
      </c>
      <c r="B35033" s="6"/>
      <c r="C35033" s="6" t="s">
        <v>32230</v>
      </c>
      <c r="D35033" s="6"/>
      <c r="E35033" s="6" t="s">
        <v>9</v>
      </c>
      <c r="F35033" s="7">
        <v>30270</v>
      </c>
      <c r="G35033" s="8">
        <v>22477500</v>
      </c>
      <c r="H35033" s="8">
        <v>5394600</v>
      </c>
      <c r="I35033" s="8">
        <v>17532450</v>
      </c>
      <c r="J35033" s="8">
        <v>4945050</v>
      </c>
      <c r="K35033" s="9"/>
      <c r="L35033" s="6"/>
    </row>
    <row r="35034" spans="1:12">
      <c r="A35034" s="6" t="s">
        <v>33185</v>
      </c>
      <c r="B35034" s="6"/>
      <c r="C35034" s="6" t="s">
        <v>32230</v>
      </c>
      <c r="D35034" s="6"/>
      <c r="E35034" s="6" t="s">
        <v>9</v>
      </c>
      <c r="F35034" s="7">
        <v>25659</v>
      </c>
      <c r="G35034" s="8">
        <v>31182060</v>
      </c>
      <c r="H35034" s="8">
        <v>4677310</v>
      </c>
      <c r="I35034" s="8">
        <v>27034845</v>
      </c>
      <c r="J35034" s="8">
        <v>4147215</v>
      </c>
      <c r="K35034" s="9"/>
      <c r="L35034" s="6"/>
    </row>
    <row r="35035" spans="1:12">
      <c r="A35035" s="6" t="s">
        <v>35103</v>
      </c>
      <c r="B35035" s="6"/>
      <c r="C35035" s="6" t="s">
        <v>32230</v>
      </c>
      <c r="D35035" s="6"/>
      <c r="E35035" s="6" t="s">
        <v>9</v>
      </c>
      <c r="F35035" s="7">
        <v>30270</v>
      </c>
      <c r="G35035" s="8">
        <v>10692000</v>
      </c>
      <c r="H35035" s="8">
        <v>2566080</v>
      </c>
      <c r="I35035" s="8">
        <v>8339760</v>
      </c>
      <c r="J35035" s="8">
        <v>2352240</v>
      </c>
      <c r="K35035" s="9"/>
      <c r="L35035" s="6"/>
    </row>
    <row r="35036" spans="1:12">
      <c r="A35036" s="6" t="s">
        <v>35104</v>
      </c>
      <c r="B35036" s="6"/>
      <c r="C35036" s="6" t="s">
        <v>32230</v>
      </c>
      <c r="D35036" s="6"/>
      <c r="E35036" s="6" t="s">
        <v>9</v>
      </c>
      <c r="F35036" s="7">
        <v>30270</v>
      </c>
      <c r="G35036" s="8">
        <v>7649100</v>
      </c>
      <c r="H35036" s="8">
        <v>1835784</v>
      </c>
      <c r="I35036" s="8">
        <v>5966298</v>
      </c>
      <c r="J35036" s="8">
        <v>1682802</v>
      </c>
      <c r="K35036" s="9"/>
      <c r="L35036" s="6"/>
    </row>
    <row r="35037" spans="1:12">
      <c r="A35037" s="6" t="s">
        <v>35105</v>
      </c>
      <c r="B35037" s="6"/>
      <c r="C35037" s="6" t="s">
        <v>32230</v>
      </c>
      <c r="D35037" s="6"/>
      <c r="E35037" s="6" t="s">
        <v>9</v>
      </c>
      <c r="F35037" s="7">
        <v>30270</v>
      </c>
      <c r="G35037" s="8">
        <v>7290000</v>
      </c>
      <c r="H35037" s="8">
        <v>1749600</v>
      </c>
      <c r="I35037" s="8">
        <v>5686200</v>
      </c>
      <c r="J35037" s="8">
        <v>1603800</v>
      </c>
      <c r="K35037" s="9"/>
      <c r="L35037" s="6"/>
    </row>
    <row r="35038" spans="1:12">
      <c r="A35038" s="6" t="s">
        <v>35106</v>
      </c>
      <c r="B35038" s="6"/>
      <c r="C35038" s="6" t="s">
        <v>32230</v>
      </c>
      <c r="D35038" s="6"/>
      <c r="E35038" s="6" t="s">
        <v>9</v>
      </c>
      <c r="F35038" s="7">
        <v>30270</v>
      </c>
      <c r="G35038" s="8">
        <v>14515200</v>
      </c>
      <c r="H35038" s="8">
        <v>3483648</v>
      </c>
      <c r="I35038" s="8">
        <v>11321856</v>
      </c>
      <c r="J35038" s="8">
        <v>3193344</v>
      </c>
      <c r="K35038" s="9"/>
      <c r="L35038" s="6"/>
    </row>
    <row r="35039" spans="1:12">
      <c r="A35039" s="6" t="s">
        <v>35107</v>
      </c>
      <c r="B35039" s="6"/>
      <c r="C35039" s="6" t="s">
        <v>32230</v>
      </c>
      <c r="D35039" s="6"/>
      <c r="E35039" s="6" t="s">
        <v>9</v>
      </c>
      <c r="F35039" s="7">
        <v>30270</v>
      </c>
      <c r="G35039" s="8">
        <v>7759800</v>
      </c>
      <c r="H35039" s="8">
        <v>1862352</v>
      </c>
      <c r="I35039" s="8">
        <v>6052644</v>
      </c>
      <c r="J35039" s="8">
        <v>1707156</v>
      </c>
      <c r="K35039" s="9"/>
      <c r="L35039" s="6"/>
    </row>
    <row r="35040" spans="1:12">
      <c r="A35040" s="6" t="s">
        <v>35108</v>
      </c>
      <c r="B35040" s="6"/>
      <c r="C35040" s="6" t="s">
        <v>32230</v>
      </c>
      <c r="D35040" s="6"/>
      <c r="E35040" s="6" t="s">
        <v>9</v>
      </c>
      <c r="F35040" s="7">
        <v>30270</v>
      </c>
      <c r="G35040" s="8">
        <v>23020200</v>
      </c>
      <c r="H35040" s="8">
        <v>5524848</v>
      </c>
      <c r="I35040" s="8">
        <v>17955756</v>
      </c>
      <c r="J35040" s="8">
        <v>5064444</v>
      </c>
      <c r="K35040" s="9"/>
      <c r="L35040" s="6"/>
    </row>
    <row r="35041" spans="1:12">
      <c r="A35041" s="6" t="s">
        <v>35109</v>
      </c>
      <c r="B35041" s="6"/>
      <c r="C35041" s="6" t="s">
        <v>32230</v>
      </c>
      <c r="D35041" s="6"/>
      <c r="E35041" s="6" t="s">
        <v>9</v>
      </c>
      <c r="F35041" s="7">
        <v>30270</v>
      </c>
      <c r="G35041" s="8">
        <v>5256900</v>
      </c>
      <c r="H35041" s="8">
        <v>1261656</v>
      </c>
      <c r="I35041" s="8">
        <v>4100382</v>
      </c>
      <c r="J35041" s="8">
        <v>1156518</v>
      </c>
      <c r="K35041" s="9"/>
      <c r="L35041" s="6"/>
    </row>
    <row r="35042" spans="1:12">
      <c r="A35042" s="6" t="s">
        <v>35110</v>
      </c>
      <c r="B35042" s="6"/>
      <c r="C35042" s="6" t="s">
        <v>32230</v>
      </c>
      <c r="D35042" s="6"/>
      <c r="E35042" s="6" t="s">
        <v>9</v>
      </c>
      <c r="F35042" s="7">
        <v>30270</v>
      </c>
      <c r="G35042" s="8">
        <v>7090200</v>
      </c>
      <c r="H35042" s="8">
        <v>1701648</v>
      </c>
      <c r="I35042" s="8">
        <v>5530356</v>
      </c>
      <c r="J35042" s="8">
        <v>1559844</v>
      </c>
      <c r="K35042" s="9"/>
      <c r="L35042" s="6"/>
    </row>
    <row r="35043" spans="1:12">
      <c r="A35043" s="6" t="s">
        <v>35111</v>
      </c>
      <c r="B35043" s="6"/>
      <c r="C35043" s="6" t="s">
        <v>32230</v>
      </c>
      <c r="D35043" s="6"/>
      <c r="E35043" s="6" t="s">
        <v>9</v>
      </c>
      <c r="F35043" s="7">
        <v>39169</v>
      </c>
      <c r="G35043" s="8">
        <v>3134700</v>
      </c>
      <c r="H35043" s="8">
        <v>2256984</v>
      </c>
      <c r="I35043" s="8">
        <v>940410</v>
      </c>
      <c r="J35043" s="8">
        <v>2194290</v>
      </c>
      <c r="K35043" s="9"/>
      <c r="L35043" s="6"/>
    </row>
    <row r="35044" spans="1:12">
      <c r="A35044" s="6" t="s">
        <v>35112</v>
      </c>
      <c r="B35044" s="6"/>
      <c r="C35044" s="6" t="s">
        <v>32230</v>
      </c>
      <c r="D35044" s="6"/>
      <c r="E35044" s="6" t="s">
        <v>9</v>
      </c>
      <c r="F35044" s="7">
        <v>30270</v>
      </c>
      <c r="G35044" s="8">
        <v>22979700</v>
      </c>
      <c r="H35044" s="8">
        <v>5515128</v>
      </c>
      <c r="I35044" s="8">
        <v>17924166</v>
      </c>
      <c r="J35044" s="8">
        <v>5055534</v>
      </c>
      <c r="K35044" s="9"/>
      <c r="L35044" s="6"/>
    </row>
    <row r="35045" spans="1:12">
      <c r="A35045" s="6" t="s">
        <v>35113</v>
      </c>
      <c r="B35045" s="6"/>
      <c r="C35045" s="6" t="s">
        <v>32230</v>
      </c>
      <c r="D35045" s="6"/>
      <c r="E35045" s="6" t="s">
        <v>9</v>
      </c>
      <c r="F35045" s="7">
        <v>30270</v>
      </c>
      <c r="G35045" s="8">
        <v>12879000</v>
      </c>
      <c r="H35045" s="8">
        <v>3090960</v>
      </c>
      <c r="I35045" s="8">
        <v>10045620</v>
      </c>
      <c r="J35045" s="8">
        <v>2833380</v>
      </c>
      <c r="K35045" s="9"/>
      <c r="L35045" s="6"/>
    </row>
    <row r="35046" spans="1:12">
      <c r="A35046" s="6" t="s">
        <v>35114</v>
      </c>
      <c r="B35046" s="6"/>
      <c r="C35046" s="6" t="s">
        <v>32230</v>
      </c>
      <c r="D35046" s="6"/>
      <c r="E35046" s="6" t="s">
        <v>9</v>
      </c>
      <c r="F35046" s="7">
        <v>39169</v>
      </c>
      <c r="G35046" s="8">
        <v>4511700</v>
      </c>
      <c r="H35046" s="8">
        <v>3248424</v>
      </c>
      <c r="I35046" s="8">
        <v>1353510</v>
      </c>
      <c r="J35046" s="8">
        <v>3158190</v>
      </c>
      <c r="K35046" s="9"/>
      <c r="L35046" s="6"/>
    </row>
    <row r="35047" spans="1:12">
      <c r="A35047" s="6" t="s">
        <v>35115</v>
      </c>
      <c r="B35047" s="6"/>
      <c r="C35047" s="6" t="s">
        <v>32230</v>
      </c>
      <c r="D35047" s="6"/>
      <c r="E35047" s="6" t="s">
        <v>9</v>
      </c>
      <c r="F35047" s="7">
        <v>30270</v>
      </c>
      <c r="G35047" s="8">
        <v>22599000</v>
      </c>
      <c r="H35047" s="8">
        <v>5423760</v>
      </c>
      <c r="I35047" s="8">
        <v>17627220</v>
      </c>
      <c r="J35047" s="8">
        <v>4971780</v>
      </c>
      <c r="K35047" s="9"/>
      <c r="L35047" s="6"/>
    </row>
    <row r="35048" spans="1:12">
      <c r="A35048" s="6" t="s">
        <v>35116</v>
      </c>
      <c r="B35048" s="6"/>
      <c r="C35048" s="6" t="s">
        <v>32230</v>
      </c>
      <c r="D35048" s="6"/>
      <c r="E35048" s="6" t="s">
        <v>9</v>
      </c>
      <c r="F35048" s="7">
        <v>30270</v>
      </c>
      <c r="G35048" s="8">
        <v>2016900</v>
      </c>
      <c r="H35048" s="8">
        <v>484056</v>
      </c>
      <c r="I35048" s="8">
        <v>1573182</v>
      </c>
      <c r="J35048" s="8">
        <v>443718</v>
      </c>
      <c r="K35048" s="9"/>
      <c r="L35048" s="6"/>
    </row>
    <row r="35049" spans="1:12">
      <c r="A35049" s="6" t="s">
        <v>35117</v>
      </c>
      <c r="B35049" s="6"/>
      <c r="C35049" s="6" t="s">
        <v>32230</v>
      </c>
      <c r="D35049" s="6"/>
      <c r="E35049" s="6" t="s">
        <v>9</v>
      </c>
      <c r="F35049" s="7">
        <v>30861</v>
      </c>
      <c r="G35049" s="8">
        <v>11502000</v>
      </c>
      <c r="H35049" s="8">
        <v>3220560</v>
      </c>
      <c r="I35049" s="8">
        <v>8511480</v>
      </c>
      <c r="J35049" s="8">
        <v>2990520</v>
      </c>
      <c r="K35049" s="9"/>
      <c r="L35049" s="6"/>
    </row>
    <row r="35050" spans="1:12">
      <c r="A35050" s="6" t="s">
        <v>35118</v>
      </c>
      <c r="B35050" s="6"/>
      <c r="C35050" s="6" t="s">
        <v>32230</v>
      </c>
      <c r="D35050" s="6"/>
      <c r="E35050" s="6" t="s">
        <v>9</v>
      </c>
      <c r="F35050" s="7">
        <v>30861</v>
      </c>
      <c r="G35050" s="8">
        <v>2565000</v>
      </c>
      <c r="H35050" s="8">
        <v>718200</v>
      </c>
      <c r="I35050" s="8">
        <v>1898100</v>
      </c>
      <c r="J35050" s="8">
        <v>666900</v>
      </c>
      <c r="K35050" s="9"/>
      <c r="L35050" s="6"/>
    </row>
    <row r="35051" spans="1:12">
      <c r="A35051" s="6" t="s">
        <v>35119</v>
      </c>
      <c r="B35051" s="6"/>
      <c r="C35051" s="6" t="s">
        <v>32230</v>
      </c>
      <c r="D35051" s="6"/>
      <c r="E35051" s="6" t="s">
        <v>9</v>
      </c>
      <c r="F35051" s="7">
        <v>31952</v>
      </c>
      <c r="G35051" s="8">
        <v>14037300</v>
      </c>
      <c r="H35051" s="8">
        <v>4772682</v>
      </c>
      <c r="I35051" s="8">
        <v>9545364</v>
      </c>
      <c r="J35051" s="8">
        <v>4491936</v>
      </c>
      <c r="K35051" s="9"/>
      <c r="L35051" s="6"/>
    </row>
    <row r="35052" spans="1:12">
      <c r="A35052" s="6" t="s">
        <v>35120</v>
      </c>
      <c r="B35052" s="6"/>
      <c r="C35052" s="6" t="s">
        <v>32230</v>
      </c>
      <c r="D35052" s="6"/>
      <c r="E35052" s="6" t="s">
        <v>9</v>
      </c>
      <c r="F35052" s="7">
        <v>32203</v>
      </c>
      <c r="G35052" s="8">
        <v>83188560</v>
      </c>
      <c r="H35052" s="8">
        <v>20048472</v>
      </c>
      <c r="I35052" s="8">
        <v>65053424</v>
      </c>
      <c r="J35052" s="8">
        <v>18135136</v>
      </c>
      <c r="K35052" s="9"/>
      <c r="L35052" s="6"/>
    </row>
    <row r="35053" spans="1:12">
      <c r="A35053" s="6" t="s">
        <v>35121</v>
      </c>
      <c r="B35053" s="6"/>
      <c r="C35053" s="6" t="s">
        <v>32230</v>
      </c>
      <c r="D35053" s="6"/>
      <c r="E35053" s="6" t="s">
        <v>9</v>
      </c>
      <c r="F35053" s="7">
        <v>32317</v>
      </c>
      <c r="G35053" s="8">
        <v>16548300</v>
      </c>
      <c r="H35053" s="8">
        <v>5957388</v>
      </c>
      <c r="I35053" s="8">
        <v>10921878</v>
      </c>
      <c r="J35053" s="8">
        <v>5626422</v>
      </c>
      <c r="K35053" s="9"/>
      <c r="L35053" s="6"/>
    </row>
    <row r="35054" spans="1:12">
      <c r="A35054" s="6" t="s">
        <v>35122</v>
      </c>
      <c r="B35054" s="6"/>
      <c r="C35054" s="6" t="s">
        <v>32230</v>
      </c>
      <c r="D35054" s="6"/>
      <c r="E35054" s="6" t="s">
        <v>9</v>
      </c>
      <c r="F35054" s="7">
        <v>32686</v>
      </c>
      <c r="G35054" s="8">
        <v>57267200</v>
      </c>
      <c r="H35054" s="8">
        <v>21761536</v>
      </c>
      <c r="I35054" s="8">
        <v>36651008</v>
      </c>
      <c r="J35054" s="8">
        <v>20616192</v>
      </c>
      <c r="K35054" s="9"/>
      <c r="L35054" s="6"/>
    </row>
    <row r="35055" spans="1:12">
      <c r="A35055" s="6" t="s">
        <v>33185</v>
      </c>
      <c r="B35055" s="6"/>
      <c r="C35055" s="6" t="s">
        <v>32230</v>
      </c>
      <c r="D35055" s="6"/>
      <c r="E35055" s="6" t="s">
        <v>9</v>
      </c>
      <c r="F35055" s="7"/>
      <c r="G35055" s="8">
        <v>1</v>
      </c>
      <c r="H35055" s="8">
        <v>1</v>
      </c>
      <c r="I35055" s="8">
        <v>0</v>
      </c>
      <c r="J35055" s="8">
        <v>1</v>
      </c>
      <c r="K35055" s="9"/>
      <c r="L35055" s="6"/>
    </row>
    <row r="35056" spans="1:12">
      <c r="A35056" s="6" t="s">
        <v>35123</v>
      </c>
      <c r="B35056" s="6"/>
      <c r="C35056" s="6" t="s">
        <v>32230</v>
      </c>
      <c r="D35056" s="6"/>
      <c r="E35056" s="6" t="s">
        <v>9</v>
      </c>
      <c r="F35056" s="7">
        <v>32686</v>
      </c>
      <c r="G35056" s="8">
        <v>36822600</v>
      </c>
      <c r="H35056" s="8">
        <v>13992588</v>
      </c>
      <c r="I35056" s="8">
        <v>23566464</v>
      </c>
      <c r="J35056" s="8">
        <v>13256136</v>
      </c>
      <c r="K35056" s="9"/>
      <c r="L35056" s="6"/>
    </row>
    <row r="35057" spans="1:12">
      <c r="A35057" s="6" t="s">
        <v>35124</v>
      </c>
      <c r="B35057" s="6"/>
      <c r="C35057" s="6" t="s">
        <v>32230</v>
      </c>
      <c r="D35057" s="6"/>
      <c r="E35057" s="6" t="s">
        <v>9</v>
      </c>
      <c r="F35057" s="7">
        <v>34366</v>
      </c>
      <c r="G35057" s="8">
        <v>739800</v>
      </c>
      <c r="H35057" s="8">
        <v>340308</v>
      </c>
      <c r="I35057" s="8">
        <v>414288</v>
      </c>
      <c r="J35057" s="8">
        <v>325512</v>
      </c>
      <c r="K35057" s="9"/>
      <c r="L35057" s="6"/>
    </row>
    <row r="35058" spans="1:12">
      <c r="A35058" s="6" t="s">
        <v>35125</v>
      </c>
      <c r="B35058" s="6"/>
      <c r="C35058" s="6" t="s">
        <v>32230</v>
      </c>
      <c r="D35058" s="6"/>
      <c r="E35058" s="6" t="s">
        <v>9</v>
      </c>
      <c r="F35058" s="7">
        <v>35153</v>
      </c>
      <c r="G35058" s="8">
        <v>15827400</v>
      </c>
      <c r="H35058" s="8">
        <v>7913700</v>
      </c>
      <c r="I35058" s="8">
        <v>8230248</v>
      </c>
      <c r="J35058" s="8">
        <v>7597152</v>
      </c>
      <c r="K35058" s="9"/>
      <c r="L35058" s="6"/>
    </row>
    <row r="35059" spans="1:12">
      <c r="A35059" s="6" t="s">
        <v>35126</v>
      </c>
      <c r="B35059" s="6"/>
      <c r="C35059" s="6" t="s">
        <v>32230</v>
      </c>
      <c r="D35059" s="6"/>
      <c r="E35059" s="6" t="s">
        <v>9</v>
      </c>
      <c r="F35059" s="7">
        <v>35153</v>
      </c>
      <c r="G35059" s="8">
        <v>4203900</v>
      </c>
      <c r="H35059" s="8">
        <v>2101950</v>
      </c>
      <c r="I35059" s="8">
        <v>2186028</v>
      </c>
      <c r="J35059" s="8">
        <v>2017872</v>
      </c>
      <c r="K35059" s="9"/>
      <c r="L35059" s="6"/>
    </row>
    <row r="35060" spans="1:12">
      <c r="A35060" s="6" t="s">
        <v>35127</v>
      </c>
      <c r="B35060" s="6"/>
      <c r="C35060" s="6" t="s">
        <v>32230</v>
      </c>
      <c r="D35060" s="6"/>
      <c r="E35060" s="6" t="s">
        <v>9</v>
      </c>
      <c r="F35060" s="7">
        <v>35244</v>
      </c>
      <c r="G35060" s="8">
        <v>7913700</v>
      </c>
      <c r="H35060" s="8">
        <v>4115124</v>
      </c>
      <c r="I35060" s="8">
        <v>3956850</v>
      </c>
      <c r="J35060" s="8">
        <v>3956850</v>
      </c>
      <c r="K35060" s="9"/>
      <c r="L35060" s="6"/>
    </row>
    <row r="35061" spans="1:12">
      <c r="A35061" s="6" t="s">
        <v>35128</v>
      </c>
      <c r="B35061" s="6"/>
      <c r="C35061" s="6" t="s">
        <v>32230</v>
      </c>
      <c r="D35061" s="6"/>
      <c r="E35061" s="6" t="s">
        <v>9</v>
      </c>
      <c r="F35061" s="7">
        <v>35977</v>
      </c>
      <c r="G35061" s="8">
        <v>936900</v>
      </c>
      <c r="H35061" s="8">
        <v>524664</v>
      </c>
      <c r="I35061" s="8">
        <v>430974</v>
      </c>
      <c r="J35061" s="8">
        <v>505926</v>
      </c>
      <c r="K35061" s="9"/>
      <c r="L35061" s="6"/>
    </row>
    <row r="35062" spans="1:12">
      <c r="A35062" s="6" t="s">
        <v>35129</v>
      </c>
      <c r="B35062" s="6"/>
      <c r="C35062" s="6" t="s">
        <v>32230</v>
      </c>
      <c r="D35062" s="6"/>
      <c r="E35062" s="6" t="s">
        <v>9</v>
      </c>
      <c r="F35062" s="7">
        <v>35977</v>
      </c>
      <c r="G35062" s="8">
        <v>5653800</v>
      </c>
      <c r="H35062" s="8">
        <v>3166128</v>
      </c>
      <c r="I35062" s="8">
        <v>2600748</v>
      </c>
      <c r="J35062" s="8">
        <v>3053052</v>
      </c>
      <c r="K35062" s="9"/>
      <c r="L35062" s="6"/>
    </row>
    <row r="35063" spans="1:12">
      <c r="A35063" s="6" t="s">
        <v>35130</v>
      </c>
      <c r="B35063" s="6"/>
      <c r="C35063" s="6" t="s">
        <v>32230</v>
      </c>
      <c r="D35063" s="6"/>
      <c r="E35063" s="6" t="s">
        <v>9</v>
      </c>
      <c r="F35063" s="7">
        <v>36616</v>
      </c>
      <c r="G35063" s="8">
        <v>2721600</v>
      </c>
      <c r="H35063" s="8">
        <v>1578528</v>
      </c>
      <c r="I35063" s="8">
        <v>1197504</v>
      </c>
      <c r="J35063" s="8">
        <v>1524096</v>
      </c>
      <c r="K35063" s="9"/>
      <c r="L35063" s="6"/>
    </row>
    <row r="35064" spans="1:12">
      <c r="A35064" s="6" t="s">
        <v>35131</v>
      </c>
      <c r="B35064" s="6"/>
      <c r="C35064" s="6" t="s">
        <v>32230</v>
      </c>
      <c r="D35064" s="6"/>
      <c r="E35064" s="6" t="s">
        <v>9</v>
      </c>
      <c r="F35064" s="7">
        <v>38442</v>
      </c>
      <c r="G35064" s="8">
        <v>56320000</v>
      </c>
      <c r="H35064" s="8">
        <v>38297600</v>
      </c>
      <c r="I35064" s="8">
        <v>19148800</v>
      </c>
      <c r="J35064" s="8">
        <v>37171200</v>
      </c>
      <c r="K35064" s="9"/>
      <c r="L35064" s="6"/>
    </row>
    <row r="35065" spans="1:12">
      <c r="A35065" s="6" t="s">
        <v>33185</v>
      </c>
      <c r="B35065" s="6"/>
      <c r="C35065" s="6" t="s">
        <v>32230</v>
      </c>
      <c r="D35065" s="6"/>
      <c r="E35065" s="6" t="s">
        <v>9</v>
      </c>
      <c r="F35065" s="7">
        <v>38078</v>
      </c>
      <c r="G35065" s="8">
        <v>25225200</v>
      </c>
      <c r="H35065" s="8">
        <v>18363952</v>
      </c>
      <c r="I35065" s="8">
        <v>7290076</v>
      </c>
      <c r="J35065" s="8">
        <v>17935124</v>
      </c>
      <c r="K35065" s="9"/>
      <c r="L35065" s="6"/>
    </row>
    <row r="35066" spans="1:12">
      <c r="A35066" s="6" t="s">
        <v>35132</v>
      </c>
      <c r="B35066" s="6"/>
      <c r="C35066" s="6" t="s">
        <v>32230</v>
      </c>
      <c r="D35066" s="6"/>
      <c r="E35066" s="6" t="s">
        <v>9</v>
      </c>
      <c r="F35066" s="7">
        <v>37432</v>
      </c>
      <c r="G35066" s="8">
        <v>2568800</v>
      </c>
      <c r="H35066" s="8">
        <v>1644032</v>
      </c>
      <c r="I35066" s="8">
        <v>976144</v>
      </c>
      <c r="J35066" s="8">
        <v>1592656</v>
      </c>
      <c r="K35066" s="9"/>
      <c r="L35066" s="6"/>
    </row>
    <row r="35067" spans="1:12">
      <c r="A35067" s="6" t="s">
        <v>35133</v>
      </c>
      <c r="B35067" s="6"/>
      <c r="C35067" s="6" t="s">
        <v>32230</v>
      </c>
      <c r="D35067" s="6"/>
      <c r="E35067" s="6" t="s">
        <v>9</v>
      </c>
      <c r="F35067" s="7">
        <v>37432</v>
      </c>
      <c r="G35067" s="8">
        <v>6809400</v>
      </c>
      <c r="H35067" s="8">
        <v>4358016</v>
      </c>
      <c r="I35067" s="8">
        <v>2587572</v>
      </c>
      <c r="J35067" s="8">
        <v>4221828</v>
      </c>
      <c r="K35067" s="9"/>
      <c r="L35067" s="6"/>
    </row>
    <row r="35068" spans="1:12">
      <c r="A35068" s="6" t="s">
        <v>35134</v>
      </c>
      <c r="B35068" s="6"/>
      <c r="C35068" s="6" t="s">
        <v>32230</v>
      </c>
      <c r="D35068" s="6"/>
      <c r="E35068" s="6" t="s">
        <v>9</v>
      </c>
      <c r="F35068" s="7">
        <v>37777</v>
      </c>
      <c r="G35068" s="8">
        <v>2286900</v>
      </c>
      <c r="H35068" s="8">
        <v>1509354</v>
      </c>
      <c r="I35068" s="8">
        <v>823284</v>
      </c>
      <c r="J35068" s="8">
        <v>1463616</v>
      </c>
      <c r="K35068" s="9"/>
      <c r="L35068" s="6"/>
    </row>
    <row r="35069" spans="1:12">
      <c r="A35069" s="6" t="s">
        <v>35135</v>
      </c>
      <c r="B35069" s="6"/>
      <c r="C35069" s="6" t="s">
        <v>32230</v>
      </c>
      <c r="D35069" s="6"/>
      <c r="E35069" s="6" t="s">
        <v>9</v>
      </c>
      <c r="F35069" s="7">
        <v>38442</v>
      </c>
      <c r="G35069" s="8">
        <v>122752000</v>
      </c>
      <c r="H35069" s="8">
        <v>83471360</v>
      </c>
      <c r="I35069" s="8">
        <v>41735680</v>
      </c>
      <c r="J35069" s="8">
        <v>81016320</v>
      </c>
      <c r="K35069" s="9"/>
      <c r="L35069" s="6"/>
    </row>
    <row r="35070" spans="1:12">
      <c r="A35070" s="6" t="s">
        <v>35136</v>
      </c>
      <c r="B35070" s="6"/>
      <c r="C35070" s="6" t="s">
        <v>32230</v>
      </c>
      <c r="D35070" s="6"/>
      <c r="E35070" s="6" t="s">
        <v>9</v>
      </c>
      <c r="F35070" s="7">
        <v>42807</v>
      </c>
      <c r="G35070" s="8">
        <v>756000</v>
      </c>
      <c r="H35070" s="8">
        <v>604800</v>
      </c>
      <c r="I35070" s="8">
        <v>189000</v>
      </c>
      <c r="J35070" s="8">
        <v>567000</v>
      </c>
      <c r="K35070" s="9"/>
      <c r="L35070" s="6"/>
    </row>
    <row r="35071" spans="1:12">
      <c r="A35071" s="6" t="s">
        <v>35137</v>
      </c>
      <c r="B35071" s="6"/>
      <c r="C35071" s="6" t="s">
        <v>32230</v>
      </c>
      <c r="D35071" s="6"/>
      <c r="E35071" s="6" t="s">
        <v>9</v>
      </c>
      <c r="F35071" s="7">
        <v>30270</v>
      </c>
      <c r="G35071" s="8">
        <v>29022300</v>
      </c>
      <c r="H35071" s="8">
        <v>6965352</v>
      </c>
      <c r="I35071" s="8">
        <v>22637394</v>
      </c>
      <c r="J35071" s="8">
        <v>6384906</v>
      </c>
      <c r="K35071" s="9"/>
      <c r="L35071" s="6"/>
    </row>
    <row r="35072" spans="1:12">
      <c r="A35072" s="6" t="s">
        <v>35138</v>
      </c>
      <c r="B35072" s="6"/>
      <c r="C35072" s="6" t="s">
        <v>32230</v>
      </c>
      <c r="D35072" s="6"/>
      <c r="E35072" s="6" t="s">
        <v>9</v>
      </c>
      <c r="F35072" s="7">
        <v>28581</v>
      </c>
      <c r="G35072" s="8">
        <v>29778840</v>
      </c>
      <c r="H35072" s="8">
        <v>1012494</v>
      </c>
      <c r="I35072" s="8">
        <v>29451259</v>
      </c>
      <c r="J35072" s="8">
        <v>327581</v>
      </c>
      <c r="K35072" s="9"/>
      <c r="L35072" s="6"/>
    </row>
    <row r="35073" spans="1:12">
      <c r="A35073" s="6" t="s">
        <v>35139</v>
      </c>
      <c r="B35073" s="6"/>
      <c r="C35073" s="6" t="s">
        <v>32230</v>
      </c>
      <c r="D35073" s="6"/>
      <c r="E35073" s="6" t="s">
        <v>9</v>
      </c>
      <c r="F35073" s="7">
        <v>30270</v>
      </c>
      <c r="G35073" s="8">
        <v>29119500</v>
      </c>
      <c r="H35073" s="8">
        <v>6988680</v>
      </c>
      <c r="I35073" s="8">
        <v>22713210</v>
      </c>
      <c r="J35073" s="8">
        <v>6406290</v>
      </c>
      <c r="K35073" s="9"/>
      <c r="L35073" s="6"/>
    </row>
    <row r="35074" spans="1:12">
      <c r="A35074" s="6" t="s">
        <v>35140</v>
      </c>
      <c r="B35074" s="6"/>
      <c r="C35074" s="6" t="s">
        <v>32230</v>
      </c>
      <c r="D35074" s="6"/>
      <c r="E35074" s="6" t="s">
        <v>9</v>
      </c>
      <c r="F35074" s="7">
        <v>30270</v>
      </c>
      <c r="G35074" s="8">
        <v>5783400</v>
      </c>
      <c r="H35074" s="8">
        <v>1388016</v>
      </c>
      <c r="I35074" s="8">
        <v>4511052</v>
      </c>
      <c r="J35074" s="8">
        <v>1272348</v>
      </c>
      <c r="K35074" s="9"/>
      <c r="L35074" s="6"/>
    </row>
    <row r="35075" spans="1:12">
      <c r="A35075" s="6" t="s">
        <v>35141</v>
      </c>
      <c r="B35075" s="6"/>
      <c r="C35075" s="6" t="s">
        <v>32230</v>
      </c>
      <c r="D35075" s="6"/>
      <c r="E35075" s="6" t="s">
        <v>9</v>
      </c>
      <c r="F35075" s="7">
        <v>30270</v>
      </c>
      <c r="G35075" s="8">
        <v>27264600</v>
      </c>
      <c r="H35075" s="8">
        <v>6543504</v>
      </c>
      <c r="I35075" s="8">
        <v>21266388</v>
      </c>
      <c r="J35075" s="8">
        <v>5998212</v>
      </c>
      <c r="K35075" s="9"/>
      <c r="L35075" s="6"/>
    </row>
    <row r="35076" spans="1:12">
      <c r="A35076" s="6" t="s">
        <v>35142</v>
      </c>
      <c r="B35076" s="6"/>
      <c r="C35076" s="6" t="s">
        <v>32230</v>
      </c>
      <c r="D35076" s="6"/>
      <c r="E35076" s="6" t="s">
        <v>9</v>
      </c>
      <c r="F35076" s="7">
        <v>27089</v>
      </c>
      <c r="G35076" s="8">
        <v>53988480</v>
      </c>
      <c r="H35076" s="8">
        <v>1</v>
      </c>
      <c r="I35076" s="8">
        <v>53988479</v>
      </c>
      <c r="J35076" s="8">
        <v>1</v>
      </c>
      <c r="K35076" s="9"/>
      <c r="L35076" s="6"/>
    </row>
    <row r="35077" spans="1:12">
      <c r="A35077" s="6" t="s">
        <v>35143</v>
      </c>
      <c r="B35077" s="6"/>
      <c r="C35077" s="6" t="s">
        <v>32230</v>
      </c>
      <c r="D35077" s="6"/>
      <c r="E35077" s="6" t="s">
        <v>9</v>
      </c>
      <c r="F35077" s="7">
        <v>30270</v>
      </c>
      <c r="G35077" s="8">
        <v>13494600</v>
      </c>
      <c r="H35077" s="8">
        <v>3238704</v>
      </c>
      <c r="I35077" s="8">
        <v>10525788</v>
      </c>
      <c r="J35077" s="8">
        <v>2968812</v>
      </c>
      <c r="K35077" s="9"/>
      <c r="L35077" s="6"/>
    </row>
    <row r="35078" spans="1:12">
      <c r="A35078" s="6" t="s">
        <v>35144</v>
      </c>
      <c r="B35078" s="6"/>
      <c r="C35078" s="6" t="s">
        <v>32230</v>
      </c>
      <c r="D35078" s="6"/>
      <c r="E35078" s="6" t="s">
        <v>9</v>
      </c>
      <c r="F35078" s="7">
        <v>29299</v>
      </c>
      <c r="G35078" s="8">
        <v>213921000</v>
      </c>
      <c r="H35078" s="8">
        <v>38505780</v>
      </c>
      <c r="I35078" s="8">
        <v>179693640</v>
      </c>
      <c r="J35078" s="8">
        <v>34227360</v>
      </c>
      <c r="K35078" s="9"/>
      <c r="L35078" s="6"/>
    </row>
    <row r="35079" spans="1:12">
      <c r="A35079" s="6" t="s">
        <v>35145</v>
      </c>
      <c r="B35079" s="6"/>
      <c r="C35079" s="6" t="s">
        <v>32230</v>
      </c>
      <c r="D35079" s="6"/>
      <c r="E35079" s="6" t="s">
        <v>9</v>
      </c>
      <c r="F35079" s="7">
        <v>25263</v>
      </c>
      <c r="G35079" s="8">
        <v>69287400</v>
      </c>
      <c r="H35079" s="8">
        <v>8037380</v>
      </c>
      <c r="I35079" s="8">
        <v>62427905</v>
      </c>
      <c r="J35079" s="8">
        <v>6859495</v>
      </c>
      <c r="K35079" s="9"/>
      <c r="L35079" s="6"/>
    </row>
    <row r="35080" spans="1:12">
      <c r="A35080" s="6" t="s">
        <v>33185</v>
      </c>
      <c r="B35080" s="6"/>
      <c r="C35080" s="6" t="s">
        <v>32230</v>
      </c>
      <c r="D35080" s="6"/>
      <c r="E35080" s="6" t="s">
        <v>9</v>
      </c>
      <c r="F35080" s="7">
        <v>29312</v>
      </c>
      <c r="G35080" s="8">
        <v>17330040</v>
      </c>
      <c r="H35080" s="8">
        <v>5545640</v>
      </c>
      <c r="I35080" s="8">
        <v>12079010</v>
      </c>
      <c r="J35080" s="8">
        <v>5251030</v>
      </c>
      <c r="K35080" s="9"/>
      <c r="L35080" s="6"/>
    </row>
    <row r="35081" spans="1:12">
      <c r="A35081" s="6" t="s">
        <v>33185</v>
      </c>
      <c r="B35081" s="6"/>
      <c r="C35081" s="6" t="s">
        <v>32230</v>
      </c>
      <c r="D35081" s="6"/>
      <c r="E35081" s="6" t="s">
        <v>9</v>
      </c>
      <c r="F35081" s="7">
        <v>13971</v>
      </c>
      <c r="G35081" s="8">
        <v>9238320</v>
      </c>
      <c r="H35081" s="8">
        <v>1</v>
      </c>
      <c r="I35081" s="8">
        <v>9238319</v>
      </c>
      <c r="J35081" s="8">
        <v>1</v>
      </c>
      <c r="K35081" s="9"/>
      <c r="L35081" s="6"/>
    </row>
    <row r="35082" spans="1:12">
      <c r="A35082" s="6" t="s">
        <v>35146</v>
      </c>
      <c r="B35082" s="6"/>
      <c r="C35082" s="6" t="s">
        <v>32230</v>
      </c>
      <c r="D35082" s="6"/>
      <c r="E35082" s="6" t="s">
        <v>9</v>
      </c>
      <c r="F35082" s="7">
        <v>30270</v>
      </c>
      <c r="G35082" s="8">
        <v>57672000</v>
      </c>
      <c r="H35082" s="8">
        <v>13841280</v>
      </c>
      <c r="I35082" s="8">
        <v>44984160</v>
      </c>
      <c r="J35082" s="8">
        <v>12687840</v>
      </c>
      <c r="K35082" s="9"/>
      <c r="L35082" s="6"/>
    </row>
    <row r="35083" spans="1:12">
      <c r="A35083" s="6" t="s">
        <v>35147</v>
      </c>
      <c r="B35083" s="6"/>
      <c r="C35083" s="6" t="s">
        <v>32230</v>
      </c>
      <c r="D35083" s="6"/>
      <c r="E35083" s="6" t="s">
        <v>9</v>
      </c>
      <c r="F35083" s="7"/>
      <c r="G35083" s="8">
        <v>1</v>
      </c>
      <c r="H35083" s="8">
        <v>1</v>
      </c>
      <c r="I35083" s="8">
        <v>0</v>
      </c>
      <c r="J35083" s="8">
        <v>1</v>
      </c>
      <c r="K35083" s="9"/>
      <c r="L35083" s="6"/>
    </row>
    <row r="35084" spans="1:12">
      <c r="A35084" s="6" t="s">
        <v>35148</v>
      </c>
      <c r="B35084" s="6"/>
      <c r="C35084" s="6" t="s">
        <v>32230</v>
      </c>
      <c r="D35084" s="6"/>
      <c r="E35084" s="6" t="s">
        <v>9</v>
      </c>
      <c r="F35084" s="7">
        <v>30270</v>
      </c>
      <c r="G35084" s="8">
        <v>198369000</v>
      </c>
      <c r="H35084" s="8">
        <v>47608560</v>
      </c>
      <c r="I35084" s="8">
        <v>154727820</v>
      </c>
      <c r="J35084" s="8">
        <v>43641180</v>
      </c>
      <c r="K35084" s="9"/>
      <c r="L35084" s="6"/>
    </row>
    <row r="35085" spans="1:12">
      <c r="A35085" s="6" t="s">
        <v>35149</v>
      </c>
      <c r="B35085" s="6"/>
      <c r="C35085" s="6" t="s">
        <v>32230</v>
      </c>
      <c r="D35085" s="6"/>
      <c r="E35085" s="6" t="s">
        <v>9</v>
      </c>
      <c r="F35085" s="7">
        <v>19025</v>
      </c>
      <c r="G35085" s="8">
        <v>43680000</v>
      </c>
      <c r="H35085" s="8">
        <v>1</v>
      </c>
      <c r="I35085" s="8">
        <v>43679999</v>
      </c>
      <c r="J35085" s="8">
        <v>1</v>
      </c>
      <c r="K35085" s="9"/>
      <c r="L35085" s="6"/>
    </row>
    <row r="35086" spans="1:12">
      <c r="A35086" s="6" t="s">
        <v>35150</v>
      </c>
      <c r="B35086" s="6"/>
      <c r="C35086" s="6" t="s">
        <v>32230</v>
      </c>
      <c r="D35086" s="6"/>
      <c r="E35086" s="6" t="s">
        <v>9</v>
      </c>
      <c r="F35086" s="7">
        <v>42723</v>
      </c>
      <c r="G35086" s="8">
        <v>5616000</v>
      </c>
      <c r="H35086" s="8">
        <v>5234112</v>
      </c>
      <c r="I35086" s="8">
        <v>477360</v>
      </c>
      <c r="J35086" s="8">
        <v>5138640</v>
      </c>
      <c r="K35086" s="9"/>
      <c r="L35086" s="6"/>
    </row>
    <row r="35087" spans="1:12">
      <c r="A35087" s="6" t="s">
        <v>35151</v>
      </c>
      <c r="B35087" s="6"/>
      <c r="C35087" s="6" t="s">
        <v>32230</v>
      </c>
      <c r="D35087" s="6"/>
      <c r="E35087" s="6" t="s">
        <v>9</v>
      </c>
      <c r="F35087" s="7">
        <v>43656</v>
      </c>
      <c r="G35087" s="8">
        <v>30621240</v>
      </c>
      <c r="H35087" s="8">
        <v>30100679</v>
      </c>
      <c r="I35087" s="8">
        <v>1041122</v>
      </c>
      <c r="J35087" s="8">
        <v>29580118</v>
      </c>
      <c r="K35087" s="9"/>
      <c r="L35087" s="6"/>
    </row>
    <row r="35088" spans="1:12">
      <c r="A35088" s="6" t="s">
        <v>35152</v>
      </c>
      <c r="B35088" s="6"/>
      <c r="C35088" s="6" t="s">
        <v>32230</v>
      </c>
      <c r="D35088" s="6"/>
      <c r="E35088" s="6" t="s">
        <v>9</v>
      </c>
      <c r="F35088" s="7">
        <v>30270</v>
      </c>
      <c r="G35088" s="8">
        <v>6091200</v>
      </c>
      <c r="H35088" s="8">
        <v>1461888</v>
      </c>
      <c r="I35088" s="8">
        <v>4751136</v>
      </c>
      <c r="J35088" s="8">
        <v>1340064</v>
      </c>
      <c r="K35088" s="9"/>
      <c r="L35088" s="6"/>
    </row>
    <row r="35089" spans="1:12">
      <c r="A35089" s="6" t="s">
        <v>35153</v>
      </c>
      <c r="B35089" s="6"/>
      <c r="C35089" s="6" t="s">
        <v>32230</v>
      </c>
      <c r="D35089" s="6"/>
      <c r="E35089" s="6" t="s">
        <v>9</v>
      </c>
      <c r="F35089" s="7">
        <v>30270</v>
      </c>
      <c r="G35089" s="8">
        <v>63528300</v>
      </c>
      <c r="H35089" s="8">
        <v>15246792</v>
      </c>
      <c r="I35089" s="8">
        <v>49552074</v>
      </c>
      <c r="J35089" s="8">
        <v>13976226</v>
      </c>
      <c r="K35089" s="9"/>
      <c r="L35089" s="6"/>
    </row>
    <row r="35090" spans="1:12">
      <c r="A35090" s="6" t="s">
        <v>33185</v>
      </c>
      <c r="B35090" s="6"/>
      <c r="C35090" s="6" t="s">
        <v>32230</v>
      </c>
      <c r="D35090" s="6"/>
      <c r="E35090" s="6" t="s">
        <v>9</v>
      </c>
      <c r="F35090" s="7">
        <v>10319</v>
      </c>
      <c r="G35090" s="8">
        <v>8708700</v>
      </c>
      <c r="H35090" s="8">
        <v>1</v>
      </c>
      <c r="I35090" s="8">
        <v>8708699</v>
      </c>
      <c r="J35090" s="8">
        <v>1</v>
      </c>
      <c r="K35090" s="9"/>
      <c r="L35090" s="6"/>
    </row>
    <row r="35091" spans="1:12">
      <c r="A35091" s="6" t="s">
        <v>35154</v>
      </c>
      <c r="B35091" s="6"/>
      <c r="C35091" s="6" t="s">
        <v>32230</v>
      </c>
      <c r="D35091" s="6"/>
      <c r="E35091" s="6" t="s">
        <v>9</v>
      </c>
      <c r="F35091" s="7">
        <v>30270</v>
      </c>
      <c r="G35091" s="8">
        <v>187790400</v>
      </c>
      <c r="H35091" s="8">
        <v>45069696</v>
      </c>
      <c r="I35091" s="8">
        <v>146476512</v>
      </c>
      <c r="J35091" s="8">
        <v>41313888</v>
      </c>
      <c r="K35091" s="9"/>
      <c r="L35091" s="6"/>
    </row>
    <row r="35092" spans="1:12">
      <c r="A35092" s="6" t="s">
        <v>33185</v>
      </c>
      <c r="B35092" s="6"/>
      <c r="C35092" s="6" t="s">
        <v>32230</v>
      </c>
      <c r="D35092" s="6"/>
      <c r="E35092" s="6" t="s">
        <v>9</v>
      </c>
      <c r="F35092" s="7">
        <v>10319</v>
      </c>
      <c r="G35092" s="8">
        <v>8708700</v>
      </c>
      <c r="H35092" s="8">
        <v>1</v>
      </c>
      <c r="I35092" s="8">
        <v>8708699</v>
      </c>
      <c r="J35092" s="8">
        <v>1</v>
      </c>
      <c r="K35092" s="9"/>
      <c r="L35092" s="6"/>
    </row>
    <row r="35093" spans="1:12">
      <c r="A35093" s="6" t="s">
        <v>33185</v>
      </c>
      <c r="B35093" s="6"/>
      <c r="C35093" s="6" t="s">
        <v>32230</v>
      </c>
      <c r="D35093" s="6"/>
      <c r="E35093" s="6" t="s">
        <v>9</v>
      </c>
      <c r="F35093" s="7"/>
      <c r="G35093" s="8">
        <v>1</v>
      </c>
      <c r="H35093" s="8">
        <v>1</v>
      </c>
      <c r="I35093" s="8">
        <v>0</v>
      </c>
      <c r="J35093" s="8">
        <v>1</v>
      </c>
      <c r="K35093" s="9"/>
      <c r="L35093" s="6"/>
    </row>
    <row r="35094" spans="1:12">
      <c r="A35094" s="6" t="s">
        <v>33185</v>
      </c>
      <c r="B35094" s="6"/>
      <c r="C35094" s="6" t="s">
        <v>32230</v>
      </c>
      <c r="D35094" s="6"/>
      <c r="E35094" s="6" t="s">
        <v>9</v>
      </c>
      <c r="F35094" s="7">
        <v>26390</v>
      </c>
      <c r="G35094" s="8">
        <v>5416320</v>
      </c>
      <c r="H35094" s="8">
        <v>996624</v>
      </c>
      <c r="I35094" s="8">
        <v>4511773</v>
      </c>
      <c r="J35094" s="8">
        <v>904547</v>
      </c>
      <c r="K35094" s="9"/>
      <c r="L35094" s="6"/>
    </row>
    <row r="35095" spans="1:12">
      <c r="A35095" s="6" t="s">
        <v>35155</v>
      </c>
      <c r="B35095" s="6"/>
      <c r="C35095" s="6" t="s">
        <v>32230</v>
      </c>
      <c r="D35095" s="6"/>
      <c r="E35095" s="6" t="s">
        <v>9</v>
      </c>
      <c r="F35095" s="7">
        <v>30270</v>
      </c>
      <c r="G35095" s="8">
        <v>22366800</v>
      </c>
      <c r="H35095" s="8">
        <v>5368032</v>
      </c>
      <c r="I35095" s="8">
        <v>17446104</v>
      </c>
      <c r="J35095" s="8">
        <v>4920696</v>
      </c>
      <c r="K35095" s="9"/>
      <c r="L35095" s="6"/>
    </row>
    <row r="35096" spans="1:12">
      <c r="A35096" s="6" t="s">
        <v>35156</v>
      </c>
      <c r="B35096" s="6"/>
      <c r="C35096" s="6" t="s">
        <v>32230</v>
      </c>
      <c r="D35096" s="6"/>
      <c r="E35096" s="6" t="s">
        <v>9</v>
      </c>
      <c r="F35096" s="7">
        <v>30270</v>
      </c>
      <c r="G35096" s="8">
        <v>55922400</v>
      </c>
      <c r="H35096" s="8">
        <v>13421376</v>
      </c>
      <c r="I35096" s="8">
        <v>43619472</v>
      </c>
      <c r="J35096" s="8">
        <v>12302928</v>
      </c>
      <c r="K35096" s="9"/>
      <c r="L35096" s="6"/>
    </row>
    <row r="35097" spans="1:12">
      <c r="A35097" s="6" t="s">
        <v>35157</v>
      </c>
      <c r="B35097" s="6"/>
      <c r="C35097" s="6" t="s">
        <v>32230</v>
      </c>
      <c r="D35097" s="6"/>
      <c r="E35097" s="6" t="s">
        <v>9</v>
      </c>
      <c r="F35097" s="7">
        <v>37530</v>
      </c>
      <c r="G35097" s="8">
        <v>64537200</v>
      </c>
      <c r="H35097" s="8">
        <v>44788824</v>
      </c>
      <c r="I35097" s="8">
        <v>20845508</v>
      </c>
      <c r="J35097" s="8">
        <v>43691692</v>
      </c>
      <c r="K35097" s="9"/>
      <c r="L35097" s="6"/>
    </row>
    <row r="35098" spans="1:12">
      <c r="A35098" s="6" t="s">
        <v>35158</v>
      </c>
      <c r="B35098" s="6"/>
      <c r="C35098" s="6" t="s">
        <v>32230</v>
      </c>
      <c r="D35098" s="6"/>
      <c r="E35098" s="6" t="s">
        <v>9</v>
      </c>
      <c r="F35098" s="7">
        <v>30270</v>
      </c>
      <c r="G35098" s="8">
        <v>3231900</v>
      </c>
      <c r="H35098" s="8">
        <v>775656</v>
      </c>
      <c r="I35098" s="8">
        <v>2520882</v>
      </c>
      <c r="J35098" s="8">
        <v>711018</v>
      </c>
      <c r="K35098" s="9"/>
      <c r="L35098" s="6"/>
    </row>
    <row r="35099" spans="1:12">
      <c r="A35099" s="6" t="s">
        <v>35159</v>
      </c>
      <c r="B35099" s="6"/>
      <c r="C35099" s="6" t="s">
        <v>32230</v>
      </c>
      <c r="D35099" s="6"/>
      <c r="E35099" s="6" t="s">
        <v>9</v>
      </c>
      <c r="F35099" s="7">
        <v>30270</v>
      </c>
      <c r="G35099" s="8">
        <v>128179200</v>
      </c>
      <c r="H35099" s="8">
        <v>30763008</v>
      </c>
      <c r="I35099" s="8">
        <v>99979776</v>
      </c>
      <c r="J35099" s="8">
        <v>28199424</v>
      </c>
      <c r="K35099" s="9"/>
      <c r="L35099" s="6"/>
    </row>
    <row r="35100" spans="1:12">
      <c r="A35100" s="6" t="s">
        <v>35160</v>
      </c>
      <c r="B35100" s="6"/>
      <c r="C35100" s="6" t="s">
        <v>32230</v>
      </c>
      <c r="D35100" s="6"/>
      <c r="E35100" s="6" t="s">
        <v>9</v>
      </c>
      <c r="F35100" s="7">
        <v>42389</v>
      </c>
      <c r="G35100" s="8">
        <v>212760</v>
      </c>
      <c r="H35100" s="8">
        <v>106380</v>
      </c>
      <c r="I35100" s="8">
        <v>127656</v>
      </c>
      <c r="J35100" s="8">
        <v>85104</v>
      </c>
      <c r="K35100" s="9"/>
      <c r="L35100" s="6"/>
    </row>
    <row r="35101" spans="1:12">
      <c r="A35101" s="6" t="s">
        <v>35161</v>
      </c>
      <c r="B35101" s="6"/>
      <c r="C35101" s="6" t="s">
        <v>32230</v>
      </c>
      <c r="D35101" s="6"/>
      <c r="E35101" s="6" t="s">
        <v>9</v>
      </c>
      <c r="F35101" s="7">
        <v>30270</v>
      </c>
      <c r="G35101" s="8">
        <v>344921600</v>
      </c>
      <c r="H35101" s="8">
        <v>82781184</v>
      </c>
      <c r="I35101" s="8">
        <v>269038848</v>
      </c>
      <c r="J35101" s="8">
        <v>75882752</v>
      </c>
      <c r="K35101" s="9"/>
      <c r="L35101" s="6"/>
    </row>
    <row r="35102" spans="1:12">
      <c r="A35102" s="6" t="s">
        <v>33185</v>
      </c>
      <c r="B35102" s="6"/>
      <c r="C35102" s="6" t="s">
        <v>32230</v>
      </c>
      <c r="D35102" s="6"/>
      <c r="E35102" s="6" t="s">
        <v>9</v>
      </c>
      <c r="F35102" s="7">
        <v>26024</v>
      </c>
      <c r="G35102" s="8">
        <v>14523600</v>
      </c>
      <c r="H35102" s="8">
        <v>2425451</v>
      </c>
      <c r="I35102" s="8">
        <v>12345050</v>
      </c>
      <c r="J35102" s="8">
        <v>2178550</v>
      </c>
      <c r="K35102" s="9"/>
      <c r="L35102" s="6"/>
    </row>
    <row r="35103" spans="1:12">
      <c r="A35103" s="6" t="s">
        <v>35162</v>
      </c>
      <c r="B35103" s="6"/>
      <c r="C35103" s="6" t="s">
        <v>32230</v>
      </c>
      <c r="D35103" s="6"/>
      <c r="E35103" s="6" t="s">
        <v>9</v>
      </c>
      <c r="F35103" s="7">
        <v>42398</v>
      </c>
      <c r="G35103" s="8">
        <v>5096520</v>
      </c>
      <c r="H35103" s="8">
        <v>3822390</v>
      </c>
      <c r="I35103" s="8">
        <v>1528956</v>
      </c>
      <c r="J35103" s="8">
        <v>3567564</v>
      </c>
      <c r="K35103" s="9"/>
      <c r="L35103" s="6"/>
    </row>
    <row r="35104" spans="1:12">
      <c r="A35104" s="6" t="s">
        <v>35163</v>
      </c>
      <c r="B35104" s="6"/>
      <c r="C35104" s="6" t="s">
        <v>32230</v>
      </c>
      <c r="D35104" s="6"/>
      <c r="E35104" s="6" t="s">
        <v>9</v>
      </c>
      <c r="F35104" s="7">
        <v>42460</v>
      </c>
      <c r="G35104" s="8">
        <v>23265360</v>
      </c>
      <c r="H35104" s="8">
        <v>20938825</v>
      </c>
      <c r="I35104" s="8">
        <v>2791842</v>
      </c>
      <c r="J35104" s="8">
        <v>20473518</v>
      </c>
      <c r="K35104" s="9"/>
      <c r="L35104" s="6"/>
    </row>
    <row r="35105" spans="1:12">
      <c r="A35105" s="6" t="s">
        <v>35164</v>
      </c>
      <c r="B35105" s="6"/>
      <c r="C35105" s="6" t="s">
        <v>32230</v>
      </c>
      <c r="D35105" s="6"/>
      <c r="E35105" s="6" t="s">
        <v>9</v>
      </c>
      <c r="F35105" s="7">
        <v>42825</v>
      </c>
      <c r="G35105" s="8">
        <v>667488250</v>
      </c>
      <c r="H35105" s="8">
        <v>614089190</v>
      </c>
      <c r="I35105" s="8">
        <v>66748825</v>
      </c>
      <c r="J35105" s="8">
        <v>600739425</v>
      </c>
      <c r="K35105" s="9"/>
      <c r="L35105" s="6"/>
    </row>
    <row r="35106" spans="1:12">
      <c r="A35106" s="6" t="s">
        <v>35165</v>
      </c>
      <c r="B35106" s="6"/>
      <c r="C35106" s="6" t="s">
        <v>32230</v>
      </c>
      <c r="D35106" s="6"/>
      <c r="E35106" s="6" t="s">
        <v>9</v>
      </c>
      <c r="F35106" s="7">
        <v>42643</v>
      </c>
      <c r="G35106" s="8">
        <v>572400</v>
      </c>
      <c r="H35106" s="8">
        <v>526608</v>
      </c>
      <c r="I35106" s="8">
        <v>57240</v>
      </c>
      <c r="J35106" s="8">
        <v>515160</v>
      </c>
      <c r="K35106" s="9"/>
      <c r="L35106" s="6"/>
    </row>
    <row r="35107" spans="1:12">
      <c r="A35107" s="6" t="s">
        <v>35166</v>
      </c>
      <c r="B35107" s="6"/>
      <c r="C35107" s="6" t="s">
        <v>32230</v>
      </c>
      <c r="D35107" s="6"/>
      <c r="E35107" s="6" t="s">
        <v>9</v>
      </c>
      <c r="F35107" s="7">
        <v>42825</v>
      </c>
      <c r="G35107" s="8">
        <v>60480</v>
      </c>
      <c r="H35107" s="8">
        <v>36288</v>
      </c>
      <c r="I35107" s="8">
        <v>30240</v>
      </c>
      <c r="J35107" s="8">
        <v>30240</v>
      </c>
      <c r="K35107" s="9"/>
      <c r="L35107" s="6"/>
    </row>
    <row r="35108" spans="1:12">
      <c r="A35108" s="6" t="s">
        <v>35167</v>
      </c>
      <c r="B35108" s="6"/>
      <c r="C35108" s="6" t="s">
        <v>32230</v>
      </c>
      <c r="D35108" s="6"/>
      <c r="E35108" s="6" t="s">
        <v>9</v>
      </c>
      <c r="F35108" s="7">
        <v>43066</v>
      </c>
      <c r="G35108" s="8">
        <v>702000</v>
      </c>
      <c r="H35108" s="8">
        <v>659880</v>
      </c>
      <c r="I35108" s="8">
        <v>56160</v>
      </c>
      <c r="J35108" s="8">
        <v>645840</v>
      </c>
      <c r="K35108" s="9"/>
      <c r="L35108" s="6"/>
    </row>
    <row r="35109" spans="1:12">
      <c r="A35109" s="6" t="s">
        <v>35168</v>
      </c>
      <c r="B35109" s="6"/>
      <c r="C35109" s="6" t="s">
        <v>32230</v>
      </c>
      <c r="D35109" s="6"/>
      <c r="E35109" s="6" t="s">
        <v>9</v>
      </c>
      <c r="F35109" s="7">
        <v>44286</v>
      </c>
      <c r="G35109" s="8">
        <v>497200</v>
      </c>
      <c r="H35109" s="8">
        <v>497200</v>
      </c>
      <c r="I35109" s="8">
        <v>49720</v>
      </c>
      <c r="J35109" s="8">
        <v>447480</v>
      </c>
      <c r="K35109" s="9"/>
      <c r="L35109" s="6"/>
    </row>
    <row r="35110" spans="1:12">
      <c r="A35110" s="6" t="s">
        <v>35169</v>
      </c>
      <c r="B35110" s="6"/>
      <c r="C35110" s="6" t="s">
        <v>32230</v>
      </c>
      <c r="D35110" s="6"/>
      <c r="E35110" s="6" t="s">
        <v>9</v>
      </c>
      <c r="F35110" s="7">
        <v>30270</v>
      </c>
      <c r="G35110" s="8">
        <v>7589700</v>
      </c>
      <c r="H35110" s="8">
        <v>1821528</v>
      </c>
      <c r="I35110" s="8">
        <v>5919966</v>
      </c>
      <c r="J35110" s="8">
        <v>1669734</v>
      </c>
      <c r="K35110" s="9"/>
      <c r="L35110" s="6"/>
    </row>
    <row r="35111" spans="1:12">
      <c r="A35111" s="6" t="s">
        <v>35170</v>
      </c>
      <c r="B35111" s="6"/>
      <c r="C35111" s="6" t="s">
        <v>32230</v>
      </c>
      <c r="D35111" s="6"/>
      <c r="E35111" s="6" t="s">
        <v>9</v>
      </c>
      <c r="F35111" s="7">
        <v>30270</v>
      </c>
      <c r="G35111" s="8">
        <v>12473500</v>
      </c>
      <c r="H35111" s="8">
        <v>2993640</v>
      </c>
      <c r="I35111" s="8">
        <v>9729330</v>
      </c>
      <c r="J35111" s="8">
        <v>2744170</v>
      </c>
      <c r="K35111" s="9"/>
      <c r="L35111" s="6"/>
    </row>
    <row r="35112" spans="1:12">
      <c r="A35112" s="6" t="s">
        <v>35171</v>
      </c>
      <c r="B35112" s="6"/>
      <c r="C35112" s="6" t="s">
        <v>32230</v>
      </c>
      <c r="D35112" s="6"/>
      <c r="E35112" s="6" t="s">
        <v>9</v>
      </c>
      <c r="F35112" s="7">
        <v>30270</v>
      </c>
      <c r="G35112" s="8">
        <v>1611900</v>
      </c>
      <c r="H35112" s="8">
        <v>386856</v>
      </c>
      <c r="I35112" s="8">
        <v>1257282</v>
      </c>
      <c r="J35112" s="8">
        <v>354618</v>
      </c>
      <c r="K35112" s="9"/>
      <c r="L35112" s="6"/>
    </row>
    <row r="35113" spans="1:12">
      <c r="A35113" s="6" t="s">
        <v>35172</v>
      </c>
      <c r="B35113" s="6"/>
      <c r="C35113" s="6" t="s">
        <v>32230</v>
      </c>
      <c r="D35113" s="6"/>
      <c r="E35113" s="6" t="s">
        <v>9</v>
      </c>
      <c r="F35113" s="7">
        <v>30270</v>
      </c>
      <c r="G35113" s="8">
        <v>50398200</v>
      </c>
      <c r="H35113" s="8">
        <v>12095568</v>
      </c>
      <c r="I35113" s="8">
        <v>39310596</v>
      </c>
      <c r="J35113" s="8">
        <v>11087604</v>
      </c>
      <c r="K35113" s="9"/>
      <c r="L35113" s="6"/>
    </row>
    <row r="35114" spans="1:12">
      <c r="A35114" s="6" t="s">
        <v>35172</v>
      </c>
      <c r="B35114" s="6"/>
      <c r="C35114" s="6" t="s">
        <v>32230</v>
      </c>
      <c r="D35114" s="6"/>
      <c r="E35114" s="6"/>
      <c r="F35114" s="7">
        <v>43922</v>
      </c>
      <c r="G35114" s="8">
        <v>1287000</v>
      </c>
      <c r="H35114" s="8">
        <v>1287000</v>
      </c>
      <c r="I35114" s="8">
        <v>25740</v>
      </c>
      <c r="J35114" s="8">
        <v>1261260</v>
      </c>
      <c r="K35114" s="9"/>
      <c r="L35114" s="6"/>
    </row>
    <row r="35115" spans="1:12">
      <c r="A35115" s="6" t="s">
        <v>35173</v>
      </c>
      <c r="B35115" s="6"/>
      <c r="C35115" s="6" t="s">
        <v>32230</v>
      </c>
      <c r="D35115" s="6"/>
      <c r="E35115" s="6" t="s">
        <v>9</v>
      </c>
      <c r="F35115" s="7">
        <v>30270</v>
      </c>
      <c r="G35115" s="8">
        <v>54164700</v>
      </c>
      <c r="H35115" s="8">
        <v>12999528</v>
      </c>
      <c r="I35115" s="8">
        <v>42248466</v>
      </c>
      <c r="J35115" s="8">
        <v>11916234</v>
      </c>
      <c r="K35115" s="9"/>
      <c r="L35115" s="6"/>
    </row>
    <row r="35116" spans="1:12">
      <c r="A35116" s="6" t="s">
        <v>35174</v>
      </c>
      <c r="B35116" s="6"/>
      <c r="C35116" s="6" t="s">
        <v>32230</v>
      </c>
      <c r="D35116" s="6"/>
      <c r="E35116" s="6" t="s">
        <v>9</v>
      </c>
      <c r="F35116" s="7">
        <v>32495</v>
      </c>
      <c r="G35116" s="8">
        <v>194286600</v>
      </c>
      <c r="H35116" s="8">
        <v>69943176</v>
      </c>
      <c r="I35116" s="8">
        <v>128229156</v>
      </c>
      <c r="J35116" s="8">
        <v>66057444</v>
      </c>
      <c r="K35116" s="9"/>
      <c r="L35116" s="6"/>
    </row>
    <row r="35117" spans="1:12">
      <c r="A35117" s="6" t="s">
        <v>35142</v>
      </c>
      <c r="B35117" s="6"/>
      <c r="C35117" s="6" t="s">
        <v>32230</v>
      </c>
      <c r="D35117" s="6"/>
      <c r="E35117" s="6" t="s">
        <v>9</v>
      </c>
      <c r="F35117" s="7">
        <v>28550</v>
      </c>
      <c r="G35117" s="8">
        <v>79803360</v>
      </c>
      <c r="H35117" s="8">
        <v>877849</v>
      </c>
      <c r="I35117" s="8">
        <v>79803359</v>
      </c>
      <c r="J35117" s="8">
        <v>1</v>
      </c>
      <c r="K35117" s="9"/>
      <c r="L35117" s="6"/>
    </row>
    <row r="35118" spans="1:12">
      <c r="A35118" s="6" t="s">
        <v>33185</v>
      </c>
      <c r="B35118" s="6"/>
      <c r="C35118" s="6" t="s">
        <v>32230</v>
      </c>
      <c r="D35118" s="6"/>
      <c r="E35118" s="6" t="s">
        <v>9</v>
      </c>
      <c r="F35118" s="7">
        <v>26024</v>
      </c>
      <c r="G35118" s="8">
        <v>17837820</v>
      </c>
      <c r="H35118" s="8">
        <v>2978962</v>
      </c>
      <c r="I35118" s="8">
        <v>15162100</v>
      </c>
      <c r="J35118" s="8">
        <v>2675720</v>
      </c>
      <c r="K35118" s="9"/>
      <c r="L35118" s="6"/>
    </row>
    <row r="35119" spans="1:12">
      <c r="A35119" s="6" t="s">
        <v>35175</v>
      </c>
      <c r="B35119" s="6"/>
      <c r="C35119" s="6" t="s">
        <v>32230</v>
      </c>
      <c r="D35119" s="6"/>
      <c r="E35119" s="6" t="s">
        <v>9</v>
      </c>
      <c r="F35119" s="7">
        <v>30270</v>
      </c>
      <c r="G35119" s="8">
        <v>76617900</v>
      </c>
      <c r="H35119" s="8">
        <v>18388296</v>
      </c>
      <c r="I35119" s="8">
        <v>59761962</v>
      </c>
      <c r="J35119" s="8">
        <v>16855938</v>
      </c>
      <c r="K35119" s="9"/>
      <c r="L35119" s="6"/>
    </row>
    <row r="35120" spans="1:12">
      <c r="A35120" s="6" t="s">
        <v>35176</v>
      </c>
      <c r="B35120" s="6"/>
      <c r="C35120" s="6" t="s">
        <v>32230</v>
      </c>
      <c r="D35120" s="6"/>
      <c r="E35120" s="6" t="s">
        <v>9</v>
      </c>
      <c r="F35120" s="7">
        <v>44089</v>
      </c>
      <c r="G35120" s="8">
        <v>77000</v>
      </c>
      <c r="H35120" s="8">
        <v>77000</v>
      </c>
      <c r="I35120" s="8">
        <v>3850</v>
      </c>
      <c r="J35120" s="8">
        <v>73150</v>
      </c>
      <c r="K35120" s="9"/>
      <c r="L35120" s="6"/>
    </row>
    <row r="35121" spans="1:12">
      <c r="A35121" s="6" t="s">
        <v>35177</v>
      </c>
      <c r="B35121" s="6"/>
      <c r="C35121" s="6" t="s">
        <v>32230</v>
      </c>
      <c r="D35121" s="6"/>
      <c r="E35121" s="6"/>
      <c r="F35121" s="7"/>
      <c r="G35121" s="8">
        <v>1100000</v>
      </c>
      <c r="H35121" s="8">
        <v>1078000</v>
      </c>
      <c r="I35121" s="8">
        <v>44000</v>
      </c>
      <c r="J35121" s="8">
        <v>1056000</v>
      </c>
      <c r="K35121" s="9"/>
      <c r="L35121" s="6"/>
    </row>
    <row r="35122" spans="1:12">
      <c r="A35122" s="6" t="s">
        <v>35177</v>
      </c>
      <c r="B35122" s="6"/>
      <c r="C35122" s="6" t="s">
        <v>32230</v>
      </c>
      <c r="D35122" s="6"/>
      <c r="E35122" s="6" t="s">
        <v>9</v>
      </c>
      <c r="F35122" s="7">
        <v>30270</v>
      </c>
      <c r="G35122" s="8">
        <v>16029900</v>
      </c>
      <c r="H35122" s="8">
        <v>3847176</v>
      </c>
      <c r="I35122" s="8">
        <v>12503322</v>
      </c>
      <c r="J35122" s="8">
        <v>3526578</v>
      </c>
      <c r="K35122" s="9"/>
      <c r="L35122" s="6"/>
    </row>
    <row r="35123" spans="1:12">
      <c r="A35123" s="6" t="s">
        <v>35178</v>
      </c>
      <c r="B35123" s="6"/>
      <c r="C35123" s="6" t="s">
        <v>32230</v>
      </c>
      <c r="D35123" s="6"/>
      <c r="E35123" s="6" t="s">
        <v>9</v>
      </c>
      <c r="F35123" s="7">
        <v>30270</v>
      </c>
      <c r="G35123" s="8">
        <v>45181800</v>
      </c>
      <c r="H35123" s="8">
        <v>10843632</v>
      </c>
      <c r="I35123" s="8">
        <v>35241804</v>
      </c>
      <c r="J35123" s="8">
        <v>9939996</v>
      </c>
      <c r="K35123" s="9"/>
      <c r="L35123" s="6"/>
    </row>
    <row r="35124" spans="1:12">
      <c r="A35124" s="6" t="s">
        <v>33185</v>
      </c>
      <c r="B35124" s="6"/>
      <c r="C35124" s="6" t="s">
        <v>32230</v>
      </c>
      <c r="D35124" s="6"/>
      <c r="E35124" s="6" t="s">
        <v>9</v>
      </c>
      <c r="F35124" s="7">
        <v>26024</v>
      </c>
      <c r="G35124" s="8">
        <v>15757560</v>
      </c>
      <c r="H35124" s="8">
        <v>2631538</v>
      </c>
      <c r="I35124" s="8">
        <v>13393900</v>
      </c>
      <c r="J35124" s="8">
        <v>2363660</v>
      </c>
      <c r="K35124" s="9"/>
      <c r="L35124" s="6"/>
    </row>
    <row r="35125" spans="1:12">
      <c r="A35125" s="6" t="s">
        <v>35179</v>
      </c>
      <c r="B35125" s="6"/>
      <c r="C35125" s="6" t="s">
        <v>32230</v>
      </c>
      <c r="D35125" s="6"/>
      <c r="E35125" s="6" t="s">
        <v>9</v>
      </c>
      <c r="F35125" s="7">
        <v>30270</v>
      </c>
      <c r="G35125" s="8">
        <v>79039800</v>
      </c>
      <c r="H35125" s="8">
        <v>18969552</v>
      </c>
      <c r="I35125" s="8">
        <v>61651044</v>
      </c>
      <c r="J35125" s="8">
        <v>17388756</v>
      </c>
      <c r="K35125" s="9"/>
      <c r="L35125" s="6"/>
    </row>
    <row r="35126" spans="1:12">
      <c r="A35126" s="6" t="s">
        <v>35180</v>
      </c>
      <c r="B35126" s="6"/>
      <c r="C35126" s="6" t="s">
        <v>32230</v>
      </c>
      <c r="D35126" s="6"/>
      <c r="E35126" s="6" t="s">
        <v>9</v>
      </c>
      <c r="F35126" s="7">
        <v>22372</v>
      </c>
      <c r="G35126" s="8">
        <v>26082420</v>
      </c>
      <c r="H35126" s="8">
        <v>1</v>
      </c>
      <c r="I35126" s="8">
        <v>26082419</v>
      </c>
      <c r="J35126" s="8">
        <v>1</v>
      </c>
      <c r="K35126" s="9"/>
      <c r="L35126" s="6"/>
    </row>
    <row r="35127" spans="1:12">
      <c r="A35127" s="6" t="s">
        <v>35181</v>
      </c>
      <c r="B35127" s="6"/>
      <c r="C35127" s="6" t="s">
        <v>32230</v>
      </c>
      <c r="D35127" s="6"/>
      <c r="E35127" s="6" t="s">
        <v>9</v>
      </c>
      <c r="F35127" s="7">
        <v>30270</v>
      </c>
      <c r="G35127" s="8">
        <v>9320400</v>
      </c>
      <c r="H35127" s="8">
        <v>2236896</v>
      </c>
      <c r="I35127" s="8">
        <v>7269912</v>
      </c>
      <c r="J35127" s="8">
        <v>2050488</v>
      </c>
      <c r="K35127" s="9"/>
      <c r="L35127" s="6"/>
    </row>
    <row r="35128" spans="1:12">
      <c r="A35128" s="6" t="s">
        <v>35182</v>
      </c>
      <c r="B35128" s="6"/>
      <c r="C35128" s="6" t="s">
        <v>32230</v>
      </c>
      <c r="D35128" s="6"/>
      <c r="E35128" s="6" t="s">
        <v>9</v>
      </c>
      <c r="F35128" s="7">
        <v>30270</v>
      </c>
      <c r="G35128" s="8">
        <v>24672600</v>
      </c>
      <c r="H35128" s="8">
        <v>5921424</v>
      </c>
      <c r="I35128" s="8">
        <v>19244628</v>
      </c>
      <c r="J35128" s="8">
        <v>5427972</v>
      </c>
      <c r="K35128" s="9"/>
      <c r="L35128" s="6"/>
    </row>
    <row r="35129" spans="1:12">
      <c r="A35129" s="6" t="s">
        <v>35183</v>
      </c>
      <c r="B35129" s="6"/>
      <c r="C35129" s="6" t="s">
        <v>32230</v>
      </c>
      <c r="D35129" s="6"/>
      <c r="E35129" s="6" t="s">
        <v>9</v>
      </c>
      <c r="F35129" s="7">
        <v>30270</v>
      </c>
      <c r="G35129" s="8">
        <v>4365900</v>
      </c>
      <c r="H35129" s="8">
        <v>1047816</v>
      </c>
      <c r="I35129" s="8">
        <v>3405402</v>
      </c>
      <c r="J35129" s="8">
        <v>960498</v>
      </c>
      <c r="K35129" s="9"/>
      <c r="L35129" s="6"/>
    </row>
    <row r="35130" spans="1:12">
      <c r="A35130" s="6" t="s">
        <v>35184</v>
      </c>
      <c r="B35130" s="6"/>
      <c r="C35130" s="6" t="s">
        <v>32230</v>
      </c>
      <c r="D35130" s="6"/>
      <c r="E35130" s="6" t="s">
        <v>9</v>
      </c>
      <c r="F35130" s="7">
        <v>30270</v>
      </c>
      <c r="G35130" s="8">
        <v>1358500</v>
      </c>
      <c r="H35130" s="8">
        <v>326040</v>
      </c>
      <c r="I35130" s="8">
        <v>1059630</v>
      </c>
      <c r="J35130" s="8">
        <v>298870</v>
      </c>
      <c r="K35130" s="9"/>
      <c r="L35130" s="6"/>
    </row>
    <row r="35131" spans="1:12">
      <c r="A35131" s="6" t="s">
        <v>35185</v>
      </c>
      <c r="B35131" s="6"/>
      <c r="C35131" s="6" t="s">
        <v>32230</v>
      </c>
      <c r="D35131" s="6"/>
      <c r="E35131" s="6" t="s">
        <v>9</v>
      </c>
      <c r="F35131" s="7">
        <v>30270</v>
      </c>
      <c r="G35131" s="8">
        <v>4900500</v>
      </c>
      <c r="H35131" s="8">
        <v>1176120</v>
      </c>
      <c r="I35131" s="8">
        <v>3822390</v>
      </c>
      <c r="J35131" s="8">
        <v>1078110</v>
      </c>
      <c r="K35131" s="9"/>
      <c r="L35131" s="6"/>
    </row>
    <row r="35132" spans="1:12">
      <c r="A35132" s="6" t="s">
        <v>35186</v>
      </c>
      <c r="B35132" s="6"/>
      <c r="C35132" s="6" t="s">
        <v>32230</v>
      </c>
      <c r="D35132" s="6"/>
      <c r="E35132" s="6" t="s">
        <v>9</v>
      </c>
      <c r="F35132" s="7">
        <v>30270</v>
      </c>
      <c r="G35132" s="8">
        <v>8942400</v>
      </c>
      <c r="H35132" s="8">
        <v>2146176</v>
      </c>
      <c r="I35132" s="8">
        <v>6975072</v>
      </c>
      <c r="J35132" s="8">
        <v>1967328</v>
      </c>
      <c r="K35132" s="9"/>
      <c r="L35132" s="6"/>
    </row>
    <row r="35133" spans="1:12">
      <c r="A35133" s="6" t="s">
        <v>35187</v>
      </c>
      <c r="B35133" s="6"/>
      <c r="C35133" s="6" t="s">
        <v>32230</v>
      </c>
      <c r="D35133" s="6"/>
      <c r="E35133" s="6" t="s">
        <v>9</v>
      </c>
      <c r="F35133" s="7">
        <v>30270</v>
      </c>
      <c r="G35133" s="8">
        <v>1301500</v>
      </c>
      <c r="H35133" s="8">
        <v>312360</v>
      </c>
      <c r="I35133" s="8">
        <v>1015170</v>
      </c>
      <c r="J35133" s="8">
        <v>286330</v>
      </c>
      <c r="K35133" s="9"/>
      <c r="L35133" s="6"/>
    </row>
    <row r="35134" spans="1:12">
      <c r="A35134" s="6" t="s">
        <v>35188</v>
      </c>
      <c r="B35134" s="6"/>
      <c r="C35134" s="6" t="s">
        <v>32230</v>
      </c>
      <c r="D35134" s="6"/>
      <c r="E35134" s="6" t="s">
        <v>9</v>
      </c>
      <c r="F35134" s="7">
        <v>30270</v>
      </c>
      <c r="G35134" s="8">
        <v>48964500</v>
      </c>
      <c r="H35134" s="8">
        <v>11751480</v>
      </c>
      <c r="I35134" s="8">
        <v>38192310</v>
      </c>
      <c r="J35134" s="8">
        <v>10772190</v>
      </c>
      <c r="K35134" s="9"/>
      <c r="L35134" s="6"/>
    </row>
    <row r="35135" spans="1:12">
      <c r="A35135" s="6" t="s">
        <v>35189</v>
      </c>
      <c r="B35135" s="6"/>
      <c r="C35135" s="6" t="s">
        <v>32230</v>
      </c>
      <c r="D35135" s="6"/>
      <c r="E35135" s="6" t="s">
        <v>9</v>
      </c>
      <c r="F35135" s="7"/>
      <c r="G35135" s="8">
        <v>1</v>
      </c>
      <c r="H35135" s="8">
        <v>1</v>
      </c>
      <c r="I35135" s="8">
        <v>0</v>
      </c>
      <c r="J35135" s="8">
        <v>1</v>
      </c>
      <c r="K35135" s="9"/>
      <c r="L35135" s="6"/>
    </row>
    <row r="35136" spans="1:12">
      <c r="A35136" s="6" t="s">
        <v>35190</v>
      </c>
      <c r="B35136" s="6"/>
      <c r="C35136" s="6" t="s">
        <v>32230</v>
      </c>
      <c r="D35136" s="6"/>
      <c r="E35136" s="6" t="s">
        <v>9</v>
      </c>
      <c r="F35136" s="7">
        <v>30270</v>
      </c>
      <c r="G35136" s="8">
        <v>108604800</v>
      </c>
      <c r="H35136" s="8">
        <v>26065152</v>
      </c>
      <c r="I35136" s="8">
        <v>84711744</v>
      </c>
      <c r="J35136" s="8">
        <v>23893056</v>
      </c>
      <c r="K35136" s="9"/>
      <c r="L35136" s="6"/>
    </row>
    <row r="35137" spans="1:12">
      <c r="A35137" s="6" t="s">
        <v>35191</v>
      </c>
      <c r="B35137" s="6"/>
      <c r="C35137" s="6" t="s">
        <v>32230</v>
      </c>
      <c r="D35137" s="6"/>
      <c r="E35137" s="6" t="s">
        <v>9</v>
      </c>
      <c r="F35137" s="7">
        <v>30270</v>
      </c>
      <c r="G35137" s="8">
        <v>46599300</v>
      </c>
      <c r="H35137" s="8">
        <v>11183832</v>
      </c>
      <c r="I35137" s="8">
        <v>36347454</v>
      </c>
      <c r="J35137" s="8">
        <v>10251846</v>
      </c>
      <c r="K35137" s="9"/>
      <c r="L35137" s="6"/>
    </row>
    <row r="35138" spans="1:12">
      <c r="A35138" s="6" t="s">
        <v>33185</v>
      </c>
      <c r="B35138" s="6"/>
      <c r="C35138" s="6" t="s">
        <v>32230</v>
      </c>
      <c r="D35138" s="6"/>
      <c r="E35138" s="6" t="s">
        <v>9</v>
      </c>
      <c r="F35138" s="7">
        <v>26024</v>
      </c>
      <c r="G35138" s="8">
        <v>7496580</v>
      </c>
      <c r="H35138" s="8">
        <v>1251971</v>
      </c>
      <c r="I35138" s="8">
        <v>6372050</v>
      </c>
      <c r="J35138" s="8">
        <v>1124530</v>
      </c>
      <c r="K35138" s="9"/>
      <c r="L35138" s="6"/>
    </row>
    <row r="35139" spans="1:12">
      <c r="A35139" s="6" t="s">
        <v>35192</v>
      </c>
      <c r="B35139" s="6"/>
      <c r="C35139" s="6" t="s">
        <v>32230</v>
      </c>
      <c r="D35139" s="6"/>
      <c r="E35139" s="6" t="s">
        <v>9</v>
      </c>
      <c r="F35139" s="7">
        <v>42313</v>
      </c>
      <c r="G35139" s="8">
        <v>46552400</v>
      </c>
      <c r="H35139" s="8">
        <v>41897160</v>
      </c>
      <c r="I35139" s="8">
        <v>5586288</v>
      </c>
      <c r="J35139" s="8">
        <v>40966112</v>
      </c>
      <c r="K35139" s="9"/>
      <c r="L35139" s="6"/>
    </row>
    <row r="35140" spans="1:12">
      <c r="A35140" s="6" t="s">
        <v>35193</v>
      </c>
      <c r="B35140" s="6"/>
      <c r="C35140" s="6" t="s">
        <v>32230</v>
      </c>
      <c r="D35140" s="6"/>
      <c r="E35140" s="6" t="s">
        <v>9</v>
      </c>
      <c r="F35140" s="7">
        <v>30270</v>
      </c>
      <c r="G35140" s="8">
        <v>6542100</v>
      </c>
      <c r="H35140" s="8">
        <v>1570104</v>
      </c>
      <c r="I35140" s="8">
        <v>5102838</v>
      </c>
      <c r="J35140" s="8">
        <v>1439262</v>
      </c>
      <c r="K35140" s="9"/>
      <c r="L35140" s="6"/>
    </row>
    <row r="35141" spans="1:12">
      <c r="A35141" s="6" t="s">
        <v>35194</v>
      </c>
      <c r="B35141" s="6"/>
      <c r="C35141" s="6" t="s">
        <v>32230</v>
      </c>
      <c r="D35141" s="6"/>
      <c r="E35141" s="6" t="s">
        <v>9</v>
      </c>
      <c r="F35141" s="7">
        <v>30270</v>
      </c>
      <c r="G35141" s="8">
        <v>2899800</v>
      </c>
      <c r="H35141" s="8">
        <v>695952</v>
      </c>
      <c r="I35141" s="8">
        <v>2261844</v>
      </c>
      <c r="J35141" s="8">
        <v>637956</v>
      </c>
      <c r="K35141" s="9"/>
      <c r="L35141" s="6"/>
    </row>
    <row r="35142" spans="1:12">
      <c r="A35142" s="6" t="s">
        <v>35195</v>
      </c>
      <c r="B35142" s="6"/>
      <c r="C35142" s="6" t="s">
        <v>32230</v>
      </c>
      <c r="D35142" s="6"/>
      <c r="E35142" s="6" t="s">
        <v>9</v>
      </c>
      <c r="F35142" s="7">
        <v>30270</v>
      </c>
      <c r="G35142" s="8">
        <v>14709600</v>
      </c>
      <c r="H35142" s="8">
        <v>3530304</v>
      </c>
      <c r="I35142" s="8">
        <v>11473488</v>
      </c>
      <c r="J35142" s="8">
        <v>3236112</v>
      </c>
      <c r="K35142" s="9"/>
      <c r="L35142" s="6"/>
    </row>
    <row r="35143" spans="1:12">
      <c r="A35143" s="6" t="s">
        <v>35196</v>
      </c>
      <c r="B35143" s="6"/>
      <c r="C35143" s="6" t="s">
        <v>32230</v>
      </c>
      <c r="D35143" s="6"/>
      <c r="E35143" s="6" t="s">
        <v>9</v>
      </c>
      <c r="F35143" s="7">
        <v>30861</v>
      </c>
      <c r="G35143" s="8">
        <v>70016000</v>
      </c>
      <c r="H35143" s="8">
        <v>19604480</v>
      </c>
      <c r="I35143" s="8">
        <v>51811840</v>
      </c>
      <c r="J35143" s="8">
        <v>18204160</v>
      </c>
      <c r="K35143" s="9"/>
      <c r="L35143" s="6"/>
    </row>
    <row r="35144" spans="1:12">
      <c r="A35144" s="6" t="s">
        <v>35197</v>
      </c>
      <c r="B35144" s="6"/>
      <c r="C35144" s="6" t="s">
        <v>32230</v>
      </c>
      <c r="D35144" s="6"/>
      <c r="E35144" s="6" t="s">
        <v>9</v>
      </c>
      <c r="F35144" s="7">
        <v>30861</v>
      </c>
      <c r="G35144" s="8">
        <v>11534400</v>
      </c>
      <c r="H35144" s="8">
        <v>3229632</v>
      </c>
      <c r="I35144" s="8">
        <v>8535456</v>
      </c>
      <c r="J35144" s="8">
        <v>2998944</v>
      </c>
      <c r="K35144" s="9"/>
      <c r="L35144" s="6"/>
    </row>
    <row r="35145" spans="1:12">
      <c r="A35145" s="6" t="s">
        <v>35198</v>
      </c>
      <c r="B35145" s="6"/>
      <c r="C35145" s="6" t="s">
        <v>32230</v>
      </c>
      <c r="D35145" s="6"/>
      <c r="E35145" s="6" t="s">
        <v>9</v>
      </c>
      <c r="F35145" s="7">
        <v>30861</v>
      </c>
      <c r="G35145" s="8">
        <v>7144200</v>
      </c>
      <c r="H35145" s="8">
        <v>2000376</v>
      </c>
      <c r="I35145" s="8">
        <v>5286708</v>
      </c>
      <c r="J35145" s="8">
        <v>1857492</v>
      </c>
      <c r="K35145" s="9"/>
      <c r="L35145" s="6"/>
    </row>
    <row r="35146" spans="1:12">
      <c r="A35146" s="6" t="s">
        <v>35199</v>
      </c>
      <c r="B35146" s="6"/>
      <c r="C35146" s="6" t="s">
        <v>32230</v>
      </c>
      <c r="D35146" s="6"/>
      <c r="E35146" s="6" t="s">
        <v>9</v>
      </c>
      <c r="F35146" s="7">
        <v>31952</v>
      </c>
      <c r="G35146" s="8">
        <v>3672000</v>
      </c>
      <c r="H35146" s="8">
        <v>1248480</v>
      </c>
      <c r="I35146" s="8">
        <v>2496960</v>
      </c>
      <c r="J35146" s="8">
        <v>1175040</v>
      </c>
      <c r="K35146" s="9"/>
      <c r="L35146" s="6"/>
    </row>
    <row r="35147" spans="1:12">
      <c r="A35147" s="6" t="s">
        <v>33185</v>
      </c>
      <c r="B35147" s="6"/>
      <c r="C35147" s="6" t="s">
        <v>32230</v>
      </c>
      <c r="D35147" s="6"/>
      <c r="E35147" s="6" t="s">
        <v>9</v>
      </c>
      <c r="F35147" s="7"/>
      <c r="G35147" s="8">
        <v>1</v>
      </c>
      <c r="H35147" s="8">
        <v>1</v>
      </c>
      <c r="I35147" s="8">
        <v>0</v>
      </c>
      <c r="J35147" s="8">
        <v>1</v>
      </c>
      <c r="K35147" s="9"/>
      <c r="L35147" s="6"/>
    </row>
    <row r="35148" spans="1:12">
      <c r="A35148" s="6" t="s">
        <v>35200</v>
      </c>
      <c r="B35148" s="6"/>
      <c r="C35148" s="6" t="s">
        <v>32230</v>
      </c>
      <c r="D35148" s="6"/>
      <c r="E35148" s="6" t="s">
        <v>9</v>
      </c>
      <c r="F35148" s="7">
        <v>31952</v>
      </c>
      <c r="G35148" s="8">
        <v>78848000</v>
      </c>
      <c r="H35148" s="8">
        <v>26808320</v>
      </c>
      <c r="I35148" s="8">
        <v>53616640</v>
      </c>
      <c r="J35148" s="8">
        <v>25231360</v>
      </c>
      <c r="K35148" s="9"/>
      <c r="L35148" s="6"/>
    </row>
    <row r="35149" spans="1:12">
      <c r="A35149" s="6" t="s">
        <v>35200</v>
      </c>
      <c r="B35149" s="6"/>
      <c r="C35149" s="6" t="s">
        <v>32230</v>
      </c>
      <c r="D35149" s="6"/>
      <c r="E35149" s="6"/>
      <c r="F35149" s="7"/>
      <c r="G35149" s="8">
        <v>799200</v>
      </c>
      <c r="H35149" s="8">
        <v>751248</v>
      </c>
      <c r="I35149" s="8">
        <v>63936</v>
      </c>
      <c r="J35149" s="8">
        <v>735264</v>
      </c>
      <c r="K35149" s="9"/>
      <c r="L35149" s="6"/>
    </row>
    <row r="35150" spans="1:12">
      <c r="A35150" s="6" t="s">
        <v>35201</v>
      </c>
      <c r="B35150" s="6"/>
      <c r="C35150" s="6" t="s">
        <v>32230</v>
      </c>
      <c r="D35150" s="6"/>
      <c r="E35150" s="6" t="s">
        <v>9</v>
      </c>
      <c r="F35150" s="7">
        <v>33025</v>
      </c>
      <c r="G35150" s="8">
        <v>223243020</v>
      </c>
      <c r="H35150" s="8">
        <v>109389090</v>
      </c>
      <c r="I35150" s="8">
        <v>117649061</v>
      </c>
      <c r="J35150" s="8">
        <v>105593959</v>
      </c>
      <c r="K35150" s="9"/>
      <c r="L35150" s="6"/>
    </row>
    <row r="35151" spans="1:12">
      <c r="A35151" s="6" t="s">
        <v>35202</v>
      </c>
      <c r="B35151" s="6"/>
      <c r="C35151" s="6" t="s">
        <v>32230</v>
      </c>
      <c r="D35151" s="6"/>
      <c r="E35151" s="6" t="s">
        <v>9</v>
      </c>
      <c r="F35151" s="7">
        <v>42233</v>
      </c>
      <c r="G35151" s="8">
        <v>45216440</v>
      </c>
      <c r="H35151" s="8">
        <v>40694800</v>
      </c>
      <c r="I35151" s="8">
        <v>5425968</v>
      </c>
      <c r="J35151" s="8">
        <v>39790472</v>
      </c>
      <c r="K35151" s="9"/>
      <c r="L35151" s="6"/>
    </row>
    <row r="35152" spans="1:12">
      <c r="A35152" s="6" t="s">
        <v>35203</v>
      </c>
      <c r="B35152" s="6"/>
      <c r="C35152" s="6" t="s">
        <v>32230</v>
      </c>
      <c r="D35152" s="6"/>
      <c r="E35152" s="6" t="s">
        <v>9</v>
      </c>
      <c r="F35152" s="7">
        <v>42685</v>
      </c>
      <c r="G35152" s="8">
        <v>621000</v>
      </c>
      <c r="H35152" s="8">
        <v>571320</v>
      </c>
      <c r="I35152" s="8">
        <v>62100</v>
      </c>
      <c r="J35152" s="8">
        <v>558900</v>
      </c>
      <c r="K35152" s="9"/>
      <c r="L35152" s="6"/>
    </row>
    <row r="35153" spans="1:12">
      <c r="A35153" s="6" t="s">
        <v>35204</v>
      </c>
      <c r="B35153" s="6"/>
      <c r="C35153" s="6" t="s">
        <v>32230</v>
      </c>
      <c r="D35153" s="6"/>
      <c r="E35153" s="6" t="s">
        <v>9</v>
      </c>
      <c r="F35153" s="7">
        <v>32224</v>
      </c>
      <c r="G35153" s="8">
        <v>108864000</v>
      </c>
      <c r="H35153" s="8">
        <v>37013760</v>
      </c>
      <c r="I35153" s="8">
        <v>74027520</v>
      </c>
      <c r="J35153" s="8">
        <v>34836480</v>
      </c>
      <c r="K35153" s="9"/>
      <c r="L35153" s="6"/>
    </row>
    <row r="35154" spans="1:12">
      <c r="A35154" s="6" t="s">
        <v>35205</v>
      </c>
      <c r="B35154" s="6"/>
      <c r="C35154" s="6" t="s">
        <v>32230</v>
      </c>
      <c r="D35154" s="6"/>
      <c r="E35154" s="6" t="s">
        <v>9</v>
      </c>
      <c r="F35154" s="7">
        <v>32224</v>
      </c>
      <c r="G35154" s="8">
        <v>113173200</v>
      </c>
      <c r="H35154" s="8">
        <v>38478888</v>
      </c>
      <c r="I35154" s="8">
        <v>76957776</v>
      </c>
      <c r="J35154" s="8">
        <v>36215424</v>
      </c>
      <c r="K35154" s="9"/>
      <c r="L35154" s="6"/>
    </row>
    <row r="35155" spans="1:12">
      <c r="A35155" s="6" t="s">
        <v>35206</v>
      </c>
      <c r="B35155" s="6"/>
      <c r="C35155" s="6" t="s">
        <v>32230</v>
      </c>
      <c r="D35155" s="6"/>
      <c r="E35155" s="6" t="s">
        <v>9</v>
      </c>
      <c r="F35155" s="7">
        <v>32686</v>
      </c>
      <c r="G35155" s="8">
        <v>6650100</v>
      </c>
      <c r="H35155" s="8">
        <v>2527038</v>
      </c>
      <c r="I35155" s="8">
        <v>4256064</v>
      </c>
      <c r="J35155" s="8">
        <v>2394036</v>
      </c>
      <c r="K35155" s="9"/>
      <c r="L35155" s="6"/>
    </row>
    <row r="35156" spans="1:12">
      <c r="A35156" s="6" t="s">
        <v>35207</v>
      </c>
      <c r="B35156" s="6"/>
      <c r="C35156" s="6" t="s">
        <v>32230</v>
      </c>
      <c r="D35156" s="6"/>
      <c r="E35156" s="6" t="s">
        <v>9</v>
      </c>
      <c r="F35156" s="7">
        <v>32862</v>
      </c>
      <c r="G35156" s="8">
        <v>12490200</v>
      </c>
      <c r="H35156" s="8">
        <v>4746276</v>
      </c>
      <c r="I35156" s="8">
        <v>7993728</v>
      </c>
      <c r="J35156" s="8">
        <v>4496472</v>
      </c>
      <c r="K35156" s="9"/>
      <c r="L35156" s="6"/>
    </row>
    <row r="35157" spans="1:12">
      <c r="A35157" s="6" t="s">
        <v>35208</v>
      </c>
      <c r="B35157" s="6"/>
      <c r="C35157" s="6" t="s">
        <v>32230</v>
      </c>
      <c r="D35157" s="6"/>
      <c r="E35157" s="6" t="s">
        <v>9</v>
      </c>
      <c r="F35157" s="7">
        <v>32933</v>
      </c>
      <c r="G35157" s="8">
        <v>76669320</v>
      </c>
      <c r="H35157" s="8">
        <v>36264602</v>
      </c>
      <c r="I35157" s="8">
        <v>41708096</v>
      </c>
      <c r="J35157" s="8">
        <v>34961224</v>
      </c>
      <c r="K35157" s="9"/>
      <c r="L35157" s="6"/>
    </row>
    <row r="35158" spans="1:12">
      <c r="A35158" s="6" t="s">
        <v>35209</v>
      </c>
      <c r="B35158" s="6"/>
      <c r="C35158" s="6" t="s">
        <v>32230</v>
      </c>
      <c r="D35158" s="6"/>
      <c r="E35158" s="6" t="s">
        <v>9</v>
      </c>
      <c r="F35158" s="7">
        <v>33105</v>
      </c>
      <c r="G35158" s="8">
        <v>27491400</v>
      </c>
      <c r="H35158" s="8">
        <v>10996560</v>
      </c>
      <c r="I35158" s="8">
        <v>17044668</v>
      </c>
      <c r="J35158" s="8">
        <v>10446732</v>
      </c>
      <c r="K35158" s="9"/>
      <c r="L35158" s="6"/>
    </row>
    <row r="35159" spans="1:12">
      <c r="A35159" s="6" t="s">
        <v>35210</v>
      </c>
      <c r="B35159" s="6"/>
      <c r="C35159" s="6" t="s">
        <v>32230</v>
      </c>
      <c r="D35159" s="6"/>
      <c r="E35159" s="6" t="s">
        <v>9</v>
      </c>
      <c r="F35159" s="7">
        <v>33105</v>
      </c>
      <c r="G35159" s="8">
        <v>2338200</v>
      </c>
      <c r="H35159" s="8">
        <v>935280</v>
      </c>
      <c r="I35159" s="8">
        <v>1449684</v>
      </c>
      <c r="J35159" s="8">
        <v>888516</v>
      </c>
      <c r="K35159" s="9"/>
      <c r="L35159" s="6"/>
    </row>
    <row r="35160" spans="1:12">
      <c r="A35160" s="6" t="s">
        <v>35211</v>
      </c>
      <c r="B35160" s="6"/>
      <c r="C35160" s="6" t="s">
        <v>32230</v>
      </c>
      <c r="D35160" s="6"/>
      <c r="E35160" s="6" t="s">
        <v>9</v>
      </c>
      <c r="F35160" s="7">
        <v>33105</v>
      </c>
      <c r="G35160" s="8">
        <v>7484400</v>
      </c>
      <c r="H35160" s="8">
        <v>2993760</v>
      </c>
      <c r="I35160" s="8">
        <v>4640328</v>
      </c>
      <c r="J35160" s="8">
        <v>2844072</v>
      </c>
      <c r="K35160" s="9"/>
      <c r="L35160" s="6"/>
    </row>
    <row r="35161" spans="1:12">
      <c r="A35161" s="6" t="s">
        <v>35212</v>
      </c>
      <c r="B35161" s="6"/>
      <c r="C35161" s="6" t="s">
        <v>32230</v>
      </c>
      <c r="D35161" s="6"/>
      <c r="E35161" s="6" t="s">
        <v>9</v>
      </c>
      <c r="F35161" s="7">
        <v>33105</v>
      </c>
      <c r="G35161" s="8">
        <v>8399700</v>
      </c>
      <c r="H35161" s="8">
        <v>3359880</v>
      </c>
      <c r="I35161" s="8">
        <v>5207814</v>
      </c>
      <c r="J35161" s="8">
        <v>3191886</v>
      </c>
      <c r="K35161" s="9"/>
      <c r="L35161" s="6"/>
    </row>
    <row r="35162" spans="1:12">
      <c r="A35162" s="6" t="s">
        <v>33185</v>
      </c>
      <c r="B35162" s="6"/>
      <c r="C35162" s="6" t="s">
        <v>32230</v>
      </c>
      <c r="D35162" s="6"/>
      <c r="E35162" s="6" t="s">
        <v>9</v>
      </c>
      <c r="F35162" s="7"/>
      <c r="G35162" s="8">
        <v>1</v>
      </c>
      <c r="H35162" s="8">
        <v>1</v>
      </c>
      <c r="I35162" s="8">
        <v>0</v>
      </c>
      <c r="J35162" s="8">
        <v>1</v>
      </c>
      <c r="K35162" s="9"/>
      <c r="L35162" s="6"/>
    </row>
    <row r="35163" spans="1:12">
      <c r="A35163" s="6" t="s">
        <v>35213</v>
      </c>
      <c r="B35163" s="6"/>
      <c r="C35163" s="6" t="s">
        <v>32230</v>
      </c>
      <c r="D35163" s="6"/>
      <c r="E35163" s="6" t="s">
        <v>9</v>
      </c>
      <c r="F35163" s="7">
        <v>34366</v>
      </c>
      <c r="G35163" s="8">
        <v>4698000</v>
      </c>
      <c r="H35163" s="8">
        <v>2161080</v>
      </c>
      <c r="I35163" s="8">
        <v>2630880</v>
      </c>
      <c r="J35163" s="8">
        <v>2067120</v>
      </c>
      <c r="K35163" s="9"/>
      <c r="L35163" s="6"/>
    </row>
    <row r="35164" spans="1:12">
      <c r="A35164" s="6" t="s">
        <v>35214</v>
      </c>
      <c r="B35164" s="6"/>
      <c r="C35164" s="6" t="s">
        <v>32230</v>
      </c>
      <c r="D35164" s="6"/>
      <c r="E35164" s="6" t="s">
        <v>9</v>
      </c>
      <c r="F35164" s="7">
        <v>34758</v>
      </c>
      <c r="G35164" s="8">
        <v>567000</v>
      </c>
      <c r="H35164" s="8">
        <v>272160</v>
      </c>
      <c r="I35164" s="8">
        <v>306180</v>
      </c>
      <c r="J35164" s="8">
        <v>260820</v>
      </c>
      <c r="K35164" s="9"/>
      <c r="L35164" s="6"/>
    </row>
    <row r="35165" spans="1:12">
      <c r="A35165" s="6" t="s">
        <v>35215</v>
      </c>
      <c r="B35165" s="6"/>
      <c r="C35165" s="6" t="s">
        <v>32230</v>
      </c>
      <c r="D35165" s="6"/>
      <c r="E35165" s="6" t="s">
        <v>9</v>
      </c>
      <c r="F35165" s="7">
        <v>34758</v>
      </c>
      <c r="G35165" s="8">
        <v>6026400</v>
      </c>
      <c r="H35165" s="8">
        <v>2892672</v>
      </c>
      <c r="I35165" s="8">
        <v>3254256</v>
      </c>
      <c r="J35165" s="8">
        <v>2772144</v>
      </c>
      <c r="K35165" s="9"/>
      <c r="L35165" s="6"/>
    </row>
    <row r="35166" spans="1:12">
      <c r="A35166" s="6" t="s">
        <v>33185</v>
      </c>
      <c r="B35166" s="6"/>
      <c r="C35166" s="6" t="s">
        <v>32230</v>
      </c>
      <c r="D35166" s="6"/>
      <c r="E35166" s="6" t="s">
        <v>9</v>
      </c>
      <c r="F35166" s="7"/>
      <c r="G35166" s="8">
        <v>1</v>
      </c>
      <c r="H35166" s="8">
        <v>1</v>
      </c>
      <c r="I35166" s="8">
        <v>0</v>
      </c>
      <c r="J35166" s="8">
        <v>1</v>
      </c>
      <c r="K35166" s="9"/>
      <c r="L35166" s="6"/>
    </row>
    <row r="35167" spans="1:12">
      <c r="A35167" s="6" t="s">
        <v>35216</v>
      </c>
      <c r="B35167" s="6"/>
      <c r="C35167" s="6" t="s">
        <v>32230</v>
      </c>
      <c r="D35167" s="6"/>
      <c r="E35167" s="6" t="s">
        <v>9</v>
      </c>
      <c r="F35167" s="7">
        <v>36245</v>
      </c>
      <c r="G35167" s="8">
        <v>33145200</v>
      </c>
      <c r="H35167" s="8">
        <v>18561312</v>
      </c>
      <c r="I35167" s="8">
        <v>15246792</v>
      </c>
      <c r="J35167" s="8">
        <v>17898408</v>
      </c>
      <c r="K35167" s="9"/>
      <c r="L35167" s="6"/>
    </row>
    <row r="35168" spans="1:12">
      <c r="A35168" s="6" t="s">
        <v>35217</v>
      </c>
      <c r="B35168" s="6"/>
      <c r="C35168" s="6" t="s">
        <v>32230</v>
      </c>
      <c r="D35168" s="6"/>
      <c r="E35168" s="6" t="s">
        <v>9</v>
      </c>
      <c r="F35168" s="7">
        <v>37432</v>
      </c>
      <c r="G35168" s="8">
        <v>3852900</v>
      </c>
      <c r="H35168" s="8">
        <v>2465856</v>
      </c>
      <c r="I35168" s="8">
        <v>1464102</v>
      </c>
      <c r="J35168" s="8">
        <v>2388798</v>
      </c>
      <c r="K35168" s="9"/>
      <c r="L35168" s="6"/>
    </row>
    <row r="35169" spans="1:12">
      <c r="A35169" s="6" t="s">
        <v>35218</v>
      </c>
      <c r="B35169" s="6"/>
      <c r="C35169" s="6" t="s">
        <v>32230</v>
      </c>
      <c r="D35169" s="6"/>
      <c r="E35169" s="6" t="s">
        <v>9</v>
      </c>
      <c r="F35169" s="7">
        <v>37432</v>
      </c>
      <c r="G35169" s="8">
        <v>27126900</v>
      </c>
      <c r="H35169" s="8">
        <v>17361216</v>
      </c>
      <c r="I35169" s="8">
        <v>10308222</v>
      </c>
      <c r="J35169" s="8">
        <v>16818678</v>
      </c>
      <c r="K35169" s="9"/>
      <c r="L35169" s="6"/>
    </row>
    <row r="35170" spans="1:12">
      <c r="A35170" s="6" t="s">
        <v>33185</v>
      </c>
      <c r="B35170" s="6"/>
      <c r="C35170" s="6" t="s">
        <v>32230</v>
      </c>
      <c r="D35170" s="6"/>
      <c r="E35170" s="6" t="s">
        <v>9</v>
      </c>
      <c r="F35170" s="7"/>
      <c r="G35170" s="8">
        <v>1</v>
      </c>
      <c r="H35170" s="8">
        <v>1</v>
      </c>
      <c r="I35170" s="8">
        <v>0</v>
      </c>
      <c r="J35170" s="8">
        <v>1</v>
      </c>
      <c r="K35170" s="9"/>
      <c r="L35170" s="6"/>
    </row>
    <row r="35171" spans="1:12">
      <c r="A35171" s="6" t="s">
        <v>35219</v>
      </c>
      <c r="B35171" s="6"/>
      <c r="C35171" s="6" t="s">
        <v>32230</v>
      </c>
      <c r="D35171" s="6"/>
      <c r="E35171" s="6" t="s">
        <v>9</v>
      </c>
      <c r="F35171" s="7">
        <v>30270</v>
      </c>
      <c r="G35171" s="8">
        <v>86070600</v>
      </c>
      <c r="H35171" s="8">
        <v>20656944</v>
      </c>
      <c r="I35171" s="8">
        <v>67135068</v>
      </c>
      <c r="J35171" s="8">
        <v>18935532</v>
      </c>
      <c r="K35171" s="9"/>
      <c r="L35171" s="6"/>
    </row>
    <row r="35172" spans="1:12">
      <c r="A35172" s="6" t="s">
        <v>33185</v>
      </c>
      <c r="B35172" s="6"/>
      <c r="C35172" s="6" t="s">
        <v>32230</v>
      </c>
      <c r="D35172" s="6"/>
      <c r="E35172" s="6" t="s">
        <v>9</v>
      </c>
      <c r="F35172" s="7"/>
      <c r="G35172" s="8">
        <v>1</v>
      </c>
      <c r="H35172" s="8">
        <v>1</v>
      </c>
      <c r="I35172" s="8">
        <v>0</v>
      </c>
      <c r="J35172" s="8">
        <v>1</v>
      </c>
      <c r="K35172" s="9"/>
      <c r="L35172" s="6"/>
    </row>
    <row r="35173" spans="1:12">
      <c r="A35173" s="6" t="s">
        <v>35220</v>
      </c>
      <c r="B35173" s="6"/>
      <c r="C35173" s="6" t="s">
        <v>32230</v>
      </c>
      <c r="D35173" s="6"/>
      <c r="E35173" s="6" t="s">
        <v>9</v>
      </c>
      <c r="F35173" s="7">
        <v>30270</v>
      </c>
      <c r="G35173" s="8">
        <v>24543000</v>
      </c>
      <c r="H35173" s="8">
        <v>5890320</v>
      </c>
      <c r="I35173" s="8">
        <v>19143540</v>
      </c>
      <c r="J35173" s="8">
        <v>5399460</v>
      </c>
      <c r="K35173" s="9"/>
      <c r="L35173" s="6"/>
    </row>
    <row r="35174" spans="1:12">
      <c r="A35174" s="6" t="s">
        <v>35221</v>
      </c>
      <c r="B35174" s="6"/>
      <c r="C35174" s="6" t="s">
        <v>32230</v>
      </c>
      <c r="D35174" s="6"/>
      <c r="E35174" s="6" t="s">
        <v>9</v>
      </c>
      <c r="F35174" s="7">
        <v>30270</v>
      </c>
      <c r="G35174" s="8">
        <v>1582200</v>
      </c>
      <c r="H35174" s="8">
        <v>379728</v>
      </c>
      <c r="I35174" s="8">
        <v>1234116</v>
      </c>
      <c r="J35174" s="8">
        <v>348084</v>
      </c>
      <c r="K35174" s="9"/>
      <c r="L35174" s="6"/>
    </row>
    <row r="35175" spans="1:12">
      <c r="A35175" s="6" t="s">
        <v>35222</v>
      </c>
      <c r="B35175" s="6"/>
      <c r="C35175" s="6" t="s">
        <v>32230</v>
      </c>
      <c r="D35175" s="6"/>
      <c r="E35175" s="6" t="s">
        <v>9</v>
      </c>
      <c r="F35175" s="7">
        <v>30270</v>
      </c>
      <c r="G35175" s="8">
        <v>1225500</v>
      </c>
      <c r="H35175" s="8">
        <v>294120</v>
      </c>
      <c r="I35175" s="8">
        <v>955890</v>
      </c>
      <c r="J35175" s="8">
        <v>269610</v>
      </c>
      <c r="K35175" s="9"/>
      <c r="L35175" s="6"/>
    </row>
    <row r="35176" spans="1:12">
      <c r="A35176" s="6" t="s">
        <v>35223</v>
      </c>
      <c r="B35176" s="6"/>
      <c r="C35176" s="6" t="s">
        <v>32230</v>
      </c>
      <c r="D35176" s="6"/>
      <c r="E35176" s="6" t="s">
        <v>9</v>
      </c>
      <c r="F35176" s="7">
        <v>30270</v>
      </c>
      <c r="G35176" s="8">
        <v>4068900</v>
      </c>
      <c r="H35176" s="8">
        <v>976536</v>
      </c>
      <c r="I35176" s="8">
        <v>3173742</v>
      </c>
      <c r="J35176" s="8">
        <v>895158</v>
      </c>
      <c r="K35176" s="9"/>
      <c r="L35176" s="6"/>
    </row>
    <row r="35177" spans="1:12">
      <c r="A35177" s="6" t="s">
        <v>35224</v>
      </c>
      <c r="B35177" s="6"/>
      <c r="C35177" s="6" t="s">
        <v>32230</v>
      </c>
      <c r="D35177" s="6"/>
      <c r="E35177" s="6" t="s">
        <v>9</v>
      </c>
      <c r="F35177" s="7">
        <v>30270</v>
      </c>
      <c r="G35177" s="8">
        <v>3564000</v>
      </c>
      <c r="H35177" s="8">
        <v>855360</v>
      </c>
      <c r="I35177" s="8">
        <v>2779920</v>
      </c>
      <c r="J35177" s="8">
        <v>784080</v>
      </c>
      <c r="K35177" s="9"/>
      <c r="L35177" s="6"/>
    </row>
    <row r="35178" spans="1:12">
      <c r="A35178" s="6" t="s">
        <v>35225</v>
      </c>
      <c r="B35178" s="6"/>
      <c r="C35178" s="6" t="s">
        <v>32230</v>
      </c>
      <c r="D35178" s="6"/>
      <c r="E35178" s="6" t="s">
        <v>9</v>
      </c>
      <c r="F35178" s="7">
        <v>30270</v>
      </c>
      <c r="G35178" s="8">
        <v>7514100</v>
      </c>
      <c r="H35178" s="8">
        <v>1803384</v>
      </c>
      <c r="I35178" s="8">
        <v>5860998</v>
      </c>
      <c r="J35178" s="8">
        <v>1653102</v>
      </c>
      <c r="K35178" s="9"/>
      <c r="L35178" s="6"/>
    </row>
    <row r="35179" spans="1:12">
      <c r="A35179" s="6" t="s">
        <v>35226</v>
      </c>
      <c r="B35179" s="6"/>
      <c r="C35179" s="6" t="s">
        <v>32230</v>
      </c>
      <c r="D35179" s="6"/>
      <c r="E35179" s="6" t="s">
        <v>9</v>
      </c>
      <c r="F35179" s="7">
        <v>30270</v>
      </c>
      <c r="G35179" s="8">
        <v>10041300</v>
      </c>
      <c r="H35179" s="8">
        <v>2409912</v>
      </c>
      <c r="I35179" s="8">
        <v>7832214</v>
      </c>
      <c r="J35179" s="8">
        <v>2209086</v>
      </c>
      <c r="K35179" s="9"/>
      <c r="L35179" s="6"/>
    </row>
    <row r="35180" spans="1:12">
      <c r="A35180" s="6" t="s">
        <v>35227</v>
      </c>
      <c r="B35180" s="6"/>
      <c r="C35180" s="6" t="s">
        <v>32230</v>
      </c>
      <c r="D35180" s="6"/>
      <c r="E35180" s="6" t="s">
        <v>9</v>
      </c>
      <c r="F35180" s="7">
        <v>30270</v>
      </c>
      <c r="G35180" s="8">
        <v>2956500</v>
      </c>
      <c r="H35180" s="8">
        <v>709560</v>
      </c>
      <c r="I35180" s="8">
        <v>2306070</v>
      </c>
      <c r="J35180" s="8">
        <v>650430</v>
      </c>
      <c r="K35180" s="9"/>
      <c r="L35180" s="6"/>
    </row>
    <row r="35181" spans="1:12">
      <c r="A35181" s="6" t="s">
        <v>35228</v>
      </c>
      <c r="B35181" s="6"/>
      <c r="C35181" s="6" t="s">
        <v>32230</v>
      </c>
      <c r="D35181" s="6"/>
      <c r="E35181" s="6" t="s">
        <v>9</v>
      </c>
      <c r="F35181" s="7">
        <v>30270</v>
      </c>
      <c r="G35181" s="8">
        <v>4846500</v>
      </c>
      <c r="H35181" s="8">
        <v>1163160</v>
      </c>
      <c r="I35181" s="8">
        <v>3780270</v>
      </c>
      <c r="J35181" s="8">
        <v>1066230</v>
      </c>
      <c r="K35181" s="9"/>
      <c r="L35181" s="6"/>
    </row>
    <row r="35182" spans="1:12">
      <c r="A35182" s="6" t="s">
        <v>35229</v>
      </c>
      <c r="B35182" s="6"/>
      <c r="C35182" s="6" t="s">
        <v>32230</v>
      </c>
      <c r="D35182" s="6"/>
      <c r="E35182" s="6" t="s">
        <v>9</v>
      </c>
      <c r="F35182" s="7">
        <v>30270</v>
      </c>
      <c r="G35182" s="8">
        <v>5051700</v>
      </c>
      <c r="H35182" s="8">
        <v>1212408</v>
      </c>
      <c r="I35182" s="8">
        <v>3940326</v>
      </c>
      <c r="J35182" s="8">
        <v>1111374</v>
      </c>
      <c r="K35182" s="9"/>
      <c r="L35182" s="6"/>
    </row>
    <row r="35183" spans="1:12">
      <c r="A35183" s="6" t="s">
        <v>35230</v>
      </c>
      <c r="B35183" s="6"/>
      <c r="C35183" s="6" t="s">
        <v>32230</v>
      </c>
      <c r="D35183" s="6"/>
      <c r="E35183" s="6" t="s">
        <v>9</v>
      </c>
      <c r="F35183" s="7">
        <v>30270</v>
      </c>
      <c r="G35183" s="8">
        <v>6361200</v>
      </c>
      <c r="H35183" s="8">
        <v>1526688</v>
      </c>
      <c r="I35183" s="8">
        <v>4961736</v>
      </c>
      <c r="J35183" s="8">
        <v>1399464</v>
      </c>
      <c r="K35183" s="9"/>
      <c r="L35183" s="6"/>
    </row>
    <row r="35184" spans="1:12">
      <c r="A35184" s="6" t="s">
        <v>35231</v>
      </c>
      <c r="B35184" s="6"/>
      <c r="C35184" s="6" t="s">
        <v>32230</v>
      </c>
      <c r="D35184" s="6"/>
      <c r="E35184" s="6" t="s">
        <v>9</v>
      </c>
      <c r="F35184" s="7">
        <v>33833</v>
      </c>
      <c r="G35184" s="8">
        <v>20298600</v>
      </c>
      <c r="H35184" s="8">
        <v>8931384</v>
      </c>
      <c r="I35184" s="8">
        <v>11773188</v>
      </c>
      <c r="J35184" s="8">
        <v>8525412</v>
      </c>
      <c r="K35184" s="9"/>
      <c r="L35184" s="6"/>
    </row>
    <row r="35185" spans="1:12">
      <c r="A35185" s="6" t="s">
        <v>35232</v>
      </c>
      <c r="B35185" s="6"/>
      <c r="C35185" s="6" t="s">
        <v>32230</v>
      </c>
      <c r="D35185" s="6"/>
      <c r="E35185" s="6" t="s">
        <v>9</v>
      </c>
      <c r="F35185" s="7">
        <v>30270</v>
      </c>
      <c r="G35185" s="8">
        <v>72292500</v>
      </c>
      <c r="H35185" s="8">
        <v>17350200</v>
      </c>
      <c r="I35185" s="8">
        <v>56388150</v>
      </c>
      <c r="J35185" s="8">
        <v>15904350</v>
      </c>
      <c r="K35185" s="9"/>
      <c r="L35185" s="6"/>
    </row>
    <row r="35186" spans="1:12">
      <c r="A35186" s="6" t="s">
        <v>35233</v>
      </c>
      <c r="B35186" s="6"/>
      <c r="C35186" s="6" t="s">
        <v>32230</v>
      </c>
      <c r="D35186" s="6"/>
      <c r="E35186" s="6" t="s">
        <v>9</v>
      </c>
      <c r="F35186" s="7">
        <v>30270</v>
      </c>
      <c r="G35186" s="8">
        <v>12595500</v>
      </c>
      <c r="H35186" s="8">
        <v>3022920</v>
      </c>
      <c r="I35186" s="8">
        <v>9824490</v>
      </c>
      <c r="J35186" s="8">
        <v>2771010</v>
      </c>
      <c r="K35186" s="9"/>
      <c r="L35186" s="6"/>
    </row>
    <row r="35187" spans="1:12">
      <c r="A35187" s="6" t="s">
        <v>33185</v>
      </c>
      <c r="B35187" s="6"/>
      <c r="C35187" s="6" t="s">
        <v>32230</v>
      </c>
      <c r="D35187" s="6"/>
      <c r="E35187" s="6" t="s">
        <v>9</v>
      </c>
      <c r="F35187" s="7">
        <v>29312</v>
      </c>
      <c r="G35187" s="8">
        <v>6142500</v>
      </c>
      <c r="H35187" s="8">
        <v>1965620</v>
      </c>
      <c r="I35187" s="8">
        <v>4281302</v>
      </c>
      <c r="J35187" s="8">
        <v>1861198</v>
      </c>
      <c r="K35187" s="9"/>
      <c r="L35187" s="6"/>
    </row>
    <row r="35188" spans="1:12">
      <c r="A35188" s="6" t="s">
        <v>35234</v>
      </c>
      <c r="B35188" s="6"/>
      <c r="C35188" s="6" t="s">
        <v>32230</v>
      </c>
      <c r="D35188" s="6"/>
      <c r="E35188" s="6" t="s">
        <v>9</v>
      </c>
      <c r="F35188" s="7">
        <v>30270</v>
      </c>
      <c r="G35188" s="8">
        <v>4662900</v>
      </c>
      <c r="H35188" s="8">
        <v>1119096</v>
      </c>
      <c r="I35188" s="8">
        <v>3637062</v>
      </c>
      <c r="J35188" s="8">
        <v>1025838</v>
      </c>
      <c r="K35188" s="9"/>
      <c r="L35188" s="6"/>
    </row>
    <row r="35189" spans="1:12">
      <c r="A35189" s="6" t="s">
        <v>35235</v>
      </c>
      <c r="B35189" s="6"/>
      <c r="C35189" s="6" t="s">
        <v>32230</v>
      </c>
      <c r="D35189" s="6"/>
      <c r="E35189" s="6" t="s">
        <v>9</v>
      </c>
      <c r="F35189" s="7">
        <v>30270</v>
      </c>
      <c r="G35189" s="8">
        <v>24883200</v>
      </c>
      <c r="H35189" s="8">
        <v>5971968</v>
      </c>
      <c r="I35189" s="8">
        <v>19408896</v>
      </c>
      <c r="J35189" s="8">
        <v>5474304</v>
      </c>
      <c r="K35189" s="9"/>
      <c r="L35189" s="6"/>
    </row>
    <row r="35190" spans="1:12">
      <c r="A35190" s="6" t="s">
        <v>35236</v>
      </c>
      <c r="B35190" s="6"/>
      <c r="C35190" s="6" t="s">
        <v>32230</v>
      </c>
      <c r="D35190" s="6"/>
      <c r="E35190" s="6" t="s">
        <v>9</v>
      </c>
      <c r="F35190" s="7">
        <v>30270</v>
      </c>
      <c r="G35190" s="8">
        <v>2700000</v>
      </c>
      <c r="H35190" s="8">
        <v>648000</v>
      </c>
      <c r="I35190" s="8">
        <v>2106000</v>
      </c>
      <c r="J35190" s="8">
        <v>594000</v>
      </c>
      <c r="K35190" s="9"/>
      <c r="L35190" s="6"/>
    </row>
    <row r="35191" spans="1:12">
      <c r="A35191" s="6" t="s">
        <v>33185</v>
      </c>
      <c r="B35191" s="6"/>
      <c r="C35191" s="6" t="s">
        <v>32230</v>
      </c>
      <c r="D35191" s="6"/>
      <c r="E35191" s="6" t="s">
        <v>9</v>
      </c>
      <c r="F35191" s="7"/>
      <c r="G35191" s="8">
        <v>1</v>
      </c>
      <c r="H35191" s="8">
        <v>1</v>
      </c>
      <c r="I35191" s="8">
        <v>0</v>
      </c>
      <c r="J35191" s="8">
        <v>1</v>
      </c>
      <c r="K35191" s="9"/>
      <c r="L35191" s="6"/>
    </row>
    <row r="35192" spans="1:12">
      <c r="A35192" s="6" t="s">
        <v>35237</v>
      </c>
      <c r="B35192" s="6"/>
      <c r="C35192" s="6" t="s">
        <v>32230</v>
      </c>
      <c r="D35192" s="6"/>
      <c r="E35192" s="6" t="s">
        <v>9</v>
      </c>
      <c r="F35192" s="7">
        <v>30270</v>
      </c>
      <c r="G35192" s="8">
        <v>6979500</v>
      </c>
      <c r="H35192" s="8">
        <v>1675080</v>
      </c>
      <c r="I35192" s="8">
        <v>5444010</v>
      </c>
      <c r="J35192" s="8">
        <v>1535490</v>
      </c>
      <c r="K35192" s="9"/>
      <c r="L35192" s="6"/>
    </row>
    <row r="35193" spans="1:12">
      <c r="A35193" s="6" t="s">
        <v>35237</v>
      </c>
      <c r="B35193" s="6"/>
      <c r="C35193" s="6" t="s">
        <v>32230</v>
      </c>
      <c r="D35193" s="6"/>
      <c r="E35193" s="6"/>
      <c r="F35193" s="7">
        <v>43556</v>
      </c>
      <c r="G35193" s="8">
        <v>756000</v>
      </c>
      <c r="H35193" s="8">
        <v>740880</v>
      </c>
      <c r="I35193" s="8">
        <v>30240</v>
      </c>
      <c r="J35193" s="8">
        <v>725760</v>
      </c>
      <c r="K35193" s="9"/>
      <c r="L35193" s="6"/>
    </row>
    <row r="35194" spans="1:12">
      <c r="A35194" s="6" t="s">
        <v>35238</v>
      </c>
      <c r="B35194" s="6"/>
      <c r="C35194" s="6" t="s">
        <v>32230</v>
      </c>
      <c r="D35194" s="6"/>
      <c r="E35194" s="6" t="s">
        <v>9</v>
      </c>
      <c r="F35194" s="7">
        <v>42587</v>
      </c>
      <c r="G35194" s="8">
        <v>702000</v>
      </c>
      <c r="H35194" s="8">
        <v>513864</v>
      </c>
      <c r="I35194" s="8">
        <v>235170</v>
      </c>
      <c r="J35194" s="8">
        <v>466830</v>
      </c>
      <c r="K35194" s="9"/>
      <c r="L35194" s="6"/>
    </row>
    <row r="35195" spans="1:12">
      <c r="A35195" s="6" t="s">
        <v>35239</v>
      </c>
      <c r="B35195" s="6"/>
      <c r="C35195" s="6" t="s">
        <v>32230</v>
      </c>
      <c r="D35195" s="6"/>
      <c r="E35195" s="6" t="s">
        <v>9</v>
      </c>
      <c r="F35195" s="7">
        <v>43074</v>
      </c>
      <c r="G35195" s="8">
        <v>1285200</v>
      </c>
      <c r="H35195" s="8">
        <v>1026876</v>
      </c>
      <c r="I35195" s="8">
        <v>344432</v>
      </c>
      <c r="J35195" s="8">
        <v>940768</v>
      </c>
      <c r="K35195" s="9"/>
      <c r="L35195" s="6"/>
    </row>
    <row r="35196" spans="1:12">
      <c r="A35196" s="6" t="s">
        <v>35240</v>
      </c>
      <c r="B35196" s="6"/>
      <c r="C35196" s="6" t="s">
        <v>32230</v>
      </c>
      <c r="D35196" s="6"/>
      <c r="E35196" s="6" t="s">
        <v>9</v>
      </c>
      <c r="F35196" s="7">
        <v>43671</v>
      </c>
      <c r="G35196" s="8">
        <v>1296000</v>
      </c>
      <c r="H35196" s="8">
        <v>1209168</v>
      </c>
      <c r="I35196" s="8">
        <v>173664</v>
      </c>
      <c r="J35196" s="8">
        <v>1122336</v>
      </c>
      <c r="K35196" s="9"/>
      <c r="L35196" s="6"/>
    </row>
    <row r="35197" spans="1:12">
      <c r="A35197" s="6" t="s">
        <v>35240</v>
      </c>
      <c r="B35197" s="6"/>
      <c r="C35197" s="6" t="s">
        <v>32230</v>
      </c>
      <c r="D35197" s="6"/>
      <c r="E35197" s="6" t="s">
        <v>9</v>
      </c>
      <c r="F35197" s="7">
        <v>44286</v>
      </c>
      <c r="G35197" s="8">
        <v>2223100</v>
      </c>
      <c r="H35197" s="8">
        <v>2223100</v>
      </c>
      <c r="I35197" s="8">
        <v>148947</v>
      </c>
      <c r="J35197" s="8">
        <v>2074153</v>
      </c>
      <c r="K35197" s="9"/>
      <c r="L35197" s="6"/>
    </row>
    <row r="35198" spans="1:12">
      <c r="A35198" s="6" t="s">
        <v>35241</v>
      </c>
      <c r="B35198" s="6"/>
      <c r="C35198" s="6" t="s">
        <v>32230</v>
      </c>
      <c r="D35198" s="6"/>
      <c r="E35198" s="6"/>
      <c r="F35198" s="7">
        <v>43922</v>
      </c>
      <c r="G35198" s="8">
        <v>1287000</v>
      </c>
      <c r="H35198" s="8">
        <v>1287000</v>
      </c>
      <c r="I35198" s="8">
        <v>25740</v>
      </c>
      <c r="J35198" s="8">
        <v>1261260</v>
      </c>
      <c r="K35198" s="9"/>
      <c r="L35198" s="6"/>
    </row>
    <row r="35199" spans="1:12">
      <c r="A35199" s="6" t="s">
        <v>35241</v>
      </c>
      <c r="B35199" s="6"/>
      <c r="C35199" s="6" t="s">
        <v>32230</v>
      </c>
      <c r="D35199" s="6"/>
      <c r="E35199" s="6" t="s">
        <v>9</v>
      </c>
      <c r="F35199" s="7">
        <v>30270</v>
      </c>
      <c r="G35199" s="8">
        <v>23854500</v>
      </c>
      <c r="H35199" s="8">
        <v>5725080</v>
      </c>
      <c r="I35199" s="8">
        <v>18606510</v>
      </c>
      <c r="J35199" s="8">
        <v>5247990</v>
      </c>
      <c r="K35199" s="9"/>
      <c r="L35199" s="6"/>
    </row>
    <row r="35200" spans="1:12">
      <c r="A35200" s="6" t="s">
        <v>35242</v>
      </c>
      <c r="B35200" s="6"/>
      <c r="C35200" s="6" t="s">
        <v>32230</v>
      </c>
      <c r="D35200" s="6"/>
      <c r="E35200" s="6" t="s">
        <v>9</v>
      </c>
      <c r="F35200" s="7">
        <v>28934</v>
      </c>
      <c r="G35200" s="8">
        <v>4217400</v>
      </c>
      <c r="H35200" s="8">
        <v>674784</v>
      </c>
      <c r="I35200" s="8">
        <v>3626964</v>
      </c>
      <c r="J35200" s="8">
        <v>590436</v>
      </c>
      <c r="K35200" s="9"/>
      <c r="L35200" s="6"/>
    </row>
    <row r="35201" spans="1:12">
      <c r="A35201" s="6" t="s">
        <v>35243</v>
      </c>
      <c r="B35201" s="6"/>
      <c r="C35201" s="6" t="s">
        <v>32230</v>
      </c>
      <c r="D35201" s="6"/>
      <c r="E35201" s="6" t="s">
        <v>9</v>
      </c>
      <c r="F35201" s="7">
        <v>30270</v>
      </c>
      <c r="G35201" s="8">
        <v>2975400</v>
      </c>
      <c r="H35201" s="8">
        <v>714096</v>
      </c>
      <c r="I35201" s="8">
        <v>2320812</v>
      </c>
      <c r="J35201" s="8">
        <v>654588</v>
      </c>
      <c r="K35201" s="9"/>
      <c r="L35201" s="6"/>
    </row>
    <row r="35202" spans="1:12">
      <c r="A35202" s="6" t="s">
        <v>35244</v>
      </c>
      <c r="B35202" s="6"/>
      <c r="C35202" s="6" t="s">
        <v>32230</v>
      </c>
      <c r="D35202" s="6"/>
      <c r="E35202" s="6" t="s">
        <v>9</v>
      </c>
      <c r="F35202" s="7">
        <v>30270</v>
      </c>
      <c r="G35202" s="8">
        <v>2295000</v>
      </c>
      <c r="H35202" s="8">
        <v>550800</v>
      </c>
      <c r="I35202" s="8">
        <v>1790100</v>
      </c>
      <c r="J35202" s="8">
        <v>504900</v>
      </c>
      <c r="K35202" s="9"/>
      <c r="L35202" s="6"/>
    </row>
    <row r="35203" spans="1:12">
      <c r="A35203" s="6" t="s">
        <v>35245</v>
      </c>
      <c r="B35203" s="6"/>
      <c r="C35203" s="6" t="s">
        <v>32230</v>
      </c>
      <c r="D35203" s="6"/>
      <c r="E35203" s="6" t="s">
        <v>9</v>
      </c>
      <c r="F35203" s="7">
        <v>30270</v>
      </c>
      <c r="G35203" s="8">
        <v>8723700</v>
      </c>
      <c r="H35203" s="8">
        <v>2093688</v>
      </c>
      <c r="I35203" s="8">
        <v>6804486</v>
      </c>
      <c r="J35203" s="8">
        <v>1919214</v>
      </c>
      <c r="K35203" s="9"/>
      <c r="L35203" s="6"/>
    </row>
    <row r="35204" spans="1:12">
      <c r="A35204" s="6" t="s">
        <v>35246</v>
      </c>
      <c r="B35204" s="6"/>
      <c r="C35204" s="6" t="s">
        <v>32230</v>
      </c>
      <c r="D35204" s="6"/>
      <c r="E35204" s="6" t="s">
        <v>9</v>
      </c>
      <c r="F35204" s="7">
        <v>30270</v>
      </c>
      <c r="G35204" s="8">
        <v>1452600</v>
      </c>
      <c r="H35204" s="8">
        <v>348624</v>
      </c>
      <c r="I35204" s="8">
        <v>1133028</v>
      </c>
      <c r="J35204" s="8">
        <v>319572</v>
      </c>
      <c r="K35204" s="9"/>
      <c r="L35204" s="6"/>
    </row>
    <row r="35205" spans="1:12">
      <c r="A35205" s="6" t="s">
        <v>35247</v>
      </c>
      <c r="B35205" s="6"/>
      <c r="C35205" s="6" t="s">
        <v>32230</v>
      </c>
      <c r="D35205" s="6"/>
      <c r="E35205" s="6" t="s">
        <v>9</v>
      </c>
      <c r="F35205" s="7">
        <v>28934</v>
      </c>
      <c r="G35205" s="8">
        <v>16173000</v>
      </c>
      <c r="H35205" s="8">
        <v>2587680</v>
      </c>
      <c r="I35205" s="8">
        <v>13908780</v>
      </c>
      <c r="J35205" s="8">
        <v>2264220</v>
      </c>
      <c r="K35205" s="9"/>
      <c r="L35205" s="6"/>
    </row>
    <row r="35206" spans="1:12">
      <c r="A35206" s="6" t="s">
        <v>35248</v>
      </c>
      <c r="B35206" s="6"/>
      <c r="C35206" s="6" t="s">
        <v>32230</v>
      </c>
      <c r="D35206" s="6"/>
      <c r="E35206" s="6" t="s">
        <v>9</v>
      </c>
      <c r="F35206" s="7">
        <v>30270</v>
      </c>
      <c r="G35206" s="8">
        <v>9733500</v>
      </c>
      <c r="H35206" s="8">
        <v>2336040</v>
      </c>
      <c r="I35206" s="8">
        <v>7592130</v>
      </c>
      <c r="J35206" s="8">
        <v>2141370</v>
      </c>
      <c r="K35206" s="9"/>
      <c r="L35206" s="6"/>
    </row>
    <row r="35207" spans="1:12">
      <c r="A35207" s="6" t="s">
        <v>33185</v>
      </c>
      <c r="B35207" s="6"/>
      <c r="C35207" s="6" t="s">
        <v>32230</v>
      </c>
      <c r="D35207" s="6"/>
      <c r="E35207" s="6" t="s">
        <v>9</v>
      </c>
      <c r="F35207" s="7"/>
      <c r="G35207" s="8">
        <v>1</v>
      </c>
      <c r="H35207" s="8">
        <v>1</v>
      </c>
      <c r="I35207" s="8">
        <v>0</v>
      </c>
      <c r="J35207" s="8">
        <v>1</v>
      </c>
      <c r="K35207" s="9"/>
      <c r="L35207" s="6"/>
    </row>
    <row r="35208" spans="1:12">
      <c r="A35208" s="6" t="s">
        <v>35249</v>
      </c>
      <c r="B35208" s="6"/>
      <c r="C35208" s="6" t="s">
        <v>32230</v>
      </c>
      <c r="D35208" s="6"/>
      <c r="E35208" s="6" t="s">
        <v>9</v>
      </c>
      <c r="F35208" s="7">
        <v>30270</v>
      </c>
      <c r="G35208" s="8">
        <v>15552000</v>
      </c>
      <c r="H35208" s="8">
        <v>3732480</v>
      </c>
      <c r="I35208" s="8">
        <v>12130560</v>
      </c>
      <c r="J35208" s="8">
        <v>3421440</v>
      </c>
      <c r="K35208" s="9"/>
      <c r="L35208" s="6"/>
    </row>
    <row r="35209" spans="1:12">
      <c r="A35209" s="6" t="s">
        <v>35250</v>
      </c>
      <c r="B35209" s="6"/>
      <c r="C35209" s="6" t="s">
        <v>32230</v>
      </c>
      <c r="D35209" s="6"/>
      <c r="E35209" s="6" t="s">
        <v>9</v>
      </c>
      <c r="F35209" s="7">
        <v>30270</v>
      </c>
      <c r="G35209" s="8">
        <v>22015800</v>
      </c>
      <c r="H35209" s="8">
        <v>5283792</v>
      </c>
      <c r="I35209" s="8">
        <v>17172324</v>
      </c>
      <c r="J35209" s="8">
        <v>4843476</v>
      </c>
      <c r="K35209" s="9"/>
      <c r="L35209" s="6"/>
    </row>
    <row r="35210" spans="1:12">
      <c r="A35210" s="6" t="s">
        <v>35251</v>
      </c>
      <c r="B35210" s="6"/>
      <c r="C35210" s="6" t="s">
        <v>32230</v>
      </c>
      <c r="D35210" s="6"/>
      <c r="E35210" s="6" t="s">
        <v>9</v>
      </c>
      <c r="F35210" s="7">
        <v>30270</v>
      </c>
      <c r="G35210" s="8">
        <v>26025300</v>
      </c>
      <c r="H35210" s="8">
        <v>6246072</v>
      </c>
      <c r="I35210" s="8">
        <v>20299734</v>
      </c>
      <c r="J35210" s="8">
        <v>5725566</v>
      </c>
      <c r="K35210" s="9"/>
      <c r="L35210" s="6"/>
    </row>
    <row r="35211" spans="1:12">
      <c r="A35211" s="6" t="s">
        <v>33185</v>
      </c>
      <c r="B35211" s="6"/>
      <c r="C35211" s="6" t="s">
        <v>32230</v>
      </c>
      <c r="D35211" s="6"/>
      <c r="E35211" s="6" t="s">
        <v>9</v>
      </c>
      <c r="F35211" s="7">
        <v>26390</v>
      </c>
      <c r="G35211" s="8">
        <v>9926280</v>
      </c>
      <c r="H35211" s="8">
        <v>1826472</v>
      </c>
      <c r="I35211" s="8">
        <v>8268554</v>
      </c>
      <c r="J35211" s="8">
        <v>1657726</v>
      </c>
      <c r="K35211" s="9"/>
      <c r="L35211" s="6"/>
    </row>
    <row r="35212" spans="1:12">
      <c r="A35212" s="6" t="s">
        <v>35252</v>
      </c>
      <c r="B35212" s="6"/>
      <c r="C35212" s="6" t="s">
        <v>32230</v>
      </c>
      <c r="D35212" s="6"/>
      <c r="E35212" s="6" t="s">
        <v>9</v>
      </c>
      <c r="F35212" s="7">
        <v>30270</v>
      </c>
      <c r="G35212" s="8">
        <v>55809000</v>
      </c>
      <c r="H35212" s="8">
        <v>13394160</v>
      </c>
      <c r="I35212" s="8">
        <v>43531020</v>
      </c>
      <c r="J35212" s="8">
        <v>12277980</v>
      </c>
      <c r="K35212" s="9"/>
      <c r="L35212" s="6"/>
    </row>
    <row r="35213" spans="1:12">
      <c r="A35213" s="6" t="s">
        <v>33185</v>
      </c>
      <c r="B35213" s="6"/>
      <c r="C35213" s="6" t="s">
        <v>32230</v>
      </c>
      <c r="D35213" s="6"/>
      <c r="E35213" s="6" t="s">
        <v>9</v>
      </c>
      <c r="F35213" s="7">
        <v>26390</v>
      </c>
      <c r="G35213" s="8">
        <v>18001620</v>
      </c>
      <c r="H35213" s="8">
        <v>3312324</v>
      </c>
      <c r="I35213" s="8">
        <v>14995323</v>
      </c>
      <c r="J35213" s="8">
        <v>3006297</v>
      </c>
      <c r="K35213" s="9"/>
      <c r="L35213" s="6"/>
    </row>
    <row r="35214" spans="1:12">
      <c r="A35214" s="6" t="s">
        <v>35253</v>
      </c>
      <c r="B35214" s="6"/>
      <c r="C35214" s="6" t="s">
        <v>32230</v>
      </c>
      <c r="D35214" s="6"/>
      <c r="E35214" s="6" t="s">
        <v>9</v>
      </c>
      <c r="F35214" s="7">
        <v>30270</v>
      </c>
      <c r="G35214" s="8">
        <v>15303600</v>
      </c>
      <c r="H35214" s="8">
        <v>3672864</v>
      </c>
      <c r="I35214" s="8">
        <v>11936808</v>
      </c>
      <c r="J35214" s="8">
        <v>3366792</v>
      </c>
      <c r="K35214" s="9"/>
      <c r="L35214" s="6"/>
    </row>
    <row r="35215" spans="1:12">
      <c r="A35215" s="6" t="s">
        <v>35254</v>
      </c>
      <c r="B35215" s="6"/>
      <c r="C35215" s="6" t="s">
        <v>32230</v>
      </c>
      <c r="D35215" s="6"/>
      <c r="E35215" s="6" t="s">
        <v>9</v>
      </c>
      <c r="F35215" s="7">
        <v>30270</v>
      </c>
      <c r="G35215" s="8">
        <v>67635000</v>
      </c>
      <c r="H35215" s="8">
        <v>16232400</v>
      </c>
      <c r="I35215" s="8">
        <v>52755300</v>
      </c>
      <c r="J35215" s="8">
        <v>14879700</v>
      </c>
      <c r="K35215" s="9"/>
      <c r="L35215" s="6"/>
    </row>
    <row r="35216" spans="1:12">
      <c r="A35216" s="6" t="s">
        <v>35255</v>
      </c>
      <c r="B35216" s="6"/>
      <c r="C35216" s="6" t="s">
        <v>32230</v>
      </c>
      <c r="D35216" s="6"/>
      <c r="E35216" s="6" t="s">
        <v>9</v>
      </c>
      <c r="F35216" s="7">
        <v>26390</v>
      </c>
      <c r="G35216" s="8">
        <v>51597000</v>
      </c>
      <c r="H35216" s="8">
        <v>9493848</v>
      </c>
      <c r="I35216" s="8">
        <v>42980301</v>
      </c>
      <c r="J35216" s="8">
        <v>8616699</v>
      </c>
      <c r="K35216" s="9"/>
      <c r="L35216" s="6"/>
    </row>
    <row r="35217" spans="1:12">
      <c r="A35217" s="6" t="s">
        <v>35256</v>
      </c>
      <c r="B35217" s="6"/>
      <c r="C35217" s="6" t="s">
        <v>32230</v>
      </c>
      <c r="D35217" s="6"/>
      <c r="E35217" s="6" t="s">
        <v>9</v>
      </c>
      <c r="F35217" s="7">
        <v>30270</v>
      </c>
      <c r="G35217" s="8">
        <v>54982800</v>
      </c>
      <c r="H35217" s="8">
        <v>13195872</v>
      </c>
      <c r="I35217" s="8">
        <v>42886584</v>
      </c>
      <c r="J35217" s="8">
        <v>12096216</v>
      </c>
      <c r="K35217" s="9"/>
      <c r="L35217" s="6"/>
    </row>
    <row r="35218" spans="1:12">
      <c r="A35218" s="6" t="s">
        <v>33185</v>
      </c>
      <c r="B35218" s="6"/>
      <c r="C35218" s="6" t="s">
        <v>32230</v>
      </c>
      <c r="D35218" s="6"/>
      <c r="E35218" s="6" t="s">
        <v>9</v>
      </c>
      <c r="F35218" s="7">
        <v>26390</v>
      </c>
      <c r="G35218" s="8">
        <v>7807800</v>
      </c>
      <c r="H35218" s="8">
        <v>1436664</v>
      </c>
      <c r="I35218" s="8">
        <v>6503868</v>
      </c>
      <c r="J35218" s="8">
        <v>1303932</v>
      </c>
      <c r="K35218" s="9"/>
      <c r="L35218" s="6"/>
    </row>
    <row r="35219" spans="1:12">
      <c r="A35219" s="6" t="s">
        <v>35257</v>
      </c>
      <c r="B35219" s="6"/>
      <c r="C35219" s="6" t="s">
        <v>32230</v>
      </c>
      <c r="D35219" s="6"/>
      <c r="E35219" s="6" t="s">
        <v>9</v>
      </c>
      <c r="F35219" s="7">
        <v>30270</v>
      </c>
      <c r="G35219" s="8">
        <v>7101000</v>
      </c>
      <c r="H35219" s="8">
        <v>1704240</v>
      </c>
      <c r="I35219" s="8">
        <v>5538780</v>
      </c>
      <c r="J35219" s="8">
        <v>1562220</v>
      </c>
      <c r="K35219" s="9"/>
      <c r="L35219" s="6"/>
    </row>
    <row r="35220" spans="1:12">
      <c r="A35220" s="6" t="s">
        <v>33185</v>
      </c>
      <c r="B35220" s="6"/>
      <c r="C35220" s="6" t="s">
        <v>32230</v>
      </c>
      <c r="D35220" s="6"/>
      <c r="E35220" s="6" t="s">
        <v>9</v>
      </c>
      <c r="F35220" s="7">
        <v>26390</v>
      </c>
      <c r="G35220" s="8">
        <v>5187000</v>
      </c>
      <c r="H35220" s="8">
        <v>954408</v>
      </c>
      <c r="I35220" s="8">
        <v>4320771</v>
      </c>
      <c r="J35220" s="8">
        <v>866229</v>
      </c>
      <c r="K35220" s="9"/>
      <c r="L35220" s="6"/>
    </row>
    <row r="35221" spans="1:12">
      <c r="A35221" s="6" t="s">
        <v>35258</v>
      </c>
      <c r="B35221" s="6"/>
      <c r="C35221" s="6" t="s">
        <v>32230</v>
      </c>
      <c r="D35221" s="6"/>
      <c r="E35221" s="6" t="s">
        <v>9</v>
      </c>
      <c r="F35221" s="7">
        <v>30270</v>
      </c>
      <c r="G35221" s="8">
        <v>2956500</v>
      </c>
      <c r="H35221" s="8">
        <v>709560</v>
      </c>
      <c r="I35221" s="8">
        <v>2306070</v>
      </c>
      <c r="J35221" s="8">
        <v>650430</v>
      </c>
      <c r="K35221" s="9"/>
      <c r="L35221" s="6"/>
    </row>
    <row r="35222" spans="1:12">
      <c r="A35222" s="6" t="s">
        <v>33185</v>
      </c>
      <c r="B35222" s="6"/>
      <c r="C35222" s="6" t="s">
        <v>32230</v>
      </c>
      <c r="D35222" s="6"/>
      <c r="E35222" s="6" t="s">
        <v>9</v>
      </c>
      <c r="F35222" s="7">
        <v>26390</v>
      </c>
      <c r="G35222" s="8">
        <v>6115200</v>
      </c>
      <c r="H35222" s="8">
        <v>1125216</v>
      </c>
      <c r="I35222" s="8">
        <v>5093942</v>
      </c>
      <c r="J35222" s="8">
        <v>1021258</v>
      </c>
      <c r="K35222" s="9"/>
      <c r="L35222" s="6"/>
    </row>
    <row r="35223" spans="1:12">
      <c r="A35223" s="6" t="s">
        <v>35259</v>
      </c>
      <c r="B35223" s="6"/>
      <c r="C35223" s="6" t="s">
        <v>32230</v>
      </c>
      <c r="D35223" s="6"/>
      <c r="E35223" s="6" t="s">
        <v>9</v>
      </c>
      <c r="F35223" s="7">
        <v>30270</v>
      </c>
      <c r="G35223" s="8">
        <v>1674000</v>
      </c>
      <c r="H35223" s="8">
        <v>401760</v>
      </c>
      <c r="I35223" s="8">
        <v>1305720</v>
      </c>
      <c r="J35223" s="8">
        <v>368280</v>
      </c>
      <c r="K35223" s="9"/>
      <c r="L35223" s="6"/>
    </row>
    <row r="35224" spans="1:12">
      <c r="A35224" s="6" t="s">
        <v>35260</v>
      </c>
      <c r="B35224" s="6"/>
      <c r="C35224" s="6" t="s">
        <v>32230</v>
      </c>
      <c r="D35224" s="6"/>
      <c r="E35224" s="6" t="s">
        <v>9</v>
      </c>
      <c r="F35224" s="7">
        <v>32686</v>
      </c>
      <c r="G35224" s="8">
        <v>19337400</v>
      </c>
      <c r="H35224" s="8">
        <v>7348212</v>
      </c>
      <c r="I35224" s="8">
        <v>12375936</v>
      </c>
      <c r="J35224" s="8">
        <v>6961464</v>
      </c>
      <c r="K35224" s="9"/>
      <c r="L35224" s="6"/>
    </row>
    <row r="35225" spans="1:12">
      <c r="A35225" s="6" t="s">
        <v>33185</v>
      </c>
      <c r="B35225" s="6"/>
      <c r="C35225" s="6" t="s">
        <v>32230</v>
      </c>
      <c r="D35225" s="6"/>
      <c r="E35225" s="6" t="s">
        <v>9</v>
      </c>
      <c r="F35225" s="7">
        <v>26390</v>
      </c>
      <c r="G35225" s="8">
        <v>10920000</v>
      </c>
      <c r="H35225" s="8">
        <v>2009280</v>
      </c>
      <c r="I35225" s="8">
        <v>9096360</v>
      </c>
      <c r="J35225" s="8">
        <v>1823640</v>
      </c>
      <c r="K35225" s="9"/>
      <c r="L35225" s="6"/>
    </row>
    <row r="35226" spans="1:12">
      <c r="A35226" s="6" t="s">
        <v>35261</v>
      </c>
      <c r="B35226" s="6"/>
      <c r="C35226" s="6" t="s">
        <v>32230</v>
      </c>
      <c r="D35226" s="6"/>
      <c r="E35226" s="6" t="s">
        <v>9</v>
      </c>
      <c r="F35226" s="7">
        <v>30270</v>
      </c>
      <c r="G35226" s="8">
        <v>4743900</v>
      </c>
      <c r="H35226" s="8">
        <v>1138536</v>
      </c>
      <c r="I35226" s="8">
        <v>3700242</v>
      </c>
      <c r="J35226" s="8">
        <v>1043658</v>
      </c>
      <c r="K35226" s="9"/>
      <c r="L35226" s="6"/>
    </row>
    <row r="35227" spans="1:12">
      <c r="A35227" s="6" t="s">
        <v>35262</v>
      </c>
      <c r="B35227" s="6"/>
      <c r="C35227" s="6" t="s">
        <v>32230</v>
      </c>
      <c r="D35227" s="6"/>
      <c r="E35227" s="6" t="s">
        <v>9</v>
      </c>
      <c r="F35227" s="7">
        <v>30270</v>
      </c>
      <c r="G35227" s="8">
        <v>1487700</v>
      </c>
      <c r="H35227" s="8">
        <v>357048</v>
      </c>
      <c r="I35227" s="8">
        <v>1160406</v>
      </c>
      <c r="J35227" s="8">
        <v>327294</v>
      </c>
      <c r="K35227" s="9"/>
      <c r="L35227" s="6"/>
    </row>
    <row r="35228" spans="1:12">
      <c r="A35228" s="6" t="s">
        <v>35263</v>
      </c>
      <c r="B35228" s="6"/>
      <c r="C35228" s="6" t="s">
        <v>32230</v>
      </c>
      <c r="D35228" s="6"/>
      <c r="E35228" s="6" t="s">
        <v>9</v>
      </c>
      <c r="F35228" s="7">
        <v>30270</v>
      </c>
      <c r="G35228" s="8">
        <v>16437600</v>
      </c>
      <c r="H35228" s="8">
        <v>3945024</v>
      </c>
      <c r="I35228" s="8">
        <v>12821328</v>
      </c>
      <c r="J35228" s="8">
        <v>3616272</v>
      </c>
      <c r="K35228" s="9"/>
      <c r="L35228" s="6"/>
    </row>
    <row r="35229" spans="1:12">
      <c r="A35229" s="6" t="s">
        <v>35264</v>
      </c>
      <c r="B35229" s="6"/>
      <c r="C35229" s="6" t="s">
        <v>32230</v>
      </c>
      <c r="D35229" s="6"/>
      <c r="E35229" s="6" t="s">
        <v>9</v>
      </c>
      <c r="F35229" s="7">
        <v>30590</v>
      </c>
      <c r="G35229" s="8">
        <v>92317680</v>
      </c>
      <c r="H35229" s="8">
        <v>34249880</v>
      </c>
      <c r="I35229" s="8">
        <v>59637200</v>
      </c>
      <c r="J35229" s="8">
        <v>32680480</v>
      </c>
      <c r="K35229" s="9"/>
      <c r="L35229" s="6"/>
    </row>
    <row r="35230" spans="1:12">
      <c r="A35230" s="6" t="s">
        <v>33185</v>
      </c>
      <c r="B35230" s="6"/>
      <c r="C35230" s="6" t="s">
        <v>32230</v>
      </c>
      <c r="D35230" s="6"/>
      <c r="E35230" s="6" t="s">
        <v>9</v>
      </c>
      <c r="F35230" s="7">
        <v>29312</v>
      </c>
      <c r="G35230" s="8">
        <v>40360320</v>
      </c>
      <c r="H35230" s="8">
        <v>12915320</v>
      </c>
      <c r="I35230" s="8">
        <v>28131125</v>
      </c>
      <c r="J35230" s="8">
        <v>12229195</v>
      </c>
      <c r="K35230" s="9"/>
      <c r="L35230" s="6"/>
    </row>
    <row r="35231" spans="1:12">
      <c r="A35231" s="6" t="s">
        <v>33185</v>
      </c>
      <c r="B35231" s="6"/>
      <c r="C35231" s="6" t="s">
        <v>32230</v>
      </c>
      <c r="D35231" s="6"/>
      <c r="E35231" s="6" t="s">
        <v>9</v>
      </c>
      <c r="F35231" s="7">
        <v>29312</v>
      </c>
      <c r="G35231" s="8">
        <v>15724800</v>
      </c>
      <c r="H35231" s="8">
        <v>5031960</v>
      </c>
      <c r="I35231" s="8">
        <v>10960161</v>
      </c>
      <c r="J35231" s="8">
        <v>4764639</v>
      </c>
      <c r="K35231" s="9"/>
      <c r="L35231" s="6"/>
    </row>
    <row r="35232" spans="1:12">
      <c r="A35232" s="6" t="s">
        <v>35265</v>
      </c>
      <c r="B35232" s="6"/>
      <c r="C35232" s="6" t="s">
        <v>32230</v>
      </c>
      <c r="D35232" s="6"/>
      <c r="E35232" s="6" t="s">
        <v>9</v>
      </c>
      <c r="F35232" s="7">
        <v>30270</v>
      </c>
      <c r="G35232" s="8">
        <v>33291000</v>
      </c>
      <c r="H35232" s="8">
        <v>7989840</v>
      </c>
      <c r="I35232" s="8">
        <v>25966980</v>
      </c>
      <c r="J35232" s="8">
        <v>7324020</v>
      </c>
      <c r="K35232" s="9"/>
      <c r="L35232" s="6"/>
    </row>
    <row r="35233" spans="1:12">
      <c r="A35233" s="6" t="s">
        <v>35266</v>
      </c>
      <c r="B35233" s="6"/>
      <c r="C35233" s="6" t="s">
        <v>32230</v>
      </c>
      <c r="D35233" s="6"/>
      <c r="E35233" s="6"/>
      <c r="F35233" s="7"/>
      <c r="G35233" s="8">
        <v>3196800</v>
      </c>
      <c r="H35233" s="8">
        <v>3068928</v>
      </c>
      <c r="I35233" s="8">
        <v>191808</v>
      </c>
      <c r="J35233" s="8">
        <v>3004992</v>
      </c>
      <c r="K35233" s="9"/>
      <c r="L35233" s="6"/>
    </row>
    <row r="35234" spans="1:12">
      <c r="A35234" s="6" t="s">
        <v>35266</v>
      </c>
      <c r="B35234" s="6"/>
      <c r="C35234" s="6" t="s">
        <v>32230</v>
      </c>
      <c r="D35234" s="6"/>
      <c r="E35234" s="6" t="s">
        <v>9</v>
      </c>
      <c r="F35234" s="7">
        <v>33833</v>
      </c>
      <c r="G35234" s="8">
        <v>209958400</v>
      </c>
      <c r="H35234" s="8">
        <v>92381696</v>
      </c>
      <c r="I35234" s="8">
        <v>121775872</v>
      </c>
      <c r="J35234" s="8">
        <v>88182528</v>
      </c>
      <c r="K35234" s="9"/>
      <c r="L35234" s="6"/>
    </row>
    <row r="35235" spans="1:12">
      <c r="A35235" s="6" t="s">
        <v>33185</v>
      </c>
      <c r="B35235" s="6"/>
      <c r="C35235" s="6" t="s">
        <v>32230</v>
      </c>
      <c r="D35235" s="6"/>
      <c r="E35235" s="6" t="s">
        <v>9</v>
      </c>
      <c r="F35235" s="7">
        <v>36617</v>
      </c>
      <c r="G35235" s="8">
        <v>80491320</v>
      </c>
      <c r="H35235" s="8">
        <v>53124280</v>
      </c>
      <c r="I35235" s="8">
        <v>28735392</v>
      </c>
      <c r="J35235" s="8">
        <v>51755928</v>
      </c>
      <c r="K35235" s="9"/>
      <c r="L35235" s="6"/>
    </row>
    <row r="35236" spans="1:12">
      <c r="A35236" s="6" t="s">
        <v>33185</v>
      </c>
      <c r="B35236" s="6"/>
      <c r="C35236" s="6" t="s">
        <v>32230</v>
      </c>
      <c r="D35236" s="6"/>
      <c r="E35236" s="6" t="s">
        <v>9</v>
      </c>
      <c r="F35236" s="7"/>
      <c r="G35236" s="8">
        <v>1</v>
      </c>
      <c r="H35236" s="8">
        <v>1</v>
      </c>
      <c r="I35236" s="8">
        <v>0</v>
      </c>
      <c r="J35236" s="8">
        <v>1</v>
      </c>
      <c r="K35236" s="9"/>
      <c r="L35236" s="6"/>
    </row>
    <row r="35237" spans="1:12">
      <c r="A35237" s="6" t="s">
        <v>35267</v>
      </c>
      <c r="B35237" s="6"/>
      <c r="C35237" s="6" t="s">
        <v>32230</v>
      </c>
      <c r="D35237" s="6"/>
      <c r="E35237" s="6" t="s">
        <v>9</v>
      </c>
      <c r="F35237" s="7">
        <v>30270</v>
      </c>
      <c r="G35237" s="8">
        <v>8958600</v>
      </c>
      <c r="H35237" s="8">
        <v>2150064</v>
      </c>
      <c r="I35237" s="8">
        <v>6987708</v>
      </c>
      <c r="J35237" s="8">
        <v>1970892</v>
      </c>
      <c r="K35237" s="9"/>
      <c r="L35237" s="6"/>
    </row>
    <row r="35238" spans="1:12">
      <c r="A35238" s="6" t="s">
        <v>35268</v>
      </c>
      <c r="B35238" s="6"/>
      <c r="C35238" s="6" t="s">
        <v>32230</v>
      </c>
      <c r="D35238" s="6"/>
      <c r="E35238" s="6" t="s">
        <v>9</v>
      </c>
      <c r="F35238" s="7">
        <v>30270</v>
      </c>
      <c r="G35238" s="8">
        <v>7311600</v>
      </c>
      <c r="H35238" s="8">
        <v>1754784</v>
      </c>
      <c r="I35238" s="8">
        <v>5703048</v>
      </c>
      <c r="J35238" s="8">
        <v>1608552</v>
      </c>
      <c r="K35238" s="9"/>
      <c r="L35238" s="6"/>
    </row>
    <row r="35239" spans="1:12">
      <c r="A35239" s="6" t="s">
        <v>35269</v>
      </c>
      <c r="B35239" s="6"/>
      <c r="C35239" s="6" t="s">
        <v>32230</v>
      </c>
      <c r="D35239" s="6"/>
      <c r="E35239" s="6" t="s">
        <v>9</v>
      </c>
      <c r="F35239" s="7">
        <v>30270</v>
      </c>
      <c r="G35239" s="8">
        <v>10465200</v>
      </c>
      <c r="H35239" s="8">
        <v>2511648</v>
      </c>
      <c r="I35239" s="8">
        <v>8162856</v>
      </c>
      <c r="J35239" s="8">
        <v>2302344</v>
      </c>
      <c r="K35239" s="9"/>
      <c r="L35239" s="6"/>
    </row>
    <row r="35240" spans="1:12">
      <c r="A35240" s="6" t="s">
        <v>35270</v>
      </c>
      <c r="B35240" s="6"/>
      <c r="C35240" s="6" t="s">
        <v>32230</v>
      </c>
      <c r="D35240" s="6"/>
      <c r="E35240" s="6" t="s">
        <v>9</v>
      </c>
      <c r="F35240" s="7">
        <v>30270</v>
      </c>
      <c r="G35240" s="8">
        <v>10830000</v>
      </c>
      <c r="H35240" s="8">
        <v>2599200</v>
      </c>
      <c r="I35240" s="8">
        <v>8447400</v>
      </c>
      <c r="J35240" s="8">
        <v>2382600</v>
      </c>
      <c r="K35240" s="9"/>
      <c r="L35240" s="6"/>
    </row>
    <row r="35241" spans="1:12">
      <c r="A35241" s="6" t="s">
        <v>33185</v>
      </c>
      <c r="B35241" s="6"/>
      <c r="C35241" s="6" t="s">
        <v>32230</v>
      </c>
      <c r="D35241" s="6"/>
      <c r="E35241" s="6" t="s">
        <v>9</v>
      </c>
      <c r="F35241" s="7">
        <v>29312</v>
      </c>
      <c r="G35241" s="8">
        <v>10319400</v>
      </c>
      <c r="H35241" s="8">
        <v>3302240</v>
      </c>
      <c r="I35241" s="8">
        <v>7192589</v>
      </c>
      <c r="J35241" s="8">
        <v>3126811</v>
      </c>
      <c r="K35241" s="9"/>
      <c r="L35241" s="6"/>
    </row>
    <row r="35242" spans="1:12">
      <c r="A35242" s="6" t="s">
        <v>35271</v>
      </c>
      <c r="B35242" s="6"/>
      <c r="C35242" s="6" t="s">
        <v>32230</v>
      </c>
      <c r="D35242" s="6"/>
      <c r="E35242" s="6" t="s">
        <v>9</v>
      </c>
      <c r="F35242" s="7">
        <v>30270</v>
      </c>
      <c r="G35242" s="8">
        <v>21991500</v>
      </c>
      <c r="H35242" s="8">
        <v>5277960</v>
      </c>
      <c r="I35242" s="8">
        <v>17153370</v>
      </c>
      <c r="J35242" s="8">
        <v>4838130</v>
      </c>
      <c r="K35242" s="9"/>
      <c r="L35242" s="6"/>
    </row>
    <row r="35243" spans="1:12">
      <c r="A35243" s="6" t="s">
        <v>35272</v>
      </c>
      <c r="B35243" s="6"/>
      <c r="C35243" s="6" t="s">
        <v>32230</v>
      </c>
      <c r="D35243" s="6"/>
      <c r="E35243" s="6" t="s">
        <v>9</v>
      </c>
      <c r="F35243" s="7">
        <v>30270</v>
      </c>
      <c r="G35243" s="8">
        <v>1898100</v>
      </c>
      <c r="H35243" s="8">
        <v>455544</v>
      </c>
      <c r="I35243" s="8">
        <v>1480518</v>
      </c>
      <c r="J35243" s="8">
        <v>417582</v>
      </c>
      <c r="K35243" s="9"/>
      <c r="L35243" s="6"/>
    </row>
    <row r="35244" spans="1:12">
      <c r="A35244" s="6" t="s">
        <v>35273</v>
      </c>
      <c r="B35244" s="6"/>
      <c r="C35244" s="6" t="s">
        <v>32230</v>
      </c>
      <c r="D35244" s="6"/>
      <c r="E35244" s="6" t="s">
        <v>9</v>
      </c>
      <c r="F35244" s="7">
        <v>30270</v>
      </c>
      <c r="G35244" s="8">
        <v>6525900</v>
      </c>
      <c r="H35244" s="8">
        <v>1566216</v>
      </c>
      <c r="I35244" s="8">
        <v>5090202</v>
      </c>
      <c r="J35244" s="8">
        <v>1435698</v>
      </c>
      <c r="K35244" s="9"/>
      <c r="L35244" s="6"/>
    </row>
    <row r="35245" spans="1:12">
      <c r="A35245" s="6" t="s">
        <v>35274</v>
      </c>
      <c r="B35245" s="6"/>
      <c r="C35245" s="6" t="s">
        <v>32230</v>
      </c>
      <c r="D35245" s="6"/>
      <c r="E35245" s="6" t="s">
        <v>9</v>
      </c>
      <c r="F35245" s="7">
        <v>30270</v>
      </c>
      <c r="G35245" s="8">
        <v>25182900</v>
      </c>
      <c r="H35245" s="8">
        <v>6043896</v>
      </c>
      <c r="I35245" s="8">
        <v>19642662</v>
      </c>
      <c r="J35245" s="8">
        <v>5540238</v>
      </c>
      <c r="K35245" s="9"/>
      <c r="L35245" s="6"/>
    </row>
    <row r="35246" spans="1:12">
      <c r="A35246" s="6" t="s">
        <v>35275</v>
      </c>
      <c r="B35246" s="6"/>
      <c r="C35246" s="6" t="s">
        <v>32230</v>
      </c>
      <c r="D35246" s="6"/>
      <c r="E35246" s="6" t="s">
        <v>9</v>
      </c>
      <c r="F35246" s="7">
        <v>30270</v>
      </c>
      <c r="G35246" s="8">
        <v>5645700</v>
      </c>
      <c r="H35246" s="8">
        <v>1354968</v>
      </c>
      <c r="I35246" s="8">
        <v>4403646</v>
      </c>
      <c r="J35246" s="8">
        <v>1242054</v>
      </c>
      <c r="K35246" s="9"/>
      <c r="L35246" s="6"/>
    </row>
    <row r="35247" spans="1:12">
      <c r="A35247" s="6" t="s">
        <v>35276</v>
      </c>
      <c r="B35247" s="6"/>
      <c r="C35247" s="6" t="s">
        <v>32230</v>
      </c>
      <c r="D35247" s="6"/>
      <c r="E35247" s="6" t="s">
        <v>9</v>
      </c>
      <c r="F35247" s="7">
        <v>30270</v>
      </c>
      <c r="G35247" s="8">
        <v>25482600</v>
      </c>
      <c r="H35247" s="8">
        <v>6115824</v>
      </c>
      <c r="I35247" s="8">
        <v>19876428</v>
      </c>
      <c r="J35247" s="8">
        <v>5606172</v>
      </c>
      <c r="K35247" s="9"/>
      <c r="L35247" s="6"/>
    </row>
    <row r="35248" spans="1:12">
      <c r="A35248" s="6" t="s">
        <v>35277</v>
      </c>
      <c r="B35248" s="6"/>
      <c r="C35248" s="6" t="s">
        <v>32230</v>
      </c>
      <c r="D35248" s="6"/>
      <c r="E35248" s="6" t="s">
        <v>9</v>
      </c>
      <c r="F35248" s="7">
        <v>30270</v>
      </c>
      <c r="G35248" s="8">
        <v>2916000</v>
      </c>
      <c r="H35248" s="8">
        <v>699840</v>
      </c>
      <c r="I35248" s="8">
        <v>2274480</v>
      </c>
      <c r="J35248" s="8">
        <v>641520</v>
      </c>
      <c r="K35248" s="9"/>
      <c r="L35248" s="6"/>
    </row>
    <row r="35249" spans="1:12">
      <c r="A35249" s="6" t="s">
        <v>35278</v>
      </c>
      <c r="B35249" s="6"/>
      <c r="C35249" s="6" t="s">
        <v>32230</v>
      </c>
      <c r="D35249" s="6"/>
      <c r="E35249" s="6" t="s">
        <v>9</v>
      </c>
      <c r="F35249" s="7">
        <v>30270</v>
      </c>
      <c r="G35249" s="8">
        <v>2107100</v>
      </c>
      <c r="H35249" s="8">
        <v>505704</v>
      </c>
      <c r="I35249" s="8">
        <v>1643538</v>
      </c>
      <c r="J35249" s="8">
        <v>463562</v>
      </c>
      <c r="K35249" s="9"/>
      <c r="L35249" s="6"/>
    </row>
    <row r="35250" spans="1:12">
      <c r="A35250" s="6" t="s">
        <v>35279</v>
      </c>
      <c r="B35250" s="6"/>
      <c r="C35250" s="6" t="s">
        <v>32230</v>
      </c>
      <c r="D35250" s="6"/>
      <c r="E35250" s="6" t="s">
        <v>9</v>
      </c>
      <c r="F35250" s="7">
        <v>28934</v>
      </c>
      <c r="G35250" s="8">
        <v>73483200</v>
      </c>
      <c r="H35250" s="8">
        <v>11757312</v>
      </c>
      <c r="I35250" s="8">
        <v>63195552</v>
      </c>
      <c r="J35250" s="8">
        <v>10287648</v>
      </c>
      <c r="K35250" s="9"/>
      <c r="L35250" s="6"/>
    </row>
    <row r="35251" spans="1:12">
      <c r="A35251" s="6" t="s">
        <v>35280</v>
      </c>
      <c r="B35251" s="6"/>
      <c r="C35251" s="6" t="s">
        <v>32230</v>
      </c>
      <c r="D35251" s="6"/>
      <c r="E35251" s="6" t="s">
        <v>9</v>
      </c>
      <c r="F35251" s="7">
        <v>30270</v>
      </c>
      <c r="G35251" s="8">
        <v>3739500</v>
      </c>
      <c r="H35251" s="8">
        <v>897480</v>
      </c>
      <c r="I35251" s="8">
        <v>2916810</v>
      </c>
      <c r="J35251" s="8">
        <v>822690</v>
      </c>
      <c r="K35251" s="9"/>
      <c r="L35251" s="6"/>
    </row>
    <row r="35252" spans="1:12">
      <c r="A35252" s="6" t="s">
        <v>35281</v>
      </c>
      <c r="B35252" s="6"/>
      <c r="C35252" s="6" t="s">
        <v>32230</v>
      </c>
      <c r="D35252" s="6"/>
      <c r="E35252" s="6" t="s">
        <v>9</v>
      </c>
      <c r="F35252" s="7">
        <v>30270</v>
      </c>
      <c r="G35252" s="8">
        <v>3096900</v>
      </c>
      <c r="H35252" s="8">
        <v>743256</v>
      </c>
      <c r="I35252" s="8">
        <v>2415582</v>
      </c>
      <c r="J35252" s="8">
        <v>681318</v>
      </c>
      <c r="K35252" s="9"/>
      <c r="L35252" s="6"/>
    </row>
    <row r="35253" spans="1:12">
      <c r="A35253" s="6" t="s">
        <v>33185</v>
      </c>
      <c r="B35253" s="6"/>
      <c r="C35253" s="6" t="s">
        <v>32230</v>
      </c>
      <c r="D35253" s="6"/>
      <c r="E35253" s="6" t="s">
        <v>9</v>
      </c>
      <c r="F35253" s="7"/>
      <c r="G35253" s="8">
        <v>1</v>
      </c>
      <c r="H35253" s="8">
        <v>1</v>
      </c>
      <c r="I35253" s="8">
        <v>0</v>
      </c>
      <c r="J35253" s="8">
        <v>1</v>
      </c>
      <c r="K35253" s="9"/>
      <c r="L35253" s="6"/>
    </row>
    <row r="35254" spans="1:12">
      <c r="A35254" s="6" t="s">
        <v>35282</v>
      </c>
      <c r="B35254" s="6"/>
      <c r="C35254" s="6" t="s">
        <v>32230</v>
      </c>
      <c r="D35254" s="6"/>
      <c r="E35254" s="6" t="s">
        <v>9</v>
      </c>
      <c r="F35254" s="7">
        <v>30270</v>
      </c>
      <c r="G35254" s="8">
        <v>6269400</v>
      </c>
      <c r="H35254" s="8">
        <v>1504656</v>
      </c>
      <c r="I35254" s="8">
        <v>4890132</v>
      </c>
      <c r="J35254" s="8">
        <v>1379268</v>
      </c>
      <c r="K35254" s="9"/>
      <c r="L35254" s="6"/>
    </row>
    <row r="35255" spans="1:12">
      <c r="A35255" s="6" t="s">
        <v>33185</v>
      </c>
      <c r="B35255" s="6"/>
      <c r="C35255" s="6" t="s">
        <v>32230</v>
      </c>
      <c r="D35255" s="6"/>
      <c r="E35255" s="6" t="s">
        <v>9</v>
      </c>
      <c r="F35255" s="7"/>
      <c r="G35255" s="8">
        <v>1</v>
      </c>
      <c r="H35255" s="8">
        <v>1</v>
      </c>
      <c r="I35255" s="8">
        <v>0</v>
      </c>
      <c r="J35255" s="8">
        <v>1</v>
      </c>
      <c r="K35255" s="9"/>
      <c r="L35255" s="6"/>
    </row>
    <row r="35256" spans="1:12">
      <c r="A35256" s="6" t="s">
        <v>35283</v>
      </c>
      <c r="B35256" s="6"/>
      <c r="C35256" s="6" t="s">
        <v>32230</v>
      </c>
      <c r="D35256" s="6"/>
      <c r="E35256" s="6" t="s">
        <v>9</v>
      </c>
      <c r="F35256" s="7">
        <v>30270</v>
      </c>
      <c r="G35256" s="8">
        <v>7560000</v>
      </c>
      <c r="H35256" s="8">
        <v>1814400</v>
      </c>
      <c r="I35256" s="8">
        <v>5896800</v>
      </c>
      <c r="J35256" s="8">
        <v>1663200</v>
      </c>
      <c r="K35256" s="9"/>
      <c r="L35256" s="6"/>
    </row>
    <row r="35257" spans="1:12">
      <c r="A35257" s="6" t="s">
        <v>35284</v>
      </c>
      <c r="B35257" s="6"/>
      <c r="C35257" s="6" t="s">
        <v>32230</v>
      </c>
      <c r="D35257" s="6"/>
      <c r="E35257" s="6" t="s">
        <v>9</v>
      </c>
      <c r="F35257" s="7">
        <v>30270</v>
      </c>
      <c r="G35257" s="8">
        <v>19156500</v>
      </c>
      <c r="H35257" s="8">
        <v>4597560</v>
      </c>
      <c r="I35257" s="8">
        <v>14942070</v>
      </c>
      <c r="J35257" s="8">
        <v>4214430</v>
      </c>
      <c r="K35257" s="9"/>
      <c r="L35257" s="6"/>
    </row>
    <row r="35258" spans="1:12">
      <c r="A35258" s="6" t="s">
        <v>35285</v>
      </c>
      <c r="B35258" s="6"/>
      <c r="C35258" s="6" t="s">
        <v>32230</v>
      </c>
      <c r="D35258" s="6"/>
      <c r="E35258" s="6" t="s">
        <v>9</v>
      </c>
      <c r="F35258" s="7">
        <v>30498</v>
      </c>
      <c r="G35258" s="8">
        <v>18187200</v>
      </c>
      <c r="H35258" s="8">
        <v>4728672</v>
      </c>
      <c r="I35258" s="8">
        <v>13822272</v>
      </c>
      <c r="J35258" s="8">
        <v>4364928</v>
      </c>
      <c r="K35258" s="9"/>
      <c r="L35258" s="6"/>
    </row>
    <row r="35259" spans="1:12">
      <c r="A35259" s="6" t="s">
        <v>35286</v>
      </c>
      <c r="B35259" s="6"/>
      <c r="C35259" s="6" t="s">
        <v>32230</v>
      </c>
      <c r="D35259" s="6"/>
      <c r="E35259" s="6" t="s">
        <v>9</v>
      </c>
      <c r="F35259" s="7">
        <v>30270</v>
      </c>
      <c r="G35259" s="8">
        <v>2384100</v>
      </c>
      <c r="H35259" s="8">
        <v>572184</v>
      </c>
      <c r="I35259" s="8">
        <v>1859598</v>
      </c>
      <c r="J35259" s="8">
        <v>524502</v>
      </c>
      <c r="K35259" s="9"/>
      <c r="L35259" s="6"/>
    </row>
    <row r="35260" spans="1:12">
      <c r="A35260" s="6" t="s">
        <v>35287</v>
      </c>
      <c r="B35260" s="6"/>
      <c r="C35260" s="6" t="s">
        <v>32230</v>
      </c>
      <c r="D35260" s="6"/>
      <c r="E35260" s="6" t="s">
        <v>9</v>
      </c>
      <c r="F35260" s="7">
        <v>30270</v>
      </c>
      <c r="G35260" s="8">
        <v>2924100</v>
      </c>
      <c r="H35260" s="8">
        <v>701784</v>
      </c>
      <c r="I35260" s="8">
        <v>2280798</v>
      </c>
      <c r="J35260" s="8">
        <v>643302</v>
      </c>
      <c r="K35260" s="9"/>
      <c r="L35260" s="6"/>
    </row>
    <row r="35261" spans="1:12">
      <c r="A35261" s="6" t="s">
        <v>35288</v>
      </c>
      <c r="B35261" s="6"/>
      <c r="C35261" s="6" t="s">
        <v>32230</v>
      </c>
      <c r="D35261" s="6"/>
      <c r="E35261" s="6" t="s">
        <v>9</v>
      </c>
      <c r="F35261" s="7">
        <v>30270</v>
      </c>
      <c r="G35261" s="8">
        <v>803700</v>
      </c>
      <c r="H35261" s="8">
        <v>192888</v>
      </c>
      <c r="I35261" s="8">
        <v>626886</v>
      </c>
      <c r="J35261" s="8">
        <v>176814</v>
      </c>
      <c r="K35261" s="9"/>
      <c r="L35261" s="6"/>
    </row>
    <row r="35262" spans="1:12">
      <c r="A35262" s="6" t="s">
        <v>35289</v>
      </c>
      <c r="B35262" s="6"/>
      <c r="C35262" s="6" t="s">
        <v>32230</v>
      </c>
      <c r="D35262" s="6"/>
      <c r="E35262" s="6" t="s">
        <v>9</v>
      </c>
      <c r="F35262" s="7">
        <v>30270</v>
      </c>
      <c r="G35262" s="8">
        <v>11364300</v>
      </c>
      <c r="H35262" s="8">
        <v>2727432</v>
      </c>
      <c r="I35262" s="8">
        <v>8864154</v>
      </c>
      <c r="J35262" s="8">
        <v>2500146</v>
      </c>
      <c r="K35262" s="9"/>
      <c r="L35262" s="6"/>
    </row>
    <row r="35263" spans="1:12">
      <c r="A35263" s="6" t="s">
        <v>33185</v>
      </c>
      <c r="B35263" s="6"/>
      <c r="C35263" s="6" t="s">
        <v>32230</v>
      </c>
      <c r="D35263" s="6"/>
      <c r="E35263" s="6" t="s">
        <v>9</v>
      </c>
      <c r="F35263" s="7"/>
      <c r="G35263" s="8">
        <v>1</v>
      </c>
      <c r="H35263" s="8">
        <v>1</v>
      </c>
      <c r="I35263" s="8">
        <v>0</v>
      </c>
      <c r="J35263" s="8">
        <v>1</v>
      </c>
      <c r="K35263" s="9"/>
      <c r="L35263" s="6"/>
    </row>
    <row r="35264" spans="1:12">
      <c r="A35264" s="6" t="s">
        <v>35290</v>
      </c>
      <c r="B35264" s="6"/>
      <c r="C35264" s="6" t="s">
        <v>32230</v>
      </c>
      <c r="D35264" s="6"/>
      <c r="E35264" s="6" t="s">
        <v>9</v>
      </c>
      <c r="F35264" s="7">
        <v>30270</v>
      </c>
      <c r="G35264" s="8">
        <v>8100000</v>
      </c>
      <c r="H35264" s="8">
        <v>1944000</v>
      </c>
      <c r="I35264" s="8">
        <v>6318000</v>
      </c>
      <c r="J35264" s="8">
        <v>1782000</v>
      </c>
      <c r="K35264" s="9"/>
      <c r="L35264" s="6"/>
    </row>
    <row r="35265" spans="1:12">
      <c r="A35265" s="6" t="s">
        <v>35291</v>
      </c>
      <c r="B35265" s="6"/>
      <c r="C35265" s="6" t="s">
        <v>32230</v>
      </c>
      <c r="D35265" s="6"/>
      <c r="E35265" s="6" t="s">
        <v>9</v>
      </c>
      <c r="F35265" s="7">
        <v>30270</v>
      </c>
      <c r="G35265" s="8">
        <v>6010200</v>
      </c>
      <c r="H35265" s="8">
        <v>1442448</v>
      </c>
      <c r="I35265" s="8">
        <v>4687956</v>
      </c>
      <c r="J35265" s="8">
        <v>1322244</v>
      </c>
      <c r="K35265" s="9"/>
      <c r="L35265" s="6"/>
    </row>
    <row r="35266" spans="1:12">
      <c r="A35266" s="6" t="s">
        <v>33185</v>
      </c>
      <c r="B35266" s="6"/>
      <c r="C35266" s="6" t="s">
        <v>32230</v>
      </c>
      <c r="D35266" s="6"/>
      <c r="E35266" s="6" t="s">
        <v>9</v>
      </c>
      <c r="F35266" s="7"/>
      <c r="G35266" s="8">
        <v>1</v>
      </c>
      <c r="H35266" s="8">
        <v>1</v>
      </c>
      <c r="I35266" s="8">
        <v>0</v>
      </c>
      <c r="J35266" s="8">
        <v>1</v>
      </c>
      <c r="K35266" s="9"/>
      <c r="L35266" s="6"/>
    </row>
    <row r="35267" spans="1:12">
      <c r="A35267" s="6" t="s">
        <v>35292</v>
      </c>
      <c r="B35267" s="6"/>
      <c r="C35267" s="6" t="s">
        <v>32230</v>
      </c>
      <c r="D35267" s="6"/>
      <c r="E35267" s="6" t="s">
        <v>9</v>
      </c>
      <c r="F35267" s="7">
        <v>30498</v>
      </c>
      <c r="G35267" s="8">
        <v>15560100</v>
      </c>
      <c r="H35267" s="8">
        <v>4045626</v>
      </c>
      <c r="I35267" s="8">
        <v>11825676</v>
      </c>
      <c r="J35267" s="8">
        <v>3734424</v>
      </c>
      <c r="K35267" s="9"/>
      <c r="L35267" s="6"/>
    </row>
    <row r="35268" spans="1:12">
      <c r="A35268" s="6" t="s">
        <v>35293</v>
      </c>
      <c r="B35268" s="6"/>
      <c r="C35268" s="6" t="s">
        <v>32230</v>
      </c>
      <c r="D35268" s="6"/>
      <c r="E35268" s="6" t="s">
        <v>9</v>
      </c>
      <c r="F35268" s="7">
        <v>30498</v>
      </c>
      <c r="G35268" s="8">
        <v>3285900</v>
      </c>
      <c r="H35268" s="8">
        <v>854334</v>
      </c>
      <c r="I35268" s="8">
        <v>2497284</v>
      </c>
      <c r="J35268" s="8">
        <v>788616</v>
      </c>
      <c r="K35268" s="9"/>
      <c r="L35268" s="6"/>
    </row>
    <row r="35269" spans="1:12">
      <c r="A35269" s="6" t="s">
        <v>35294</v>
      </c>
      <c r="B35269" s="6"/>
      <c r="C35269" s="6" t="s">
        <v>32230</v>
      </c>
      <c r="D35269" s="6"/>
      <c r="E35269" s="6" t="s">
        <v>9</v>
      </c>
      <c r="F35269" s="7">
        <v>30498</v>
      </c>
      <c r="G35269" s="8">
        <v>7030800</v>
      </c>
      <c r="H35269" s="8">
        <v>1828008</v>
      </c>
      <c r="I35269" s="8">
        <v>5343408</v>
      </c>
      <c r="J35269" s="8">
        <v>1687392</v>
      </c>
      <c r="K35269" s="9"/>
      <c r="L35269" s="6"/>
    </row>
    <row r="35270" spans="1:12">
      <c r="A35270" s="6" t="s">
        <v>35295</v>
      </c>
      <c r="B35270" s="6"/>
      <c r="C35270" s="6" t="s">
        <v>32230</v>
      </c>
      <c r="D35270" s="6"/>
      <c r="E35270" s="6" t="s">
        <v>9</v>
      </c>
      <c r="F35270" s="7">
        <v>30861</v>
      </c>
      <c r="G35270" s="8">
        <v>5888700</v>
      </c>
      <c r="H35270" s="8">
        <v>1648836</v>
      </c>
      <c r="I35270" s="8">
        <v>4357638</v>
      </c>
      <c r="J35270" s="8">
        <v>1531062</v>
      </c>
      <c r="K35270" s="9"/>
      <c r="L35270" s="6"/>
    </row>
    <row r="35271" spans="1:12">
      <c r="A35271" s="6" t="s">
        <v>35296</v>
      </c>
      <c r="B35271" s="6"/>
      <c r="C35271" s="6" t="s">
        <v>32230</v>
      </c>
      <c r="D35271" s="6"/>
      <c r="E35271" s="6"/>
      <c r="F35271" s="7">
        <v>43556</v>
      </c>
      <c r="G35271" s="8">
        <v>1122000</v>
      </c>
      <c r="H35271" s="8">
        <v>1099560</v>
      </c>
      <c r="I35271" s="8">
        <v>44880</v>
      </c>
      <c r="J35271" s="8">
        <v>1077120</v>
      </c>
      <c r="K35271" s="9"/>
      <c r="L35271" s="6"/>
    </row>
    <row r="35272" spans="1:12">
      <c r="A35272" s="6" t="s">
        <v>35296</v>
      </c>
      <c r="B35272" s="6"/>
      <c r="C35272" s="6" t="s">
        <v>32230</v>
      </c>
      <c r="D35272" s="6"/>
      <c r="E35272" s="6" t="s">
        <v>9</v>
      </c>
      <c r="F35272" s="7">
        <v>30861</v>
      </c>
      <c r="G35272" s="8">
        <v>13262400</v>
      </c>
      <c r="H35272" s="8">
        <v>3713472</v>
      </c>
      <c r="I35272" s="8">
        <v>9814176</v>
      </c>
      <c r="J35272" s="8">
        <v>3448224</v>
      </c>
      <c r="K35272" s="9"/>
      <c r="L35272" s="6"/>
    </row>
    <row r="35273" spans="1:12">
      <c r="A35273" s="6" t="s">
        <v>35297</v>
      </c>
      <c r="B35273" s="6"/>
      <c r="C35273" s="6" t="s">
        <v>32230</v>
      </c>
      <c r="D35273" s="6"/>
      <c r="E35273" s="6" t="s">
        <v>9</v>
      </c>
      <c r="F35273" s="7">
        <v>31226</v>
      </c>
      <c r="G35273" s="8">
        <v>22696200</v>
      </c>
      <c r="H35273" s="8">
        <v>6808860</v>
      </c>
      <c r="I35273" s="8">
        <v>16341264</v>
      </c>
      <c r="J35273" s="8">
        <v>6354936</v>
      </c>
      <c r="K35273" s="9"/>
      <c r="L35273" s="6"/>
    </row>
    <row r="35274" spans="1:12">
      <c r="A35274" s="6" t="s">
        <v>35298</v>
      </c>
      <c r="B35274" s="6"/>
      <c r="C35274" s="6" t="s">
        <v>32230</v>
      </c>
      <c r="D35274" s="6"/>
      <c r="E35274" s="6" t="s">
        <v>9</v>
      </c>
      <c r="F35274" s="7">
        <v>31226</v>
      </c>
      <c r="G35274" s="8">
        <v>3653100</v>
      </c>
      <c r="H35274" s="8">
        <v>1095930</v>
      </c>
      <c r="I35274" s="8">
        <v>2630232</v>
      </c>
      <c r="J35274" s="8">
        <v>1022868</v>
      </c>
      <c r="K35274" s="9"/>
      <c r="L35274" s="6"/>
    </row>
    <row r="35275" spans="1:12">
      <c r="A35275" s="6" t="s">
        <v>33185</v>
      </c>
      <c r="B35275" s="6"/>
      <c r="C35275" s="6" t="s">
        <v>32230</v>
      </c>
      <c r="D35275" s="6"/>
      <c r="E35275" s="6" t="s">
        <v>9</v>
      </c>
      <c r="F35275" s="7">
        <v>31503</v>
      </c>
      <c r="G35275" s="8">
        <v>12421500</v>
      </c>
      <c r="H35275" s="8">
        <v>5241890</v>
      </c>
      <c r="I35275" s="8">
        <v>7390775</v>
      </c>
      <c r="J35275" s="8">
        <v>5030725</v>
      </c>
      <c r="K35275" s="9"/>
      <c r="L35275" s="6"/>
    </row>
    <row r="35276" spans="1:12">
      <c r="A35276" s="6" t="s">
        <v>35299</v>
      </c>
      <c r="B35276" s="6"/>
      <c r="C35276" s="6" t="s">
        <v>32230</v>
      </c>
      <c r="D35276" s="6"/>
      <c r="E35276" s="6" t="s">
        <v>9</v>
      </c>
      <c r="F35276" s="7">
        <v>31587</v>
      </c>
      <c r="G35276" s="8">
        <v>2370600</v>
      </c>
      <c r="H35276" s="8">
        <v>758592</v>
      </c>
      <c r="I35276" s="8">
        <v>1659420</v>
      </c>
      <c r="J35276" s="8">
        <v>711180</v>
      </c>
      <c r="K35276" s="9"/>
      <c r="L35276" s="6"/>
    </row>
    <row r="35277" spans="1:12">
      <c r="A35277" s="6" t="s">
        <v>33185</v>
      </c>
      <c r="B35277" s="6"/>
      <c r="C35277" s="6" t="s">
        <v>32230</v>
      </c>
      <c r="D35277" s="6"/>
      <c r="E35277" s="6" t="s">
        <v>9</v>
      </c>
      <c r="F35277" s="7"/>
      <c r="G35277" s="8">
        <v>1</v>
      </c>
      <c r="H35277" s="8">
        <v>1</v>
      </c>
      <c r="I35277" s="8">
        <v>0</v>
      </c>
      <c r="J35277" s="8">
        <v>1</v>
      </c>
      <c r="K35277" s="9"/>
      <c r="L35277" s="6"/>
    </row>
    <row r="35278" spans="1:12">
      <c r="A35278" s="6" t="s">
        <v>35300</v>
      </c>
      <c r="B35278" s="6"/>
      <c r="C35278" s="6" t="s">
        <v>32230</v>
      </c>
      <c r="D35278" s="6"/>
      <c r="E35278" s="6" t="s">
        <v>9</v>
      </c>
      <c r="F35278" s="7">
        <v>31587</v>
      </c>
      <c r="G35278" s="8">
        <v>3990600</v>
      </c>
      <c r="H35278" s="8">
        <v>1276992</v>
      </c>
      <c r="I35278" s="8">
        <v>2793420</v>
      </c>
      <c r="J35278" s="8">
        <v>1197180</v>
      </c>
      <c r="K35278" s="9"/>
      <c r="L35278" s="6"/>
    </row>
    <row r="35279" spans="1:12">
      <c r="A35279" s="6" t="s">
        <v>35301</v>
      </c>
      <c r="B35279" s="6"/>
      <c r="C35279" s="6" t="s">
        <v>32230</v>
      </c>
      <c r="D35279" s="6"/>
      <c r="E35279" s="6" t="s">
        <v>9</v>
      </c>
      <c r="F35279" s="7">
        <v>31587</v>
      </c>
      <c r="G35279" s="8">
        <v>7767900</v>
      </c>
      <c r="H35279" s="8">
        <v>2485728</v>
      </c>
      <c r="I35279" s="8">
        <v>5437530</v>
      </c>
      <c r="J35279" s="8">
        <v>2330370</v>
      </c>
      <c r="K35279" s="9"/>
      <c r="L35279" s="6"/>
    </row>
    <row r="35280" spans="1:12">
      <c r="A35280" s="6" t="s">
        <v>35302</v>
      </c>
      <c r="B35280" s="6"/>
      <c r="C35280" s="6" t="s">
        <v>32230</v>
      </c>
      <c r="D35280" s="6"/>
      <c r="E35280" s="6" t="s">
        <v>9</v>
      </c>
      <c r="F35280" s="7">
        <v>31952</v>
      </c>
      <c r="G35280" s="8">
        <v>27766800</v>
      </c>
      <c r="H35280" s="8">
        <v>9440712</v>
      </c>
      <c r="I35280" s="8">
        <v>18881424</v>
      </c>
      <c r="J35280" s="8">
        <v>8885376</v>
      </c>
      <c r="K35280" s="9"/>
      <c r="L35280" s="6"/>
    </row>
    <row r="35281" spans="1:12">
      <c r="A35281" s="6" t="s">
        <v>35303</v>
      </c>
      <c r="B35281" s="6"/>
      <c r="C35281" s="6" t="s">
        <v>32230</v>
      </c>
      <c r="D35281" s="6"/>
      <c r="E35281" s="6"/>
      <c r="F35281" s="7"/>
      <c r="G35281" s="8">
        <v>2002000</v>
      </c>
      <c r="H35281" s="8">
        <v>2002000</v>
      </c>
      <c r="I35281" s="8">
        <v>40040</v>
      </c>
      <c r="J35281" s="8">
        <v>1961960</v>
      </c>
      <c r="K35281" s="9"/>
      <c r="L35281" s="6"/>
    </row>
    <row r="35282" spans="1:12">
      <c r="A35282" s="6" t="s">
        <v>35303</v>
      </c>
      <c r="B35282" s="6"/>
      <c r="C35282" s="6" t="s">
        <v>32230</v>
      </c>
      <c r="D35282" s="6"/>
      <c r="E35282" s="6" t="s">
        <v>9</v>
      </c>
      <c r="F35282" s="7">
        <v>33786</v>
      </c>
      <c r="G35282" s="8">
        <v>48128000</v>
      </c>
      <c r="H35282" s="8">
        <v>21176320</v>
      </c>
      <c r="I35282" s="8">
        <v>27914240</v>
      </c>
      <c r="J35282" s="8">
        <v>20213760</v>
      </c>
      <c r="K35282" s="9"/>
      <c r="L35282" s="6"/>
    </row>
    <row r="35283" spans="1:12">
      <c r="A35283" s="6" t="s">
        <v>35304</v>
      </c>
      <c r="B35283" s="6"/>
      <c r="C35283" s="6" t="s">
        <v>32230</v>
      </c>
      <c r="D35283" s="6"/>
      <c r="E35283" s="6" t="s">
        <v>9</v>
      </c>
      <c r="F35283" s="7">
        <v>32686</v>
      </c>
      <c r="G35283" s="8">
        <v>1305300</v>
      </c>
      <c r="H35283" s="8">
        <v>496014</v>
      </c>
      <c r="I35283" s="8">
        <v>835392</v>
      </c>
      <c r="J35283" s="8">
        <v>469908</v>
      </c>
      <c r="K35283" s="9"/>
      <c r="L35283" s="6"/>
    </row>
    <row r="35284" spans="1:12">
      <c r="A35284" s="6" t="s">
        <v>35305</v>
      </c>
      <c r="B35284" s="6"/>
      <c r="C35284" s="6" t="s">
        <v>32230</v>
      </c>
      <c r="D35284" s="6"/>
      <c r="E35284" s="6" t="s">
        <v>9</v>
      </c>
      <c r="F35284" s="7">
        <v>33420</v>
      </c>
      <c r="G35284" s="8">
        <v>6723000</v>
      </c>
      <c r="H35284" s="8">
        <v>2823660</v>
      </c>
      <c r="I35284" s="8">
        <v>4033800</v>
      </c>
      <c r="J35284" s="8">
        <v>2689200</v>
      </c>
      <c r="K35284" s="9"/>
      <c r="L35284" s="6"/>
    </row>
    <row r="35285" spans="1:12">
      <c r="A35285" s="6" t="s">
        <v>35306</v>
      </c>
      <c r="B35285" s="6"/>
      <c r="C35285" s="6" t="s">
        <v>32230</v>
      </c>
      <c r="D35285" s="6"/>
      <c r="E35285" s="6" t="s">
        <v>9</v>
      </c>
      <c r="F35285" s="7">
        <v>33420</v>
      </c>
      <c r="G35285" s="8">
        <v>1417500</v>
      </c>
      <c r="H35285" s="8">
        <v>595350</v>
      </c>
      <c r="I35285" s="8">
        <v>850500</v>
      </c>
      <c r="J35285" s="8">
        <v>567000</v>
      </c>
      <c r="K35285" s="9"/>
      <c r="L35285" s="6"/>
    </row>
    <row r="35286" spans="1:12">
      <c r="A35286" s="6" t="s">
        <v>35307</v>
      </c>
      <c r="B35286" s="6"/>
      <c r="C35286" s="6" t="s">
        <v>32230</v>
      </c>
      <c r="D35286" s="6"/>
      <c r="E35286" s="6" t="s">
        <v>9</v>
      </c>
      <c r="F35286" s="7">
        <v>33833</v>
      </c>
      <c r="G35286" s="8">
        <v>10932300</v>
      </c>
      <c r="H35286" s="8">
        <v>4810212</v>
      </c>
      <c r="I35286" s="8">
        <v>6340734</v>
      </c>
      <c r="J35286" s="8">
        <v>4591566</v>
      </c>
      <c r="K35286" s="9"/>
      <c r="L35286" s="6"/>
    </row>
    <row r="35287" spans="1:12">
      <c r="A35287" s="6" t="s">
        <v>35308</v>
      </c>
      <c r="B35287" s="6"/>
      <c r="C35287" s="6" t="s">
        <v>32230</v>
      </c>
      <c r="D35287" s="6"/>
      <c r="E35287" s="6" t="s">
        <v>9</v>
      </c>
      <c r="F35287" s="7">
        <v>34366</v>
      </c>
      <c r="G35287" s="8">
        <v>14958000</v>
      </c>
      <c r="H35287" s="8">
        <v>6880680</v>
      </c>
      <c r="I35287" s="8">
        <v>8376480</v>
      </c>
      <c r="J35287" s="8">
        <v>6581520</v>
      </c>
      <c r="K35287" s="9"/>
      <c r="L35287" s="6"/>
    </row>
    <row r="35288" spans="1:12">
      <c r="A35288" s="6" t="s">
        <v>35309</v>
      </c>
      <c r="B35288" s="6"/>
      <c r="C35288" s="6" t="s">
        <v>32230</v>
      </c>
      <c r="D35288" s="6"/>
      <c r="E35288" s="6" t="s">
        <v>9</v>
      </c>
      <c r="F35288" s="7">
        <v>34366</v>
      </c>
      <c r="G35288" s="8">
        <v>7605900</v>
      </c>
      <c r="H35288" s="8">
        <v>3498714</v>
      </c>
      <c r="I35288" s="8">
        <v>4259304</v>
      </c>
      <c r="J35288" s="8">
        <v>3346596</v>
      </c>
      <c r="K35288" s="9"/>
      <c r="L35288" s="6"/>
    </row>
    <row r="35289" spans="1:12">
      <c r="A35289" s="6" t="s">
        <v>35310</v>
      </c>
      <c r="B35289" s="6"/>
      <c r="C35289" s="6" t="s">
        <v>32230</v>
      </c>
      <c r="D35289" s="6"/>
      <c r="E35289" s="6" t="s">
        <v>9</v>
      </c>
      <c r="F35289" s="7">
        <v>34758</v>
      </c>
      <c r="G35289" s="8">
        <v>18160200</v>
      </c>
      <c r="H35289" s="8">
        <v>8716896</v>
      </c>
      <c r="I35289" s="8">
        <v>9806508</v>
      </c>
      <c r="J35289" s="8">
        <v>8353692</v>
      </c>
      <c r="K35289" s="9"/>
      <c r="L35289" s="6"/>
    </row>
    <row r="35290" spans="1:12">
      <c r="A35290" s="6" t="s">
        <v>35311</v>
      </c>
      <c r="B35290" s="6"/>
      <c r="C35290" s="6" t="s">
        <v>32230</v>
      </c>
      <c r="D35290" s="6"/>
      <c r="E35290" s="6" t="s">
        <v>9</v>
      </c>
      <c r="F35290" s="7">
        <v>34758</v>
      </c>
      <c r="G35290" s="8">
        <v>16524000</v>
      </c>
      <c r="H35290" s="8">
        <v>7931520</v>
      </c>
      <c r="I35290" s="8">
        <v>8922960</v>
      </c>
      <c r="J35290" s="8">
        <v>7601040</v>
      </c>
      <c r="K35290" s="9"/>
      <c r="L35290" s="6"/>
    </row>
    <row r="35291" spans="1:12">
      <c r="A35291" s="6" t="s">
        <v>35312</v>
      </c>
      <c r="B35291" s="6"/>
      <c r="C35291" s="6" t="s">
        <v>32230</v>
      </c>
      <c r="D35291" s="6"/>
      <c r="E35291" s="6" t="s">
        <v>9</v>
      </c>
      <c r="F35291" s="7">
        <v>34758</v>
      </c>
      <c r="G35291" s="8">
        <v>16167600</v>
      </c>
      <c r="H35291" s="8">
        <v>7760448</v>
      </c>
      <c r="I35291" s="8">
        <v>8730504</v>
      </c>
      <c r="J35291" s="8">
        <v>7437096</v>
      </c>
      <c r="K35291" s="9"/>
      <c r="L35291" s="6"/>
    </row>
    <row r="35292" spans="1:12">
      <c r="A35292" s="6" t="s">
        <v>35313</v>
      </c>
      <c r="B35292" s="6"/>
      <c r="C35292" s="6" t="s">
        <v>32230</v>
      </c>
      <c r="D35292" s="6"/>
      <c r="E35292" s="6" t="s">
        <v>9</v>
      </c>
      <c r="F35292" s="7">
        <v>35153</v>
      </c>
      <c r="G35292" s="8">
        <v>44469000</v>
      </c>
      <c r="H35292" s="8">
        <v>22234500</v>
      </c>
      <c r="I35292" s="8">
        <v>23123880</v>
      </c>
      <c r="J35292" s="8">
        <v>21345120</v>
      </c>
      <c r="K35292" s="9"/>
      <c r="L35292" s="6"/>
    </row>
    <row r="35293" spans="1:12">
      <c r="A35293" s="6" t="s">
        <v>35314</v>
      </c>
      <c r="B35293" s="6"/>
      <c r="C35293" s="6" t="s">
        <v>32230</v>
      </c>
      <c r="D35293" s="6"/>
      <c r="E35293" s="6" t="s">
        <v>9</v>
      </c>
      <c r="F35293" s="7">
        <v>35153</v>
      </c>
      <c r="G35293" s="8">
        <v>4455000</v>
      </c>
      <c r="H35293" s="8">
        <v>2227500</v>
      </c>
      <c r="I35293" s="8">
        <v>2316600</v>
      </c>
      <c r="J35293" s="8">
        <v>2138400</v>
      </c>
      <c r="K35293" s="9"/>
      <c r="L35293" s="6"/>
    </row>
    <row r="35294" spans="1:12">
      <c r="A35294" s="6" t="s">
        <v>35315</v>
      </c>
      <c r="B35294" s="6"/>
      <c r="C35294" s="6" t="s">
        <v>32230</v>
      </c>
      <c r="D35294" s="6"/>
      <c r="E35294" s="6" t="s">
        <v>9</v>
      </c>
      <c r="F35294" s="7">
        <v>35244</v>
      </c>
      <c r="G35294" s="8">
        <v>2565000</v>
      </c>
      <c r="H35294" s="8">
        <v>1333800</v>
      </c>
      <c r="I35294" s="8">
        <v>1282500</v>
      </c>
      <c r="J35294" s="8">
        <v>1282500</v>
      </c>
      <c r="K35294" s="9"/>
      <c r="L35294" s="6"/>
    </row>
    <row r="35295" spans="1:12">
      <c r="A35295" s="6" t="s">
        <v>35316</v>
      </c>
      <c r="B35295" s="6"/>
      <c r="C35295" s="6" t="s">
        <v>32230</v>
      </c>
      <c r="D35295" s="6"/>
      <c r="E35295" s="6" t="s">
        <v>9</v>
      </c>
      <c r="F35295" s="7">
        <v>35244</v>
      </c>
      <c r="G35295" s="8">
        <v>18994500</v>
      </c>
      <c r="H35295" s="8">
        <v>9877140</v>
      </c>
      <c r="I35295" s="8">
        <v>9497250</v>
      </c>
      <c r="J35295" s="8">
        <v>9497250</v>
      </c>
      <c r="K35295" s="9"/>
      <c r="L35295" s="6"/>
    </row>
    <row r="35296" spans="1:12">
      <c r="A35296" s="6" t="s">
        <v>35317</v>
      </c>
      <c r="B35296" s="6"/>
      <c r="C35296" s="6" t="s">
        <v>32230</v>
      </c>
      <c r="D35296" s="6"/>
      <c r="E35296" s="6" t="s">
        <v>9</v>
      </c>
      <c r="F35296" s="7">
        <v>35611</v>
      </c>
      <c r="G35296" s="8">
        <v>5767200</v>
      </c>
      <c r="H35296" s="8">
        <v>3114288</v>
      </c>
      <c r="I35296" s="8">
        <v>2768256</v>
      </c>
      <c r="J35296" s="8">
        <v>2998944</v>
      </c>
      <c r="K35296" s="9"/>
      <c r="L35296" s="6"/>
    </row>
    <row r="35297" spans="1:12">
      <c r="A35297" s="6" t="s">
        <v>35318</v>
      </c>
      <c r="B35297" s="6"/>
      <c r="C35297" s="6" t="s">
        <v>32230</v>
      </c>
      <c r="D35297" s="6"/>
      <c r="E35297" s="6" t="s">
        <v>9</v>
      </c>
      <c r="F35297" s="7">
        <v>35611</v>
      </c>
      <c r="G35297" s="8">
        <v>4374000</v>
      </c>
      <c r="H35297" s="8">
        <v>2361960</v>
      </c>
      <c r="I35297" s="8">
        <v>2099520</v>
      </c>
      <c r="J35297" s="8">
        <v>2274480</v>
      </c>
      <c r="K35297" s="9"/>
      <c r="L35297" s="6"/>
    </row>
    <row r="35298" spans="1:12">
      <c r="A35298" s="6" t="s">
        <v>35319</v>
      </c>
      <c r="B35298" s="6"/>
      <c r="C35298" s="6" t="s">
        <v>32230</v>
      </c>
      <c r="D35298" s="6"/>
      <c r="E35298" s="6" t="s">
        <v>9</v>
      </c>
      <c r="F35298" s="7">
        <v>35611</v>
      </c>
      <c r="G35298" s="8">
        <v>7792200</v>
      </c>
      <c r="H35298" s="8">
        <v>4207788</v>
      </c>
      <c r="I35298" s="8">
        <v>3740256</v>
      </c>
      <c r="J35298" s="8">
        <v>4051944</v>
      </c>
      <c r="K35298" s="9"/>
      <c r="L35298" s="6"/>
    </row>
    <row r="35299" spans="1:12">
      <c r="A35299" s="6" t="s">
        <v>35320</v>
      </c>
      <c r="B35299" s="6"/>
      <c r="C35299" s="6" t="s">
        <v>32230</v>
      </c>
      <c r="D35299" s="6"/>
      <c r="E35299" s="6" t="s">
        <v>9</v>
      </c>
      <c r="F35299" s="7">
        <v>35611</v>
      </c>
      <c r="G35299" s="8">
        <v>4422600</v>
      </c>
      <c r="H35299" s="8">
        <v>2388204</v>
      </c>
      <c r="I35299" s="8">
        <v>2122848</v>
      </c>
      <c r="J35299" s="8">
        <v>2299752</v>
      </c>
      <c r="K35299" s="9"/>
      <c r="L35299" s="6"/>
    </row>
    <row r="35300" spans="1:12">
      <c r="A35300" s="6" t="s">
        <v>35321</v>
      </c>
      <c r="B35300" s="6"/>
      <c r="C35300" s="6" t="s">
        <v>32230</v>
      </c>
      <c r="D35300" s="6"/>
      <c r="E35300" s="6" t="s">
        <v>9</v>
      </c>
      <c r="F35300" s="7">
        <v>35855</v>
      </c>
      <c r="G35300" s="8">
        <v>52595200</v>
      </c>
      <c r="H35300" s="8">
        <v>28401408</v>
      </c>
      <c r="I35300" s="8">
        <v>25245696</v>
      </c>
      <c r="J35300" s="8">
        <v>27349504</v>
      </c>
      <c r="K35300" s="9"/>
      <c r="L35300" s="6"/>
    </row>
    <row r="35301" spans="1:12">
      <c r="A35301" s="6" t="s">
        <v>35322</v>
      </c>
      <c r="B35301" s="6"/>
      <c r="C35301" s="6" t="s">
        <v>32230</v>
      </c>
      <c r="D35301" s="6"/>
      <c r="E35301" s="6" t="s">
        <v>9</v>
      </c>
      <c r="F35301" s="7">
        <v>35977</v>
      </c>
      <c r="G35301" s="8">
        <v>12295800</v>
      </c>
      <c r="H35301" s="8">
        <v>6885648</v>
      </c>
      <c r="I35301" s="8">
        <v>5656068</v>
      </c>
      <c r="J35301" s="8">
        <v>6639732</v>
      </c>
      <c r="K35301" s="9"/>
      <c r="L35301" s="6"/>
    </row>
    <row r="35302" spans="1:12">
      <c r="A35302" s="6" t="s">
        <v>35323</v>
      </c>
      <c r="B35302" s="6"/>
      <c r="C35302" s="6" t="s">
        <v>32230</v>
      </c>
      <c r="D35302" s="6"/>
      <c r="E35302" s="6" t="s">
        <v>9</v>
      </c>
      <c r="F35302" s="7">
        <v>36697</v>
      </c>
      <c r="G35302" s="8">
        <v>20088000</v>
      </c>
      <c r="H35302" s="8">
        <v>12052800</v>
      </c>
      <c r="I35302" s="8">
        <v>8436960</v>
      </c>
      <c r="J35302" s="8">
        <v>11651040</v>
      </c>
      <c r="K35302" s="9"/>
      <c r="L35302" s="6"/>
    </row>
    <row r="35303" spans="1:12">
      <c r="A35303" s="6" t="s">
        <v>35324</v>
      </c>
      <c r="B35303" s="6"/>
      <c r="C35303" s="6" t="s">
        <v>32230</v>
      </c>
      <c r="D35303" s="6"/>
      <c r="E35303" s="6" t="s">
        <v>9</v>
      </c>
      <c r="F35303" s="7">
        <v>37432</v>
      </c>
      <c r="G35303" s="8">
        <v>4514400</v>
      </c>
      <c r="H35303" s="8">
        <v>2889216</v>
      </c>
      <c r="I35303" s="8">
        <v>1715472</v>
      </c>
      <c r="J35303" s="8">
        <v>2798928</v>
      </c>
      <c r="K35303" s="9"/>
      <c r="L35303" s="6"/>
    </row>
    <row r="35304" spans="1:12">
      <c r="A35304" s="6" t="s">
        <v>35325</v>
      </c>
      <c r="B35304" s="6"/>
      <c r="C35304" s="6" t="s">
        <v>32230</v>
      </c>
      <c r="D35304" s="6"/>
      <c r="E35304" s="6" t="s">
        <v>9</v>
      </c>
      <c r="F35304" s="7">
        <v>38169</v>
      </c>
      <c r="G35304" s="8">
        <v>4182300</v>
      </c>
      <c r="H35304" s="8">
        <v>2843964</v>
      </c>
      <c r="I35304" s="8">
        <v>1421982</v>
      </c>
      <c r="J35304" s="8">
        <v>2760318</v>
      </c>
      <c r="K35304" s="9"/>
      <c r="L35304" s="6"/>
    </row>
    <row r="35305" spans="1:12">
      <c r="A35305" s="6" t="s">
        <v>35326</v>
      </c>
      <c r="B35305" s="6"/>
      <c r="C35305" s="6" t="s">
        <v>32230</v>
      </c>
      <c r="D35305" s="6"/>
      <c r="E35305" s="6" t="s">
        <v>9</v>
      </c>
      <c r="F35305" s="7">
        <v>38169</v>
      </c>
      <c r="G35305" s="8">
        <v>1652400</v>
      </c>
      <c r="H35305" s="8">
        <v>1123632</v>
      </c>
      <c r="I35305" s="8">
        <v>561816</v>
      </c>
      <c r="J35305" s="8">
        <v>1090584</v>
      </c>
      <c r="K35305" s="9"/>
      <c r="L35305" s="6"/>
    </row>
    <row r="35306" spans="1:12">
      <c r="A35306" s="6" t="s">
        <v>35327</v>
      </c>
      <c r="B35306" s="6"/>
      <c r="C35306" s="6" t="s">
        <v>32230</v>
      </c>
      <c r="D35306" s="6"/>
      <c r="E35306" s="6" t="s">
        <v>9</v>
      </c>
      <c r="F35306" s="7">
        <v>38169</v>
      </c>
      <c r="G35306" s="8">
        <v>1235000</v>
      </c>
      <c r="H35306" s="8">
        <v>839800</v>
      </c>
      <c r="I35306" s="8">
        <v>419900</v>
      </c>
      <c r="J35306" s="8">
        <v>815100</v>
      </c>
      <c r="K35306" s="9"/>
      <c r="L35306" s="6"/>
    </row>
    <row r="35307" spans="1:12">
      <c r="A35307" s="6" t="s">
        <v>35328</v>
      </c>
      <c r="B35307" s="6"/>
      <c r="C35307" s="6" t="s">
        <v>32230</v>
      </c>
      <c r="D35307" s="6"/>
      <c r="E35307" s="6" t="s">
        <v>9</v>
      </c>
      <c r="F35307" s="7">
        <v>30270</v>
      </c>
      <c r="G35307" s="8">
        <v>9609300</v>
      </c>
      <c r="H35307" s="8">
        <v>2306232</v>
      </c>
      <c r="I35307" s="8">
        <v>7495254</v>
      </c>
      <c r="J35307" s="8">
        <v>2114046</v>
      </c>
      <c r="K35307" s="9"/>
      <c r="L35307" s="6"/>
    </row>
    <row r="35308" spans="1:12">
      <c r="A35308" s="6" t="s">
        <v>35329</v>
      </c>
      <c r="B35308" s="6"/>
      <c r="C35308" s="6" t="s">
        <v>32230</v>
      </c>
      <c r="D35308" s="6"/>
      <c r="E35308" s="6" t="s">
        <v>9</v>
      </c>
      <c r="F35308" s="7">
        <v>30270</v>
      </c>
      <c r="G35308" s="8">
        <v>49021200</v>
      </c>
      <c r="H35308" s="8">
        <v>11765088</v>
      </c>
      <c r="I35308" s="8">
        <v>38236536</v>
      </c>
      <c r="J35308" s="8">
        <v>10784664</v>
      </c>
      <c r="K35308" s="9"/>
      <c r="L35308" s="6"/>
    </row>
    <row r="35309" spans="1:12">
      <c r="A35309" s="6" t="s">
        <v>33185</v>
      </c>
      <c r="B35309" s="6"/>
      <c r="C35309" s="6" t="s">
        <v>32230</v>
      </c>
      <c r="D35309" s="6"/>
      <c r="E35309" s="6" t="s">
        <v>9</v>
      </c>
      <c r="F35309" s="7"/>
      <c r="G35309" s="8">
        <v>1</v>
      </c>
      <c r="H35309" s="8">
        <v>1</v>
      </c>
      <c r="I35309" s="8">
        <v>0</v>
      </c>
      <c r="J35309" s="8">
        <v>1</v>
      </c>
      <c r="K35309" s="9"/>
      <c r="L35309" s="6"/>
    </row>
    <row r="35310" spans="1:12">
      <c r="A35310" s="6" t="s">
        <v>35330</v>
      </c>
      <c r="B35310" s="6"/>
      <c r="C35310" s="6" t="s">
        <v>32230</v>
      </c>
      <c r="D35310" s="6"/>
      <c r="E35310" s="6"/>
      <c r="F35310" s="7">
        <v>43922</v>
      </c>
      <c r="G35310" s="8">
        <v>1089000</v>
      </c>
      <c r="H35310" s="8">
        <v>1089000</v>
      </c>
      <c r="I35310" s="8">
        <v>21780</v>
      </c>
      <c r="J35310" s="8">
        <v>1067220</v>
      </c>
      <c r="K35310" s="9"/>
      <c r="L35310" s="6"/>
    </row>
    <row r="35311" spans="1:12">
      <c r="A35311" s="6" t="s">
        <v>35330</v>
      </c>
      <c r="B35311" s="6"/>
      <c r="C35311" s="6" t="s">
        <v>32230</v>
      </c>
      <c r="D35311" s="6"/>
      <c r="E35311" s="6" t="s">
        <v>9</v>
      </c>
      <c r="F35311" s="7">
        <v>30270</v>
      </c>
      <c r="G35311" s="8">
        <v>179220600</v>
      </c>
      <c r="H35311" s="8">
        <v>43012944</v>
      </c>
      <c r="I35311" s="8">
        <v>139792068</v>
      </c>
      <c r="J35311" s="8">
        <v>39428532</v>
      </c>
      <c r="K35311" s="9"/>
      <c r="L35311" s="6"/>
    </row>
    <row r="35312" spans="1:12">
      <c r="A35312" s="6" t="s">
        <v>35331</v>
      </c>
      <c r="B35312" s="6"/>
      <c r="C35312" s="6" t="s">
        <v>32230</v>
      </c>
      <c r="D35312" s="6"/>
      <c r="E35312" s="6" t="s">
        <v>9</v>
      </c>
      <c r="F35312" s="7">
        <v>31503</v>
      </c>
      <c r="G35312" s="8">
        <v>9369360</v>
      </c>
      <c r="H35312" s="8">
        <v>3953874</v>
      </c>
      <c r="I35312" s="8">
        <v>5574765</v>
      </c>
      <c r="J35312" s="8">
        <v>3794595</v>
      </c>
      <c r="K35312" s="9"/>
      <c r="L35312" s="6"/>
    </row>
    <row r="35313" spans="1:12">
      <c r="A35313" s="6" t="s">
        <v>35332</v>
      </c>
      <c r="B35313" s="6"/>
      <c r="C35313" s="6" t="s">
        <v>32230</v>
      </c>
      <c r="D35313" s="6"/>
      <c r="E35313" s="6" t="s">
        <v>9</v>
      </c>
      <c r="F35313" s="7">
        <v>42333</v>
      </c>
      <c r="G35313" s="8">
        <v>1263600</v>
      </c>
      <c r="H35313" s="8">
        <v>1137240</v>
      </c>
      <c r="I35313" s="8">
        <v>151632</v>
      </c>
      <c r="J35313" s="8">
        <v>1111968</v>
      </c>
      <c r="K35313" s="9"/>
      <c r="L35313" s="6"/>
    </row>
    <row r="35314" spans="1:12">
      <c r="A35314" s="6" t="s">
        <v>35333</v>
      </c>
      <c r="B35314" s="6"/>
      <c r="C35314" s="6" t="s">
        <v>32230</v>
      </c>
      <c r="D35314" s="6"/>
      <c r="E35314" s="6" t="s">
        <v>9</v>
      </c>
      <c r="F35314" s="7">
        <v>42625</v>
      </c>
      <c r="G35314" s="8">
        <v>1258200</v>
      </c>
      <c r="H35314" s="8">
        <v>921004</v>
      </c>
      <c r="I35314" s="8">
        <v>421495</v>
      </c>
      <c r="J35314" s="8">
        <v>836705</v>
      </c>
      <c r="K35314" s="9"/>
      <c r="L35314" s="6"/>
    </row>
    <row r="35315" spans="1:12">
      <c r="A35315" s="6" t="s">
        <v>35334</v>
      </c>
      <c r="B35315" s="6"/>
      <c r="C35315" s="6" t="s">
        <v>32230</v>
      </c>
      <c r="D35315" s="6"/>
      <c r="E35315" s="6" t="s">
        <v>9</v>
      </c>
      <c r="F35315" s="7">
        <v>42978</v>
      </c>
      <c r="G35315" s="8">
        <v>1080000</v>
      </c>
      <c r="H35315" s="8">
        <v>862920</v>
      </c>
      <c r="I35315" s="8">
        <v>289440</v>
      </c>
      <c r="J35315" s="8">
        <v>790560</v>
      </c>
      <c r="K35315" s="9"/>
      <c r="L35315" s="6"/>
    </row>
    <row r="35316" spans="1:12">
      <c r="A35316" s="6" t="s">
        <v>32992</v>
      </c>
      <c r="B35316" s="6"/>
      <c r="C35316" s="6" t="s">
        <v>32230</v>
      </c>
      <c r="D35316" s="6"/>
      <c r="E35316" s="6" t="s">
        <v>9</v>
      </c>
      <c r="F35316" s="7">
        <v>43738</v>
      </c>
      <c r="G35316" s="8">
        <v>928800</v>
      </c>
      <c r="H35316" s="8">
        <v>866571</v>
      </c>
      <c r="I35316" s="8">
        <v>124458</v>
      </c>
      <c r="J35316" s="8">
        <v>804342</v>
      </c>
      <c r="K35316" s="9"/>
      <c r="L35316" s="6"/>
    </row>
    <row r="35317" spans="1:12">
      <c r="A35317" s="6" t="s">
        <v>35335</v>
      </c>
      <c r="B35317" s="6"/>
      <c r="C35317" s="6" t="s">
        <v>32230</v>
      </c>
      <c r="D35317" s="6"/>
      <c r="E35317" s="6" t="s">
        <v>9</v>
      </c>
      <c r="F35317" s="7">
        <v>43748</v>
      </c>
      <c r="G35317" s="8">
        <v>1026000</v>
      </c>
      <c r="H35317" s="8">
        <v>957258</v>
      </c>
      <c r="I35317" s="8">
        <v>137484</v>
      </c>
      <c r="J35317" s="8">
        <v>888516</v>
      </c>
      <c r="K35317" s="9"/>
      <c r="L35317" s="6"/>
    </row>
    <row r="35318" spans="1:12">
      <c r="A35318" s="6" t="s">
        <v>35336</v>
      </c>
      <c r="B35318" s="6"/>
      <c r="C35318" s="6" t="s">
        <v>32230</v>
      </c>
      <c r="D35318" s="6"/>
      <c r="E35318" s="6" t="s">
        <v>9</v>
      </c>
      <c r="F35318" s="7">
        <v>30270</v>
      </c>
      <c r="G35318" s="8">
        <v>8488800</v>
      </c>
      <c r="H35318" s="8">
        <v>2037312</v>
      </c>
      <c r="I35318" s="8">
        <v>6621264</v>
      </c>
      <c r="J35318" s="8">
        <v>1867536</v>
      </c>
      <c r="K35318" s="9"/>
      <c r="L35318" s="6"/>
    </row>
    <row r="35319" spans="1:12">
      <c r="A35319" s="6" t="s">
        <v>35337</v>
      </c>
      <c r="B35319" s="6"/>
      <c r="C35319" s="6" t="s">
        <v>32230</v>
      </c>
      <c r="D35319" s="6"/>
      <c r="E35319" s="6" t="s">
        <v>9</v>
      </c>
      <c r="F35319" s="7">
        <v>30270</v>
      </c>
      <c r="G35319" s="8">
        <v>1411700</v>
      </c>
      <c r="H35319" s="8">
        <v>338808</v>
      </c>
      <c r="I35319" s="8">
        <v>1101126</v>
      </c>
      <c r="J35319" s="8">
        <v>310574</v>
      </c>
      <c r="K35319" s="9"/>
      <c r="L35319" s="6"/>
    </row>
    <row r="35320" spans="1:12">
      <c r="A35320" s="6" t="s">
        <v>35338</v>
      </c>
      <c r="B35320" s="6"/>
      <c r="C35320" s="6" t="s">
        <v>32230</v>
      </c>
      <c r="D35320" s="6"/>
      <c r="E35320" s="6" t="s">
        <v>9</v>
      </c>
      <c r="F35320" s="7">
        <v>32686</v>
      </c>
      <c r="G35320" s="8">
        <v>24748200</v>
      </c>
      <c r="H35320" s="8">
        <v>9404316</v>
      </c>
      <c r="I35320" s="8">
        <v>15838848</v>
      </c>
      <c r="J35320" s="8">
        <v>8909352</v>
      </c>
      <c r="K35320" s="9"/>
      <c r="L35320" s="6"/>
    </row>
    <row r="35321" spans="1:12">
      <c r="A35321" s="6" t="s">
        <v>35339</v>
      </c>
      <c r="B35321" s="6"/>
      <c r="C35321" s="6" t="s">
        <v>32230</v>
      </c>
      <c r="D35321" s="6"/>
      <c r="E35321" s="6" t="s">
        <v>9</v>
      </c>
      <c r="F35321" s="7">
        <v>30270</v>
      </c>
      <c r="G35321" s="8">
        <v>62329500</v>
      </c>
      <c r="H35321" s="8">
        <v>14959080</v>
      </c>
      <c r="I35321" s="8">
        <v>48617010</v>
      </c>
      <c r="J35321" s="8">
        <v>13712490</v>
      </c>
      <c r="K35321" s="9"/>
      <c r="L35321" s="6"/>
    </row>
    <row r="35322" spans="1:12">
      <c r="A35322" s="6" t="s">
        <v>33185</v>
      </c>
      <c r="B35322" s="6"/>
      <c r="C35322" s="6" t="s">
        <v>32230</v>
      </c>
      <c r="D35322" s="6"/>
      <c r="E35322" s="6" t="s">
        <v>9</v>
      </c>
      <c r="F35322" s="7">
        <v>21641</v>
      </c>
      <c r="G35322" s="8">
        <v>7223580</v>
      </c>
      <c r="H35322" s="8">
        <v>1</v>
      </c>
      <c r="I35322" s="8">
        <v>7223579</v>
      </c>
      <c r="J35322" s="8">
        <v>1</v>
      </c>
      <c r="K35322" s="9"/>
      <c r="L35322" s="6"/>
    </row>
    <row r="35323" spans="1:12">
      <c r="A35323" s="6" t="s">
        <v>35340</v>
      </c>
      <c r="B35323" s="6"/>
      <c r="C35323" s="6" t="s">
        <v>32230</v>
      </c>
      <c r="D35323" s="6"/>
      <c r="E35323" s="6" t="s">
        <v>9</v>
      </c>
      <c r="F35323" s="7">
        <v>30270</v>
      </c>
      <c r="G35323" s="8">
        <v>10235700</v>
      </c>
      <c r="H35323" s="8">
        <v>2456568</v>
      </c>
      <c r="I35323" s="8">
        <v>7983846</v>
      </c>
      <c r="J35323" s="8">
        <v>2251854</v>
      </c>
      <c r="K35323" s="9"/>
      <c r="L35323" s="6"/>
    </row>
    <row r="35324" spans="1:12">
      <c r="A35324" s="6" t="s">
        <v>35341</v>
      </c>
      <c r="B35324" s="6"/>
      <c r="C35324" s="6" t="s">
        <v>32230</v>
      </c>
      <c r="D35324" s="6"/>
      <c r="E35324" s="6" t="s">
        <v>9</v>
      </c>
      <c r="F35324" s="7">
        <v>29299</v>
      </c>
      <c r="G35324" s="8">
        <v>22539600</v>
      </c>
      <c r="H35324" s="8">
        <v>4057128</v>
      </c>
      <c r="I35324" s="8">
        <v>18933264</v>
      </c>
      <c r="J35324" s="8">
        <v>3606336</v>
      </c>
      <c r="K35324" s="9"/>
      <c r="L35324" s="6"/>
    </row>
    <row r="35325" spans="1:12">
      <c r="A35325" s="6" t="s">
        <v>33185</v>
      </c>
      <c r="B35325" s="6"/>
      <c r="C35325" s="6" t="s">
        <v>32230</v>
      </c>
      <c r="D35325" s="6"/>
      <c r="E35325" s="6" t="s">
        <v>9</v>
      </c>
      <c r="F35325" s="7">
        <v>26024</v>
      </c>
      <c r="G35325" s="8">
        <v>5274360</v>
      </c>
      <c r="H35325" s="8">
        <v>880824</v>
      </c>
      <c r="I35325" s="8">
        <v>4483200</v>
      </c>
      <c r="J35325" s="8">
        <v>791160</v>
      </c>
      <c r="K35325" s="9"/>
      <c r="L35325" s="6"/>
    </row>
    <row r="35326" spans="1:12">
      <c r="A35326" s="6" t="s">
        <v>35342</v>
      </c>
      <c r="B35326" s="6"/>
      <c r="C35326" s="6" t="s">
        <v>32230</v>
      </c>
      <c r="D35326" s="6"/>
      <c r="E35326" s="6" t="s">
        <v>9</v>
      </c>
      <c r="F35326" s="7">
        <v>42221</v>
      </c>
      <c r="G35326" s="8">
        <v>11572520</v>
      </c>
      <c r="H35326" s="8">
        <v>10415270</v>
      </c>
      <c r="I35326" s="8">
        <v>1388700</v>
      </c>
      <c r="J35326" s="8">
        <v>10183820</v>
      </c>
      <c r="K35326" s="9"/>
      <c r="L35326" s="6"/>
    </row>
    <row r="35327" spans="1:12">
      <c r="A35327" s="6" t="s">
        <v>35343</v>
      </c>
      <c r="B35327" s="6"/>
      <c r="C35327" s="6" t="s">
        <v>32230</v>
      </c>
      <c r="D35327" s="6"/>
      <c r="E35327" s="6" t="s">
        <v>9</v>
      </c>
      <c r="F35327" s="7">
        <v>30270</v>
      </c>
      <c r="G35327" s="8">
        <v>101339100</v>
      </c>
      <c r="H35327" s="8">
        <v>24321384</v>
      </c>
      <c r="I35327" s="8">
        <v>79044498</v>
      </c>
      <c r="J35327" s="8">
        <v>22294602</v>
      </c>
      <c r="K35327" s="9"/>
      <c r="L35327" s="6"/>
    </row>
    <row r="35328" spans="1:12">
      <c r="A35328" s="6" t="s">
        <v>33185</v>
      </c>
      <c r="B35328" s="6"/>
      <c r="C35328" s="6" t="s">
        <v>32230</v>
      </c>
      <c r="D35328" s="6"/>
      <c r="E35328" s="6" t="s">
        <v>9</v>
      </c>
      <c r="F35328" s="7">
        <v>13971</v>
      </c>
      <c r="G35328" s="8">
        <v>4930380</v>
      </c>
      <c r="H35328" s="8">
        <v>1</v>
      </c>
      <c r="I35328" s="8">
        <v>4930379</v>
      </c>
      <c r="J35328" s="8">
        <v>1</v>
      </c>
      <c r="K35328" s="9"/>
      <c r="L35328" s="6"/>
    </row>
    <row r="35329" spans="1:12">
      <c r="A35329" s="6" t="s">
        <v>33185</v>
      </c>
      <c r="B35329" s="6"/>
      <c r="C35329" s="6" t="s">
        <v>32230</v>
      </c>
      <c r="D35329" s="6"/>
      <c r="E35329" s="6" t="s">
        <v>9</v>
      </c>
      <c r="F35329" s="7">
        <v>25659</v>
      </c>
      <c r="G35329" s="8">
        <v>12776400</v>
      </c>
      <c r="H35329" s="8">
        <v>1916500</v>
      </c>
      <c r="I35329" s="8">
        <v>11077098</v>
      </c>
      <c r="J35329" s="8">
        <v>1699302</v>
      </c>
      <c r="K35329" s="9"/>
      <c r="L35329" s="6"/>
    </row>
    <row r="35330" spans="1:12">
      <c r="A35330" s="6" t="s">
        <v>33185</v>
      </c>
      <c r="B35330" s="6"/>
      <c r="C35330" s="6" t="s">
        <v>32230</v>
      </c>
      <c r="D35330" s="6"/>
      <c r="E35330" s="6" t="s">
        <v>9</v>
      </c>
      <c r="F35330" s="7">
        <v>25659</v>
      </c>
      <c r="G35330" s="8">
        <v>8845200</v>
      </c>
      <c r="H35330" s="8">
        <v>1326800</v>
      </c>
      <c r="I35330" s="8">
        <v>7668768</v>
      </c>
      <c r="J35330" s="8">
        <v>1176432</v>
      </c>
      <c r="K35330" s="9"/>
      <c r="L35330" s="6"/>
    </row>
    <row r="35331" spans="1:12">
      <c r="A35331" s="6" t="s">
        <v>35344</v>
      </c>
      <c r="B35331" s="6"/>
      <c r="C35331" s="6" t="s">
        <v>32230</v>
      </c>
      <c r="D35331" s="6"/>
      <c r="E35331" s="6" t="s">
        <v>9</v>
      </c>
      <c r="F35331" s="7">
        <v>42821</v>
      </c>
      <c r="G35331" s="8">
        <v>151200</v>
      </c>
      <c r="H35331" s="8">
        <v>110680</v>
      </c>
      <c r="I35331" s="8">
        <v>50650</v>
      </c>
      <c r="J35331" s="8">
        <v>100550</v>
      </c>
      <c r="K35331" s="9"/>
      <c r="L35331" s="6"/>
    </row>
    <row r="35332" spans="1:12">
      <c r="A35332" s="6" t="s">
        <v>35345</v>
      </c>
      <c r="B35332" s="6"/>
      <c r="C35332" s="6" t="s">
        <v>32230</v>
      </c>
      <c r="D35332" s="6"/>
      <c r="E35332" s="6" t="s">
        <v>9</v>
      </c>
      <c r="F35332" s="7">
        <v>30270</v>
      </c>
      <c r="G35332" s="8">
        <v>4134400</v>
      </c>
      <c r="H35332" s="8">
        <v>992256</v>
      </c>
      <c r="I35332" s="8">
        <v>3224832</v>
      </c>
      <c r="J35332" s="8">
        <v>909568</v>
      </c>
      <c r="K35332" s="9"/>
      <c r="L35332" s="6"/>
    </row>
    <row r="35333" spans="1:12">
      <c r="A35333" s="6" t="s">
        <v>35346</v>
      </c>
      <c r="B35333" s="6"/>
      <c r="C35333" s="6" t="s">
        <v>32230</v>
      </c>
      <c r="D35333" s="6"/>
      <c r="E35333" s="6" t="s">
        <v>9</v>
      </c>
      <c r="F35333" s="7">
        <v>30270</v>
      </c>
      <c r="G35333" s="8">
        <v>5369400</v>
      </c>
      <c r="H35333" s="8">
        <v>1288656</v>
      </c>
      <c r="I35333" s="8">
        <v>4188132</v>
      </c>
      <c r="J35333" s="8">
        <v>1181268</v>
      </c>
      <c r="K35333" s="9"/>
      <c r="L35333" s="6"/>
    </row>
    <row r="35334" spans="1:12">
      <c r="A35334" s="6" t="s">
        <v>33185</v>
      </c>
      <c r="B35334" s="6"/>
      <c r="C35334" s="6" t="s">
        <v>32230</v>
      </c>
      <c r="D35334" s="6"/>
      <c r="E35334" s="6" t="s">
        <v>9</v>
      </c>
      <c r="F35334" s="7">
        <v>22007</v>
      </c>
      <c r="G35334" s="8">
        <v>5847660</v>
      </c>
      <c r="H35334" s="8">
        <v>1</v>
      </c>
      <c r="I35334" s="8">
        <v>5847659</v>
      </c>
      <c r="J35334" s="8">
        <v>1</v>
      </c>
      <c r="K35334" s="9"/>
      <c r="L35334" s="6"/>
    </row>
    <row r="35335" spans="1:12">
      <c r="A35335" s="6" t="s">
        <v>35347</v>
      </c>
      <c r="B35335" s="6"/>
      <c r="C35335" s="6" t="s">
        <v>32230</v>
      </c>
      <c r="D35335" s="6"/>
      <c r="E35335" s="6" t="s">
        <v>9</v>
      </c>
      <c r="F35335" s="7">
        <v>30270</v>
      </c>
      <c r="G35335" s="8">
        <v>5378400</v>
      </c>
      <c r="H35335" s="8">
        <v>1290816</v>
      </c>
      <c r="I35335" s="8">
        <v>4195152</v>
      </c>
      <c r="J35335" s="8">
        <v>1183248</v>
      </c>
      <c r="K35335" s="9"/>
      <c r="L35335" s="6"/>
    </row>
    <row r="35336" spans="1:12">
      <c r="A35336" s="6" t="s">
        <v>35348</v>
      </c>
      <c r="B35336" s="6"/>
      <c r="C35336" s="6" t="s">
        <v>32230</v>
      </c>
      <c r="D35336" s="6"/>
      <c r="E35336" s="6" t="s">
        <v>9</v>
      </c>
      <c r="F35336" s="7">
        <v>23833</v>
      </c>
      <c r="G35336" s="8">
        <v>7207200</v>
      </c>
      <c r="H35336" s="8">
        <v>468490</v>
      </c>
      <c r="I35336" s="8">
        <v>6861232</v>
      </c>
      <c r="J35336" s="8">
        <v>345968</v>
      </c>
      <c r="K35336" s="9"/>
      <c r="L35336" s="6"/>
    </row>
    <row r="35337" spans="1:12">
      <c r="A35337" s="6" t="s">
        <v>35349</v>
      </c>
      <c r="B35337" s="6"/>
      <c r="C35337" s="6" t="s">
        <v>32230</v>
      </c>
      <c r="D35337" s="6"/>
      <c r="E35337" s="6" t="s">
        <v>9</v>
      </c>
      <c r="F35337" s="7">
        <v>39169</v>
      </c>
      <c r="G35337" s="8">
        <v>21891600</v>
      </c>
      <c r="H35337" s="8">
        <v>15761952</v>
      </c>
      <c r="I35337" s="8">
        <v>6567480</v>
      </c>
      <c r="J35337" s="8">
        <v>15324120</v>
      </c>
      <c r="K35337" s="9"/>
      <c r="L35337" s="6"/>
    </row>
    <row r="35338" spans="1:12">
      <c r="A35338" s="6" t="s">
        <v>33185</v>
      </c>
      <c r="B35338" s="6"/>
      <c r="C35338" s="6" t="s">
        <v>32230</v>
      </c>
      <c r="D35338" s="6"/>
      <c r="E35338" s="6" t="s">
        <v>9</v>
      </c>
      <c r="F35338" s="7">
        <v>10319</v>
      </c>
      <c r="G35338" s="8">
        <v>7327320</v>
      </c>
      <c r="H35338" s="8">
        <v>1</v>
      </c>
      <c r="I35338" s="8">
        <v>7327319</v>
      </c>
      <c r="J35338" s="8">
        <v>1</v>
      </c>
      <c r="K35338" s="9"/>
      <c r="L35338" s="6"/>
    </row>
    <row r="35339" spans="1:12">
      <c r="A35339" s="6" t="s">
        <v>35350</v>
      </c>
      <c r="B35339" s="6"/>
      <c r="C35339" s="6" t="s">
        <v>32230</v>
      </c>
      <c r="D35339" s="6"/>
      <c r="E35339" s="6" t="s">
        <v>9</v>
      </c>
      <c r="F35339" s="7">
        <v>29299</v>
      </c>
      <c r="G35339" s="8">
        <v>60507000</v>
      </c>
      <c r="H35339" s="8">
        <v>10891260</v>
      </c>
      <c r="I35339" s="8">
        <v>50825880</v>
      </c>
      <c r="J35339" s="8">
        <v>9681120</v>
      </c>
      <c r="K35339" s="9"/>
      <c r="L35339" s="6"/>
    </row>
    <row r="35340" spans="1:12">
      <c r="A35340" s="6" t="s">
        <v>35351</v>
      </c>
      <c r="B35340" s="6"/>
      <c r="C35340" s="6" t="s">
        <v>32230</v>
      </c>
      <c r="D35340" s="6"/>
      <c r="E35340" s="6" t="s">
        <v>9</v>
      </c>
      <c r="F35340" s="7">
        <v>31503</v>
      </c>
      <c r="G35340" s="8">
        <v>16740360</v>
      </c>
      <c r="H35340" s="8">
        <v>7064436</v>
      </c>
      <c r="I35340" s="8">
        <v>9960510</v>
      </c>
      <c r="J35340" s="8">
        <v>6779850</v>
      </c>
      <c r="K35340" s="9"/>
      <c r="L35340" s="6"/>
    </row>
    <row r="35341" spans="1:12">
      <c r="A35341" s="6" t="s">
        <v>35352</v>
      </c>
      <c r="B35341" s="6"/>
      <c r="C35341" s="6" t="s">
        <v>32230</v>
      </c>
      <c r="D35341" s="6"/>
      <c r="E35341" s="6" t="s">
        <v>9</v>
      </c>
      <c r="F35341" s="7">
        <v>30270</v>
      </c>
      <c r="G35341" s="8">
        <v>18775800</v>
      </c>
      <c r="H35341" s="8">
        <v>4506192</v>
      </c>
      <c r="I35341" s="8">
        <v>14645124</v>
      </c>
      <c r="J35341" s="8">
        <v>4130676</v>
      </c>
      <c r="K35341" s="9"/>
      <c r="L35341" s="6"/>
    </row>
    <row r="35342" spans="1:12">
      <c r="A35342" s="6" t="s">
        <v>35353</v>
      </c>
      <c r="B35342" s="6"/>
      <c r="C35342" s="6" t="s">
        <v>32230</v>
      </c>
      <c r="D35342" s="6"/>
      <c r="E35342" s="6" t="s">
        <v>9</v>
      </c>
      <c r="F35342" s="7">
        <v>39169</v>
      </c>
      <c r="G35342" s="8">
        <v>60264000</v>
      </c>
      <c r="H35342" s="8">
        <v>43390080</v>
      </c>
      <c r="I35342" s="8">
        <v>18079200</v>
      </c>
      <c r="J35342" s="8">
        <v>42184800</v>
      </c>
      <c r="K35342" s="9"/>
      <c r="L35342" s="6"/>
    </row>
    <row r="35343" spans="1:12">
      <c r="A35343" s="6" t="s">
        <v>35354</v>
      </c>
      <c r="B35343" s="6"/>
      <c r="C35343" s="6" t="s">
        <v>32230</v>
      </c>
      <c r="D35343" s="6"/>
      <c r="E35343" s="6" t="s">
        <v>9</v>
      </c>
      <c r="F35343" s="7">
        <v>31138</v>
      </c>
      <c r="G35343" s="8">
        <v>20354880</v>
      </c>
      <c r="H35343" s="8">
        <v>8243760</v>
      </c>
      <c r="I35343" s="8">
        <v>12457152</v>
      </c>
      <c r="J35343" s="8">
        <v>7897728</v>
      </c>
      <c r="K35343" s="9"/>
      <c r="L35343" s="6"/>
    </row>
    <row r="35344" spans="1:12">
      <c r="A35344" s="6" t="s">
        <v>33185</v>
      </c>
      <c r="B35344" s="6"/>
      <c r="C35344" s="6" t="s">
        <v>32230</v>
      </c>
      <c r="D35344" s="6"/>
      <c r="E35344" s="6" t="s">
        <v>9</v>
      </c>
      <c r="F35344" s="7"/>
      <c r="G35344" s="8">
        <v>1</v>
      </c>
      <c r="H35344" s="8">
        <v>1</v>
      </c>
      <c r="I35344" s="8">
        <v>0</v>
      </c>
      <c r="J35344" s="8">
        <v>1</v>
      </c>
      <c r="K35344" s="9"/>
      <c r="L35344" s="6"/>
    </row>
    <row r="35345" spans="1:12">
      <c r="A35345" s="6" t="s">
        <v>35355</v>
      </c>
      <c r="B35345" s="6"/>
      <c r="C35345" s="6" t="s">
        <v>32230</v>
      </c>
      <c r="D35345" s="6"/>
      <c r="E35345" s="6" t="s">
        <v>9</v>
      </c>
      <c r="F35345" s="7">
        <v>30270</v>
      </c>
      <c r="G35345" s="8">
        <v>33120900</v>
      </c>
      <c r="H35345" s="8">
        <v>7949016</v>
      </c>
      <c r="I35345" s="8">
        <v>25834302</v>
      </c>
      <c r="J35345" s="8">
        <v>7286598</v>
      </c>
      <c r="K35345" s="9"/>
      <c r="L35345" s="6"/>
    </row>
    <row r="35346" spans="1:12">
      <c r="A35346" s="6" t="s">
        <v>35356</v>
      </c>
      <c r="B35346" s="6"/>
      <c r="C35346" s="6" t="s">
        <v>32230</v>
      </c>
      <c r="D35346" s="6"/>
      <c r="E35346" s="6" t="s">
        <v>9</v>
      </c>
      <c r="F35346" s="7">
        <v>30270</v>
      </c>
      <c r="G35346" s="8">
        <v>41404500</v>
      </c>
      <c r="H35346" s="8">
        <v>9937080</v>
      </c>
      <c r="I35346" s="8">
        <v>32295510</v>
      </c>
      <c r="J35346" s="8">
        <v>9108990</v>
      </c>
      <c r="K35346" s="9"/>
      <c r="L35346" s="6"/>
    </row>
    <row r="35347" spans="1:12">
      <c r="A35347" s="6" t="s">
        <v>35357</v>
      </c>
      <c r="B35347" s="6"/>
      <c r="C35347" s="6" t="s">
        <v>32230</v>
      </c>
      <c r="D35347" s="6"/>
      <c r="E35347" s="6" t="s">
        <v>9</v>
      </c>
      <c r="F35347" s="7">
        <v>36245</v>
      </c>
      <c r="G35347" s="8">
        <v>17852400</v>
      </c>
      <c r="H35347" s="8">
        <v>9997344</v>
      </c>
      <c r="I35347" s="8">
        <v>8212104</v>
      </c>
      <c r="J35347" s="8">
        <v>9640296</v>
      </c>
      <c r="K35347" s="9"/>
      <c r="L35347" s="6"/>
    </row>
    <row r="35348" spans="1:12">
      <c r="A35348" s="6" t="s">
        <v>35358</v>
      </c>
      <c r="B35348" s="6"/>
      <c r="C35348" s="6" t="s">
        <v>32230</v>
      </c>
      <c r="D35348" s="6"/>
      <c r="E35348" s="6" t="s">
        <v>9</v>
      </c>
      <c r="F35348" s="7">
        <v>43361</v>
      </c>
      <c r="G35348" s="8">
        <v>15300000</v>
      </c>
      <c r="H35348" s="8">
        <v>13249800</v>
      </c>
      <c r="I35348" s="8">
        <v>3075300</v>
      </c>
      <c r="J35348" s="8">
        <v>12224700</v>
      </c>
      <c r="K35348" s="9"/>
      <c r="L35348" s="6"/>
    </row>
    <row r="35349" spans="1:12">
      <c r="A35349" s="6" t="s">
        <v>35359</v>
      </c>
      <c r="B35349" s="6"/>
      <c r="C35349" s="6" t="s">
        <v>32230</v>
      </c>
      <c r="D35349" s="6"/>
      <c r="E35349" s="6" t="s">
        <v>9</v>
      </c>
      <c r="F35349" s="7">
        <v>30270</v>
      </c>
      <c r="G35349" s="8">
        <v>10184000</v>
      </c>
      <c r="H35349" s="8">
        <v>2444160</v>
      </c>
      <c r="I35349" s="8">
        <v>7943520</v>
      </c>
      <c r="J35349" s="8">
        <v>2240480</v>
      </c>
      <c r="K35349" s="9"/>
      <c r="L35349" s="6"/>
    </row>
    <row r="35350" spans="1:12">
      <c r="A35350" s="6" t="s">
        <v>33185</v>
      </c>
      <c r="B35350" s="6"/>
      <c r="C35350" s="6" t="s">
        <v>32230</v>
      </c>
      <c r="D35350" s="6"/>
      <c r="E35350" s="6" t="s">
        <v>9</v>
      </c>
      <c r="F35350" s="7">
        <v>7397</v>
      </c>
      <c r="G35350" s="8">
        <v>4471740</v>
      </c>
      <c r="H35350" s="8">
        <v>1</v>
      </c>
      <c r="I35350" s="8">
        <v>4471739</v>
      </c>
      <c r="J35350" s="8">
        <v>1</v>
      </c>
      <c r="K35350" s="9"/>
      <c r="L35350" s="6"/>
    </row>
    <row r="35351" spans="1:12">
      <c r="A35351" s="6" t="s">
        <v>35360</v>
      </c>
      <c r="B35351" s="6"/>
      <c r="C35351" s="6" t="s">
        <v>32230</v>
      </c>
      <c r="D35351" s="6"/>
      <c r="E35351" s="6" t="s">
        <v>9</v>
      </c>
      <c r="F35351" s="7">
        <v>30270</v>
      </c>
      <c r="G35351" s="8">
        <v>6636700</v>
      </c>
      <c r="H35351" s="8">
        <v>1592808</v>
      </c>
      <c r="I35351" s="8">
        <v>5176626</v>
      </c>
      <c r="J35351" s="8">
        <v>1460074</v>
      </c>
      <c r="K35351" s="9"/>
      <c r="L35351" s="6"/>
    </row>
    <row r="35352" spans="1:12">
      <c r="A35352" s="6" t="s">
        <v>35361</v>
      </c>
      <c r="B35352" s="6"/>
      <c r="C35352" s="6" t="s">
        <v>32230</v>
      </c>
      <c r="D35352" s="6"/>
      <c r="E35352" s="6" t="s">
        <v>9</v>
      </c>
      <c r="F35352" s="7">
        <v>29299</v>
      </c>
      <c r="G35352" s="8">
        <v>19672600</v>
      </c>
      <c r="H35352" s="8">
        <v>3541068</v>
      </c>
      <c r="I35352" s="8">
        <v>16524984</v>
      </c>
      <c r="J35352" s="8">
        <v>3147616</v>
      </c>
      <c r="K35352" s="9"/>
      <c r="L35352" s="6"/>
    </row>
    <row r="35353" spans="1:12">
      <c r="A35353" s="6" t="s">
        <v>35362</v>
      </c>
      <c r="B35353" s="6"/>
      <c r="C35353" s="6" t="s">
        <v>32230</v>
      </c>
      <c r="D35353" s="6"/>
      <c r="E35353" s="6" t="s">
        <v>9</v>
      </c>
      <c r="F35353" s="7">
        <v>29299</v>
      </c>
      <c r="G35353" s="8">
        <v>6291000</v>
      </c>
      <c r="H35353" s="8">
        <v>1132380</v>
      </c>
      <c r="I35353" s="8">
        <v>5284440</v>
      </c>
      <c r="J35353" s="8">
        <v>1006560</v>
      </c>
      <c r="K35353" s="9"/>
      <c r="L35353" s="6"/>
    </row>
    <row r="35354" spans="1:12">
      <c r="A35354" s="6" t="s">
        <v>35363</v>
      </c>
      <c r="B35354" s="6"/>
      <c r="C35354" s="6" t="s">
        <v>32230</v>
      </c>
      <c r="D35354" s="6"/>
      <c r="E35354" s="6" t="s">
        <v>9</v>
      </c>
      <c r="F35354" s="7">
        <v>43024</v>
      </c>
      <c r="G35354" s="8">
        <v>142560</v>
      </c>
      <c r="H35354" s="8">
        <v>99792</v>
      </c>
      <c r="I35354" s="8">
        <v>57024</v>
      </c>
      <c r="J35354" s="8">
        <v>85536</v>
      </c>
      <c r="K35354" s="9"/>
      <c r="L35354" s="6"/>
    </row>
    <row r="35355" spans="1:12">
      <c r="A35355" s="6" t="s">
        <v>35364</v>
      </c>
      <c r="B35355" s="6"/>
      <c r="C35355" s="6" t="s">
        <v>32230</v>
      </c>
      <c r="D35355" s="6"/>
      <c r="E35355" s="6" t="s">
        <v>9</v>
      </c>
      <c r="F35355" s="7">
        <v>30270</v>
      </c>
      <c r="G35355" s="8">
        <v>28398600</v>
      </c>
      <c r="H35355" s="8">
        <v>6815664</v>
      </c>
      <c r="I35355" s="8">
        <v>22150908</v>
      </c>
      <c r="J35355" s="8">
        <v>6247692</v>
      </c>
      <c r="K35355" s="9"/>
      <c r="L35355" s="6"/>
    </row>
    <row r="35356" spans="1:12">
      <c r="A35356" s="6" t="s">
        <v>35365</v>
      </c>
      <c r="B35356" s="6"/>
      <c r="C35356" s="6" t="s">
        <v>32230</v>
      </c>
      <c r="D35356" s="6"/>
      <c r="E35356" s="6" t="s">
        <v>9</v>
      </c>
      <c r="F35356" s="7">
        <v>30270</v>
      </c>
      <c r="G35356" s="8">
        <v>36045000</v>
      </c>
      <c r="H35356" s="8">
        <v>8650800</v>
      </c>
      <c r="I35356" s="8">
        <v>28115100</v>
      </c>
      <c r="J35356" s="8">
        <v>7929900</v>
      </c>
      <c r="K35356" s="9"/>
      <c r="L35356" s="6"/>
    </row>
    <row r="35357" spans="1:12">
      <c r="A35357" s="6" t="s">
        <v>35366</v>
      </c>
      <c r="B35357" s="6"/>
      <c r="C35357" s="6" t="s">
        <v>32230</v>
      </c>
      <c r="D35357" s="6"/>
      <c r="E35357" s="6" t="s">
        <v>9</v>
      </c>
      <c r="F35357" s="7">
        <v>30270</v>
      </c>
      <c r="G35357" s="8">
        <v>120320000</v>
      </c>
      <c r="H35357" s="8">
        <v>28876800</v>
      </c>
      <c r="I35357" s="8">
        <v>93849600</v>
      </c>
      <c r="J35357" s="8">
        <v>26470400</v>
      </c>
      <c r="K35357" s="9"/>
      <c r="L35357" s="6"/>
    </row>
    <row r="35358" spans="1:12">
      <c r="A35358" s="6" t="s">
        <v>35367</v>
      </c>
      <c r="B35358" s="6"/>
      <c r="C35358" s="6" t="s">
        <v>32230</v>
      </c>
      <c r="D35358" s="6"/>
      <c r="E35358" s="6" t="s">
        <v>9</v>
      </c>
      <c r="F35358" s="7">
        <v>30270</v>
      </c>
      <c r="G35358" s="8">
        <v>4869700</v>
      </c>
      <c r="H35358" s="8">
        <v>1168728</v>
      </c>
      <c r="I35358" s="8">
        <v>3798366</v>
      </c>
      <c r="J35358" s="8">
        <v>1071334</v>
      </c>
      <c r="K35358" s="9"/>
      <c r="L35358" s="6"/>
    </row>
    <row r="35359" spans="1:12">
      <c r="A35359" s="6" t="s">
        <v>35368</v>
      </c>
      <c r="B35359" s="6"/>
      <c r="C35359" s="6" t="s">
        <v>32230</v>
      </c>
      <c r="D35359" s="6"/>
      <c r="E35359" s="6" t="s">
        <v>9</v>
      </c>
      <c r="F35359" s="7">
        <v>30270</v>
      </c>
      <c r="G35359" s="8">
        <v>845500</v>
      </c>
      <c r="H35359" s="8">
        <v>202920</v>
      </c>
      <c r="I35359" s="8">
        <v>659490</v>
      </c>
      <c r="J35359" s="8">
        <v>186010</v>
      </c>
      <c r="K35359" s="9"/>
      <c r="L35359" s="6"/>
    </row>
    <row r="35360" spans="1:12">
      <c r="A35360" s="6" t="s">
        <v>35369</v>
      </c>
      <c r="B35360" s="6"/>
      <c r="C35360" s="6" t="s">
        <v>32230</v>
      </c>
      <c r="D35360" s="6"/>
      <c r="E35360" s="6" t="s">
        <v>9</v>
      </c>
      <c r="F35360" s="7">
        <v>30270</v>
      </c>
      <c r="G35360" s="8">
        <v>6936300</v>
      </c>
      <c r="H35360" s="8">
        <v>1664712</v>
      </c>
      <c r="I35360" s="8">
        <v>5410314</v>
      </c>
      <c r="J35360" s="8">
        <v>1525986</v>
      </c>
      <c r="K35360" s="9"/>
      <c r="L35360" s="6"/>
    </row>
    <row r="35361" spans="1:12">
      <c r="A35361" s="6" t="s">
        <v>35370</v>
      </c>
      <c r="B35361" s="6"/>
      <c r="C35361" s="6" t="s">
        <v>32230</v>
      </c>
      <c r="D35361" s="6"/>
      <c r="E35361" s="6" t="s">
        <v>9</v>
      </c>
      <c r="F35361" s="7">
        <v>29299</v>
      </c>
      <c r="G35361" s="8">
        <v>8113500</v>
      </c>
      <c r="H35361" s="8">
        <v>1460430</v>
      </c>
      <c r="I35361" s="8">
        <v>6815340</v>
      </c>
      <c r="J35361" s="8">
        <v>1298160</v>
      </c>
      <c r="K35361" s="9"/>
      <c r="L35361" s="6"/>
    </row>
    <row r="35362" spans="1:12">
      <c r="A35362" s="6" t="s">
        <v>35371</v>
      </c>
      <c r="B35362" s="6"/>
      <c r="C35362" s="6" t="s">
        <v>32230</v>
      </c>
      <c r="D35362" s="6"/>
      <c r="E35362" s="6" t="s">
        <v>9</v>
      </c>
      <c r="F35362" s="7">
        <v>30270</v>
      </c>
      <c r="G35362" s="8">
        <v>5165100</v>
      </c>
      <c r="H35362" s="8">
        <v>1239624</v>
      </c>
      <c r="I35362" s="8">
        <v>4028778</v>
      </c>
      <c r="J35362" s="8">
        <v>1136322</v>
      </c>
      <c r="K35362" s="9"/>
      <c r="L35362" s="6"/>
    </row>
    <row r="35363" spans="1:12">
      <c r="A35363" s="6" t="s">
        <v>35372</v>
      </c>
      <c r="B35363" s="6"/>
      <c r="C35363" s="6" t="s">
        <v>32230</v>
      </c>
      <c r="D35363" s="6"/>
      <c r="E35363" s="6" t="s">
        <v>9</v>
      </c>
      <c r="F35363" s="7">
        <v>30270</v>
      </c>
      <c r="G35363" s="8">
        <v>3599100</v>
      </c>
      <c r="H35363" s="8">
        <v>863784</v>
      </c>
      <c r="I35363" s="8">
        <v>2807298</v>
      </c>
      <c r="J35363" s="8">
        <v>791802</v>
      </c>
      <c r="K35363" s="9"/>
      <c r="L35363" s="6"/>
    </row>
    <row r="35364" spans="1:12">
      <c r="A35364" s="6" t="s">
        <v>35373</v>
      </c>
      <c r="B35364" s="6"/>
      <c r="C35364" s="6" t="s">
        <v>32230</v>
      </c>
      <c r="D35364" s="6"/>
      <c r="E35364" s="6" t="s">
        <v>9</v>
      </c>
      <c r="F35364" s="7">
        <v>30270</v>
      </c>
      <c r="G35364" s="8">
        <v>3853200</v>
      </c>
      <c r="H35364" s="8">
        <v>924768</v>
      </c>
      <c r="I35364" s="8">
        <v>3005496</v>
      </c>
      <c r="J35364" s="8">
        <v>847704</v>
      </c>
      <c r="K35364" s="9"/>
      <c r="L35364" s="6"/>
    </row>
    <row r="35365" spans="1:12">
      <c r="A35365" s="6" t="s">
        <v>35374</v>
      </c>
      <c r="B35365" s="6"/>
      <c r="C35365" s="6" t="s">
        <v>32230</v>
      </c>
      <c r="D35365" s="6"/>
      <c r="E35365" s="6" t="s">
        <v>9</v>
      </c>
      <c r="F35365" s="7">
        <v>30270</v>
      </c>
      <c r="G35365" s="8">
        <v>2813400</v>
      </c>
      <c r="H35365" s="8">
        <v>675216</v>
      </c>
      <c r="I35365" s="8">
        <v>2194452</v>
      </c>
      <c r="J35365" s="8">
        <v>618948</v>
      </c>
      <c r="K35365" s="9"/>
      <c r="L35365" s="6"/>
    </row>
    <row r="35366" spans="1:12">
      <c r="A35366" s="6" t="s">
        <v>35375</v>
      </c>
      <c r="B35366" s="6"/>
      <c r="C35366" s="6" t="s">
        <v>32230</v>
      </c>
      <c r="D35366" s="6"/>
      <c r="E35366" s="6" t="s">
        <v>9</v>
      </c>
      <c r="F35366" s="7">
        <v>30270</v>
      </c>
      <c r="G35366" s="8">
        <v>6604200</v>
      </c>
      <c r="H35366" s="8">
        <v>1585008</v>
      </c>
      <c r="I35366" s="8">
        <v>5151276</v>
      </c>
      <c r="J35366" s="8">
        <v>1452924</v>
      </c>
      <c r="K35366" s="9"/>
      <c r="L35366" s="6"/>
    </row>
    <row r="35367" spans="1:12">
      <c r="A35367" s="6" t="s">
        <v>33185</v>
      </c>
      <c r="B35367" s="6"/>
      <c r="C35367" s="6" t="s">
        <v>32230</v>
      </c>
      <c r="D35367" s="6"/>
      <c r="E35367" s="6" t="s">
        <v>9</v>
      </c>
      <c r="F35367" s="7"/>
      <c r="G35367" s="8">
        <v>1</v>
      </c>
      <c r="H35367" s="8">
        <v>1</v>
      </c>
      <c r="I35367" s="8">
        <v>0</v>
      </c>
      <c r="J35367" s="8">
        <v>1</v>
      </c>
      <c r="K35367" s="9"/>
      <c r="L35367" s="6"/>
    </row>
    <row r="35368" spans="1:12">
      <c r="A35368" s="6" t="s">
        <v>35376</v>
      </c>
      <c r="B35368" s="6"/>
      <c r="C35368" s="6" t="s">
        <v>32230</v>
      </c>
      <c r="D35368" s="6"/>
      <c r="E35368" s="6" t="s">
        <v>9</v>
      </c>
      <c r="F35368" s="7">
        <v>30270</v>
      </c>
      <c r="G35368" s="8">
        <v>15373800</v>
      </c>
      <c r="H35368" s="8">
        <v>3689712</v>
      </c>
      <c r="I35368" s="8">
        <v>11991564</v>
      </c>
      <c r="J35368" s="8">
        <v>3382236</v>
      </c>
      <c r="K35368" s="9"/>
      <c r="L35368" s="6"/>
    </row>
    <row r="35369" spans="1:12">
      <c r="A35369" s="6" t="s">
        <v>35377</v>
      </c>
      <c r="B35369" s="6"/>
      <c r="C35369" s="6" t="s">
        <v>32230</v>
      </c>
      <c r="D35369" s="6"/>
      <c r="E35369" s="6" t="s">
        <v>9</v>
      </c>
      <c r="F35369" s="7">
        <v>30270</v>
      </c>
      <c r="G35369" s="8">
        <v>13786200</v>
      </c>
      <c r="H35369" s="8">
        <v>3308688</v>
      </c>
      <c r="I35369" s="8">
        <v>10753236</v>
      </c>
      <c r="J35369" s="8">
        <v>3032964</v>
      </c>
      <c r="K35369" s="9"/>
      <c r="L35369" s="6"/>
    </row>
    <row r="35370" spans="1:12">
      <c r="A35370" s="6" t="s">
        <v>35378</v>
      </c>
      <c r="B35370" s="6"/>
      <c r="C35370" s="6" t="s">
        <v>32230</v>
      </c>
      <c r="D35370" s="6"/>
      <c r="E35370" s="6" t="s">
        <v>9</v>
      </c>
      <c r="F35370" s="7">
        <v>30270</v>
      </c>
      <c r="G35370" s="8">
        <v>4344300</v>
      </c>
      <c r="H35370" s="8">
        <v>1042632</v>
      </c>
      <c r="I35370" s="8">
        <v>3388554</v>
      </c>
      <c r="J35370" s="8">
        <v>955746</v>
      </c>
      <c r="K35370" s="9"/>
      <c r="L35370" s="6"/>
    </row>
    <row r="35371" spans="1:12">
      <c r="A35371" s="6" t="s">
        <v>35379</v>
      </c>
      <c r="B35371" s="6"/>
      <c r="C35371" s="6" t="s">
        <v>32230</v>
      </c>
      <c r="D35371" s="6"/>
      <c r="E35371" s="6" t="s">
        <v>9</v>
      </c>
      <c r="F35371" s="7">
        <v>30270</v>
      </c>
      <c r="G35371" s="8">
        <v>5332500</v>
      </c>
      <c r="H35371" s="8">
        <v>1279800</v>
      </c>
      <c r="I35371" s="8">
        <v>4159350</v>
      </c>
      <c r="J35371" s="8">
        <v>1173150</v>
      </c>
      <c r="K35371" s="9"/>
      <c r="L35371" s="6"/>
    </row>
    <row r="35372" spans="1:12">
      <c r="A35372" s="6" t="s">
        <v>35380</v>
      </c>
      <c r="B35372" s="6"/>
      <c r="C35372" s="6" t="s">
        <v>32230</v>
      </c>
      <c r="D35372" s="6"/>
      <c r="E35372" s="6" t="s">
        <v>9</v>
      </c>
      <c r="F35372" s="7">
        <v>32495</v>
      </c>
      <c r="G35372" s="8">
        <v>93198600</v>
      </c>
      <c r="H35372" s="8">
        <v>33551496</v>
      </c>
      <c r="I35372" s="8">
        <v>61511076</v>
      </c>
      <c r="J35372" s="8">
        <v>31687524</v>
      </c>
      <c r="K35372" s="9"/>
      <c r="L35372" s="6"/>
    </row>
    <row r="35373" spans="1:12">
      <c r="A35373" s="6" t="s">
        <v>33185</v>
      </c>
      <c r="B35373" s="6"/>
      <c r="C35373" s="6" t="s">
        <v>32230</v>
      </c>
      <c r="D35373" s="6"/>
      <c r="E35373" s="6" t="s">
        <v>9</v>
      </c>
      <c r="F35373" s="7">
        <v>30773</v>
      </c>
      <c r="G35373" s="8">
        <v>13759200</v>
      </c>
      <c r="H35373" s="8">
        <v>5338584</v>
      </c>
      <c r="I35373" s="8">
        <v>8654522</v>
      </c>
      <c r="J35373" s="8">
        <v>5104678</v>
      </c>
      <c r="K35373" s="9"/>
      <c r="L35373" s="6"/>
    </row>
    <row r="35374" spans="1:12">
      <c r="A35374" s="6" t="s">
        <v>35381</v>
      </c>
      <c r="B35374" s="6"/>
      <c r="C35374" s="6" t="s">
        <v>32230</v>
      </c>
      <c r="D35374" s="6"/>
      <c r="E35374" s="6" t="s">
        <v>9</v>
      </c>
      <c r="F35374" s="7">
        <v>30773</v>
      </c>
      <c r="G35374" s="8">
        <v>39748800</v>
      </c>
      <c r="H35374" s="8">
        <v>15422556</v>
      </c>
      <c r="I35374" s="8">
        <v>25001973</v>
      </c>
      <c r="J35374" s="8">
        <v>14746827</v>
      </c>
      <c r="K35374" s="9"/>
      <c r="L35374" s="6"/>
    </row>
    <row r="35375" spans="1:12">
      <c r="A35375" s="6" t="s">
        <v>35382</v>
      </c>
      <c r="B35375" s="6"/>
      <c r="C35375" s="6" t="s">
        <v>32230</v>
      </c>
      <c r="D35375" s="6"/>
      <c r="E35375" s="6" t="s">
        <v>9</v>
      </c>
      <c r="F35375" s="7">
        <v>30270</v>
      </c>
      <c r="G35375" s="8">
        <v>66727800</v>
      </c>
      <c r="H35375" s="8">
        <v>16014672</v>
      </c>
      <c r="I35375" s="8">
        <v>52047684</v>
      </c>
      <c r="J35375" s="8">
        <v>14680116</v>
      </c>
      <c r="K35375" s="9"/>
      <c r="L35375" s="6"/>
    </row>
    <row r="35376" spans="1:12">
      <c r="A35376" s="6" t="s">
        <v>35382</v>
      </c>
      <c r="B35376" s="6"/>
      <c r="C35376" s="6" t="s">
        <v>32230</v>
      </c>
      <c r="D35376" s="6"/>
      <c r="E35376" s="6"/>
      <c r="F35376" s="7"/>
      <c r="G35376" s="8">
        <v>4369680</v>
      </c>
      <c r="H35376" s="8">
        <v>4146828</v>
      </c>
      <c r="I35376" s="8">
        <v>297136</v>
      </c>
      <c r="J35376" s="8">
        <v>4072544</v>
      </c>
      <c r="K35376" s="9"/>
      <c r="L35376" s="6"/>
    </row>
    <row r="35377" spans="1:12">
      <c r="A35377" s="6" t="s">
        <v>35382</v>
      </c>
      <c r="B35377" s="6"/>
      <c r="C35377" s="6" t="s">
        <v>32230</v>
      </c>
      <c r="D35377" s="6"/>
      <c r="E35377" s="6"/>
      <c r="F35377" s="7">
        <v>43191</v>
      </c>
      <c r="G35377" s="8">
        <v>7557840</v>
      </c>
      <c r="H35377" s="8">
        <v>7255528</v>
      </c>
      <c r="I35377" s="8">
        <v>453468</v>
      </c>
      <c r="J35377" s="8">
        <v>7104372</v>
      </c>
      <c r="K35377" s="9"/>
      <c r="L35377" s="6"/>
    </row>
    <row r="35378" spans="1:12">
      <c r="A35378" s="6" t="s">
        <v>35383</v>
      </c>
      <c r="B35378" s="6"/>
      <c r="C35378" s="6" t="s">
        <v>32230</v>
      </c>
      <c r="D35378" s="6"/>
      <c r="E35378" s="6" t="s">
        <v>9</v>
      </c>
      <c r="F35378" s="7">
        <v>42460</v>
      </c>
      <c r="G35378" s="8">
        <v>6055560</v>
      </c>
      <c r="H35378" s="8">
        <v>5450005</v>
      </c>
      <c r="I35378" s="8">
        <v>726666</v>
      </c>
      <c r="J35378" s="8">
        <v>5328894</v>
      </c>
      <c r="K35378" s="9"/>
      <c r="L35378" s="6"/>
    </row>
    <row r="35379" spans="1:12">
      <c r="A35379" s="6" t="s">
        <v>35384</v>
      </c>
      <c r="B35379" s="6"/>
      <c r="C35379" s="6" t="s">
        <v>32230</v>
      </c>
      <c r="D35379" s="6"/>
      <c r="E35379" s="6" t="s">
        <v>9</v>
      </c>
      <c r="F35379" s="7">
        <v>42811</v>
      </c>
      <c r="G35379" s="8">
        <v>3198960</v>
      </c>
      <c r="H35379" s="8">
        <v>2943044</v>
      </c>
      <c r="I35379" s="8">
        <v>319895</v>
      </c>
      <c r="J35379" s="8">
        <v>2879065</v>
      </c>
      <c r="K35379" s="9"/>
      <c r="L35379" s="6"/>
    </row>
    <row r="35380" spans="1:12">
      <c r="A35380" s="6" t="s">
        <v>35385</v>
      </c>
      <c r="B35380" s="6"/>
      <c r="C35380" s="6" t="s">
        <v>32230</v>
      </c>
      <c r="D35380" s="6"/>
      <c r="E35380" s="6" t="s">
        <v>9</v>
      </c>
      <c r="F35380" s="7">
        <v>31587</v>
      </c>
      <c r="G35380" s="8">
        <v>24794100</v>
      </c>
      <c r="H35380" s="8">
        <v>7934112</v>
      </c>
      <c r="I35380" s="8">
        <v>17355870</v>
      </c>
      <c r="J35380" s="8">
        <v>7438230</v>
      </c>
      <c r="K35380" s="9"/>
      <c r="L35380" s="6"/>
    </row>
    <row r="35381" spans="1:12">
      <c r="A35381" s="6" t="s">
        <v>35386</v>
      </c>
      <c r="B35381" s="6"/>
      <c r="C35381" s="6" t="s">
        <v>32230</v>
      </c>
      <c r="D35381" s="6"/>
      <c r="E35381" s="6" t="s">
        <v>9</v>
      </c>
      <c r="F35381" s="7">
        <v>31587</v>
      </c>
      <c r="G35381" s="8">
        <v>3815100</v>
      </c>
      <c r="H35381" s="8">
        <v>1220832</v>
      </c>
      <c r="I35381" s="8">
        <v>2670570</v>
      </c>
      <c r="J35381" s="8">
        <v>1144530</v>
      </c>
      <c r="K35381" s="9"/>
      <c r="L35381" s="6"/>
    </row>
    <row r="35382" spans="1:12">
      <c r="A35382" s="6" t="s">
        <v>35387</v>
      </c>
      <c r="B35382" s="6"/>
      <c r="C35382" s="6" t="s">
        <v>32230</v>
      </c>
      <c r="D35382" s="6"/>
      <c r="E35382" s="6" t="s">
        <v>9</v>
      </c>
      <c r="F35382" s="7">
        <v>31587</v>
      </c>
      <c r="G35382" s="8">
        <v>4009500</v>
      </c>
      <c r="H35382" s="8">
        <v>1283040</v>
      </c>
      <c r="I35382" s="8">
        <v>2806650</v>
      </c>
      <c r="J35382" s="8">
        <v>1202850</v>
      </c>
      <c r="K35382" s="9"/>
      <c r="L35382" s="6"/>
    </row>
    <row r="35383" spans="1:12">
      <c r="A35383" s="6" t="s">
        <v>35388</v>
      </c>
      <c r="B35383" s="6"/>
      <c r="C35383" s="6" t="s">
        <v>32230</v>
      </c>
      <c r="D35383" s="6"/>
      <c r="E35383" s="6" t="s">
        <v>9</v>
      </c>
      <c r="F35383" s="7">
        <v>31587</v>
      </c>
      <c r="G35383" s="8">
        <v>5337900</v>
      </c>
      <c r="H35383" s="8">
        <v>1708128</v>
      </c>
      <c r="I35383" s="8">
        <v>3736530</v>
      </c>
      <c r="J35383" s="8">
        <v>1601370</v>
      </c>
      <c r="K35383" s="9"/>
      <c r="L35383" s="6"/>
    </row>
    <row r="35384" spans="1:12">
      <c r="A35384" s="6" t="s">
        <v>35389</v>
      </c>
      <c r="B35384" s="6"/>
      <c r="C35384" s="6" t="s">
        <v>32230</v>
      </c>
      <c r="D35384" s="6"/>
      <c r="E35384" s="6" t="s">
        <v>9</v>
      </c>
      <c r="F35384" s="7">
        <v>32317</v>
      </c>
      <c r="G35384" s="8">
        <v>3866400</v>
      </c>
      <c r="H35384" s="8">
        <v>1391904</v>
      </c>
      <c r="I35384" s="8">
        <v>2551824</v>
      </c>
      <c r="J35384" s="8">
        <v>1314576</v>
      </c>
      <c r="K35384" s="9"/>
      <c r="L35384" s="6"/>
    </row>
    <row r="35385" spans="1:12">
      <c r="A35385" s="6" t="s">
        <v>33185</v>
      </c>
      <c r="B35385" s="6"/>
      <c r="C35385" s="6" t="s">
        <v>32230</v>
      </c>
      <c r="D35385" s="6"/>
      <c r="E35385" s="6" t="s">
        <v>9</v>
      </c>
      <c r="F35385" s="7"/>
      <c r="G35385" s="8">
        <v>1</v>
      </c>
      <c r="H35385" s="8">
        <v>1</v>
      </c>
      <c r="I35385" s="8">
        <v>0</v>
      </c>
      <c r="J35385" s="8">
        <v>1</v>
      </c>
      <c r="K35385" s="9"/>
      <c r="L35385" s="6"/>
    </row>
    <row r="35386" spans="1:12">
      <c r="A35386" s="6" t="s">
        <v>35390</v>
      </c>
      <c r="B35386" s="6"/>
      <c r="C35386" s="6" t="s">
        <v>32230</v>
      </c>
      <c r="D35386" s="6"/>
      <c r="E35386" s="6" t="s">
        <v>9</v>
      </c>
      <c r="F35386" s="7">
        <v>32686</v>
      </c>
      <c r="G35386" s="8">
        <v>272087100</v>
      </c>
      <c r="H35386" s="8">
        <v>103393098</v>
      </c>
      <c r="I35386" s="8">
        <v>174135744</v>
      </c>
      <c r="J35386" s="8">
        <v>97951356</v>
      </c>
      <c r="K35386" s="9"/>
      <c r="L35386" s="6"/>
    </row>
    <row r="35387" spans="1:12">
      <c r="A35387" s="6" t="s">
        <v>35390</v>
      </c>
      <c r="B35387" s="6"/>
      <c r="C35387" s="6" t="s">
        <v>32230</v>
      </c>
      <c r="D35387" s="6"/>
      <c r="E35387" s="6"/>
      <c r="F35387" s="7">
        <v>43191</v>
      </c>
      <c r="G35387" s="8">
        <v>948240</v>
      </c>
      <c r="H35387" s="8">
        <v>910312</v>
      </c>
      <c r="I35387" s="8">
        <v>56892</v>
      </c>
      <c r="J35387" s="8">
        <v>891348</v>
      </c>
      <c r="K35387" s="9"/>
      <c r="L35387" s="6"/>
    </row>
    <row r="35388" spans="1:12">
      <c r="A35388" s="6" t="s">
        <v>35348</v>
      </c>
      <c r="B35388" s="6"/>
      <c r="C35388" s="6" t="s">
        <v>32230</v>
      </c>
      <c r="D35388" s="6"/>
      <c r="E35388" s="6" t="s">
        <v>9</v>
      </c>
      <c r="F35388" s="7">
        <v>37561</v>
      </c>
      <c r="G35388" s="8">
        <v>72399600</v>
      </c>
      <c r="H35388" s="8">
        <v>50245326</v>
      </c>
      <c r="I35388" s="8">
        <v>23385067</v>
      </c>
      <c r="J35388" s="8">
        <v>49014533</v>
      </c>
      <c r="K35388" s="9"/>
      <c r="L35388" s="6"/>
    </row>
    <row r="35389" spans="1:12">
      <c r="A35389" s="6" t="s">
        <v>33708</v>
      </c>
      <c r="B35389" s="6"/>
      <c r="C35389" s="6" t="s">
        <v>32230</v>
      </c>
      <c r="D35389" s="6"/>
      <c r="E35389" s="6" t="s">
        <v>9</v>
      </c>
      <c r="F35389" s="7">
        <v>41480</v>
      </c>
      <c r="G35389" s="8">
        <v>73907400</v>
      </c>
      <c r="H35389" s="8">
        <v>62008310</v>
      </c>
      <c r="I35389" s="8">
        <v>13598960</v>
      </c>
      <c r="J35389" s="8">
        <v>60308440</v>
      </c>
      <c r="K35389" s="9"/>
      <c r="L35389" s="6"/>
    </row>
    <row r="35390" spans="1:12">
      <c r="A35390" s="6" t="s">
        <v>35391</v>
      </c>
      <c r="B35390" s="6"/>
      <c r="C35390" s="6" t="s">
        <v>32230</v>
      </c>
      <c r="D35390" s="6"/>
      <c r="E35390" s="6" t="s">
        <v>9</v>
      </c>
      <c r="F35390" s="7">
        <v>42429</v>
      </c>
      <c r="G35390" s="8">
        <v>15395400</v>
      </c>
      <c r="H35390" s="8">
        <v>13855860</v>
      </c>
      <c r="I35390" s="8">
        <v>1847448</v>
      </c>
      <c r="J35390" s="8">
        <v>13547952</v>
      </c>
      <c r="K35390" s="9"/>
      <c r="L35390" s="6"/>
    </row>
    <row r="35391" spans="1:12">
      <c r="A35391" s="6" t="s">
        <v>35392</v>
      </c>
      <c r="B35391" s="6"/>
      <c r="C35391" s="6" t="s">
        <v>32230</v>
      </c>
      <c r="D35391" s="6"/>
      <c r="E35391" s="6" t="s">
        <v>9</v>
      </c>
      <c r="F35391" s="7">
        <v>32777</v>
      </c>
      <c r="G35391" s="8">
        <v>44224000</v>
      </c>
      <c r="H35391" s="8">
        <v>16805120</v>
      </c>
      <c r="I35391" s="8">
        <v>28303360</v>
      </c>
      <c r="J35391" s="8">
        <v>15920640</v>
      </c>
      <c r="K35391" s="9"/>
      <c r="L35391" s="6"/>
    </row>
    <row r="35392" spans="1:12">
      <c r="A35392" s="6" t="s">
        <v>33185</v>
      </c>
      <c r="B35392" s="6"/>
      <c r="C35392" s="6" t="s">
        <v>32230</v>
      </c>
      <c r="D35392" s="6"/>
      <c r="E35392" s="6" t="s">
        <v>9</v>
      </c>
      <c r="F35392" s="7"/>
      <c r="G35392" s="8">
        <v>1</v>
      </c>
      <c r="H35392" s="8">
        <v>1</v>
      </c>
      <c r="I35392" s="8">
        <v>0</v>
      </c>
      <c r="J35392" s="8">
        <v>1</v>
      </c>
      <c r="K35392" s="9"/>
      <c r="L35392" s="6"/>
    </row>
    <row r="35393" spans="1:12">
      <c r="A35393" s="6" t="s">
        <v>35393</v>
      </c>
      <c r="B35393" s="6"/>
      <c r="C35393" s="6" t="s">
        <v>32230</v>
      </c>
      <c r="D35393" s="6"/>
      <c r="E35393" s="6" t="s">
        <v>9</v>
      </c>
      <c r="F35393" s="7">
        <v>33105</v>
      </c>
      <c r="G35393" s="8">
        <v>2618200</v>
      </c>
      <c r="H35393" s="8">
        <v>1047280</v>
      </c>
      <c r="I35393" s="8">
        <v>1623284</v>
      </c>
      <c r="J35393" s="8">
        <v>994916</v>
      </c>
      <c r="K35393" s="9"/>
      <c r="L35393" s="6"/>
    </row>
    <row r="35394" spans="1:12">
      <c r="A35394" s="6" t="s">
        <v>35394</v>
      </c>
      <c r="B35394" s="6"/>
      <c r="C35394" s="6" t="s">
        <v>32230</v>
      </c>
      <c r="D35394" s="6"/>
      <c r="E35394" s="6" t="s">
        <v>9</v>
      </c>
      <c r="F35394" s="7">
        <v>35611</v>
      </c>
      <c r="G35394" s="8">
        <v>65651200</v>
      </c>
      <c r="H35394" s="8">
        <v>35451648</v>
      </c>
      <c r="I35394" s="8">
        <v>31512576</v>
      </c>
      <c r="J35394" s="8">
        <v>34138624</v>
      </c>
      <c r="K35394" s="9"/>
      <c r="L35394" s="6"/>
    </row>
    <row r="35395" spans="1:12">
      <c r="A35395" s="6" t="s">
        <v>35395</v>
      </c>
      <c r="B35395" s="6"/>
      <c r="C35395" s="6" t="s">
        <v>32230</v>
      </c>
      <c r="D35395" s="6"/>
      <c r="E35395" s="6" t="s">
        <v>9</v>
      </c>
      <c r="F35395" s="7">
        <v>34758</v>
      </c>
      <c r="G35395" s="8">
        <v>12360600</v>
      </c>
      <c r="H35395" s="8">
        <v>5933088</v>
      </c>
      <c r="I35395" s="8">
        <v>6674724</v>
      </c>
      <c r="J35395" s="8">
        <v>5685876</v>
      </c>
      <c r="K35395" s="9"/>
      <c r="L35395" s="6"/>
    </row>
    <row r="35396" spans="1:12">
      <c r="A35396" s="6" t="s">
        <v>35396</v>
      </c>
      <c r="B35396" s="6"/>
      <c r="C35396" s="6" t="s">
        <v>32230</v>
      </c>
      <c r="D35396" s="6"/>
      <c r="E35396" s="6" t="s">
        <v>9</v>
      </c>
      <c r="F35396" s="7">
        <v>35153</v>
      </c>
      <c r="G35396" s="8">
        <v>3769200</v>
      </c>
      <c r="H35396" s="8">
        <v>1884600</v>
      </c>
      <c r="I35396" s="8">
        <v>1959984</v>
      </c>
      <c r="J35396" s="8">
        <v>1809216</v>
      </c>
      <c r="K35396" s="9"/>
      <c r="L35396" s="6"/>
    </row>
    <row r="35397" spans="1:12">
      <c r="A35397" s="6" t="s">
        <v>35397</v>
      </c>
      <c r="B35397" s="6"/>
      <c r="C35397" s="6" t="s">
        <v>32230</v>
      </c>
      <c r="D35397" s="6"/>
      <c r="E35397" s="6" t="s">
        <v>9</v>
      </c>
      <c r="F35397" s="7">
        <v>35153</v>
      </c>
      <c r="G35397" s="8">
        <v>15014700</v>
      </c>
      <c r="H35397" s="8">
        <v>7507350</v>
      </c>
      <c r="I35397" s="8">
        <v>7807644</v>
      </c>
      <c r="J35397" s="8">
        <v>7207056</v>
      </c>
      <c r="K35397" s="9"/>
      <c r="L35397" s="6"/>
    </row>
    <row r="35398" spans="1:12">
      <c r="A35398" s="6" t="s">
        <v>35398</v>
      </c>
      <c r="B35398" s="6"/>
      <c r="C35398" s="6" t="s">
        <v>32230</v>
      </c>
      <c r="D35398" s="6"/>
      <c r="E35398" s="6" t="s">
        <v>9</v>
      </c>
      <c r="F35398" s="7">
        <v>35153</v>
      </c>
      <c r="G35398" s="8">
        <v>14361300</v>
      </c>
      <c r="H35398" s="8">
        <v>7180650</v>
      </c>
      <c r="I35398" s="8">
        <v>7467876</v>
      </c>
      <c r="J35398" s="8">
        <v>6893424</v>
      </c>
      <c r="K35398" s="9"/>
      <c r="L35398" s="6"/>
    </row>
    <row r="35399" spans="1:12">
      <c r="A35399" s="6" t="s">
        <v>35399</v>
      </c>
      <c r="B35399" s="6"/>
      <c r="C35399" s="6" t="s">
        <v>32230</v>
      </c>
      <c r="D35399" s="6"/>
      <c r="E35399" s="6" t="s">
        <v>9</v>
      </c>
      <c r="F35399" s="7">
        <v>35244</v>
      </c>
      <c r="G35399" s="8">
        <v>4657500</v>
      </c>
      <c r="H35399" s="8">
        <v>2421900</v>
      </c>
      <c r="I35399" s="8">
        <v>2328750</v>
      </c>
      <c r="J35399" s="8">
        <v>2328750</v>
      </c>
      <c r="K35399" s="9"/>
      <c r="L35399" s="6"/>
    </row>
    <row r="35400" spans="1:12">
      <c r="A35400" s="6" t="s">
        <v>35400</v>
      </c>
      <c r="B35400" s="6"/>
      <c r="C35400" s="6" t="s">
        <v>32230</v>
      </c>
      <c r="D35400" s="6"/>
      <c r="E35400" s="6" t="s">
        <v>9</v>
      </c>
      <c r="F35400" s="7">
        <v>39169</v>
      </c>
      <c r="G35400" s="8">
        <v>122423400</v>
      </c>
      <c r="H35400" s="8">
        <v>88144848</v>
      </c>
      <c r="I35400" s="8">
        <v>36727020</v>
      </c>
      <c r="J35400" s="8">
        <v>85696380</v>
      </c>
      <c r="K35400" s="9"/>
      <c r="L35400" s="6"/>
    </row>
    <row r="35401" spans="1:12">
      <c r="A35401" s="6" t="s">
        <v>35401</v>
      </c>
      <c r="B35401" s="6"/>
      <c r="C35401" s="6" t="s">
        <v>32230</v>
      </c>
      <c r="D35401" s="6"/>
      <c r="E35401" s="6" t="s">
        <v>9</v>
      </c>
      <c r="F35401" s="7">
        <v>42578</v>
      </c>
      <c r="G35401" s="8">
        <v>259200</v>
      </c>
      <c r="H35401" s="8">
        <v>155520</v>
      </c>
      <c r="I35401" s="8">
        <v>129600</v>
      </c>
      <c r="J35401" s="8">
        <v>129600</v>
      </c>
      <c r="K35401" s="9"/>
      <c r="L35401" s="6"/>
    </row>
    <row r="35402" spans="1:12">
      <c r="A35402" s="6" t="s">
        <v>35402</v>
      </c>
      <c r="B35402" s="6"/>
      <c r="C35402" s="6" t="s">
        <v>32230</v>
      </c>
      <c r="D35402" s="6"/>
      <c r="E35402" s="6" t="s">
        <v>9</v>
      </c>
      <c r="F35402" s="7">
        <v>36245</v>
      </c>
      <c r="G35402" s="8">
        <v>17544600</v>
      </c>
      <c r="H35402" s="8">
        <v>9824976</v>
      </c>
      <c r="I35402" s="8">
        <v>8070516</v>
      </c>
      <c r="J35402" s="8">
        <v>9474084</v>
      </c>
      <c r="K35402" s="9"/>
      <c r="L35402" s="6"/>
    </row>
    <row r="35403" spans="1:12">
      <c r="A35403" s="6" t="s">
        <v>35403</v>
      </c>
      <c r="B35403" s="6"/>
      <c r="C35403" s="6" t="s">
        <v>32230</v>
      </c>
      <c r="D35403" s="6"/>
      <c r="E35403" s="6" t="s">
        <v>9</v>
      </c>
      <c r="F35403" s="7">
        <v>36245</v>
      </c>
      <c r="G35403" s="8">
        <v>4924800</v>
      </c>
      <c r="H35403" s="8">
        <v>2757888</v>
      </c>
      <c r="I35403" s="8">
        <v>2265408</v>
      </c>
      <c r="J35403" s="8">
        <v>2659392</v>
      </c>
      <c r="K35403" s="9"/>
      <c r="L35403" s="6"/>
    </row>
    <row r="35404" spans="1:12">
      <c r="A35404" s="6" t="s">
        <v>35404</v>
      </c>
      <c r="B35404" s="6"/>
      <c r="C35404" s="6" t="s">
        <v>32230</v>
      </c>
      <c r="D35404" s="6"/>
      <c r="E35404" s="6" t="s">
        <v>9</v>
      </c>
      <c r="F35404" s="7">
        <v>36245</v>
      </c>
      <c r="G35404" s="8">
        <v>23311800</v>
      </c>
      <c r="H35404" s="8">
        <v>13054608</v>
      </c>
      <c r="I35404" s="8">
        <v>10723428</v>
      </c>
      <c r="J35404" s="8">
        <v>12588372</v>
      </c>
      <c r="K35404" s="9"/>
      <c r="L35404" s="6"/>
    </row>
    <row r="35405" spans="1:12">
      <c r="A35405" s="6" t="s">
        <v>35405</v>
      </c>
      <c r="B35405" s="6"/>
      <c r="C35405" s="6" t="s">
        <v>32230</v>
      </c>
      <c r="D35405" s="6"/>
      <c r="E35405" s="6" t="s">
        <v>9</v>
      </c>
      <c r="F35405" s="7">
        <v>36245</v>
      </c>
      <c r="G35405" s="8">
        <v>23814000</v>
      </c>
      <c r="H35405" s="8">
        <v>13335840</v>
      </c>
      <c r="I35405" s="8">
        <v>10954440</v>
      </c>
      <c r="J35405" s="8">
        <v>12859560</v>
      </c>
      <c r="K35405" s="9"/>
      <c r="L35405" s="6"/>
    </row>
    <row r="35406" spans="1:12">
      <c r="A35406" s="6" t="s">
        <v>35406</v>
      </c>
      <c r="B35406" s="6"/>
      <c r="C35406" s="6" t="s">
        <v>32230</v>
      </c>
      <c r="D35406" s="6"/>
      <c r="E35406" s="6" t="s">
        <v>9</v>
      </c>
      <c r="F35406" s="7">
        <v>36245</v>
      </c>
      <c r="G35406" s="8">
        <v>24300000</v>
      </c>
      <c r="H35406" s="8">
        <v>13608000</v>
      </c>
      <c r="I35406" s="8">
        <v>11178000</v>
      </c>
      <c r="J35406" s="8">
        <v>13122000</v>
      </c>
      <c r="K35406" s="9"/>
      <c r="L35406" s="6"/>
    </row>
    <row r="35407" spans="1:12">
      <c r="A35407" s="6" t="s">
        <v>35407</v>
      </c>
      <c r="B35407" s="6"/>
      <c r="C35407" s="6" t="s">
        <v>32230</v>
      </c>
      <c r="D35407" s="6"/>
      <c r="E35407" s="6" t="s">
        <v>9</v>
      </c>
      <c r="F35407" s="7">
        <v>36245</v>
      </c>
      <c r="G35407" s="8">
        <v>24769800</v>
      </c>
      <c r="H35407" s="8">
        <v>13871088</v>
      </c>
      <c r="I35407" s="8">
        <v>11394108</v>
      </c>
      <c r="J35407" s="8">
        <v>13375692</v>
      </c>
      <c r="K35407" s="9"/>
      <c r="L35407" s="6"/>
    </row>
    <row r="35408" spans="1:12">
      <c r="A35408" s="6" t="s">
        <v>35408</v>
      </c>
      <c r="B35408" s="6"/>
      <c r="C35408" s="6" t="s">
        <v>32230</v>
      </c>
      <c r="D35408" s="6"/>
      <c r="E35408" s="6" t="s">
        <v>9</v>
      </c>
      <c r="F35408" s="7">
        <v>36245</v>
      </c>
      <c r="G35408" s="8">
        <v>29419200</v>
      </c>
      <c r="H35408" s="8">
        <v>16474752</v>
      </c>
      <c r="I35408" s="8">
        <v>13532832</v>
      </c>
      <c r="J35408" s="8">
        <v>15886368</v>
      </c>
      <c r="K35408" s="9"/>
      <c r="L35408" s="6"/>
    </row>
    <row r="35409" spans="1:12">
      <c r="A35409" s="6" t="s">
        <v>35409</v>
      </c>
      <c r="B35409" s="6"/>
      <c r="C35409" s="6" t="s">
        <v>32230</v>
      </c>
      <c r="D35409" s="6"/>
      <c r="E35409" s="6" t="s">
        <v>9</v>
      </c>
      <c r="F35409" s="7">
        <v>36245</v>
      </c>
      <c r="G35409" s="8">
        <v>10918800</v>
      </c>
      <c r="H35409" s="8">
        <v>6114528</v>
      </c>
      <c r="I35409" s="8">
        <v>5022648</v>
      </c>
      <c r="J35409" s="8">
        <v>5896152</v>
      </c>
      <c r="K35409" s="9"/>
      <c r="L35409" s="6"/>
    </row>
    <row r="35410" spans="1:12">
      <c r="A35410" s="6" t="s">
        <v>35410</v>
      </c>
      <c r="B35410" s="6"/>
      <c r="C35410" s="6" t="s">
        <v>32230</v>
      </c>
      <c r="D35410" s="6"/>
      <c r="E35410" s="6" t="s">
        <v>9</v>
      </c>
      <c r="F35410" s="7">
        <v>36245</v>
      </c>
      <c r="G35410" s="8">
        <v>26721900</v>
      </c>
      <c r="H35410" s="8">
        <v>14964264</v>
      </c>
      <c r="I35410" s="8">
        <v>12292074</v>
      </c>
      <c r="J35410" s="8">
        <v>14429826</v>
      </c>
      <c r="K35410" s="9"/>
      <c r="L35410" s="6"/>
    </row>
    <row r="35411" spans="1:12">
      <c r="A35411" s="6" t="s">
        <v>35411</v>
      </c>
      <c r="B35411" s="6"/>
      <c r="C35411" s="6" t="s">
        <v>32230</v>
      </c>
      <c r="D35411" s="6"/>
      <c r="E35411" s="6" t="s">
        <v>9</v>
      </c>
      <c r="F35411" s="7">
        <v>36245</v>
      </c>
      <c r="G35411" s="8">
        <v>5013900</v>
      </c>
      <c r="H35411" s="8">
        <v>2807784</v>
      </c>
      <c r="I35411" s="8">
        <v>2306394</v>
      </c>
      <c r="J35411" s="8">
        <v>2707506</v>
      </c>
      <c r="K35411" s="9"/>
      <c r="L35411" s="6"/>
    </row>
    <row r="35412" spans="1:12">
      <c r="A35412" s="6" t="s">
        <v>35412</v>
      </c>
      <c r="B35412" s="6"/>
      <c r="C35412" s="6" t="s">
        <v>32230</v>
      </c>
      <c r="D35412" s="6"/>
      <c r="E35412" s="6" t="s">
        <v>9</v>
      </c>
      <c r="F35412" s="7">
        <v>36245</v>
      </c>
      <c r="G35412" s="8">
        <v>4293000</v>
      </c>
      <c r="H35412" s="8">
        <v>2404080</v>
      </c>
      <c r="I35412" s="8">
        <v>1974780</v>
      </c>
      <c r="J35412" s="8">
        <v>2318220</v>
      </c>
      <c r="K35412" s="9"/>
      <c r="L35412" s="6"/>
    </row>
    <row r="35413" spans="1:12">
      <c r="A35413" s="6" t="s">
        <v>35413</v>
      </c>
      <c r="B35413" s="6"/>
      <c r="C35413" s="6" t="s">
        <v>32230</v>
      </c>
      <c r="D35413" s="6"/>
      <c r="E35413" s="6" t="s">
        <v>9</v>
      </c>
      <c r="F35413" s="7">
        <v>36245</v>
      </c>
      <c r="G35413" s="8">
        <v>24648300</v>
      </c>
      <c r="H35413" s="8">
        <v>13803048</v>
      </c>
      <c r="I35413" s="8">
        <v>11338218</v>
      </c>
      <c r="J35413" s="8">
        <v>13310082</v>
      </c>
      <c r="K35413" s="9"/>
      <c r="L35413" s="6"/>
    </row>
    <row r="35414" spans="1:12">
      <c r="A35414" s="6" t="s">
        <v>35414</v>
      </c>
      <c r="B35414" s="6"/>
      <c r="C35414" s="6" t="s">
        <v>32230</v>
      </c>
      <c r="D35414" s="6"/>
      <c r="E35414" s="6" t="s">
        <v>9</v>
      </c>
      <c r="F35414" s="7">
        <v>36245</v>
      </c>
      <c r="G35414" s="8">
        <v>21465000</v>
      </c>
      <c r="H35414" s="8">
        <v>12020400</v>
      </c>
      <c r="I35414" s="8">
        <v>9873900</v>
      </c>
      <c r="J35414" s="8">
        <v>11591100</v>
      </c>
      <c r="K35414" s="9"/>
      <c r="L35414" s="6"/>
    </row>
    <row r="35415" spans="1:12">
      <c r="A35415" s="6" t="s">
        <v>35415</v>
      </c>
      <c r="B35415" s="6"/>
      <c r="C35415" s="6" t="s">
        <v>32230</v>
      </c>
      <c r="D35415" s="6"/>
      <c r="E35415" s="6" t="s">
        <v>9</v>
      </c>
      <c r="F35415" s="7">
        <v>36245</v>
      </c>
      <c r="G35415" s="8">
        <v>5321700</v>
      </c>
      <c r="H35415" s="8">
        <v>2980152</v>
      </c>
      <c r="I35415" s="8">
        <v>2447982</v>
      </c>
      <c r="J35415" s="8">
        <v>2873718</v>
      </c>
      <c r="K35415" s="9"/>
      <c r="L35415" s="6"/>
    </row>
    <row r="35416" spans="1:12">
      <c r="A35416" s="6" t="s">
        <v>35416</v>
      </c>
      <c r="B35416" s="6"/>
      <c r="C35416" s="6" t="s">
        <v>32230</v>
      </c>
      <c r="D35416" s="6"/>
      <c r="E35416" s="6" t="s">
        <v>9</v>
      </c>
      <c r="F35416" s="7">
        <v>36245</v>
      </c>
      <c r="G35416" s="8">
        <v>23765400</v>
      </c>
      <c r="H35416" s="8">
        <v>13308624</v>
      </c>
      <c r="I35416" s="8">
        <v>10932084</v>
      </c>
      <c r="J35416" s="8">
        <v>12833316</v>
      </c>
      <c r="K35416" s="9"/>
      <c r="L35416" s="6"/>
    </row>
    <row r="35417" spans="1:12">
      <c r="A35417" s="6" t="s">
        <v>35417</v>
      </c>
      <c r="B35417" s="6"/>
      <c r="C35417" s="6" t="s">
        <v>32230</v>
      </c>
      <c r="D35417" s="6"/>
      <c r="E35417" s="6" t="s">
        <v>9</v>
      </c>
      <c r="F35417" s="7">
        <v>36245</v>
      </c>
      <c r="G35417" s="8">
        <v>3528900</v>
      </c>
      <c r="H35417" s="8">
        <v>1976184</v>
      </c>
      <c r="I35417" s="8">
        <v>1623294</v>
      </c>
      <c r="J35417" s="8">
        <v>1905606</v>
      </c>
      <c r="K35417" s="9"/>
      <c r="L35417" s="6"/>
    </row>
    <row r="35418" spans="1:12">
      <c r="A35418" s="6" t="s">
        <v>35418</v>
      </c>
      <c r="B35418" s="6"/>
      <c r="C35418" s="6" t="s">
        <v>32230</v>
      </c>
      <c r="D35418" s="6"/>
      <c r="E35418" s="6" t="s">
        <v>9</v>
      </c>
      <c r="F35418" s="7">
        <v>39169</v>
      </c>
      <c r="G35418" s="8">
        <v>7065900</v>
      </c>
      <c r="H35418" s="8">
        <v>5087448</v>
      </c>
      <c r="I35418" s="8">
        <v>2119770</v>
      </c>
      <c r="J35418" s="8">
        <v>4946130</v>
      </c>
      <c r="K35418" s="9"/>
      <c r="L35418" s="6"/>
    </row>
    <row r="35419" spans="1:12">
      <c r="A35419" s="6" t="s">
        <v>35419</v>
      </c>
      <c r="B35419" s="6"/>
      <c r="C35419" s="6" t="s">
        <v>32230</v>
      </c>
      <c r="D35419" s="6"/>
      <c r="E35419" s="6" t="s">
        <v>9</v>
      </c>
      <c r="F35419" s="7">
        <v>38169</v>
      </c>
      <c r="G35419" s="8">
        <v>3056400</v>
      </c>
      <c r="H35419" s="8">
        <v>2078352</v>
      </c>
      <c r="I35419" s="8">
        <v>1039176</v>
      </c>
      <c r="J35419" s="8">
        <v>2017224</v>
      </c>
      <c r="K35419" s="9"/>
      <c r="L35419" s="6"/>
    </row>
    <row r="35420" spans="1:12">
      <c r="A35420" s="6" t="s">
        <v>35420</v>
      </c>
      <c r="B35420" s="6"/>
      <c r="C35420" s="6" t="s">
        <v>32230</v>
      </c>
      <c r="D35420" s="6"/>
      <c r="E35420" s="6" t="s">
        <v>9</v>
      </c>
      <c r="F35420" s="7">
        <v>37681</v>
      </c>
      <c r="G35420" s="8">
        <v>28492800</v>
      </c>
      <c r="H35420" s="8">
        <v>18235392</v>
      </c>
      <c r="I35420" s="8">
        <v>10827264</v>
      </c>
      <c r="J35420" s="8">
        <v>17665536</v>
      </c>
      <c r="K35420" s="9"/>
      <c r="L35420" s="6"/>
    </row>
    <row r="35421" spans="1:12">
      <c r="A35421" s="6" t="s">
        <v>35421</v>
      </c>
      <c r="B35421" s="6"/>
      <c r="C35421" s="6" t="s">
        <v>32230</v>
      </c>
      <c r="D35421" s="6"/>
      <c r="E35421" s="6" t="s">
        <v>9</v>
      </c>
      <c r="F35421" s="7">
        <v>30270</v>
      </c>
      <c r="G35421" s="8">
        <v>24462000</v>
      </c>
      <c r="H35421" s="8">
        <v>5870880</v>
      </c>
      <c r="I35421" s="8">
        <v>19080360</v>
      </c>
      <c r="J35421" s="8">
        <v>5381640</v>
      </c>
      <c r="K35421" s="9"/>
      <c r="L35421" s="6"/>
    </row>
    <row r="35422" spans="1:12">
      <c r="A35422" s="6" t="s">
        <v>35422</v>
      </c>
      <c r="B35422" s="6"/>
      <c r="C35422" s="6" t="s">
        <v>32230</v>
      </c>
      <c r="D35422" s="6"/>
      <c r="E35422" s="6" t="s">
        <v>9</v>
      </c>
      <c r="F35422" s="7">
        <v>30270</v>
      </c>
      <c r="G35422" s="8">
        <v>11890800</v>
      </c>
      <c r="H35422" s="8">
        <v>2853792</v>
      </c>
      <c r="I35422" s="8">
        <v>9274824</v>
      </c>
      <c r="J35422" s="8">
        <v>2615976</v>
      </c>
      <c r="K35422" s="9"/>
      <c r="L35422" s="6"/>
    </row>
    <row r="35423" spans="1:12">
      <c r="A35423" s="6" t="s">
        <v>35422</v>
      </c>
      <c r="B35423" s="6"/>
      <c r="C35423" s="6" t="s">
        <v>32230</v>
      </c>
      <c r="D35423" s="6"/>
      <c r="E35423" s="6"/>
      <c r="F35423" s="7">
        <v>43922</v>
      </c>
      <c r="G35423" s="8">
        <v>825000</v>
      </c>
      <c r="H35423" s="8">
        <v>825000</v>
      </c>
      <c r="I35423" s="8">
        <v>16500</v>
      </c>
      <c r="J35423" s="8">
        <v>808500</v>
      </c>
      <c r="K35423" s="9"/>
      <c r="L35423" s="6"/>
    </row>
    <row r="35424" spans="1:12">
      <c r="A35424" s="6" t="s">
        <v>35423</v>
      </c>
      <c r="B35424" s="6"/>
      <c r="C35424" s="6" t="s">
        <v>32230</v>
      </c>
      <c r="D35424" s="6"/>
      <c r="E35424" s="6" t="s">
        <v>9</v>
      </c>
      <c r="F35424" s="7">
        <v>30270</v>
      </c>
      <c r="G35424" s="8">
        <v>78975000</v>
      </c>
      <c r="H35424" s="8">
        <v>18954000</v>
      </c>
      <c r="I35424" s="8">
        <v>61600500</v>
      </c>
      <c r="J35424" s="8">
        <v>17374500</v>
      </c>
      <c r="K35424" s="9"/>
      <c r="L35424" s="6"/>
    </row>
    <row r="35425" spans="1:12">
      <c r="A35425" s="6" t="s">
        <v>33185</v>
      </c>
      <c r="B35425" s="6"/>
      <c r="C35425" s="6" t="s">
        <v>32230</v>
      </c>
      <c r="D35425" s="6"/>
      <c r="E35425" s="6" t="s">
        <v>9</v>
      </c>
      <c r="F35425" s="7">
        <v>26390</v>
      </c>
      <c r="G35425" s="8">
        <v>7163520</v>
      </c>
      <c r="H35425" s="8">
        <v>1318128</v>
      </c>
      <c r="I35425" s="8">
        <v>5967171</v>
      </c>
      <c r="J35425" s="8">
        <v>1196349</v>
      </c>
      <c r="K35425" s="9"/>
      <c r="L35425" s="6"/>
    </row>
    <row r="35426" spans="1:12">
      <c r="A35426" s="6" t="s">
        <v>35424</v>
      </c>
      <c r="B35426" s="6"/>
      <c r="C35426" s="6" t="s">
        <v>32230</v>
      </c>
      <c r="D35426" s="6"/>
      <c r="E35426" s="6" t="s">
        <v>9</v>
      </c>
      <c r="F35426" s="7">
        <v>30270</v>
      </c>
      <c r="G35426" s="8">
        <v>2389500</v>
      </c>
      <c r="H35426" s="8">
        <v>573480</v>
      </c>
      <c r="I35426" s="8">
        <v>1863810</v>
      </c>
      <c r="J35426" s="8">
        <v>525690</v>
      </c>
      <c r="K35426" s="9"/>
      <c r="L35426" s="6"/>
    </row>
    <row r="35427" spans="1:12">
      <c r="A35427" s="6" t="s">
        <v>35425</v>
      </c>
      <c r="B35427" s="6"/>
      <c r="C35427" s="6" t="s">
        <v>32230</v>
      </c>
      <c r="D35427" s="6"/>
      <c r="E35427" s="6" t="s">
        <v>9</v>
      </c>
      <c r="F35427" s="7">
        <v>30270</v>
      </c>
      <c r="G35427" s="8">
        <v>67416300</v>
      </c>
      <c r="H35427" s="8">
        <v>16179912</v>
      </c>
      <c r="I35427" s="8">
        <v>52584714</v>
      </c>
      <c r="J35427" s="8">
        <v>14831586</v>
      </c>
      <c r="K35427" s="9"/>
      <c r="L35427" s="6"/>
    </row>
    <row r="35428" spans="1:12">
      <c r="A35428" s="6" t="s">
        <v>35426</v>
      </c>
      <c r="B35428" s="6"/>
      <c r="C35428" s="6" t="s">
        <v>32230</v>
      </c>
      <c r="D35428" s="6"/>
      <c r="E35428" s="6" t="s">
        <v>9</v>
      </c>
      <c r="F35428" s="7">
        <v>30270</v>
      </c>
      <c r="G35428" s="8">
        <v>302528000</v>
      </c>
      <c r="H35428" s="8">
        <v>72606720</v>
      </c>
      <c r="I35428" s="8">
        <v>235971840</v>
      </c>
      <c r="J35428" s="8">
        <v>66556160</v>
      </c>
      <c r="K35428" s="9"/>
      <c r="L35428" s="6"/>
    </row>
    <row r="35429" spans="1:12">
      <c r="A35429" s="6" t="s">
        <v>33185</v>
      </c>
      <c r="B35429" s="6"/>
      <c r="C35429" s="6" t="s">
        <v>32230</v>
      </c>
      <c r="D35429" s="6"/>
      <c r="E35429" s="6" t="s">
        <v>9</v>
      </c>
      <c r="F35429" s="7">
        <v>26390</v>
      </c>
      <c r="G35429" s="8">
        <v>17199000</v>
      </c>
      <c r="H35429" s="8">
        <v>3164616</v>
      </c>
      <c r="I35429" s="8">
        <v>14326767</v>
      </c>
      <c r="J35429" s="8">
        <v>2872233</v>
      </c>
      <c r="K35429" s="9"/>
      <c r="L35429" s="6"/>
    </row>
    <row r="35430" spans="1:12">
      <c r="A35430" s="6" t="s">
        <v>35427</v>
      </c>
      <c r="B35430" s="6"/>
      <c r="C35430" s="6" t="s">
        <v>32230</v>
      </c>
      <c r="D35430" s="6"/>
      <c r="E35430" s="6" t="s">
        <v>9</v>
      </c>
      <c r="F35430" s="7">
        <v>44286</v>
      </c>
      <c r="G35430" s="8">
        <v>1210000</v>
      </c>
      <c r="H35430" s="8">
        <v>1210000</v>
      </c>
      <c r="I35430" s="8">
        <v>81070</v>
      </c>
      <c r="J35430" s="8">
        <v>1128930</v>
      </c>
      <c r="K35430" s="9"/>
      <c r="L35430" s="6"/>
    </row>
    <row r="35431" spans="1:12">
      <c r="A35431" s="6" t="s">
        <v>35428</v>
      </c>
      <c r="B35431" s="6"/>
      <c r="C35431" s="6" t="s">
        <v>32230</v>
      </c>
      <c r="D35431" s="6"/>
      <c r="E35431" s="6" t="s">
        <v>9</v>
      </c>
      <c r="F35431" s="7">
        <v>30270</v>
      </c>
      <c r="G35431" s="8">
        <v>53184600</v>
      </c>
      <c r="H35431" s="8">
        <v>12764304</v>
      </c>
      <c r="I35431" s="8">
        <v>41483988</v>
      </c>
      <c r="J35431" s="8">
        <v>11700612</v>
      </c>
      <c r="K35431" s="9"/>
      <c r="L35431" s="6"/>
    </row>
    <row r="35432" spans="1:12">
      <c r="A35432" s="6" t="s">
        <v>33185</v>
      </c>
      <c r="B35432" s="6"/>
      <c r="C35432" s="6" t="s">
        <v>32230</v>
      </c>
      <c r="D35432" s="6"/>
      <c r="E35432" s="6" t="s">
        <v>9</v>
      </c>
      <c r="F35432" s="7">
        <v>26024</v>
      </c>
      <c r="G35432" s="8">
        <v>9096360</v>
      </c>
      <c r="H35432" s="8">
        <v>1519098</v>
      </c>
      <c r="I35432" s="8">
        <v>7731900</v>
      </c>
      <c r="J35432" s="8">
        <v>1364460</v>
      </c>
      <c r="K35432" s="9"/>
      <c r="L35432" s="6"/>
    </row>
    <row r="35433" spans="1:12">
      <c r="A35433" s="6" t="s">
        <v>35429</v>
      </c>
      <c r="B35433" s="6"/>
      <c r="C35433" s="6" t="s">
        <v>32230</v>
      </c>
      <c r="D35433" s="6"/>
      <c r="E35433" s="6" t="s">
        <v>9</v>
      </c>
      <c r="F35433" s="7">
        <v>30270</v>
      </c>
      <c r="G35433" s="8">
        <v>22291200</v>
      </c>
      <c r="H35433" s="8">
        <v>5349888</v>
      </c>
      <c r="I35433" s="8">
        <v>17387136</v>
      </c>
      <c r="J35433" s="8">
        <v>4904064</v>
      </c>
      <c r="K35433" s="9"/>
      <c r="L35433" s="6"/>
    </row>
    <row r="35434" spans="1:12">
      <c r="A35434" s="6" t="s">
        <v>33185</v>
      </c>
      <c r="B35434" s="6"/>
      <c r="C35434" s="6" t="s">
        <v>32230</v>
      </c>
      <c r="D35434" s="6"/>
      <c r="E35434" s="6" t="s">
        <v>9</v>
      </c>
      <c r="F35434" s="7">
        <v>26755</v>
      </c>
      <c r="G35434" s="8">
        <v>6246240</v>
      </c>
      <c r="H35434" s="8">
        <v>1255498</v>
      </c>
      <c r="I35434" s="8">
        <v>5096928</v>
      </c>
      <c r="J35434" s="8">
        <v>1149312</v>
      </c>
      <c r="K35434" s="9"/>
      <c r="L35434" s="6"/>
    </row>
    <row r="35435" spans="1:12">
      <c r="A35435" s="6" t="s">
        <v>35430</v>
      </c>
      <c r="B35435" s="6"/>
      <c r="C35435" s="6" t="s">
        <v>32230</v>
      </c>
      <c r="D35435" s="6"/>
      <c r="E35435" s="6" t="s">
        <v>9</v>
      </c>
      <c r="F35435" s="7">
        <v>30270</v>
      </c>
      <c r="G35435" s="8">
        <v>9031500</v>
      </c>
      <c r="H35435" s="8">
        <v>2167560</v>
      </c>
      <c r="I35435" s="8">
        <v>7044570</v>
      </c>
      <c r="J35435" s="8">
        <v>1986930</v>
      </c>
      <c r="K35435" s="9"/>
      <c r="L35435" s="6"/>
    </row>
    <row r="35436" spans="1:12">
      <c r="A35436" s="6" t="s">
        <v>35431</v>
      </c>
      <c r="B35436" s="6"/>
      <c r="C35436" s="6" t="s">
        <v>32230</v>
      </c>
      <c r="D35436" s="6"/>
      <c r="E35436" s="6" t="s">
        <v>9</v>
      </c>
      <c r="F35436" s="7">
        <v>30270</v>
      </c>
      <c r="G35436" s="8">
        <v>6012900</v>
      </c>
      <c r="H35436" s="8">
        <v>1443096</v>
      </c>
      <c r="I35436" s="8">
        <v>4690062</v>
      </c>
      <c r="J35436" s="8">
        <v>1322838</v>
      </c>
      <c r="K35436" s="9"/>
      <c r="L35436" s="6"/>
    </row>
    <row r="35437" spans="1:12">
      <c r="A35437" s="6" t="s">
        <v>35432</v>
      </c>
      <c r="B35437" s="6"/>
      <c r="C35437" s="6" t="s">
        <v>32230</v>
      </c>
      <c r="D35437" s="6"/>
      <c r="E35437" s="6" t="s">
        <v>9</v>
      </c>
      <c r="F35437" s="7">
        <v>30270</v>
      </c>
      <c r="G35437" s="8">
        <v>8442900</v>
      </c>
      <c r="H35437" s="8">
        <v>2026296</v>
      </c>
      <c r="I35437" s="8">
        <v>6585462</v>
      </c>
      <c r="J35437" s="8">
        <v>1857438</v>
      </c>
      <c r="K35437" s="9"/>
      <c r="L35437" s="6"/>
    </row>
    <row r="35438" spans="1:12">
      <c r="A35438" s="6" t="s">
        <v>35433</v>
      </c>
      <c r="B35438" s="6"/>
      <c r="C35438" s="6" t="s">
        <v>32230</v>
      </c>
      <c r="D35438" s="6"/>
      <c r="E35438" s="6" t="s">
        <v>9</v>
      </c>
      <c r="F35438" s="7">
        <v>30270</v>
      </c>
      <c r="G35438" s="8">
        <v>7090200</v>
      </c>
      <c r="H35438" s="8">
        <v>1701648</v>
      </c>
      <c r="I35438" s="8">
        <v>5530356</v>
      </c>
      <c r="J35438" s="8">
        <v>1559844</v>
      </c>
      <c r="K35438" s="9"/>
      <c r="L35438" s="6"/>
    </row>
    <row r="35439" spans="1:12">
      <c r="A35439" s="6" t="s">
        <v>35434</v>
      </c>
      <c r="B35439" s="6"/>
      <c r="C35439" s="6" t="s">
        <v>32230</v>
      </c>
      <c r="D35439" s="6"/>
      <c r="E35439" s="6" t="s">
        <v>9</v>
      </c>
      <c r="F35439" s="7">
        <v>30270</v>
      </c>
      <c r="G35439" s="8">
        <v>8491500</v>
      </c>
      <c r="H35439" s="8">
        <v>2037960</v>
      </c>
      <c r="I35439" s="8">
        <v>6623370</v>
      </c>
      <c r="J35439" s="8">
        <v>1868130</v>
      </c>
      <c r="K35439" s="9"/>
      <c r="L35439" s="6"/>
    </row>
    <row r="35440" spans="1:12">
      <c r="A35440" s="6" t="s">
        <v>35435</v>
      </c>
      <c r="B35440" s="6"/>
      <c r="C35440" s="6" t="s">
        <v>32230</v>
      </c>
      <c r="D35440" s="6"/>
      <c r="E35440" s="6" t="s">
        <v>9</v>
      </c>
      <c r="F35440" s="7">
        <v>30270</v>
      </c>
      <c r="G35440" s="8">
        <v>4274100</v>
      </c>
      <c r="H35440" s="8">
        <v>1025784</v>
      </c>
      <c r="I35440" s="8">
        <v>3333798</v>
      </c>
      <c r="J35440" s="8">
        <v>940302</v>
      </c>
      <c r="K35440" s="9"/>
      <c r="L35440" s="6"/>
    </row>
    <row r="35441" spans="1:12">
      <c r="A35441" s="6" t="s">
        <v>35435</v>
      </c>
      <c r="B35441" s="6"/>
      <c r="C35441" s="6" t="s">
        <v>32230</v>
      </c>
      <c r="D35441" s="6"/>
      <c r="E35441" s="6"/>
      <c r="F35441" s="7">
        <v>43922</v>
      </c>
      <c r="G35441" s="8">
        <v>737000</v>
      </c>
      <c r="H35441" s="8">
        <v>737000</v>
      </c>
      <c r="I35441" s="8">
        <v>14740</v>
      </c>
      <c r="J35441" s="8">
        <v>722260</v>
      </c>
      <c r="K35441" s="9"/>
      <c r="L35441" s="6"/>
    </row>
    <row r="35442" spans="1:12">
      <c r="A35442" s="6" t="s">
        <v>35436</v>
      </c>
      <c r="B35442" s="6"/>
      <c r="C35442" s="6" t="s">
        <v>32230</v>
      </c>
      <c r="D35442" s="6"/>
      <c r="E35442" s="6" t="s">
        <v>9</v>
      </c>
      <c r="F35442" s="7">
        <v>30270</v>
      </c>
      <c r="G35442" s="8">
        <v>104371200</v>
      </c>
      <c r="H35442" s="8">
        <v>25049088</v>
      </c>
      <c r="I35442" s="8">
        <v>81409536</v>
      </c>
      <c r="J35442" s="8">
        <v>22961664</v>
      </c>
      <c r="K35442" s="9"/>
      <c r="L35442" s="6"/>
    </row>
    <row r="35443" spans="1:12">
      <c r="A35443" s="6" t="s">
        <v>35436</v>
      </c>
      <c r="B35443" s="6"/>
      <c r="C35443" s="6" t="s">
        <v>32230</v>
      </c>
      <c r="D35443" s="6"/>
      <c r="E35443" s="6"/>
      <c r="F35443" s="7">
        <v>43922</v>
      </c>
      <c r="G35443" s="8">
        <v>82806120</v>
      </c>
      <c r="H35443" s="8">
        <v>82806120</v>
      </c>
      <c r="I35443" s="8">
        <v>1656122</v>
      </c>
      <c r="J35443" s="8">
        <v>81149998</v>
      </c>
      <c r="K35443" s="9"/>
      <c r="L35443" s="6"/>
    </row>
    <row r="35444" spans="1:12">
      <c r="A35444" s="6" t="s">
        <v>35436</v>
      </c>
      <c r="B35444" s="6"/>
      <c r="C35444" s="6" t="s">
        <v>32230</v>
      </c>
      <c r="D35444" s="6"/>
      <c r="E35444" s="6"/>
      <c r="F35444" s="7">
        <v>43922</v>
      </c>
      <c r="G35444" s="8">
        <v>935000</v>
      </c>
      <c r="H35444" s="8">
        <v>935000</v>
      </c>
      <c r="I35444" s="8">
        <v>18700</v>
      </c>
      <c r="J35444" s="8">
        <v>916300</v>
      </c>
      <c r="K35444" s="9"/>
      <c r="L35444" s="6"/>
    </row>
    <row r="35445" spans="1:12">
      <c r="A35445" s="6" t="s">
        <v>33185</v>
      </c>
      <c r="B35445" s="6"/>
      <c r="C35445" s="6" t="s">
        <v>32230</v>
      </c>
      <c r="D35445" s="6"/>
      <c r="E35445" s="6" t="s">
        <v>9</v>
      </c>
      <c r="F35445" s="7">
        <v>26024</v>
      </c>
      <c r="G35445" s="8">
        <v>24324300</v>
      </c>
      <c r="H35445" s="8">
        <v>4062163</v>
      </c>
      <c r="I35445" s="8">
        <v>20675650</v>
      </c>
      <c r="J35445" s="8">
        <v>3648650</v>
      </c>
      <c r="K35445" s="9"/>
      <c r="L35445" s="6"/>
    </row>
    <row r="35446" spans="1:12">
      <c r="A35446" s="6" t="s">
        <v>35437</v>
      </c>
      <c r="B35446" s="6"/>
      <c r="C35446" s="6" t="s">
        <v>32230</v>
      </c>
      <c r="D35446" s="6"/>
      <c r="E35446" s="6" t="s">
        <v>9</v>
      </c>
      <c r="F35446" s="7">
        <v>42460</v>
      </c>
      <c r="G35446" s="8">
        <v>31149360</v>
      </c>
      <c r="H35446" s="8">
        <v>28034425</v>
      </c>
      <c r="I35446" s="8">
        <v>3737922</v>
      </c>
      <c r="J35446" s="8">
        <v>27411438</v>
      </c>
      <c r="K35446" s="9"/>
      <c r="L35446" s="6"/>
    </row>
    <row r="35447" spans="1:12">
      <c r="A35447" s="6" t="s">
        <v>35438</v>
      </c>
      <c r="B35447" s="6"/>
      <c r="C35447" s="6" t="s">
        <v>32230</v>
      </c>
      <c r="D35447" s="6"/>
      <c r="E35447" s="6" t="s">
        <v>9</v>
      </c>
      <c r="F35447" s="7">
        <v>42794</v>
      </c>
      <c r="G35447" s="8">
        <v>464400</v>
      </c>
      <c r="H35447" s="8">
        <v>339944</v>
      </c>
      <c r="I35447" s="8">
        <v>155570</v>
      </c>
      <c r="J35447" s="8">
        <v>308830</v>
      </c>
      <c r="K35447" s="9"/>
      <c r="L35447" s="6"/>
    </row>
    <row r="35448" spans="1:12">
      <c r="A35448" s="6" t="s">
        <v>35439</v>
      </c>
      <c r="B35448" s="6"/>
      <c r="C35448" s="6" t="s">
        <v>32230</v>
      </c>
      <c r="D35448" s="6"/>
      <c r="E35448" s="6" t="s">
        <v>9</v>
      </c>
      <c r="F35448" s="7">
        <v>42794</v>
      </c>
      <c r="G35448" s="8">
        <v>36487800</v>
      </c>
      <c r="H35448" s="8">
        <v>33568776</v>
      </c>
      <c r="I35448" s="8">
        <v>3648780</v>
      </c>
      <c r="J35448" s="8">
        <v>32839020</v>
      </c>
      <c r="K35448" s="9"/>
      <c r="L35448" s="6"/>
    </row>
    <row r="35449" spans="1:12">
      <c r="A35449" s="6" t="s">
        <v>35440</v>
      </c>
      <c r="B35449" s="6"/>
      <c r="C35449" s="6" t="s">
        <v>32230</v>
      </c>
      <c r="D35449" s="6"/>
      <c r="E35449" s="6" t="s">
        <v>9</v>
      </c>
      <c r="F35449" s="7">
        <v>34366</v>
      </c>
      <c r="G35449" s="8">
        <v>12101400</v>
      </c>
      <c r="H35449" s="8">
        <v>5566644</v>
      </c>
      <c r="I35449" s="8">
        <v>6776784</v>
      </c>
      <c r="J35449" s="8">
        <v>5324616</v>
      </c>
      <c r="K35449" s="9"/>
      <c r="L35449" s="6"/>
    </row>
    <row r="35450" spans="1:12">
      <c r="A35450" s="6" t="s">
        <v>35441</v>
      </c>
      <c r="B35450" s="6"/>
      <c r="C35450" s="6" t="s">
        <v>32230</v>
      </c>
      <c r="D35450" s="6"/>
      <c r="E35450" s="6" t="s">
        <v>9</v>
      </c>
      <c r="F35450" s="7">
        <v>30270</v>
      </c>
      <c r="G35450" s="8">
        <v>5564700</v>
      </c>
      <c r="H35450" s="8">
        <v>1335528</v>
      </c>
      <c r="I35450" s="8">
        <v>4340466</v>
      </c>
      <c r="J35450" s="8">
        <v>1224234</v>
      </c>
      <c r="K35450" s="9"/>
      <c r="L35450" s="6"/>
    </row>
    <row r="35451" spans="1:12">
      <c r="A35451" s="6" t="s">
        <v>35442</v>
      </c>
      <c r="B35451" s="6"/>
      <c r="C35451" s="6" t="s">
        <v>32230</v>
      </c>
      <c r="D35451" s="6"/>
      <c r="E35451" s="6" t="s">
        <v>9</v>
      </c>
      <c r="F35451" s="7">
        <v>30270</v>
      </c>
      <c r="G35451" s="8">
        <v>3156300</v>
      </c>
      <c r="H35451" s="8">
        <v>757512</v>
      </c>
      <c r="I35451" s="8">
        <v>2461914</v>
      </c>
      <c r="J35451" s="8">
        <v>694386</v>
      </c>
      <c r="K35451" s="9"/>
      <c r="L35451" s="6"/>
    </row>
    <row r="35452" spans="1:12">
      <c r="A35452" s="6" t="s">
        <v>35443</v>
      </c>
      <c r="B35452" s="6"/>
      <c r="C35452" s="6" t="s">
        <v>32230</v>
      </c>
      <c r="D35452" s="6"/>
      <c r="E35452" s="6" t="s">
        <v>9</v>
      </c>
      <c r="F35452" s="7">
        <v>30270</v>
      </c>
      <c r="G35452" s="8">
        <v>59551200</v>
      </c>
      <c r="H35452" s="8">
        <v>14292288</v>
      </c>
      <c r="I35452" s="8">
        <v>46449936</v>
      </c>
      <c r="J35452" s="8">
        <v>13101264</v>
      </c>
      <c r="K35452" s="9"/>
      <c r="L35452" s="6"/>
    </row>
    <row r="35453" spans="1:12">
      <c r="A35453" s="6" t="s">
        <v>33185</v>
      </c>
      <c r="B35453" s="6"/>
      <c r="C35453" s="6" t="s">
        <v>32230</v>
      </c>
      <c r="D35453" s="6"/>
      <c r="E35453" s="6" t="s">
        <v>9</v>
      </c>
      <c r="F35453" s="7">
        <v>26390</v>
      </c>
      <c r="G35453" s="8">
        <v>13759200</v>
      </c>
      <c r="H35453" s="8">
        <v>2531712</v>
      </c>
      <c r="I35453" s="8">
        <v>11461394</v>
      </c>
      <c r="J35453" s="8">
        <v>2297806</v>
      </c>
      <c r="K35453" s="9"/>
      <c r="L35453" s="6"/>
    </row>
    <row r="35454" spans="1:12">
      <c r="A35454" s="6" t="s">
        <v>35444</v>
      </c>
      <c r="B35454" s="6"/>
      <c r="C35454" s="6" t="s">
        <v>32230</v>
      </c>
      <c r="D35454" s="6"/>
      <c r="E35454" s="6" t="s">
        <v>9</v>
      </c>
      <c r="F35454" s="7">
        <v>30270</v>
      </c>
      <c r="G35454" s="8">
        <v>1597900</v>
      </c>
      <c r="H35454" s="8">
        <v>383496</v>
      </c>
      <c r="I35454" s="8">
        <v>1246362</v>
      </c>
      <c r="J35454" s="8">
        <v>351538</v>
      </c>
      <c r="K35454" s="9"/>
      <c r="L35454" s="6"/>
    </row>
    <row r="35455" spans="1:12">
      <c r="A35455" s="6" t="s">
        <v>35445</v>
      </c>
      <c r="B35455" s="6"/>
      <c r="C35455" s="6" t="s">
        <v>32230</v>
      </c>
      <c r="D35455" s="6"/>
      <c r="E35455" s="6" t="s">
        <v>9</v>
      </c>
      <c r="F35455" s="7">
        <v>30270</v>
      </c>
      <c r="G35455" s="8">
        <v>3204900</v>
      </c>
      <c r="H35455" s="8">
        <v>769176</v>
      </c>
      <c r="I35455" s="8">
        <v>2499822</v>
      </c>
      <c r="J35455" s="8">
        <v>705078</v>
      </c>
      <c r="K35455" s="9"/>
      <c r="L35455" s="6"/>
    </row>
    <row r="35456" spans="1:12">
      <c r="A35456" s="6" t="s">
        <v>35446</v>
      </c>
      <c r="B35456" s="6"/>
      <c r="C35456" s="6" t="s">
        <v>32230</v>
      </c>
      <c r="D35456" s="6"/>
      <c r="E35456" s="6" t="s">
        <v>9</v>
      </c>
      <c r="F35456" s="7">
        <v>30270</v>
      </c>
      <c r="G35456" s="8">
        <v>3726000</v>
      </c>
      <c r="H35456" s="8">
        <v>894240</v>
      </c>
      <c r="I35456" s="8">
        <v>2906280</v>
      </c>
      <c r="J35456" s="8">
        <v>819720</v>
      </c>
      <c r="K35456" s="9"/>
      <c r="L35456" s="6"/>
    </row>
    <row r="35457" spans="1:12">
      <c r="A35457" s="6" t="s">
        <v>35447</v>
      </c>
      <c r="B35457" s="6"/>
      <c r="C35457" s="6" t="s">
        <v>32230</v>
      </c>
      <c r="D35457" s="6"/>
      <c r="E35457" s="6" t="s">
        <v>9</v>
      </c>
      <c r="F35457" s="7">
        <v>30270</v>
      </c>
      <c r="G35457" s="8">
        <v>46246400</v>
      </c>
      <c r="H35457" s="8">
        <v>11099136</v>
      </c>
      <c r="I35457" s="8">
        <v>36072192</v>
      </c>
      <c r="J35457" s="8">
        <v>10174208</v>
      </c>
      <c r="K35457" s="9"/>
      <c r="L35457" s="6"/>
    </row>
    <row r="35458" spans="1:12">
      <c r="A35458" s="6" t="s">
        <v>35448</v>
      </c>
      <c r="B35458" s="6"/>
      <c r="C35458" s="6" t="s">
        <v>32230</v>
      </c>
      <c r="D35458" s="6"/>
      <c r="E35458" s="6" t="s">
        <v>9</v>
      </c>
      <c r="F35458" s="7">
        <v>30270</v>
      </c>
      <c r="G35458" s="8">
        <v>8218800</v>
      </c>
      <c r="H35458" s="8">
        <v>1972512</v>
      </c>
      <c r="I35458" s="8">
        <v>6410664</v>
      </c>
      <c r="J35458" s="8">
        <v>1808136</v>
      </c>
      <c r="K35458" s="9"/>
      <c r="L35458" s="6"/>
    </row>
    <row r="35459" spans="1:12">
      <c r="A35459" s="6" t="s">
        <v>35449</v>
      </c>
      <c r="B35459" s="6"/>
      <c r="C35459" s="6" t="s">
        <v>32230</v>
      </c>
      <c r="D35459" s="6"/>
      <c r="E35459" s="6" t="s">
        <v>9</v>
      </c>
      <c r="F35459" s="7">
        <v>30270</v>
      </c>
      <c r="G35459" s="8">
        <v>42994800</v>
      </c>
      <c r="H35459" s="8">
        <v>10318752</v>
      </c>
      <c r="I35459" s="8">
        <v>33535944</v>
      </c>
      <c r="J35459" s="8">
        <v>9458856</v>
      </c>
      <c r="K35459" s="9"/>
      <c r="L35459" s="6"/>
    </row>
    <row r="35460" spans="1:12">
      <c r="A35460" s="6" t="s">
        <v>35450</v>
      </c>
      <c r="B35460" s="6"/>
      <c r="C35460" s="6" t="s">
        <v>32230</v>
      </c>
      <c r="D35460" s="6"/>
      <c r="E35460" s="6" t="s">
        <v>9</v>
      </c>
      <c r="F35460" s="7">
        <v>31587</v>
      </c>
      <c r="G35460" s="8">
        <v>192371200</v>
      </c>
      <c r="H35460" s="8">
        <v>61558784</v>
      </c>
      <c r="I35460" s="8">
        <v>134659840</v>
      </c>
      <c r="J35460" s="8">
        <v>57711360</v>
      </c>
      <c r="K35460" s="9"/>
      <c r="L35460" s="6"/>
    </row>
    <row r="35461" spans="1:12">
      <c r="A35461" s="6" t="s">
        <v>33185</v>
      </c>
      <c r="B35461" s="6"/>
      <c r="C35461" s="6" t="s">
        <v>32230</v>
      </c>
      <c r="D35461" s="6"/>
      <c r="E35461" s="6" t="s">
        <v>9</v>
      </c>
      <c r="F35461" s="7"/>
      <c r="G35461" s="8">
        <v>1</v>
      </c>
      <c r="H35461" s="8">
        <v>1</v>
      </c>
      <c r="I35461" s="8">
        <v>0</v>
      </c>
      <c r="J35461" s="8">
        <v>1</v>
      </c>
      <c r="K35461" s="9"/>
      <c r="L35461" s="6"/>
    </row>
    <row r="35462" spans="1:12">
      <c r="A35462" s="6" t="s">
        <v>35451</v>
      </c>
      <c r="B35462" s="6"/>
      <c r="C35462" s="6" t="s">
        <v>32230</v>
      </c>
      <c r="D35462" s="6"/>
      <c r="E35462" s="6" t="s">
        <v>9</v>
      </c>
      <c r="F35462" s="7">
        <v>31587</v>
      </c>
      <c r="G35462" s="8">
        <v>29921400</v>
      </c>
      <c r="H35462" s="8">
        <v>9574848</v>
      </c>
      <c r="I35462" s="8">
        <v>20944980</v>
      </c>
      <c r="J35462" s="8">
        <v>8976420</v>
      </c>
      <c r="K35462" s="9"/>
      <c r="L35462" s="6"/>
    </row>
    <row r="35463" spans="1:12">
      <c r="A35463" s="6" t="s">
        <v>35452</v>
      </c>
      <c r="B35463" s="6"/>
      <c r="C35463" s="6" t="s">
        <v>32230</v>
      </c>
      <c r="D35463" s="6"/>
      <c r="E35463" s="6" t="s">
        <v>9</v>
      </c>
      <c r="F35463" s="7">
        <v>33105</v>
      </c>
      <c r="G35463" s="8">
        <v>1179900</v>
      </c>
      <c r="H35463" s="8">
        <v>471960</v>
      </c>
      <c r="I35463" s="8">
        <v>731538</v>
      </c>
      <c r="J35463" s="8">
        <v>448362</v>
      </c>
      <c r="K35463" s="9"/>
      <c r="L35463" s="6"/>
    </row>
    <row r="35464" spans="1:12">
      <c r="A35464" s="6" t="s">
        <v>35453</v>
      </c>
      <c r="B35464" s="6"/>
      <c r="C35464" s="6" t="s">
        <v>32230</v>
      </c>
      <c r="D35464" s="6"/>
      <c r="E35464" s="6" t="s">
        <v>9</v>
      </c>
      <c r="F35464" s="7">
        <v>33786</v>
      </c>
      <c r="G35464" s="8">
        <v>63568800</v>
      </c>
      <c r="H35464" s="8">
        <v>27970272</v>
      </c>
      <c r="I35464" s="8">
        <v>36869904</v>
      </c>
      <c r="J35464" s="8">
        <v>26698896</v>
      </c>
      <c r="K35464" s="9"/>
      <c r="L35464" s="6"/>
    </row>
    <row r="35465" spans="1:12">
      <c r="A35465" s="6" t="s">
        <v>33185</v>
      </c>
      <c r="B35465" s="6"/>
      <c r="C35465" s="6" t="s">
        <v>32230</v>
      </c>
      <c r="D35465" s="6"/>
      <c r="E35465" s="6" t="s">
        <v>9</v>
      </c>
      <c r="F35465" s="7"/>
      <c r="G35465" s="8">
        <v>1</v>
      </c>
      <c r="H35465" s="8">
        <v>1</v>
      </c>
      <c r="I35465" s="8">
        <v>0</v>
      </c>
      <c r="J35465" s="8">
        <v>1</v>
      </c>
      <c r="K35465" s="9"/>
      <c r="L35465" s="6"/>
    </row>
    <row r="35466" spans="1:12">
      <c r="A35466" s="6" t="s">
        <v>35454</v>
      </c>
      <c r="B35466" s="6"/>
      <c r="C35466" s="6" t="s">
        <v>32230</v>
      </c>
      <c r="D35466" s="6"/>
      <c r="E35466" s="6" t="s">
        <v>9</v>
      </c>
      <c r="F35466" s="7">
        <v>35611</v>
      </c>
      <c r="G35466" s="8">
        <v>2376000</v>
      </c>
      <c r="H35466" s="8">
        <v>1283040</v>
      </c>
      <c r="I35466" s="8">
        <v>1140480</v>
      </c>
      <c r="J35466" s="8">
        <v>1235520</v>
      </c>
      <c r="K35466" s="9"/>
      <c r="L35466" s="6"/>
    </row>
    <row r="35467" spans="1:12">
      <c r="A35467" s="6" t="s">
        <v>35455</v>
      </c>
      <c r="B35467" s="6"/>
      <c r="C35467" s="6" t="s">
        <v>32230</v>
      </c>
      <c r="D35467" s="6"/>
      <c r="E35467" s="6" t="s">
        <v>9</v>
      </c>
      <c r="F35467" s="7">
        <v>37777</v>
      </c>
      <c r="G35467" s="8">
        <v>4779000</v>
      </c>
      <c r="H35467" s="8">
        <v>3154140</v>
      </c>
      <c r="I35467" s="8">
        <v>1720440</v>
      </c>
      <c r="J35467" s="8">
        <v>3058560</v>
      </c>
      <c r="K35467" s="9"/>
      <c r="L35467" s="6"/>
    </row>
    <row r="35468" spans="1:12">
      <c r="A35468" s="6" t="s">
        <v>33185</v>
      </c>
      <c r="B35468" s="6"/>
      <c r="C35468" s="6" t="s">
        <v>32230</v>
      </c>
      <c r="D35468" s="6"/>
      <c r="E35468" s="6" t="s">
        <v>9</v>
      </c>
      <c r="F35468" s="7"/>
      <c r="G35468" s="8">
        <v>1</v>
      </c>
      <c r="H35468" s="8">
        <v>1</v>
      </c>
      <c r="I35468" s="8">
        <v>0</v>
      </c>
      <c r="J35468" s="8">
        <v>1</v>
      </c>
      <c r="K35468" s="9"/>
      <c r="L35468" s="6"/>
    </row>
    <row r="35469" spans="1:12">
      <c r="A35469" s="6" t="s">
        <v>35456</v>
      </c>
      <c r="B35469" s="6"/>
      <c r="C35469" s="6" t="s">
        <v>32230</v>
      </c>
      <c r="D35469" s="6"/>
      <c r="E35469" s="6" t="s">
        <v>9</v>
      </c>
      <c r="F35469" s="7">
        <v>37777</v>
      </c>
      <c r="G35469" s="8">
        <v>7200900</v>
      </c>
      <c r="H35469" s="8">
        <v>4752594</v>
      </c>
      <c r="I35469" s="8">
        <v>2592324</v>
      </c>
      <c r="J35469" s="8">
        <v>4608576</v>
      </c>
      <c r="K35469" s="9"/>
      <c r="L35469" s="6"/>
    </row>
    <row r="35470" spans="1:12">
      <c r="A35470" s="6" t="s">
        <v>35457</v>
      </c>
      <c r="B35470" s="6"/>
      <c r="C35470" s="6" t="s">
        <v>32230</v>
      </c>
      <c r="D35470" s="6"/>
      <c r="E35470" s="6" t="s">
        <v>9</v>
      </c>
      <c r="F35470" s="7">
        <v>30498</v>
      </c>
      <c r="G35470" s="8">
        <v>78912000</v>
      </c>
      <c r="H35470" s="8">
        <v>20517120</v>
      </c>
      <c r="I35470" s="8">
        <v>59973120</v>
      </c>
      <c r="J35470" s="8">
        <v>18938880</v>
      </c>
      <c r="K35470" s="9"/>
      <c r="L35470" s="6"/>
    </row>
    <row r="35471" spans="1:12">
      <c r="A35471" s="6" t="s">
        <v>35458</v>
      </c>
      <c r="B35471" s="6"/>
      <c r="C35471" s="6" t="s">
        <v>32230</v>
      </c>
      <c r="D35471" s="6"/>
      <c r="E35471" s="6" t="s">
        <v>9</v>
      </c>
      <c r="F35471" s="7">
        <v>30270</v>
      </c>
      <c r="G35471" s="8">
        <v>89088000</v>
      </c>
      <c r="H35471" s="8">
        <v>21381120</v>
      </c>
      <c r="I35471" s="8">
        <v>69488640</v>
      </c>
      <c r="J35471" s="8">
        <v>19599360</v>
      </c>
      <c r="K35471" s="9"/>
      <c r="L35471" s="6"/>
    </row>
    <row r="35472" spans="1:12">
      <c r="A35472" s="6" t="s">
        <v>35459</v>
      </c>
      <c r="B35472" s="6"/>
      <c r="C35472" s="6" t="s">
        <v>32230</v>
      </c>
      <c r="D35472" s="6"/>
      <c r="E35472" s="6" t="s">
        <v>9</v>
      </c>
      <c r="F35472" s="7">
        <v>30270</v>
      </c>
      <c r="G35472" s="8">
        <v>19968000</v>
      </c>
      <c r="H35472" s="8">
        <v>4792320</v>
      </c>
      <c r="I35472" s="8">
        <v>15575040</v>
      </c>
      <c r="J35472" s="8">
        <v>4392960</v>
      </c>
      <c r="K35472" s="9"/>
      <c r="L35472" s="6"/>
    </row>
    <row r="35473" spans="1:12">
      <c r="A35473" s="6" t="s">
        <v>35460</v>
      </c>
      <c r="B35473" s="6"/>
      <c r="C35473" s="6" t="s">
        <v>32230</v>
      </c>
      <c r="D35473" s="6"/>
      <c r="E35473" s="6" t="s">
        <v>9</v>
      </c>
      <c r="F35473" s="7">
        <v>30270</v>
      </c>
      <c r="G35473" s="8">
        <v>30537000</v>
      </c>
      <c r="H35473" s="8">
        <v>7328880</v>
      </c>
      <c r="I35473" s="8">
        <v>23818860</v>
      </c>
      <c r="J35473" s="8">
        <v>6718140</v>
      </c>
      <c r="K35473" s="9"/>
      <c r="L35473" s="6"/>
    </row>
    <row r="35474" spans="1:12">
      <c r="A35474" s="6" t="s">
        <v>35461</v>
      </c>
      <c r="B35474" s="6"/>
      <c r="C35474" s="6" t="s">
        <v>32230</v>
      </c>
      <c r="D35474" s="6"/>
      <c r="E35474" s="6" t="s">
        <v>9</v>
      </c>
      <c r="F35474" s="7">
        <v>30270</v>
      </c>
      <c r="G35474" s="8">
        <v>35584000</v>
      </c>
      <c r="H35474" s="8">
        <v>8540160</v>
      </c>
      <c r="I35474" s="8">
        <v>27755520</v>
      </c>
      <c r="J35474" s="8">
        <v>7828480</v>
      </c>
      <c r="K35474" s="9"/>
      <c r="L35474" s="6"/>
    </row>
    <row r="35475" spans="1:12">
      <c r="A35475" s="6" t="s">
        <v>35462</v>
      </c>
      <c r="B35475" s="6"/>
      <c r="C35475" s="6" t="s">
        <v>32230</v>
      </c>
      <c r="D35475" s="6"/>
      <c r="E35475" s="6" t="s">
        <v>9</v>
      </c>
      <c r="F35475" s="7">
        <v>30498</v>
      </c>
      <c r="G35475" s="8">
        <v>19008000</v>
      </c>
      <c r="H35475" s="8">
        <v>4942080</v>
      </c>
      <c r="I35475" s="8">
        <v>14446080</v>
      </c>
      <c r="J35475" s="8">
        <v>4561920</v>
      </c>
      <c r="K35475" s="9"/>
      <c r="L35475" s="6"/>
    </row>
    <row r="35476" spans="1:12">
      <c r="A35476" s="6" t="s">
        <v>35463</v>
      </c>
      <c r="B35476" s="6"/>
      <c r="C35476" s="6" t="s">
        <v>32230</v>
      </c>
      <c r="D35476" s="6"/>
      <c r="E35476" s="6" t="s">
        <v>9</v>
      </c>
      <c r="F35476" s="7">
        <v>30498</v>
      </c>
      <c r="G35476" s="8">
        <v>33280000</v>
      </c>
      <c r="H35476" s="8">
        <v>8652800</v>
      </c>
      <c r="I35476" s="8">
        <v>25292800</v>
      </c>
      <c r="J35476" s="8">
        <v>7987200</v>
      </c>
      <c r="K35476" s="9"/>
      <c r="L35476" s="6"/>
    </row>
    <row r="35477" spans="1:12">
      <c r="A35477" s="6" t="s">
        <v>35464</v>
      </c>
      <c r="B35477" s="6"/>
      <c r="C35477" s="6" t="s">
        <v>32230</v>
      </c>
      <c r="D35477" s="6"/>
      <c r="E35477" s="6" t="s">
        <v>9</v>
      </c>
      <c r="F35477" s="7">
        <v>42628</v>
      </c>
      <c r="G35477" s="8">
        <v>1237680</v>
      </c>
      <c r="H35477" s="8">
        <v>742608</v>
      </c>
      <c r="I35477" s="8">
        <v>618840</v>
      </c>
      <c r="J35477" s="8">
        <v>618840</v>
      </c>
      <c r="K35477" s="9"/>
      <c r="L35477" s="6"/>
    </row>
    <row r="35478" spans="1:12">
      <c r="A35478" s="6" t="s">
        <v>35465</v>
      </c>
      <c r="B35478" s="6"/>
      <c r="C35478" s="6" t="s">
        <v>32230</v>
      </c>
      <c r="D35478" s="6"/>
      <c r="E35478" s="6" t="s">
        <v>9</v>
      </c>
      <c r="F35478" s="7">
        <v>30498</v>
      </c>
      <c r="G35478" s="8">
        <v>46848000</v>
      </c>
      <c r="H35478" s="8">
        <v>12180480</v>
      </c>
      <c r="I35478" s="8">
        <v>35604480</v>
      </c>
      <c r="J35478" s="8">
        <v>11243520</v>
      </c>
      <c r="K35478" s="9"/>
      <c r="L35478" s="6"/>
    </row>
    <row r="35479" spans="1:12">
      <c r="A35479" s="6" t="s">
        <v>35466</v>
      </c>
      <c r="B35479" s="6"/>
      <c r="C35479" s="6" t="s">
        <v>32230</v>
      </c>
      <c r="D35479" s="6"/>
      <c r="E35479" s="6" t="s">
        <v>9</v>
      </c>
      <c r="F35479" s="7">
        <v>43651</v>
      </c>
      <c r="G35479" s="8">
        <v>378000</v>
      </c>
      <c r="H35479" s="8">
        <v>340200</v>
      </c>
      <c r="I35479" s="8">
        <v>75600</v>
      </c>
      <c r="J35479" s="8">
        <v>302400</v>
      </c>
      <c r="K35479" s="9"/>
      <c r="L35479" s="6"/>
    </row>
    <row r="35480" spans="1:12">
      <c r="A35480" s="6" t="s">
        <v>35467</v>
      </c>
      <c r="B35480" s="6"/>
      <c r="C35480" s="6" t="s">
        <v>32230</v>
      </c>
      <c r="D35480" s="6"/>
      <c r="E35480" s="6" t="s">
        <v>9</v>
      </c>
      <c r="F35480" s="7">
        <v>44211</v>
      </c>
      <c r="G35480" s="8">
        <v>238700</v>
      </c>
      <c r="H35480" s="8">
        <v>238700</v>
      </c>
      <c r="I35480" s="8">
        <v>23870</v>
      </c>
      <c r="J35480" s="8">
        <v>214830</v>
      </c>
      <c r="K35480" s="9"/>
      <c r="L35480" s="6"/>
    </row>
    <row r="35481" spans="1:12">
      <c r="A35481" s="6" t="s">
        <v>35468</v>
      </c>
      <c r="B35481" s="6"/>
      <c r="C35481" s="6" t="s">
        <v>32230</v>
      </c>
      <c r="D35481" s="6"/>
      <c r="E35481" s="6" t="s">
        <v>9</v>
      </c>
      <c r="F35481" s="7">
        <v>30270</v>
      </c>
      <c r="G35481" s="8">
        <v>18112000</v>
      </c>
      <c r="H35481" s="8">
        <v>4346880</v>
      </c>
      <c r="I35481" s="8">
        <v>14127360</v>
      </c>
      <c r="J35481" s="8">
        <v>3984640</v>
      </c>
      <c r="K35481" s="9"/>
      <c r="L35481" s="6"/>
    </row>
    <row r="35482" spans="1:12">
      <c r="A35482" s="6" t="s">
        <v>35469</v>
      </c>
      <c r="B35482" s="6"/>
      <c r="C35482" s="6" t="s">
        <v>32230</v>
      </c>
      <c r="D35482" s="6"/>
      <c r="E35482" s="6" t="s">
        <v>9</v>
      </c>
      <c r="F35482" s="7">
        <v>30270</v>
      </c>
      <c r="G35482" s="8">
        <v>5832000</v>
      </c>
      <c r="H35482" s="8">
        <v>1399680</v>
      </c>
      <c r="I35482" s="8">
        <v>4548960</v>
      </c>
      <c r="J35482" s="8">
        <v>1283040</v>
      </c>
      <c r="K35482" s="9"/>
      <c r="L35482" s="6"/>
    </row>
    <row r="35483" spans="1:12">
      <c r="A35483" s="6" t="s">
        <v>35470</v>
      </c>
      <c r="B35483" s="6"/>
      <c r="C35483" s="6" t="s">
        <v>32230</v>
      </c>
      <c r="D35483" s="6"/>
      <c r="E35483" s="6" t="s">
        <v>9</v>
      </c>
      <c r="F35483" s="7">
        <v>30270</v>
      </c>
      <c r="G35483" s="8">
        <v>2597400</v>
      </c>
      <c r="H35483" s="8">
        <v>623376</v>
      </c>
      <c r="I35483" s="8">
        <v>2025972</v>
      </c>
      <c r="J35483" s="8">
        <v>571428</v>
      </c>
      <c r="K35483" s="9"/>
      <c r="L35483" s="6"/>
    </row>
    <row r="35484" spans="1:12">
      <c r="A35484" s="6" t="s">
        <v>35471</v>
      </c>
      <c r="B35484" s="6"/>
      <c r="C35484" s="6" t="s">
        <v>32230</v>
      </c>
      <c r="D35484" s="6"/>
      <c r="E35484" s="6" t="s">
        <v>9</v>
      </c>
      <c r="F35484" s="7">
        <v>30270</v>
      </c>
      <c r="G35484" s="8">
        <v>10651500</v>
      </c>
      <c r="H35484" s="8">
        <v>2556360</v>
      </c>
      <c r="I35484" s="8">
        <v>8308170</v>
      </c>
      <c r="J35484" s="8">
        <v>2343330</v>
      </c>
      <c r="K35484" s="9"/>
      <c r="L35484" s="6"/>
    </row>
    <row r="35485" spans="1:12">
      <c r="A35485" s="6" t="s">
        <v>35472</v>
      </c>
      <c r="B35485" s="6"/>
      <c r="C35485" s="6" t="s">
        <v>32230</v>
      </c>
      <c r="D35485" s="6"/>
      <c r="E35485" s="6" t="s">
        <v>9</v>
      </c>
      <c r="F35485" s="7">
        <v>30270</v>
      </c>
      <c r="G35485" s="8">
        <v>2592000</v>
      </c>
      <c r="H35485" s="8">
        <v>622080</v>
      </c>
      <c r="I35485" s="8">
        <v>2021760</v>
      </c>
      <c r="J35485" s="8">
        <v>570240</v>
      </c>
      <c r="K35485" s="9"/>
      <c r="L35485" s="6"/>
    </row>
    <row r="35486" spans="1:12">
      <c r="A35486" s="6" t="s">
        <v>35473</v>
      </c>
      <c r="B35486" s="6"/>
      <c r="C35486" s="6" t="s">
        <v>32230</v>
      </c>
      <c r="D35486" s="6"/>
      <c r="E35486" s="6" t="s">
        <v>9</v>
      </c>
      <c r="F35486" s="7">
        <v>30270</v>
      </c>
      <c r="G35486" s="8">
        <v>8869500</v>
      </c>
      <c r="H35486" s="8">
        <v>2128680</v>
      </c>
      <c r="I35486" s="8">
        <v>6918210</v>
      </c>
      <c r="J35486" s="8">
        <v>1951290</v>
      </c>
      <c r="K35486" s="9"/>
      <c r="L35486" s="6"/>
    </row>
    <row r="35487" spans="1:12">
      <c r="A35487" s="6" t="s">
        <v>35474</v>
      </c>
      <c r="B35487" s="6"/>
      <c r="C35487" s="6" t="s">
        <v>32230</v>
      </c>
      <c r="D35487" s="6"/>
      <c r="E35487" s="6" t="s">
        <v>9</v>
      </c>
      <c r="F35487" s="7">
        <v>30270</v>
      </c>
      <c r="G35487" s="8">
        <v>10165500</v>
      </c>
      <c r="H35487" s="8">
        <v>2439720</v>
      </c>
      <c r="I35487" s="8">
        <v>7929090</v>
      </c>
      <c r="J35487" s="8">
        <v>2236410</v>
      </c>
      <c r="K35487" s="9"/>
      <c r="L35487" s="6"/>
    </row>
    <row r="35488" spans="1:12">
      <c r="A35488" s="6" t="s">
        <v>35475</v>
      </c>
      <c r="B35488" s="6"/>
      <c r="C35488" s="6" t="s">
        <v>32230</v>
      </c>
      <c r="D35488" s="6"/>
      <c r="E35488" s="6" t="s">
        <v>9</v>
      </c>
      <c r="F35488" s="7">
        <v>30498</v>
      </c>
      <c r="G35488" s="8">
        <v>12555000</v>
      </c>
      <c r="H35488" s="8">
        <v>3264300</v>
      </c>
      <c r="I35488" s="8">
        <v>9541800</v>
      </c>
      <c r="J35488" s="8">
        <v>3013200</v>
      </c>
      <c r="K35488" s="9"/>
      <c r="L35488" s="6"/>
    </row>
    <row r="35489" spans="1:12">
      <c r="A35489" s="6" t="s">
        <v>35476</v>
      </c>
      <c r="B35489" s="6"/>
      <c r="C35489" s="6" t="s">
        <v>32230</v>
      </c>
      <c r="D35489" s="6"/>
      <c r="E35489" s="6" t="s">
        <v>9</v>
      </c>
      <c r="F35489" s="7">
        <v>30270</v>
      </c>
      <c r="G35489" s="8">
        <v>15228000</v>
      </c>
      <c r="H35489" s="8">
        <v>3654720</v>
      </c>
      <c r="I35489" s="8">
        <v>11877840</v>
      </c>
      <c r="J35489" s="8">
        <v>3350160</v>
      </c>
      <c r="K35489" s="9"/>
      <c r="L35489" s="6"/>
    </row>
    <row r="35490" spans="1:12">
      <c r="A35490" s="6" t="s">
        <v>35477</v>
      </c>
      <c r="B35490" s="6"/>
      <c r="C35490" s="6" t="s">
        <v>32230</v>
      </c>
      <c r="D35490" s="6"/>
      <c r="E35490" s="6" t="s">
        <v>9</v>
      </c>
      <c r="F35490" s="7">
        <v>30270</v>
      </c>
      <c r="G35490" s="8">
        <v>10206000</v>
      </c>
      <c r="H35490" s="8">
        <v>2449440</v>
      </c>
      <c r="I35490" s="8">
        <v>7960680</v>
      </c>
      <c r="J35490" s="8">
        <v>2245320</v>
      </c>
      <c r="K35490" s="9"/>
      <c r="L35490" s="6"/>
    </row>
    <row r="35491" spans="1:12">
      <c r="A35491" s="6" t="s">
        <v>35478</v>
      </c>
      <c r="B35491" s="6"/>
      <c r="C35491" s="6" t="s">
        <v>32230</v>
      </c>
      <c r="D35491" s="6"/>
      <c r="E35491" s="6"/>
      <c r="F35491" s="7">
        <v>43556</v>
      </c>
      <c r="G35491" s="8">
        <v>1287000</v>
      </c>
      <c r="H35491" s="8">
        <v>1261260</v>
      </c>
      <c r="I35491" s="8">
        <v>51480</v>
      </c>
      <c r="J35491" s="8">
        <v>1235520</v>
      </c>
      <c r="K35491" s="9"/>
      <c r="L35491" s="6"/>
    </row>
    <row r="35492" spans="1:12">
      <c r="A35492" s="6" t="s">
        <v>35478</v>
      </c>
      <c r="B35492" s="6"/>
      <c r="C35492" s="6" t="s">
        <v>32230</v>
      </c>
      <c r="D35492" s="6"/>
      <c r="E35492" s="6" t="s">
        <v>9</v>
      </c>
      <c r="F35492" s="7">
        <v>31952</v>
      </c>
      <c r="G35492" s="8">
        <v>21829500</v>
      </c>
      <c r="H35492" s="8">
        <v>7422030</v>
      </c>
      <c r="I35492" s="8">
        <v>14844060</v>
      </c>
      <c r="J35492" s="8">
        <v>6985440</v>
      </c>
      <c r="K35492" s="9"/>
      <c r="L35492" s="6"/>
    </row>
    <row r="35493" spans="1:12">
      <c r="A35493" s="6" t="s">
        <v>35479</v>
      </c>
      <c r="B35493" s="6"/>
      <c r="C35493" s="6" t="s">
        <v>32230</v>
      </c>
      <c r="D35493" s="6"/>
      <c r="E35493" s="6" t="s">
        <v>9</v>
      </c>
      <c r="F35493" s="7">
        <v>43529</v>
      </c>
      <c r="G35493" s="8">
        <v>1296000</v>
      </c>
      <c r="H35493" s="8">
        <v>1231200</v>
      </c>
      <c r="I35493" s="8">
        <v>97200</v>
      </c>
      <c r="J35493" s="8">
        <v>1198800</v>
      </c>
      <c r="K35493" s="9"/>
      <c r="L35493" s="6"/>
    </row>
    <row r="35494" spans="1:12">
      <c r="A35494" s="6" t="s">
        <v>35480</v>
      </c>
      <c r="B35494" s="6"/>
      <c r="C35494" s="6" t="s">
        <v>32230</v>
      </c>
      <c r="D35494" s="6"/>
      <c r="E35494" s="6" t="s">
        <v>9</v>
      </c>
      <c r="F35494" s="7">
        <v>31952</v>
      </c>
      <c r="G35494" s="8">
        <v>6480000</v>
      </c>
      <c r="H35494" s="8">
        <v>2203200</v>
      </c>
      <c r="I35494" s="8">
        <v>4406400</v>
      </c>
      <c r="J35494" s="8">
        <v>2073600</v>
      </c>
      <c r="K35494" s="9"/>
      <c r="L35494" s="6"/>
    </row>
    <row r="35495" spans="1:12">
      <c r="A35495" s="6" t="s">
        <v>35481</v>
      </c>
      <c r="B35495" s="6"/>
      <c r="C35495" s="6" t="s">
        <v>32230</v>
      </c>
      <c r="D35495" s="6"/>
      <c r="E35495" s="6" t="s">
        <v>9</v>
      </c>
      <c r="F35495" s="7">
        <v>31952</v>
      </c>
      <c r="G35495" s="8">
        <v>6844500</v>
      </c>
      <c r="H35495" s="8">
        <v>2327130</v>
      </c>
      <c r="I35495" s="8">
        <v>4654260</v>
      </c>
      <c r="J35495" s="8">
        <v>2190240</v>
      </c>
      <c r="K35495" s="9"/>
      <c r="L35495" s="6"/>
    </row>
    <row r="35496" spans="1:12">
      <c r="A35496" s="6" t="s">
        <v>35482</v>
      </c>
      <c r="B35496" s="6"/>
      <c r="C35496" s="6" t="s">
        <v>32230</v>
      </c>
      <c r="D35496" s="6"/>
      <c r="E35496" s="6" t="s">
        <v>9</v>
      </c>
      <c r="F35496" s="7">
        <v>30270</v>
      </c>
      <c r="G35496" s="8">
        <v>4536000</v>
      </c>
      <c r="H35496" s="8">
        <v>1088640</v>
      </c>
      <c r="I35496" s="8">
        <v>3538080</v>
      </c>
      <c r="J35496" s="8">
        <v>997920</v>
      </c>
      <c r="K35496" s="9"/>
      <c r="L35496" s="6"/>
    </row>
    <row r="35497" spans="1:12">
      <c r="A35497" s="6" t="s">
        <v>35483</v>
      </c>
      <c r="B35497" s="6"/>
      <c r="C35497" s="6" t="s">
        <v>32230</v>
      </c>
      <c r="D35497" s="6"/>
      <c r="E35497" s="6" t="s">
        <v>9</v>
      </c>
      <c r="F35497" s="7">
        <v>30270</v>
      </c>
      <c r="G35497" s="8">
        <v>7330500</v>
      </c>
      <c r="H35497" s="8">
        <v>1759320</v>
      </c>
      <c r="I35497" s="8">
        <v>5717790</v>
      </c>
      <c r="J35497" s="8">
        <v>1612710</v>
      </c>
      <c r="K35497" s="9"/>
      <c r="L35497" s="6"/>
    </row>
    <row r="35498" spans="1:12">
      <c r="A35498" s="6" t="s">
        <v>35484</v>
      </c>
      <c r="B35498" s="6"/>
      <c r="C35498" s="6" t="s">
        <v>32230</v>
      </c>
      <c r="D35498" s="6"/>
      <c r="E35498" s="6" t="s">
        <v>9</v>
      </c>
      <c r="F35498" s="7">
        <v>30270</v>
      </c>
      <c r="G35498" s="8">
        <v>8100000</v>
      </c>
      <c r="H35498" s="8">
        <v>1944000</v>
      </c>
      <c r="I35498" s="8">
        <v>6318000</v>
      </c>
      <c r="J35498" s="8">
        <v>1782000</v>
      </c>
      <c r="K35498" s="9"/>
      <c r="L35498" s="6"/>
    </row>
    <row r="35499" spans="1:12">
      <c r="A35499" s="6" t="s">
        <v>35485</v>
      </c>
      <c r="B35499" s="6"/>
      <c r="C35499" s="6" t="s">
        <v>32230</v>
      </c>
      <c r="D35499" s="6"/>
      <c r="E35499" s="6" t="s">
        <v>9</v>
      </c>
      <c r="F35499" s="7">
        <v>30270</v>
      </c>
      <c r="G35499" s="8">
        <v>11542500</v>
      </c>
      <c r="H35499" s="8">
        <v>2770200</v>
      </c>
      <c r="I35499" s="8">
        <v>9003150</v>
      </c>
      <c r="J35499" s="8">
        <v>2539350</v>
      </c>
      <c r="K35499" s="9"/>
      <c r="L35499" s="6"/>
    </row>
    <row r="35500" spans="1:12">
      <c r="A35500" s="6" t="s">
        <v>35486</v>
      </c>
      <c r="B35500" s="6"/>
      <c r="C35500" s="6" t="s">
        <v>32230</v>
      </c>
      <c r="D35500" s="6"/>
      <c r="E35500" s="6" t="s">
        <v>9</v>
      </c>
      <c r="F35500" s="7">
        <v>30270</v>
      </c>
      <c r="G35500" s="8">
        <v>19197000</v>
      </c>
      <c r="H35500" s="8">
        <v>4607280</v>
      </c>
      <c r="I35500" s="8">
        <v>14973660</v>
      </c>
      <c r="J35500" s="8">
        <v>4223340</v>
      </c>
      <c r="K35500" s="9"/>
      <c r="L35500" s="6"/>
    </row>
    <row r="35501" spans="1:12">
      <c r="A35501" s="6" t="s">
        <v>35487</v>
      </c>
      <c r="B35501" s="6"/>
      <c r="C35501" s="6" t="s">
        <v>32230</v>
      </c>
      <c r="D35501" s="6"/>
      <c r="E35501" s="6" t="s">
        <v>9</v>
      </c>
      <c r="F35501" s="7">
        <v>30270</v>
      </c>
      <c r="G35501" s="8">
        <v>4981500</v>
      </c>
      <c r="H35501" s="8">
        <v>1195560</v>
      </c>
      <c r="I35501" s="8">
        <v>3885570</v>
      </c>
      <c r="J35501" s="8">
        <v>1095930</v>
      </c>
      <c r="K35501" s="9"/>
      <c r="L35501" s="6"/>
    </row>
    <row r="35502" spans="1:12">
      <c r="A35502" s="6" t="s">
        <v>35488</v>
      </c>
      <c r="B35502" s="6"/>
      <c r="C35502" s="6" t="s">
        <v>32230</v>
      </c>
      <c r="D35502" s="6"/>
      <c r="E35502" s="6" t="s">
        <v>9</v>
      </c>
      <c r="F35502" s="7">
        <v>30270</v>
      </c>
      <c r="G35502" s="8">
        <v>3159000</v>
      </c>
      <c r="H35502" s="8">
        <v>758160</v>
      </c>
      <c r="I35502" s="8">
        <v>2464020</v>
      </c>
      <c r="J35502" s="8">
        <v>694980</v>
      </c>
      <c r="K35502" s="9"/>
      <c r="L35502" s="6"/>
    </row>
    <row r="35503" spans="1:12">
      <c r="A35503" s="6" t="s">
        <v>35489</v>
      </c>
      <c r="B35503" s="6"/>
      <c r="C35503" s="6" t="s">
        <v>32230</v>
      </c>
      <c r="D35503" s="6"/>
      <c r="E35503" s="6" t="s">
        <v>9</v>
      </c>
      <c r="F35503" s="7">
        <v>30270</v>
      </c>
      <c r="G35503" s="8">
        <v>4981500</v>
      </c>
      <c r="H35503" s="8">
        <v>1195560</v>
      </c>
      <c r="I35503" s="8">
        <v>3885570</v>
      </c>
      <c r="J35503" s="8">
        <v>1095930</v>
      </c>
      <c r="K35503" s="9"/>
      <c r="L35503" s="6"/>
    </row>
    <row r="35504" spans="1:12">
      <c r="A35504" s="6" t="s">
        <v>35490</v>
      </c>
      <c r="B35504" s="6"/>
      <c r="C35504" s="6" t="s">
        <v>32230</v>
      </c>
      <c r="D35504" s="6"/>
      <c r="E35504" s="6" t="s">
        <v>9</v>
      </c>
      <c r="F35504" s="7">
        <v>31952</v>
      </c>
      <c r="G35504" s="8">
        <v>38353500</v>
      </c>
      <c r="H35504" s="8">
        <v>13040190</v>
      </c>
      <c r="I35504" s="8">
        <v>26080380</v>
      </c>
      <c r="J35504" s="8">
        <v>12273120</v>
      </c>
      <c r="K35504" s="9"/>
      <c r="L35504" s="6"/>
    </row>
    <row r="35505" spans="1:12">
      <c r="A35505" s="6" t="s">
        <v>35491</v>
      </c>
      <c r="B35505" s="6"/>
      <c r="C35505" s="6" t="s">
        <v>32230</v>
      </c>
      <c r="D35505" s="6"/>
      <c r="E35505" s="6" t="s">
        <v>9</v>
      </c>
      <c r="F35505" s="7">
        <v>31952</v>
      </c>
      <c r="G35505" s="8">
        <v>9566100</v>
      </c>
      <c r="H35505" s="8">
        <v>3252474</v>
      </c>
      <c r="I35505" s="8">
        <v>6504948</v>
      </c>
      <c r="J35505" s="8">
        <v>3061152</v>
      </c>
      <c r="K35505" s="9"/>
      <c r="L35505" s="6"/>
    </row>
    <row r="35506" spans="1:12">
      <c r="A35506" s="6" t="s">
        <v>35492</v>
      </c>
      <c r="B35506" s="6"/>
      <c r="C35506" s="6" t="s">
        <v>32230</v>
      </c>
      <c r="D35506" s="6"/>
      <c r="E35506" s="6" t="s">
        <v>9</v>
      </c>
      <c r="F35506" s="7">
        <v>31952</v>
      </c>
      <c r="G35506" s="8">
        <v>6075000</v>
      </c>
      <c r="H35506" s="8">
        <v>2065500</v>
      </c>
      <c r="I35506" s="8">
        <v>4131000</v>
      </c>
      <c r="J35506" s="8">
        <v>1944000</v>
      </c>
      <c r="K35506" s="9"/>
      <c r="L35506" s="6"/>
    </row>
    <row r="35507" spans="1:12">
      <c r="A35507" s="6" t="s">
        <v>35493</v>
      </c>
      <c r="B35507" s="6"/>
      <c r="C35507" s="6" t="s">
        <v>32230</v>
      </c>
      <c r="D35507" s="6"/>
      <c r="E35507" s="6" t="s">
        <v>9</v>
      </c>
      <c r="F35507" s="7">
        <v>31952</v>
      </c>
      <c r="G35507" s="8">
        <v>6885000</v>
      </c>
      <c r="H35507" s="8">
        <v>2340900</v>
      </c>
      <c r="I35507" s="8">
        <v>4681800</v>
      </c>
      <c r="J35507" s="8">
        <v>2203200</v>
      </c>
      <c r="K35507" s="9"/>
      <c r="L35507" s="6"/>
    </row>
    <row r="35508" spans="1:12">
      <c r="A35508" s="6" t="s">
        <v>35494</v>
      </c>
      <c r="B35508" s="6"/>
      <c r="C35508" s="6" t="s">
        <v>32230</v>
      </c>
      <c r="D35508" s="6"/>
      <c r="E35508" s="6" t="s">
        <v>9</v>
      </c>
      <c r="F35508" s="7">
        <v>31952</v>
      </c>
      <c r="G35508" s="8">
        <v>6966000</v>
      </c>
      <c r="H35508" s="8">
        <v>2368440</v>
      </c>
      <c r="I35508" s="8">
        <v>4736880</v>
      </c>
      <c r="J35508" s="8">
        <v>2229120</v>
      </c>
      <c r="K35508" s="9"/>
      <c r="L35508" s="6"/>
    </row>
    <row r="35509" spans="1:12">
      <c r="A35509" s="6" t="s">
        <v>35495</v>
      </c>
      <c r="B35509" s="6"/>
      <c r="C35509" s="6" t="s">
        <v>32230</v>
      </c>
      <c r="D35509" s="6"/>
      <c r="E35509" s="6" t="s">
        <v>9</v>
      </c>
      <c r="F35509" s="7">
        <v>31952</v>
      </c>
      <c r="G35509" s="8">
        <v>5022000</v>
      </c>
      <c r="H35509" s="8">
        <v>1707480</v>
      </c>
      <c r="I35509" s="8">
        <v>3414960</v>
      </c>
      <c r="J35509" s="8">
        <v>1607040</v>
      </c>
      <c r="K35509" s="9"/>
      <c r="L35509" s="6"/>
    </row>
    <row r="35510" spans="1:12">
      <c r="A35510" s="6" t="s">
        <v>35496</v>
      </c>
      <c r="B35510" s="6"/>
      <c r="C35510" s="6" t="s">
        <v>32230</v>
      </c>
      <c r="D35510" s="6"/>
      <c r="E35510" s="6" t="s">
        <v>9</v>
      </c>
      <c r="F35510" s="7">
        <v>31952</v>
      </c>
      <c r="G35510" s="8">
        <v>23328000</v>
      </c>
      <c r="H35510" s="8">
        <v>7931520</v>
      </c>
      <c r="I35510" s="8">
        <v>15863040</v>
      </c>
      <c r="J35510" s="8">
        <v>7464960</v>
      </c>
      <c r="K35510" s="9"/>
      <c r="L35510" s="6"/>
    </row>
    <row r="35511" spans="1:12">
      <c r="A35511" s="6" t="s">
        <v>35497</v>
      </c>
      <c r="B35511" s="6"/>
      <c r="C35511" s="6" t="s">
        <v>32230</v>
      </c>
      <c r="D35511" s="6"/>
      <c r="E35511" s="6" t="s">
        <v>9</v>
      </c>
      <c r="F35511" s="7">
        <v>31952</v>
      </c>
      <c r="G35511" s="8">
        <v>5791500</v>
      </c>
      <c r="H35511" s="8">
        <v>1969110</v>
      </c>
      <c r="I35511" s="8">
        <v>3938220</v>
      </c>
      <c r="J35511" s="8">
        <v>1853280</v>
      </c>
      <c r="K35511" s="9"/>
      <c r="L35511" s="6"/>
    </row>
    <row r="35512" spans="1:12">
      <c r="A35512" s="6" t="s">
        <v>35498</v>
      </c>
      <c r="B35512" s="6"/>
      <c r="C35512" s="6" t="s">
        <v>32230</v>
      </c>
      <c r="D35512" s="6"/>
      <c r="E35512" s="6" t="s">
        <v>9</v>
      </c>
      <c r="F35512" s="7">
        <v>30270</v>
      </c>
      <c r="G35512" s="8">
        <v>850500</v>
      </c>
      <c r="H35512" s="8">
        <v>204120</v>
      </c>
      <c r="I35512" s="8">
        <v>663390</v>
      </c>
      <c r="J35512" s="8">
        <v>187110</v>
      </c>
      <c r="K35512" s="9"/>
      <c r="L35512" s="6"/>
    </row>
    <row r="35513" spans="1:12">
      <c r="A35513" s="6" t="s">
        <v>35499</v>
      </c>
      <c r="B35513" s="6"/>
      <c r="C35513" s="6" t="s">
        <v>32230</v>
      </c>
      <c r="D35513" s="6"/>
      <c r="E35513" s="6" t="s">
        <v>9</v>
      </c>
      <c r="F35513" s="7">
        <v>30270</v>
      </c>
      <c r="G35513" s="8">
        <v>8440200</v>
      </c>
      <c r="H35513" s="8">
        <v>2025648</v>
      </c>
      <c r="I35513" s="8">
        <v>6583356</v>
      </c>
      <c r="J35513" s="8">
        <v>1856844</v>
      </c>
      <c r="K35513" s="9"/>
      <c r="L35513" s="6"/>
    </row>
    <row r="35514" spans="1:12">
      <c r="A35514" s="6" t="s">
        <v>35500</v>
      </c>
      <c r="B35514" s="6"/>
      <c r="C35514" s="6" t="s">
        <v>32230</v>
      </c>
      <c r="D35514" s="6"/>
      <c r="E35514" s="6" t="s">
        <v>9</v>
      </c>
      <c r="F35514" s="7">
        <v>30498</v>
      </c>
      <c r="G35514" s="8">
        <v>8019000</v>
      </c>
      <c r="H35514" s="8">
        <v>2084940</v>
      </c>
      <c r="I35514" s="8">
        <v>6094440</v>
      </c>
      <c r="J35514" s="8">
        <v>1924560</v>
      </c>
      <c r="K35514" s="9"/>
      <c r="L35514" s="6"/>
    </row>
    <row r="35515" spans="1:12">
      <c r="A35515" s="6" t="s">
        <v>35501</v>
      </c>
      <c r="B35515" s="6"/>
      <c r="C35515" s="6" t="s">
        <v>32230</v>
      </c>
      <c r="D35515" s="6"/>
      <c r="E35515" s="6" t="s">
        <v>9</v>
      </c>
      <c r="F35515" s="7">
        <v>30270</v>
      </c>
      <c r="G35515" s="8">
        <v>3105000</v>
      </c>
      <c r="H35515" s="8">
        <v>745200</v>
      </c>
      <c r="I35515" s="8">
        <v>2421900</v>
      </c>
      <c r="J35515" s="8">
        <v>683100</v>
      </c>
      <c r="K35515" s="9"/>
      <c r="L35515" s="6"/>
    </row>
    <row r="35516" spans="1:12">
      <c r="A35516" s="6" t="s">
        <v>35502</v>
      </c>
      <c r="B35516" s="6"/>
      <c r="C35516" s="6" t="s">
        <v>32230</v>
      </c>
      <c r="D35516" s="6"/>
      <c r="E35516" s="6" t="s">
        <v>9</v>
      </c>
      <c r="F35516" s="7">
        <v>30270</v>
      </c>
      <c r="G35516" s="8">
        <v>1107000</v>
      </c>
      <c r="H35516" s="8">
        <v>265680</v>
      </c>
      <c r="I35516" s="8">
        <v>863460</v>
      </c>
      <c r="J35516" s="8">
        <v>243540</v>
      </c>
      <c r="K35516" s="9"/>
      <c r="L35516" s="6"/>
    </row>
    <row r="35517" spans="1:12">
      <c r="A35517" s="6" t="s">
        <v>35503</v>
      </c>
      <c r="B35517" s="6"/>
      <c r="C35517" s="6" t="s">
        <v>32230</v>
      </c>
      <c r="D35517" s="6"/>
      <c r="E35517" s="6" t="s">
        <v>9</v>
      </c>
      <c r="F35517" s="7">
        <v>30498</v>
      </c>
      <c r="G35517" s="8">
        <v>1714500</v>
      </c>
      <c r="H35517" s="8">
        <v>445770</v>
      </c>
      <c r="I35517" s="8">
        <v>1303020</v>
      </c>
      <c r="J35517" s="8">
        <v>411480</v>
      </c>
      <c r="K35517" s="9"/>
      <c r="L35517" s="6"/>
    </row>
    <row r="35518" spans="1:12">
      <c r="A35518" s="6" t="s">
        <v>35504</v>
      </c>
      <c r="B35518" s="6"/>
      <c r="C35518" s="6" t="s">
        <v>32230</v>
      </c>
      <c r="D35518" s="6"/>
      <c r="E35518" s="6" t="s">
        <v>9</v>
      </c>
      <c r="F35518" s="7">
        <v>30270</v>
      </c>
      <c r="G35518" s="8">
        <v>1215000</v>
      </c>
      <c r="H35518" s="8">
        <v>291600</v>
      </c>
      <c r="I35518" s="8">
        <v>947700</v>
      </c>
      <c r="J35518" s="8">
        <v>267300</v>
      </c>
      <c r="K35518" s="9"/>
      <c r="L35518" s="6"/>
    </row>
    <row r="35519" spans="1:12">
      <c r="A35519" s="6" t="s">
        <v>35505</v>
      </c>
      <c r="B35519" s="6"/>
      <c r="C35519" s="6" t="s">
        <v>32230</v>
      </c>
      <c r="D35519" s="6"/>
      <c r="E35519" s="6" t="s">
        <v>9</v>
      </c>
      <c r="F35519" s="7">
        <v>30270</v>
      </c>
      <c r="G35519" s="8">
        <v>1795500</v>
      </c>
      <c r="H35519" s="8">
        <v>430920</v>
      </c>
      <c r="I35519" s="8">
        <v>1400490</v>
      </c>
      <c r="J35519" s="8">
        <v>395010</v>
      </c>
      <c r="K35519" s="9"/>
      <c r="L35519" s="6"/>
    </row>
    <row r="35520" spans="1:12">
      <c r="A35520" s="6" t="s">
        <v>35506</v>
      </c>
      <c r="B35520" s="6"/>
      <c r="C35520" s="6" t="s">
        <v>32230</v>
      </c>
      <c r="D35520" s="6"/>
      <c r="E35520" s="6" t="s">
        <v>9</v>
      </c>
      <c r="F35520" s="7">
        <v>31952</v>
      </c>
      <c r="G35520" s="8">
        <v>864000</v>
      </c>
      <c r="H35520" s="8">
        <v>293760</v>
      </c>
      <c r="I35520" s="8">
        <v>587520</v>
      </c>
      <c r="J35520" s="8">
        <v>276480</v>
      </c>
      <c r="K35520" s="9"/>
      <c r="L35520" s="6"/>
    </row>
    <row r="35521" spans="1:12">
      <c r="A35521" s="6" t="s">
        <v>35507</v>
      </c>
      <c r="B35521" s="6"/>
      <c r="C35521" s="6" t="s">
        <v>32230</v>
      </c>
      <c r="D35521" s="6"/>
      <c r="E35521" s="6" t="s">
        <v>9</v>
      </c>
      <c r="F35521" s="7">
        <v>30498</v>
      </c>
      <c r="G35521" s="8">
        <v>4752000</v>
      </c>
      <c r="H35521" s="8">
        <v>1235520</v>
      </c>
      <c r="I35521" s="8">
        <v>3611520</v>
      </c>
      <c r="J35521" s="8">
        <v>1140480</v>
      </c>
      <c r="K35521" s="9"/>
      <c r="L35521" s="6"/>
    </row>
    <row r="35522" spans="1:12">
      <c r="A35522" s="6" t="s">
        <v>35508</v>
      </c>
      <c r="B35522" s="6"/>
      <c r="C35522" s="6" t="s">
        <v>32230</v>
      </c>
      <c r="D35522" s="6"/>
      <c r="E35522" s="6" t="s">
        <v>9</v>
      </c>
      <c r="F35522" s="7">
        <v>30498</v>
      </c>
      <c r="G35522" s="8">
        <v>1161000</v>
      </c>
      <c r="H35522" s="8">
        <v>301860</v>
      </c>
      <c r="I35522" s="8">
        <v>882360</v>
      </c>
      <c r="J35522" s="8">
        <v>278640</v>
      </c>
      <c r="K35522" s="9"/>
      <c r="L35522" s="6"/>
    </row>
    <row r="35523" spans="1:12">
      <c r="A35523" s="6" t="s">
        <v>35509</v>
      </c>
      <c r="B35523" s="6"/>
      <c r="C35523" s="6" t="s">
        <v>32230</v>
      </c>
      <c r="D35523" s="6"/>
      <c r="E35523" s="6" t="s">
        <v>9</v>
      </c>
      <c r="F35523" s="7">
        <v>30498</v>
      </c>
      <c r="G35523" s="8">
        <v>3653100</v>
      </c>
      <c r="H35523" s="8">
        <v>949806</v>
      </c>
      <c r="I35523" s="8">
        <v>2776356</v>
      </c>
      <c r="J35523" s="8">
        <v>876744</v>
      </c>
      <c r="K35523" s="9"/>
      <c r="L35523" s="6"/>
    </row>
    <row r="35524" spans="1:12">
      <c r="A35524" s="6" t="s">
        <v>35510</v>
      </c>
      <c r="B35524" s="6"/>
      <c r="C35524" s="6" t="s">
        <v>32230</v>
      </c>
      <c r="D35524" s="6"/>
      <c r="E35524" s="6" t="s">
        <v>9</v>
      </c>
      <c r="F35524" s="7">
        <v>30498</v>
      </c>
      <c r="G35524" s="8">
        <v>6431400</v>
      </c>
      <c r="H35524" s="8">
        <v>1672164</v>
      </c>
      <c r="I35524" s="8">
        <v>4887864</v>
      </c>
      <c r="J35524" s="8">
        <v>1543536</v>
      </c>
      <c r="K35524" s="9"/>
      <c r="L35524" s="6"/>
    </row>
    <row r="35525" spans="1:12">
      <c r="A35525" s="6" t="s">
        <v>35511</v>
      </c>
      <c r="B35525" s="6"/>
      <c r="C35525" s="6" t="s">
        <v>32230</v>
      </c>
      <c r="D35525" s="6"/>
      <c r="E35525" s="6" t="s">
        <v>9</v>
      </c>
      <c r="F35525" s="7">
        <v>30498</v>
      </c>
      <c r="G35525" s="8">
        <v>1676700</v>
      </c>
      <c r="H35525" s="8">
        <v>435942</v>
      </c>
      <c r="I35525" s="8">
        <v>1274292</v>
      </c>
      <c r="J35525" s="8">
        <v>402408</v>
      </c>
      <c r="K35525" s="9"/>
      <c r="L35525" s="6"/>
    </row>
    <row r="35526" spans="1:12">
      <c r="A35526" s="6" t="s">
        <v>35512</v>
      </c>
      <c r="B35526" s="6"/>
      <c r="C35526" s="6" t="s">
        <v>32230</v>
      </c>
      <c r="D35526" s="6"/>
      <c r="E35526" s="6" t="s">
        <v>9</v>
      </c>
      <c r="F35526" s="7">
        <v>31226</v>
      </c>
      <c r="G35526" s="8">
        <v>11161800</v>
      </c>
      <c r="H35526" s="8">
        <v>3348540</v>
      </c>
      <c r="I35526" s="8">
        <v>8036496</v>
      </c>
      <c r="J35526" s="8">
        <v>3125304</v>
      </c>
      <c r="K35526" s="9"/>
      <c r="L35526" s="6"/>
    </row>
    <row r="35527" spans="1:12">
      <c r="A35527" s="6" t="s">
        <v>35513</v>
      </c>
      <c r="B35527" s="6"/>
      <c r="C35527" s="6" t="s">
        <v>32230</v>
      </c>
      <c r="D35527" s="6"/>
      <c r="E35527" s="6" t="s">
        <v>9</v>
      </c>
      <c r="F35527" s="7">
        <v>31952</v>
      </c>
      <c r="G35527" s="8">
        <v>4714200</v>
      </c>
      <c r="H35527" s="8">
        <v>1602828</v>
      </c>
      <c r="I35527" s="8">
        <v>3205656</v>
      </c>
      <c r="J35527" s="8">
        <v>1508544</v>
      </c>
      <c r="K35527" s="9"/>
      <c r="L35527" s="6"/>
    </row>
    <row r="35528" spans="1:12">
      <c r="A35528" s="6" t="s">
        <v>35514</v>
      </c>
      <c r="B35528" s="6"/>
      <c r="C35528" s="6" t="s">
        <v>32230</v>
      </c>
      <c r="D35528" s="6"/>
      <c r="E35528" s="6" t="s">
        <v>9</v>
      </c>
      <c r="F35528" s="7">
        <v>31952</v>
      </c>
      <c r="G35528" s="8">
        <v>4657500</v>
      </c>
      <c r="H35528" s="8">
        <v>1583550</v>
      </c>
      <c r="I35528" s="8">
        <v>3167100</v>
      </c>
      <c r="J35528" s="8">
        <v>1490400</v>
      </c>
      <c r="K35528" s="9"/>
      <c r="L35528" s="6"/>
    </row>
    <row r="35529" spans="1:12">
      <c r="A35529" s="6" t="s">
        <v>33185</v>
      </c>
      <c r="B35529" s="6"/>
      <c r="C35529" s="6" t="s">
        <v>32230</v>
      </c>
      <c r="D35529" s="6"/>
      <c r="E35529" s="6" t="s">
        <v>9</v>
      </c>
      <c r="F35529" s="7"/>
      <c r="G35529" s="8">
        <v>1</v>
      </c>
      <c r="H35529" s="8">
        <v>1</v>
      </c>
      <c r="I35529" s="8">
        <v>0</v>
      </c>
      <c r="J35529" s="8">
        <v>1</v>
      </c>
      <c r="K35529" s="9"/>
      <c r="L35529" s="6"/>
    </row>
    <row r="35530" spans="1:12">
      <c r="A35530" s="6" t="s">
        <v>35515</v>
      </c>
      <c r="B35530" s="6"/>
      <c r="C35530" s="6" t="s">
        <v>32230</v>
      </c>
      <c r="D35530" s="6"/>
      <c r="E35530" s="6" t="s">
        <v>9</v>
      </c>
      <c r="F35530" s="7">
        <v>32686</v>
      </c>
      <c r="G35530" s="8">
        <v>9501300</v>
      </c>
      <c r="H35530" s="8">
        <v>3610494</v>
      </c>
      <c r="I35530" s="8">
        <v>6080832</v>
      </c>
      <c r="J35530" s="8">
        <v>3420468</v>
      </c>
      <c r="K35530" s="9"/>
      <c r="L35530" s="6"/>
    </row>
    <row r="35531" spans="1:12">
      <c r="A35531" s="6" t="s">
        <v>35516</v>
      </c>
      <c r="B35531" s="6"/>
      <c r="C35531" s="6" t="s">
        <v>32230</v>
      </c>
      <c r="D35531" s="6"/>
      <c r="E35531" s="6" t="s">
        <v>9</v>
      </c>
      <c r="F35531" s="7">
        <v>35244</v>
      </c>
      <c r="G35531" s="8">
        <v>16621200</v>
      </c>
      <c r="H35531" s="8">
        <v>8643024</v>
      </c>
      <c r="I35531" s="8">
        <v>8310600</v>
      </c>
      <c r="J35531" s="8">
        <v>8310600</v>
      </c>
      <c r="K35531" s="9"/>
      <c r="L35531" s="6"/>
    </row>
    <row r="35532" spans="1:12">
      <c r="A35532" s="6" t="s">
        <v>35517</v>
      </c>
      <c r="B35532" s="6"/>
      <c r="C35532" s="6" t="s">
        <v>32230</v>
      </c>
      <c r="D35532" s="6"/>
      <c r="E35532" s="6" t="s">
        <v>9</v>
      </c>
      <c r="F35532" s="7">
        <v>35244</v>
      </c>
      <c r="G35532" s="8">
        <v>4252500</v>
      </c>
      <c r="H35532" s="8">
        <v>2211300</v>
      </c>
      <c r="I35532" s="8">
        <v>2126250</v>
      </c>
      <c r="J35532" s="8">
        <v>2126250</v>
      </c>
      <c r="K35532" s="9"/>
      <c r="L35532" s="6"/>
    </row>
    <row r="35533" spans="1:12">
      <c r="A35533" s="6" t="s">
        <v>35518</v>
      </c>
      <c r="B35533" s="6"/>
      <c r="C35533" s="6" t="s">
        <v>32230</v>
      </c>
      <c r="D35533" s="6"/>
      <c r="E35533" s="6" t="s">
        <v>9</v>
      </c>
      <c r="F35533" s="7">
        <v>35244</v>
      </c>
      <c r="G35533" s="8">
        <v>4171500</v>
      </c>
      <c r="H35533" s="8">
        <v>2169180</v>
      </c>
      <c r="I35533" s="8">
        <v>2085750</v>
      </c>
      <c r="J35533" s="8">
        <v>2085750</v>
      </c>
      <c r="K35533" s="9"/>
      <c r="L35533" s="6"/>
    </row>
    <row r="35534" spans="1:12">
      <c r="A35534" s="6" t="s">
        <v>35519</v>
      </c>
      <c r="B35534" s="6"/>
      <c r="C35534" s="6" t="s">
        <v>32230</v>
      </c>
      <c r="D35534" s="6"/>
      <c r="E35534" s="6" t="s">
        <v>9</v>
      </c>
      <c r="F35534" s="7">
        <v>35244</v>
      </c>
      <c r="G35534" s="8">
        <v>7711200</v>
      </c>
      <c r="H35534" s="8">
        <v>4009824</v>
      </c>
      <c r="I35534" s="8">
        <v>3855600</v>
      </c>
      <c r="J35534" s="8">
        <v>3855600</v>
      </c>
      <c r="K35534" s="9"/>
      <c r="L35534" s="6"/>
    </row>
    <row r="35535" spans="1:12">
      <c r="A35535" s="6" t="s">
        <v>35520</v>
      </c>
      <c r="B35535" s="6"/>
      <c r="C35535" s="6" t="s">
        <v>32230</v>
      </c>
      <c r="D35535" s="6"/>
      <c r="E35535" s="6" t="s">
        <v>9</v>
      </c>
      <c r="F35535" s="7">
        <v>35244</v>
      </c>
      <c r="G35535" s="8">
        <v>8796600</v>
      </c>
      <c r="H35535" s="8">
        <v>4574232</v>
      </c>
      <c r="I35535" s="8">
        <v>4398300</v>
      </c>
      <c r="J35535" s="8">
        <v>4398300</v>
      </c>
      <c r="K35535" s="9"/>
      <c r="L35535" s="6"/>
    </row>
    <row r="35536" spans="1:12">
      <c r="A35536" s="6" t="s">
        <v>35521</v>
      </c>
      <c r="B35536" s="6"/>
      <c r="C35536" s="6" t="s">
        <v>32230</v>
      </c>
      <c r="D35536" s="6"/>
      <c r="E35536" s="6" t="s">
        <v>9</v>
      </c>
      <c r="F35536" s="7">
        <v>35244</v>
      </c>
      <c r="G35536" s="8">
        <v>6504300</v>
      </c>
      <c r="H35536" s="8">
        <v>3382236</v>
      </c>
      <c r="I35536" s="8">
        <v>3252150</v>
      </c>
      <c r="J35536" s="8">
        <v>3252150</v>
      </c>
      <c r="K35536" s="9"/>
      <c r="L35536" s="6"/>
    </row>
    <row r="35537" spans="1:12">
      <c r="A35537" s="6" t="s">
        <v>35522</v>
      </c>
      <c r="B35537" s="6"/>
      <c r="C35537" s="6" t="s">
        <v>32230</v>
      </c>
      <c r="D35537" s="6"/>
      <c r="E35537" s="6" t="s">
        <v>9</v>
      </c>
      <c r="F35537" s="7">
        <v>35244</v>
      </c>
      <c r="G35537" s="8">
        <v>1073500</v>
      </c>
      <c r="H35537" s="8">
        <v>558220</v>
      </c>
      <c r="I35537" s="8">
        <v>536750</v>
      </c>
      <c r="J35537" s="8">
        <v>536750</v>
      </c>
      <c r="K35537" s="9"/>
      <c r="L35537" s="6"/>
    </row>
    <row r="35538" spans="1:12">
      <c r="A35538" s="6" t="s">
        <v>35523</v>
      </c>
      <c r="B35538" s="6"/>
      <c r="C35538" s="6" t="s">
        <v>32230</v>
      </c>
      <c r="D35538" s="6"/>
      <c r="E35538" s="6" t="s">
        <v>9</v>
      </c>
      <c r="F35538" s="7">
        <v>35244</v>
      </c>
      <c r="G35538" s="8">
        <v>646000</v>
      </c>
      <c r="H35538" s="8">
        <v>335920</v>
      </c>
      <c r="I35538" s="8">
        <v>323000</v>
      </c>
      <c r="J35538" s="8">
        <v>323000</v>
      </c>
      <c r="K35538" s="9"/>
      <c r="L35538" s="6"/>
    </row>
    <row r="35539" spans="1:12">
      <c r="A35539" s="6" t="s">
        <v>35524</v>
      </c>
      <c r="B35539" s="6"/>
      <c r="C35539" s="6" t="s">
        <v>32230</v>
      </c>
      <c r="D35539" s="6"/>
      <c r="E35539" s="6" t="s">
        <v>9</v>
      </c>
      <c r="F35539" s="7">
        <v>35244</v>
      </c>
      <c r="G35539" s="8">
        <v>450900</v>
      </c>
      <c r="H35539" s="8">
        <v>234468</v>
      </c>
      <c r="I35539" s="8">
        <v>225450</v>
      </c>
      <c r="J35539" s="8">
        <v>225450</v>
      </c>
      <c r="K35539" s="9"/>
      <c r="L35539" s="6"/>
    </row>
    <row r="35540" spans="1:12">
      <c r="A35540" s="6" t="s">
        <v>35525</v>
      </c>
      <c r="B35540" s="6"/>
      <c r="C35540" s="6" t="s">
        <v>32230</v>
      </c>
      <c r="D35540" s="6"/>
      <c r="E35540" s="6" t="s">
        <v>9</v>
      </c>
      <c r="F35540" s="7">
        <v>35244</v>
      </c>
      <c r="G35540" s="8">
        <v>518400</v>
      </c>
      <c r="H35540" s="8">
        <v>269568</v>
      </c>
      <c r="I35540" s="8">
        <v>259200</v>
      </c>
      <c r="J35540" s="8">
        <v>259200</v>
      </c>
      <c r="K35540" s="9"/>
      <c r="L35540" s="6"/>
    </row>
    <row r="35541" spans="1:12">
      <c r="A35541" s="6" t="s">
        <v>35526</v>
      </c>
      <c r="B35541" s="6"/>
      <c r="C35541" s="6" t="s">
        <v>32230</v>
      </c>
      <c r="D35541" s="6"/>
      <c r="E35541" s="6" t="s">
        <v>9</v>
      </c>
      <c r="F35541" s="7">
        <v>35244</v>
      </c>
      <c r="G35541" s="8">
        <v>540000</v>
      </c>
      <c r="H35541" s="8">
        <v>280800</v>
      </c>
      <c r="I35541" s="8">
        <v>270000</v>
      </c>
      <c r="J35541" s="8">
        <v>270000</v>
      </c>
      <c r="K35541" s="9"/>
      <c r="L35541" s="6"/>
    </row>
    <row r="35542" spans="1:12">
      <c r="A35542" s="6" t="s">
        <v>35527</v>
      </c>
      <c r="B35542" s="6"/>
      <c r="C35542" s="6" t="s">
        <v>32230</v>
      </c>
      <c r="D35542" s="6"/>
      <c r="E35542" s="6" t="s">
        <v>9</v>
      </c>
      <c r="F35542" s="7">
        <v>35611</v>
      </c>
      <c r="G35542" s="8">
        <v>4406400</v>
      </c>
      <c r="H35542" s="8">
        <v>2379456</v>
      </c>
      <c r="I35542" s="8">
        <v>2115072</v>
      </c>
      <c r="J35542" s="8">
        <v>2291328</v>
      </c>
      <c r="K35542" s="9"/>
      <c r="L35542" s="6"/>
    </row>
    <row r="35543" spans="1:12">
      <c r="A35543" s="6" t="s">
        <v>35528</v>
      </c>
      <c r="B35543" s="6"/>
      <c r="C35543" s="6" t="s">
        <v>32230</v>
      </c>
      <c r="D35543" s="6"/>
      <c r="E35543" s="6" t="s">
        <v>9</v>
      </c>
      <c r="F35543" s="7">
        <v>35611</v>
      </c>
      <c r="G35543" s="8">
        <v>4422600</v>
      </c>
      <c r="H35543" s="8">
        <v>2388204</v>
      </c>
      <c r="I35543" s="8">
        <v>2122848</v>
      </c>
      <c r="J35543" s="8">
        <v>2299752</v>
      </c>
      <c r="K35543" s="9"/>
      <c r="L35543" s="6"/>
    </row>
    <row r="35544" spans="1:12">
      <c r="A35544" s="6" t="s">
        <v>35529</v>
      </c>
      <c r="B35544" s="6"/>
      <c r="C35544" s="6" t="s">
        <v>32230</v>
      </c>
      <c r="D35544" s="6"/>
      <c r="E35544" s="6" t="s">
        <v>9</v>
      </c>
      <c r="F35544" s="7">
        <v>36697</v>
      </c>
      <c r="G35544" s="8">
        <v>3021300</v>
      </c>
      <c r="H35544" s="8">
        <v>1812780</v>
      </c>
      <c r="I35544" s="8">
        <v>1268946</v>
      </c>
      <c r="J35544" s="8">
        <v>1752354</v>
      </c>
      <c r="K35544" s="9"/>
      <c r="L35544" s="6"/>
    </row>
    <row r="35545" spans="1:12">
      <c r="A35545" s="6" t="s">
        <v>35530</v>
      </c>
      <c r="B35545" s="6"/>
      <c r="C35545" s="6" t="s">
        <v>32230</v>
      </c>
      <c r="D35545" s="6"/>
      <c r="E35545" s="6" t="s">
        <v>9</v>
      </c>
      <c r="F35545" s="7">
        <v>36697</v>
      </c>
      <c r="G35545" s="8">
        <v>6820200</v>
      </c>
      <c r="H35545" s="8">
        <v>4092120</v>
      </c>
      <c r="I35545" s="8">
        <v>2864484</v>
      </c>
      <c r="J35545" s="8">
        <v>3955716</v>
      </c>
      <c r="K35545" s="9"/>
      <c r="L35545" s="6"/>
    </row>
    <row r="35546" spans="1:12">
      <c r="A35546" s="6" t="s">
        <v>35531</v>
      </c>
      <c r="B35546" s="6"/>
      <c r="C35546" s="6" t="s">
        <v>32230</v>
      </c>
      <c r="D35546" s="6"/>
      <c r="E35546" s="6" t="s">
        <v>9</v>
      </c>
      <c r="F35546" s="7">
        <v>30270</v>
      </c>
      <c r="G35546" s="8">
        <v>279129600</v>
      </c>
      <c r="H35546" s="8">
        <v>66991104</v>
      </c>
      <c r="I35546" s="8">
        <v>217721088</v>
      </c>
      <c r="J35546" s="8">
        <v>61408512</v>
      </c>
      <c r="K35546" s="9"/>
      <c r="L35546" s="6"/>
    </row>
    <row r="35547" spans="1:12">
      <c r="A35547" s="6" t="s">
        <v>35532</v>
      </c>
      <c r="B35547" s="6"/>
      <c r="C35547" s="6" t="s">
        <v>32230</v>
      </c>
      <c r="D35547" s="6"/>
      <c r="E35547" s="6" t="s">
        <v>9</v>
      </c>
      <c r="F35547" s="7">
        <v>42650</v>
      </c>
      <c r="G35547" s="8">
        <v>324000</v>
      </c>
      <c r="H35547" s="8">
        <v>194400</v>
      </c>
      <c r="I35547" s="8">
        <v>162000</v>
      </c>
      <c r="J35547" s="8">
        <v>162000</v>
      </c>
      <c r="K35547" s="9"/>
      <c r="L35547" s="6"/>
    </row>
    <row r="35548" spans="1:12">
      <c r="A35548" s="6" t="s">
        <v>35533</v>
      </c>
      <c r="B35548" s="6"/>
      <c r="C35548" s="6" t="s">
        <v>32230</v>
      </c>
      <c r="D35548" s="6"/>
      <c r="E35548" s="6"/>
      <c r="F35548" s="7"/>
      <c r="G35548" s="8">
        <v>1188000</v>
      </c>
      <c r="H35548" s="8">
        <v>1164240</v>
      </c>
      <c r="I35548" s="8">
        <v>47520</v>
      </c>
      <c r="J35548" s="8">
        <v>1140480</v>
      </c>
      <c r="K35548" s="9"/>
      <c r="L35548" s="6"/>
    </row>
    <row r="35549" spans="1:12">
      <c r="A35549" s="6" t="s">
        <v>35533</v>
      </c>
      <c r="B35549" s="6"/>
      <c r="C35549" s="6" t="s">
        <v>32230</v>
      </c>
      <c r="D35549" s="6"/>
      <c r="E35549" s="6" t="s">
        <v>9</v>
      </c>
      <c r="F35549" s="7">
        <v>30270</v>
      </c>
      <c r="G35549" s="8">
        <v>112204800</v>
      </c>
      <c r="H35549" s="8">
        <v>26929152</v>
      </c>
      <c r="I35549" s="8">
        <v>87519744</v>
      </c>
      <c r="J35549" s="8">
        <v>24685056</v>
      </c>
      <c r="K35549" s="9"/>
      <c r="L35549" s="6"/>
    </row>
    <row r="35550" spans="1:12">
      <c r="A35550" s="6" t="s">
        <v>35534</v>
      </c>
      <c r="B35550" s="6"/>
      <c r="C35550" s="6" t="s">
        <v>32230</v>
      </c>
      <c r="D35550" s="6"/>
      <c r="E35550" s="6" t="s">
        <v>9</v>
      </c>
      <c r="F35550" s="7">
        <v>30270</v>
      </c>
      <c r="G35550" s="8">
        <v>106035200</v>
      </c>
      <c r="H35550" s="8">
        <v>25448448</v>
      </c>
      <c r="I35550" s="8">
        <v>82707456</v>
      </c>
      <c r="J35550" s="8">
        <v>23327744</v>
      </c>
      <c r="K35550" s="9"/>
      <c r="L35550" s="6"/>
    </row>
    <row r="35551" spans="1:12">
      <c r="A35551" s="6" t="s">
        <v>35534</v>
      </c>
      <c r="B35551" s="6"/>
      <c r="C35551" s="6" t="s">
        <v>32230</v>
      </c>
      <c r="D35551" s="6"/>
      <c r="E35551" s="6"/>
      <c r="F35551" s="7">
        <v>43922</v>
      </c>
      <c r="G35551" s="8">
        <v>803000</v>
      </c>
      <c r="H35551" s="8">
        <v>803000</v>
      </c>
      <c r="I35551" s="8">
        <v>16060</v>
      </c>
      <c r="J35551" s="8">
        <v>786940</v>
      </c>
      <c r="K35551" s="9"/>
      <c r="L35551" s="6"/>
    </row>
    <row r="35552" spans="1:12">
      <c r="A35552" s="6" t="s">
        <v>35535</v>
      </c>
      <c r="B35552" s="6"/>
      <c r="C35552" s="6" t="s">
        <v>32230</v>
      </c>
      <c r="D35552" s="6"/>
      <c r="E35552" s="6" t="s">
        <v>9</v>
      </c>
      <c r="F35552" s="7">
        <v>30270</v>
      </c>
      <c r="G35552" s="8">
        <v>161036800</v>
      </c>
      <c r="H35552" s="8">
        <v>38648832</v>
      </c>
      <c r="I35552" s="8">
        <v>125608704</v>
      </c>
      <c r="J35552" s="8">
        <v>35428096</v>
      </c>
      <c r="K35552" s="9"/>
      <c r="L35552" s="6"/>
    </row>
    <row r="35553" spans="1:12">
      <c r="A35553" s="6" t="s">
        <v>35536</v>
      </c>
      <c r="B35553" s="6"/>
      <c r="C35553" s="6" t="s">
        <v>32230</v>
      </c>
      <c r="D35553" s="6"/>
      <c r="E35553" s="6" t="s">
        <v>9</v>
      </c>
      <c r="F35553" s="7">
        <v>42454</v>
      </c>
      <c r="G35553" s="8">
        <v>54893160</v>
      </c>
      <c r="H35553" s="8">
        <v>49403845</v>
      </c>
      <c r="I35553" s="8">
        <v>6587178</v>
      </c>
      <c r="J35553" s="8">
        <v>48305982</v>
      </c>
      <c r="K35553" s="9"/>
      <c r="L35553" s="6"/>
    </row>
    <row r="35554" spans="1:12">
      <c r="A35554" s="6" t="s">
        <v>35536</v>
      </c>
      <c r="B35554" s="6"/>
      <c r="C35554" s="6" t="s">
        <v>32230</v>
      </c>
      <c r="D35554" s="6"/>
      <c r="E35554" s="6" t="s">
        <v>9</v>
      </c>
      <c r="F35554" s="7">
        <v>42454</v>
      </c>
      <c r="G35554" s="8">
        <v>54893160</v>
      </c>
      <c r="H35554" s="8">
        <v>49403845</v>
      </c>
      <c r="I35554" s="8">
        <v>6587178</v>
      </c>
      <c r="J35554" s="8">
        <v>48305982</v>
      </c>
      <c r="K35554" s="9"/>
      <c r="L35554" s="6"/>
    </row>
    <row r="35555" spans="1:12">
      <c r="A35555" s="6" t="s">
        <v>35536</v>
      </c>
      <c r="B35555" s="6"/>
      <c r="C35555" s="6" t="s">
        <v>32230</v>
      </c>
      <c r="D35555" s="6"/>
      <c r="E35555" s="6" t="s">
        <v>9</v>
      </c>
      <c r="F35555" s="7">
        <v>42454</v>
      </c>
      <c r="G35555" s="8">
        <v>54893160</v>
      </c>
      <c r="H35555" s="8">
        <v>49403845</v>
      </c>
      <c r="I35555" s="8">
        <v>6587178</v>
      </c>
      <c r="J35555" s="8">
        <v>48305982</v>
      </c>
      <c r="K35555" s="9"/>
      <c r="L35555" s="6"/>
    </row>
    <row r="35556" spans="1:12">
      <c r="A35556" s="6" t="s">
        <v>35537</v>
      </c>
      <c r="B35556" s="6"/>
      <c r="C35556" s="6" t="s">
        <v>32230</v>
      </c>
      <c r="D35556" s="6"/>
      <c r="E35556" s="6" t="s">
        <v>9</v>
      </c>
      <c r="F35556" s="7">
        <v>42562</v>
      </c>
      <c r="G35556" s="8">
        <v>40205160</v>
      </c>
      <c r="H35556" s="8">
        <v>36988748</v>
      </c>
      <c r="I35556" s="8">
        <v>4020515</v>
      </c>
      <c r="J35556" s="8">
        <v>36184645</v>
      </c>
      <c r="K35556" s="9"/>
      <c r="L35556" s="6"/>
    </row>
    <row r="35557" spans="1:12">
      <c r="A35557" s="6" t="s">
        <v>35538</v>
      </c>
      <c r="B35557" s="6"/>
      <c r="C35557" s="6" t="s">
        <v>32230</v>
      </c>
      <c r="D35557" s="6"/>
      <c r="E35557" s="6" t="s">
        <v>9</v>
      </c>
      <c r="F35557" s="7">
        <v>43921</v>
      </c>
      <c r="G35557" s="8">
        <v>91850</v>
      </c>
      <c r="H35557" s="8">
        <v>82665</v>
      </c>
      <c r="I35557" s="8">
        <v>18370</v>
      </c>
      <c r="J35557" s="8">
        <v>73480</v>
      </c>
      <c r="K35557" s="9"/>
      <c r="L35557" s="6"/>
    </row>
    <row r="35558" spans="1:12">
      <c r="A35558" s="6" t="s">
        <v>35539</v>
      </c>
      <c r="B35558" s="6"/>
      <c r="C35558" s="6" t="s">
        <v>32230</v>
      </c>
      <c r="D35558" s="6"/>
      <c r="E35558" s="6" t="s">
        <v>9</v>
      </c>
      <c r="F35558" s="7">
        <v>43921</v>
      </c>
      <c r="G35558" s="8">
        <v>95150</v>
      </c>
      <c r="H35558" s="8">
        <v>93247</v>
      </c>
      <c r="I35558" s="8">
        <v>3806</v>
      </c>
      <c r="J35558" s="8">
        <v>91344</v>
      </c>
      <c r="K35558" s="9"/>
      <c r="L35558" s="6"/>
    </row>
    <row r="35559" spans="1:12">
      <c r="A35559" s="6" t="s">
        <v>35540</v>
      </c>
      <c r="B35559" s="6"/>
      <c r="C35559" s="6" t="s">
        <v>32230</v>
      </c>
      <c r="D35559" s="6"/>
      <c r="E35559" s="6" t="s">
        <v>9</v>
      </c>
      <c r="F35559" s="7">
        <v>30270</v>
      </c>
      <c r="G35559" s="8">
        <v>174668800</v>
      </c>
      <c r="H35559" s="8">
        <v>41920512</v>
      </c>
      <c r="I35559" s="8">
        <v>136241664</v>
      </c>
      <c r="J35559" s="8">
        <v>38427136</v>
      </c>
      <c r="K35559" s="9"/>
      <c r="L35559" s="6"/>
    </row>
    <row r="35560" spans="1:12">
      <c r="A35560" s="6" t="s">
        <v>35541</v>
      </c>
      <c r="B35560" s="6"/>
      <c r="C35560" s="6" t="s">
        <v>32230</v>
      </c>
      <c r="D35560" s="6"/>
      <c r="E35560" s="6" t="s">
        <v>9</v>
      </c>
      <c r="F35560" s="7">
        <v>30270</v>
      </c>
      <c r="G35560" s="8">
        <v>35769600</v>
      </c>
      <c r="H35560" s="8">
        <v>8584704</v>
      </c>
      <c r="I35560" s="8">
        <v>27900288</v>
      </c>
      <c r="J35560" s="8">
        <v>7869312</v>
      </c>
      <c r="K35560" s="9"/>
      <c r="L35560" s="6"/>
    </row>
    <row r="35561" spans="1:12">
      <c r="A35561" s="6" t="s">
        <v>35542</v>
      </c>
      <c r="B35561" s="6"/>
      <c r="C35561" s="6" t="s">
        <v>32230</v>
      </c>
      <c r="D35561" s="6"/>
      <c r="E35561" s="6" t="s">
        <v>9</v>
      </c>
      <c r="F35561" s="7">
        <v>30270</v>
      </c>
      <c r="G35561" s="8">
        <v>43391700</v>
      </c>
      <c r="H35561" s="8">
        <v>10414008</v>
      </c>
      <c r="I35561" s="8">
        <v>33845526</v>
      </c>
      <c r="J35561" s="8">
        <v>9546174</v>
      </c>
      <c r="K35561" s="9"/>
      <c r="L35561" s="6"/>
    </row>
    <row r="35562" spans="1:12">
      <c r="A35562" s="6" t="s">
        <v>35543</v>
      </c>
      <c r="B35562" s="6"/>
      <c r="C35562" s="6" t="s">
        <v>32230</v>
      </c>
      <c r="D35562" s="6"/>
      <c r="E35562" s="6" t="s">
        <v>9</v>
      </c>
      <c r="F35562" s="7">
        <v>30270</v>
      </c>
      <c r="G35562" s="8">
        <v>38037600</v>
      </c>
      <c r="H35562" s="8">
        <v>9129024</v>
      </c>
      <c r="I35562" s="8">
        <v>29669328</v>
      </c>
      <c r="J35562" s="8">
        <v>8368272</v>
      </c>
      <c r="K35562" s="9"/>
      <c r="L35562" s="6"/>
    </row>
    <row r="35563" spans="1:12">
      <c r="A35563" s="6" t="s">
        <v>35544</v>
      </c>
      <c r="B35563" s="6"/>
      <c r="C35563" s="6" t="s">
        <v>32230</v>
      </c>
      <c r="D35563" s="6"/>
      <c r="E35563" s="6" t="s">
        <v>9</v>
      </c>
      <c r="F35563" s="7">
        <v>30270</v>
      </c>
      <c r="G35563" s="8">
        <v>29548800</v>
      </c>
      <c r="H35563" s="8">
        <v>7091712</v>
      </c>
      <c r="I35563" s="8">
        <v>23048064</v>
      </c>
      <c r="J35563" s="8">
        <v>6500736</v>
      </c>
      <c r="K35563" s="9"/>
      <c r="L35563" s="6"/>
    </row>
    <row r="35564" spans="1:12">
      <c r="A35564" s="6" t="s">
        <v>35545</v>
      </c>
      <c r="B35564" s="6"/>
      <c r="C35564" s="6" t="s">
        <v>32230</v>
      </c>
      <c r="D35564" s="6"/>
      <c r="E35564" s="6" t="s">
        <v>9</v>
      </c>
      <c r="F35564" s="7">
        <v>30270</v>
      </c>
      <c r="G35564" s="8">
        <v>33254400</v>
      </c>
      <c r="H35564" s="8">
        <v>7981056</v>
      </c>
      <c r="I35564" s="8">
        <v>25938432</v>
      </c>
      <c r="J35564" s="8">
        <v>7315968</v>
      </c>
      <c r="K35564" s="9"/>
      <c r="L35564" s="6"/>
    </row>
    <row r="35565" spans="1:12">
      <c r="A35565" s="6" t="s">
        <v>35546</v>
      </c>
      <c r="B35565" s="6"/>
      <c r="C35565" s="6" t="s">
        <v>32230</v>
      </c>
      <c r="D35565" s="6"/>
      <c r="E35565" s="6" t="s">
        <v>9</v>
      </c>
      <c r="F35565" s="7">
        <v>30270</v>
      </c>
      <c r="G35565" s="8">
        <v>15940800</v>
      </c>
      <c r="H35565" s="8">
        <v>3825792</v>
      </c>
      <c r="I35565" s="8">
        <v>12433824</v>
      </c>
      <c r="J35565" s="8">
        <v>3506976</v>
      </c>
      <c r="K35565" s="9"/>
      <c r="L35565" s="6"/>
    </row>
    <row r="35566" spans="1:12">
      <c r="A35566" s="6" t="s">
        <v>35547</v>
      </c>
      <c r="B35566" s="6"/>
      <c r="C35566" s="6" t="s">
        <v>32230</v>
      </c>
      <c r="D35566" s="6"/>
      <c r="E35566" s="6" t="s">
        <v>9</v>
      </c>
      <c r="F35566" s="7">
        <v>30270</v>
      </c>
      <c r="G35566" s="8">
        <v>16540200</v>
      </c>
      <c r="H35566" s="8">
        <v>3969648</v>
      </c>
      <c r="I35566" s="8">
        <v>12901356</v>
      </c>
      <c r="J35566" s="8">
        <v>3638844</v>
      </c>
      <c r="K35566" s="9"/>
      <c r="L35566" s="6"/>
    </row>
    <row r="35567" spans="1:12">
      <c r="A35567" s="6" t="s">
        <v>35548</v>
      </c>
      <c r="B35567" s="6"/>
      <c r="C35567" s="6" t="s">
        <v>32230</v>
      </c>
      <c r="D35567" s="6"/>
      <c r="E35567" s="6" t="s">
        <v>9</v>
      </c>
      <c r="F35567" s="7">
        <v>30270</v>
      </c>
      <c r="G35567" s="8">
        <v>14644800</v>
      </c>
      <c r="H35567" s="8">
        <v>3514752</v>
      </c>
      <c r="I35567" s="8">
        <v>11422944</v>
      </c>
      <c r="J35567" s="8">
        <v>3221856</v>
      </c>
      <c r="K35567" s="9"/>
      <c r="L35567" s="6"/>
    </row>
    <row r="35568" spans="1:12">
      <c r="A35568" s="6" t="s">
        <v>35549</v>
      </c>
      <c r="B35568" s="6"/>
      <c r="C35568" s="6" t="s">
        <v>32230</v>
      </c>
      <c r="D35568" s="6"/>
      <c r="E35568" s="6" t="s">
        <v>9</v>
      </c>
      <c r="F35568" s="7">
        <v>30270</v>
      </c>
      <c r="G35568" s="8">
        <v>14677200</v>
      </c>
      <c r="H35568" s="8">
        <v>3522528</v>
      </c>
      <c r="I35568" s="8">
        <v>11448216</v>
      </c>
      <c r="J35568" s="8">
        <v>3228984</v>
      </c>
      <c r="K35568" s="9"/>
      <c r="L35568" s="6"/>
    </row>
    <row r="35569" spans="1:12">
      <c r="A35569" s="6" t="s">
        <v>35550</v>
      </c>
      <c r="B35569" s="6"/>
      <c r="C35569" s="6" t="s">
        <v>32230</v>
      </c>
      <c r="D35569" s="6"/>
      <c r="E35569" s="6" t="s">
        <v>9</v>
      </c>
      <c r="F35569" s="7">
        <v>30270</v>
      </c>
      <c r="G35569" s="8">
        <v>1150200</v>
      </c>
      <c r="H35569" s="8">
        <v>276048</v>
      </c>
      <c r="I35569" s="8">
        <v>897156</v>
      </c>
      <c r="J35569" s="8">
        <v>253044</v>
      </c>
      <c r="K35569" s="9"/>
      <c r="L35569" s="6"/>
    </row>
    <row r="35570" spans="1:12">
      <c r="A35570" s="6" t="s">
        <v>35551</v>
      </c>
      <c r="B35570" s="6"/>
      <c r="C35570" s="6" t="s">
        <v>32230</v>
      </c>
      <c r="D35570" s="6"/>
      <c r="E35570" s="6" t="s">
        <v>9</v>
      </c>
      <c r="F35570" s="7">
        <v>30270</v>
      </c>
      <c r="G35570" s="8">
        <v>10368000</v>
      </c>
      <c r="H35570" s="8">
        <v>2488320</v>
      </c>
      <c r="I35570" s="8">
        <v>8087040</v>
      </c>
      <c r="J35570" s="8">
        <v>2280960</v>
      </c>
      <c r="K35570" s="9"/>
      <c r="L35570" s="6"/>
    </row>
    <row r="35571" spans="1:12">
      <c r="A35571" s="6" t="s">
        <v>35552</v>
      </c>
      <c r="B35571" s="6"/>
      <c r="C35571" s="6" t="s">
        <v>32230</v>
      </c>
      <c r="D35571" s="6"/>
      <c r="E35571" s="6" t="s">
        <v>9</v>
      </c>
      <c r="F35571" s="7">
        <v>30270</v>
      </c>
      <c r="G35571" s="8">
        <v>8561700</v>
      </c>
      <c r="H35571" s="8">
        <v>2054808</v>
      </c>
      <c r="I35571" s="8">
        <v>6678126</v>
      </c>
      <c r="J35571" s="8">
        <v>1883574</v>
      </c>
      <c r="K35571" s="9"/>
      <c r="L35571" s="6"/>
    </row>
    <row r="35572" spans="1:12">
      <c r="A35572" s="6" t="s">
        <v>35553</v>
      </c>
      <c r="B35572" s="6"/>
      <c r="C35572" s="6" t="s">
        <v>32230</v>
      </c>
      <c r="D35572" s="6"/>
      <c r="E35572" s="6" t="s">
        <v>9</v>
      </c>
      <c r="F35572" s="7">
        <v>30270</v>
      </c>
      <c r="G35572" s="8">
        <v>3029400</v>
      </c>
      <c r="H35572" s="8">
        <v>727056</v>
      </c>
      <c r="I35572" s="8">
        <v>2362932</v>
      </c>
      <c r="J35572" s="8">
        <v>666468</v>
      </c>
      <c r="K35572" s="9"/>
      <c r="L35572" s="6"/>
    </row>
    <row r="35573" spans="1:12">
      <c r="A35573" s="6" t="s">
        <v>35554</v>
      </c>
      <c r="B35573" s="6"/>
      <c r="C35573" s="6" t="s">
        <v>32230</v>
      </c>
      <c r="D35573" s="6"/>
      <c r="E35573" s="6" t="s">
        <v>9</v>
      </c>
      <c r="F35573" s="7">
        <v>30270</v>
      </c>
      <c r="G35573" s="8">
        <v>7840800</v>
      </c>
      <c r="H35573" s="8">
        <v>1881792</v>
      </c>
      <c r="I35573" s="8">
        <v>6115824</v>
      </c>
      <c r="J35573" s="8">
        <v>1724976</v>
      </c>
      <c r="K35573" s="9"/>
      <c r="L35573" s="6"/>
    </row>
    <row r="35574" spans="1:12">
      <c r="A35574" s="6" t="s">
        <v>35555</v>
      </c>
      <c r="B35574" s="6"/>
      <c r="C35574" s="6" t="s">
        <v>32230</v>
      </c>
      <c r="D35574" s="6"/>
      <c r="E35574" s="6" t="s">
        <v>9</v>
      </c>
      <c r="F35574" s="7">
        <v>30270</v>
      </c>
      <c r="G35574" s="8">
        <v>7614000</v>
      </c>
      <c r="H35574" s="8">
        <v>1827360</v>
      </c>
      <c r="I35574" s="8">
        <v>5938920</v>
      </c>
      <c r="J35574" s="8">
        <v>1675080</v>
      </c>
      <c r="K35574" s="9"/>
      <c r="L35574" s="6"/>
    </row>
    <row r="35575" spans="1:12">
      <c r="A35575" s="6" t="s">
        <v>35556</v>
      </c>
      <c r="B35575" s="6"/>
      <c r="C35575" s="6" t="s">
        <v>32230</v>
      </c>
      <c r="D35575" s="6"/>
      <c r="E35575" s="6" t="s">
        <v>9</v>
      </c>
      <c r="F35575" s="7">
        <v>30270</v>
      </c>
      <c r="G35575" s="8">
        <v>9979200</v>
      </c>
      <c r="H35575" s="8">
        <v>2395008</v>
      </c>
      <c r="I35575" s="8">
        <v>7783776</v>
      </c>
      <c r="J35575" s="8">
        <v>2195424</v>
      </c>
      <c r="K35575" s="9"/>
      <c r="L35575" s="6"/>
    </row>
    <row r="35576" spans="1:12">
      <c r="A35576" s="6" t="s">
        <v>35557</v>
      </c>
      <c r="B35576" s="6"/>
      <c r="C35576" s="6" t="s">
        <v>32230</v>
      </c>
      <c r="D35576" s="6"/>
      <c r="E35576" s="6" t="s">
        <v>9</v>
      </c>
      <c r="F35576" s="7">
        <v>30270</v>
      </c>
      <c r="G35576" s="8">
        <v>11615400</v>
      </c>
      <c r="H35576" s="8">
        <v>2787696</v>
      </c>
      <c r="I35576" s="8">
        <v>9060012</v>
      </c>
      <c r="J35576" s="8">
        <v>2555388</v>
      </c>
      <c r="K35576" s="9"/>
      <c r="L35576" s="6"/>
    </row>
    <row r="35577" spans="1:12">
      <c r="A35577" s="6" t="s">
        <v>35558</v>
      </c>
      <c r="B35577" s="6"/>
      <c r="C35577" s="6" t="s">
        <v>32230</v>
      </c>
      <c r="D35577" s="6"/>
      <c r="E35577" s="6" t="s">
        <v>9</v>
      </c>
      <c r="F35577" s="7">
        <v>30270</v>
      </c>
      <c r="G35577" s="8">
        <v>17941500</v>
      </c>
      <c r="H35577" s="8">
        <v>4305960</v>
      </c>
      <c r="I35577" s="8">
        <v>13994370</v>
      </c>
      <c r="J35577" s="8">
        <v>3947130</v>
      </c>
      <c r="K35577" s="9"/>
      <c r="L35577" s="6"/>
    </row>
    <row r="35578" spans="1:12">
      <c r="A35578" s="6" t="s">
        <v>35559</v>
      </c>
      <c r="B35578" s="6"/>
      <c r="C35578" s="6" t="s">
        <v>32230</v>
      </c>
      <c r="D35578" s="6"/>
      <c r="E35578" s="6" t="s">
        <v>9</v>
      </c>
      <c r="F35578" s="7">
        <v>30270</v>
      </c>
      <c r="G35578" s="8">
        <v>18549000</v>
      </c>
      <c r="H35578" s="8">
        <v>4451760</v>
      </c>
      <c r="I35578" s="8">
        <v>14468220</v>
      </c>
      <c r="J35578" s="8">
        <v>4080780</v>
      </c>
      <c r="K35578" s="9"/>
      <c r="L35578" s="6"/>
    </row>
    <row r="35579" spans="1:12">
      <c r="A35579" s="6" t="s">
        <v>35560</v>
      </c>
      <c r="B35579" s="6"/>
      <c r="C35579" s="6" t="s">
        <v>32230</v>
      </c>
      <c r="D35579" s="6"/>
      <c r="E35579" s="6" t="s">
        <v>9</v>
      </c>
      <c r="F35579" s="7">
        <v>43190</v>
      </c>
      <c r="G35579" s="8">
        <v>270000</v>
      </c>
      <c r="H35579" s="8">
        <v>253800</v>
      </c>
      <c r="I35579" s="8">
        <v>21600</v>
      </c>
      <c r="J35579" s="8">
        <v>248400</v>
      </c>
      <c r="K35579" s="9"/>
      <c r="L35579" s="6"/>
    </row>
    <row r="35580" spans="1:12">
      <c r="A35580" s="6" t="s">
        <v>35561</v>
      </c>
      <c r="B35580" s="6"/>
      <c r="C35580" s="6" t="s">
        <v>32230</v>
      </c>
      <c r="D35580" s="6"/>
      <c r="E35580" s="6" t="s">
        <v>9</v>
      </c>
      <c r="F35580" s="7">
        <v>30270</v>
      </c>
      <c r="G35580" s="8">
        <v>23716800</v>
      </c>
      <c r="H35580" s="8">
        <v>5692032</v>
      </c>
      <c r="I35580" s="8">
        <v>18499104</v>
      </c>
      <c r="J35580" s="8">
        <v>5217696</v>
      </c>
      <c r="K35580" s="9"/>
      <c r="L35580" s="6"/>
    </row>
    <row r="35581" spans="1:12">
      <c r="A35581" s="6" t="s">
        <v>35562</v>
      </c>
      <c r="B35581" s="6"/>
      <c r="C35581" s="6" t="s">
        <v>32230</v>
      </c>
      <c r="D35581" s="6"/>
      <c r="E35581" s="6" t="s">
        <v>9</v>
      </c>
      <c r="F35581" s="7">
        <v>30270</v>
      </c>
      <c r="G35581" s="8">
        <v>13915800</v>
      </c>
      <c r="H35581" s="8">
        <v>3339792</v>
      </c>
      <c r="I35581" s="8">
        <v>10854324</v>
      </c>
      <c r="J35581" s="8">
        <v>3061476</v>
      </c>
      <c r="K35581" s="9"/>
      <c r="L35581" s="6"/>
    </row>
    <row r="35582" spans="1:12">
      <c r="A35582" s="6" t="s">
        <v>35563</v>
      </c>
      <c r="B35582" s="6"/>
      <c r="C35582" s="6" t="s">
        <v>32230</v>
      </c>
      <c r="D35582" s="6"/>
      <c r="E35582" s="6" t="s">
        <v>9</v>
      </c>
      <c r="F35582" s="7">
        <v>30270</v>
      </c>
      <c r="G35582" s="8">
        <v>17552700</v>
      </c>
      <c r="H35582" s="8">
        <v>4212648</v>
      </c>
      <c r="I35582" s="8">
        <v>13691106</v>
      </c>
      <c r="J35582" s="8">
        <v>3861594</v>
      </c>
      <c r="K35582" s="9"/>
      <c r="L35582" s="6"/>
    </row>
    <row r="35583" spans="1:12">
      <c r="A35583" s="6" t="s">
        <v>35564</v>
      </c>
      <c r="B35583" s="6"/>
      <c r="C35583" s="6" t="s">
        <v>32230</v>
      </c>
      <c r="D35583" s="6"/>
      <c r="E35583" s="6" t="s">
        <v>9</v>
      </c>
      <c r="F35583" s="7">
        <v>30270</v>
      </c>
      <c r="G35583" s="8">
        <v>14337000</v>
      </c>
      <c r="H35583" s="8">
        <v>3440880</v>
      </c>
      <c r="I35583" s="8">
        <v>11182860</v>
      </c>
      <c r="J35583" s="8">
        <v>3154140</v>
      </c>
      <c r="K35583" s="9"/>
      <c r="L35583" s="6"/>
    </row>
    <row r="35584" spans="1:12">
      <c r="A35584" s="6" t="s">
        <v>35565</v>
      </c>
      <c r="B35584" s="6"/>
      <c r="C35584" s="6" t="s">
        <v>32230</v>
      </c>
      <c r="D35584" s="6"/>
      <c r="E35584" s="6" t="s">
        <v>9</v>
      </c>
      <c r="F35584" s="7">
        <v>30270</v>
      </c>
      <c r="G35584" s="8">
        <v>10384200</v>
      </c>
      <c r="H35584" s="8">
        <v>2492208</v>
      </c>
      <c r="I35584" s="8">
        <v>8099676</v>
      </c>
      <c r="J35584" s="8">
        <v>2284524</v>
      </c>
      <c r="K35584" s="9"/>
      <c r="L35584" s="6"/>
    </row>
    <row r="35585" spans="1:12">
      <c r="A35585" s="6" t="s">
        <v>35566</v>
      </c>
      <c r="B35585" s="6"/>
      <c r="C35585" s="6" t="s">
        <v>32230</v>
      </c>
      <c r="D35585" s="6"/>
      <c r="E35585" s="6" t="s">
        <v>9</v>
      </c>
      <c r="F35585" s="7">
        <v>30270</v>
      </c>
      <c r="G35585" s="8">
        <v>7492500</v>
      </c>
      <c r="H35585" s="8">
        <v>1798200</v>
      </c>
      <c r="I35585" s="8">
        <v>5844150</v>
      </c>
      <c r="J35585" s="8">
        <v>1648350</v>
      </c>
      <c r="K35585" s="9"/>
      <c r="L35585" s="6"/>
    </row>
    <row r="35586" spans="1:12">
      <c r="A35586" s="6" t="s">
        <v>35567</v>
      </c>
      <c r="B35586" s="6"/>
      <c r="C35586" s="6" t="s">
        <v>32230</v>
      </c>
      <c r="D35586" s="6"/>
      <c r="E35586" s="6" t="s">
        <v>9</v>
      </c>
      <c r="F35586" s="7">
        <v>30270</v>
      </c>
      <c r="G35586" s="8">
        <v>12960000</v>
      </c>
      <c r="H35586" s="8">
        <v>3110400</v>
      </c>
      <c r="I35586" s="8">
        <v>10108800</v>
      </c>
      <c r="J35586" s="8">
        <v>2851200</v>
      </c>
      <c r="K35586" s="9"/>
      <c r="L35586" s="6"/>
    </row>
    <row r="35587" spans="1:12">
      <c r="A35587" s="6" t="s">
        <v>35568</v>
      </c>
      <c r="B35587" s="6"/>
      <c r="C35587" s="6" t="s">
        <v>32230</v>
      </c>
      <c r="D35587" s="6"/>
      <c r="E35587" s="6" t="s">
        <v>9</v>
      </c>
      <c r="F35587" s="7">
        <v>30270</v>
      </c>
      <c r="G35587" s="8">
        <v>15309000</v>
      </c>
      <c r="H35587" s="8">
        <v>3674160</v>
      </c>
      <c r="I35587" s="8">
        <v>11941020</v>
      </c>
      <c r="J35587" s="8">
        <v>3367980</v>
      </c>
      <c r="K35587" s="9"/>
      <c r="L35587" s="6"/>
    </row>
    <row r="35588" spans="1:12">
      <c r="A35588" s="6" t="s">
        <v>35569</v>
      </c>
      <c r="B35588" s="6"/>
      <c r="C35588" s="6" t="s">
        <v>32230</v>
      </c>
      <c r="D35588" s="6"/>
      <c r="E35588" s="6" t="s">
        <v>9</v>
      </c>
      <c r="F35588" s="7">
        <v>30270</v>
      </c>
      <c r="G35588" s="8">
        <v>17390700</v>
      </c>
      <c r="H35588" s="8">
        <v>4173768</v>
      </c>
      <c r="I35588" s="8">
        <v>13564746</v>
      </c>
      <c r="J35588" s="8">
        <v>3825954</v>
      </c>
      <c r="K35588" s="9"/>
      <c r="L35588" s="6"/>
    </row>
    <row r="35589" spans="1:12">
      <c r="A35589" s="6" t="s">
        <v>35570</v>
      </c>
      <c r="B35589" s="6"/>
      <c r="C35589" s="6" t="s">
        <v>32230</v>
      </c>
      <c r="D35589" s="6"/>
      <c r="E35589" s="6" t="s">
        <v>9</v>
      </c>
      <c r="F35589" s="7">
        <v>30270</v>
      </c>
      <c r="G35589" s="8">
        <v>20241900</v>
      </c>
      <c r="H35589" s="8">
        <v>4858056</v>
      </c>
      <c r="I35589" s="8">
        <v>15788682</v>
      </c>
      <c r="J35589" s="8">
        <v>4453218</v>
      </c>
      <c r="K35589" s="9"/>
      <c r="L35589" s="6"/>
    </row>
    <row r="35590" spans="1:12">
      <c r="A35590" s="6" t="s">
        <v>35571</v>
      </c>
      <c r="B35590" s="6"/>
      <c r="C35590" s="6" t="s">
        <v>32230</v>
      </c>
      <c r="D35590" s="6"/>
      <c r="E35590" s="6" t="s">
        <v>9</v>
      </c>
      <c r="F35590" s="7">
        <v>30270</v>
      </c>
      <c r="G35590" s="8">
        <v>17301600</v>
      </c>
      <c r="H35590" s="8">
        <v>4152384</v>
      </c>
      <c r="I35590" s="8">
        <v>13495248</v>
      </c>
      <c r="J35590" s="8">
        <v>3806352</v>
      </c>
      <c r="K35590" s="9"/>
      <c r="L35590" s="6"/>
    </row>
    <row r="35591" spans="1:12">
      <c r="A35591" s="6" t="s">
        <v>35572</v>
      </c>
      <c r="B35591" s="6"/>
      <c r="C35591" s="6" t="s">
        <v>32230</v>
      </c>
      <c r="D35591" s="6"/>
      <c r="E35591" s="6" t="s">
        <v>9</v>
      </c>
      <c r="F35591" s="7">
        <v>30270</v>
      </c>
      <c r="G35591" s="8">
        <v>18387000</v>
      </c>
      <c r="H35591" s="8">
        <v>4412880</v>
      </c>
      <c r="I35591" s="8">
        <v>14341860</v>
      </c>
      <c r="J35591" s="8">
        <v>4045140</v>
      </c>
      <c r="K35591" s="9"/>
      <c r="L35591" s="6"/>
    </row>
    <row r="35592" spans="1:12">
      <c r="A35592" s="6" t="s">
        <v>35573</v>
      </c>
      <c r="B35592" s="6"/>
      <c r="C35592" s="6" t="s">
        <v>32230</v>
      </c>
      <c r="D35592" s="6"/>
      <c r="E35592" s="6" t="s">
        <v>9</v>
      </c>
      <c r="F35592" s="7">
        <v>30270</v>
      </c>
      <c r="G35592" s="8">
        <v>10894500</v>
      </c>
      <c r="H35592" s="8">
        <v>2614680</v>
      </c>
      <c r="I35592" s="8">
        <v>8497710</v>
      </c>
      <c r="J35592" s="8">
        <v>2396790</v>
      </c>
      <c r="K35592" s="9"/>
      <c r="L35592" s="6"/>
    </row>
    <row r="35593" spans="1:12">
      <c r="A35593" s="6" t="s">
        <v>35574</v>
      </c>
      <c r="B35593" s="6"/>
      <c r="C35593" s="6" t="s">
        <v>32230</v>
      </c>
      <c r="D35593" s="6"/>
      <c r="E35593" s="6" t="s">
        <v>9</v>
      </c>
      <c r="F35593" s="7">
        <v>30270</v>
      </c>
      <c r="G35593" s="8">
        <v>13235400</v>
      </c>
      <c r="H35593" s="8">
        <v>3176496</v>
      </c>
      <c r="I35593" s="8">
        <v>10323612</v>
      </c>
      <c r="J35593" s="8">
        <v>2911788</v>
      </c>
      <c r="K35593" s="9"/>
      <c r="L35593" s="6"/>
    </row>
    <row r="35594" spans="1:12">
      <c r="A35594" s="6" t="s">
        <v>35575</v>
      </c>
      <c r="B35594" s="6"/>
      <c r="C35594" s="6" t="s">
        <v>32230</v>
      </c>
      <c r="D35594" s="6"/>
      <c r="E35594" s="6" t="s">
        <v>9</v>
      </c>
      <c r="F35594" s="7">
        <v>30270</v>
      </c>
      <c r="G35594" s="8">
        <v>3920400</v>
      </c>
      <c r="H35594" s="8">
        <v>940896</v>
      </c>
      <c r="I35594" s="8">
        <v>3057912</v>
      </c>
      <c r="J35594" s="8">
        <v>862488</v>
      </c>
      <c r="K35594" s="9"/>
      <c r="L35594" s="6"/>
    </row>
    <row r="35595" spans="1:12">
      <c r="A35595" s="6" t="s">
        <v>35576</v>
      </c>
      <c r="B35595" s="6"/>
      <c r="C35595" s="6" t="s">
        <v>32230</v>
      </c>
      <c r="D35595" s="6"/>
      <c r="E35595" s="6" t="s">
        <v>9</v>
      </c>
      <c r="F35595" s="7">
        <v>30270</v>
      </c>
      <c r="G35595" s="8">
        <v>10521900</v>
      </c>
      <c r="H35595" s="8">
        <v>2525256</v>
      </c>
      <c r="I35595" s="8">
        <v>8207082</v>
      </c>
      <c r="J35595" s="8">
        <v>2314818</v>
      </c>
      <c r="K35595" s="9"/>
      <c r="L35595" s="6"/>
    </row>
    <row r="35596" spans="1:12">
      <c r="A35596" s="6" t="s">
        <v>35577</v>
      </c>
      <c r="B35596" s="6"/>
      <c r="C35596" s="6" t="s">
        <v>32230</v>
      </c>
      <c r="D35596" s="6"/>
      <c r="E35596" s="6" t="s">
        <v>9</v>
      </c>
      <c r="F35596" s="7">
        <v>30270</v>
      </c>
      <c r="G35596" s="8">
        <v>23506200</v>
      </c>
      <c r="H35596" s="8">
        <v>5641488</v>
      </c>
      <c r="I35596" s="8">
        <v>18334836</v>
      </c>
      <c r="J35596" s="8">
        <v>5171364</v>
      </c>
      <c r="K35596" s="9"/>
      <c r="L35596" s="6"/>
    </row>
    <row r="35597" spans="1:12">
      <c r="A35597" s="6" t="s">
        <v>35578</v>
      </c>
      <c r="B35597" s="6"/>
      <c r="C35597" s="6" t="s">
        <v>32230</v>
      </c>
      <c r="D35597" s="6"/>
      <c r="E35597" s="6" t="s">
        <v>9</v>
      </c>
      <c r="F35597" s="7">
        <v>30270</v>
      </c>
      <c r="G35597" s="8">
        <v>26333100</v>
      </c>
      <c r="H35597" s="8">
        <v>6319944</v>
      </c>
      <c r="I35597" s="8">
        <v>20539818</v>
      </c>
      <c r="J35597" s="8">
        <v>5793282</v>
      </c>
      <c r="K35597" s="9"/>
      <c r="L35597" s="6"/>
    </row>
    <row r="35598" spans="1:12">
      <c r="A35598" s="6" t="s">
        <v>35579</v>
      </c>
      <c r="B35598" s="6"/>
      <c r="C35598" s="6" t="s">
        <v>32230</v>
      </c>
      <c r="D35598" s="6"/>
      <c r="E35598" s="6" t="s">
        <v>9</v>
      </c>
      <c r="F35598" s="7">
        <v>30270</v>
      </c>
      <c r="G35598" s="8">
        <v>1125900</v>
      </c>
      <c r="H35598" s="8">
        <v>270216</v>
      </c>
      <c r="I35598" s="8">
        <v>878202</v>
      </c>
      <c r="J35598" s="8">
        <v>247698</v>
      </c>
      <c r="K35598" s="9"/>
      <c r="L35598" s="6"/>
    </row>
    <row r="35599" spans="1:12">
      <c r="A35599" s="6" t="s">
        <v>35580</v>
      </c>
      <c r="B35599" s="6"/>
      <c r="C35599" s="6" t="s">
        <v>32230</v>
      </c>
      <c r="D35599" s="6"/>
      <c r="E35599" s="6" t="s">
        <v>9</v>
      </c>
      <c r="F35599" s="7">
        <v>30270</v>
      </c>
      <c r="G35599" s="8">
        <v>2149200</v>
      </c>
      <c r="H35599" s="8">
        <v>515808</v>
      </c>
      <c r="I35599" s="8">
        <v>1676376</v>
      </c>
      <c r="J35599" s="8">
        <v>472824</v>
      </c>
      <c r="K35599" s="9"/>
      <c r="L35599" s="6"/>
    </row>
    <row r="35600" spans="1:12">
      <c r="A35600" s="6" t="s">
        <v>35581</v>
      </c>
      <c r="B35600" s="6"/>
      <c r="C35600" s="6" t="s">
        <v>32230</v>
      </c>
      <c r="D35600" s="6"/>
      <c r="E35600" s="6" t="s">
        <v>9</v>
      </c>
      <c r="F35600" s="7">
        <v>30270</v>
      </c>
      <c r="G35600" s="8">
        <v>19529100</v>
      </c>
      <c r="H35600" s="8">
        <v>4686984</v>
      </c>
      <c r="I35600" s="8">
        <v>15232698</v>
      </c>
      <c r="J35600" s="8">
        <v>4296402</v>
      </c>
      <c r="K35600" s="9"/>
      <c r="L35600" s="6"/>
    </row>
    <row r="35601" spans="1:12">
      <c r="A35601" s="6" t="s">
        <v>35582</v>
      </c>
      <c r="B35601" s="6"/>
      <c r="C35601" s="6" t="s">
        <v>32230</v>
      </c>
      <c r="D35601" s="6"/>
      <c r="E35601" s="6" t="s">
        <v>9</v>
      </c>
      <c r="F35601" s="7">
        <v>30498</v>
      </c>
      <c r="G35601" s="8">
        <v>15592500</v>
      </c>
      <c r="H35601" s="8">
        <v>4054050</v>
      </c>
      <c r="I35601" s="8">
        <v>11850300</v>
      </c>
      <c r="J35601" s="8">
        <v>3742200</v>
      </c>
      <c r="K35601" s="9"/>
      <c r="L35601" s="6"/>
    </row>
    <row r="35602" spans="1:12">
      <c r="A35602" s="6" t="s">
        <v>35583</v>
      </c>
      <c r="B35602" s="6"/>
      <c r="C35602" s="6" t="s">
        <v>32230</v>
      </c>
      <c r="D35602" s="6"/>
      <c r="E35602" s="6" t="s">
        <v>9</v>
      </c>
      <c r="F35602" s="7">
        <v>30498</v>
      </c>
      <c r="G35602" s="8">
        <v>14474700</v>
      </c>
      <c r="H35602" s="8">
        <v>3763422</v>
      </c>
      <c r="I35602" s="8">
        <v>11000772</v>
      </c>
      <c r="J35602" s="8">
        <v>3473928</v>
      </c>
      <c r="K35602" s="9"/>
      <c r="L35602" s="6"/>
    </row>
    <row r="35603" spans="1:12">
      <c r="A35603" s="6" t="s">
        <v>35584</v>
      </c>
      <c r="B35603" s="6"/>
      <c r="C35603" s="6" t="s">
        <v>32230</v>
      </c>
      <c r="D35603" s="6"/>
      <c r="E35603" s="6" t="s">
        <v>9</v>
      </c>
      <c r="F35603" s="7">
        <v>30498</v>
      </c>
      <c r="G35603" s="8">
        <v>5192100</v>
      </c>
      <c r="H35603" s="8">
        <v>1349946</v>
      </c>
      <c r="I35603" s="8">
        <v>3945996</v>
      </c>
      <c r="J35603" s="8">
        <v>1246104</v>
      </c>
      <c r="K35603" s="9"/>
      <c r="L35603" s="6"/>
    </row>
    <row r="35604" spans="1:12">
      <c r="A35604" s="6" t="s">
        <v>35585</v>
      </c>
      <c r="B35604" s="6"/>
      <c r="C35604" s="6" t="s">
        <v>32230</v>
      </c>
      <c r="D35604" s="6"/>
      <c r="E35604" s="6" t="s">
        <v>9</v>
      </c>
      <c r="F35604" s="7">
        <v>30498</v>
      </c>
      <c r="G35604" s="8">
        <v>17544600</v>
      </c>
      <c r="H35604" s="8">
        <v>4561596</v>
      </c>
      <c r="I35604" s="8">
        <v>13333896</v>
      </c>
      <c r="J35604" s="8">
        <v>4210704</v>
      </c>
      <c r="K35604" s="9"/>
      <c r="L35604" s="6"/>
    </row>
    <row r="35605" spans="1:12">
      <c r="A35605" s="6" t="s">
        <v>35585</v>
      </c>
      <c r="B35605" s="6"/>
      <c r="C35605" s="6" t="s">
        <v>32230</v>
      </c>
      <c r="D35605" s="6"/>
      <c r="E35605" s="6"/>
      <c r="F35605" s="7"/>
      <c r="G35605" s="8">
        <v>484000</v>
      </c>
      <c r="H35605" s="8">
        <v>474320</v>
      </c>
      <c r="I35605" s="8">
        <v>19360</v>
      </c>
      <c r="J35605" s="8">
        <v>464640</v>
      </c>
      <c r="K35605" s="9"/>
      <c r="L35605" s="6"/>
    </row>
    <row r="35606" spans="1:12">
      <c r="A35606" s="6" t="s">
        <v>35586</v>
      </c>
      <c r="B35606" s="6"/>
      <c r="C35606" s="6" t="s">
        <v>32230</v>
      </c>
      <c r="D35606" s="6"/>
      <c r="E35606" s="6" t="s">
        <v>9</v>
      </c>
      <c r="F35606" s="7">
        <v>30498</v>
      </c>
      <c r="G35606" s="8">
        <v>5969700</v>
      </c>
      <c r="H35606" s="8">
        <v>1552122</v>
      </c>
      <c r="I35606" s="8">
        <v>4536972</v>
      </c>
      <c r="J35606" s="8">
        <v>1432728</v>
      </c>
      <c r="K35606" s="9"/>
      <c r="L35606" s="6"/>
    </row>
    <row r="35607" spans="1:12">
      <c r="A35607" s="6" t="s">
        <v>35587</v>
      </c>
      <c r="B35607" s="6"/>
      <c r="C35607" s="6" t="s">
        <v>32230</v>
      </c>
      <c r="D35607" s="6"/>
      <c r="E35607" s="6" t="s">
        <v>9</v>
      </c>
      <c r="F35607" s="7">
        <v>30498</v>
      </c>
      <c r="G35607" s="8">
        <v>16232400</v>
      </c>
      <c r="H35607" s="8">
        <v>4220424</v>
      </c>
      <c r="I35607" s="8">
        <v>12336624</v>
      </c>
      <c r="J35607" s="8">
        <v>3895776</v>
      </c>
      <c r="K35607" s="9"/>
      <c r="L35607" s="6"/>
    </row>
    <row r="35608" spans="1:12">
      <c r="A35608" s="6" t="s">
        <v>35588</v>
      </c>
      <c r="B35608" s="6"/>
      <c r="C35608" s="6" t="s">
        <v>32230</v>
      </c>
      <c r="D35608" s="6"/>
      <c r="E35608" s="6" t="s">
        <v>9</v>
      </c>
      <c r="F35608" s="7">
        <v>30498</v>
      </c>
      <c r="G35608" s="8">
        <v>11534400</v>
      </c>
      <c r="H35608" s="8">
        <v>2998944</v>
      </c>
      <c r="I35608" s="8">
        <v>8766144</v>
      </c>
      <c r="J35608" s="8">
        <v>2768256</v>
      </c>
      <c r="K35608" s="9"/>
      <c r="L35608" s="6"/>
    </row>
    <row r="35609" spans="1:12">
      <c r="A35609" s="6" t="s">
        <v>35589</v>
      </c>
      <c r="B35609" s="6"/>
      <c r="C35609" s="6" t="s">
        <v>32230</v>
      </c>
      <c r="D35609" s="6"/>
      <c r="E35609" s="6" t="s">
        <v>9</v>
      </c>
      <c r="F35609" s="7">
        <v>30498</v>
      </c>
      <c r="G35609" s="8">
        <v>49152000</v>
      </c>
      <c r="H35609" s="8">
        <v>12779520</v>
      </c>
      <c r="I35609" s="8">
        <v>37355520</v>
      </c>
      <c r="J35609" s="8">
        <v>11796480</v>
      </c>
      <c r="K35609" s="9"/>
      <c r="L35609" s="6"/>
    </row>
    <row r="35610" spans="1:12">
      <c r="A35610" s="6" t="s">
        <v>35590</v>
      </c>
      <c r="B35610" s="6"/>
      <c r="C35610" s="6" t="s">
        <v>32230</v>
      </c>
      <c r="D35610" s="6"/>
      <c r="E35610" s="6" t="s">
        <v>9</v>
      </c>
      <c r="F35610" s="7">
        <v>30498</v>
      </c>
      <c r="G35610" s="8">
        <v>18994500</v>
      </c>
      <c r="H35610" s="8">
        <v>4938570</v>
      </c>
      <c r="I35610" s="8">
        <v>14435820</v>
      </c>
      <c r="J35610" s="8">
        <v>4558680</v>
      </c>
      <c r="K35610" s="9"/>
      <c r="L35610" s="6"/>
    </row>
    <row r="35611" spans="1:12">
      <c r="A35611" s="6" t="s">
        <v>35591</v>
      </c>
      <c r="B35611" s="6"/>
      <c r="C35611" s="6" t="s">
        <v>32230</v>
      </c>
      <c r="D35611" s="6"/>
      <c r="E35611" s="6" t="s">
        <v>9</v>
      </c>
      <c r="F35611" s="7">
        <v>30498</v>
      </c>
      <c r="G35611" s="8">
        <v>13859100</v>
      </c>
      <c r="H35611" s="8">
        <v>3603366</v>
      </c>
      <c r="I35611" s="8">
        <v>10532916</v>
      </c>
      <c r="J35611" s="8">
        <v>3326184</v>
      </c>
      <c r="K35611" s="9"/>
      <c r="L35611" s="6"/>
    </row>
    <row r="35612" spans="1:12">
      <c r="A35612" s="6" t="s">
        <v>35592</v>
      </c>
      <c r="B35612" s="6"/>
      <c r="C35612" s="6" t="s">
        <v>32230</v>
      </c>
      <c r="D35612" s="6"/>
      <c r="E35612" s="6" t="s">
        <v>9</v>
      </c>
      <c r="F35612" s="7">
        <v>30498</v>
      </c>
      <c r="G35612" s="8">
        <v>4665600</v>
      </c>
      <c r="H35612" s="8">
        <v>1213056</v>
      </c>
      <c r="I35612" s="8">
        <v>3545856</v>
      </c>
      <c r="J35612" s="8">
        <v>1119744</v>
      </c>
      <c r="K35612" s="9"/>
      <c r="L35612" s="6"/>
    </row>
    <row r="35613" spans="1:12">
      <c r="A35613" s="6" t="s">
        <v>35593</v>
      </c>
      <c r="B35613" s="6"/>
      <c r="C35613" s="6" t="s">
        <v>32230</v>
      </c>
      <c r="D35613" s="6"/>
      <c r="E35613" s="6" t="s">
        <v>9</v>
      </c>
      <c r="F35613" s="7">
        <v>35611</v>
      </c>
      <c r="G35613" s="8">
        <v>10240000</v>
      </c>
      <c r="H35613" s="8">
        <v>5529600</v>
      </c>
      <c r="I35613" s="8">
        <v>4915200</v>
      </c>
      <c r="J35613" s="8">
        <v>5324800</v>
      </c>
      <c r="K35613" s="9"/>
      <c r="L35613" s="6"/>
    </row>
    <row r="35614" spans="1:12">
      <c r="A35614" s="6" t="s">
        <v>35594</v>
      </c>
      <c r="B35614" s="6"/>
      <c r="C35614" s="6" t="s">
        <v>32230</v>
      </c>
      <c r="D35614" s="6"/>
      <c r="E35614" s="6" t="s">
        <v>9</v>
      </c>
      <c r="F35614" s="7">
        <v>35611</v>
      </c>
      <c r="G35614" s="8">
        <v>12595500</v>
      </c>
      <c r="H35614" s="8">
        <v>6801570</v>
      </c>
      <c r="I35614" s="8">
        <v>6045840</v>
      </c>
      <c r="J35614" s="8">
        <v>6549660</v>
      </c>
      <c r="K35614" s="9"/>
      <c r="L35614" s="6"/>
    </row>
    <row r="35615" spans="1:12">
      <c r="A35615" s="6" t="s">
        <v>35595</v>
      </c>
      <c r="B35615" s="6"/>
      <c r="C35615" s="6" t="s">
        <v>32230</v>
      </c>
      <c r="D35615" s="6"/>
      <c r="E35615" s="6" t="s">
        <v>9</v>
      </c>
      <c r="F35615" s="7">
        <v>35611</v>
      </c>
      <c r="G35615" s="8">
        <v>8521200</v>
      </c>
      <c r="H35615" s="8">
        <v>4601448</v>
      </c>
      <c r="I35615" s="8">
        <v>4090176</v>
      </c>
      <c r="J35615" s="8">
        <v>4431024</v>
      </c>
      <c r="K35615" s="9"/>
      <c r="L35615" s="6"/>
    </row>
    <row r="35616" spans="1:12">
      <c r="A35616" s="6" t="s">
        <v>35596</v>
      </c>
      <c r="B35616" s="6"/>
      <c r="C35616" s="6" t="s">
        <v>32230</v>
      </c>
      <c r="D35616" s="6"/>
      <c r="E35616" s="6" t="s">
        <v>9</v>
      </c>
      <c r="F35616" s="7">
        <v>35611</v>
      </c>
      <c r="G35616" s="8">
        <v>6860700</v>
      </c>
      <c r="H35616" s="8">
        <v>3704778</v>
      </c>
      <c r="I35616" s="8">
        <v>3293136</v>
      </c>
      <c r="J35616" s="8">
        <v>3567564</v>
      </c>
      <c r="K35616" s="9"/>
      <c r="L35616" s="6"/>
    </row>
    <row r="35617" spans="1:12">
      <c r="A35617" s="6" t="s">
        <v>35597</v>
      </c>
      <c r="B35617" s="6"/>
      <c r="C35617" s="6" t="s">
        <v>32230</v>
      </c>
      <c r="D35617" s="6"/>
      <c r="E35617" s="6" t="s">
        <v>9</v>
      </c>
      <c r="F35617" s="7">
        <v>35611</v>
      </c>
      <c r="G35617" s="8">
        <v>6658200</v>
      </c>
      <c r="H35617" s="8">
        <v>3595428</v>
      </c>
      <c r="I35617" s="8">
        <v>3195936</v>
      </c>
      <c r="J35617" s="8">
        <v>3462264</v>
      </c>
      <c r="K35617" s="9"/>
      <c r="L35617" s="6"/>
    </row>
    <row r="35618" spans="1:12">
      <c r="A35618" s="6" t="s">
        <v>35598</v>
      </c>
      <c r="B35618" s="6"/>
      <c r="C35618" s="6" t="s">
        <v>32230</v>
      </c>
      <c r="D35618" s="6"/>
      <c r="E35618" s="6" t="s">
        <v>9</v>
      </c>
      <c r="F35618" s="7">
        <v>35611</v>
      </c>
      <c r="G35618" s="8">
        <v>9525600</v>
      </c>
      <c r="H35618" s="8">
        <v>5143824</v>
      </c>
      <c r="I35618" s="8">
        <v>4572288</v>
      </c>
      <c r="J35618" s="8">
        <v>4953312</v>
      </c>
      <c r="K35618" s="9"/>
      <c r="L35618" s="6"/>
    </row>
    <row r="35619" spans="1:12">
      <c r="A35619" s="6" t="s">
        <v>35599</v>
      </c>
      <c r="B35619" s="6"/>
      <c r="C35619" s="6" t="s">
        <v>32230</v>
      </c>
      <c r="D35619" s="6"/>
      <c r="E35619" s="6" t="s">
        <v>9</v>
      </c>
      <c r="F35619" s="7">
        <v>30270</v>
      </c>
      <c r="G35619" s="8">
        <v>17690400</v>
      </c>
      <c r="H35619" s="8">
        <v>4245696</v>
      </c>
      <c r="I35619" s="8">
        <v>13798512</v>
      </c>
      <c r="J35619" s="8">
        <v>3891888</v>
      </c>
      <c r="K35619" s="9"/>
      <c r="L35619" s="6"/>
    </row>
    <row r="35620" spans="1:12">
      <c r="A35620" s="6" t="s">
        <v>35600</v>
      </c>
      <c r="B35620" s="6"/>
      <c r="C35620" s="6" t="s">
        <v>32230</v>
      </c>
      <c r="D35620" s="6"/>
      <c r="E35620" s="6" t="s">
        <v>9</v>
      </c>
      <c r="F35620" s="7">
        <v>30270</v>
      </c>
      <c r="G35620" s="8">
        <v>67375800</v>
      </c>
      <c r="H35620" s="8">
        <v>16170192</v>
      </c>
      <c r="I35620" s="8">
        <v>52553124</v>
      </c>
      <c r="J35620" s="8">
        <v>14822676</v>
      </c>
      <c r="K35620" s="9"/>
      <c r="L35620" s="6"/>
    </row>
    <row r="35621" spans="1:12">
      <c r="A35621" s="6" t="s">
        <v>35601</v>
      </c>
      <c r="B35621" s="6"/>
      <c r="C35621" s="6" t="s">
        <v>32230</v>
      </c>
      <c r="D35621" s="6"/>
      <c r="E35621" s="6" t="s">
        <v>9</v>
      </c>
      <c r="F35621" s="7">
        <v>43677</v>
      </c>
      <c r="G35621" s="8">
        <v>1296000</v>
      </c>
      <c r="H35621" s="8">
        <v>1263600</v>
      </c>
      <c r="I35621" s="8">
        <v>64800</v>
      </c>
      <c r="J35621" s="8">
        <v>1231200</v>
      </c>
      <c r="K35621" s="9"/>
      <c r="L35621" s="6"/>
    </row>
    <row r="35622" spans="1:12">
      <c r="A35622" s="6" t="s">
        <v>35602</v>
      </c>
      <c r="B35622" s="6"/>
      <c r="C35622" s="6" t="s">
        <v>32230</v>
      </c>
      <c r="D35622" s="6"/>
      <c r="E35622" s="6" t="s">
        <v>9</v>
      </c>
      <c r="F35622" s="7">
        <v>30270</v>
      </c>
      <c r="G35622" s="8">
        <v>57024000</v>
      </c>
      <c r="H35622" s="8">
        <v>13685760</v>
      </c>
      <c r="I35622" s="8">
        <v>44478720</v>
      </c>
      <c r="J35622" s="8">
        <v>12545280</v>
      </c>
      <c r="K35622" s="9"/>
      <c r="L35622" s="6"/>
    </row>
    <row r="35623" spans="1:12">
      <c r="A35623" s="6" t="s">
        <v>35603</v>
      </c>
      <c r="B35623" s="6"/>
      <c r="C35623" s="6" t="s">
        <v>32230</v>
      </c>
      <c r="D35623" s="6"/>
      <c r="E35623" s="6" t="s">
        <v>9</v>
      </c>
      <c r="F35623" s="7">
        <v>30270</v>
      </c>
      <c r="G35623" s="8">
        <v>33517800</v>
      </c>
      <c r="H35623" s="8">
        <v>8044272</v>
      </c>
      <c r="I35623" s="8">
        <v>26143884</v>
      </c>
      <c r="J35623" s="8">
        <v>7373916</v>
      </c>
      <c r="K35623" s="9"/>
      <c r="L35623" s="6"/>
    </row>
    <row r="35624" spans="1:12">
      <c r="A35624" s="6" t="s">
        <v>35604</v>
      </c>
      <c r="B35624" s="6"/>
      <c r="C35624" s="6" t="s">
        <v>32230</v>
      </c>
      <c r="D35624" s="6"/>
      <c r="E35624" s="6" t="s">
        <v>9</v>
      </c>
      <c r="F35624" s="7">
        <v>30270</v>
      </c>
      <c r="G35624" s="8">
        <v>19326600</v>
      </c>
      <c r="H35624" s="8">
        <v>4638384</v>
      </c>
      <c r="I35624" s="8">
        <v>15074748</v>
      </c>
      <c r="J35624" s="8">
        <v>4251852</v>
      </c>
      <c r="K35624" s="9"/>
      <c r="L35624" s="6"/>
    </row>
    <row r="35625" spans="1:12">
      <c r="A35625" s="6" t="s">
        <v>35605</v>
      </c>
      <c r="B35625" s="6"/>
      <c r="C35625" s="6" t="s">
        <v>32230</v>
      </c>
      <c r="D35625" s="6"/>
      <c r="E35625" s="6" t="s">
        <v>9</v>
      </c>
      <c r="F35625" s="7">
        <v>30270</v>
      </c>
      <c r="G35625" s="8">
        <v>56883200</v>
      </c>
      <c r="H35625" s="8">
        <v>13651968</v>
      </c>
      <c r="I35625" s="8">
        <v>44368896</v>
      </c>
      <c r="J35625" s="8">
        <v>12514304</v>
      </c>
      <c r="K35625" s="9"/>
      <c r="L35625" s="6"/>
    </row>
    <row r="35626" spans="1:12">
      <c r="A35626" s="6" t="s">
        <v>35606</v>
      </c>
      <c r="B35626" s="6"/>
      <c r="C35626" s="6" t="s">
        <v>32230</v>
      </c>
      <c r="D35626" s="6"/>
      <c r="E35626" s="6" t="s">
        <v>9</v>
      </c>
      <c r="F35626" s="7">
        <v>30270</v>
      </c>
      <c r="G35626" s="8">
        <v>40338000</v>
      </c>
      <c r="H35626" s="8">
        <v>9681120</v>
      </c>
      <c r="I35626" s="8">
        <v>31463640</v>
      </c>
      <c r="J35626" s="8">
        <v>8874360</v>
      </c>
      <c r="K35626" s="9"/>
      <c r="L35626" s="6"/>
    </row>
    <row r="35627" spans="1:12">
      <c r="A35627" s="6" t="s">
        <v>35607</v>
      </c>
      <c r="B35627" s="6"/>
      <c r="C35627" s="6" t="s">
        <v>32230</v>
      </c>
      <c r="D35627" s="6"/>
      <c r="E35627" s="6" t="s">
        <v>9</v>
      </c>
      <c r="F35627" s="7">
        <v>30270</v>
      </c>
      <c r="G35627" s="8">
        <v>42087600</v>
      </c>
      <c r="H35627" s="8">
        <v>10101024</v>
      </c>
      <c r="I35627" s="8">
        <v>32828328</v>
      </c>
      <c r="J35627" s="8">
        <v>9259272</v>
      </c>
      <c r="K35627" s="9"/>
      <c r="L35627" s="6"/>
    </row>
    <row r="35628" spans="1:12">
      <c r="A35628" s="6" t="s">
        <v>35608</v>
      </c>
      <c r="B35628" s="6"/>
      <c r="C35628" s="6" t="s">
        <v>32230</v>
      </c>
      <c r="D35628" s="6"/>
      <c r="E35628" s="6" t="s">
        <v>9</v>
      </c>
      <c r="F35628" s="7">
        <v>30270</v>
      </c>
      <c r="G35628" s="8">
        <v>10594800</v>
      </c>
      <c r="H35628" s="8">
        <v>2542752</v>
      </c>
      <c r="I35628" s="8">
        <v>8263944</v>
      </c>
      <c r="J35628" s="8">
        <v>2330856</v>
      </c>
      <c r="K35628" s="9"/>
      <c r="L35628" s="6"/>
    </row>
    <row r="35629" spans="1:12">
      <c r="A35629" s="6" t="s">
        <v>35609</v>
      </c>
      <c r="B35629" s="6"/>
      <c r="C35629" s="6" t="s">
        <v>32230</v>
      </c>
      <c r="D35629" s="6"/>
      <c r="E35629" s="6" t="s">
        <v>9</v>
      </c>
      <c r="F35629" s="7">
        <v>30270</v>
      </c>
      <c r="G35629" s="8">
        <v>9849600</v>
      </c>
      <c r="H35629" s="8">
        <v>2363904</v>
      </c>
      <c r="I35629" s="8">
        <v>7682688</v>
      </c>
      <c r="J35629" s="8">
        <v>2166912</v>
      </c>
      <c r="K35629" s="9"/>
      <c r="L35629" s="6"/>
    </row>
    <row r="35630" spans="1:12">
      <c r="A35630" s="6" t="s">
        <v>35610</v>
      </c>
      <c r="B35630" s="6"/>
      <c r="C35630" s="6" t="s">
        <v>32230</v>
      </c>
      <c r="D35630" s="6"/>
      <c r="E35630" s="6" t="s">
        <v>9</v>
      </c>
      <c r="F35630" s="7">
        <v>30270</v>
      </c>
      <c r="G35630" s="8">
        <v>10027800</v>
      </c>
      <c r="H35630" s="8">
        <v>2406672</v>
      </c>
      <c r="I35630" s="8">
        <v>7821684</v>
      </c>
      <c r="J35630" s="8">
        <v>2206116</v>
      </c>
      <c r="K35630" s="9"/>
      <c r="L35630" s="6"/>
    </row>
    <row r="35631" spans="1:12">
      <c r="A35631" s="6" t="s">
        <v>35611</v>
      </c>
      <c r="B35631" s="6"/>
      <c r="C35631" s="6" t="s">
        <v>32230</v>
      </c>
      <c r="D35631" s="6"/>
      <c r="E35631" s="6" t="s">
        <v>9</v>
      </c>
      <c r="F35631" s="7">
        <v>30270</v>
      </c>
      <c r="G35631" s="8">
        <v>10011600</v>
      </c>
      <c r="H35631" s="8">
        <v>2402784</v>
      </c>
      <c r="I35631" s="8">
        <v>7809048</v>
      </c>
      <c r="J35631" s="8">
        <v>2202552</v>
      </c>
      <c r="K35631" s="9"/>
      <c r="L35631" s="6"/>
    </row>
    <row r="35632" spans="1:12">
      <c r="A35632" s="6" t="s">
        <v>35612</v>
      </c>
      <c r="B35632" s="6"/>
      <c r="C35632" s="6" t="s">
        <v>32230</v>
      </c>
      <c r="D35632" s="6"/>
      <c r="E35632" s="6" t="s">
        <v>9</v>
      </c>
      <c r="F35632" s="7">
        <v>30270</v>
      </c>
      <c r="G35632" s="8">
        <v>3240000</v>
      </c>
      <c r="H35632" s="8">
        <v>777600</v>
      </c>
      <c r="I35632" s="8">
        <v>2527200</v>
      </c>
      <c r="J35632" s="8">
        <v>712800</v>
      </c>
      <c r="K35632" s="9"/>
      <c r="L35632" s="6"/>
    </row>
    <row r="35633" spans="1:12">
      <c r="A35633" s="6" t="s">
        <v>35613</v>
      </c>
      <c r="B35633" s="6"/>
      <c r="C35633" s="6" t="s">
        <v>32230</v>
      </c>
      <c r="D35633" s="6"/>
      <c r="E35633" s="6" t="s">
        <v>9</v>
      </c>
      <c r="F35633" s="7">
        <v>30270</v>
      </c>
      <c r="G35633" s="8">
        <v>2899800</v>
      </c>
      <c r="H35633" s="8">
        <v>695952</v>
      </c>
      <c r="I35633" s="8">
        <v>2261844</v>
      </c>
      <c r="J35633" s="8">
        <v>637956</v>
      </c>
      <c r="K35633" s="9"/>
      <c r="L35633" s="6"/>
    </row>
    <row r="35634" spans="1:12">
      <c r="A35634" s="6" t="s">
        <v>35614</v>
      </c>
      <c r="B35634" s="6"/>
      <c r="C35634" s="6" t="s">
        <v>32230</v>
      </c>
      <c r="D35634" s="6"/>
      <c r="E35634" s="6" t="s">
        <v>9</v>
      </c>
      <c r="F35634" s="7">
        <v>30270</v>
      </c>
      <c r="G35634" s="8">
        <v>8910000</v>
      </c>
      <c r="H35634" s="8">
        <v>2138400</v>
      </c>
      <c r="I35634" s="8">
        <v>6949800</v>
      </c>
      <c r="J35634" s="8">
        <v>1960200</v>
      </c>
      <c r="K35634" s="9"/>
      <c r="L35634" s="6"/>
    </row>
    <row r="35635" spans="1:12">
      <c r="A35635" s="6" t="s">
        <v>35615</v>
      </c>
      <c r="B35635" s="6"/>
      <c r="C35635" s="6" t="s">
        <v>32230</v>
      </c>
      <c r="D35635" s="6"/>
      <c r="E35635" s="6" t="s">
        <v>9</v>
      </c>
      <c r="F35635" s="7">
        <v>30270</v>
      </c>
      <c r="G35635" s="8">
        <v>16232400</v>
      </c>
      <c r="H35635" s="8">
        <v>3895776</v>
      </c>
      <c r="I35635" s="8">
        <v>12661272</v>
      </c>
      <c r="J35635" s="8">
        <v>3571128</v>
      </c>
      <c r="K35635" s="9"/>
      <c r="L35635" s="6"/>
    </row>
    <row r="35636" spans="1:12">
      <c r="A35636" s="6" t="s">
        <v>35616</v>
      </c>
      <c r="B35636" s="6"/>
      <c r="C35636" s="6" t="s">
        <v>32230</v>
      </c>
      <c r="D35636" s="6"/>
      <c r="E35636" s="6" t="s">
        <v>9</v>
      </c>
      <c r="F35636" s="7">
        <v>30270</v>
      </c>
      <c r="G35636" s="8">
        <v>10092600</v>
      </c>
      <c r="H35636" s="8">
        <v>2422224</v>
      </c>
      <c r="I35636" s="8">
        <v>7872228</v>
      </c>
      <c r="J35636" s="8">
        <v>2220372</v>
      </c>
      <c r="K35636" s="9"/>
      <c r="L35636" s="6"/>
    </row>
    <row r="35637" spans="1:12">
      <c r="A35637" s="6" t="s">
        <v>35617</v>
      </c>
      <c r="B35637" s="6"/>
      <c r="C35637" s="6" t="s">
        <v>32230</v>
      </c>
      <c r="D35637" s="6"/>
      <c r="E35637" s="6" t="s">
        <v>9</v>
      </c>
      <c r="F35637" s="7">
        <v>30270</v>
      </c>
      <c r="G35637" s="8">
        <v>11178000</v>
      </c>
      <c r="H35637" s="8">
        <v>2682720</v>
      </c>
      <c r="I35637" s="8">
        <v>8718840</v>
      </c>
      <c r="J35637" s="8">
        <v>2459160</v>
      </c>
      <c r="K35637" s="9"/>
      <c r="L35637" s="6"/>
    </row>
    <row r="35638" spans="1:12">
      <c r="A35638" s="6" t="s">
        <v>35618</v>
      </c>
      <c r="B35638" s="6"/>
      <c r="C35638" s="6" t="s">
        <v>32230</v>
      </c>
      <c r="D35638" s="6"/>
      <c r="E35638" s="6" t="s">
        <v>9</v>
      </c>
      <c r="F35638" s="7">
        <v>30270</v>
      </c>
      <c r="G35638" s="8">
        <v>2835000</v>
      </c>
      <c r="H35638" s="8">
        <v>680400</v>
      </c>
      <c r="I35638" s="8">
        <v>2211300</v>
      </c>
      <c r="J35638" s="8">
        <v>623700</v>
      </c>
      <c r="K35638" s="9"/>
      <c r="L35638" s="6"/>
    </row>
    <row r="35639" spans="1:12">
      <c r="A35639" s="6" t="s">
        <v>35619</v>
      </c>
      <c r="B35639" s="6"/>
      <c r="C35639" s="6" t="s">
        <v>32230</v>
      </c>
      <c r="D35639" s="6"/>
      <c r="E35639" s="6" t="s">
        <v>9</v>
      </c>
      <c r="F35639" s="7">
        <v>30270</v>
      </c>
      <c r="G35639" s="8">
        <v>6504300</v>
      </c>
      <c r="H35639" s="8">
        <v>1561032</v>
      </c>
      <c r="I35639" s="8">
        <v>5073354</v>
      </c>
      <c r="J35639" s="8">
        <v>1430946</v>
      </c>
      <c r="K35639" s="9"/>
      <c r="L35639" s="6"/>
    </row>
    <row r="35640" spans="1:12">
      <c r="A35640" s="6" t="s">
        <v>35620</v>
      </c>
      <c r="B35640" s="6"/>
      <c r="C35640" s="6" t="s">
        <v>32230</v>
      </c>
      <c r="D35640" s="6"/>
      <c r="E35640" s="6" t="s">
        <v>9</v>
      </c>
      <c r="F35640" s="7">
        <v>30270</v>
      </c>
      <c r="G35640" s="8">
        <v>5443200</v>
      </c>
      <c r="H35640" s="8">
        <v>1306368</v>
      </c>
      <c r="I35640" s="8">
        <v>4245696</v>
      </c>
      <c r="J35640" s="8">
        <v>1197504</v>
      </c>
      <c r="K35640" s="9"/>
      <c r="L35640" s="6"/>
    </row>
    <row r="35641" spans="1:12">
      <c r="A35641" s="6" t="s">
        <v>35621</v>
      </c>
      <c r="B35641" s="6"/>
      <c r="C35641" s="6" t="s">
        <v>32230</v>
      </c>
      <c r="D35641" s="6"/>
      <c r="E35641" s="6" t="s">
        <v>9</v>
      </c>
      <c r="F35641" s="7">
        <v>30270</v>
      </c>
      <c r="G35641" s="8">
        <v>7435800</v>
      </c>
      <c r="H35641" s="8">
        <v>1784592</v>
      </c>
      <c r="I35641" s="8">
        <v>5799924</v>
      </c>
      <c r="J35641" s="8">
        <v>1635876</v>
      </c>
      <c r="K35641" s="9"/>
      <c r="L35641" s="6"/>
    </row>
    <row r="35642" spans="1:12">
      <c r="A35642" s="6" t="s">
        <v>35622</v>
      </c>
      <c r="B35642" s="6"/>
      <c r="C35642" s="6" t="s">
        <v>32230</v>
      </c>
      <c r="D35642" s="6"/>
      <c r="E35642" s="6" t="s">
        <v>9</v>
      </c>
      <c r="F35642" s="7">
        <v>30270</v>
      </c>
      <c r="G35642" s="8">
        <v>2883600</v>
      </c>
      <c r="H35642" s="8">
        <v>692064</v>
      </c>
      <c r="I35642" s="8">
        <v>2249208</v>
      </c>
      <c r="J35642" s="8">
        <v>634392</v>
      </c>
      <c r="K35642" s="9"/>
      <c r="L35642" s="6"/>
    </row>
    <row r="35643" spans="1:12">
      <c r="A35643" s="6" t="s">
        <v>35623</v>
      </c>
      <c r="B35643" s="6"/>
      <c r="C35643" s="6" t="s">
        <v>32230</v>
      </c>
      <c r="D35643" s="6"/>
      <c r="E35643" s="6" t="s">
        <v>9</v>
      </c>
      <c r="F35643" s="7">
        <v>30270</v>
      </c>
      <c r="G35643" s="8">
        <v>14191200</v>
      </c>
      <c r="H35643" s="8">
        <v>3405888</v>
      </c>
      <c r="I35643" s="8">
        <v>11069136</v>
      </c>
      <c r="J35643" s="8">
        <v>3122064</v>
      </c>
      <c r="K35643" s="9"/>
      <c r="L35643" s="6"/>
    </row>
    <row r="35644" spans="1:12">
      <c r="A35644" s="6" t="s">
        <v>35624</v>
      </c>
      <c r="B35644" s="6"/>
      <c r="C35644" s="6" t="s">
        <v>32230</v>
      </c>
      <c r="D35644" s="6"/>
      <c r="E35644" s="6" t="s">
        <v>9</v>
      </c>
      <c r="F35644" s="7">
        <v>30270</v>
      </c>
      <c r="G35644" s="8">
        <v>15908400</v>
      </c>
      <c r="H35644" s="8">
        <v>3818016</v>
      </c>
      <c r="I35644" s="8">
        <v>12408552</v>
      </c>
      <c r="J35644" s="8">
        <v>3499848</v>
      </c>
      <c r="K35644" s="9"/>
      <c r="L35644" s="6"/>
    </row>
    <row r="35645" spans="1:12">
      <c r="A35645" s="6" t="s">
        <v>35625</v>
      </c>
      <c r="B35645" s="6"/>
      <c r="C35645" s="6" t="s">
        <v>32230</v>
      </c>
      <c r="D35645" s="6"/>
      <c r="E35645" s="6" t="s">
        <v>9</v>
      </c>
      <c r="F35645" s="7">
        <v>30270</v>
      </c>
      <c r="G35645" s="8">
        <v>43950600</v>
      </c>
      <c r="H35645" s="8">
        <v>10548144</v>
      </c>
      <c r="I35645" s="8">
        <v>34281468</v>
      </c>
      <c r="J35645" s="8">
        <v>9669132</v>
      </c>
      <c r="K35645" s="9"/>
      <c r="L35645" s="6"/>
    </row>
    <row r="35646" spans="1:12">
      <c r="A35646" s="6" t="s">
        <v>35626</v>
      </c>
      <c r="B35646" s="6"/>
      <c r="C35646" s="6" t="s">
        <v>32230</v>
      </c>
      <c r="D35646" s="6"/>
      <c r="E35646" s="6" t="s">
        <v>9</v>
      </c>
      <c r="F35646" s="7">
        <v>30270</v>
      </c>
      <c r="G35646" s="8">
        <v>27475200</v>
      </c>
      <c r="H35646" s="8">
        <v>6594048</v>
      </c>
      <c r="I35646" s="8">
        <v>21430656</v>
      </c>
      <c r="J35646" s="8">
        <v>6044544</v>
      </c>
      <c r="K35646" s="9"/>
      <c r="L35646" s="6"/>
    </row>
    <row r="35647" spans="1:12">
      <c r="A35647" s="6" t="s">
        <v>35627</v>
      </c>
      <c r="B35647" s="6"/>
      <c r="C35647" s="6" t="s">
        <v>32230</v>
      </c>
      <c r="D35647" s="6"/>
      <c r="E35647" s="6" t="s">
        <v>9</v>
      </c>
      <c r="F35647" s="7">
        <v>30270</v>
      </c>
      <c r="G35647" s="8">
        <v>15649200</v>
      </c>
      <c r="H35647" s="8">
        <v>3755808</v>
      </c>
      <c r="I35647" s="8">
        <v>12206376</v>
      </c>
      <c r="J35647" s="8">
        <v>3442824</v>
      </c>
      <c r="K35647" s="9"/>
      <c r="L35647" s="6"/>
    </row>
    <row r="35648" spans="1:12">
      <c r="A35648" s="6" t="s">
        <v>35628</v>
      </c>
      <c r="B35648" s="6"/>
      <c r="C35648" s="6" t="s">
        <v>32230</v>
      </c>
      <c r="D35648" s="6"/>
      <c r="E35648" s="6" t="s">
        <v>9</v>
      </c>
      <c r="F35648" s="7">
        <v>30270</v>
      </c>
      <c r="G35648" s="8">
        <v>8715600</v>
      </c>
      <c r="H35648" s="8">
        <v>2091744</v>
      </c>
      <c r="I35648" s="8">
        <v>6798168</v>
      </c>
      <c r="J35648" s="8">
        <v>1917432</v>
      </c>
      <c r="K35648" s="9"/>
      <c r="L35648" s="6"/>
    </row>
    <row r="35649" spans="1:12">
      <c r="A35649" s="6" t="s">
        <v>35629</v>
      </c>
      <c r="B35649" s="6"/>
      <c r="C35649" s="6" t="s">
        <v>32230</v>
      </c>
      <c r="D35649" s="6"/>
      <c r="E35649" s="6" t="s">
        <v>9</v>
      </c>
      <c r="F35649" s="7">
        <v>30270</v>
      </c>
      <c r="G35649" s="8">
        <v>4908600</v>
      </c>
      <c r="H35649" s="8">
        <v>1178064</v>
      </c>
      <c r="I35649" s="8">
        <v>3828708</v>
      </c>
      <c r="J35649" s="8">
        <v>1079892</v>
      </c>
      <c r="K35649" s="9"/>
      <c r="L35649" s="6"/>
    </row>
    <row r="35650" spans="1:12">
      <c r="A35650" s="6" t="s">
        <v>35630</v>
      </c>
      <c r="B35650" s="6"/>
      <c r="C35650" s="6" t="s">
        <v>32230</v>
      </c>
      <c r="D35650" s="6"/>
      <c r="E35650" s="6" t="s">
        <v>9</v>
      </c>
      <c r="F35650" s="7">
        <v>30270</v>
      </c>
      <c r="G35650" s="8">
        <v>6528600</v>
      </c>
      <c r="H35650" s="8">
        <v>1566864</v>
      </c>
      <c r="I35650" s="8">
        <v>5092308</v>
      </c>
      <c r="J35650" s="8">
        <v>1436292</v>
      </c>
      <c r="K35650" s="9"/>
      <c r="L35650" s="6"/>
    </row>
    <row r="35651" spans="1:12">
      <c r="A35651" s="6" t="s">
        <v>35631</v>
      </c>
      <c r="B35651" s="6"/>
      <c r="C35651" s="6" t="s">
        <v>32230</v>
      </c>
      <c r="D35651" s="6"/>
      <c r="E35651" s="6" t="s">
        <v>9</v>
      </c>
      <c r="F35651" s="7">
        <v>30270</v>
      </c>
      <c r="G35651" s="8">
        <v>16621200</v>
      </c>
      <c r="H35651" s="8">
        <v>3989088</v>
      </c>
      <c r="I35651" s="8">
        <v>12964536</v>
      </c>
      <c r="J35651" s="8">
        <v>3656664</v>
      </c>
      <c r="K35651" s="9"/>
      <c r="L35651" s="6"/>
    </row>
    <row r="35652" spans="1:12">
      <c r="A35652" s="6" t="s">
        <v>35632</v>
      </c>
      <c r="B35652" s="6"/>
      <c r="C35652" s="6" t="s">
        <v>32230</v>
      </c>
      <c r="D35652" s="6"/>
      <c r="E35652" s="6" t="s">
        <v>9</v>
      </c>
      <c r="F35652" s="7">
        <v>30270</v>
      </c>
      <c r="G35652" s="8">
        <v>4714200</v>
      </c>
      <c r="H35652" s="8">
        <v>1131408</v>
      </c>
      <c r="I35652" s="8">
        <v>3677076</v>
      </c>
      <c r="J35652" s="8">
        <v>1037124</v>
      </c>
      <c r="K35652" s="9"/>
      <c r="L35652" s="6"/>
    </row>
    <row r="35653" spans="1:12">
      <c r="A35653" s="6" t="s">
        <v>35633</v>
      </c>
      <c r="B35653" s="6"/>
      <c r="C35653" s="6" t="s">
        <v>32230</v>
      </c>
      <c r="D35653" s="6"/>
      <c r="E35653" s="6" t="s">
        <v>9</v>
      </c>
      <c r="F35653" s="7">
        <v>30270</v>
      </c>
      <c r="G35653" s="8">
        <v>25353000</v>
      </c>
      <c r="H35653" s="8">
        <v>6084720</v>
      </c>
      <c r="I35653" s="8">
        <v>19775340</v>
      </c>
      <c r="J35653" s="8">
        <v>5577660</v>
      </c>
      <c r="K35653" s="9"/>
      <c r="L35653" s="6"/>
    </row>
    <row r="35654" spans="1:12">
      <c r="A35654" s="6" t="s">
        <v>35634</v>
      </c>
      <c r="B35654" s="6"/>
      <c r="C35654" s="6" t="s">
        <v>32230</v>
      </c>
      <c r="D35654" s="6"/>
      <c r="E35654" s="6" t="s">
        <v>9</v>
      </c>
      <c r="F35654" s="7">
        <v>30270</v>
      </c>
      <c r="G35654" s="8">
        <v>15082200</v>
      </c>
      <c r="H35654" s="8">
        <v>3619728</v>
      </c>
      <c r="I35654" s="8">
        <v>11764116</v>
      </c>
      <c r="J35654" s="8">
        <v>3318084</v>
      </c>
      <c r="K35654" s="9"/>
      <c r="L35654" s="6"/>
    </row>
    <row r="35655" spans="1:12">
      <c r="A35655" s="6" t="s">
        <v>35635</v>
      </c>
      <c r="B35655" s="6"/>
      <c r="C35655" s="6" t="s">
        <v>32230</v>
      </c>
      <c r="D35655" s="6"/>
      <c r="E35655" s="6" t="s">
        <v>9</v>
      </c>
      <c r="F35655" s="7">
        <v>30270</v>
      </c>
      <c r="G35655" s="8">
        <v>15147000</v>
      </c>
      <c r="H35655" s="8">
        <v>3635280</v>
      </c>
      <c r="I35655" s="8">
        <v>11814660</v>
      </c>
      <c r="J35655" s="8">
        <v>3332340</v>
      </c>
      <c r="K35655" s="9"/>
      <c r="L35655" s="6"/>
    </row>
    <row r="35656" spans="1:12">
      <c r="A35656" s="6" t="s">
        <v>35636</v>
      </c>
      <c r="B35656" s="6"/>
      <c r="C35656" s="6" t="s">
        <v>32230</v>
      </c>
      <c r="D35656" s="6"/>
      <c r="E35656" s="6" t="s">
        <v>9</v>
      </c>
      <c r="F35656" s="7">
        <v>30270</v>
      </c>
      <c r="G35656" s="8">
        <v>6787800</v>
      </c>
      <c r="H35656" s="8">
        <v>1629072</v>
      </c>
      <c r="I35656" s="8">
        <v>5294484</v>
      </c>
      <c r="J35656" s="8">
        <v>1493316</v>
      </c>
      <c r="K35656" s="9"/>
      <c r="L35656" s="6"/>
    </row>
    <row r="35657" spans="1:12">
      <c r="A35657" s="6" t="s">
        <v>35637</v>
      </c>
      <c r="B35657" s="6"/>
      <c r="C35657" s="6" t="s">
        <v>32230</v>
      </c>
      <c r="D35657" s="6"/>
      <c r="E35657" s="6" t="s">
        <v>9</v>
      </c>
      <c r="F35657" s="7">
        <v>30270</v>
      </c>
      <c r="G35657" s="8">
        <v>4009500</v>
      </c>
      <c r="H35657" s="8">
        <v>962280</v>
      </c>
      <c r="I35657" s="8">
        <v>3127410</v>
      </c>
      <c r="J35657" s="8">
        <v>882090</v>
      </c>
      <c r="K35657" s="9"/>
      <c r="L35657" s="6"/>
    </row>
    <row r="35658" spans="1:12">
      <c r="A35658" s="6" t="s">
        <v>35638</v>
      </c>
      <c r="B35658" s="6"/>
      <c r="C35658" s="6" t="s">
        <v>32230</v>
      </c>
      <c r="D35658" s="6"/>
      <c r="E35658" s="6" t="s">
        <v>9</v>
      </c>
      <c r="F35658" s="7">
        <v>30270</v>
      </c>
      <c r="G35658" s="8">
        <v>11631600</v>
      </c>
      <c r="H35658" s="8">
        <v>2791584</v>
      </c>
      <c r="I35658" s="8">
        <v>9072648</v>
      </c>
      <c r="J35658" s="8">
        <v>2558952</v>
      </c>
      <c r="K35658" s="9"/>
      <c r="L35658" s="6"/>
    </row>
    <row r="35659" spans="1:12">
      <c r="A35659" s="6" t="s">
        <v>35639</v>
      </c>
      <c r="B35659" s="6"/>
      <c r="C35659" s="6" t="s">
        <v>32230</v>
      </c>
      <c r="D35659" s="6"/>
      <c r="E35659" s="6" t="s">
        <v>9</v>
      </c>
      <c r="F35659" s="7">
        <v>30270</v>
      </c>
      <c r="G35659" s="8">
        <v>12328200</v>
      </c>
      <c r="H35659" s="8">
        <v>2958768</v>
      </c>
      <c r="I35659" s="8">
        <v>9615996</v>
      </c>
      <c r="J35659" s="8">
        <v>2712204</v>
      </c>
      <c r="K35659" s="9"/>
      <c r="L35659" s="6"/>
    </row>
    <row r="35660" spans="1:12">
      <c r="A35660" s="6" t="s">
        <v>35640</v>
      </c>
      <c r="B35660" s="6"/>
      <c r="C35660" s="6" t="s">
        <v>32230</v>
      </c>
      <c r="D35660" s="6"/>
      <c r="E35660" s="6" t="s">
        <v>9</v>
      </c>
      <c r="F35660" s="7">
        <v>30270</v>
      </c>
      <c r="G35660" s="8">
        <v>6820200</v>
      </c>
      <c r="H35660" s="8">
        <v>1636848</v>
      </c>
      <c r="I35660" s="8">
        <v>5319756</v>
      </c>
      <c r="J35660" s="8">
        <v>1500444</v>
      </c>
      <c r="K35660" s="9"/>
      <c r="L35660" s="6"/>
    </row>
    <row r="35661" spans="1:12">
      <c r="A35661" s="6" t="s">
        <v>35641</v>
      </c>
      <c r="B35661" s="6"/>
      <c r="C35661" s="6" t="s">
        <v>32230</v>
      </c>
      <c r="D35661" s="6"/>
      <c r="E35661" s="6" t="s">
        <v>9</v>
      </c>
      <c r="F35661" s="7">
        <v>30270</v>
      </c>
      <c r="G35661" s="8">
        <v>48454200</v>
      </c>
      <c r="H35661" s="8">
        <v>11629008</v>
      </c>
      <c r="I35661" s="8">
        <v>37794276</v>
      </c>
      <c r="J35661" s="8">
        <v>10659924</v>
      </c>
      <c r="K35661" s="9"/>
      <c r="L35661" s="6"/>
    </row>
    <row r="35662" spans="1:12">
      <c r="A35662" s="6" t="s">
        <v>35642</v>
      </c>
      <c r="B35662" s="6"/>
      <c r="C35662" s="6" t="s">
        <v>32230</v>
      </c>
      <c r="D35662" s="6"/>
      <c r="E35662" s="6" t="s">
        <v>9</v>
      </c>
      <c r="F35662" s="7">
        <v>30270</v>
      </c>
      <c r="G35662" s="8">
        <v>8845200</v>
      </c>
      <c r="H35662" s="8">
        <v>2122848</v>
      </c>
      <c r="I35662" s="8">
        <v>6899256</v>
      </c>
      <c r="J35662" s="8">
        <v>1945944</v>
      </c>
      <c r="K35662" s="9"/>
      <c r="L35662" s="6"/>
    </row>
    <row r="35663" spans="1:12">
      <c r="A35663" s="6" t="s">
        <v>35643</v>
      </c>
      <c r="B35663" s="6"/>
      <c r="C35663" s="6" t="s">
        <v>32230</v>
      </c>
      <c r="D35663" s="6"/>
      <c r="E35663" s="6" t="s">
        <v>9</v>
      </c>
      <c r="F35663" s="7">
        <v>30270</v>
      </c>
      <c r="G35663" s="8">
        <v>9234000</v>
      </c>
      <c r="H35663" s="8">
        <v>2216160</v>
      </c>
      <c r="I35663" s="8">
        <v>7202520</v>
      </c>
      <c r="J35663" s="8">
        <v>2031480</v>
      </c>
      <c r="K35663" s="9"/>
      <c r="L35663" s="6"/>
    </row>
    <row r="35664" spans="1:12">
      <c r="A35664" s="6" t="s">
        <v>35644</v>
      </c>
      <c r="B35664" s="6"/>
      <c r="C35664" s="6" t="s">
        <v>32230</v>
      </c>
      <c r="D35664" s="6"/>
      <c r="E35664" s="6" t="s">
        <v>9</v>
      </c>
      <c r="F35664" s="7">
        <v>30270</v>
      </c>
      <c r="G35664" s="8">
        <v>19294200</v>
      </c>
      <c r="H35664" s="8">
        <v>4630608</v>
      </c>
      <c r="I35664" s="8">
        <v>15049476</v>
      </c>
      <c r="J35664" s="8">
        <v>4244724</v>
      </c>
      <c r="K35664" s="9"/>
      <c r="L35664" s="6"/>
    </row>
    <row r="35665" spans="1:12">
      <c r="A35665" s="6" t="s">
        <v>35645</v>
      </c>
      <c r="B35665" s="6"/>
      <c r="C35665" s="6" t="s">
        <v>32230</v>
      </c>
      <c r="D35665" s="6"/>
      <c r="E35665" s="6" t="s">
        <v>9</v>
      </c>
      <c r="F35665" s="7">
        <v>30270</v>
      </c>
      <c r="G35665" s="8">
        <v>25482600</v>
      </c>
      <c r="H35665" s="8">
        <v>6115824</v>
      </c>
      <c r="I35665" s="8">
        <v>19876428</v>
      </c>
      <c r="J35665" s="8">
        <v>5606172</v>
      </c>
      <c r="K35665" s="9"/>
      <c r="L35665" s="6"/>
    </row>
    <row r="35666" spans="1:12">
      <c r="A35666" s="6" t="s">
        <v>35646</v>
      </c>
      <c r="B35666" s="6"/>
      <c r="C35666" s="6" t="s">
        <v>32230</v>
      </c>
      <c r="D35666" s="6"/>
      <c r="E35666" s="6" t="s">
        <v>9</v>
      </c>
      <c r="F35666" s="7">
        <v>30270</v>
      </c>
      <c r="G35666" s="8">
        <v>7500600</v>
      </c>
      <c r="H35666" s="8">
        <v>1800144</v>
      </c>
      <c r="I35666" s="8">
        <v>5850468</v>
      </c>
      <c r="J35666" s="8">
        <v>1650132</v>
      </c>
      <c r="K35666" s="9"/>
      <c r="L35666" s="6"/>
    </row>
    <row r="35667" spans="1:12">
      <c r="A35667" s="6" t="s">
        <v>35647</v>
      </c>
      <c r="B35667" s="6"/>
      <c r="C35667" s="6" t="s">
        <v>32230</v>
      </c>
      <c r="D35667" s="6"/>
      <c r="E35667" s="6" t="s">
        <v>9</v>
      </c>
      <c r="F35667" s="7">
        <v>30270</v>
      </c>
      <c r="G35667" s="8">
        <v>6625800</v>
      </c>
      <c r="H35667" s="8">
        <v>1590192</v>
      </c>
      <c r="I35667" s="8">
        <v>5168124</v>
      </c>
      <c r="J35667" s="8">
        <v>1457676</v>
      </c>
      <c r="K35667" s="9"/>
      <c r="L35667" s="6"/>
    </row>
    <row r="35668" spans="1:12">
      <c r="A35668" s="6" t="s">
        <v>35648</v>
      </c>
      <c r="B35668" s="6"/>
      <c r="C35668" s="6" t="s">
        <v>32230</v>
      </c>
      <c r="D35668" s="6"/>
      <c r="E35668" s="6" t="s">
        <v>9</v>
      </c>
      <c r="F35668" s="7">
        <v>30270</v>
      </c>
      <c r="G35668" s="8">
        <v>7192800</v>
      </c>
      <c r="H35668" s="8">
        <v>1726272</v>
      </c>
      <c r="I35668" s="8">
        <v>5610384</v>
      </c>
      <c r="J35668" s="8">
        <v>1582416</v>
      </c>
      <c r="K35668" s="9"/>
      <c r="L35668" s="6"/>
    </row>
    <row r="35669" spans="1:12">
      <c r="A35669" s="6" t="s">
        <v>35649</v>
      </c>
      <c r="B35669" s="6"/>
      <c r="C35669" s="6" t="s">
        <v>32230</v>
      </c>
      <c r="D35669" s="6"/>
      <c r="E35669" s="6" t="s">
        <v>9</v>
      </c>
      <c r="F35669" s="7">
        <v>30270</v>
      </c>
      <c r="G35669" s="8">
        <v>23328000</v>
      </c>
      <c r="H35669" s="8">
        <v>5598720</v>
      </c>
      <c r="I35669" s="8">
        <v>18195840</v>
      </c>
      <c r="J35669" s="8">
        <v>5132160</v>
      </c>
      <c r="K35669" s="9"/>
      <c r="L35669" s="6"/>
    </row>
    <row r="35670" spans="1:12">
      <c r="A35670" s="6" t="s">
        <v>35650</v>
      </c>
      <c r="B35670" s="6"/>
      <c r="C35670" s="6" t="s">
        <v>32230</v>
      </c>
      <c r="D35670" s="6"/>
      <c r="E35670" s="6" t="s">
        <v>9</v>
      </c>
      <c r="F35670" s="7">
        <v>30270</v>
      </c>
      <c r="G35670" s="8">
        <v>9444600</v>
      </c>
      <c r="H35670" s="8">
        <v>2266704</v>
      </c>
      <c r="I35670" s="8">
        <v>7366788</v>
      </c>
      <c r="J35670" s="8">
        <v>2077812</v>
      </c>
      <c r="K35670" s="9"/>
      <c r="L35670" s="6"/>
    </row>
    <row r="35671" spans="1:12">
      <c r="A35671" s="6" t="s">
        <v>35651</v>
      </c>
      <c r="B35671" s="6"/>
      <c r="C35671" s="6" t="s">
        <v>32230</v>
      </c>
      <c r="D35671" s="6"/>
      <c r="E35671" s="6" t="s">
        <v>9</v>
      </c>
      <c r="F35671" s="7">
        <v>30270</v>
      </c>
      <c r="G35671" s="8">
        <v>17868600</v>
      </c>
      <c r="H35671" s="8">
        <v>4288464</v>
      </c>
      <c r="I35671" s="8">
        <v>13937508</v>
      </c>
      <c r="J35671" s="8">
        <v>3931092</v>
      </c>
      <c r="K35671" s="9"/>
      <c r="L35671" s="6"/>
    </row>
    <row r="35672" spans="1:12">
      <c r="A35672" s="6" t="s">
        <v>35652</v>
      </c>
      <c r="B35672" s="6"/>
      <c r="C35672" s="6" t="s">
        <v>32230</v>
      </c>
      <c r="D35672" s="6"/>
      <c r="E35672" s="6" t="s">
        <v>9</v>
      </c>
      <c r="F35672" s="7">
        <v>30270</v>
      </c>
      <c r="G35672" s="8">
        <v>13964400</v>
      </c>
      <c r="H35672" s="8">
        <v>3351456</v>
      </c>
      <c r="I35672" s="8">
        <v>10892232</v>
      </c>
      <c r="J35672" s="8">
        <v>3072168</v>
      </c>
      <c r="K35672" s="9"/>
      <c r="L35672" s="6"/>
    </row>
    <row r="35673" spans="1:12">
      <c r="A35673" s="6" t="s">
        <v>35653</v>
      </c>
      <c r="B35673" s="6"/>
      <c r="C35673" s="6" t="s">
        <v>32230</v>
      </c>
      <c r="D35673" s="6"/>
      <c r="E35673" s="6" t="s">
        <v>9</v>
      </c>
      <c r="F35673" s="7">
        <v>30270</v>
      </c>
      <c r="G35673" s="8">
        <v>8440200</v>
      </c>
      <c r="H35673" s="8">
        <v>2025648</v>
      </c>
      <c r="I35673" s="8">
        <v>6583356</v>
      </c>
      <c r="J35673" s="8">
        <v>1856844</v>
      </c>
      <c r="K35673" s="9"/>
      <c r="L35673" s="6"/>
    </row>
    <row r="35674" spans="1:12">
      <c r="A35674" s="6" t="s">
        <v>35654</v>
      </c>
      <c r="B35674" s="6"/>
      <c r="C35674" s="6" t="s">
        <v>32230</v>
      </c>
      <c r="D35674" s="6"/>
      <c r="E35674" s="6" t="s">
        <v>9</v>
      </c>
      <c r="F35674" s="7">
        <v>30270</v>
      </c>
      <c r="G35674" s="8">
        <v>8472600</v>
      </c>
      <c r="H35674" s="8">
        <v>2033424</v>
      </c>
      <c r="I35674" s="8">
        <v>6608628</v>
      </c>
      <c r="J35674" s="8">
        <v>1863972</v>
      </c>
      <c r="K35674" s="9"/>
      <c r="L35674" s="6"/>
    </row>
    <row r="35675" spans="1:12">
      <c r="A35675" s="6" t="s">
        <v>35655</v>
      </c>
      <c r="B35675" s="6"/>
      <c r="C35675" s="6" t="s">
        <v>32230</v>
      </c>
      <c r="D35675" s="6"/>
      <c r="E35675" s="6" t="s">
        <v>9</v>
      </c>
      <c r="F35675" s="7">
        <v>30270</v>
      </c>
      <c r="G35675" s="8">
        <v>5491800</v>
      </c>
      <c r="H35675" s="8">
        <v>1318032</v>
      </c>
      <c r="I35675" s="8">
        <v>4283604</v>
      </c>
      <c r="J35675" s="8">
        <v>1208196</v>
      </c>
      <c r="K35675" s="9"/>
      <c r="L35675" s="6"/>
    </row>
    <row r="35676" spans="1:12">
      <c r="A35676" s="6" t="s">
        <v>35656</v>
      </c>
      <c r="B35676" s="6"/>
      <c r="C35676" s="6" t="s">
        <v>32230</v>
      </c>
      <c r="D35676" s="6"/>
      <c r="E35676" s="6" t="s">
        <v>9</v>
      </c>
      <c r="F35676" s="7">
        <v>30270</v>
      </c>
      <c r="G35676" s="8">
        <v>21448800</v>
      </c>
      <c r="H35676" s="8">
        <v>5147712</v>
      </c>
      <c r="I35676" s="8">
        <v>16730064</v>
      </c>
      <c r="J35676" s="8">
        <v>4718736</v>
      </c>
      <c r="K35676" s="9"/>
      <c r="L35676" s="6"/>
    </row>
    <row r="35677" spans="1:12">
      <c r="A35677" s="6" t="s">
        <v>35657</v>
      </c>
      <c r="B35677" s="6"/>
      <c r="C35677" s="6" t="s">
        <v>32230</v>
      </c>
      <c r="D35677" s="6"/>
      <c r="E35677" s="6" t="s">
        <v>9</v>
      </c>
      <c r="F35677" s="7">
        <v>30270</v>
      </c>
      <c r="G35677" s="8">
        <v>5751000</v>
      </c>
      <c r="H35677" s="8">
        <v>1380240</v>
      </c>
      <c r="I35677" s="8">
        <v>4485780</v>
      </c>
      <c r="J35677" s="8">
        <v>1265220</v>
      </c>
      <c r="K35677" s="9"/>
      <c r="L35677" s="6"/>
    </row>
    <row r="35678" spans="1:12">
      <c r="A35678" s="6" t="s">
        <v>35658</v>
      </c>
      <c r="B35678" s="6"/>
      <c r="C35678" s="6" t="s">
        <v>32230</v>
      </c>
      <c r="D35678" s="6"/>
      <c r="E35678" s="6" t="s">
        <v>9</v>
      </c>
      <c r="F35678" s="7">
        <v>30270</v>
      </c>
      <c r="G35678" s="8">
        <v>3888000</v>
      </c>
      <c r="H35678" s="8">
        <v>933120</v>
      </c>
      <c r="I35678" s="8">
        <v>3032640</v>
      </c>
      <c r="J35678" s="8">
        <v>855360</v>
      </c>
      <c r="K35678" s="9"/>
      <c r="L35678" s="6"/>
    </row>
    <row r="35679" spans="1:12">
      <c r="A35679" s="6" t="s">
        <v>35659</v>
      </c>
      <c r="B35679" s="6"/>
      <c r="C35679" s="6" t="s">
        <v>32230</v>
      </c>
      <c r="D35679" s="6"/>
      <c r="E35679" s="6" t="s">
        <v>9</v>
      </c>
      <c r="F35679" s="7">
        <v>30270</v>
      </c>
      <c r="G35679" s="8">
        <v>9493200</v>
      </c>
      <c r="H35679" s="8">
        <v>2278368</v>
      </c>
      <c r="I35679" s="8">
        <v>7404696</v>
      </c>
      <c r="J35679" s="8">
        <v>2088504</v>
      </c>
      <c r="K35679" s="9"/>
      <c r="L35679" s="6"/>
    </row>
    <row r="35680" spans="1:12">
      <c r="A35680" s="6" t="s">
        <v>35660</v>
      </c>
      <c r="B35680" s="6"/>
      <c r="C35680" s="6" t="s">
        <v>32230</v>
      </c>
      <c r="D35680" s="6"/>
      <c r="E35680" s="6" t="s">
        <v>9</v>
      </c>
      <c r="F35680" s="7">
        <v>30270</v>
      </c>
      <c r="G35680" s="8">
        <v>28366200</v>
      </c>
      <c r="H35680" s="8">
        <v>6807888</v>
      </c>
      <c r="I35680" s="8">
        <v>22125636</v>
      </c>
      <c r="J35680" s="8">
        <v>6240564</v>
      </c>
      <c r="K35680" s="9"/>
      <c r="L35680" s="6"/>
    </row>
    <row r="35681" spans="1:12">
      <c r="A35681" s="6" t="s">
        <v>35661</v>
      </c>
      <c r="B35681" s="6"/>
      <c r="C35681" s="6" t="s">
        <v>32230</v>
      </c>
      <c r="D35681" s="6"/>
      <c r="E35681" s="6" t="s">
        <v>9</v>
      </c>
      <c r="F35681" s="7">
        <v>30270</v>
      </c>
      <c r="G35681" s="8">
        <v>4957200</v>
      </c>
      <c r="H35681" s="8">
        <v>1189728</v>
      </c>
      <c r="I35681" s="8">
        <v>3866616</v>
      </c>
      <c r="J35681" s="8">
        <v>1090584</v>
      </c>
      <c r="K35681" s="9"/>
      <c r="L35681" s="6"/>
    </row>
    <row r="35682" spans="1:12">
      <c r="A35682" s="6" t="s">
        <v>35662</v>
      </c>
      <c r="B35682" s="6"/>
      <c r="C35682" s="6" t="s">
        <v>32230</v>
      </c>
      <c r="D35682" s="6"/>
      <c r="E35682" s="6" t="s">
        <v>9</v>
      </c>
      <c r="F35682" s="7">
        <v>30270</v>
      </c>
      <c r="G35682" s="8">
        <v>5232600</v>
      </c>
      <c r="H35682" s="8">
        <v>1255824</v>
      </c>
      <c r="I35682" s="8">
        <v>4081428</v>
      </c>
      <c r="J35682" s="8">
        <v>1151172</v>
      </c>
      <c r="K35682" s="9"/>
      <c r="L35682" s="6"/>
    </row>
    <row r="35683" spans="1:12">
      <c r="A35683" s="6" t="s">
        <v>35663</v>
      </c>
      <c r="B35683" s="6"/>
      <c r="C35683" s="6" t="s">
        <v>32230</v>
      </c>
      <c r="D35683" s="6"/>
      <c r="E35683" s="6" t="s">
        <v>9</v>
      </c>
      <c r="F35683" s="7">
        <v>30270</v>
      </c>
      <c r="G35683" s="8">
        <v>28269000</v>
      </c>
      <c r="H35683" s="8">
        <v>6784560</v>
      </c>
      <c r="I35683" s="8">
        <v>22049820</v>
      </c>
      <c r="J35683" s="8">
        <v>6219180</v>
      </c>
      <c r="K35683" s="9"/>
      <c r="L35683" s="6"/>
    </row>
    <row r="35684" spans="1:12">
      <c r="A35684" s="6" t="s">
        <v>35664</v>
      </c>
      <c r="B35684" s="6"/>
      <c r="C35684" s="6" t="s">
        <v>32230</v>
      </c>
      <c r="D35684" s="6"/>
      <c r="E35684" s="6" t="s">
        <v>9</v>
      </c>
      <c r="F35684" s="7">
        <v>30270</v>
      </c>
      <c r="G35684" s="8">
        <v>2964600</v>
      </c>
      <c r="H35684" s="8">
        <v>711504</v>
      </c>
      <c r="I35684" s="8">
        <v>2312388</v>
      </c>
      <c r="J35684" s="8">
        <v>652212</v>
      </c>
      <c r="K35684" s="9"/>
      <c r="L35684" s="6"/>
    </row>
    <row r="35685" spans="1:12">
      <c r="A35685" s="6" t="s">
        <v>35665</v>
      </c>
      <c r="B35685" s="6"/>
      <c r="C35685" s="6" t="s">
        <v>32230</v>
      </c>
      <c r="D35685" s="6"/>
      <c r="E35685" s="6" t="s">
        <v>9</v>
      </c>
      <c r="F35685" s="7">
        <v>30270</v>
      </c>
      <c r="G35685" s="8">
        <v>30391200</v>
      </c>
      <c r="H35685" s="8">
        <v>7293888</v>
      </c>
      <c r="I35685" s="8">
        <v>23705136</v>
      </c>
      <c r="J35685" s="8">
        <v>6686064</v>
      </c>
      <c r="K35685" s="9"/>
      <c r="L35685" s="6"/>
    </row>
    <row r="35686" spans="1:12">
      <c r="A35686" s="6" t="s">
        <v>35666</v>
      </c>
      <c r="B35686" s="6"/>
      <c r="C35686" s="6" t="s">
        <v>32230</v>
      </c>
      <c r="D35686" s="6"/>
      <c r="E35686" s="6" t="s">
        <v>9</v>
      </c>
      <c r="F35686" s="7">
        <v>30270</v>
      </c>
      <c r="G35686" s="8">
        <v>2559600</v>
      </c>
      <c r="H35686" s="8">
        <v>614304</v>
      </c>
      <c r="I35686" s="8">
        <v>1996488</v>
      </c>
      <c r="J35686" s="8">
        <v>563112</v>
      </c>
      <c r="K35686" s="9"/>
      <c r="L35686" s="6"/>
    </row>
    <row r="35687" spans="1:12">
      <c r="A35687" s="6" t="s">
        <v>35667</v>
      </c>
      <c r="B35687" s="6"/>
      <c r="C35687" s="6" t="s">
        <v>32230</v>
      </c>
      <c r="D35687" s="6"/>
      <c r="E35687" s="6" t="s">
        <v>9</v>
      </c>
      <c r="F35687" s="7">
        <v>30270</v>
      </c>
      <c r="G35687" s="8">
        <v>19164600</v>
      </c>
      <c r="H35687" s="8">
        <v>4599504</v>
      </c>
      <c r="I35687" s="8">
        <v>14948388</v>
      </c>
      <c r="J35687" s="8">
        <v>4216212</v>
      </c>
      <c r="K35687" s="9"/>
      <c r="L35687" s="6"/>
    </row>
    <row r="35688" spans="1:12">
      <c r="A35688" s="6" t="s">
        <v>35668</v>
      </c>
      <c r="B35688" s="6"/>
      <c r="C35688" s="6" t="s">
        <v>32230</v>
      </c>
      <c r="D35688" s="6"/>
      <c r="E35688" s="6" t="s">
        <v>9</v>
      </c>
      <c r="F35688" s="7">
        <v>42551</v>
      </c>
      <c r="G35688" s="8">
        <v>1242000</v>
      </c>
      <c r="H35688" s="8">
        <v>909144</v>
      </c>
      <c r="I35688" s="8">
        <v>416070</v>
      </c>
      <c r="J35688" s="8">
        <v>825930</v>
      </c>
      <c r="K35688" s="9"/>
      <c r="L35688" s="6"/>
    </row>
    <row r="35689" spans="1:12">
      <c r="A35689" s="6" t="s">
        <v>35669</v>
      </c>
      <c r="B35689" s="6"/>
      <c r="C35689" s="6" t="s">
        <v>32230</v>
      </c>
      <c r="D35689" s="6"/>
      <c r="E35689" s="6" t="s">
        <v>9</v>
      </c>
      <c r="F35689" s="7">
        <v>30270</v>
      </c>
      <c r="G35689" s="8">
        <v>20962800</v>
      </c>
      <c r="H35689" s="8">
        <v>5031072</v>
      </c>
      <c r="I35689" s="8">
        <v>16350984</v>
      </c>
      <c r="J35689" s="8">
        <v>4611816</v>
      </c>
      <c r="K35689" s="9"/>
      <c r="L35689" s="6"/>
    </row>
    <row r="35690" spans="1:12">
      <c r="A35690" s="6" t="s">
        <v>35670</v>
      </c>
      <c r="B35690" s="6"/>
      <c r="C35690" s="6" t="s">
        <v>32230</v>
      </c>
      <c r="D35690" s="6"/>
      <c r="E35690" s="6" t="s">
        <v>9</v>
      </c>
      <c r="F35690" s="7">
        <v>30270</v>
      </c>
      <c r="G35690" s="8">
        <v>4973400</v>
      </c>
      <c r="H35690" s="8">
        <v>1193616</v>
      </c>
      <c r="I35690" s="8">
        <v>3879252</v>
      </c>
      <c r="J35690" s="8">
        <v>1094148</v>
      </c>
      <c r="K35690" s="9"/>
      <c r="L35690" s="6"/>
    </row>
    <row r="35691" spans="1:12">
      <c r="A35691" s="6" t="s">
        <v>35671</v>
      </c>
      <c r="B35691" s="6"/>
      <c r="C35691" s="6" t="s">
        <v>32230</v>
      </c>
      <c r="D35691" s="6"/>
      <c r="E35691" s="6" t="s">
        <v>9</v>
      </c>
      <c r="F35691" s="7">
        <v>30270</v>
      </c>
      <c r="G35691" s="8">
        <v>5702400</v>
      </c>
      <c r="H35691" s="8">
        <v>1368576</v>
      </c>
      <c r="I35691" s="8">
        <v>4447872</v>
      </c>
      <c r="J35691" s="8">
        <v>1254528</v>
      </c>
      <c r="K35691" s="9"/>
      <c r="L35691" s="6"/>
    </row>
    <row r="35692" spans="1:12">
      <c r="A35692" s="6" t="s">
        <v>35672</v>
      </c>
      <c r="B35692" s="6"/>
      <c r="C35692" s="6" t="s">
        <v>32230</v>
      </c>
      <c r="D35692" s="6"/>
      <c r="E35692" s="6" t="s">
        <v>9</v>
      </c>
      <c r="F35692" s="7">
        <v>30270</v>
      </c>
      <c r="G35692" s="8">
        <v>9509400</v>
      </c>
      <c r="H35692" s="8">
        <v>2282256</v>
      </c>
      <c r="I35692" s="8">
        <v>7417332</v>
      </c>
      <c r="J35692" s="8">
        <v>2092068</v>
      </c>
      <c r="K35692" s="9"/>
      <c r="L35692" s="6"/>
    </row>
    <row r="35693" spans="1:12">
      <c r="A35693" s="6" t="s">
        <v>35673</v>
      </c>
      <c r="B35693" s="6"/>
      <c r="C35693" s="6" t="s">
        <v>32230</v>
      </c>
      <c r="D35693" s="6"/>
      <c r="E35693" s="6" t="s">
        <v>9</v>
      </c>
      <c r="F35693" s="7">
        <v>30270</v>
      </c>
      <c r="G35693" s="8">
        <v>1096200</v>
      </c>
      <c r="H35693" s="8">
        <v>263088</v>
      </c>
      <c r="I35693" s="8">
        <v>855036</v>
      </c>
      <c r="J35693" s="8">
        <v>241164</v>
      </c>
      <c r="K35693" s="9"/>
      <c r="L35693" s="6"/>
    </row>
    <row r="35694" spans="1:12">
      <c r="A35694" s="6" t="s">
        <v>35674</v>
      </c>
      <c r="B35694" s="6"/>
      <c r="C35694" s="6" t="s">
        <v>32230</v>
      </c>
      <c r="D35694" s="6"/>
      <c r="E35694" s="6" t="s">
        <v>9</v>
      </c>
      <c r="F35694" s="7">
        <v>30270</v>
      </c>
      <c r="G35694" s="8">
        <v>1263600</v>
      </c>
      <c r="H35694" s="8">
        <v>303264</v>
      </c>
      <c r="I35694" s="8">
        <v>985608</v>
      </c>
      <c r="J35694" s="8">
        <v>277992</v>
      </c>
      <c r="K35694" s="9"/>
      <c r="L35694" s="6"/>
    </row>
    <row r="35695" spans="1:12">
      <c r="A35695" s="6" t="s">
        <v>35675</v>
      </c>
      <c r="B35695" s="6"/>
      <c r="C35695" s="6" t="s">
        <v>32230</v>
      </c>
      <c r="D35695" s="6"/>
      <c r="E35695" s="6" t="s">
        <v>9</v>
      </c>
      <c r="F35695" s="7">
        <v>30270</v>
      </c>
      <c r="G35695" s="8">
        <v>6301800</v>
      </c>
      <c r="H35695" s="8">
        <v>1512432</v>
      </c>
      <c r="I35695" s="8">
        <v>4915404</v>
      </c>
      <c r="J35695" s="8">
        <v>1386396</v>
      </c>
      <c r="K35695" s="9"/>
      <c r="L35695" s="6"/>
    </row>
    <row r="35696" spans="1:12">
      <c r="A35696" s="6" t="s">
        <v>35676</v>
      </c>
      <c r="B35696" s="6"/>
      <c r="C35696" s="6" t="s">
        <v>32230</v>
      </c>
      <c r="D35696" s="6"/>
      <c r="E35696" s="6" t="s">
        <v>9</v>
      </c>
      <c r="F35696" s="7">
        <v>30270</v>
      </c>
      <c r="G35696" s="8">
        <v>13824000</v>
      </c>
      <c r="H35696" s="8">
        <v>3317760</v>
      </c>
      <c r="I35696" s="8">
        <v>10782720</v>
      </c>
      <c r="J35696" s="8">
        <v>3041280</v>
      </c>
      <c r="K35696" s="9"/>
      <c r="L35696" s="6"/>
    </row>
    <row r="35697" spans="1:12">
      <c r="A35697" s="6" t="s">
        <v>35677</v>
      </c>
      <c r="B35697" s="6"/>
      <c r="C35697" s="6" t="s">
        <v>32230</v>
      </c>
      <c r="D35697" s="6"/>
      <c r="E35697" s="6" t="s">
        <v>9</v>
      </c>
      <c r="F35697" s="7">
        <v>30270</v>
      </c>
      <c r="G35697" s="8">
        <v>11842200</v>
      </c>
      <c r="H35697" s="8">
        <v>2842128</v>
      </c>
      <c r="I35697" s="8">
        <v>9236916</v>
      </c>
      <c r="J35697" s="8">
        <v>2605284</v>
      </c>
      <c r="K35697" s="9"/>
      <c r="L35697" s="6"/>
    </row>
    <row r="35698" spans="1:12">
      <c r="A35698" s="6" t="s">
        <v>35678</v>
      </c>
      <c r="B35698" s="6"/>
      <c r="C35698" s="6" t="s">
        <v>32230</v>
      </c>
      <c r="D35698" s="6"/>
      <c r="E35698" s="6" t="s">
        <v>9</v>
      </c>
      <c r="F35698" s="7">
        <v>30270</v>
      </c>
      <c r="G35698" s="8">
        <v>1620000</v>
      </c>
      <c r="H35698" s="8">
        <v>388800</v>
      </c>
      <c r="I35698" s="8">
        <v>1263600</v>
      </c>
      <c r="J35698" s="8">
        <v>356400</v>
      </c>
      <c r="K35698" s="9"/>
      <c r="L35698" s="6"/>
    </row>
    <row r="35699" spans="1:12">
      <c r="A35699" s="6" t="s">
        <v>35679</v>
      </c>
      <c r="B35699" s="6"/>
      <c r="C35699" s="6" t="s">
        <v>32230</v>
      </c>
      <c r="D35699" s="6"/>
      <c r="E35699" s="6" t="s">
        <v>9</v>
      </c>
      <c r="F35699" s="7">
        <v>30270</v>
      </c>
      <c r="G35699" s="8">
        <v>421200</v>
      </c>
      <c r="H35699" s="8">
        <v>101088</v>
      </c>
      <c r="I35699" s="8">
        <v>328536</v>
      </c>
      <c r="J35699" s="8">
        <v>92664</v>
      </c>
      <c r="K35699" s="9"/>
      <c r="L35699" s="6"/>
    </row>
    <row r="35700" spans="1:12">
      <c r="A35700" s="6" t="s">
        <v>35680</v>
      </c>
      <c r="B35700" s="6"/>
      <c r="C35700" s="6" t="s">
        <v>32230</v>
      </c>
      <c r="D35700" s="6"/>
      <c r="E35700" s="6" t="s">
        <v>9</v>
      </c>
      <c r="F35700" s="7">
        <v>30270</v>
      </c>
      <c r="G35700" s="8">
        <v>459000</v>
      </c>
      <c r="H35700" s="8">
        <v>110160</v>
      </c>
      <c r="I35700" s="8">
        <v>358020</v>
      </c>
      <c r="J35700" s="8">
        <v>100980</v>
      </c>
      <c r="K35700" s="9"/>
      <c r="L35700" s="6"/>
    </row>
    <row r="35701" spans="1:12">
      <c r="A35701" s="6" t="s">
        <v>35681</v>
      </c>
      <c r="B35701" s="6"/>
      <c r="C35701" s="6" t="s">
        <v>32230</v>
      </c>
      <c r="D35701" s="6"/>
      <c r="E35701" s="6" t="s">
        <v>9</v>
      </c>
      <c r="F35701" s="7">
        <v>30270</v>
      </c>
      <c r="G35701" s="8">
        <v>464400</v>
      </c>
      <c r="H35701" s="8">
        <v>111456</v>
      </c>
      <c r="I35701" s="8">
        <v>362232</v>
      </c>
      <c r="J35701" s="8">
        <v>102168</v>
      </c>
      <c r="K35701" s="9"/>
      <c r="L35701" s="6"/>
    </row>
    <row r="35702" spans="1:12">
      <c r="A35702" s="6" t="s">
        <v>35682</v>
      </c>
      <c r="B35702" s="6"/>
      <c r="C35702" s="6" t="s">
        <v>32230</v>
      </c>
      <c r="D35702" s="6"/>
      <c r="E35702" s="6" t="s">
        <v>9</v>
      </c>
      <c r="F35702" s="7">
        <v>30270</v>
      </c>
      <c r="G35702" s="8">
        <v>469800</v>
      </c>
      <c r="H35702" s="8">
        <v>112752</v>
      </c>
      <c r="I35702" s="8">
        <v>366444</v>
      </c>
      <c r="J35702" s="8">
        <v>103356</v>
      </c>
      <c r="K35702" s="9"/>
      <c r="L35702" s="6"/>
    </row>
    <row r="35703" spans="1:12">
      <c r="A35703" s="6" t="s">
        <v>35683</v>
      </c>
      <c r="B35703" s="6"/>
      <c r="C35703" s="6" t="s">
        <v>32230</v>
      </c>
      <c r="D35703" s="6"/>
      <c r="E35703" s="6" t="s">
        <v>9</v>
      </c>
      <c r="F35703" s="7">
        <v>30270</v>
      </c>
      <c r="G35703" s="8">
        <v>540000</v>
      </c>
      <c r="H35703" s="8">
        <v>129600</v>
      </c>
      <c r="I35703" s="8">
        <v>421200</v>
      </c>
      <c r="J35703" s="8">
        <v>118800</v>
      </c>
      <c r="K35703" s="9"/>
      <c r="L35703" s="6"/>
    </row>
    <row r="35704" spans="1:12">
      <c r="A35704" s="6" t="s">
        <v>35684</v>
      </c>
      <c r="B35704" s="6"/>
      <c r="C35704" s="6" t="s">
        <v>32230</v>
      </c>
      <c r="D35704" s="6"/>
      <c r="E35704" s="6" t="s">
        <v>9</v>
      </c>
      <c r="F35704" s="7">
        <v>30498</v>
      </c>
      <c r="G35704" s="8">
        <v>3628800</v>
      </c>
      <c r="H35704" s="8">
        <v>943488</v>
      </c>
      <c r="I35704" s="8">
        <v>2757888</v>
      </c>
      <c r="J35704" s="8">
        <v>870912</v>
      </c>
      <c r="K35704" s="9"/>
      <c r="L35704" s="6"/>
    </row>
    <row r="35705" spans="1:12">
      <c r="A35705" s="6" t="s">
        <v>35685</v>
      </c>
      <c r="B35705" s="6"/>
      <c r="C35705" s="6" t="s">
        <v>32230</v>
      </c>
      <c r="D35705" s="6"/>
      <c r="E35705" s="6" t="s">
        <v>9</v>
      </c>
      <c r="F35705" s="7">
        <v>31952</v>
      </c>
      <c r="G35705" s="8">
        <v>14482800</v>
      </c>
      <c r="H35705" s="8">
        <v>4924152</v>
      </c>
      <c r="I35705" s="8">
        <v>9848304</v>
      </c>
      <c r="J35705" s="8">
        <v>4634496</v>
      </c>
      <c r="K35705" s="9"/>
      <c r="L35705" s="6"/>
    </row>
    <row r="35706" spans="1:12">
      <c r="A35706" s="6" t="s">
        <v>35686</v>
      </c>
      <c r="B35706" s="6"/>
      <c r="C35706" s="6" t="s">
        <v>32230</v>
      </c>
      <c r="D35706" s="6"/>
      <c r="E35706" s="6" t="s">
        <v>9</v>
      </c>
      <c r="F35706" s="7">
        <v>31952</v>
      </c>
      <c r="G35706" s="8">
        <v>24300000</v>
      </c>
      <c r="H35706" s="8">
        <v>8262000</v>
      </c>
      <c r="I35706" s="8">
        <v>16524000</v>
      </c>
      <c r="J35706" s="8">
        <v>7776000</v>
      </c>
      <c r="K35706" s="9"/>
      <c r="L35706" s="6"/>
    </row>
    <row r="35707" spans="1:12">
      <c r="A35707" s="6" t="s">
        <v>35687</v>
      </c>
      <c r="B35707" s="6"/>
      <c r="C35707" s="6" t="s">
        <v>32230</v>
      </c>
      <c r="D35707" s="6"/>
      <c r="E35707" s="6" t="s">
        <v>9</v>
      </c>
      <c r="F35707" s="7">
        <v>32686</v>
      </c>
      <c r="G35707" s="8">
        <v>6609600</v>
      </c>
      <c r="H35707" s="8">
        <v>2511648</v>
      </c>
      <c r="I35707" s="8">
        <v>4230144</v>
      </c>
      <c r="J35707" s="8">
        <v>2379456</v>
      </c>
      <c r="K35707" s="9"/>
      <c r="L35707" s="6"/>
    </row>
    <row r="35708" spans="1:12">
      <c r="A35708" s="6" t="s">
        <v>35688</v>
      </c>
      <c r="B35708" s="6"/>
      <c r="C35708" s="6" t="s">
        <v>32230</v>
      </c>
      <c r="D35708" s="6"/>
      <c r="E35708" s="6" t="s">
        <v>9</v>
      </c>
      <c r="F35708" s="7">
        <v>39169</v>
      </c>
      <c r="G35708" s="8">
        <v>9833400</v>
      </c>
      <c r="H35708" s="8">
        <v>7080048</v>
      </c>
      <c r="I35708" s="8">
        <v>2950020</v>
      </c>
      <c r="J35708" s="8">
        <v>6883380</v>
      </c>
      <c r="K35708" s="9"/>
      <c r="L35708" s="6"/>
    </row>
    <row r="35709" spans="1:12">
      <c r="A35709" s="6" t="s">
        <v>35689</v>
      </c>
      <c r="B35709" s="6"/>
      <c r="C35709" s="6" t="s">
        <v>32230</v>
      </c>
      <c r="D35709" s="6"/>
      <c r="E35709" s="6" t="s">
        <v>9</v>
      </c>
      <c r="F35709" s="7">
        <v>39169</v>
      </c>
      <c r="G35709" s="8">
        <v>9890100</v>
      </c>
      <c r="H35709" s="8">
        <v>7120872</v>
      </c>
      <c r="I35709" s="8">
        <v>2967030</v>
      </c>
      <c r="J35709" s="8">
        <v>6923070</v>
      </c>
      <c r="K35709" s="9"/>
      <c r="L35709" s="6"/>
    </row>
    <row r="35710" spans="1:12">
      <c r="A35710" s="6" t="s">
        <v>35690</v>
      </c>
      <c r="B35710" s="6"/>
      <c r="C35710" s="6" t="s">
        <v>32230</v>
      </c>
      <c r="D35710" s="6"/>
      <c r="E35710" s="6" t="s">
        <v>9</v>
      </c>
      <c r="F35710" s="7">
        <v>39169</v>
      </c>
      <c r="G35710" s="8">
        <v>4657500</v>
      </c>
      <c r="H35710" s="8">
        <v>3353400</v>
      </c>
      <c r="I35710" s="8">
        <v>1397250</v>
      </c>
      <c r="J35710" s="8">
        <v>3260250</v>
      </c>
      <c r="K35710" s="9"/>
      <c r="L35710" s="6"/>
    </row>
    <row r="35711" spans="1:12">
      <c r="A35711" s="6" t="s">
        <v>35691</v>
      </c>
      <c r="B35711" s="6"/>
      <c r="C35711" s="6" t="s">
        <v>32230</v>
      </c>
      <c r="D35711" s="6"/>
      <c r="E35711" s="6" t="s">
        <v>9</v>
      </c>
      <c r="F35711" s="7">
        <v>39169</v>
      </c>
      <c r="G35711" s="8">
        <v>2681100</v>
      </c>
      <c r="H35711" s="8">
        <v>1930392</v>
      </c>
      <c r="I35711" s="8">
        <v>804330</v>
      </c>
      <c r="J35711" s="8">
        <v>1876770</v>
      </c>
      <c r="K35711" s="9"/>
      <c r="L35711" s="6"/>
    </row>
    <row r="35712" spans="1:12">
      <c r="A35712" s="6" t="s">
        <v>35692</v>
      </c>
      <c r="B35712" s="6"/>
      <c r="C35712" s="6" t="s">
        <v>32230</v>
      </c>
      <c r="D35712" s="6"/>
      <c r="E35712" s="6" t="s">
        <v>9</v>
      </c>
      <c r="F35712" s="7">
        <v>39169</v>
      </c>
      <c r="G35712" s="8">
        <v>1482300</v>
      </c>
      <c r="H35712" s="8">
        <v>1067256</v>
      </c>
      <c r="I35712" s="8">
        <v>444690</v>
      </c>
      <c r="J35712" s="8">
        <v>1037610</v>
      </c>
      <c r="K35712" s="9"/>
      <c r="L35712" s="6"/>
    </row>
    <row r="35713" spans="1:12">
      <c r="A35713" s="6" t="s">
        <v>35693</v>
      </c>
      <c r="B35713" s="6"/>
      <c r="C35713" s="6" t="s">
        <v>32230</v>
      </c>
      <c r="D35713" s="6"/>
      <c r="E35713" s="6" t="s">
        <v>9</v>
      </c>
      <c r="F35713" s="7">
        <v>39169</v>
      </c>
      <c r="G35713" s="8">
        <v>11793600</v>
      </c>
      <c r="H35713" s="8">
        <v>8491392</v>
      </c>
      <c r="I35713" s="8">
        <v>3538080</v>
      </c>
      <c r="J35713" s="8">
        <v>8255520</v>
      </c>
      <c r="K35713" s="9"/>
      <c r="L35713" s="6"/>
    </row>
    <row r="35714" spans="1:12">
      <c r="A35714" s="6" t="s">
        <v>35694</v>
      </c>
      <c r="B35714" s="6"/>
      <c r="C35714" s="6" t="s">
        <v>32230</v>
      </c>
      <c r="D35714" s="6"/>
      <c r="E35714" s="6" t="s">
        <v>9</v>
      </c>
      <c r="F35714" s="7">
        <v>39169</v>
      </c>
      <c r="G35714" s="8">
        <v>12006900</v>
      </c>
      <c r="H35714" s="8">
        <v>8644968</v>
      </c>
      <c r="I35714" s="8">
        <v>3602070</v>
      </c>
      <c r="J35714" s="8">
        <v>8404830</v>
      </c>
      <c r="K35714" s="9"/>
      <c r="L35714" s="6"/>
    </row>
    <row r="35715" spans="1:12">
      <c r="A35715" s="6" t="s">
        <v>35695</v>
      </c>
      <c r="B35715" s="6"/>
      <c r="C35715" s="6" t="s">
        <v>32230</v>
      </c>
      <c r="D35715" s="6"/>
      <c r="E35715" s="6" t="s">
        <v>9</v>
      </c>
      <c r="F35715" s="7">
        <v>39169</v>
      </c>
      <c r="G35715" s="8">
        <v>14353200</v>
      </c>
      <c r="H35715" s="8">
        <v>10334304</v>
      </c>
      <c r="I35715" s="8">
        <v>4305960</v>
      </c>
      <c r="J35715" s="8">
        <v>10047240</v>
      </c>
      <c r="K35715" s="9"/>
      <c r="L35715" s="6"/>
    </row>
    <row r="35716" spans="1:12">
      <c r="A35716" s="6" t="s">
        <v>33185</v>
      </c>
      <c r="B35716" s="6"/>
      <c r="C35716" s="6" t="s">
        <v>32230</v>
      </c>
      <c r="D35716" s="6"/>
      <c r="E35716" s="6" t="s">
        <v>9</v>
      </c>
      <c r="F35716" s="7"/>
      <c r="G35716" s="8">
        <v>1</v>
      </c>
      <c r="H35716" s="8">
        <v>1</v>
      </c>
      <c r="I35716" s="8">
        <v>0</v>
      </c>
      <c r="J35716" s="8">
        <v>1</v>
      </c>
      <c r="K35716" s="9"/>
      <c r="L35716" s="6"/>
    </row>
    <row r="35717" spans="1:12">
      <c r="A35717" s="6" t="s">
        <v>35696</v>
      </c>
      <c r="B35717" s="6"/>
      <c r="C35717" s="6" t="s">
        <v>32230</v>
      </c>
      <c r="D35717" s="6"/>
      <c r="E35717" s="6" t="s">
        <v>9</v>
      </c>
      <c r="F35717" s="7">
        <v>39169</v>
      </c>
      <c r="G35717" s="8">
        <v>71846400</v>
      </c>
      <c r="H35717" s="8">
        <v>51729408</v>
      </c>
      <c r="I35717" s="8">
        <v>21553920</v>
      </c>
      <c r="J35717" s="8">
        <v>50292480</v>
      </c>
      <c r="K35717" s="9"/>
      <c r="L35717" s="6"/>
    </row>
    <row r="35718" spans="1:12">
      <c r="A35718" s="6" t="s">
        <v>35697</v>
      </c>
      <c r="B35718" s="6"/>
      <c r="C35718" s="6" t="s">
        <v>32230</v>
      </c>
      <c r="D35718" s="6"/>
      <c r="E35718" s="6" t="s">
        <v>9</v>
      </c>
      <c r="F35718" s="7">
        <v>39169</v>
      </c>
      <c r="G35718" s="8">
        <v>5402700</v>
      </c>
      <c r="H35718" s="8">
        <v>3889944</v>
      </c>
      <c r="I35718" s="8">
        <v>1620810</v>
      </c>
      <c r="J35718" s="8">
        <v>3781890</v>
      </c>
      <c r="K35718" s="9"/>
      <c r="L35718" s="6"/>
    </row>
    <row r="35719" spans="1:12">
      <c r="A35719" s="6" t="s">
        <v>35698</v>
      </c>
      <c r="B35719" s="6"/>
      <c r="C35719" s="6" t="s">
        <v>32230</v>
      </c>
      <c r="D35719" s="6"/>
      <c r="E35719" s="6" t="s">
        <v>9</v>
      </c>
      <c r="F35719" s="7">
        <v>39169</v>
      </c>
      <c r="G35719" s="8">
        <v>11542500</v>
      </c>
      <c r="H35719" s="8">
        <v>8310600</v>
      </c>
      <c r="I35719" s="8">
        <v>3462750</v>
      </c>
      <c r="J35719" s="8">
        <v>8079750</v>
      </c>
      <c r="K35719" s="9"/>
      <c r="L35719" s="6"/>
    </row>
    <row r="35720" spans="1:12">
      <c r="A35720" s="6" t="s">
        <v>35699</v>
      </c>
      <c r="B35720" s="6"/>
      <c r="C35720" s="6" t="s">
        <v>32230</v>
      </c>
      <c r="D35720" s="6"/>
      <c r="E35720" s="6" t="s">
        <v>9</v>
      </c>
      <c r="F35720" s="7">
        <v>39169</v>
      </c>
      <c r="G35720" s="8">
        <v>35623800</v>
      </c>
      <c r="H35720" s="8">
        <v>25649136</v>
      </c>
      <c r="I35720" s="8">
        <v>10687140</v>
      </c>
      <c r="J35720" s="8">
        <v>24936660</v>
      </c>
      <c r="K35720" s="9"/>
      <c r="L35720" s="6"/>
    </row>
    <row r="35721" spans="1:12">
      <c r="A35721" s="6" t="s">
        <v>35700</v>
      </c>
      <c r="B35721" s="6"/>
      <c r="C35721" s="6" t="s">
        <v>32230</v>
      </c>
      <c r="D35721" s="6"/>
      <c r="E35721" s="6" t="s">
        <v>9</v>
      </c>
      <c r="F35721" s="7">
        <v>39169</v>
      </c>
      <c r="G35721" s="8">
        <v>10392300</v>
      </c>
      <c r="H35721" s="8">
        <v>7482456</v>
      </c>
      <c r="I35721" s="8">
        <v>3117690</v>
      </c>
      <c r="J35721" s="8">
        <v>7274610</v>
      </c>
      <c r="K35721" s="9"/>
      <c r="L35721" s="6"/>
    </row>
    <row r="35722" spans="1:12">
      <c r="A35722" s="6" t="s">
        <v>35701</v>
      </c>
      <c r="B35722" s="6"/>
      <c r="C35722" s="6" t="s">
        <v>32230</v>
      </c>
      <c r="D35722" s="6"/>
      <c r="E35722" s="6" t="s">
        <v>9</v>
      </c>
      <c r="F35722" s="7">
        <v>39169</v>
      </c>
      <c r="G35722" s="8">
        <v>10546200</v>
      </c>
      <c r="H35722" s="8">
        <v>7593264</v>
      </c>
      <c r="I35722" s="8">
        <v>3163860</v>
      </c>
      <c r="J35722" s="8">
        <v>7382340</v>
      </c>
      <c r="K35722" s="9"/>
      <c r="L35722" s="6"/>
    </row>
    <row r="35723" spans="1:12">
      <c r="A35723" s="6" t="s">
        <v>35702</v>
      </c>
      <c r="B35723" s="6"/>
      <c r="C35723" s="6" t="s">
        <v>32230</v>
      </c>
      <c r="D35723" s="6"/>
      <c r="E35723" s="6" t="s">
        <v>9</v>
      </c>
      <c r="F35723" s="7">
        <v>39169</v>
      </c>
      <c r="G35723" s="8">
        <v>4438800</v>
      </c>
      <c r="H35723" s="8">
        <v>3195936</v>
      </c>
      <c r="I35723" s="8">
        <v>1331640</v>
      </c>
      <c r="J35723" s="8">
        <v>3107160</v>
      </c>
      <c r="K35723" s="9"/>
      <c r="L35723" s="6"/>
    </row>
    <row r="35724" spans="1:12">
      <c r="A35724" s="6" t="s">
        <v>35703</v>
      </c>
      <c r="B35724" s="6"/>
      <c r="C35724" s="6" t="s">
        <v>32230</v>
      </c>
      <c r="D35724" s="6"/>
      <c r="E35724" s="6" t="s">
        <v>9</v>
      </c>
      <c r="F35724" s="7">
        <v>39169</v>
      </c>
      <c r="G35724" s="8">
        <v>10335600</v>
      </c>
      <c r="H35724" s="8">
        <v>7441632</v>
      </c>
      <c r="I35724" s="8">
        <v>3100680</v>
      </c>
      <c r="J35724" s="8">
        <v>7234920</v>
      </c>
      <c r="K35724" s="9"/>
      <c r="L35724" s="6"/>
    </row>
    <row r="35725" spans="1:12">
      <c r="A35725" s="6" t="s">
        <v>35704</v>
      </c>
      <c r="B35725" s="6"/>
      <c r="C35725" s="6" t="s">
        <v>32230</v>
      </c>
      <c r="D35725" s="6"/>
      <c r="E35725" s="6" t="s">
        <v>9</v>
      </c>
      <c r="F35725" s="7">
        <v>39169</v>
      </c>
      <c r="G35725" s="8">
        <v>3045600</v>
      </c>
      <c r="H35725" s="8">
        <v>2192832</v>
      </c>
      <c r="I35725" s="8">
        <v>913680</v>
      </c>
      <c r="J35725" s="8">
        <v>2131920</v>
      </c>
      <c r="K35725" s="9"/>
      <c r="L35725" s="6"/>
    </row>
    <row r="35726" spans="1:12">
      <c r="A35726" s="6" t="s">
        <v>35705</v>
      </c>
      <c r="B35726" s="6"/>
      <c r="C35726" s="6" t="s">
        <v>32230</v>
      </c>
      <c r="D35726" s="6"/>
      <c r="E35726" s="6" t="s">
        <v>9</v>
      </c>
      <c r="F35726" s="7">
        <v>39169</v>
      </c>
      <c r="G35726" s="8">
        <v>4098600</v>
      </c>
      <c r="H35726" s="8">
        <v>2950992</v>
      </c>
      <c r="I35726" s="8">
        <v>1229580</v>
      </c>
      <c r="J35726" s="8">
        <v>2869020</v>
      </c>
      <c r="K35726" s="9"/>
      <c r="L35726" s="6"/>
    </row>
    <row r="35727" spans="1:12">
      <c r="A35727" s="6" t="s">
        <v>35706</v>
      </c>
      <c r="B35727" s="6"/>
      <c r="C35727" s="6" t="s">
        <v>32230</v>
      </c>
      <c r="D35727" s="6"/>
      <c r="E35727" s="6" t="s">
        <v>9</v>
      </c>
      <c r="F35727" s="7">
        <v>39169</v>
      </c>
      <c r="G35727" s="8">
        <v>25134300</v>
      </c>
      <c r="H35727" s="8">
        <v>18096696</v>
      </c>
      <c r="I35727" s="8">
        <v>7540290</v>
      </c>
      <c r="J35727" s="8">
        <v>17594010</v>
      </c>
      <c r="K35727" s="9"/>
      <c r="L35727" s="6"/>
    </row>
    <row r="35728" spans="1:12">
      <c r="A35728" s="6" t="s">
        <v>35707</v>
      </c>
      <c r="B35728" s="6"/>
      <c r="C35728" s="6" t="s">
        <v>32230</v>
      </c>
      <c r="D35728" s="6"/>
      <c r="E35728" s="6" t="s">
        <v>9</v>
      </c>
      <c r="F35728" s="7">
        <v>39169</v>
      </c>
      <c r="G35728" s="8">
        <v>9825300</v>
      </c>
      <c r="H35728" s="8">
        <v>7074216</v>
      </c>
      <c r="I35728" s="8">
        <v>2947590</v>
      </c>
      <c r="J35728" s="8">
        <v>6877710</v>
      </c>
      <c r="K35728" s="9"/>
      <c r="L35728" s="6"/>
    </row>
    <row r="35729" spans="1:12">
      <c r="A35729" s="6" t="s">
        <v>35708</v>
      </c>
      <c r="B35729" s="6"/>
      <c r="C35729" s="6" t="s">
        <v>32230</v>
      </c>
      <c r="D35729" s="6"/>
      <c r="E35729" s="6" t="s">
        <v>9</v>
      </c>
      <c r="F35729" s="7">
        <v>39169</v>
      </c>
      <c r="G35729" s="8">
        <v>7362900</v>
      </c>
      <c r="H35729" s="8">
        <v>5301288</v>
      </c>
      <c r="I35729" s="8">
        <v>2208870</v>
      </c>
      <c r="J35729" s="8">
        <v>5154030</v>
      </c>
      <c r="K35729" s="9"/>
      <c r="L35729" s="6"/>
    </row>
    <row r="35730" spans="1:12">
      <c r="A35730" s="6" t="s">
        <v>35709</v>
      </c>
      <c r="B35730" s="6"/>
      <c r="C35730" s="6" t="s">
        <v>32230</v>
      </c>
      <c r="D35730" s="6"/>
      <c r="E35730" s="6" t="s">
        <v>9</v>
      </c>
      <c r="F35730" s="7">
        <v>39169</v>
      </c>
      <c r="G35730" s="8">
        <v>459000</v>
      </c>
      <c r="H35730" s="8">
        <v>330480</v>
      </c>
      <c r="I35730" s="8">
        <v>137700</v>
      </c>
      <c r="J35730" s="8">
        <v>321300</v>
      </c>
      <c r="K35730" s="9"/>
      <c r="L35730" s="6"/>
    </row>
    <row r="35731" spans="1:12">
      <c r="A35731" s="6" t="s">
        <v>35710</v>
      </c>
      <c r="B35731" s="6"/>
      <c r="C35731" s="6" t="s">
        <v>32230</v>
      </c>
      <c r="D35731" s="6"/>
      <c r="E35731" s="6" t="s">
        <v>9</v>
      </c>
      <c r="F35731" s="7">
        <v>39169</v>
      </c>
      <c r="G35731" s="8">
        <v>17269200</v>
      </c>
      <c r="H35731" s="8">
        <v>12433824</v>
      </c>
      <c r="I35731" s="8">
        <v>5180760</v>
      </c>
      <c r="J35731" s="8">
        <v>12088440</v>
      </c>
      <c r="K35731" s="9"/>
      <c r="L35731" s="6"/>
    </row>
    <row r="35732" spans="1:12">
      <c r="A35732" s="6" t="s">
        <v>35711</v>
      </c>
      <c r="B35732" s="6"/>
      <c r="C35732" s="6" t="s">
        <v>32230</v>
      </c>
      <c r="D35732" s="6"/>
      <c r="E35732" s="6" t="s">
        <v>9</v>
      </c>
      <c r="F35732" s="7">
        <v>39169</v>
      </c>
      <c r="G35732" s="8">
        <v>36344700</v>
      </c>
      <c r="H35732" s="8">
        <v>26168184</v>
      </c>
      <c r="I35732" s="8">
        <v>10903410</v>
      </c>
      <c r="J35732" s="8">
        <v>25441290</v>
      </c>
      <c r="K35732" s="9"/>
      <c r="L35732" s="6"/>
    </row>
    <row r="35733" spans="1:12">
      <c r="A35733" s="6" t="s">
        <v>35712</v>
      </c>
      <c r="B35733" s="6"/>
      <c r="C35733" s="6" t="s">
        <v>32230</v>
      </c>
      <c r="D35733" s="6"/>
      <c r="E35733" s="6" t="s">
        <v>9</v>
      </c>
      <c r="F35733" s="7">
        <v>39169</v>
      </c>
      <c r="G35733" s="8">
        <v>8958600</v>
      </c>
      <c r="H35733" s="8">
        <v>6450192</v>
      </c>
      <c r="I35733" s="8">
        <v>2687580</v>
      </c>
      <c r="J35733" s="8">
        <v>6271020</v>
      </c>
      <c r="K35733" s="9"/>
      <c r="L35733" s="6"/>
    </row>
    <row r="35734" spans="1:12">
      <c r="A35734" s="6" t="s">
        <v>35713</v>
      </c>
      <c r="B35734" s="6"/>
      <c r="C35734" s="6" t="s">
        <v>32230</v>
      </c>
      <c r="D35734" s="6"/>
      <c r="E35734" s="6" t="s">
        <v>9</v>
      </c>
      <c r="F35734" s="7">
        <v>39169</v>
      </c>
      <c r="G35734" s="8">
        <v>10764900</v>
      </c>
      <c r="H35734" s="8">
        <v>7750728</v>
      </c>
      <c r="I35734" s="8">
        <v>3229470</v>
      </c>
      <c r="J35734" s="8">
        <v>7535430</v>
      </c>
      <c r="K35734" s="9"/>
      <c r="L35734" s="6"/>
    </row>
    <row r="35735" spans="1:12">
      <c r="A35735" s="6" t="s">
        <v>35714</v>
      </c>
      <c r="B35735" s="6"/>
      <c r="C35735" s="6" t="s">
        <v>32230</v>
      </c>
      <c r="D35735" s="6"/>
      <c r="E35735" s="6" t="s">
        <v>9</v>
      </c>
      <c r="F35735" s="7">
        <v>39169</v>
      </c>
      <c r="G35735" s="8">
        <v>10773000</v>
      </c>
      <c r="H35735" s="8">
        <v>7756560</v>
      </c>
      <c r="I35735" s="8">
        <v>3231900</v>
      </c>
      <c r="J35735" s="8">
        <v>7541100</v>
      </c>
      <c r="K35735" s="9"/>
      <c r="L35735" s="6"/>
    </row>
    <row r="35736" spans="1:12">
      <c r="A35736" s="6" t="s">
        <v>35715</v>
      </c>
      <c r="B35736" s="6"/>
      <c r="C35736" s="6" t="s">
        <v>32230</v>
      </c>
      <c r="D35736" s="6"/>
      <c r="E35736" s="6" t="s">
        <v>9</v>
      </c>
      <c r="F35736" s="7">
        <v>39169</v>
      </c>
      <c r="G35736" s="8">
        <v>8748000</v>
      </c>
      <c r="H35736" s="8">
        <v>6298560</v>
      </c>
      <c r="I35736" s="8">
        <v>2624400</v>
      </c>
      <c r="J35736" s="8">
        <v>6123600</v>
      </c>
      <c r="K35736" s="9"/>
      <c r="L35736" s="6"/>
    </row>
    <row r="35737" spans="1:12">
      <c r="A35737" s="6" t="s">
        <v>35716</v>
      </c>
      <c r="B35737" s="6"/>
      <c r="C35737" s="6" t="s">
        <v>32230</v>
      </c>
      <c r="D35737" s="6"/>
      <c r="E35737" s="6" t="s">
        <v>9</v>
      </c>
      <c r="F35737" s="7">
        <v>39169</v>
      </c>
      <c r="G35737" s="8">
        <v>2049300</v>
      </c>
      <c r="H35737" s="8">
        <v>1475496</v>
      </c>
      <c r="I35737" s="8">
        <v>614790</v>
      </c>
      <c r="J35737" s="8">
        <v>1434510</v>
      </c>
      <c r="K35737" s="9"/>
      <c r="L35737" s="6"/>
    </row>
    <row r="35738" spans="1:12">
      <c r="A35738" s="6" t="s">
        <v>33185</v>
      </c>
      <c r="B35738" s="6"/>
      <c r="C35738" s="6" t="s">
        <v>32230</v>
      </c>
      <c r="D35738" s="6"/>
      <c r="E35738" s="6" t="s">
        <v>9</v>
      </c>
      <c r="F35738" s="7"/>
      <c r="G35738" s="8">
        <v>1</v>
      </c>
      <c r="H35738" s="8">
        <v>1</v>
      </c>
      <c r="I35738" s="8">
        <v>0</v>
      </c>
      <c r="J35738" s="8">
        <v>1</v>
      </c>
      <c r="K35738" s="9"/>
      <c r="L35738" s="6"/>
    </row>
    <row r="35739" spans="1:12">
      <c r="A35739" s="6" t="s">
        <v>35717</v>
      </c>
      <c r="B35739" s="6"/>
      <c r="C35739" s="6" t="s">
        <v>32230</v>
      </c>
      <c r="D35739" s="6"/>
      <c r="E35739" s="6" t="s">
        <v>9</v>
      </c>
      <c r="F35739" s="7">
        <v>39169</v>
      </c>
      <c r="G35739" s="8">
        <v>30504600</v>
      </c>
      <c r="H35739" s="8">
        <v>21963312</v>
      </c>
      <c r="I35739" s="8">
        <v>9151380</v>
      </c>
      <c r="J35739" s="8">
        <v>21353220</v>
      </c>
      <c r="K35739" s="9"/>
      <c r="L35739" s="6"/>
    </row>
    <row r="35740" spans="1:12">
      <c r="A35740" s="6" t="s">
        <v>35718</v>
      </c>
      <c r="B35740" s="6"/>
      <c r="C35740" s="6" t="s">
        <v>32230</v>
      </c>
      <c r="D35740" s="6"/>
      <c r="E35740" s="6" t="s">
        <v>9</v>
      </c>
      <c r="F35740" s="7">
        <v>39169</v>
      </c>
      <c r="G35740" s="8">
        <v>64508400</v>
      </c>
      <c r="H35740" s="8">
        <v>46446048</v>
      </c>
      <c r="I35740" s="8">
        <v>19352520</v>
      </c>
      <c r="J35740" s="8">
        <v>45155880</v>
      </c>
      <c r="K35740" s="9"/>
      <c r="L35740" s="6"/>
    </row>
    <row r="35741" spans="1:12">
      <c r="A35741" s="6" t="s">
        <v>33185</v>
      </c>
      <c r="B35741" s="6"/>
      <c r="C35741" s="6" t="s">
        <v>32230</v>
      </c>
      <c r="D35741" s="6"/>
      <c r="E35741" s="6" t="s">
        <v>9</v>
      </c>
      <c r="F35741" s="7"/>
      <c r="G35741" s="8">
        <v>1</v>
      </c>
      <c r="H35741" s="8">
        <v>1</v>
      </c>
      <c r="I35741" s="8">
        <v>0</v>
      </c>
      <c r="J35741" s="8">
        <v>1</v>
      </c>
      <c r="K35741" s="9"/>
      <c r="L35741" s="6"/>
    </row>
    <row r="35742" spans="1:12">
      <c r="A35742" s="6" t="s">
        <v>33185</v>
      </c>
      <c r="B35742" s="6"/>
      <c r="C35742" s="6" t="s">
        <v>32230</v>
      </c>
      <c r="D35742" s="6"/>
      <c r="E35742" s="6" t="s">
        <v>9</v>
      </c>
      <c r="F35742" s="7"/>
      <c r="G35742" s="8">
        <v>1</v>
      </c>
      <c r="H35742" s="8">
        <v>1</v>
      </c>
      <c r="I35742" s="8">
        <v>0</v>
      </c>
      <c r="J35742" s="8">
        <v>1</v>
      </c>
      <c r="K35742" s="9"/>
      <c r="L35742" s="6"/>
    </row>
    <row r="35743" spans="1:12">
      <c r="A35743" s="6" t="s">
        <v>35719</v>
      </c>
      <c r="B35743" s="6"/>
      <c r="C35743" s="6" t="s">
        <v>32230</v>
      </c>
      <c r="D35743" s="6"/>
      <c r="E35743" s="6" t="s">
        <v>9</v>
      </c>
      <c r="F35743" s="7">
        <v>38657</v>
      </c>
      <c r="G35743" s="8">
        <v>665000</v>
      </c>
      <c r="H35743" s="8">
        <v>465500</v>
      </c>
      <c r="I35743" s="8">
        <v>212800</v>
      </c>
      <c r="J35743" s="8">
        <v>452200</v>
      </c>
      <c r="K35743" s="9"/>
      <c r="L35743" s="6"/>
    </row>
    <row r="35744" spans="1:12">
      <c r="A35744" s="6" t="s">
        <v>35720</v>
      </c>
      <c r="B35744" s="6"/>
      <c r="C35744" s="6" t="s">
        <v>32230</v>
      </c>
      <c r="D35744" s="6"/>
      <c r="E35744" s="6" t="s">
        <v>9</v>
      </c>
      <c r="F35744" s="7">
        <v>39169</v>
      </c>
      <c r="G35744" s="8">
        <v>6131700</v>
      </c>
      <c r="H35744" s="8">
        <v>4414824</v>
      </c>
      <c r="I35744" s="8">
        <v>1839510</v>
      </c>
      <c r="J35744" s="8">
        <v>4292190</v>
      </c>
      <c r="K35744" s="9"/>
      <c r="L35744" s="6"/>
    </row>
    <row r="35745" spans="1:12">
      <c r="A35745" s="6" t="s">
        <v>35721</v>
      </c>
      <c r="B35745" s="6"/>
      <c r="C35745" s="6" t="s">
        <v>32230</v>
      </c>
      <c r="D35745" s="6"/>
      <c r="E35745" s="6"/>
      <c r="F35745" s="7"/>
      <c r="G35745" s="8">
        <v>1510000</v>
      </c>
      <c r="H35745" s="8">
        <v>1510000</v>
      </c>
      <c r="I35745" s="8">
        <v>30200</v>
      </c>
      <c r="J35745" s="8">
        <v>1479800</v>
      </c>
      <c r="K35745" s="9"/>
      <c r="L35745" s="6"/>
    </row>
    <row r="35746" spans="1:12">
      <c r="A35746" s="6" t="s">
        <v>35721</v>
      </c>
      <c r="B35746" s="6"/>
      <c r="C35746" s="6" t="s">
        <v>32230</v>
      </c>
      <c r="D35746" s="6"/>
      <c r="E35746" s="6" t="s">
        <v>9</v>
      </c>
      <c r="F35746" s="7">
        <v>39169</v>
      </c>
      <c r="G35746" s="8">
        <v>35699200</v>
      </c>
      <c r="H35746" s="8">
        <v>25703424</v>
      </c>
      <c r="I35746" s="8">
        <v>10709760</v>
      </c>
      <c r="J35746" s="8">
        <v>24989440</v>
      </c>
      <c r="K35746" s="9"/>
      <c r="L35746" s="6"/>
    </row>
    <row r="35747" spans="1:12">
      <c r="A35747" s="6" t="s">
        <v>35722</v>
      </c>
      <c r="B35747" s="6"/>
      <c r="C35747" s="6" t="s">
        <v>32230</v>
      </c>
      <c r="D35747" s="6"/>
      <c r="E35747" s="6" t="s">
        <v>9</v>
      </c>
      <c r="F35747" s="7">
        <v>39617</v>
      </c>
      <c r="G35747" s="8">
        <v>730800</v>
      </c>
      <c r="H35747" s="8">
        <v>239712</v>
      </c>
      <c r="I35747" s="8">
        <v>532012</v>
      </c>
      <c r="J35747" s="8">
        <v>198788</v>
      </c>
      <c r="K35747" s="9"/>
      <c r="L35747" s="6"/>
    </row>
    <row r="35748" spans="1:12">
      <c r="A35748" s="6" t="s">
        <v>35723</v>
      </c>
      <c r="B35748" s="6"/>
      <c r="C35748" s="6" t="s">
        <v>32230</v>
      </c>
      <c r="D35748" s="6"/>
      <c r="E35748" s="6" t="s">
        <v>9</v>
      </c>
      <c r="F35748" s="7">
        <v>42075</v>
      </c>
      <c r="G35748" s="8">
        <v>334800</v>
      </c>
      <c r="H35748" s="8">
        <v>222312</v>
      </c>
      <c r="I35748" s="8">
        <v>131236</v>
      </c>
      <c r="J35748" s="8">
        <v>203564</v>
      </c>
      <c r="K35748" s="9"/>
      <c r="L35748" s="6"/>
    </row>
    <row r="35749" spans="1:12">
      <c r="A35749" s="6" t="s">
        <v>35724</v>
      </c>
      <c r="B35749" s="6"/>
      <c r="C35749" s="6" t="s">
        <v>32230</v>
      </c>
      <c r="D35749" s="6"/>
      <c r="E35749" s="6" t="s">
        <v>9</v>
      </c>
      <c r="F35749" s="7">
        <v>43159</v>
      </c>
      <c r="G35749" s="8">
        <v>853200</v>
      </c>
      <c r="H35749" s="8">
        <v>725220</v>
      </c>
      <c r="I35749" s="8">
        <v>170640</v>
      </c>
      <c r="J35749" s="8">
        <v>682560</v>
      </c>
      <c r="K35749" s="9"/>
      <c r="L35749" s="6"/>
    </row>
    <row r="35750" spans="1:12">
      <c r="A35750" s="6" t="s">
        <v>35725</v>
      </c>
      <c r="B35750" s="6"/>
      <c r="C35750" s="6" t="s">
        <v>32230</v>
      </c>
      <c r="D35750" s="6"/>
      <c r="E35750" s="6" t="s">
        <v>9</v>
      </c>
      <c r="F35750" s="7">
        <v>43190</v>
      </c>
      <c r="G35750" s="8">
        <v>853200</v>
      </c>
      <c r="H35750" s="8">
        <v>725220</v>
      </c>
      <c r="I35750" s="8">
        <v>170640</v>
      </c>
      <c r="J35750" s="8">
        <v>682560</v>
      </c>
      <c r="K35750" s="9"/>
      <c r="L35750" s="6"/>
    </row>
    <row r="35751" spans="1:12">
      <c r="A35751" s="6" t="s">
        <v>35726</v>
      </c>
      <c r="B35751" s="6"/>
      <c r="C35751" s="6" t="s">
        <v>32230</v>
      </c>
      <c r="D35751" s="6"/>
      <c r="E35751" s="6" t="s">
        <v>9</v>
      </c>
      <c r="F35751" s="7">
        <v>39169</v>
      </c>
      <c r="G35751" s="8">
        <v>10230300</v>
      </c>
      <c r="H35751" s="8">
        <v>7365816</v>
      </c>
      <c r="I35751" s="8">
        <v>3069090</v>
      </c>
      <c r="J35751" s="8">
        <v>7161210</v>
      </c>
      <c r="K35751" s="9"/>
      <c r="L35751" s="6"/>
    </row>
    <row r="35752" spans="1:12">
      <c r="A35752" s="6" t="s">
        <v>35727</v>
      </c>
      <c r="B35752" s="6"/>
      <c r="C35752" s="6" t="s">
        <v>32230</v>
      </c>
      <c r="D35752" s="6"/>
      <c r="E35752" s="6" t="s">
        <v>9</v>
      </c>
      <c r="F35752" s="7">
        <v>39899</v>
      </c>
      <c r="G35752" s="8">
        <v>2524500</v>
      </c>
      <c r="H35752" s="8">
        <v>1918620</v>
      </c>
      <c r="I35752" s="8">
        <v>656370</v>
      </c>
      <c r="J35752" s="8">
        <v>1868130</v>
      </c>
      <c r="K35752" s="9"/>
      <c r="L35752" s="6"/>
    </row>
    <row r="35753" spans="1:12">
      <c r="A35753" s="6" t="s">
        <v>35728</v>
      </c>
      <c r="B35753" s="6"/>
      <c r="C35753" s="6" t="s">
        <v>32230</v>
      </c>
      <c r="D35753" s="6"/>
      <c r="E35753" s="6" t="s">
        <v>9</v>
      </c>
      <c r="F35753" s="7">
        <v>39535</v>
      </c>
      <c r="G35753" s="8">
        <v>5678100</v>
      </c>
      <c r="H35753" s="8">
        <v>4201794</v>
      </c>
      <c r="I35753" s="8">
        <v>1589868</v>
      </c>
      <c r="J35753" s="8">
        <v>4088232</v>
      </c>
      <c r="K35753" s="9"/>
      <c r="L35753" s="6"/>
    </row>
    <row r="35754" spans="1:12">
      <c r="A35754" s="6" t="s">
        <v>33185</v>
      </c>
      <c r="B35754" s="6"/>
      <c r="C35754" s="6" t="s">
        <v>32230</v>
      </c>
      <c r="D35754" s="6"/>
      <c r="E35754" s="6" t="s">
        <v>9</v>
      </c>
      <c r="F35754" s="7">
        <v>39173</v>
      </c>
      <c r="G35754" s="8">
        <v>9696960</v>
      </c>
      <c r="H35754" s="8">
        <v>7553936</v>
      </c>
      <c r="I35754" s="8">
        <v>2307872</v>
      </c>
      <c r="J35754" s="8">
        <v>7389088</v>
      </c>
      <c r="K35754" s="9"/>
      <c r="L35754" s="6"/>
    </row>
    <row r="35755" spans="1:12">
      <c r="A35755" s="6" t="s">
        <v>35729</v>
      </c>
      <c r="B35755" s="6"/>
      <c r="C35755" s="6" t="s">
        <v>32230</v>
      </c>
      <c r="D35755" s="6"/>
      <c r="E35755" s="6" t="s">
        <v>9</v>
      </c>
      <c r="F35755" s="7">
        <v>39535</v>
      </c>
      <c r="G35755" s="8">
        <v>6480000</v>
      </c>
      <c r="H35755" s="8">
        <v>4795200</v>
      </c>
      <c r="I35755" s="8">
        <v>1814400</v>
      </c>
      <c r="J35755" s="8">
        <v>4665600</v>
      </c>
      <c r="K35755" s="9"/>
      <c r="L35755" s="6"/>
    </row>
    <row r="35756" spans="1:12">
      <c r="A35756" s="6" t="s">
        <v>33185</v>
      </c>
      <c r="B35756" s="6"/>
      <c r="C35756" s="6" t="s">
        <v>32230</v>
      </c>
      <c r="D35756" s="6"/>
      <c r="E35756" s="6" t="s">
        <v>9</v>
      </c>
      <c r="F35756" s="7">
        <v>39173</v>
      </c>
      <c r="G35756" s="8">
        <v>9696960</v>
      </c>
      <c r="H35756" s="8">
        <v>7553936</v>
      </c>
      <c r="I35756" s="8">
        <v>2307872</v>
      </c>
      <c r="J35756" s="8">
        <v>7389088</v>
      </c>
      <c r="K35756" s="9"/>
      <c r="L35756" s="6"/>
    </row>
    <row r="35757" spans="1:12">
      <c r="A35757" s="6" t="s">
        <v>35730</v>
      </c>
      <c r="B35757" s="6"/>
      <c r="C35757" s="6" t="s">
        <v>32230</v>
      </c>
      <c r="D35757" s="6"/>
      <c r="E35757" s="6" t="s">
        <v>9</v>
      </c>
      <c r="F35757" s="7">
        <v>39535</v>
      </c>
      <c r="G35757" s="8">
        <v>7686900</v>
      </c>
      <c r="H35757" s="8">
        <v>5688306</v>
      </c>
      <c r="I35757" s="8">
        <v>2152332</v>
      </c>
      <c r="J35757" s="8">
        <v>5534568</v>
      </c>
      <c r="K35757" s="9"/>
      <c r="L35757" s="6"/>
    </row>
    <row r="35758" spans="1:12">
      <c r="A35758" s="6" t="s">
        <v>33185</v>
      </c>
      <c r="B35758" s="6"/>
      <c r="C35758" s="6" t="s">
        <v>32230</v>
      </c>
      <c r="D35758" s="6"/>
      <c r="E35758" s="6" t="s">
        <v>9</v>
      </c>
      <c r="F35758" s="7">
        <v>39173</v>
      </c>
      <c r="G35758" s="8">
        <v>9172800</v>
      </c>
      <c r="H35758" s="8">
        <v>7145619</v>
      </c>
      <c r="I35758" s="8">
        <v>2183118</v>
      </c>
      <c r="J35758" s="8">
        <v>6989682</v>
      </c>
      <c r="K35758" s="9"/>
      <c r="L35758" s="6"/>
    </row>
    <row r="35759" spans="1:12">
      <c r="A35759" s="6" t="s">
        <v>35731</v>
      </c>
      <c r="B35759" s="6"/>
      <c r="C35759" s="6" t="s">
        <v>32230</v>
      </c>
      <c r="D35759" s="6"/>
      <c r="E35759" s="6" t="s">
        <v>9</v>
      </c>
      <c r="F35759" s="7">
        <v>39535</v>
      </c>
      <c r="G35759" s="8">
        <v>5815800</v>
      </c>
      <c r="H35759" s="8">
        <v>4303692</v>
      </c>
      <c r="I35759" s="8">
        <v>1628424</v>
      </c>
      <c r="J35759" s="8">
        <v>4187376</v>
      </c>
      <c r="K35759" s="9"/>
      <c r="L35759" s="6"/>
    </row>
    <row r="35760" spans="1:12">
      <c r="A35760" s="6" t="s">
        <v>35732</v>
      </c>
      <c r="B35760" s="6"/>
      <c r="C35760" s="6" t="s">
        <v>32230</v>
      </c>
      <c r="D35760" s="6"/>
      <c r="E35760" s="6" t="s">
        <v>9</v>
      </c>
      <c r="F35760" s="7">
        <v>39535</v>
      </c>
      <c r="G35760" s="8">
        <v>6852600</v>
      </c>
      <c r="H35760" s="8">
        <v>5070924</v>
      </c>
      <c r="I35760" s="8">
        <v>1918728</v>
      </c>
      <c r="J35760" s="8">
        <v>4933872</v>
      </c>
      <c r="K35760" s="9"/>
      <c r="L35760" s="6"/>
    </row>
    <row r="35761" spans="1:12">
      <c r="A35761" s="6" t="s">
        <v>35733</v>
      </c>
      <c r="B35761" s="6"/>
      <c r="C35761" s="6" t="s">
        <v>32230</v>
      </c>
      <c r="D35761" s="6"/>
      <c r="E35761" s="6" t="s">
        <v>9</v>
      </c>
      <c r="F35761" s="7">
        <v>39535</v>
      </c>
      <c r="G35761" s="8">
        <v>10149300</v>
      </c>
      <c r="H35761" s="8">
        <v>7510482</v>
      </c>
      <c r="I35761" s="8">
        <v>2841804</v>
      </c>
      <c r="J35761" s="8">
        <v>7307496</v>
      </c>
      <c r="K35761" s="9"/>
      <c r="L35761" s="6"/>
    </row>
    <row r="35762" spans="1:12">
      <c r="A35762" s="6" t="s">
        <v>35734</v>
      </c>
      <c r="B35762" s="6"/>
      <c r="C35762" s="6" t="s">
        <v>32230</v>
      </c>
      <c r="D35762" s="6"/>
      <c r="E35762" s="6" t="s">
        <v>9</v>
      </c>
      <c r="F35762" s="7">
        <v>39535</v>
      </c>
      <c r="G35762" s="8">
        <v>7573500</v>
      </c>
      <c r="H35762" s="8">
        <v>5604390</v>
      </c>
      <c r="I35762" s="8">
        <v>2120580</v>
      </c>
      <c r="J35762" s="8">
        <v>5452920</v>
      </c>
      <c r="K35762" s="9"/>
      <c r="L35762" s="6"/>
    </row>
    <row r="35763" spans="1:12">
      <c r="A35763" s="6" t="s">
        <v>35735</v>
      </c>
      <c r="B35763" s="6"/>
      <c r="C35763" s="6" t="s">
        <v>32230</v>
      </c>
      <c r="D35763" s="6"/>
      <c r="E35763" s="6" t="s">
        <v>9</v>
      </c>
      <c r="F35763" s="7">
        <v>39899</v>
      </c>
      <c r="G35763" s="8">
        <v>8091900</v>
      </c>
      <c r="H35763" s="8">
        <v>6149844</v>
      </c>
      <c r="I35763" s="8">
        <v>2103894</v>
      </c>
      <c r="J35763" s="8">
        <v>5988006</v>
      </c>
      <c r="K35763" s="9"/>
      <c r="L35763" s="6"/>
    </row>
    <row r="35764" spans="1:12">
      <c r="A35764" s="6" t="s">
        <v>35736</v>
      </c>
      <c r="B35764" s="6"/>
      <c r="C35764" s="6" t="s">
        <v>32230</v>
      </c>
      <c r="D35764" s="6"/>
      <c r="E35764" s="6" t="s">
        <v>9</v>
      </c>
      <c r="F35764" s="7">
        <v>39899</v>
      </c>
      <c r="G35764" s="8">
        <v>9533700</v>
      </c>
      <c r="H35764" s="8">
        <v>7245612</v>
      </c>
      <c r="I35764" s="8">
        <v>2478762</v>
      </c>
      <c r="J35764" s="8">
        <v>7054938</v>
      </c>
      <c r="K35764" s="9"/>
      <c r="L35764" s="6"/>
    </row>
    <row r="35765" spans="1:12">
      <c r="A35765" s="6" t="s">
        <v>35737</v>
      </c>
      <c r="B35765" s="6"/>
      <c r="C35765" s="6" t="s">
        <v>32230</v>
      </c>
      <c r="D35765" s="6"/>
      <c r="E35765" s="6" t="s">
        <v>9</v>
      </c>
      <c r="F35765" s="7">
        <v>39899</v>
      </c>
      <c r="G35765" s="8">
        <v>5213700</v>
      </c>
      <c r="H35765" s="8">
        <v>3962412</v>
      </c>
      <c r="I35765" s="8">
        <v>1355562</v>
      </c>
      <c r="J35765" s="8">
        <v>3858138</v>
      </c>
      <c r="K35765" s="9"/>
      <c r="L35765" s="6"/>
    </row>
    <row r="35766" spans="1:12">
      <c r="A35766" s="6" t="s">
        <v>33185</v>
      </c>
      <c r="B35766" s="6"/>
      <c r="C35766" s="6" t="s">
        <v>32230</v>
      </c>
      <c r="D35766" s="6"/>
      <c r="E35766" s="6" t="s">
        <v>9</v>
      </c>
      <c r="F35766" s="7"/>
      <c r="G35766" s="8">
        <v>1</v>
      </c>
      <c r="H35766" s="8">
        <v>1</v>
      </c>
      <c r="I35766" s="8">
        <v>0</v>
      </c>
      <c r="J35766" s="8">
        <v>1</v>
      </c>
      <c r="K35766" s="9"/>
      <c r="L35766" s="6"/>
    </row>
    <row r="35767" spans="1:12">
      <c r="A35767" s="6" t="s">
        <v>35738</v>
      </c>
      <c r="B35767" s="6"/>
      <c r="C35767" s="6" t="s">
        <v>32230</v>
      </c>
      <c r="D35767" s="6"/>
      <c r="E35767" s="6" t="s">
        <v>9</v>
      </c>
      <c r="F35767" s="7">
        <v>39899</v>
      </c>
      <c r="G35767" s="8">
        <v>3555900</v>
      </c>
      <c r="H35767" s="8">
        <v>2702484</v>
      </c>
      <c r="I35767" s="8">
        <v>924534</v>
      </c>
      <c r="J35767" s="8">
        <v>2631366</v>
      </c>
      <c r="K35767" s="9"/>
      <c r="L35767" s="6"/>
    </row>
    <row r="35768" spans="1:12">
      <c r="A35768" s="6" t="s">
        <v>35739</v>
      </c>
      <c r="B35768" s="6"/>
      <c r="C35768" s="6" t="s">
        <v>32230</v>
      </c>
      <c r="D35768" s="6"/>
      <c r="E35768" s="6" t="s">
        <v>9</v>
      </c>
      <c r="F35768" s="7">
        <v>42818</v>
      </c>
      <c r="G35768" s="8">
        <v>1782000</v>
      </c>
      <c r="H35768" s="8">
        <v>1639440</v>
      </c>
      <c r="I35768" s="8">
        <v>178200</v>
      </c>
      <c r="J35768" s="8">
        <v>1603800</v>
      </c>
      <c r="K35768" s="9"/>
      <c r="L35768" s="6"/>
    </row>
    <row r="35769" spans="1:12">
      <c r="A35769" s="6" t="s">
        <v>35740</v>
      </c>
      <c r="B35769" s="6"/>
      <c r="C35769" s="6" t="s">
        <v>32230</v>
      </c>
      <c r="D35769" s="6"/>
      <c r="E35769" s="6" t="s">
        <v>9</v>
      </c>
      <c r="F35769" s="7">
        <v>40263</v>
      </c>
      <c r="G35769" s="8">
        <v>4325400</v>
      </c>
      <c r="H35769" s="8">
        <v>3373812</v>
      </c>
      <c r="I35769" s="8">
        <v>1038096</v>
      </c>
      <c r="J35769" s="8">
        <v>3287304</v>
      </c>
      <c r="K35769" s="9"/>
      <c r="L35769" s="6"/>
    </row>
    <row r="35770" spans="1:12">
      <c r="A35770" s="6" t="s">
        <v>35741</v>
      </c>
      <c r="B35770" s="6"/>
      <c r="C35770" s="6" t="s">
        <v>32230</v>
      </c>
      <c r="D35770" s="6"/>
      <c r="E35770" s="6" t="s">
        <v>9</v>
      </c>
      <c r="F35770" s="7">
        <v>40263</v>
      </c>
      <c r="G35770" s="8">
        <v>4414500</v>
      </c>
      <c r="H35770" s="8">
        <v>3443310</v>
      </c>
      <c r="I35770" s="8">
        <v>1059480</v>
      </c>
      <c r="J35770" s="8">
        <v>3355020</v>
      </c>
      <c r="K35770" s="9"/>
      <c r="L35770" s="6"/>
    </row>
    <row r="35771" spans="1:12">
      <c r="A35771" s="6" t="s">
        <v>35742</v>
      </c>
      <c r="B35771" s="6"/>
      <c r="C35771" s="6" t="s">
        <v>32230</v>
      </c>
      <c r="D35771" s="6"/>
      <c r="E35771" s="6" t="s">
        <v>9</v>
      </c>
      <c r="F35771" s="7">
        <v>40263</v>
      </c>
      <c r="G35771" s="8">
        <v>8723700</v>
      </c>
      <c r="H35771" s="8">
        <v>6804486</v>
      </c>
      <c r="I35771" s="8">
        <v>2093688</v>
      </c>
      <c r="J35771" s="8">
        <v>6630012</v>
      </c>
      <c r="K35771" s="9"/>
      <c r="L35771" s="6"/>
    </row>
    <row r="35772" spans="1:12">
      <c r="A35772" s="6" t="s">
        <v>35743</v>
      </c>
      <c r="B35772" s="6"/>
      <c r="C35772" s="6" t="s">
        <v>32230</v>
      </c>
      <c r="D35772" s="6"/>
      <c r="E35772" s="6" t="s">
        <v>9</v>
      </c>
      <c r="F35772" s="7">
        <v>40630</v>
      </c>
      <c r="G35772" s="8">
        <v>4414500</v>
      </c>
      <c r="H35772" s="8">
        <v>3531600</v>
      </c>
      <c r="I35772" s="8">
        <v>971190</v>
      </c>
      <c r="J35772" s="8">
        <v>3443310</v>
      </c>
      <c r="K35772" s="9"/>
      <c r="L35772" s="6"/>
    </row>
    <row r="35773" spans="1:12">
      <c r="A35773" s="6" t="s">
        <v>35744</v>
      </c>
      <c r="B35773" s="6"/>
      <c r="C35773" s="6" t="s">
        <v>32230</v>
      </c>
      <c r="D35773" s="6"/>
      <c r="E35773" s="6" t="s">
        <v>9</v>
      </c>
      <c r="F35773" s="7">
        <v>40630</v>
      </c>
      <c r="G35773" s="8">
        <v>6804000</v>
      </c>
      <c r="H35773" s="8">
        <v>5443200</v>
      </c>
      <c r="I35773" s="8">
        <v>1496880</v>
      </c>
      <c r="J35773" s="8">
        <v>5307120</v>
      </c>
      <c r="K35773" s="9"/>
      <c r="L35773" s="6"/>
    </row>
    <row r="35774" spans="1:12">
      <c r="A35774" s="6" t="s">
        <v>35745</v>
      </c>
      <c r="B35774" s="6"/>
      <c r="C35774" s="6" t="s">
        <v>32230</v>
      </c>
      <c r="D35774" s="6"/>
      <c r="E35774" s="6" t="s">
        <v>9</v>
      </c>
      <c r="F35774" s="7">
        <v>40630</v>
      </c>
      <c r="G35774" s="8">
        <v>4325400</v>
      </c>
      <c r="H35774" s="8">
        <v>3460320</v>
      </c>
      <c r="I35774" s="8">
        <v>951588</v>
      </c>
      <c r="J35774" s="8">
        <v>3373812</v>
      </c>
      <c r="K35774" s="9"/>
      <c r="L35774" s="6"/>
    </row>
    <row r="35775" spans="1:12">
      <c r="A35775" s="6" t="s">
        <v>35746</v>
      </c>
      <c r="B35775" s="6"/>
      <c r="C35775" s="6" t="s">
        <v>32230</v>
      </c>
      <c r="D35775" s="6"/>
      <c r="E35775" s="6" t="s">
        <v>9</v>
      </c>
      <c r="F35775" s="7">
        <v>40994</v>
      </c>
      <c r="G35775" s="8">
        <v>19161600</v>
      </c>
      <c r="H35775" s="8">
        <v>15712512</v>
      </c>
      <c r="I35775" s="8">
        <v>3832320</v>
      </c>
      <c r="J35775" s="8">
        <v>15329280</v>
      </c>
      <c r="K35775" s="9"/>
      <c r="L35775" s="6"/>
    </row>
    <row r="35776" spans="1:12">
      <c r="A35776" s="6" t="s">
        <v>35747</v>
      </c>
      <c r="B35776" s="6"/>
      <c r="C35776" s="6" t="s">
        <v>32230</v>
      </c>
      <c r="D35776" s="6"/>
      <c r="E35776" s="6" t="s">
        <v>9</v>
      </c>
      <c r="F35776" s="7">
        <v>40994</v>
      </c>
      <c r="G35776" s="8">
        <v>8569800</v>
      </c>
      <c r="H35776" s="8">
        <v>7027236</v>
      </c>
      <c r="I35776" s="8">
        <v>1713960</v>
      </c>
      <c r="J35776" s="8">
        <v>6855840</v>
      </c>
      <c r="K35776" s="9"/>
      <c r="L35776" s="6"/>
    </row>
    <row r="35777" spans="1:12">
      <c r="A35777" s="6" t="s">
        <v>35748</v>
      </c>
      <c r="B35777" s="6"/>
      <c r="C35777" s="6" t="s">
        <v>32230</v>
      </c>
      <c r="D35777" s="6"/>
      <c r="E35777" s="6" t="s">
        <v>9</v>
      </c>
      <c r="F35777" s="7">
        <v>40994</v>
      </c>
      <c r="G35777" s="8">
        <v>4017600</v>
      </c>
      <c r="H35777" s="8">
        <v>3294432</v>
      </c>
      <c r="I35777" s="8">
        <v>803520</v>
      </c>
      <c r="J35777" s="8">
        <v>3214080</v>
      </c>
      <c r="K35777" s="9"/>
      <c r="L35777" s="6"/>
    </row>
    <row r="35778" spans="1:12">
      <c r="A35778" s="6" t="s">
        <v>35749</v>
      </c>
      <c r="B35778" s="6"/>
      <c r="C35778" s="6" t="s">
        <v>32230</v>
      </c>
      <c r="D35778" s="6"/>
      <c r="E35778" s="6" t="s">
        <v>9</v>
      </c>
      <c r="F35778" s="7">
        <v>40994</v>
      </c>
      <c r="G35778" s="8">
        <v>4900500</v>
      </c>
      <c r="H35778" s="8">
        <v>4018410</v>
      </c>
      <c r="I35778" s="8">
        <v>980100</v>
      </c>
      <c r="J35778" s="8">
        <v>3920400</v>
      </c>
      <c r="K35778" s="9"/>
      <c r="L35778" s="6"/>
    </row>
    <row r="35779" spans="1:12">
      <c r="A35779" s="6" t="s">
        <v>35750</v>
      </c>
      <c r="B35779" s="6"/>
      <c r="C35779" s="6" t="s">
        <v>32230</v>
      </c>
      <c r="D35779" s="6"/>
      <c r="E35779" s="6" t="s">
        <v>9</v>
      </c>
      <c r="F35779" s="7">
        <v>40994</v>
      </c>
      <c r="G35779" s="8">
        <v>8262000</v>
      </c>
      <c r="H35779" s="8">
        <v>6774840</v>
      </c>
      <c r="I35779" s="8">
        <v>1652400</v>
      </c>
      <c r="J35779" s="8">
        <v>6609600</v>
      </c>
      <c r="K35779" s="9"/>
      <c r="L35779" s="6"/>
    </row>
    <row r="35780" spans="1:12">
      <c r="A35780" s="6" t="s">
        <v>35751</v>
      </c>
      <c r="B35780" s="6"/>
      <c r="C35780" s="6" t="s">
        <v>32230</v>
      </c>
      <c r="D35780" s="6"/>
      <c r="E35780" s="6" t="s">
        <v>9</v>
      </c>
      <c r="F35780" s="7">
        <v>40994</v>
      </c>
      <c r="G35780" s="8">
        <v>7630200</v>
      </c>
      <c r="H35780" s="8">
        <v>6256764</v>
      </c>
      <c r="I35780" s="8">
        <v>1526040</v>
      </c>
      <c r="J35780" s="8">
        <v>6104160</v>
      </c>
      <c r="K35780" s="9"/>
      <c r="L35780" s="6"/>
    </row>
    <row r="35781" spans="1:12">
      <c r="A35781" s="6" t="s">
        <v>35752</v>
      </c>
      <c r="B35781" s="6"/>
      <c r="C35781" s="6" t="s">
        <v>32230</v>
      </c>
      <c r="D35781" s="6"/>
      <c r="E35781" s="6" t="s">
        <v>9</v>
      </c>
      <c r="F35781" s="7">
        <v>40994</v>
      </c>
      <c r="G35781" s="8">
        <v>6779700</v>
      </c>
      <c r="H35781" s="8">
        <v>5559354</v>
      </c>
      <c r="I35781" s="8">
        <v>1355940</v>
      </c>
      <c r="J35781" s="8">
        <v>5423760</v>
      </c>
      <c r="K35781" s="9"/>
      <c r="L35781" s="6"/>
    </row>
    <row r="35782" spans="1:12">
      <c r="A35782" s="6" t="s">
        <v>35753</v>
      </c>
      <c r="B35782" s="6"/>
      <c r="C35782" s="6" t="s">
        <v>32230</v>
      </c>
      <c r="D35782" s="6"/>
      <c r="E35782" s="6" t="s">
        <v>9</v>
      </c>
      <c r="F35782" s="7">
        <v>40994</v>
      </c>
      <c r="G35782" s="8">
        <v>1525500</v>
      </c>
      <c r="H35782" s="8">
        <v>1250910</v>
      </c>
      <c r="I35782" s="8">
        <v>305100</v>
      </c>
      <c r="J35782" s="8">
        <v>1220400</v>
      </c>
      <c r="K35782" s="9"/>
      <c r="L35782" s="6"/>
    </row>
    <row r="35783" spans="1:12">
      <c r="A35783" s="6" t="s">
        <v>35754</v>
      </c>
      <c r="B35783" s="6"/>
      <c r="C35783" s="6" t="s">
        <v>32230</v>
      </c>
      <c r="D35783" s="6"/>
      <c r="E35783" s="6" t="s">
        <v>9</v>
      </c>
      <c r="F35783" s="7">
        <v>40994</v>
      </c>
      <c r="G35783" s="8">
        <v>2883600</v>
      </c>
      <c r="H35783" s="8">
        <v>2364552</v>
      </c>
      <c r="I35783" s="8">
        <v>576720</v>
      </c>
      <c r="J35783" s="8">
        <v>2306880</v>
      </c>
      <c r="K35783" s="9"/>
      <c r="L35783" s="6"/>
    </row>
    <row r="35784" spans="1:12">
      <c r="A35784" s="6" t="s">
        <v>35755</v>
      </c>
      <c r="B35784" s="6"/>
      <c r="C35784" s="6" t="s">
        <v>32230</v>
      </c>
      <c r="D35784" s="6"/>
      <c r="E35784" s="6" t="s">
        <v>9</v>
      </c>
      <c r="F35784" s="7">
        <v>40994</v>
      </c>
      <c r="G35784" s="8">
        <v>3048300</v>
      </c>
      <c r="H35784" s="8">
        <v>2499606</v>
      </c>
      <c r="I35784" s="8">
        <v>609660</v>
      </c>
      <c r="J35784" s="8">
        <v>2438640</v>
      </c>
      <c r="K35784" s="9"/>
      <c r="L35784" s="6"/>
    </row>
    <row r="35785" spans="1:12">
      <c r="A35785" s="6" t="s">
        <v>35756</v>
      </c>
      <c r="B35785" s="6"/>
      <c r="C35785" s="6" t="s">
        <v>32230</v>
      </c>
      <c r="D35785" s="6"/>
      <c r="E35785" s="6" t="s">
        <v>9</v>
      </c>
      <c r="F35785" s="7">
        <v>40994</v>
      </c>
      <c r="G35785" s="8">
        <v>3118500</v>
      </c>
      <c r="H35785" s="8">
        <v>2557170</v>
      </c>
      <c r="I35785" s="8">
        <v>623700</v>
      </c>
      <c r="J35785" s="8">
        <v>2494800</v>
      </c>
      <c r="K35785" s="9"/>
      <c r="L35785" s="6"/>
    </row>
    <row r="35786" spans="1:12">
      <c r="A35786" s="6" t="s">
        <v>35757</v>
      </c>
      <c r="B35786" s="6"/>
      <c r="C35786" s="6" t="s">
        <v>32230</v>
      </c>
      <c r="D35786" s="6"/>
      <c r="E35786" s="6"/>
      <c r="F35786" s="7"/>
      <c r="G35786" s="8">
        <v>1566000</v>
      </c>
      <c r="H35786" s="8">
        <v>1472040</v>
      </c>
      <c r="I35786" s="8">
        <v>125280</v>
      </c>
      <c r="J35786" s="8">
        <v>1440720</v>
      </c>
      <c r="K35786" s="9"/>
      <c r="L35786" s="6"/>
    </row>
    <row r="35787" spans="1:12">
      <c r="A35787" s="6" t="s">
        <v>35757</v>
      </c>
      <c r="B35787" s="6"/>
      <c r="C35787" s="6" t="s">
        <v>32230</v>
      </c>
      <c r="D35787" s="6"/>
      <c r="E35787" s="6" t="s">
        <v>9</v>
      </c>
      <c r="F35787" s="7">
        <v>40994</v>
      </c>
      <c r="G35787" s="8">
        <v>3703100</v>
      </c>
      <c r="H35787" s="8">
        <v>3036542</v>
      </c>
      <c r="I35787" s="8">
        <v>740620</v>
      </c>
      <c r="J35787" s="8">
        <v>2962480</v>
      </c>
      <c r="K35787" s="9"/>
      <c r="L35787" s="6"/>
    </row>
    <row r="35788" spans="1:12">
      <c r="A35788" s="6" t="s">
        <v>35757</v>
      </c>
      <c r="B35788" s="6"/>
      <c r="C35788" s="6" t="s">
        <v>32230</v>
      </c>
      <c r="D35788" s="6"/>
      <c r="E35788" s="6"/>
      <c r="F35788" s="7">
        <v>43922</v>
      </c>
      <c r="G35788" s="8">
        <v>649000</v>
      </c>
      <c r="H35788" s="8">
        <v>649000</v>
      </c>
      <c r="I35788" s="8">
        <v>12980</v>
      </c>
      <c r="J35788" s="8">
        <v>636020</v>
      </c>
      <c r="K35788" s="9"/>
      <c r="L35788" s="6"/>
    </row>
    <row r="35789" spans="1:12">
      <c r="A35789" s="6" t="s">
        <v>35758</v>
      </c>
      <c r="B35789" s="6"/>
      <c r="C35789" s="6" t="s">
        <v>32230</v>
      </c>
      <c r="D35789" s="6"/>
      <c r="E35789" s="6" t="s">
        <v>9</v>
      </c>
      <c r="F35789" s="7">
        <v>41360</v>
      </c>
      <c r="G35789" s="8">
        <v>7622100</v>
      </c>
      <c r="H35789" s="8">
        <v>6402564</v>
      </c>
      <c r="I35789" s="8">
        <v>1371978</v>
      </c>
      <c r="J35789" s="8">
        <v>6250122</v>
      </c>
      <c r="K35789" s="9"/>
      <c r="L35789" s="6"/>
    </row>
    <row r="35790" spans="1:12">
      <c r="A35790" s="6" t="s">
        <v>35759</v>
      </c>
      <c r="B35790" s="6"/>
      <c r="C35790" s="6" t="s">
        <v>32230</v>
      </c>
      <c r="D35790" s="6"/>
      <c r="E35790" s="6" t="s">
        <v>9</v>
      </c>
      <c r="F35790" s="7">
        <v>41360</v>
      </c>
      <c r="G35790" s="8">
        <v>1578900</v>
      </c>
      <c r="H35790" s="8">
        <v>1326276</v>
      </c>
      <c r="I35790" s="8">
        <v>284202</v>
      </c>
      <c r="J35790" s="8">
        <v>1294698</v>
      </c>
      <c r="K35790" s="9"/>
      <c r="L35790" s="6"/>
    </row>
    <row r="35791" spans="1:12">
      <c r="A35791" s="6" t="s">
        <v>35760</v>
      </c>
      <c r="B35791" s="6"/>
      <c r="C35791" s="6" t="s">
        <v>32230</v>
      </c>
      <c r="D35791" s="6"/>
      <c r="E35791" s="6" t="s">
        <v>9</v>
      </c>
      <c r="F35791" s="7">
        <v>42333</v>
      </c>
      <c r="G35791" s="8">
        <v>2780000</v>
      </c>
      <c r="H35791" s="8">
        <v>2502000</v>
      </c>
      <c r="I35791" s="8">
        <v>333600</v>
      </c>
      <c r="J35791" s="8">
        <v>2446400</v>
      </c>
      <c r="K35791" s="9"/>
      <c r="L35791" s="6"/>
    </row>
    <row r="35792" spans="1:12">
      <c r="A35792" s="6" t="s">
        <v>35761</v>
      </c>
      <c r="B35792" s="6"/>
      <c r="C35792" s="6" t="s">
        <v>32230</v>
      </c>
      <c r="D35792" s="6"/>
      <c r="E35792" s="6" t="s">
        <v>9</v>
      </c>
      <c r="F35792" s="7">
        <v>42510</v>
      </c>
      <c r="G35792" s="8">
        <v>1055160</v>
      </c>
      <c r="H35792" s="8">
        <v>970748</v>
      </c>
      <c r="I35792" s="8">
        <v>105515</v>
      </c>
      <c r="J35792" s="8">
        <v>949645</v>
      </c>
      <c r="K35792" s="9"/>
      <c r="L35792" s="6"/>
    </row>
    <row r="35793" spans="1:12">
      <c r="A35793" s="6" t="s">
        <v>35762</v>
      </c>
      <c r="B35793" s="6"/>
      <c r="C35793" s="6" t="s">
        <v>32230</v>
      </c>
      <c r="D35793" s="6"/>
      <c r="E35793" s="6" t="s">
        <v>9</v>
      </c>
      <c r="F35793" s="7">
        <v>42551</v>
      </c>
      <c r="G35793" s="8">
        <v>4512240</v>
      </c>
      <c r="H35793" s="8">
        <v>4151264</v>
      </c>
      <c r="I35793" s="8">
        <v>451220</v>
      </c>
      <c r="J35793" s="8">
        <v>4061020</v>
      </c>
      <c r="K35793" s="9"/>
      <c r="L35793" s="6"/>
    </row>
    <row r="35794" spans="1:12">
      <c r="A35794" s="6" t="s">
        <v>35763</v>
      </c>
      <c r="B35794" s="6"/>
      <c r="C35794" s="6" t="s">
        <v>32230</v>
      </c>
      <c r="D35794" s="6"/>
      <c r="E35794" s="6" t="s">
        <v>9</v>
      </c>
      <c r="F35794" s="7">
        <v>41360</v>
      </c>
      <c r="G35794" s="8">
        <v>3469500</v>
      </c>
      <c r="H35794" s="8">
        <v>2914380</v>
      </c>
      <c r="I35794" s="8">
        <v>624510</v>
      </c>
      <c r="J35794" s="8">
        <v>2844990</v>
      </c>
      <c r="K35794" s="9"/>
      <c r="L35794" s="6"/>
    </row>
    <row r="35795" spans="1:12">
      <c r="A35795" s="6" t="s">
        <v>35764</v>
      </c>
      <c r="B35795" s="6"/>
      <c r="C35795" s="6" t="s">
        <v>32230</v>
      </c>
      <c r="D35795" s="6"/>
      <c r="E35795" s="6" t="s">
        <v>9</v>
      </c>
      <c r="F35795" s="7">
        <v>41726</v>
      </c>
      <c r="G35795" s="8">
        <v>5551800</v>
      </c>
      <c r="H35795" s="8">
        <v>4774548</v>
      </c>
      <c r="I35795" s="8">
        <v>888288</v>
      </c>
      <c r="J35795" s="8">
        <v>4663512</v>
      </c>
      <c r="K35795" s="9"/>
      <c r="L35795" s="6"/>
    </row>
    <row r="35796" spans="1:12">
      <c r="A35796" s="6" t="s">
        <v>35765</v>
      </c>
      <c r="B35796" s="6"/>
      <c r="C35796" s="6" t="s">
        <v>32230</v>
      </c>
      <c r="D35796" s="6"/>
      <c r="E35796" s="6" t="s">
        <v>9</v>
      </c>
      <c r="F35796" s="7">
        <v>41726</v>
      </c>
      <c r="G35796" s="8">
        <v>3296700</v>
      </c>
      <c r="H35796" s="8">
        <v>2835162</v>
      </c>
      <c r="I35796" s="8">
        <v>527472</v>
      </c>
      <c r="J35796" s="8">
        <v>2769228</v>
      </c>
      <c r="K35796" s="9"/>
      <c r="L35796" s="6"/>
    </row>
    <row r="35797" spans="1:12">
      <c r="A35797" s="6" t="s">
        <v>35766</v>
      </c>
      <c r="B35797" s="6"/>
      <c r="C35797" s="6" t="s">
        <v>32230</v>
      </c>
      <c r="D35797" s="6"/>
      <c r="E35797" s="6"/>
      <c r="F35797" s="7">
        <v>43556</v>
      </c>
      <c r="G35797" s="8">
        <v>11982120</v>
      </c>
      <c r="H35797" s="8">
        <v>11742478</v>
      </c>
      <c r="I35797" s="8">
        <v>479284</v>
      </c>
      <c r="J35797" s="8">
        <v>11502836</v>
      </c>
      <c r="K35797" s="9"/>
      <c r="L35797" s="6"/>
    </row>
    <row r="35798" spans="1:12">
      <c r="A35798" s="6" t="s">
        <v>35766</v>
      </c>
      <c r="B35798" s="6"/>
      <c r="C35798" s="6" t="s">
        <v>32230</v>
      </c>
      <c r="D35798" s="6"/>
      <c r="E35798" s="6" t="s">
        <v>9</v>
      </c>
      <c r="F35798" s="7">
        <v>42090</v>
      </c>
      <c r="G35798" s="8">
        <v>3485700</v>
      </c>
      <c r="H35798" s="8">
        <v>3067416</v>
      </c>
      <c r="I35798" s="8">
        <v>487998</v>
      </c>
      <c r="J35798" s="8">
        <v>2997702</v>
      </c>
      <c r="K35798" s="9"/>
      <c r="L35798" s="6"/>
    </row>
    <row r="35799" spans="1:12">
      <c r="A35799" s="6" t="s">
        <v>35767</v>
      </c>
      <c r="B35799" s="6"/>
      <c r="C35799" s="6" t="s">
        <v>32230</v>
      </c>
      <c r="D35799" s="6"/>
      <c r="E35799" s="6" t="s">
        <v>9</v>
      </c>
      <c r="F35799" s="7">
        <v>42090</v>
      </c>
      <c r="G35799" s="8">
        <v>57785400</v>
      </c>
      <c r="H35799" s="8">
        <v>50851152</v>
      </c>
      <c r="I35799" s="8">
        <v>8089956</v>
      </c>
      <c r="J35799" s="8">
        <v>49695444</v>
      </c>
      <c r="K35799" s="9"/>
      <c r="L35799" s="6"/>
    </row>
    <row r="35800" spans="1:12">
      <c r="A35800" s="6" t="s">
        <v>35768</v>
      </c>
      <c r="B35800" s="6"/>
      <c r="C35800" s="6" t="s">
        <v>32230</v>
      </c>
      <c r="D35800" s="6"/>
      <c r="E35800" s="6" t="s">
        <v>9</v>
      </c>
      <c r="F35800" s="7">
        <v>42090</v>
      </c>
      <c r="G35800" s="8">
        <v>3483000</v>
      </c>
      <c r="H35800" s="8">
        <v>3065040</v>
      </c>
      <c r="I35800" s="8">
        <v>487620</v>
      </c>
      <c r="J35800" s="8">
        <v>2995380</v>
      </c>
      <c r="K35800" s="9"/>
      <c r="L35800" s="6"/>
    </row>
    <row r="35801" spans="1:12">
      <c r="A35801" s="6" t="s">
        <v>35769</v>
      </c>
      <c r="B35801" s="6"/>
      <c r="C35801" s="6" t="s">
        <v>32230</v>
      </c>
      <c r="D35801" s="6"/>
      <c r="E35801" s="6" t="s">
        <v>9</v>
      </c>
      <c r="F35801" s="7">
        <v>41843</v>
      </c>
      <c r="G35801" s="8">
        <v>3912300</v>
      </c>
      <c r="H35801" s="8">
        <v>3442824</v>
      </c>
      <c r="I35801" s="8">
        <v>547722</v>
      </c>
      <c r="J35801" s="8">
        <v>3364578</v>
      </c>
      <c r="K35801" s="9"/>
      <c r="L35801" s="6"/>
    </row>
    <row r="35802" spans="1:12">
      <c r="A35802" s="6" t="s">
        <v>35770</v>
      </c>
      <c r="B35802" s="6"/>
      <c r="C35802" s="6" t="s">
        <v>32230</v>
      </c>
      <c r="D35802" s="6"/>
      <c r="E35802" s="6" t="s">
        <v>9</v>
      </c>
      <c r="F35802" s="7">
        <v>42090</v>
      </c>
      <c r="G35802" s="8">
        <v>1269200</v>
      </c>
      <c r="H35802" s="8">
        <v>1116896</v>
      </c>
      <c r="I35802" s="8">
        <v>177688</v>
      </c>
      <c r="J35802" s="8">
        <v>1091512</v>
      </c>
      <c r="K35802" s="9"/>
      <c r="L35802" s="6"/>
    </row>
    <row r="35803" spans="1:12">
      <c r="A35803" s="6" t="s">
        <v>35771</v>
      </c>
      <c r="B35803" s="6"/>
      <c r="C35803" s="6" t="s">
        <v>32230</v>
      </c>
      <c r="D35803" s="6"/>
      <c r="E35803" s="6" t="s">
        <v>9</v>
      </c>
      <c r="F35803" s="7">
        <v>42636</v>
      </c>
      <c r="G35803" s="8">
        <v>1900800</v>
      </c>
      <c r="H35803" s="8">
        <v>1748736</v>
      </c>
      <c r="I35803" s="8">
        <v>190080</v>
      </c>
      <c r="J35803" s="8">
        <v>1710720</v>
      </c>
      <c r="K35803" s="9"/>
      <c r="L35803" s="6"/>
    </row>
    <row r="35804" spans="1:12">
      <c r="A35804" s="6" t="s">
        <v>35772</v>
      </c>
      <c r="B35804" s="6"/>
      <c r="C35804" s="6" t="s">
        <v>32230</v>
      </c>
      <c r="D35804" s="6"/>
      <c r="E35804" s="6" t="s">
        <v>9</v>
      </c>
      <c r="F35804" s="7">
        <v>41816</v>
      </c>
      <c r="G35804" s="8">
        <v>12654000</v>
      </c>
      <c r="H35804" s="8">
        <v>11135520</v>
      </c>
      <c r="I35804" s="8">
        <v>1771560</v>
      </c>
      <c r="J35804" s="8">
        <v>10882440</v>
      </c>
      <c r="K35804" s="9"/>
      <c r="L35804" s="6"/>
    </row>
    <row r="35805" spans="1:12">
      <c r="A35805" s="6" t="s">
        <v>35773</v>
      </c>
      <c r="B35805" s="6"/>
      <c r="C35805" s="6" t="s">
        <v>32230</v>
      </c>
      <c r="D35805" s="6"/>
      <c r="E35805" s="6" t="s">
        <v>9</v>
      </c>
      <c r="F35805" s="7">
        <v>41816</v>
      </c>
      <c r="G35805" s="8">
        <v>1520000</v>
      </c>
      <c r="H35805" s="8">
        <v>1337600</v>
      </c>
      <c r="I35805" s="8">
        <v>212800</v>
      </c>
      <c r="J35805" s="8">
        <v>1307200</v>
      </c>
      <c r="K35805" s="9"/>
      <c r="L35805" s="6"/>
    </row>
    <row r="35806" spans="1:12">
      <c r="A35806" s="6" t="s">
        <v>35774</v>
      </c>
      <c r="B35806" s="6"/>
      <c r="C35806" s="6" t="s">
        <v>32230</v>
      </c>
      <c r="D35806" s="6"/>
      <c r="E35806" s="6" t="s">
        <v>9</v>
      </c>
      <c r="F35806" s="7">
        <v>41816</v>
      </c>
      <c r="G35806" s="8">
        <v>7144000</v>
      </c>
      <c r="H35806" s="8">
        <v>6286720</v>
      </c>
      <c r="I35806" s="8">
        <v>1000160</v>
      </c>
      <c r="J35806" s="8">
        <v>6143840</v>
      </c>
      <c r="K35806" s="9"/>
      <c r="L35806" s="6"/>
    </row>
    <row r="35807" spans="1:12">
      <c r="A35807" s="6" t="s">
        <v>35775</v>
      </c>
      <c r="B35807" s="6"/>
      <c r="C35807" s="6" t="s">
        <v>32230</v>
      </c>
      <c r="D35807" s="6"/>
      <c r="E35807" s="6" t="s">
        <v>9</v>
      </c>
      <c r="F35807" s="7">
        <v>42320</v>
      </c>
      <c r="G35807" s="8">
        <v>32369480</v>
      </c>
      <c r="H35807" s="8">
        <v>29132535</v>
      </c>
      <c r="I35807" s="8">
        <v>3884334</v>
      </c>
      <c r="J35807" s="8">
        <v>28485146</v>
      </c>
      <c r="K35807" s="9"/>
      <c r="L35807" s="6"/>
    </row>
    <row r="35808" spans="1:12">
      <c r="A35808" s="6" t="s">
        <v>35776</v>
      </c>
      <c r="B35808" s="6"/>
      <c r="C35808" s="6" t="s">
        <v>32230</v>
      </c>
      <c r="D35808" s="6"/>
      <c r="E35808" s="6" t="s">
        <v>9</v>
      </c>
      <c r="F35808" s="7">
        <v>41843</v>
      </c>
      <c r="G35808" s="8">
        <v>18289800</v>
      </c>
      <c r="H35808" s="8">
        <v>16095024</v>
      </c>
      <c r="I35808" s="8">
        <v>2560572</v>
      </c>
      <c r="J35808" s="8">
        <v>15729228</v>
      </c>
      <c r="K35808" s="9"/>
      <c r="L35808" s="6"/>
    </row>
    <row r="35809" spans="1:12">
      <c r="A35809" s="6" t="s">
        <v>35777</v>
      </c>
      <c r="B35809" s="6"/>
      <c r="C35809" s="6" t="s">
        <v>32230</v>
      </c>
      <c r="D35809" s="6"/>
      <c r="E35809" s="6" t="s">
        <v>9</v>
      </c>
      <c r="F35809" s="7">
        <v>41843</v>
      </c>
      <c r="G35809" s="8">
        <v>2511000</v>
      </c>
      <c r="H35809" s="8">
        <v>2209680</v>
      </c>
      <c r="I35809" s="8">
        <v>351540</v>
      </c>
      <c r="J35809" s="8">
        <v>2159460</v>
      </c>
      <c r="K35809" s="9"/>
      <c r="L35809" s="6"/>
    </row>
    <row r="35810" spans="1:12">
      <c r="A35810" s="6" t="s">
        <v>35778</v>
      </c>
      <c r="B35810" s="6"/>
      <c r="C35810" s="6" t="s">
        <v>32230</v>
      </c>
      <c r="D35810" s="6"/>
      <c r="E35810" s="6"/>
      <c r="F35810" s="7">
        <v>43191</v>
      </c>
      <c r="G35810" s="8">
        <v>475200</v>
      </c>
      <c r="H35810" s="8">
        <v>456192</v>
      </c>
      <c r="I35810" s="8">
        <v>28512</v>
      </c>
      <c r="J35810" s="8">
        <v>446688</v>
      </c>
      <c r="K35810" s="9"/>
      <c r="L35810" s="6"/>
    </row>
    <row r="35811" spans="1:12">
      <c r="A35811" s="6" t="s">
        <v>35778</v>
      </c>
      <c r="B35811" s="6"/>
      <c r="C35811" s="6" t="s">
        <v>32230</v>
      </c>
      <c r="D35811" s="6"/>
      <c r="E35811" s="6" t="s">
        <v>9</v>
      </c>
      <c r="F35811" s="7">
        <v>30394</v>
      </c>
      <c r="G35811" s="8">
        <v>19853100</v>
      </c>
      <c r="H35811" s="8">
        <v>4764744</v>
      </c>
      <c r="I35811" s="8">
        <v>15485418</v>
      </c>
      <c r="J35811" s="8">
        <v>4367682</v>
      </c>
      <c r="K35811" s="9"/>
      <c r="L35811" s="6"/>
    </row>
    <row r="35812" spans="1:12">
      <c r="A35812" s="6" t="s">
        <v>35778</v>
      </c>
      <c r="B35812" s="6"/>
      <c r="C35812" s="6" t="s">
        <v>32230</v>
      </c>
      <c r="D35812" s="6"/>
      <c r="E35812" s="6"/>
      <c r="F35812" s="7">
        <v>42826</v>
      </c>
      <c r="G35812" s="8">
        <v>55461240</v>
      </c>
      <c r="H35812" s="8">
        <v>52133568</v>
      </c>
      <c r="I35812" s="8">
        <v>4436896</v>
      </c>
      <c r="J35812" s="8">
        <v>51024344</v>
      </c>
      <c r="K35812" s="9"/>
      <c r="L35812" s="6"/>
    </row>
    <row r="35813" spans="1:12">
      <c r="A35813" s="6" t="s">
        <v>33185</v>
      </c>
      <c r="B35813" s="6"/>
      <c r="C35813" s="6" t="s">
        <v>32230</v>
      </c>
      <c r="D35813" s="6"/>
      <c r="E35813" s="6" t="s">
        <v>9</v>
      </c>
      <c r="F35813" s="7"/>
      <c r="G35813" s="8">
        <v>1</v>
      </c>
      <c r="H35813" s="8">
        <v>1</v>
      </c>
      <c r="I35813" s="8">
        <v>0</v>
      </c>
      <c r="J35813" s="8">
        <v>1</v>
      </c>
      <c r="K35813" s="9"/>
      <c r="L35813" s="6"/>
    </row>
    <row r="35814" spans="1:12">
      <c r="A35814" s="6" t="s">
        <v>35779</v>
      </c>
      <c r="B35814" s="6"/>
      <c r="C35814" s="6" t="s">
        <v>32230</v>
      </c>
      <c r="D35814" s="6"/>
      <c r="E35814" s="6" t="s">
        <v>9</v>
      </c>
      <c r="F35814" s="7">
        <v>42713</v>
      </c>
      <c r="G35814" s="8">
        <v>4968000</v>
      </c>
      <c r="H35814" s="8">
        <v>2980800</v>
      </c>
      <c r="I35814" s="8">
        <v>2484000</v>
      </c>
      <c r="J35814" s="8">
        <v>2484000</v>
      </c>
      <c r="K35814" s="9"/>
      <c r="L35814" s="6"/>
    </row>
    <row r="35815" spans="1:12">
      <c r="A35815" s="6" t="s">
        <v>35780</v>
      </c>
      <c r="B35815" s="6"/>
      <c r="C35815" s="6" t="s">
        <v>32230</v>
      </c>
      <c r="D35815" s="6"/>
      <c r="E35815" s="6"/>
      <c r="F35815" s="7">
        <v>43556</v>
      </c>
      <c r="G35815" s="8">
        <v>1274400</v>
      </c>
      <c r="H35815" s="8">
        <v>1248912</v>
      </c>
      <c r="I35815" s="8">
        <v>50976</v>
      </c>
      <c r="J35815" s="8">
        <v>1223424</v>
      </c>
      <c r="K35815" s="9"/>
      <c r="L35815" s="6"/>
    </row>
    <row r="35816" spans="1:12">
      <c r="A35816" s="6" t="s">
        <v>35780</v>
      </c>
      <c r="B35816" s="6"/>
      <c r="C35816" s="6" t="s">
        <v>32230</v>
      </c>
      <c r="D35816" s="6"/>
      <c r="E35816" s="6"/>
      <c r="F35816" s="7">
        <v>43922</v>
      </c>
      <c r="G35816" s="8">
        <v>20029900</v>
      </c>
      <c r="H35816" s="8">
        <v>20029900</v>
      </c>
      <c r="I35816" s="8">
        <v>400598</v>
      </c>
      <c r="J35816" s="8">
        <v>19629302</v>
      </c>
      <c r="K35816" s="9"/>
      <c r="L35816" s="6"/>
    </row>
    <row r="35817" spans="1:12">
      <c r="A35817" s="6" t="s">
        <v>35780</v>
      </c>
      <c r="B35817" s="6"/>
      <c r="C35817" s="6" t="s">
        <v>32230</v>
      </c>
      <c r="D35817" s="6"/>
      <c r="E35817" s="6"/>
      <c r="F35817" s="7">
        <v>42826</v>
      </c>
      <c r="G35817" s="8">
        <v>356400</v>
      </c>
      <c r="H35817" s="8">
        <v>335016</v>
      </c>
      <c r="I35817" s="8">
        <v>28512</v>
      </c>
      <c r="J35817" s="8">
        <v>327888</v>
      </c>
      <c r="K35817" s="9"/>
      <c r="L35817" s="6"/>
    </row>
    <row r="35818" spans="1:12">
      <c r="A35818" s="6" t="s">
        <v>35780</v>
      </c>
      <c r="B35818" s="6"/>
      <c r="C35818" s="6" t="s">
        <v>32230</v>
      </c>
      <c r="D35818" s="6"/>
      <c r="E35818" s="6"/>
      <c r="F35818" s="7">
        <v>43556</v>
      </c>
      <c r="G35818" s="8">
        <v>605000</v>
      </c>
      <c r="H35818" s="8">
        <v>592900</v>
      </c>
      <c r="I35818" s="8">
        <v>24200</v>
      </c>
      <c r="J35818" s="8">
        <v>580800</v>
      </c>
      <c r="K35818" s="9"/>
      <c r="L35818" s="6"/>
    </row>
    <row r="35819" spans="1:12">
      <c r="A35819" s="6" t="s">
        <v>35780</v>
      </c>
      <c r="B35819" s="6"/>
      <c r="C35819" s="6" t="s">
        <v>32230</v>
      </c>
      <c r="D35819" s="6"/>
      <c r="E35819" s="6" t="s">
        <v>9</v>
      </c>
      <c r="F35819" s="7">
        <v>39169</v>
      </c>
      <c r="G35819" s="8">
        <v>857292800</v>
      </c>
      <c r="H35819" s="8">
        <v>617250816</v>
      </c>
      <c r="I35819" s="8">
        <v>257187840</v>
      </c>
      <c r="J35819" s="8">
        <v>600104960</v>
      </c>
      <c r="K35819" s="9"/>
      <c r="L35819" s="6"/>
    </row>
    <row r="35820" spans="1:12">
      <c r="A35820" s="6" t="s">
        <v>35781</v>
      </c>
      <c r="B35820" s="6"/>
      <c r="C35820" s="6" t="s">
        <v>32230</v>
      </c>
      <c r="D35820" s="6"/>
      <c r="E35820" s="6" t="s">
        <v>9</v>
      </c>
      <c r="F35820" s="7">
        <v>42277</v>
      </c>
      <c r="G35820" s="8">
        <v>1296000</v>
      </c>
      <c r="H35820" s="8">
        <v>1166400</v>
      </c>
      <c r="I35820" s="8">
        <v>155520</v>
      </c>
      <c r="J35820" s="8">
        <v>1140480</v>
      </c>
      <c r="K35820" s="9"/>
      <c r="L35820" s="6"/>
    </row>
    <row r="35821" spans="1:12">
      <c r="A35821" s="6" t="s">
        <v>35782</v>
      </c>
      <c r="B35821" s="6"/>
      <c r="C35821" s="6" t="s">
        <v>32230</v>
      </c>
      <c r="D35821" s="6"/>
      <c r="E35821" s="6" t="s">
        <v>9</v>
      </c>
      <c r="F35821" s="7">
        <v>42206</v>
      </c>
      <c r="G35821" s="8">
        <v>972000</v>
      </c>
      <c r="H35821" s="8">
        <v>874800</v>
      </c>
      <c r="I35821" s="8">
        <v>116640</v>
      </c>
      <c r="J35821" s="8">
        <v>855360</v>
      </c>
      <c r="K35821" s="9"/>
      <c r="L35821" s="6"/>
    </row>
    <row r="35822" spans="1:12">
      <c r="A35822" s="6" t="s">
        <v>35783</v>
      </c>
      <c r="B35822" s="6"/>
      <c r="C35822" s="6" t="s">
        <v>32230</v>
      </c>
      <c r="D35822" s="6"/>
      <c r="E35822" s="6" t="s">
        <v>9</v>
      </c>
      <c r="F35822" s="7">
        <v>42398</v>
      </c>
      <c r="G35822" s="8">
        <v>23034240</v>
      </c>
      <c r="H35822" s="8">
        <v>20730820</v>
      </c>
      <c r="I35822" s="8">
        <v>2764104</v>
      </c>
      <c r="J35822" s="8">
        <v>20270136</v>
      </c>
      <c r="K35822" s="9"/>
      <c r="L35822" s="6"/>
    </row>
    <row r="35823" spans="1:12">
      <c r="A35823" s="6" t="s">
        <v>35784</v>
      </c>
      <c r="B35823" s="6"/>
      <c r="C35823" s="6" t="s">
        <v>32230</v>
      </c>
      <c r="D35823" s="6"/>
      <c r="E35823" s="6" t="s">
        <v>9</v>
      </c>
      <c r="F35823" s="7">
        <v>42753</v>
      </c>
      <c r="G35823" s="8">
        <v>14796000</v>
      </c>
      <c r="H35823" s="8">
        <v>13612320</v>
      </c>
      <c r="I35823" s="8">
        <v>1479600</v>
      </c>
      <c r="J35823" s="8">
        <v>13316400</v>
      </c>
      <c r="K35823" s="9"/>
      <c r="L35823" s="6"/>
    </row>
    <row r="35824" spans="1:12">
      <c r="A35824" s="6" t="s">
        <v>35785</v>
      </c>
      <c r="B35824" s="6"/>
      <c r="C35824" s="6" t="s">
        <v>32230</v>
      </c>
      <c r="D35824" s="6"/>
      <c r="E35824" s="6" t="s">
        <v>9</v>
      </c>
      <c r="F35824" s="7">
        <v>42818</v>
      </c>
      <c r="G35824" s="8">
        <v>4849200</v>
      </c>
      <c r="H35824" s="8">
        <v>4461264</v>
      </c>
      <c r="I35824" s="8">
        <v>484920</v>
      </c>
      <c r="J35824" s="8">
        <v>4364280</v>
      </c>
      <c r="K35824" s="9"/>
      <c r="L35824" s="6"/>
    </row>
    <row r="35825" spans="1:12">
      <c r="A35825" s="6" t="s">
        <v>35786</v>
      </c>
      <c r="B35825" s="6"/>
      <c r="C35825" s="6" t="s">
        <v>32230</v>
      </c>
      <c r="D35825" s="6"/>
      <c r="E35825" s="6" t="s">
        <v>9</v>
      </c>
      <c r="F35825" s="7">
        <v>42601</v>
      </c>
      <c r="G35825" s="8">
        <v>313200</v>
      </c>
      <c r="H35825" s="8">
        <v>187920</v>
      </c>
      <c r="I35825" s="8">
        <v>156600</v>
      </c>
      <c r="J35825" s="8">
        <v>156600</v>
      </c>
      <c r="K35825" s="9"/>
      <c r="L35825" s="6"/>
    </row>
    <row r="35826" spans="1:12">
      <c r="A35826" s="6" t="s">
        <v>35787</v>
      </c>
      <c r="B35826" s="6"/>
      <c r="C35826" s="6" t="s">
        <v>32230</v>
      </c>
      <c r="D35826" s="6"/>
      <c r="E35826" s="6" t="s">
        <v>9</v>
      </c>
      <c r="F35826" s="7">
        <v>43024</v>
      </c>
      <c r="G35826" s="8">
        <v>25846560</v>
      </c>
      <c r="H35826" s="8">
        <v>24295767</v>
      </c>
      <c r="I35826" s="8">
        <v>2067724</v>
      </c>
      <c r="J35826" s="8">
        <v>23778836</v>
      </c>
      <c r="K35826" s="9"/>
      <c r="L35826" s="6"/>
    </row>
    <row r="35827" spans="1:12">
      <c r="A35827" s="6" t="s">
        <v>35788</v>
      </c>
      <c r="B35827" s="6"/>
      <c r="C35827" s="6" t="s">
        <v>32230</v>
      </c>
      <c r="D35827" s="6"/>
      <c r="E35827" s="6" t="s">
        <v>9</v>
      </c>
      <c r="F35827" s="7">
        <v>43074</v>
      </c>
      <c r="G35827" s="8">
        <v>1015200</v>
      </c>
      <c r="H35827" s="8">
        <v>710640</v>
      </c>
      <c r="I35827" s="8">
        <v>406080</v>
      </c>
      <c r="J35827" s="8">
        <v>609120</v>
      </c>
      <c r="K35827" s="9"/>
      <c r="L35827" s="6"/>
    </row>
    <row r="35828" spans="1:12">
      <c r="A35828" s="6" t="s">
        <v>35789</v>
      </c>
      <c r="B35828" s="6"/>
      <c r="C35828" s="6" t="s">
        <v>32230</v>
      </c>
      <c r="D35828" s="6"/>
      <c r="E35828" s="6" t="s">
        <v>9</v>
      </c>
      <c r="F35828" s="7">
        <v>43190</v>
      </c>
      <c r="G35828" s="8">
        <v>56644920</v>
      </c>
      <c r="H35828" s="8">
        <v>53246226</v>
      </c>
      <c r="I35828" s="8">
        <v>4531592</v>
      </c>
      <c r="J35828" s="8">
        <v>52113328</v>
      </c>
      <c r="K35828" s="9"/>
      <c r="L35828" s="6"/>
    </row>
    <row r="35829" spans="1:12">
      <c r="A35829" s="6" t="s">
        <v>35790</v>
      </c>
      <c r="B35829" s="6"/>
      <c r="C35829" s="6" t="s">
        <v>32230</v>
      </c>
      <c r="D35829" s="6"/>
      <c r="E35829" s="6" t="s">
        <v>9</v>
      </c>
      <c r="F35829" s="7">
        <v>43190</v>
      </c>
      <c r="G35829" s="8">
        <v>99360</v>
      </c>
      <c r="H35829" s="8">
        <v>69552</v>
      </c>
      <c r="I35829" s="8">
        <v>39744</v>
      </c>
      <c r="J35829" s="8">
        <v>59616</v>
      </c>
      <c r="K35829" s="9"/>
      <c r="L35829" s="6"/>
    </row>
    <row r="35830" spans="1:12">
      <c r="A35830" s="6" t="s">
        <v>35791</v>
      </c>
      <c r="B35830" s="6"/>
      <c r="C35830" s="6" t="s">
        <v>32230</v>
      </c>
      <c r="D35830" s="6"/>
      <c r="E35830" s="6" t="s">
        <v>9</v>
      </c>
      <c r="F35830" s="7">
        <v>33756</v>
      </c>
      <c r="G35830" s="8">
        <v>421512000</v>
      </c>
      <c r="H35830" s="8">
        <v>220872288</v>
      </c>
      <c r="I35830" s="8">
        <v>207805416</v>
      </c>
      <c r="J35830" s="8">
        <v>213706584</v>
      </c>
      <c r="K35830" s="9"/>
      <c r="L35830" s="6"/>
    </row>
    <row r="35831" spans="1:12">
      <c r="A35831" s="6" t="s">
        <v>35792</v>
      </c>
      <c r="B35831" s="6"/>
      <c r="C35831" s="6" t="s">
        <v>32230</v>
      </c>
      <c r="D35831" s="6"/>
      <c r="E35831" s="6" t="s">
        <v>9</v>
      </c>
      <c r="F35831" s="7">
        <v>44286</v>
      </c>
      <c r="G35831" s="8">
        <v>2488200</v>
      </c>
      <c r="H35831" s="8">
        <v>2488200</v>
      </c>
      <c r="I35831" s="8">
        <v>49764</v>
      </c>
      <c r="J35831" s="8">
        <v>2438436</v>
      </c>
      <c r="K35831" s="9"/>
      <c r="L35831" s="6"/>
    </row>
    <row r="35832" spans="1:12">
      <c r="A35832" s="6" t="s">
        <v>33185</v>
      </c>
      <c r="B35832" s="6"/>
      <c r="C35832" s="6" t="s">
        <v>32230</v>
      </c>
      <c r="D35832" s="6"/>
      <c r="E35832" s="6" t="s">
        <v>9</v>
      </c>
      <c r="F35832" s="7"/>
      <c r="G35832" s="8">
        <v>1</v>
      </c>
      <c r="H35832" s="8">
        <v>1</v>
      </c>
      <c r="I35832" s="8">
        <v>0</v>
      </c>
      <c r="J35832" s="8">
        <v>1</v>
      </c>
      <c r="K35832" s="9"/>
      <c r="L35832" s="6"/>
    </row>
    <row r="35833" spans="1:12">
      <c r="A35833" s="6" t="s">
        <v>33185</v>
      </c>
      <c r="B35833" s="6"/>
      <c r="C35833" s="6" t="s">
        <v>32230</v>
      </c>
      <c r="D35833" s="6"/>
      <c r="E35833" s="6" t="s">
        <v>9</v>
      </c>
      <c r="F35833" s="7"/>
      <c r="G35833" s="8">
        <v>1</v>
      </c>
      <c r="H35833" s="8">
        <v>1</v>
      </c>
      <c r="I35833" s="8">
        <v>0</v>
      </c>
      <c r="J35833" s="8">
        <v>1</v>
      </c>
      <c r="K35833" s="9"/>
      <c r="L35833" s="6"/>
    </row>
    <row r="35834" spans="1:12">
      <c r="A35834" s="6" t="s">
        <v>35793</v>
      </c>
      <c r="B35834" s="6"/>
      <c r="C35834" s="6" t="s">
        <v>32230</v>
      </c>
      <c r="D35834" s="6"/>
      <c r="E35834" s="6" t="s">
        <v>9</v>
      </c>
      <c r="F35834" s="7">
        <v>27120</v>
      </c>
      <c r="G35834" s="8">
        <v>76592880</v>
      </c>
      <c r="H35834" s="8">
        <v>16697292</v>
      </c>
      <c r="I35834" s="8">
        <v>61197666</v>
      </c>
      <c r="J35834" s="8">
        <v>15395214</v>
      </c>
      <c r="K35834" s="9"/>
      <c r="L35834" s="6"/>
    </row>
    <row r="35835" spans="1:12">
      <c r="A35835" s="6" t="s">
        <v>33185</v>
      </c>
      <c r="B35835" s="6"/>
      <c r="C35835" s="6" t="s">
        <v>32230</v>
      </c>
      <c r="D35835" s="6"/>
      <c r="E35835" s="6" t="s">
        <v>9</v>
      </c>
      <c r="F35835" s="7"/>
      <c r="G35835" s="8">
        <v>1</v>
      </c>
      <c r="H35835" s="8">
        <v>1</v>
      </c>
      <c r="I35835" s="8">
        <v>0</v>
      </c>
      <c r="J35835" s="8">
        <v>1</v>
      </c>
      <c r="K35835" s="9"/>
      <c r="L35835" s="6"/>
    </row>
    <row r="35836" spans="1:12">
      <c r="A35836" s="6" t="s">
        <v>33185</v>
      </c>
      <c r="B35836" s="6"/>
      <c r="C35836" s="6" t="s">
        <v>32230</v>
      </c>
      <c r="D35836" s="6"/>
      <c r="E35836" s="6" t="s">
        <v>9</v>
      </c>
      <c r="F35836" s="7"/>
      <c r="G35836" s="8">
        <v>1</v>
      </c>
      <c r="H35836" s="8">
        <v>1</v>
      </c>
      <c r="I35836" s="8">
        <v>0</v>
      </c>
      <c r="J35836" s="8">
        <v>1</v>
      </c>
      <c r="K35836" s="9"/>
      <c r="L35836" s="6"/>
    </row>
    <row r="35837" spans="1:12">
      <c r="A35837" s="6" t="s">
        <v>33185</v>
      </c>
      <c r="B35837" s="6"/>
      <c r="C35837" s="6" t="s">
        <v>32230</v>
      </c>
      <c r="D35837" s="6"/>
      <c r="E35837" s="6" t="s">
        <v>9</v>
      </c>
      <c r="F35837" s="7"/>
      <c r="G35837" s="8">
        <v>1</v>
      </c>
      <c r="H35837" s="8">
        <v>1</v>
      </c>
      <c r="I35837" s="8">
        <v>0</v>
      </c>
      <c r="J35837" s="8">
        <v>1</v>
      </c>
      <c r="K35837" s="9"/>
      <c r="L35837" s="6"/>
    </row>
    <row r="35838" spans="1:12">
      <c r="A35838" s="6" t="s">
        <v>33185</v>
      </c>
      <c r="B35838" s="6"/>
      <c r="C35838" s="6" t="s">
        <v>32230</v>
      </c>
      <c r="D35838" s="6"/>
      <c r="E35838" s="6" t="s">
        <v>9</v>
      </c>
      <c r="F35838" s="7"/>
      <c r="G35838" s="8">
        <v>1</v>
      </c>
      <c r="H35838" s="8">
        <v>1</v>
      </c>
      <c r="I35838" s="8">
        <v>0</v>
      </c>
      <c r="J35838" s="8">
        <v>1</v>
      </c>
      <c r="K35838" s="9"/>
      <c r="L35838" s="6"/>
    </row>
    <row r="35839" spans="1:12">
      <c r="A35839" s="6" t="s">
        <v>35794</v>
      </c>
      <c r="B35839" s="6"/>
      <c r="C35839" s="6" t="s">
        <v>32230</v>
      </c>
      <c r="D35839" s="6"/>
      <c r="E35839" s="6" t="s">
        <v>9</v>
      </c>
      <c r="F35839" s="7">
        <v>30394</v>
      </c>
      <c r="G35839" s="8">
        <v>39528000</v>
      </c>
      <c r="H35839" s="8">
        <v>9486720</v>
      </c>
      <c r="I35839" s="8">
        <v>30831840</v>
      </c>
      <c r="J35839" s="8">
        <v>8696160</v>
      </c>
      <c r="K35839" s="9"/>
      <c r="L35839" s="6"/>
    </row>
    <row r="35840" spans="1:12">
      <c r="A35840" s="6" t="s">
        <v>35795</v>
      </c>
      <c r="B35840" s="6"/>
      <c r="C35840" s="6" t="s">
        <v>32230</v>
      </c>
      <c r="D35840" s="6"/>
      <c r="E35840" s="6" t="s">
        <v>9</v>
      </c>
      <c r="F35840" s="7">
        <v>30394</v>
      </c>
      <c r="G35840" s="8">
        <v>370995200</v>
      </c>
      <c r="H35840" s="8">
        <v>89038848</v>
      </c>
      <c r="I35840" s="8">
        <v>289376256</v>
      </c>
      <c r="J35840" s="8">
        <v>81618944</v>
      </c>
      <c r="K35840" s="9"/>
      <c r="L35840" s="6"/>
    </row>
    <row r="35841" spans="1:12">
      <c r="A35841" s="6" t="s">
        <v>35796</v>
      </c>
      <c r="B35841" s="6"/>
      <c r="C35841" s="6" t="s">
        <v>32230</v>
      </c>
      <c r="D35841" s="6"/>
      <c r="E35841" s="6" t="s">
        <v>9</v>
      </c>
      <c r="F35841" s="7">
        <v>32203</v>
      </c>
      <c r="G35841" s="8">
        <v>1</v>
      </c>
      <c r="H35841" s="8">
        <v>1</v>
      </c>
      <c r="I35841" s="8">
        <v>0</v>
      </c>
      <c r="J35841" s="8">
        <v>1</v>
      </c>
      <c r="K35841" s="9"/>
      <c r="L35841" s="6"/>
    </row>
    <row r="35842" spans="1:12">
      <c r="A35842" s="6" t="s">
        <v>33185</v>
      </c>
      <c r="B35842" s="6"/>
      <c r="C35842" s="6" t="s">
        <v>32230</v>
      </c>
      <c r="D35842" s="6"/>
      <c r="E35842" s="6" t="s">
        <v>9</v>
      </c>
      <c r="F35842" s="7"/>
      <c r="G35842" s="8">
        <v>1</v>
      </c>
      <c r="H35842" s="8">
        <v>1</v>
      </c>
      <c r="I35842" s="8">
        <v>0</v>
      </c>
      <c r="J35842" s="8">
        <v>1</v>
      </c>
      <c r="K35842" s="9"/>
      <c r="L35842" s="6"/>
    </row>
    <row r="35843" spans="1:12">
      <c r="A35843" s="6" t="s">
        <v>33185</v>
      </c>
      <c r="B35843" s="6"/>
      <c r="C35843" s="6" t="s">
        <v>32230</v>
      </c>
      <c r="D35843" s="6"/>
      <c r="E35843" s="6" t="s">
        <v>9</v>
      </c>
      <c r="F35843" s="7"/>
      <c r="G35843" s="8">
        <v>1</v>
      </c>
      <c r="H35843" s="8">
        <v>1</v>
      </c>
      <c r="I35843" s="8">
        <v>0</v>
      </c>
      <c r="J35843" s="8">
        <v>1</v>
      </c>
      <c r="K35843" s="9"/>
      <c r="L35843" s="6"/>
    </row>
    <row r="35844" spans="1:12">
      <c r="A35844" s="6" t="s">
        <v>35797</v>
      </c>
      <c r="B35844" s="6"/>
      <c r="C35844" s="6" t="s">
        <v>32230</v>
      </c>
      <c r="D35844" s="6"/>
      <c r="E35844" s="6" t="s">
        <v>9</v>
      </c>
      <c r="F35844" s="7">
        <v>31502</v>
      </c>
      <c r="G35844" s="8">
        <v>61398000</v>
      </c>
      <c r="H35844" s="8">
        <v>18419400</v>
      </c>
      <c r="I35844" s="8">
        <v>44206560</v>
      </c>
      <c r="J35844" s="8">
        <v>17191440</v>
      </c>
      <c r="K35844" s="9"/>
      <c r="L35844" s="6"/>
    </row>
    <row r="35845" spans="1:12">
      <c r="A35845" s="6" t="s">
        <v>35798</v>
      </c>
      <c r="B35845" s="6"/>
      <c r="C35845" s="6" t="s">
        <v>32230</v>
      </c>
      <c r="D35845" s="6"/>
      <c r="E35845" s="6" t="s">
        <v>9</v>
      </c>
      <c r="F35845" s="7">
        <v>30394</v>
      </c>
      <c r="G35845" s="8">
        <v>141426000</v>
      </c>
      <c r="H35845" s="8">
        <v>33942240</v>
      </c>
      <c r="I35845" s="8">
        <v>110312280</v>
      </c>
      <c r="J35845" s="8">
        <v>31113720</v>
      </c>
      <c r="K35845" s="9"/>
      <c r="L35845" s="6"/>
    </row>
    <row r="35846" spans="1:12">
      <c r="A35846" s="6" t="s">
        <v>35799</v>
      </c>
      <c r="B35846" s="6"/>
      <c r="C35846" s="6" t="s">
        <v>32230</v>
      </c>
      <c r="D35846" s="6"/>
      <c r="E35846" s="6" t="s">
        <v>9</v>
      </c>
      <c r="F35846" s="7">
        <v>25263</v>
      </c>
      <c r="G35846" s="8">
        <v>80262000</v>
      </c>
      <c r="H35846" s="8">
        <v>1</v>
      </c>
      <c r="I35846" s="8">
        <v>80261999</v>
      </c>
      <c r="J35846" s="8">
        <v>1</v>
      </c>
      <c r="K35846" s="9"/>
      <c r="L35846" s="6"/>
    </row>
    <row r="35847" spans="1:12">
      <c r="A35847" s="6" t="s">
        <v>35800</v>
      </c>
      <c r="B35847" s="6"/>
      <c r="C35847" s="6" t="s">
        <v>32230</v>
      </c>
      <c r="D35847" s="6"/>
      <c r="E35847" s="6" t="s">
        <v>9</v>
      </c>
      <c r="F35847" s="7">
        <v>26724</v>
      </c>
      <c r="G35847" s="8">
        <v>62107500</v>
      </c>
      <c r="H35847" s="8">
        <v>1</v>
      </c>
      <c r="I35847" s="8">
        <v>62107499</v>
      </c>
      <c r="J35847" s="8">
        <v>1</v>
      </c>
      <c r="K35847" s="9"/>
      <c r="L35847" s="6"/>
    </row>
    <row r="35848" spans="1:12">
      <c r="A35848" s="6" t="s">
        <v>35801</v>
      </c>
      <c r="B35848" s="6"/>
      <c r="C35848" s="6" t="s">
        <v>32230</v>
      </c>
      <c r="D35848" s="6"/>
      <c r="E35848" s="6" t="s">
        <v>9</v>
      </c>
      <c r="F35848" s="7">
        <v>32599</v>
      </c>
      <c r="G35848" s="8">
        <v>44335200</v>
      </c>
      <c r="H35848" s="8">
        <v>20970562</v>
      </c>
      <c r="I35848" s="8">
        <v>24118336</v>
      </c>
      <c r="J35848" s="8">
        <v>20216864</v>
      </c>
      <c r="K35848" s="9"/>
      <c r="L35848" s="6"/>
    </row>
    <row r="35849" spans="1:12">
      <c r="A35849" s="6" t="s">
        <v>33185</v>
      </c>
      <c r="B35849" s="6"/>
      <c r="C35849" s="6" t="s">
        <v>32230</v>
      </c>
      <c r="D35849" s="6"/>
      <c r="E35849" s="6" t="s">
        <v>9</v>
      </c>
      <c r="F35849" s="7"/>
      <c r="G35849" s="8">
        <v>1</v>
      </c>
      <c r="H35849" s="8">
        <v>1</v>
      </c>
      <c r="I35849" s="8">
        <v>0</v>
      </c>
      <c r="J35849" s="8">
        <v>1</v>
      </c>
      <c r="K35849" s="9"/>
      <c r="L35849" s="6"/>
    </row>
    <row r="35850" spans="1:12">
      <c r="A35850" s="6" t="s">
        <v>33185</v>
      </c>
      <c r="B35850" s="6"/>
      <c r="C35850" s="6" t="s">
        <v>32230</v>
      </c>
      <c r="D35850" s="6"/>
      <c r="E35850" s="6" t="s">
        <v>9</v>
      </c>
      <c r="F35850" s="7"/>
      <c r="G35850" s="8">
        <v>1</v>
      </c>
      <c r="H35850" s="8">
        <v>1</v>
      </c>
      <c r="I35850" s="8">
        <v>0</v>
      </c>
      <c r="J35850" s="8">
        <v>1</v>
      </c>
      <c r="K35850" s="9"/>
      <c r="L35850" s="6"/>
    </row>
    <row r="35851" spans="1:12">
      <c r="A35851" s="6" t="s">
        <v>33185</v>
      </c>
      <c r="B35851" s="6"/>
      <c r="C35851" s="6" t="s">
        <v>32230</v>
      </c>
      <c r="D35851" s="6"/>
      <c r="E35851" s="6" t="s">
        <v>9</v>
      </c>
      <c r="F35851" s="7"/>
      <c r="G35851" s="8">
        <v>1</v>
      </c>
      <c r="H35851" s="8">
        <v>1</v>
      </c>
      <c r="I35851" s="8">
        <v>0</v>
      </c>
      <c r="J35851" s="8">
        <v>1</v>
      </c>
      <c r="K35851" s="9"/>
      <c r="L35851" s="6"/>
    </row>
    <row r="35852" spans="1:12">
      <c r="A35852" s="6" t="s">
        <v>33185</v>
      </c>
      <c r="B35852" s="6"/>
      <c r="C35852" s="6" t="s">
        <v>32230</v>
      </c>
      <c r="D35852" s="6"/>
      <c r="E35852" s="6" t="s">
        <v>9</v>
      </c>
      <c r="F35852" s="7"/>
      <c r="G35852" s="8">
        <v>1</v>
      </c>
      <c r="H35852" s="8">
        <v>1</v>
      </c>
      <c r="I35852" s="8">
        <v>0</v>
      </c>
      <c r="J35852" s="8">
        <v>1</v>
      </c>
      <c r="K35852" s="9"/>
      <c r="L35852" s="6"/>
    </row>
    <row r="35853" spans="1:12">
      <c r="A35853" s="6" t="s">
        <v>33185</v>
      </c>
      <c r="B35853" s="6"/>
      <c r="C35853" s="6" t="s">
        <v>32230</v>
      </c>
      <c r="D35853" s="6"/>
      <c r="E35853" s="6" t="s">
        <v>9</v>
      </c>
      <c r="F35853" s="7"/>
      <c r="G35853" s="8">
        <v>1</v>
      </c>
      <c r="H35853" s="8">
        <v>1</v>
      </c>
      <c r="I35853" s="8">
        <v>0</v>
      </c>
      <c r="J35853" s="8">
        <v>1</v>
      </c>
      <c r="K35853" s="9"/>
      <c r="L35853" s="6"/>
    </row>
    <row r="35854" spans="1:12">
      <c r="A35854" s="6" t="s">
        <v>35802</v>
      </c>
      <c r="B35854" s="6"/>
      <c r="C35854" s="6" t="s">
        <v>32230</v>
      </c>
      <c r="D35854" s="6"/>
      <c r="E35854" s="6" t="s">
        <v>9</v>
      </c>
      <c r="F35854" s="7">
        <v>30394</v>
      </c>
      <c r="G35854" s="8">
        <v>60029100</v>
      </c>
      <c r="H35854" s="8">
        <v>14406984</v>
      </c>
      <c r="I35854" s="8">
        <v>46822698</v>
      </c>
      <c r="J35854" s="8">
        <v>13206402</v>
      </c>
      <c r="K35854" s="9"/>
      <c r="L35854" s="6"/>
    </row>
    <row r="35855" spans="1:12">
      <c r="A35855" s="6" t="s">
        <v>35803</v>
      </c>
      <c r="B35855" s="6"/>
      <c r="C35855" s="6" t="s">
        <v>32230</v>
      </c>
      <c r="D35855" s="6"/>
      <c r="E35855" s="6" t="s">
        <v>9</v>
      </c>
      <c r="F35855" s="7">
        <v>30394</v>
      </c>
      <c r="G35855" s="8">
        <v>52115400</v>
      </c>
      <c r="H35855" s="8">
        <v>12507696</v>
      </c>
      <c r="I35855" s="8">
        <v>40650012</v>
      </c>
      <c r="J35855" s="8">
        <v>11465388</v>
      </c>
      <c r="K35855" s="9"/>
      <c r="L35855" s="6"/>
    </row>
    <row r="35856" spans="1:12">
      <c r="A35856" s="6" t="s">
        <v>33185</v>
      </c>
      <c r="B35856" s="6"/>
      <c r="C35856" s="6" t="s">
        <v>32230</v>
      </c>
      <c r="D35856" s="6"/>
      <c r="E35856" s="6" t="s">
        <v>9</v>
      </c>
      <c r="F35856" s="7"/>
      <c r="G35856" s="8">
        <v>1</v>
      </c>
      <c r="H35856" s="8">
        <v>1</v>
      </c>
      <c r="I35856" s="8">
        <v>0</v>
      </c>
      <c r="J35856" s="8">
        <v>1</v>
      </c>
      <c r="K35856" s="9"/>
      <c r="L35856" s="6"/>
    </row>
    <row r="35857" spans="1:12">
      <c r="A35857" s="6" t="s">
        <v>35804</v>
      </c>
      <c r="B35857" s="6"/>
      <c r="C35857" s="6" t="s">
        <v>32230</v>
      </c>
      <c r="D35857" s="6"/>
      <c r="E35857" s="6" t="s">
        <v>9</v>
      </c>
      <c r="F35857" s="7">
        <v>30394</v>
      </c>
      <c r="G35857" s="8">
        <v>126441000</v>
      </c>
      <c r="H35857" s="8">
        <v>30345840</v>
      </c>
      <c r="I35857" s="8">
        <v>98623980</v>
      </c>
      <c r="J35857" s="8">
        <v>27817020</v>
      </c>
      <c r="K35857" s="9"/>
      <c r="L35857" s="6"/>
    </row>
    <row r="35858" spans="1:12">
      <c r="A35858" s="6" t="s">
        <v>33185</v>
      </c>
      <c r="B35858" s="6"/>
      <c r="C35858" s="6" t="s">
        <v>32230</v>
      </c>
      <c r="D35858" s="6"/>
      <c r="E35858" s="6" t="s">
        <v>9</v>
      </c>
      <c r="F35858" s="7"/>
      <c r="G35858" s="8">
        <v>1</v>
      </c>
      <c r="H35858" s="8">
        <v>1</v>
      </c>
      <c r="I35858" s="8">
        <v>0</v>
      </c>
      <c r="J35858" s="8">
        <v>1</v>
      </c>
      <c r="K35858" s="9"/>
      <c r="L35858" s="6"/>
    </row>
    <row r="35859" spans="1:12">
      <c r="A35859" s="6" t="s">
        <v>33185</v>
      </c>
      <c r="B35859" s="6"/>
      <c r="C35859" s="6" t="s">
        <v>32230</v>
      </c>
      <c r="D35859" s="6"/>
      <c r="E35859" s="6" t="s">
        <v>9</v>
      </c>
      <c r="F35859" s="7"/>
      <c r="G35859" s="8">
        <v>1</v>
      </c>
      <c r="H35859" s="8">
        <v>1</v>
      </c>
      <c r="I35859" s="8">
        <v>0</v>
      </c>
      <c r="J35859" s="8">
        <v>1</v>
      </c>
      <c r="K35859" s="9"/>
      <c r="L35859" s="6"/>
    </row>
    <row r="35860" spans="1:12">
      <c r="A35860" s="6" t="s">
        <v>33185</v>
      </c>
      <c r="B35860" s="6"/>
      <c r="C35860" s="6" t="s">
        <v>32230</v>
      </c>
      <c r="D35860" s="6"/>
      <c r="E35860" s="6" t="s">
        <v>9</v>
      </c>
      <c r="F35860" s="7"/>
      <c r="G35860" s="8">
        <v>1</v>
      </c>
      <c r="H35860" s="8">
        <v>1</v>
      </c>
      <c r="I35860" s="8">
        <v>0</v>
      </c>
      <c r="J35860" s="8">
        <v>1</v>
      </c>
      <c r="K35860" s="9"/>
      <c r="L35860" s="6"/>
    </row>
    <row r="35861" spans="1:12">
      <c r="A35861" s="6" t="s">
        <v>33185</v>
      </c>
      <c r="B35861" s="6"/>
      <c r="C35861" s="6" t="s">
        <v>32230</v>
      </c>
      <c r="D35861" s="6"/>
      <c r="E35861" s="6" t="s">
        <v>9</v>
      </c>
      <c r="F35861" s="7"/>
      <c r="G35861" s="8">
        <v>1</v>
      </c>
      <c r="H35861" s="8">
        <v>1</v>
      </c>
      <c r="I35861" s="8">
        <v>0</v>
      </c>
      <c r="J35861" s="8">
        <v>1</v>
      </c>
      <c r="K35861" s="9"/>
      <c r="L35861" s="6"/>
    </row>
    <row r="35862" spans="1:12">
      <c r="A35862" s="6" t="s">
        <v>33185</v>
      </c>
      <c r="B35862" s="6"/>
      <c r="C35862" s="6" t="s">
        <v>32230</v>
      </c>
      <c r="D35862" s="6"/>
      <c r="E35862" s="6" t="s">
        <v>9</v>
      </c>
      <c r="F35862" s="7"/>
      <c r="G35862" s="8">
        <v>1</v>
      </c>
      <c r="H35862" s="8">
        <v>1</v>
      </c>
      <c r="I35862" s="8">
        <v>0</v>
      </c>
      <c r="J35862" s="8">
        <v>1</v>
      </c>
      <c r="K35862" s="9"/>
      <c r="L35862" s="6"/>
    </row>
    <row r="35863" spans="1:12">
      <c r="A35863" s="6" t="s">
        <v>35805</v>
      </c>
      <c r="B35863" s="6"/>
      <c r="C35863" s="6" t="s">
        <v>32230</v>
      </c>
      <c r="D35863" s="6"/>
      <c r="E35863" s="6" t="s">
        <v>9</v>
      </c>
      <c r="F35863" s="7">
        <v>30394</v>
      </c>
      <c r="G35863" s="8">
        <v>82560000</v>
      </c>
      <c r="H35863" s="8">
        <v>19814400</v>
      </c>
      <c r="I35863" s="8">
        <v>64396800</v>
      </c>
      <c r="J35863" s="8">
        <v>18163200</v>
      </c>
      <c r="K35863" s="9"/>
      <c r="L35863" s="6"/>
    </row>
    <row r="35864" spans="1:12">
      <c r="A35864" s="6" t="s">
        <v>33185</v>
      </c>
      <c r="B35864" s="6"/>
      <c r="C35864" s="6" t="s">
        <v>32230</v>
      </c>
      <c r="D35864" s="6"/>
      <c r="E35864" s="6" t="s">
        <v>9</v>
      </c>
      <c r="F35864" s="7"/>
      <c r="G35864" s="8">
        <v>1</v>
      </c>
      <c r="H35864" s="8">
        <v>1</v>
      </c>
      <c r="I35864" s="8">
        <v>0</v>
      </c>
      <c r="J35864" s="8">
        <v>1</v>
      </c>
      <c r="K35864" s="9"/>
      <c r="L35864" s="6"/>
    </row>
    <row r="35865" spans="1:12">
      <c r="A35865" s="6" t="s">
        <v>35806</v>
      </c>
      <c r="B35865" s="6"/>
      <c r="C35865" s="6" t="s">
        <v>32230</v>
      </c>
      <c r="D35865" s="6"/>
      <c r="E35865" s="6" t="s">
        <v>9</v>
      </c>
      <c r="F35865" s="7">
        <v>44252</v>
      </c>
      <c r="G35865" s="8">
        <v>1276000</v>
      </c>
      <c r="H35865" s="8">
        <v>1276000</v>
      </c>
      <c r="I35865" s="8">
        <v>63800</v>
      </c>
      <c r="J35865" s="8">
        <v>1212200</v>
      </c>
      <c r="K35865" s="9"/>
      <c r="L35865" s="6"/>
    </row>
    <row r="35866" spans="1:12">
      <c r="A35866" s="6" t="s">
        <v>35807</v>
      </c>
      <c r="B35866" s="6"/>
      <c r="C35866" s="6" t="s">
        <v>32230</v>
      </c>
      <c r="D35866" s="6"/>
      <c r="E35866" s="6" t="s">
        <v>9</v>
      </c>
      <c r="F35866" s="7">
        <v>30394</v>
      </c>
      <c r="G35866" s="8">
        <v>28393200</v>
      </c>
      <c r="H35866" s="8">
        <v>6814368</v>
      </c>
      <c r="I35866" s="8">
        <v>22146696</v>
      </c>
      <c r="J35866" s="8">
        <v>6246504</v>
      </c>
      <c r="K35866" s="9"/>
      <c r="L35866" s="6"/>
    </row>
    <row r="35867" spans="1:12">
      <c r="A35867" s="6" t="s">
        <v>35808</v>
      </c>
      <c r="B35867" s="6"/>
      <c r="C35867" s="6" t="s">
        <v>32230</v>
      </c>
      <c r="D35867" s="6"/>
      <c r="E35867" s="6" t="s">
        <v>9</v>
      </c>
      <c r="F35867" s="7">
        <v>12510</v>
      </c>
      <c r="G35867" s="8">
        <v>14742000</v>
      </c>
      <c r="H35867" s="8">
        <v>1</v>
      </c>
      <c r="I35867" s="8">
        <v>14741999</v>
      </c>
      <c r="J35867" s="8">
        <v>1</v>
      </c>
      <c r="K35867" s="9"/>
      <c r="L35867" s="6"/>
    </row>
    <row r="35868" spans="1:12">
      <c r="A35868" s="6" t="s">
        <v>35809</v>
      </c>
      <c r="B35868" s="6"/>
      <c r="C35868" s="6" t="s">
        <v>32230</v>
      </c>
      <c r="D35868" s="6"/>
      <c r="E35868" s="6" t="s">
        <v>9</v>
      </c>
      <c r="F35868" s="7">
        <v>30394</v>
      </c>
      <c r="G35868" s="8">
        <v>101145600</v>
      </c>
      <c r="H35868" s="8">
        <v>24274944</v>
      </c>
      <c r="I35868" s="8">
        <v>78893568</v>
      </c>
      <c r="J35868" s="8">
        <v>22252032</v>
      </c>
      <c r="K35868" s="9"/>
      <c r="L35868" s="6"/>
    </row>
    <row r="35869" spans="1:12">
      <c r="A35869" s="6" t="s">
        <v>33185</v>
      </c>
      <c r="B35869" s="6"/>
      <c r="C35869" s="6" t="s">
        <v>32230</v>
      </c>
      <c r="D35869" s="6"/>
      <c r="E35869" s="6" t="s">
        <v>9</v>
      </c>
      <c r="F35869" s="7"/>
      <c r="G35869" s="8">
        <v>1</v>
      </c>
      <c r="H35869" s="8">
        <v>1</v>
      </c>
      <c r="I35869" s="8">
        <v>0</v>
      </c>
      <c r="J35869" s="8">
        <v>1</v>
      </c>
      <c r="K35869" s="9"/>
      <c r="L35869" s="6"/>
    </row>
    <row r="35870" spans="1:12">
      <c r="A35870" s="6" t="s">
        <v>33185</v>
      </c>
      <c r="B35870" s="6"/>
      <c r="C35870" s="6" t="s">
        <v>32230</v>
      </c>
      <c r="D35870" s="6"/>
      <c r="E35870" s="6" t="s">
        <v>9</v>
      </c>
      <c r="F35870" s="7">
        <v>31503</v>
      </c>
      <c r="G35870" s="8">
        <v>70980000</v>
      </c>
      <c r="H35870" s="8">
        <v>29953560</v>
      </c>
      <c r="I35870" s="8">
        <v>42233100</v>
      </c>
      <c r="J35870" s="8">
        <v>28746900</v>
      </c>
      <c r="K35870" s="9"/>
      <c r="L35870" s="6"/>
    </row>
    <row r="35871" spans="1:12">
      <c r="A35871" s="6" t="s">
        <v>32938</v>
      </c>
      <c r="B35871" s="6"/>
      <c r="C35871" s="6" t="s">
        <v>32230</v>
      </c>
      <c r="D35871" s="6"/>
      <c r="E35871" s="6" t="s">
        <v>9</v>
      </c>
      <c r="F35871" s="7">
        <v>44286</v>
      </c>
      <c r="G35871" s="8">
        <v>1210000</v>
      </c>
      <c r="H35871" s="8">
        <v>1210000</v>
      </c>
      <c r="I35871" s="8">
        <v>121000</v>
      </c>
      <c r="J35871" s="8">
        <v>1089000</v>
      </c>
      <c r="K35871" s="9"/>
      <c r="L35871" s="6"/>
    </row>
    <row r="35872" spans="1:12">
      <c r="A35872" s="6" t="s">
        <v>35810</v>
      </c>
      <c r="B35872" s="6"/>
      <c r="C35872" s="6" t="s">
        <v>32230</v>
      </c>
      <c r="D35872" s="6"/>
      <c r="E35872" s="6" t="s">
        <v>9</v>
      </c>
      <c r="F35872" s="7">
        <v>30394</v>
      </c>
      <c r="G35872" s="8">
        <v>81526500</v>
      </c>
      <c r="H35872" s="8">
        <v>19566360</v>
      </c>
      <c r="I35872" s="8">
        <v>63590670</v>
      </c>
      <c r="J35872" s="8">
        <v>17935830</v>
      </c>
      <c r="K35872" s="9"/>
      <c r="L35872" s="6"/>
    </row>
    <row r="35873" spans="1:12">
      <c r="A35873" s="6" t="s">
        <v>35811</v>
      </c>
      <c r="B35873" s="6"/>
      <c r="C35873" s="6" t="s">
        <v>32230</v>
      </c>
      <c r="D35873" s="6"/>
      <c r="E35873" s="6"/>
      <c r="F35873" s="7">
        <v>43556</v>
      </c>
      <c r="G35873" s="8">
        <v>11915700</v>
      </c>
      <c r="H35873" s="8">
        <v>11677386</v>
      </c>
      <c r="I35873" s="8">
        <v>476628</v>
      </c>
      <c r="J35873" s="8">
        <v>11439072</v>
      </c>
      <c r="K35873" s="9"/>
      <c r="L35873" s="6"/>
    </row>
    <row r="35874" spans="1:12">
      <c r="A35874" s="6" t="s">
        <v>35811</v>
      </c>
      <c r="B35874" s="6"/>
      <c r="C35874" s="6" t="s">
        <v>32230</v>
      </c>
      <c r="D35874" s="6"/>
      <c r="E35874" s="6" t="s">
        <v>9</v>
      </c>
      <c r="F35874" s="7">
        <v>30394</v>
      </c>
      <c r="G35874" s="8">
        <v>60976800</v>
      </c>
      <c r="H35874" s="8">
        <v>14634432</v>
      </c>
      <c r="I35874" s="8">
        <v>47561904</v>
      </c>
      <c r="J35874" s="8">
        <v>13414896</v>
      </c>
      <c r="K35874" s="9"/>
      <c r="L35874" s="6"/>
    </row>
    <row r="35875" spans="1:12">
      <c r="A35875" s="6" t="s">
        <v>35811</v>
      </c>
      <c r="B35875" s="6"/>
      <c r="C35875" s="6" t="s">
        <v>32230</v>
      </c>
      <c r="D35875" s="6"/>
      <c r="E35875" s="6"/>
      <c r="F35875" s="7">
        <v>42826</v>
      </c>
      <c r="G35875" s="8">
        <v>16861080</v>
      </c>
      <c r="H35875" s="8">
        <v>15849417</v>
      </c>
      <c r="I35875" s="8">
        <v>1348884</v>
      </c>
      <c r="J35875" s="8">
        <v>15512196</v>
      </c>
      <c r="K35875" s="9"/>
      <c r="L35875" s="6"/>
    </row>
    <row r="35876" spans="1:12">
      <c r="A35876" s="6" t="s">
        <v>35811</v>
      </c>
      <c r="B35876" s="6"/>
      <c r="C35876" s="6" t="s">
        <v>32230</v>
      </c>
      <c r="D35876" s="6"/>
      <c r="E35876" s="6"/>
      <c r="F35876" s="7">
        <v>43922</v>
      </c>
      <c r="G35876" s="8">
        <v>528000</v>
      </c>
      <c r="H35876" s="8">
        <v>528000</v>
      </c>
      <c r="I35876" s="8">
        <v>10560</v>
      </c>
      <c r="J35876" s="8">
        <v>517440</v>
      </c>
      <c r="K35876" s="9"/>
      <c r="L35876" s="6"/>
    </row>
    <row r="35877" spans="1:12">
      <c r="A35877" s="6" t="s">
        <v>35811</v>
      </c>
      <c r="B35877" s="6"/>
      <c r="C35877" s="6" t="s">
        <v>32230</v>
      </c>
      <c r="D35877" s="6"/>
      <c r="E35877" s="6"/>
      <c r="F35877" s="7">
        <v>43191</v>
      </c>
      <c r="G35877" s="8">
        <v>5525160</v>
      </c>
      <c r="H35877" s="8">
        <v>5304154</v>
      </c>
      <c r="I35877" s="8">
        <v>331509</v>
      </c>
      <c r="J35877" s="8">
        <v>5193651</v>
      </c>
      <c r="K35877" s="9"/>
      <c r="L35877" s="6"/>
    </row>
    <row r="35878" spans="1:12">
      <c r="A35878" s="6" t="s">
        <v>35812</v>
      </c>
      <c r="B35878" s="6"/>
      <c r="C35878" s="6" t="s">
        <v>32230</v>
      </c>
      <c r="D35878" s="6"/>
      <c r="E35878" s="6" t="s">
        <v>9</v>
      </c>
      <c r="F35878" s="7">
        <v>36678</v>
      </c>
      <c r="G35878" s="8">
        <v>54272000</v>
      </c>
      <c r="H35878" s="8">
        <v>32563200</v>
      </c>
      <c r="I35878" s="8">
        <v>22794240</v>
      </c>
      <c r="J35878" s="8">
        <v>31477760</v>
      </c>
      <c r="K35878" s="9"/>
      <c r="L35878" s="6"/>
    </row>
    <row r="35879" spans="1:12">
      <c r="A35879" s="6" t="s">
        <v>33185</v>
      </c>
      <c r="B35879" s="6"/>
      <c r="C35879" s="6" t="s">
        <v>32230</v>
      </c>
      <c r="D35879" s="6"/>
      <c r="E35879" s="6" t="s">
        <v>9</v>
      </c>
      <c r="F35879" s="7"/>
      <c r="G35879" s="8">
        <v>1</v>
      </c>
      <c r="H35879" s="8">
        <v>1</v>
      </c>
      <c r="I35879" s="8">
        <v>0</v>
      </c>
      <c r="J35879" s="8">
        <v>1</v>
      </c>
      <c r="K35879" s="9"/>
      <c r="L35879" s="6"/>
    </row>
    <row r="35880" spans="1:12">
      <c r="A35880" s="6" t="s">
        <v>35813</v>
      </c>
      <c r="B35880" s="6"/>
      <c r="C35880" s="6" t="s">
        <v>32230</v>
      </c>
      <c r="D35880" s="6"/>
      <c r="E35880" s="6" t="s">
        <v>9</v>
      </c>
      <c r="F35880" s="7">
        <v>30394</v>
      </c>
      <c r="G35880" s="8">
        <v>27596700</v>
      </c>
      <c r="H35880" s="8">
        <v>6623208</v>
      </c>
      <c r="I35880" s="8">
        <v>21525426</v>
      </c>
      <c r="J35880" s="8">
        <v>6071274</v>
      </c>
      <c r="K35880" s="9"/>
      <c r="L35880" s="6"/>
    </row>
    <row r="35881" spans="1:12">
      <c r="A35881" s="6" t="s">
        <v>35814</v>
      </c>
      <c r="B35881" s="6"/>
      <c r="C35881" s="6" t="s">
        <v>32230</v>
      </c>
      <c r="D35881" s="6"/>
      <c r="E35881" s="6" t="s">
        <v>9</v>
      </c>
      <c r="F35881" s="7">
        <v>30394</v>
      </c>
      <c r="G35881" s="8">
        <v>42379200</v>
      </c>
      <c r="H35881" s="8">
        <v>10171008</v>
      </c>
      <c r="I35881" s="8">
        <v>33055776</v>
      </c>
      <c r="J35881" s="8">
        <v>9323424</v>
      </c>
      <c r="K35881" s="9"/>
      <c r="L35881" s="6"/>
    </row>
    <row r="35882" spans="1:12">
      <c r="A35882" s="6" t="s">
        <v>35814</v>
      </c>
      <c r="B35882" s="6"/>
      <c r="C35882" s="6" t="s">
        <v>32230</v>
      </c>
      <c r="D35882" s="6"/>
      <c r="E35882" s="6"/>
      <c r="F35882" s="7">
        <v>43191</v>
      </c>
      <c r="G35882" s="8">
        <v>685800</v>
      </c>
      <c r="H35882" s="8">
        <v>658368</v>
      </c>
      <c r="I35882" s="8">
        <v>41148</v>
      </c>
      <c r="J35882" s="8">
        <v>644652</v>
      </c>
      <c r="K35882" s="9"/>
      <c r="L35882" s="6"/>
    </row>
    <row r="35883" spans="1:12">
      <c r="A35883" s="6" t="s">
        <v>33185</v>
      </c>
      <c r="B35883" s="6"/>
      <c r="C35883" s="6" t="s">
        <v>32230</v>
      </c>
      <c r="D35883" s="6"/>
      <c r="E35883" s="6" t="s">
        <v>9</v>
      </c>
      <c r="F35883" s="7"/>
      <c r="G35883" s="8">
        <v>1</v>
      </c>
      <c r="H35883" s="8">
        <v>1</v>
      </c>
      <c r="I35883" s="8">
        <v>0</v>
      </c>
      <c r="J35883" s="8">
        <v>1</v>
      </c>
      <c r="K35883" s="9"/>
      <c r="L35883" s="6"/>
    </row>
    <row r="35884" spans="1:12">
      <c r="A35884" s="6" t="s">
        <v>33185</v>
      </c>
      <c r="B35884" s="6"/>
      <c r="C35884" s="6" t="s">
        <v>32230</v>
      </c>
      <c r="D35884" s="6"/>
      <c r="E35884" s="6" t="s">
        <v>9</v>
      </c>
      <c r="F35884" s="7"/>
      <c r="G35884" s="8">
        <v>1</v>
      </c>
      <c r="H35884" s="8">
        <v>1</v>
      </c>
      <c r="I35884" s="8">
        <v>0</v>
      </c>
      <c r="J35884" s="8">
        <v>1</v>
      </c>
      <c r="K35884" s="9"/>
      <c r="L35884" s="6"/>
    </row>
    <row r="35885" spans="1:12">
      <c r="A35885" s="6" t="s">
        <v>35815</v>
      </c>
      <c r="B35885" s="6"/>
      <c r="C35885" s="6" t="s">
        <v>32230</v>
      </c>
      <c r="D35885" s="6"/>
      <c r="E35885" s="6" t="s">
        <v>9</v>
      </c>
      <c r="F35885" s="7">
        <v>30394</v>
      </c>
      <c r="G35885" s="8">
        <v>43712000</v>
      </c>
      <c r="H35885" s="8">
        <v>10490880</v>
      </c>
      <c r="I35885" s="8">
        <v>34095360</v>
      </c>
      <c r="J35885" s="8">
        <v>9616640</v>
      </c>
      <c r="K35885" s="9"/>
      <c r="L35885" s="6"/>
    </row>
    <row r="35886" spans="1:12">
      <c r="A35886" s="6" t="s">
        <v>35816</v>
      </c>
      <c r="B35886" s="6"/>
      <c r="C35886" s="6" t="s">
        <v>32230</v>
      </c>
      <c r="D35886" s="6"/>
      <c r="E35886" s="6" t="s">
        <v>9</v>
      </c>
      <c r="F35886" s="7"/>
      <c r="G35886" s="8">
        <v>1</v>
      </c>
      <c r="H35886" s="8">
        <v>1</v>
      </c>
      <c r="I35886" s="8">
        <v>0</v>
      </c>
      <c r="J35886" s="8">
        <v>1</v>
      </c>
      <c r="K35886" s="9"/>
      <c r="L35886" s="6"/>
    </row>
    <row r="35887" spans="1:12">
      <c r="A35887" s="6" t="s">
        <v>35817</v>
      </c>
      <c r="B35887" s="6"/>
      <c r="C35887" s="6" t="s">
        <v>32230</v>
      </c>
      <c r="D35887" s="6"/>
      <c r="E35887" s="6" t="s">
        <v>9</v>
      </c>
      <c r="F35887" s="7">
        <v>43921</v>
      </c>
      <c r="G35887" s="8">
        <v>37717900</v>
      </c>
      <c r="H35887" s="8">
        <v>37076696</v>
      </c>
      <c r="I35887" s="8">
        <v>1282408</v>
      </c>
      <c r="J35887" s="8">
        <v>36435492</v>
      </c>
      <c r="K35887" s="9"/>
      <c r="L35887" s="6"/>
    </row>
    <row r="35888" spans="1:12">
      <c r="A35888" s="6" t="s">
        <v>35818</v>
      </c>
      <c r="B35888" s="6"/>
      <c r="C35888" s="6" t="s">
        <v>32230</v>
      </c>
      <c r="D35888" s="6"/>
      <c r="E35888" s="6" t="s">
        <v>9</v>
      </c>
      <c r="F35888" s="7">
        <v>44063</v>
      </c>
      <c r="G35888" s="8">
        <v>528000</v>
      </c>
      <c r="H35888" s="8">
        <v>528000</v>
      </c>
      <c r="I35888" s="8">
        <v>8976</v>
      </c>
      <c r="J35888" s="8">
        <v>519024</v>
      </c>
      <c r="K35888" s="9"/>
      <c r="L35888" s="6"/>
    </row>
    <row r="35889" spans="1:12">
      <c r="A35889" s="6" t="s">
        <v>35819</v>
      </c>
      <c r="B35889" s="6"/>
      <c r="C35889" s="6" t="s">
        <v>32230</v>
      </c>
      <c r="D35889" s="6"/>
      <c r="E35889" s="6" t="s">
        <v>9</v>
      </c>
      <c r="F35889" s="7">
        <v>30394</v>
      </c>
      <c r="G35889" s="8">
        <v>64678400</v>
      </c>
      <c r="H35889" s="8">
        <v>15522816</v>
      </c>
      <c r="I35889" s="8">
        <v>50449152</v>
      </c>
      <c r="J35889" s="8">
        <v>14229248</v>
      </c>
      <c r="K35889" s="9"/>
      <c r="L35889" s="6"/>
    </row>
    <row r="35890" spans="1:12">
      <c r="A35890" s="6" t="s">
        <v>33185</v>
      </c>
      <c r="B35890" s="6"/>
      <c r="C35890" s="6" t="s">
        <v>32230</v>
      </c>
      <c r="D35890" s="6"/>
      <c r="E35890" s="6" t="s">
        <v>9</v>
      </c>
      <c r="F35890" s="7"/>
      <c r="G35890" s="8">
        <v>1</v>
      </c>
      <c r="H35890" s="8">
        <v>1</v>
      </c>
      <c r="I35890" s="8">
        <v>0</v>
      </c>
      <c r="J35890" s="8">
        <v>1</v>
      </c>
      <c r="K35890" s="9"/>
      <c r="L35890" s="6"/>
    </row>
    <row r="35891" spans="1:12">
      <c r="A35891" s="6" t="s">
        <v>35820</v>
      </c>
      <c r="B35891" s="6"/>
      <c r="C35891" s="6" t="s">
        <v>32230</v>
      </c>
      <c r="D35891" s="6"/>
      <c r="E35891" s="6" t="s">
        <v>9</v>
      </c>
      <c r="F35891" s="7">
        <v>30394</v>
      </c>
      <c r="G35891" s="8">
        <v>134306100</v>
      </c>
      <c r="H35891" s="8">
        <v>32233464</v>
      </c>
      <c r="I35891" s="8">
        <v>104758758</v>
      </c>
      <c r="J35891" s="8">
        <v>29547342</v>
      </c>
      <c r="K35891" s="9"/>
      <c r="L35891" s="6"/>
    </row>
    <row r="35892" spans="1:12">
      <c r="A35892" s="6" t="s">
        <v>33185</v>
      </c>
      <c r="B35892" s="6"/>
      <c r="C35892" s="6" t="s">
        <v>32230</v>
      </c>
      <c r="D35892" s="6"/>
      <c r="E35892" s="6" t="s">
        <v>9</v>
      </c>
      <c r="F35892" s="7"/>
      <c r="G35892" s="8">
        <v>1</v>
      </c>
      <c r="H35892" s="8">
        <v>1</v>
      </c>
      <c r="I35892" s="8">
        <v>0</v>
      </c>
      <c r="J35892" s="8">
        <v>1</v>
      </c>
      <c r="K35892" s="9"/>
      <c r="L35892" s="6"/>
    </row>
    <row r="35893" spans="1:12">
      <c r="A35893" s="6" t="s">
        <v>35821</v>
      </c>
      <c r="B35893" s="6"/>
      <c r="C35893" s="6" t="s">
        <v>32230</v>
      </c>
      <c r="D35893" s="6"/>
      <c r="E35893" s="6" t="s">
        <v>9</v>
      </c>
      <c r="F35893" s="7">
        <v>30394</v>
      </c>
      <c r="G35893" s="8">
        <v>22239900</v>
      </c>
      <c r="H35893" s="8">
        <v>5337576</v>
      </c>
      <c r="I35893" s="8">
        <v>17347122</v>
      </c>
      <c r="J35893" s="8">
        <v>4892778</v>
      </c>
      <c r="K35893" s="9"/>
      <c r="L35893" s="6"/>
    </row>
    <row r="35894" spans="1:12">
      <c r="A35894" s="6" t="s">
        <v>35822</v>
      </c>
      <c r="B35894" s="6"/>
      <c r="C35894" s="6" t="s">
        <v>32230</v>
      </c>
      <c r="D35894" s="6"/>
      <c r="E35894" s="6" t="s">
        <v>9</v>
      </c>
      <c r="F35894" s="7">
        <v>24532</v>
      </c>
      <c r="G35894" s="8">
        <v>64100400</v>
      </c>
      <c r="H35894" s="8">
        <v>1</v>
      </c>
      <c r="I35894" s="8">
        <v>64100399</v>
      </c>
      <c r="J35894" s="8">
        <v>1</v>
      </c>
      <c r="K35894" s="9"/>
      <c r="L35894" s="6"/>
    </row>
    <row r="35895" spans="1:12">
      <c r="A35895" s="6" t="s">
        <v>33185</v>
      </c>
      <c r="B35895" s="6"/>
      <c r="C35895" s="6" t="s">
        <v>32230</v>
      </c>
      <c r="D35895" s="6"/>
      <c r="E35895" s="6" t="s">
        <v>9</v>
      </c>
      <c r="F35895" s="7"/>
      <c r="G35895" s="8">
        <v>1</v>
      </c>
      <c r="H35895" s="8">
        <v>1</v>
      </c>
      <c r="I35895" s="8">
        <v>0</v>
      </c>
      <c r="J35895" s="8">
        <v>1</v>
      </c>
      <c r="K35895" s="9"/>
      <c r="L35895" s="6"/>
    </row>
    <row r="35896" spans="1:12">
      <c r="A35896" s="6" t="s">
        <v>35823</v>
      </c>
      <c r="B35896" s="6"/>
      <c r="C35896" s="6" t="s">
        <v>32230</v>
      </c>
      <c r="D35896" s="6"/>
      <c r="E35896" s="6" t="s">
        <v>9</v>
      </c>
      <c r="F35896" s="7">
        <v>30394</v>
      </c>
      <c r="G35896" s="8">
        <v>25177500</v>
      </c>
      <c r="H35896" s="8">
        <v>6042600</v>
      </c>
      <c r="I35896" s="8">
        <v>19638450</v>
      </c>
      <c r="J35896" s="8">
        <v>5539050</v>
      </c>
      <c r="K35896" s="9"/>
      <c r="L35896" s="6"/>
    </row>
    <row r="35897" spans="1:12">
      <c r="A35897" s="6" t="s">
        <v>35824</v>
      </c>
      <c r="B35897" s="6"/>
      <c r="C35897" s="6" t="s">
        <v>32230</v>
      </c>
      <c r="D35897" s="6"/>
      <c r="E35897" s="6" t="s">
        <v>9</v>
      </c>
      <c r="F35897" s="7">
        <v>30773</v>
      </c>
      <c r="G35897" s="8">
        <v>8845200</v>
      </c>
      <c r="H35897" s="8">
        <v>3431952</v>
      </c>
      <c r="I35897" s="8">
        <v>5563616</v>
      </c>
      <c r="J35897" s="8">
        <v>3281584</v>
      </c>
      <c r="K35897" s="9"/>
      <c r="L35897" s="6"/>
    </row>
    <row r="35898" spans="1:12">
      <c r="A35898" s="6" t="s">
        <v>33185</v>
      </c>
      <c r="B35898" s="6"/>
      <c r="C35898" s="6" t="s">
        <v>32230</v>
      </c>
      <c r="D35898" s="6"/>
      <c r="E35898" s="6" t="s">
        <v>9</v>
      </c>
      <c r="F35898" s="7"/>
      <c r="G35898" s="8">
        <v>1</v>
      </c>
      <c r="H35898" s="8">
        <v>1</v>
      </c>
      <c r="I35898" s="8">
        <v>0</v>
      </c>
      <c r="J35898" s="8">
        <v>1</v>
      </c>
      <c r="K35898" s="9"/>
      <c r="L35898" s="6"/>
    </row>
    <row r="35899" spans="1:12">
      <c r="A35899" s="6" t="s">
        <v>35825</v>
      </c>
      <c r="B35899" s="6"/>
      <c r="C35899" s="6" t="s">
        <v>32230</v>
      </c>
      <c r="D35899" s="6"/>
      <c r="E35899" s="6" t="s">
        <v>9</v>
      </c>
      <c r="F35899" s="7">
        <v>28946</v>
      </c>
      <c r="G35899" s="8">
        <v>24897600</v>
      </c>
      <c r="H35899" s="8">
        <v>7543981</v>
      </c>
      <c r="I35899" s="8">
        <v>17776878</v>
      </c>
      <c r="J35899" s="8">
        <v>7120722</v>
      </c>
      <c r="K35899" s="9"/>
      <c r="L35899" s="6"/>
    </row>
    <row r="35900" spans="1:12">
      <c r="A35900" s="6" t="s">
        <v>35826</v>
      </c>
      <c r="B35900" s="6"/>
      <c r="C35900" s="6" t="s">
        <v>32230</v>
      </c>
      <c r="D35900" s="6"/>
      <c r="E35900" s="6" t="s">
        <v>9</v>
      </c>
      <c r="F35900" s="7">
        <v>30394</v>
      </c>
      <c r="G35900" s="8">
        <v>83592000</v>
      </c>
      <c r="H35900" s="8">
        <v>20062080</v>
      </c>
      <c r="I35900" s="8">
        <v>65201760</v>
      </c>
      <c r="J35900" s="8">
        <v>18390240</v>
      </c>
      <c r="K35900" s="9"/>
      <c r="L35900" s="6"/>
    </row>
    <row r="35901" spans="1:12">
      <c r="A35901" s="6" t="s">
        <v>35827</v>
      </c>
      <c r="B35901" s="6"/>
      <c r="C35901" s="6" t="s">
        <v>32230</v>
      </c>
      <c r="D35901" s="6"/>
      <c r="E35901" s="6" t="s">
        <v>9</v>
      </c>
      <c r="F35901" s="7">
        <v>30762</v>
      </c>
      <c r="G35901" s="8">
        <v>135372800</v>
      </c>
      <c r="H35901" s="8">
        <v>35196928</v>
      </c>
      <c r="I35901" s="8">
        <v>102883328</v>
      </c>
      <c r="J35901" s="8">
        <v>32489472</v>
      </c>
      <c r="K35901" s="9"/>
      <c r="L35901" s="6"/>
    </row>
    <row r="35902" spans="1:12">
      <c r="A35902" s="6" t="s">
        <v>33185</v>
      </c>
      <c r="B35902" s="6"/>
      <c r="C35902" s="6" t="s">
        <v>32230</v>
      </c>
      <c r="D35902" s="6"/>
      <c r="E35902" s="6" t="s">
        <v>9</v>
      </c>
      <c r="F35902" s="7"/>
      <c r="G35902" s="8">
        <v>1</v>
      </c>
      <c r="H35902" s="8">
        <v>1</v>
      </c>
      <c r="I35902" s="8">
        <v>0</v>
      </c>
      <c r="J35902" s="8">
        <v>1</v>
      </c>
      <c r="K35902" s="9"/>
      <c r="L35902" s="6"/>
    </row>
    <row r="35903" spans="1:12">
      <c r="A35903" s="6" t="s">
        <v>33185</v>
      </c>
      <c r="B35903" s="6"/>
      <c r="C35903" s="6" t="s">
        <v>32230</v>
      </c>
      <c r="D35903" s="6"/>
      <c r="E35903" s="6" t="s">
        <v>9</v>
      </c>
      <c r="F35903" s="7"/>
      <c r="G35903" s="8">
        <v>1</v>
      </c>
      <c r="H35903" s="8">
        <v>1</v>
      </c>
      <c r="I35903" s="8">
        <v>0</v>
      </c>
      <c r="J35903" s="8">
        <v>1</v>
      </c>
      <c r="K35903" s="9"/>
      <c r="L35903" s="6"/>
    </row>
    <row r="35904" spans="1:12">
      <c r="A35904" s="6" t="s">
        <v>35828</v>
      </c>
      <c r="B35904" s="6"/>
      <c r="C35904" s="6" t="s">
        <v>32230</v>
      </c>
      <c r="D35904" s="6"/>
      <c r="E35904" s="6" t="s">
        <v>9</v>
      </c>
      <c r="F35904" s="7">
        <v>30394</v>
      </c>
      <c r="G35904" s="8">
        <v>89343000</v>
      </c>
      <c r="H35904" s="8">
        <v>21442320</v>
      </c>
      <c r="I35904" s="8">
        <v>69687540</v>
      </c>
      <c r="J35904" s="8">
        <v>19655460</v>
      </c>
      <c r="K35904" s="9"/>
      <c r="L35904" s="6"/>
    </row>
    <row r="35905" spans="1:12">
      <c r="A35905" s="6" t="s">
        <v>35829</v>
      </c>
      <c r="B35905" s="6"/>
      <c r="C35905" s="6" t="s">
        <v>32230</v>
      </c>
      <c r="D35905" s="6"/>
      <c r="E35905" s="6" t="s">
        <v>9</v>
      </c>
      <c r="F35905" s="7">
        <v>24442</v>
      </c>
      <c r="G35905" s="8">
        <v>64100400</v>
      </c>
      <c r="H35905" s="8">
        <v>1</v>
      </c>
      <c r="I35905" s="8">
        <v>64100399</v>
      </c>
      <c r="J35905" s="8">
        <v>1</v>
      </c>
      <c r="K35905" s="9"/>
      <c r="L35905" s="6"/>
    </row>
    <row r="35906" spans="1:12">
      <c r="A35906" s="6" t="s">
        <v>35830</v>
      </c>
      <c r="B35906" s="6"/>
      <c r="C35906" s="6" t="s">
        <v>32230</v>
      </c>
      <c r="D35906" s="6"/>
      <c r="E35906" s="6" t="s">
        <v>9</v>
      </c>
      <c r="F35906" s="7">
        <v>25294</v>
      </c>
      <c r="G35906" s="8">
        <v>27955200</v>
      </c>
      <c r="H35906" s="8">
        <v>3718062</v>
      </c>
      <c r="I35906" s="8">
        <v>24712376</v>
      </c>
      <c r="J35906" s="8">
        <v>3242824</v>
      </c>
      <c r="K35906" s="9"/>
      <c r="L35906" s="6"/>
    </row>
    <row r="35907" spans="1:12">
      <c r="A35907" s="6" t="s">
        <v>35831</v>
      </c>
      <c r="B35907" s="6"/>
      <c r="C35907" s="6" t="s">
        <v>32230</v>
      </c>
      <c r="D35907" s="6"/>
      <c r="E35907" s="6" t="s">
        <v>9</v>
      </c>
      <c r="F35907" s="7">
        <v>42816</v>
      </c>
      <c r="G35907" s="8">
        <v>14889960</v>
      </c>
      <c r="H35907" s="8">
        <v>13520084</v>
      </c>
      <c r="I35907" s="8">
        <v>1712345</v>
      </c>
      <c r="J35907" s="8">
        <v>13177615</v>
      </c>
      <c r="K35907" s="9"/>
      <c r="L35907" s="6"/>
    </row>
    <row r="35908" spans="1:12">
      <c r="A35908" s="6" t="s">
        <v>35832</v>
      </c>
      <c r="B35908" s="6"/>
      <c r="C35908" s="6" t="s">
        <v>32230</v>
      </c>
      <c r="D35908" s="6"/>
      <c r="E35908" s="6" t="s">
        <v>9</v>
      </c>
      <c r="F35908" s="7">
        <v>30394</v>
      </c>
      <c r="G35908" s="8">
        <v>44874000</v>
      </c>
      <c r="H35908" s="8">
        <v>10769760</v>
      </c>
      <c r="I35908" s="8">
        <v>35001720</v>
      </c>
      <c r="J35908" s="8">
        <v>9872280</v>
      </c>
      <c r="K35908" s="9"/>
      <c r="L35908" s="6"/>
    </row>
    <row r="35909" spans="1:12">
      <c r="A35909" s="6" t="s">
        <v>33185</v>
      </c>
      <c r="B35909" s="6"/>
      <c r="C35909" s="6" t="s">
        <v>32230</v>
      </c>
      <c r="D35909" s="6"/>
      <c r="E35909" s="6" t="s">
        <v>9</v>
      </c>
      <c r="F35909" s="7"/>
      <c r="G35909" s="8">
        <v>1</v>
      </c>
      <c r="H35909" s="8">
        <v>1</v>
      </c>
      <c r="I35909" s="8">
        <v>0</v>
      </c>
      <c r="J35909" s="8">
        <v>1</v>
      </c>
      <c r="K35909" s="9"/>
      <c r="L35909" s="6"/>
    </row>
    <row r="35910" spans="1:12">
      <c r="A35910" s="6" t="s">
        <v>35833</v>
      </c>
      <c r="B35910" s="6"/>
      <c r="C35910" s="6" t="s">
        <v>32230</v>
      </c>
      <c r="D35910" s="6"/>
      <c r="E35910" s="6" t="s">
        <v>9</v>
      </c>
      <c r="F35910" s="7">
        <v>30394</v>
      </c>
      <c r="G35910" s="8">
        <v>211491000</v>
      </c>
      <c r="H35910" s="8">
        <v>50757840</v>
      </c>
      <c r="I35910" s="8">
        <v>164962980</v>
      </c>
      <c r="J35910" s="8">
        <v>46528020</v>
      </c>
      <c r="K35910" s="9"/>
      <c r="L35910" s="6"/>
    </row>
    <row r="35911" spans="1:12">
      <c r="A35911" s="6" t="s">
        <v>35834</v>
      </c>
      <c r="B35911" s="6"/>
      <c r="C35911" s="6" t="s">
        <v>32230</v>
      </c>
      <c r="D35911" s="6"/>
      <c r="E35911" s="6" t="s">
        <v>9</v>
      </c>
      <c r="F35911" s="7">
        <v>31868</v>
      </c>
      <c r="G35911" s="8">
        <v>34070400</v>
      </c>
      <c r="H35911" s="8">
        <v>14956932</v>
      </c>
      <c r="I35911" s="8">
        <v>19692664</v>
      </c>
      <c r="J35911" s="8">
        <v>14377736</v>
      </c>
      <c r="K35911" s="9"/>
      <c r="L35911" s="6"/>
    </row>
    <row r="35912" spans="1:12">
      <c r="A35912" s="6" t="s">
        <v>33185</v>
      </c>
      <c r="B35912" s="6"/>
      <c r="C35912" s="6" t="s">
        <v>32230</v>
      </c>
      <c r="D35912" s="6"/>
      <c r="E35912" s="6" t="s">
        <v>9</v>
      </c>
      <c r="F35912" s="7"/>
      <c r="G35912" s="8">
        <v>1</v>
      </c>
      <c r="H35912" s="8">
        <v>1</v>
      </c>
      <c r="I35912" s="8">
        <v>0</v>
      </c>
      <c r="J35912" s="8">
        <v>1</v>
      </c>
      <c r="K35912" s="9"/>
      <c r="L35912" s="6"/>
    </row>
    <row r="35913" spans="1:12">
      <c r="A35913" s="6" t="s">
        <v>33185</v>
      </c>
      <c r="B35913" s="6"/>
      <c r="C35913" s="6" t="s">
        <v>32230</v>
      </c>
      <c r="D35913" s="6"/>
      <c r="E35913" s="6" t="s">
        <v>9</v>
      </c>
      <c r="F35913" s="7"/>
      <c r="G35913" s="8">
        <v>1</v>
      </c>
      <c r="H35913" s="8">
        <v>1</v>
      </c>
      <c r="I35913" s="8">
        <v>0</v>
      </c>
      <c r="J35913" s="8">
        <v>1</v>
      </c>
      <c r="K35913" s="9"/>
      <c r="L35913" s="6"/>
    </row>
    <row r="35914" spans="1:12">
      <c r="A35914" s="6" t="s">
        <v>33185</v>
      </c>
      <c r="B35914" s="6"/>
      <c r="C35914" s="6" t="s">
        <v>32230</v>
      </c>
      <c r="D35914" s="6"/>
      <c r="E35914" s="6" t="s">
        <v>9</v>
      </c>
      <c r="F35914" s="7"/>
      <c r="G35914" s="8">
        <v>1</v>
      </c>
      <c r="H35914" s="8">
        <v>1</v>
      </c>
      <c r="I35914" s="8">
        <v>0</v>
      </c>
      <c r="J35914" s="8">
        <v>1</v>
      </c>
      <c r="K35914" s="9"/>
      <c r="L35914" s="6"/>
    </row>
    <row r="35915" spans="1:12">
      <c r="A35915" s="6" t="s">
        <v>33185</v>
      </c>
      <c r="B35915" s="6"/>
      <c r="C35915" s="6" t="s">
        <v>32230</v>
      </c>
      <c r="D35915" s="6"/>
      <c r="E35915" s="6" t="s">
        <v>9</v>
      </c>
      <c r="F35915" s="7"/>
      <c r="G35915" s="8">
        <v>1</v>
      </c>
      <c r="H35915" s="8">
        <v>1</v>
      </c>
      <c r="I35915" s="8">
        <v>0</v>
      </c>
      <c r="J35915" s="8">
        <v>1</v>
      </c>
      <c r="K35915" s="9"/>
      <c r="L35915" s="6"/>
    </row>
    <row r="35916" spans="1:12">
      <c r="A35916" s="6" t="s">
        <v>35835</v>
      </c>
      <c r="B35916" s="6"/>
      <c r="C35916" s="6" t="s">
        <v>32230</v>
      </c>
      <c r="D35916" s="6"/>
      <c r="E35916" s="6" t="s">
        <v>9</v>
      </c>
      <c r="F35916" s="7">
        <v>30394</v>
      </c>
      <c r="G35916" s="8">
        <v>96921600</v>
      </c>
      <c r="H35916" s="8">
        <v>23261184</v>
      </c>
      <c r="I35916" s="8">
        <v>75598848</v>
      </c>
      <c r="J35916" s="8">
        <v>21322752</v>
      </c>
      <c r="K35916" s="9"/>
      <c r="L35916" s="6"/>
    </row>
    <row r="35917" spans="1:12">
      <c r="A35917" s="6" t="s">
        <v>35836</v>
      </c>
      <c r="B35917" s="6"/>
      <c r="C35917" s="6" t="s">
        <v>32230</v>
      </c>
      <c r="D35917" s="6"/>
      <c r="E35917" s="6" t="s">
        <v>9</v>
      </c>
      <c r="F35917" s="7">
        <v>30394</v>
      </c>
      <c r="G35917" s="8">
        <v>354035200</v>
      </c>
      <c r="H35917" s="8">
        <v>84968448</v>
      </c>
      <c r="I35917" s="8">
        <v>276147456</v>
      </c>
      <c r="J35917" s="8">
        <v>77887744</v>
      </c>
      <c r="K35917" s="9"/>
      <c r="L35917" s="6"/>
    </row>
    <row r="35918" spans="1:12">
      <c r="A35918" s="6" t="s">
        <v>35837</v>
      </c>
      <c r="B35918" s="6"/>
      <c r="C35918" s="6" t="s">
        <v>32230</v>
      </c>
      <c r="D35918" s="6"/>
      <c r="E35918" s="6" t="s">
        <v>9</v>
      </c>
      <c r="F35918" s="7">
        <v>38687</v>
      </c>
      <c r="G35918" s="8">
        <v>111750000</v>
      </c>
      <c r="H35918" s="8">
        <v>83253750</v>
      </c>
      <c r="I35918" s="8">
        <v>30396000</v>
      </c>
      <c r="J35918" s="8">
        <v>81354000</v>
      </c>
      <c r="K35918" s="9"/>
      <c r="L35918" s="6"/>
    </row>
    <row r="35919" spans="1:12">
      <c r="A35919" s="6" t="s">
        <v>33185</v>
      </c>
      <c r="B35919" s="6"/>
      <c r="C35919" s="6" t="s">
        <v>32230</v>
      </c>
      <c r="D35919" s="6"/>
      <c r="E35919" s="6" t="s">
        <v>9</v>
      </c>
      <c r="F35919" s="7"/>
      <c r="G35919" s="8">
        <v>1</v>
      </c>
      <c r="H35919" s="8">
        <v>1</v>
      </c>
      <c r="I35919" s="8">
        <v>0</v>
      </c>
      <c r="J35919" s="8">
        <v>1</v>
      </c>
      <c r="K35919" s="9"/>
      <c r="L35919" s="6"/>
    </row>
    <row r="35920" spans="1:12">
      <c r="A35920" s="6" t="s">
        <v>35838</v>
      </c>
      <c r="B35920" s="6"/>
      <c r="C35920" s="6" t="s">
        <v>32230</v>
      </c>
      <c r="D35920" s="6"/>
      <c r="E35920" s="6" t="s">
        <v>9</v>
      </c>
      <c r="F35920" s="7">
        <v>30394</v>
      </c>
      <c r="G35920" s="8">
        <v>62937600</v>
      </c>
      <c r="H35920" s="8">
        <v>15105024</v>
      </c>
      <c r="I35920" s="8">
        <v>49091328</v>
      </c>
      <c r="J35920" s="8">
        <v>13846272</v>
      </c>
      <c r="K35920" s="9"/>
      <c r="L35920" s="6"/>
    </row>
    <row r="35921" spans="1:12">
      <c r="A35921" s="6" t="s">
        <v>35839</v>
      </c>
      <c r="B35921" s="6"/>
      <c r="C35921" s="6" t="s">
        <v>32230</v>
      </c>
      <c r="D35921" s="6"/>
      <c r="E35921" s="6" t="s">
        <v>9</v>
      </c>
      <c r="F35921" s="7">
        <v>35855</v>
      </c>
      <c r="G35921" s="8">
        <v>227800000</v>
      </c>
      <c r="H35921" s="8">
        <v>138730200</v>
      </c>
      <c r="I35921" s="8">
        <v>92942400</v>
      </c>
      <c r="J35921" s="8">
        <v>134857600</v>
      </c>
      <c r="K35921" s="9"/>
      <c r="L35921" s="6"/>
    </row>
    <row r="35922" spans="1:12">
      <c r="A35922" s="6" t="s">
        <v>35840</v>
      </c>
      <c r="B35922" s="6"/>
      <c r="C35922" s="6" t="s">
        <v>32230</v>
      </c>
      <c r="D35922" s="6"/>
      <c r="E35922" s="6" t="s">
        <v>9</v>
      </c>
      <c r="F35922" s="7">
        <v>30394</v>
      </c>
      <c r="G35922" s="8">
        <v>648204800</v>
      </c>
      <c r="H35922" s="8">
        <v>155569152</v>
      </c>
      <c r="I35922" s="8">
        <v>505599744</v>
      </c>
      <c r="J35922" s="8">
        <v>142605056</v>
      </c>
      <c r="K35922" s="9"/>
      <c r="L35922" s="6"/>
    </row>
    <row r="35923" spans="1:12">
      <c r="A35923" s="6" t="s">
        <v>35840</v>
      </c>
      <c r="B35923" s="6"/>
      <c r="C35923" s="6" t="s">
        <v>32230</v>
      </c>
      <c r="D35923" s="6"/>
      <c r="E35923" s="6"/>
      <c r="F35923" s="7">
        <v>43556</v>
      </c>
      <c r="G35923" s="8">
        <v>54813000</v>
      </c>
      <c r="H35923" s="8">
        <v>53716740</v>
      </c>
      <c r="I35923" s="8">
        <v>2192520</v>
      </c>
      <c r="J35923" s="8">
        <v>52620480</v>
      </c>
      <c r="K35923" s="9"/>
      <c r="L35923" s="6"/>
    </row>
    <row r="35924" spans="1:12">
      <c r="A35924" s="6" t="s">
        <v>35841</v>
      </c>
      <c r="B35924" s="6"/>
      <c r="C35924" s="6" t="s">
        <v>32230</v>
      </c>
      <c r="D35924" s="6"/>
      <c r="E35924" s="6" t="s">
        <v>9</v>
      </c>
      <c r="F35924" s="7">
        <v>42811</v>
      </c>
      <c r="G35924" s="8">
        <v>21346200</v>
      </c>
      <c r="H35924" s="8">
        <v>15625420</v>
      </c>
      <c r="I35924" s="8">
        <v>7150975</v>
      </c>
      <c r="J35924" s="8">
        <v>14195225</v>
      </c>
      <c r="K35924" s="9"/>
      <c r="L35924" s="6"/>
    </row>
    <row r="35925" spans="1:12">
      <c r="A35925" s="6" t="s">
        <v>35842</v>
      </c>
      <c r="B35925" s="6"/>
      <c r="C35925" s="6" t="s">
        <v>32230</v>
      </c>
      <c r="D35925" s="6"/>
      <c r="E35925" s="6" t="s">
        <v>9</v>
      </c>
      <c r="F35925" s="7">
        <v>43825</v>
      </c>
      <c r="G35925" s="8">
        <v>17688000</v>
      </c>
      <c r="H35925" s="8">
        <v>16502904</v>
      </c>
      <c r="I35925" s="8">
        <v>2370192</v>
      </c>
      <c r="J35925" s="8">
        <v>15317808</v>
      </c>
      <c r="K35925" s="9"/>
      <c r="L35925" s="6"/>
    </row>
    <row r="35926" spans="1:12">
      <c r="A35926" s="6" t="s">
        <v>35843</v>
      </c>
      <c r="B35926" s="6"/>
      <c r="C35926" s="6" t="s">
        <v>32230</v>
      </c>
      <c r="D35926" s="6"/>
      <c r="E35926" s="6" t="s">
        <v>9</v>
      </c>
      <c r="F35926" s="7">
        <v>43825</v>
      </c>
      <c r="G35926" s="8">
        <v>26400000</v>
      </c>
      <c r="H35926" s="8">
        <v>24631200</v>
      </c>
      <c r="I35926" s="8">
        <v>3537600</v>
      </c>
      <c r="J35926" s="8">
        <v>22862400</v>
      </c>
      <c r="K35926" s="9"/>
      <c r="L35926" s="6"/>
    </row>
    <row r="35927" spans="1:12">
      <c r="A35927" s="6" t="s">
        <v>35844</v>
      </c>
      <c r="B35927" s="6"/>
      <c r="C35927" s="6" t="s">
        <v>32230</v>
      </c>
      <c r="D35927" s="6"/>
      <c r="E35927" s="6" t="s">
        <v>9</v>
      </c>
      <c r="F35927" s="7">
        <v>43921</v>
      </c>
      <c r="G35927" s="8">
        <v>143000</v>
      </c>
      <c r="H35927" s="8">
        <v>128700</v>
      </c>
      <c r="I35927" s="8">
        <v>28600</v>
      </c>
      <c r="J35927" s="8">
        <v>114400</v>
      </c>
      <c r="K35927" s="9"/>
      <c r="L35927" s="6"/>
    </row>
    <row r="35928" spans="1:12">
      <c r="A35928" s="6" t="s">
        <v>35845</v>
      </c>
      <c r="B35928" s="6"/>
      <c r="C35928" s="6" t="s">
        <v>32230</v>
      </c>
      <c r="D35928" s="6"/>
      <c r="E35928" s="6" t="s">
        <v>9</v>
      </c>
      <c r="F35928" s="7">
        <v>44180</v>
      </c>
      <c r="G35928" s="8">
        <v>275000</v>
      </c>
      <c r="H35928" s="8">
        <v>275000</v>
      </c>
      <c r="I35928" s="8">
        <v>27500</v>
      </c>
      <c r="J35928" s="8">
        <v>247500</v>
      </c>
      <c r="K35928" s="9"/>
      <c r="L35928" s="6"/>
    </row>
    <row r="35929" spans="1:12">
      <c r="A35929" s="6" t="s">
        <v>35846</v>
      </c>
      <c r="B35929" s="6"/>
      <c r="C35929" s="6" t="s">
        <v>32230</v>
      </c>
      <c r="D35929" s="6"/>
      <c r="E35929" s="6" t="s">
        <v>9</v>
      </c>
      <c r="F35929" s="7">
        <v>30394</v>
      </c>
      <c r="G35929" s="8">
        <v>50041800</v>
      </c>
      <c r="H35929" s="8">
        <v>12010032</v>
      </c>
      <c r="I35929" s="8">
        <v>39032604</v>
      </c>
      <c r="J35929" s="8">
        <v>11009196</v>
      </c>
      <c r="K35929" s="9"/>
      <c r="L35929" s="6"/>
    </row>
    <row r="35930" spans="1:12">
      <c r="A35930" s="6" t="s">
        <v>33185</v>
      </c>
      <c r="B35930" s="6"/>
      <c r="C35930" s="6" t="s">
        <v>32230</v>
      </c>
      <c r="D35930" s="6"/>
      <c r="E35930" s="6" t="s">
        <v>9</v>
      </c>
      <c r="F35930" s="7"/>
      <c r="G35930" s="8">
        <v>1</v>
      </c>
      <c r="H35930" s="8">
        <v>1</v>
      </c>
      <c r="I35930" s="8">
        <v>0</v>
      </c>
      <c r="J35930" s="8">
        <v>1</v>
      </c>
      <c r="K35930" s="9"/>
      <c r="L35930" s="6"/>
    </row>
    <row r="35931" spans="1:12">
      <c r="A35931" s="6" t="s">
        <v>35847</v>
      </c>
      <c r="B35931" s="6"/>
      <c r="C35931" s="6" t="s">
        <v>32230</v>
      </c>
      <c r="D35931" s="6"/>
      <c r="E35931" s="6" t="s">
        <v>9</v>
      </c>
      <c r="F35931" s="7">
        <v>44208</v>
      </c>
      <c r="G35931" s="8">
        <v>49500</v>
      </c>
      <c r="H35931" s="8">
        <v>49500</v>
      </c>
      <c r="I35931" s="8">
        <v>4950</v>
      </c>
      <c r="J35931" s="8">
        <v>44550</v>
      </c>
      <c r="K35931" s="9"/>
      <c r="L35931" s="6"/>
    </row>
    <row r="35932" spans="1:12">
      <c r="A35932" s="6" t="s">
        <v>35848</v>
      </c>
      <c r="B35932" s="6"/>
      <c r="C35932" s="6" t="s">
        <v>32230</v>
      </c>
      <c r="D35932" s="6"/>
      <c r="E35932" s="6" t="s">
        <v>9</v>
      </c>
      <c r="F35932" s="7">
        <v>30394</v>
      </c>
      <c r="G35932" s="8">
        <v>9450000</v>
      </c>
      <c r="H35932" s="8">
        <v>2268000</v>
      </c>
      <c r="I35932" s="8">
        <v>7371000</v>
      </c>
      <c r="J35932" s="8">
        <v>2079000</v>
      </c>
      <c r="K35932" s="9"/>
      <c r="L35932" s="6"/>
    </row>
    <row r="35933" spans="1:12">
      <c r="A35933" s="6" t="s">
        <v>35849</v>
      </c>
      <c r="B35933" s="6"/>
      <c r="C35933" s="6" t="s">
        <v>32230</v>
      </c>
      <c r="D35933" s="6"/>
      <c r="E35933" s="6" t="s">
        <v>9</v>
      </c>
      <c r="F35933" s="7">
        <v>11780</v>
      </c>
      <c r="G35933" s="8">
        <v>4586400</v>
      </c>
      <c r="H35933" s="8">
        <v>1</v>
      </c>
      <c r="I35933" s="8">
        <v>4586399</v>
      </c>
      <c r="J35933" s="8">
        <v>1</v>
      </c>
      <c r="K35933" s="9"/>
      <c r="L35933" s="6"/>
    </row>
    <row r="35934" spans="1:12">
      <c r="A35934" s="6" t="s">
        <v>35850</v>
      </c>
      <c r="B35934" s="6"/>
      <c r="C35934" s="6" t="s">
        <v>32230</v>
      </c>
      <c r="D35934" s="6"/>
      <c r="E35934" s="6" t="s">
        <v>9</v>
      </c>
      <c r="F35934" s="7">
        <v>30394</v>
      </c>
      <c r="G35934" s="8">
        <v>9058500</v>
      </c>
      <c r="H35934" s="8">
        <v>2174040</v>
      </c>
      <c r="I35934" s="8">
        <v>7065630</v>
      </c>
      <c r="J35934" s="8">
        <v>1992870</v>
      </c>
      <c r="K35934" s="9"/>
      <c r="L35934" s="6"/>
    </row>
    <row r="35935" spans="1:12">
      <c r="A35935" s="6" t="s">
        <v>33185</v>
      </c>
      <c r="B35935" s="6"/>
      <c r="C35935" s="6" t="s">
        <v>32230</v>
      </c>
      <c r="D35935" s="6"/>
      <c r="E35935" s="6" t="s">
        <v>9</v>
      </c>
      <c r="F35935" s="7"/>
      <c r="G35935" s="8">
        <v>1</v>
      </c>
      <c r="H35935" s="8">
        <v>1</v>
      </c>
      <c r="I35935" s="8">
        <v>0</v>
      </c>
      <c r="J35935" s="8">
        <v>1</v>
      </c>
      <c r="K35935" s="9"/>
      <c r="L35935" s="6"/>
    </row>
    <row r="35936" spans="1:12">
      <c r="A35936" s="6" t="s">
        <v>33185</v>
      </c>
      <c r="B35936" s="6"/>
      <c r="C35936" s="6" t="s">
        <v>32230</v>
      </c>
      <c r="D35936" s="6"/>
      <c r="E35936" s="6" t="s">
        <v>9</v>
      </c>
      <c r="F35936" s="7"/>
      <c r="G35936" s="8">
        <v>1</v>
      </c>
      <c r="H35936" s="8">
        <v>1</v>
      </c>
      <c r="I35936" s="8">
        <v>0</v>
      </c>
      <c r="J35936" s="8">
        <v>1</v>
      </c>
      <c r="K35936" s="9"/>
      <c r="L35936" s="6"/>
    </row>
    <row r="35937" spans="1:12">
      <c r="A35937" s="6" t="s">
        <v>35851</v>
      </c>
      <c r="B35937" s="6"/>
      <c r="C35937" s="6" t="s">
        <v>32230</v>
      </c>
      <c r="D35937" s="6"/>
      <c r="E35937" s="6" t="s">
        <v>9</v>
      </c>
      <c r="F35937" s="7">
        <v>30394</v>
      </c>
      <c r="G35937" s="8">
        <v>6644700</v>
      </c>
      <c r="H35937" s="8">
        <v>1594728</v>
      </c>
      <c r="I35937" s="8">
        <v>5182866</v>
      </c>
      <c r="J35937" s="8">
        <v>1461834</v>
      </c>
      <c r="K35937" s="9"/>
      <c r="L35937" s="6"/>
    </row>
    <row r="35938" spans="1:12">
      <c r="A35938" s="6" t="s">
        <v>35852</v>
      </c>
      <c r="B35938" s="6"/>
      <c r="C35938" s="6" t="s">
        <v>32230</v>
      </c>
      <c r="D35938" s="6"/>
      <c r="E35938" s="6" t="s">
        <v>9</v>
      </c>
      <c r="F35938" s="7">
        <v>25263</v>
      </c>
      <c r="G35938" s="8">
        <v>1</v>
      </c>
      <c r="H35938" s="8">
        <v>1</v>
      </c>
      <c r="I35938" s="8">
        <v>0</v>
      </c>
      <c r="J35938" s="8">
        <v>1</v>
      </c>
      <c r="K35938" s="9"/>
      <c r="L35938" s="6"/>
    </row>
    <row r="35939" spans="1:12">
      <c r="A35939" s="6" t="s">
        <v>33185</v>
      </c>
      <c r="B35939" s="6"/>
      <c r="C35939" s="6" t="s">
        <v>32230</v>
      </c>
      <c r="D35939" s="6"/>
      <c r="E35939" s="6" t="s">
        <v>9</v>
      </c>
      <c r="F35939" s="7"/>
      <c r="G35939" s="8">
        <v>1</v>
      </c>
      <c r="H35939" s="8">
        <v>1</v>
      </c>
      <c r="I35939" s="8">
        <v>0</v>
      </c>
      <c r="J35939" s="8">
        <v>1</v>
      </c>
      <c r="K35939" s="9"/>
      <c r="L35939" s="6"/>
    </row>
    <row r="35940" spans="1:12">
      <c r="A35940" s="6" t="s">
        <v>35853</v>
      </c>
      <c r="B35940" s="6"/>
      <c r="C35940" s="6" t="s">
        <v>32230</v>
      </c>
      <c r="D35940" s="6"/>
      <c r="E35940" s="6" t="s">
        <v>9</v>
      </c>
      <c r="F35940" s="7">
        <v>30394</v>
      </c>
      <c r="G35940" s="8">
        <v>8197200</v>
      </c>
      <c r="H35940" s="8">
        <v>1967328</v>
      </c>
      <c r="I35940" s="8">
        <v>6393816</v>
      </c>
      <c r="J35940" s="8">
        <v>1803384</v>
      </c>
      <c r="K35940" s="9"/>
      <c r="L35940" s="6"/>
    </row>
    <row r="35941" spans="1:12">
      <c r="A35941" s="6" t="s">
        <v>35854</v>
      </c>
      <c r="B35941" s="6"/>
      <c r="C35941" s="6" t="s">
        <v>32230</v>
      </c>
      <c r="D35941" s="6"/>
      <c r="E35941" s="6" t="s">
        <v>9</v>
      </c>
      <c r="F35941" s="7">
        <v>30394</v>
      </c>
      <c r="G35941" s="8">
        <v>850500</v>
      </c>
      <c r="H35941" s="8">
        <v>204120</v>
      </c>
      <c r="I35941" s="8">
        <v>663390</v>
      </c>
      <c r="J35941" s="8">
        <v>187110</v>
      </c>
      <c r="K35941" s="9"/>
      <c r="L35941" s="6"/>
    </row>
    <row r="35942" spans="1:12">
      <c r="A35942" s="6" t="s">
        <v>35855</v>
      </c>
      <c r="B35942" s="6"/>
      <c r="C35942" s="6" t="s">
        <v>32230</v>
      </c>
      <c r="D35942" s="6"/>
      <c r="E35942" s="6" t="s">
        <v>9</v>
      </c>
      <c r="F35942" s="7">
        <v>30394</v>
      </c>
      <c r="G35942" s="8">
        <v>2376900</v>
      </c>
      <c r="H35942" s="8">
        <v>570456</v>
      </c>
      <c r="I35942" s="8">
        <v>1853982</v>
      </c>
      <c r="J35942" s="8">
        <v>522918</v>
      </c>
      <c r="K35942" s="9"/>
      <c r="L35942" s="6"/>
    </row>
    <row r="35943" spans="1:12">
      <c r="A35943" s="6" t="s">
        <v>35856</v>
      </c>
      <c r="B35943" s="6"/>
      <c r="C35943" s="6" t="s">
        <v>32230</v>
      </c>
      <c r="D35943" s="6"/>
      <c r="E35943" s="6" t="s">
        <v>9</v>
      </c>
      <c r="F35943" s="7">
        <v>30394</v>
      </c>
      <c r="G35943" s="8">
        <v>3363000</v>
      </c>
      <c r="H35943" s="8">
        <v>807120</v>
      </c>
      <c r="I35943" s="8">
        <v>2623140</v>
      </c>
      <c r="J35943" s="8">
        <v>739860</v>
      </c>
      <c r="K35943" s="9"/>
      <c r="L35943" s="6"/>
    </row>
    <row r="35944" spans="1:12">
      <c r="A35944" s="6" t="s">
        <v>33185</v>
      </c>
      <c r="B35944" s="6"/>
      <c r="C35944" s="6" t="s">
        <v>32230</v>
      </c>
      <c r="D35944" s="6"/>
      <c r="E35944" s="6" t="s">
        <v>9</v>
      </c>
      <c r="F35944" s="7"/>
      <c r="G35944" s="8">
        <v>1</v>
      </c>
      <c r="H35944" s="8">
        <v>1</v>
      </c>
      <c r="I35944" s="8">
        <v>0</v>
      </c>
      <c r="J35944" s="8">
        <v>1</v>
      </c>
      <c r="K35944" s="9"/>
      <c r="L35944" s="6"/>
    </row>
    <row r="35945" spans="1:12">
      <c r="A35945" s="6" t="s">
        <v>35857</v>
      </c>
      <c r="B35945" s="6"/>
      <c r="C35945" s="6" t="s">
        <v>32230</v>
      </c>
      <c r="D35945" s="6"/>
      <c r="E35945" s="6" t="s">
        <v>9</v>
      </c>
      <c r="F35945" s="7">
        <v>30394</v>
      </c>
      <c r="G35945" s="8">
        <v>5440500</v>
      </c>
      <c r="H35945" s="8">
        <v>1305720</v>
      </c>
      <c r="I35945" s="8">
        <v>4243590</v>
      </c>
      <c r="J35945" s="8">
        <v>1196910</v>
      </c>
      <c r="K35945" s="9"/>
      <c r="L35945" s="6"/>
    </row>
    <row r="35946" spans="1:12">
      <c r="A35946" s="6" t="s">
        <v>35857</v>
      </c>
      <c r="B35946" s="6"/>
      <c r="C35946" s="6" t="s">
        <v>32230</v>
      </c>
      <c r="D35946" s="6"/>
      <c r="E35946" s="6"/>
      <c r="F35946" s="7">
        <v>43556</v>
      </c>
      <c r="G35946" s="8">
        <v>660000</v>
      </c>
      <c r="H35946" s="8">
        <v>646800</v>
      </c>
      <c r="I35946" s="8">
        <v>26400</v>
      </c>
      <c r="J35946" s="8">
        <v>633600</v>
      </c>
      <c r="K35946" s="9"/>
      <c r="L35946" s="6"/>
    </row>
    <row r="35947" spans="1:12">
      <c r="A35947" s="6" t="s">
        <v>33185</v>
      </c>
      <c r="B35947" s="6"/>
      <c r="C35947" s="6" t="s">
        <v>32230</v>
      </c>
      <c r="D35947" s="6"/>
      <c r="E35947" s="6" t="s">
        <v>9</v>
      </c>
      <c r="F35947" s="7"/>
      <c r="G35947" s="8">
        <v>1</v>
      </c>
      <c r="H35947" s="8">
        <v>1</v>
      </c>
      <c r="I35947" s="8">
        <v>0</v>
      </c>
      <c r="J35947" s="8">
        <v>1</v>
      </c>
      <c r="K35947" s="9"/>
      <c r="L35947" s="6"/>
    </row>
    <row r="35948" spans="1:12">
      <c r="A35948" s="6" t="s">
        <v>35858</v>
      </c>
      <c r="B35948" s="6"/>
      <c r="C35948" s="6" t="s">
        <v>32230</v>
      </c>
      <c r="D35948" s="6"/>
      <c r="E35948" s="6" t="s">
        <v>9</v>
      </c>
      <c r="F35948" s="7">
        <v>30394</v>
      </c>
      <c r="G35948" s="8">
        <v>9720000</v>
      </c>
      <c r="H35948" s="8">
        <v>2332800</v>
      </c>
      <c r="I35948" s="8">
        <v>7581600</v>
      </c>
      <c r="J35948" s="8">
        <v>2138400</v>
      </c>
      <c r="K35948" s="9"/>
      <c r="L35948" s="6"/>
    </row>
    <row r="35949" spans="1:12">
      <c r="A35949" s="6" t="s">
        <v>33185</v>
      </c>
      <c r="B35949" s="6"/>
      <c r="C35949" s="6" t="s">
        <v>32230</v>
      </c>
      <c r="D35949" s="6"/>
      <c r="E35949" s="6" t="s">
        <v>9</v>
      </c>
      <c r="F35949" s="7"/>
      <c r="G35949" s="8">
        <v>1</v>
      </c>
      <c r="H35949" s="8">
        <v>1</v>
      </c>
      <c r="I35949" s="8">
        <v>0</v>
      </c>
      <c r="J35949" s="8">
        <v>1</v>
      </c>
      <c r="K35949" s="9"/>
      <c r="L35949" s="6"/>
    </row>
    <row r="35950" spans="1:12">
      <c r="A35950" s="6" t="s">
        <v>35859</v>
      </c>
      <c r="B35950" s="6"/>
      <c r="C35950" s="6" t="s">
        <v>32230</v>
      </c>
      <c r="D35950" s="6"/>
      <c r="E35950" s="6" t="s">
        <v>9</v>
      </c>
      <c r="F35950" s="7">
        <v>30394</v>
      </c>
      <c r="G35950" s="8">
        <v>978500</v>
      </c>
      <c r="H35950" s="8">
        <v>234840</v>
      </c>
      <c r="I35950" s="8">
        <v>763230</v>
      </c>
      <c r="J35950" s="8">
        <v>215270</v>
      </c>
      <c r="K35950" s="9"/>
      <c r="L35950" s="6"/>
    </row>
    <row r="35951" spans="1:12">
      <c r="A35951" s="6" t="s">
        <v>35860</v>
      </c>
      <c r="B35951" s="6"/>
      <c r="C35951" s="6" t="s">
        <v>32230</v>
      </c>
      <c r="D35951" s="6"/>
      <c r="E35951" s="6" t="s">
        <v>9</v>
      </c>
      <c r="F35951" s="7">
        <v>30394</v>
      </c>
      <c r="G35951" s="8">
        <v>1573200</v>
      </c>
      <c r="H35951" s="8">
        <v>377568</v>
      </c>
      <c r="I35951" s="8">
        <v>1227096</v>
      </c>
      <c r="J35951" s="8">
        <v>346104</v>
      </c>
      <c r="K35951" s="9"/>
      <c r="L35951" s="6"/>
    </row>
    <row r="35952" spans="1:12">
      <c r="A35952" s="6" t="s">
        <v>35861</v>
      </c>
      <c r="B35952" s="6"/>
      <c r="C35952" s="6" t="s">
        <v>32230</v>
      </c>
      <c r="D35952" s="6"/>
      <c r="E35952" s="6" t="s">
        <v>9</v>
      </c>
      <c r="F35952" s="7">
        <v>30394</v>
      </c>
      <c r="G35952" s="8">
        <v>5886000</v>
      </c>
      <c r="H35952" s="8">
        <v>1412640</v>
      </c>
      <c r="I35952" s="8">
        <v>4591080</v>
      </c>
      <c r="J35952" s="8">
        <v>1294920</v>
      </c>
      <c r="K35952" s="9"/>
      <c r="L35952" s="6"/>
    </row>
    <row r="35953" spans="1:12">
      <c r="A35953" s="6" t="s">
        <v>35862</v>
      </c>
      <c r="B35953" s="6"/>
      <c r="C35953" s="6" t="s">
        <v>32230</v>
      </c>
      <c r="D35953" s="6"/>
      <c r="E35953" s="6" t="s">
        <v>9</v>
      </c>
      <c r="F35953" s="7">
        <v>42374</v>
      </c>
      <c r="G35953" s="8">
        <v>1238760</v>
      </c>
      <c r="H35953" s="8">
        <v>1114885</v>
      </c>
      <c r="I35953" s="8">
        <v>148650</v>
      </c>
      <c r="J35953" s="8">
        <v>1090110</v>
      </c>
      <c r="K35953" s="9"/>
      <c r="L35953" s="6"/>
    </row>
    <row r="35954" spans="1:12">
      <c r="A35954" s="6" t="s">
        <v>35863</v>
      </c>
      <c r="B35954" s="6"/>
      <c r="C35954" s="6" t="s">
        <v>32230</v>
      </c>
      <c r="D35954" s="6"/>
      <c r="E35954" s="6" t="s">
        <v>9</v>
      </c>
      <c r="F35954" s="7">
        <v>30394</v>
      </c>
      <c r="G35954" s="8">
        <v>21197700</v>
      </c>
      <c r="H35954" s="8">
        <v>5087448</v>
      </c>
      <c r="I35954" s="8">
        <v>16534206</v>
      </c>
      <c r="J35954" s="8">
        <v>4663494</v>
      </c>
      <c r="K35954" s="9"/>
      <c r="L35954" s="6"/>
    </row>
    <row r="35955" spans="1:12">
      <c r="A35955" s="6" t="s">
        <v>35864</v>
      </c>
      <c r="B35955" s="6"/>
      <c r="C35955" s="6" t="s">
        <v>32230</v>
      </c>
      <c r="D35955" s="6"/>
      <c r="E35955" s="6" t="s">
        <v>9</v>
      </c>
      <c r="F35955" s="7">
        <v>30394</v>
      </c>
      <c r="G35955" s="8">
        <v>22550400</v>
      </c>
      <c r="H35955" s="8">
        <v>5412096</v>
      </c>
      <c r="I35955" s="8">
        <v>17589312</v>
      </c>
      <c r="J35955" s="8">
        <v>4961088</v>
      </c>
      <c r="K35955" s="9"/>
      <c r="L35955" s="6"/>
    </row>
    <row r="35956" spans="1:12">
      <c r="A35956" s="6" t="s">
        <v>35865</v>
      </c>
      <c r="B35956" s="6"/>
      <c r="C35956" s="6" t="s">
        <v>32230</v>
      </c>
      <c r="D35956" s="6"/>
      <c r="E35956" s="6" t="s">
        <v>9</v>
      </c>
      <c r="F35956" s="7">
        <v>43553</v>
      </c>
      <c r="G35956" s="8">
        <v>86400</v>
      </c>
      <c r="H35956" s="8">
        <v>69120</v>
      </c>
      <c r="I35956" s="8">
        <v>25920</v>
      </c>
      <c r="J35956" s="8">
        <v>60480</v>
      </c>
      <c r="K35956" s="9"/>
      <c r="L35956" s="6"/>
    </row>
    <row r="35957" spans="1:12">
      <c r="A35957" s="6" t="s">
        <v>35866</v>
      </c>
      <c r="B35957" s="6"/>
      <c r="C35957" s="6" t="s">
        <v>32230</v>
      </c>
      <c r="D35957" s="6"/>
      <c r="E35957" s="6"/>
      <c r="F35957" s="7">
        <v>43191</v>
      </c>
      <c r="G35957" s="8">
        <v>1263600</v>
      </c>
      <c r="H35957" s="8">
        <v>1213056</v>
      </c>
      <c r="I35957" s="8">
        <v>75816</v>
      </c>
      <c r="J35957" s="8">
        <v>1187784</v>
      </c>
      <c r="K35957" s="9"/>
      <c r="L35957" s="6"/>
    </row>
    <row r="35958" spans="1:12">
      <c r="A35958" s="6" t="s">
        <v>35866</v>
      </c>
      <c r="B35958" s="6"/>
      <c r="C35958" s="6" t="s">
        <v>32230</v>
      </c>
      <c r="D35958" s="6"/>
      <c r="E35958" s="6" t="s">
        <v>9</v>
      </c>
      <c r="F35958" s="7">
        <v>30394</v>
      </c>
      <c r="G35958" s="8">
        <v>3485700</v>
      </c>
      <c r="H35958" s="8">
        <v>836568</v>
      </c>
      <c r="I35958" s="8">
        <v>2718846</v>
      </c>
      <c r="J35958" s="8">
        <v>766854</v>
      </c>
      <c r="K35958" s="9"/>
      <c r="L35958" s="6"/>
    </row>
    <row r="35959" spans="1:12">
      <c r="A35959" s="6" t="s">
        <v>35867</v>
      </c>
      <c r="B35959" s="6"/>
      <c r="C35959" s="6" t="s">
        <v>32230</v>
      </c>
      <c r="D35959" s="6"/>
      <c r="E35959" s="6" t="s">
        <v>9</v>
      </c>
      <c r="F35959" s="7">
        <v>42962</v>
      </c>
      <c r="G35959" s="8">
        <v>1026000</v>
      </c>
      <c r="H35959" s="8">
        <v>819774</v>
      </c>
      <c r="I35959" s="8">
        <v>274968</v>
      </c>
      <c r="J35959" s="8">
        <v>751032</v>
      </c>
      <c r="K35959" s="9"/>
      <c r="L35959" s="6"/>
    </row>
    <row r="35960" spans="1:12">
      <c r="A35960" s="6" t="s">
        <v>35868</v>
      </c>
      <c r="B35960" s="6"/>
      <c r="C35960" s="6" t="s">
        <v>32230</v>
      </c>
      <c r="D35960" s="6"/>
      <c r="E35960" s="6" t="s">
        <v>9</v>
      </c>
      <c r="F35960" s="7">
        <v>30394</v>
      </c>
      <c r="G35960" s="8">
        <v>9112400</v>
      </c>
      <c r="H35960" s="8">
        <v>2186976</v>
      </c>
      <c r="I35960" s="8">
        <v>7107672</v>
      </c>
      <c r="J35960" s="8">
        <v>2004728</v>
      </c>
      <c r="K35960" s="9"/>
      <c r="L35960" s="6"/>
    </row>
    <row r="35961" spans="1:12">
      <c r="A35961" s="6" t="s">
        <v>35869</v>
      </c>
      <c r="B35961" s="6"/>
      <c r="C35961" s="6" t="s">
        <v>32230</v>
      </c>
      <c r="D35961" s="6"/>
      <c r="E35961" s="6" t="s">
        <v>9</v>
      </c>
      <c r="F35961" s="7">
        <v>30394</v>
      </c>
      <c r="G35961" s="8">
        <v>6401700</v>
      </c>
      <c r="H35961" s="8">
        <v>1536408</v>
      </c>
      <c r="I35961" s="8">
        <v>4993326</v>
      </c>
      <c r="J35961" s="8">
        <v>1408374</v>
      </c>
      <c r="K35961" s="9"/>
      <c r="L35961" s="6"/>
    </row>
    <row r="35962" spans="1:12">
      <c r="A35962" s="6" t="s">
        <v>35870</v>
      </c>
      <c r="B35962" s="6"/>
      <c r="C35962" s="6" t="s">
        <v>32230</v>
      </c>
      <c r="D35962" s="6"/>
      <c r="E35962" s="6" t="s">
        <v>9</v>
      </c>
      <c r="F35962" s="7">
        <v>30394</v>
      </c>
      <c r="G35962" s="8">
        <v>34587000</v>
      </c>
      <c r="H35962" s="8">
        <v>8300880</v>
      </c>
      <c r="I35962" s="8">
        <v>26977860</v>
      </c>
      <c r="J35962" s="8">
        <v>7609140</v>
      </c>
      <c r="K35962" s="9"/>
      <c r="L35962" s="6"/>
    </row>
    <row r="35963" spans="1:12">
      <c r="A35963" s="6" t="s">
        <v>35871</v>
      </c>
      <c r="B35963" s="6"/>
      <c r="C35963" s="6" t="s">
        <v>32230</v>
      </c>
      <c r="D35963" s="6"/>
      <c r="E35963" s="6" t="s">
        <v>9</v>
      </c>
      <c r="F35963" s="7">
        <v>30394</v>
      </c>
      <c r="G35963" s="8">
        <v>4673700</v>
      </c>
      <c r="H35963" s="8">
        <v>1121688</v>
      </c>
      <c r="I35963" s="8">
        <v>3645486</v>
      </c>
      <c r="J35963" s="8">
        <v>1028214</v>
      </c>
      <c r="K35963" s="9"/>
      <c r="L35963" s="6"/>
    </row>
    <row r="35964" spans="1:12">
      <c r="A35964" s="6" t="s">
        <v>35872</v>
      </c>
      <c r="B35964" s="6"/>
      <c r="C35964" s="6" t="s">
        <v>32230</v>
      </c>
      <c r="D35964" s="6"/>
      <c r="E35964" s="6" t="s">
        <v>9</v>
      </c>
      <c r="F35964" s="7">
        <v>30394</v>
      </c>
      <c r="G35964" s="8">
        <v>1169100</v>
      </c>
      <c r="H35964" s="8">
        <v>280584</v>
      </c>
      <c r="I35964" s="8">
        <v>911898</v>
      </c>
      <c r="J35964" s="8">
        <v>257202</v>
      </c>
      <c r="K35964" s="9"/>
      <c r="L35964" s="6"/>
    </row>
    <row r="35965" spans="1:12">
      <c r="A35965" s="6" t="s">
        <v>35873</v>
      </c>
      <c r="B35965" s="6"/>
      <c r="C35965" s="6" t="s">
        <v>32230</v>
      </c>
      <c r="D35965" s="6"/>
      <c r="E35965" s="6" t="s">
        <v>9</v>
      </c>
      <c r="F35965" s="7">
        <v>30394</v>
      </c>
      <c r="G35965" s="8">
        <v>1404000</v>
      </c>
      <c r="H35965" s="8">
        <v>336960</v>
      </c>
      <c r="I35965" s="8">
        <v>1095120</v>
      </c>
      <c r="J35965" s="8">
        <v>308880</v>
      </c>
      <c r="K35965" s="9"/>
      <c r="L35965" s="6"/>
    </row>
    <row r="35966" spans="1:12">
      <c r="A35966" s="6" t="s">
        <v>35874</v>
      </c>
      <c r="B35966" s="6"/>
      <c r="C35966" s="6" t="s">
        <v>32230</v>
      </c>
      <c r="D35966" s="6"/>
      <c r="E35966" s="6" t="s">
        <v>9</v>
      </c>
      <c r="F35966" s="7">
        <v>30394</v>
      </c>
      <c r="G35966" s="8">
        <v>2014000</v>
      </c>
      <c r="H35966" s="8">
        <v>483360</v>
      </c>
      <c r="I35966" s="8">
        <v>1570920</v>
      </c>
      <c r="J35966" s="8">
        <v>443080</v>
      </c>
      <c r="K35966" s="9"/>
      <c r="L35966" s="6"/>
    </row>
    <row r="35967" spans="1:12">
      <c r="A35967" s="6" t="s">
        <v>35875</v>
      </c>
      <c r="B35967" s="6"/>
      <c r="C35967" s="6" t="s">
        <v>32230</v>
      </c>
      <c r="D35967" s="6"/>
      <c r="E35967" s="6" t="s">
        <v>9</v>
      </c>
      <c r="F35967" s="7">
        <v>42073</v>
      </c>
      <c r="G35967" s="8">
        <v>6296400</v>
      </c>
      <c r="H35967" s="8">
        <v>1574100</v>
      </c>
      <c r="I35967" s="8">
        <v>5509350</v>
      </c>
      <c r="J35967" s="8">
        <v>787050</v>
      </c>
      <c r="K35967" s="9"/>
      <c r="L35967" s="6"/>
    </row>
    <row r="35968" spans="1:12">
      <c r="A35968" s="6" t="s">
        <v>35876</v>
      </c>
      <c r="B35968" s="6"/>
      <c r="C35968" s="6" t="s">
        <v>32230</v>
      </c>
      <c r="D35968" s="6"/>
      <c r="E35968" s="6" t="s">
        <v>9</v>
      </c>
      <c r="F35968" s="7">
        <v>42794</v>
      </c>
      <c r="G35968" s="8">
        <v>448200</v>
      </c>
      <c r="H35968" s="8">
        <v>268920</v>
      </c>
      <c r="I35968" s="8">
        <v>224100</v>
      </c>
      <c r="J35968" s="8">
        <v>224100</v>
      </c>
      <c r="K35968" s="9"/>
      <c r="L35968" s="6"/>
    </row>
    <row r="35969" spans="1:12">
      <c r="A35969" s="6" t="s">
        <v>35877</v>
      </c>
      <c r="B35969" s="6"/>
      <c r="C35969" s="6" t="s">
        <v>32230</v>
      </c>
      <c r="D35969" s="6"/>
      <c r="E35969" s="6" t="s">
        <v>9</v>
      </c>
      <c r="F35969" s="7">
        <v>44286</v>
      </c>
      <c r="G35969" s="8">
        <v>424600</v>
      </c>
      <c r="H35969" s="8">
        <v>424600</v>
      </c>
      <c r="I35969" s="8">
        <v>25051</v>
      </c>
      <c r="J35969" s="8">
        <v>399549</v>
      </c>
      <c r="K35969" s="9"/>
      <c r="L35969" s="6"/>
    </row>
    <row r="35970" spans="1:12">
      <c r="A35970" s="6" t="s">
        <v>35878</v>
      </c>
      <c r="B35970" s="6"/>
      <c r="C35970" s="6" t="s">
        <v>32230</v>
      </c>
      <c r="D35970" s="6"/>
      <c r="E35970" s="6" t="s">
        <v>9</v>
      </c>
      <c r="F35970" s="7">
        <v>30394</v>
      </c>
      <c r="G35970" s="8">
        <v>655500</v>
      </c>
      <c r="H35970" s="8">
        <v>157320</v>
      </c>
      <c r="I35970" s="8">
        <v>511290</v>
      </c>
      <c r="J35970" s="8">
        <v>144210</v>
      </c>
      <c r="K35970" s="9"/>
      <c r="L35970" s="6"/>
    </row>
    <row r="35971" spans="1:12">
      <c r="A35971" s="6" t="s">
        <v>35879</v>
      </c>
      <c r="B35971" s="6"/>
      <c r="C35971" s="6" t="s">
        <v>32230</v>
      </c>
      <c r="D35971" s="6"/>
      <c r="E35971" s="6" t="s">
        <v>9</v>
      </c>
      <c r="F35971" s="7">
        <v>30394</v>
      </c>
      <c r="G35971" s="8">
        <v>13365000</v>
      </c>
      <c r="H35971" s="8">
        <v>3207600</v>
      </c>
      <c r="I35971" s="8">
        <v>10424700</v>
      </c>
      <c r="J35971" s="8">
        <v>2940300</v>
      </c>
      <c r="K35971" s="9"/>
      <c r="L35971" s="6"/>
    </row>
    <row r="35972" spans="1:12">
      <c r="A35972" s="6" t="s">
        <v>35880</v>
      </c>
      <c r="B35972" s="6"/>
      <c r="C35972" s="6" t="s">
        <v>32230</v>
      </c>
      <c r="D35972" s="6"/>
      <c r="E35972" s="6" t="s">
        <v>9</v>
      </c>
      <c r="F35972" s="7">
        <v>44286</v>
      </c>
      <c r="G35972" s="8">
        <v>605000</v>
      </c>
      <c r="H35972" s="8">
        <v>605000</v>
      </c>
      <c r="I35972" s="8">
        <v>40535</v>
      </c>
      <c r="J35972" s="8">
        <v>564465</v>
      </c>
      <c r="K35972" s="9"/>
      <c r="L35972" s="6"/>
    </row>
    <row r="35973" spans="1:12">
      <c r="A35973" s="6" t="s">
        <v>35881</v>
      </c>
      <c r="B35973" s="6"/>
      <c r="C35973" s="6" t="s">
        <v>32230</v>
      </c>
      <c r="D35973" s="6"/>
      <c r="E35973" s="6" t="s">
        <v>9</v>
      </c>
      <c r="F35973" s="7">
        <v>30394</v>
      </c>
      <c r="G35973" s="8">
        <v>30496500</v>
      </c>
      <c r="H35973" s="8">
        <v>7319160</v>
      </c>
      <c r="I35973" s="8">
        <v>23787270</v>
      </c>
      <c r="J35973" s="8">
        <v>6709230</v>
      </c>
      <c r="K35973" s="9"/>
      <c r="L35973" s="6"/>
    </row>
    <row r="35974" spans="1:12">
      <c r="A35974" s="6" t="s">
        <v>35882</v>
      </c>
      <c r="B35974" s="6"/>
      <c r="C35974" s="6" t="s">
        <v>32230</v>
      </c>
      <c r="D35974" s="6"/>
      <c r="E35974" s="6" t="s">
        <v>9</v>
      </c>
      <c r="F35974" s="7">
        <v>30394</v>
      </c>
      <c r="G35974" s="8">
        <v>64459800</v>
      </c>
      <c r="H35974" s="8">
        <v>15470352</v>
      </c>
      <c r="I35974" s="8">
        <v>50278644</v>
      </c>
      <c r="J35974" s="8">
        <v>14181156</v>
      </c>
      <c r="K35974" s="9"/>
      <c r="L35974" s="6"/>
    </row>
    <row r="35975" spans="1:12">
      <c r="A35975" s="6" t="s">
        <v>35883</v>
      </c>
      <c r="B35975" s="6"/>
      <c r="C35975" s="6" t="s">
        <v>32230</v>
      </c>
      <c r="D35975" s="6"/>
      <c r="E35975" s="6" t="s">
        <v>9</v>
      </c>
      <c r="F35975" s="7">
        <v>30394</v>
      </c>
      <c r="G35975" s="8">
        <v>8645000</v>
      </c>
      <c r="H35975" s="8">
        <v>2074800</v>
      </c>
      <c r="I35975" s="8">
        <v>6743100</v>
      </c>
      <c r="J35975" s="8">
        <v>1901900</v>
      </c>
      <c r="K35975" s="9"/>
      <c r="L35975" s="6"/>
    </row>
    <row r="35976" spans="1:12">
      <c r="A35976" s="6" t="s">
        <v>35884</v>
      </c>
      <c r="B35976" s="6"/>
      <c r="C35976" s="6" t="s">
        <v>32230</v>
      </c>
      <c r="D35976" s="6"/>
      <c r="E35976" s="6" t="s">
        <v>9</v>
      </c>
      <c r="F35976" s="7">
        <v>30394</v>
      </c>
      <c r="G35976" s="8">
        <v>4712000</v>
      </c>
      <c r="H35976" s="8">
        <v>1130880</v>
      </c>
      <c r="I35976" s="8">
        <v>3675360</v>
      </c>
      <c r="J35976" s="8">
        <v>1036640</v>
      </c>
      <c r="K35976" s="9"/>
      <c r="L35976" s="6"/>
    </row>
    <row r="35977" spans="1:12">
      <c r="A35977" s="6" t="s">
        <v>35885</v>
      </c>
      <c r="B35977" s="6"/>
      <c r="C35977" s="6" t="s">
        <v>32230</v>
      </c>
      <c r="D35977" s="6"/>
      <c r="E35977" s="6" t="s">
        <v>9</v>
      </c>
      <c r="F35977" s="7">
        <v>30394</v>
      </c>
      <c r="G35977" s="8">
        <v>23052600</v>
      </c>
      <c r="H35977" s="8">
        <v>5532624</v>
      </c>
      <c r="I35977" s="8">
        <v>17981028</v>
      </c>
      <c r="J35977" s="8">
        <v>5071572</v>
      </c>
      <c r="K35977" s="9"/>
      <c r="L35977" s="6"/>
    </row>
    <row r="35978" spans="1:12">
      <c r="A35978" s="6" t="s">
        <v>33185</v>
      </c>
      <c r="B35978" s="6"/>
      <c r="C35978" s="6" t="s">
        <v>32230</v>
      </c>
      <c r="D35978" s="6"/>
      <c r="E35978" s="6" t="s">
        <v>9</v>
      </c>
      <c r="F35978" s="7"/>
      <c r="G35978" s="8">
        <v>1</v>
      </c>
      <c r="H35978" s="8">
        <v>1</v>
      </c>
      <c r="I35978" s="8">
        <v>0</v>
      </c>
      <c r="J35978" s="8">
        <v>1</v>
      </c>
      <c r="K35978" s="9"/>
      <c r="L35978" s="6"/>
    </row>
    <row r="35979" spans="1:12">
      <c r="A35979" s="6" t="s">
        <v>33185</v>
      </c>
      <c r="B35979" s="6"/>
      <c r="C35979" s="6" t="s">
        <v>32230</v>
      </c>
      <c r="D35979" s="6"/>
      <c r="E35979" s="6" t="s">
        <v>9</v>
      </c>
      <c r="F35979" s="7"/>
      <c r="G35979" s="8">
        <v>1</v>
      </c>
      <c r="H35979" s="8">
        <v>1</v>
      </c>
      <c r="I35979" s="8">
        <v>0</v>
      </c>
      <c r="J35979" s="8">
        <v>1</v>
      </c>
      <c r="K35979" s="9"/>
      <c r="L35979" s="6"/>
    </row>
    <row r="35980" spans="1:12">
      <c r="A35980" s="6" t="s">
        <v>35886</v>
      </c>
      <c r="B35980" s="6"/>
      <c r="C35980" s="6" t="s">
        <v>32230</v>
      </c>
      <c r="D35980" s="6"/>
      <c r="E35980" s="6" t="s">
        <v>9</v>
      </c>
      <c r="F35980" s="7">
        <v>30394</v>
      </c>
      <c r="G35980" s="8">
        <v>22906800</v>
      </c>
      <c r="H35980" s="8">
        <v>5497632</v>
      </c>
      <c r="I35980" s="8">
        <v>17867304</v>
      </c>
      <c r="J35980" s="8">
        <v>5039496</v>
      </c>
      <c r="K35980" s="9"/>
      <c r="L35980" s="6"/>
    </row>
    <row r="35981" spans="1:12">
      <c r="A35981" s="6" t="s">
        <v>33185</v>
      </c>
      <c r="B35981" s="6"/>
      <c r="C35981" s="6" t="s">
        <v>32230</v>
      </c>
      <c r="D35981" s="6"/>
      <c r="E35981" s="6" t="s">
        <v>9</v>
      </c>
      <c r="F35981" s="7"/>
      <c r="G35981" s="8">
        <v>1</v>
      </c>
      <c r="H35981" s="8">
        <v>1</v>
      </c>
      <c r="I35981" s="8">
        <v>0</v>
      </c>
      <c r="J35981" s="8">
        <v>1</v>
      </c>
      <c r="K35981" s="9"/>
      <c r="L35981" s="6"/>
    </row>
    <row r="35982" spans="1:12">
      <c r="A35982" s="6" t="s">
        <v>35887</v>
      </c>
      <c r="B35982" s="6"/>
      <c r="C35982" s="6" t="s">
        <v>32230</v>
      </c>
      <c r="D35982" s="6"/>
      <c r="E35982" s="6" t="s">
        <v>9</v>
      </c>
      <c r="F35982" s="7">
        <v>30394</v>
      </c>
      <c r="G35982" s="8">
        <v>16785900</v>
      </c>
      <c r="H35982" s="8">
        <v>4028616</v>
      </c>
      <c r="I35982" s="8">
        <v>13093002</v>
      </c>
      <c r="J35982" s="8">
        <v>3692898</v>
      </c>
      <c r="K35982" s="9"/>
      <c r="L35982" s="6"/>
    </row>
    <row r="35983" spans="1:12">
      <c r="A35983" s="6" t="s">
        <v>35888</v>
      </c>
      <c r="B35983" s="6"/>
      <c r="C35983" s="6" t="s">
        <v>32230</v>
      </c>
      <c r="D35983" s="6"/>
      <c r="E35983" s="6" t="s">
        <v>9</v>
      </c>
      <c r="F35983" s="7">
        <v>30394</v>
      </c>
      <c r="G35983" s="8">
        <v>41164200</v>
      </c>
      <c r="H35983" s="8">
        <v>9879408</v>
      </c>
      <c r="I35983" s="8">
        <v>32108076</v>
      </c>
      <c r="J35983" s="8">
        <v>9056124</v>
      </c>
      <c r="K35983" s="9"/>
      <c r="L35983" s="6"/>
    </row>
    <row r="35984" spans="1:12">
      <c r="A35984" s="6" t="s">
        <v>35889</v>
      </c>
      <c r="B35984" s="6"/>
      <c r="C35984" s="6" t="s">
        <v>32230</v>
      </c>
      <c r="D35984" s="6"/>
      <c r="E35984" s="6" t="s">
        <v>9</v>
      </c>
      <c r="F35984" s="7">
        <v>30394</v>
      </c>
      <c r="G35984" s="8">
        <v>15390000</v>
      </c>
      <c r="H35984" s="8">
        <v>3693600</v>
      </c>
      <c r="I35984" s="8">
        <v>12004200</v>
      </c>
      <c r="J35984" s="8">
        <v>3385800</v>
      </c>
      <c r="K35984" s="9"/>
      <c r="L35984" s="6"/>
    </row>
    <row r="35985" spans="1:12">
      <c r="A35985" s="6" t="s">
        <v>35890</v>
      </c>
      <c r="B35985" s="6"/>
      <c r="C35985" s="6" t="s">
        <v>32230</v>
      </c>
      <c r="D35985" s="6"/>
      <c r="E35985" s="6" t="s">
        <v>9</v>
      </c>
      <c r="F35985" s="7">
        <v>30394</v>
      </c>
      <c r="G35985" s="8">
        <v>10100700</v>
      </c>
      <c r="H35985" s="8">
        <v>2424168</v>
      </c>
      <c r="I35985" s="8">
        <v>7878546</v>
      </c>
      <c r="J35985" s="8">
        <v>2222154</v>
      </c>
      <c r="K35985" s="9"/>
      <c r="L35985" s="6"/>
    </row>
    <row r="35986" spans="1:12">
      <c r="A35986" s="6" t="s">
        <v>35891</v>
      </c>
      <c r="B35986" s="6"/>
      <c r="C35986" s="6" t="s">
        <v>32230</v>
      </c>
      <c r="D35986" s="6"/>
      <c r="E35986" s="6" t="s">
        <v>9</v>
      </c>
      <c r="F35986" s="7">
        <v>30394</v>
      </c>
      <c r="G35986" s="8">
        <v>14823000</v>
      </c>
      <c r="H35986" s="8">
        <v>3557520</v>
      </c>
      <c r="I35986" s="8">
        <v>11561940</v>
      </c>
      <c r="J35986" s="8">
        <v>3261060</v>
      </c>
      <c r="K35986" s="9"/>
      <c r="L35986" s="6"/>
    </row>
    <row r="35987" spans="1:12">
      <c r="A35987" s="6" t="s">
        <v>35892</v>
      </c>
      <c r="B35987" s="6"/>
      <c r="C35987" s="6" t="s">
        <v>32230</v>
      </c>
      <c r="D35987" s="6"/>
      <c r="E35987" s="6" t="s">
        <v>9</v>
      </c>
      <c r="F35987" s="7">
        <v>30394</v>
      </c>
      <c r="G35987" s="8">
        <v>2502900</v>
      </c>
      <c r="H35987" s="8">
        <v>600696</v>
      </c>
      <c r="I35987" s="8">
        <v>1952262</v>
      </c>
      <c r="J35987" s="8">
        <v>550638</v>
      </c>
      <c r="K35987" s="9"/>
      <c r="L35987" s="6"/>
    </row>
    <row r="35988" spans="1:12">
      <c r="A35988" s="6" t="s">
        <v>35893</v>
      </c>
      <c r="B35988" s="6"/>
      <c r="C35988" s="6" t="s">
        <v>32230</v>
      </c>
      <c r="D35988" s="6"/>
      <c r="E35988" s="6" t="s">
        <v>9</v>
      </c>
      <c r="F35988" s="7">
        <v>30394</v>
      </c>
      <c r="G35988" s="8">
        <v>31509000</v>
      </c>
      <c r="H35988" s="8">
        <v>7562160</v>
      </c>
      <c r="I35988" s="8">
        <v>24577020</v>
      </c>
      <c r="J35988" s="8">
        <v>6931980</v>
      </c>
      <c r="K35988" s="9"/>
      <c r="L35988" s="6"/>
    </row>
    <row r="35989" spans="1:12">
      <c r="A35989" s="6" t="s">
        <v>35894</v>
      </c>
      <c r="B35989" s="6"/>
      <c r="C35989" s="6" t="s">
        <v>32230</v>
      </c>
      <c r="D35989" s="6"/>
      <c r="E35989" s="6" t="s">
        <v>9</v>
      </c>
      <c r="F35989" s="7">
        <v>30394</v>
      </c>
      <c r="G35989" s="8">
        <v>6358500</v>
      </c>
      <c r="H35989" s="8">
        <v>1526040</v>
      </c>
      <c r="I35989" s="8">
        <v>4959630</v>
      </c>
      <c r="J35989" s="8">
        <v>1398870</v>
      </c>
      <c r="K35989" s="9"/>
      <c r="L35989" s="6"/>
    </row>
    <row r="35990" spans="1:12">
      <c r="A35990" s="6" t="s">
        <v>35895</v>
      </c>
      <c r="B35990" s="6"/>
      <c r="C35990" s="6" t="s">
        <v>32230</v>
      </c>
      <c r="D35990" s="6"/>
      <c r="E35990" s="6" t="s">
        <v>9</v>
      </c>
      <c r="F35990" s="7">
        <v>30394</v>
      </c>
      <c r="G35990" s="8">
        <v>9112500</v>
      </c>
      <c r="H35990" s="8">
        <v>2187000</v>
      </c>
      <c r="I35990" s="8">
        <v>7107750</v>
      </c>
      <c r="J35990" s="8">
        <v>2004750</v>
      </c>
      <c r="K35990" s="9"/>
      <c r="L35990" s="6"/>
    </row>
    <row r="35991" spans="1:12">
      <c r="A35991" s="6" t="s">
        <v>35896</v>
      </c>
      <c r="B35991" s="6"/>
      <c r="C35991" s="6" t="s">
        <v>32230</v>
      </c>
      <c r="D35991" s="6"/>
      <c r="E35991" s="6" t="s">
        <v>9</v>
      </c>
      <c r="F35991" s="7">
        <v>31868</v>
      </c>
      <c r="G35991" s="8">
        <v>22793400</v>
      </c>
      <c r="H35991" s="8">
        <v>7749756</v>
      </c>
      <c r="I35991" s="8">
        <v>15499512</v>
      </c>
      <c r="J35991" s="8">
        <v>7293888</v>
      </c>
      <c r="K35991" s="9"/>
      <c r="L35991" s="6"/>
    </row>
    <row r="35992" spans="1:12">
      <c r="A35992" s="6" t="s">
        <v>35897</v>
      </c>
      <c r="B35992" s="6"/>
      <c r="C35992" s="6" t="s">
        <v>32230</v>
      </c>
      <c r="D35992" s="6"/>
      <c r="E35992" s="6" t="s">
        <v>9</v>
      </c>
      <c r="F35992" s="7">
        <v>30394</v>
      </c>
      <c r="G35992" s="8">
        <v>4638600</v>
      </c>
      <c r="H35992" s="8">
        <v>1113264</v>
      </c>
      <c r="I35992" s="8">
        <v>3618108</v>
      </c>
      <c r="J35992" s="8">
        <v>1020492</v>
      </c>
      <c r="K35992" s="9"/>
      <c r="L35992" s="6"/>
    </row>
    <row r="35993" spans="1:12">
      <c r="A35993" s="6" t="s">
        <v>35898</v>
      </c>
      <c r="B35993" s="6"/>
      <c r="C35993" s="6" t="s">
        <v>32230</v>
      </c>
      <c r="D35993" s="6"/>
      <c r="E35993" s="6" t="s">
        <v>9</v>
      </c>
      <c r="F35993" s="7">
        <v>30394</v>
      </c>
      <c r="G35993" s="8">
        <v>23149800</v>
      </c>
      <c r="H35993" s="8">
        <v>5555952</v>
      </c>
      <c r="I35993" s="8">
        <v>18056844</v>
      </c>
      <c r="J35993" s="8">
        <v>5092956</v>
      </c>
      <c r="K35993" s="9"/>
      <c r="L35993" s="6"/>
    </row>
    <row r="35994" spans="1:12">
      <c r="A35994" s="6" t="s">
        <v>35899</v>
      </c>
      <c r="B35994" s="6"/>
      <c r="C35994" s="6" t="s">
        <v>32230</v>
      </c>
      <c r="D35994" s="6"/>
      <c r="E35994" s="6" t="s">
        <v>9</v>
      </c>
      <c r="F35994" s="7">
        <v>30394</v>
      </c>
      <c r="G35994" s="8">
        <v>607500</v>
      </c>
      <c r="H35994" s="8">
        <v>145800</v>
      </c>
      <c r="I35994" s="8">
        <v>473850</v>
      </c>
      <c r="J35994" s="8">
        <v>133650</v>
      </c>
      <c r="K35994" s="9"/>
      <c r="L35994" s="6"/>
    </row>
    <row r="35995" spans="1:12">
      <c r="A35995" s="6" t="s">
        <v>35900</v>
      </c>
      <c r="B35995" s="6"/>
      <c r="C35995" s="6" t="s">
        <v>32230</v>
      </c>
      <c r="D35995" s="6"/>
      <c r="E35995" s="6" t="s">
        <v>9</v>
      </c>
      <c r="F35995" s="7">
        <v>30394</v>
      </c>
      <c r="G35995" s="8">
        <v>729000</v>
      </c>
      <c r="H35995" s="8">
        <v>174960</v>
      </c>
      <c r="I35995" s="8">
        <v>568620</v>
      </c>
      <c r="J35995" s="8">
        <v>160380</v>
      </c>
      <c r="K35995" s="9"/>
      <c r="L35995" s="6"/>
    </row>
    <row r="35996" spans="1:12">
      <c r="A35996" s="6" t="s">
        <v>35901</v>
      </c>
      <c r="B35996" s="6"/>
      <c r="C35996" s="6" t="s">
        <v>32230</v>
      </c>
      <c r="D35996" s="6"/>
      <c r="E35996" s="6" t="s">
        <v>9</v>
      </c>
      <c r="F35996" s="7">
        <v>30394</v>
      </c>
      <c r="G35996" s="8">
        <v>702000</v>
      </c>
      <c r="H35996" s="8">
        <v>168480</v>
      </c>
      <c r="I35996" s="8">
        <v>547560</v>
      </c>
      <c r="J35996" s="8">
        <v>154440</v>
      </c>
      <c r="K35996" s="9"/>
      <c r="L35996" s="6"/>
    </row>
    <row r="35997" spans="1:12">
      <c r="A35997" s="6" t="s">
        <v>35902</v>
      </c>
      <c r="B35997" s="6"/>
      <c r="C35997" s="6" t="s">
        <v>32230</v>
      </c>
      <c r="D35997" s="6"/>
      <c r="E35997" s="6" t="s">
        <v>9</v>
      </c>
      <c r="F35997" s="7">
        <v>30394</v>
      </c>
      <c r="G35997" s="8">
        <v>8845200</v>
      </c>
      <c r="H35997" s="8">
        <v>2122848</v>
      </c>
      <c r="I35997" s="8">
        <v>6899256</v>
      </c>
      <c r="J35997" s="8">
        <v>1945944</v>
      </c>
      <c r="K35997" s="9"/>
      <c r="L35997" s="6"/>
    </row>
    <row r="35998" spans="1:12">
      <c r="A35998" s="6" t="s">
        <v>35902</v>
      </c>
      <c r="B35998" s="6"/>
      <c r="C35998" s="6" t="s">
        <v>32230</v>
      </c>
      <c r="D35998" s="6"/>
      <c r="E35998" s="6"/>
      <c r="F35998" s="7">
        <v>43922</v>
      </c>
      <c r="G35998" s="8">
        <v>918500</v>
      </c>
      <c r="H35998" s="8">
        <v>918500</v>
      </c>
      <c r="I35998" s="8">
        <v>18370</v>
      </c>
      <c r="J35998" s="8">
        <v>900130</v>
      </c>
      <c r="K35998" s="9"/>
      <c r="L35998" s="6"/>
    </row>
    <row r="35999" spans="1:12">
      <c r="A35999" s="6" t="s">
        <v>35903</v>
      </c>
      <c r="B35999" s="6"/>
      <c r="C35999" s="6" t="s">
        <v>32230</v>
      </c>
      <c r="D35999" s="6"/>
      <c r="E35999" s="6" t="s">
        <v>9</v>
      </c>
      <c r="F35999" s="7">
        <v>43641</v>
      </c>
      <c r="G35999" s="8">
        <v>599400</v>
      </c>
      <c r="H35999" s="8">
        <v>559241</v>
      </c>
      <c r="I35999" s="8">
        <v>80318</v>
      </c>
      <c r="J35999" s="8">
        <v>519082</v>
      </c>
      <c r="K35999" s="9"/>
      <c r="L35999" s="6"/>
    </row>
    <row r="36000" spans="1:12">
      <c r="A36000" s="6" t="s">
        <v>35904</v>
      </c>
      <c r="B36000" s="6"/>
      <c r="C36000" s="6" t="s">
        <v>32230</v>
      </c>
      <c r="D36000" s="6"/>
      <c r="E36000" s="6" t="s">
        <v>9</v>
      </c>
      <c r="F36000" s="7">
        <v>30394</v>
      </c>
      <c r="G36000" s="8">
        <v>44371800</v>
      </c>
      <c r="H36000" s="8">
        <v>10649232</v>
      </c>
      <c r="I36000" s="8">
        <v>34610004</v>
      </c>
      <c r="J36000" s="8">
        <v>9761796</v>
      </c>
      <c r="K36000" s="9"/>
      <c r="L36000" s="6"/>
    </row>
    <row r="36001" spans="1:12">
      <c r="A36001" s="6" t="s">
        <v>35905</v>
      </c>
      <c r="B36001" s="6"/>
      <c r="C36001" s="6" t="s">
        <v>32230</v>
      </c>
      <c r="D36001" s="6"/>
      <c r="E36001" s="6" t="s">
        <v>9</v>
      </c>
      <c r="F36001" s="7">
        <v>30394</v>
      </c>
      <c r="G36001" s="8">
        <v>41528700</v>
      </c>
      <c r="H36001" s="8">
        <v>9966888</v>
      </c>
      <c r="I36001" s="8">
        <v>32392386</v>
      </c>
      <c r="J36001" s="8">
        <v>9136314</v>
      </c>
      <c r="K36001" s="9"/>
      <c r="L36001" s="6"/>
    </row>
    <row r="36002" spans="1:12">
      <c r="A36002" s="6" t="s">
        <v>35906</v>
      </c>
      <c r="B36002" s="6"/>
      <c r="C36002" s="6" t="s">
        <v>32230</v>
      </c>
      <c r="D36002" s="6"/>
      <c r="E36002" s="6" t="s">
        <v>9</v>
      </c>
      <c r="F36002" s="7">
        <v>43136</v>
      </c>
      <c r="G36002" s="8">
        <v>1231200</v>
      </c>
      <c r="H36002" s="8">
        <v>1146249</v>
      </c>
      <c r="I36002" s="8">
        <v>113268</v>
      </c>
      <c r="J36002" s="8">
        <v>1117932</v>
      </c>
      <c r="K36002" s="9"/>
      <c r="L36002" s="6"/>
    </row>
    <row r="36003" spans="1:12">
      <c r="A36003" s="6" t="s">
        <v>35907</v>
      </c>
      <c r="B36003" s="6"/>
      <c r="C36003" s="6" t="s">
        <v>32230</v>
      </c>
      <c r="D36003" s="6"/>
      <c r="E36003" s="6" t="s">
        <v>9</v>
      </c>
      <c r="F36003" s="7">
        <v>30394</v>
      </c>
      <c r="G36003" s="8">
        <v>13915800</v>
      </c>
      <c r="H36003" s="8">
        <v>3339792</v>
      </c>
      <c r="I36003" s="8">
        <v>10854324</v>
      </c>
      <c r="J36003" s="8">
        <v>3061476</v>
      </c>
      <c r="K36003" s="9"/>
      <c r="L36003" s="6"/>
    </row>
    <row r="36004" spans="1:12">
      <c r="A36004" s="6" t="s">
        <v>35908</v>
      </c>
      <c r="B36004" s="6"/>
      <c r="C36004" s="6" t="s">
        <v>32230</v>
      </c>
      <c r="D36004" s="6"/>
      <c r="E36004" s="6" t="s">
        <v>9</v>
      </c>
      <c r="F36004" s="7">
        <v>30394</v>
      </c>
      <c r="G36004" s="8">
        <v>22590900</v>
      </c>
      <c r="H36004" s="8">
        <v>5421816</v>
      </c>
      <c r="I36004" s="8">
        <v>17620902</v>
      </c>
      <c r="J36004" s="8">
        <v>4969998</v>
      </c>
      <c r="K36004" s="9"/>
      <c r="L36004" s="6"/>
    </row>
    <row r="36005" spans="1:12">
      <c r="A36005" s="6" t="s">
        <v>35909</v>
      </c>
      <c r="B36005" s="6"/>
      <c r="C36005" s="6" t="s">
        <v>32230</v>
      </c>
      <c r="D36005" s="6"/>
      <c r="E36005" s="6" t="s">
        <v>9</v>
      </c>
      <c r="F36005" s="7">
        <v>30394</v>
      </c>
      <c r="G36005" s="8">
        <v>30966300</v>
      </c>
      <c r="H36005" s="8">
        <v>7431912</v>
      </c>
      <c r="I36005" s="8">
        <v>24153714</v>
      </c>
      <c r="J36005" s="8">
        <v>6812586</v>
      </c>
      <c r="K36005" s="9"/>
      <c r="L36005" s="6"/>
    </row>
    <row r="36006" spans="1:12">
      <c r="A36006" s="6" t="s">
        <v>35910</v>
      </c>
      <c r="B36006" s="6"/>
      <c r="C36006" s="6" t="s">
        <v>32230</v>
      </c>
      <c r="D36006" s="6"/>
      <c r="E36006" s="6" t="s">
        <v>9</v>
      </c>
      <c r="F36006" s="7">
        <v>30394</v>
      </c>
      <c r="G36006" s="8">
        <v>37746000</v>
      </c>
      <c r="H36006" s="8">
        <v>9059040</v>
      </c>
      <c r="I36006" s="8">
        <v>29441880</v>
      </c>
      <c r="J36006" s="8">
        <v>8304120</v>
      </c>
      <c r="K36006" s="9"/>
      <c r="L36006" s="6"/>
    </row>
    <row r="36007" spans="1:12">
      <c r="A36007" s="6" t="s">
        <v>35911</v>
      </c>
      <c r="B36007" s="6"/>
      <c r="C36007" s="6" t="s">
        <v>32230</v>
      </c>
      <c r="D36007" s="6"/>
      <c r="E36007" s="6" t="s">
        <v>9</v>
      </c>
      <c r="F36007" s="7">
        <v>42745</v>
      </c>
      <c r="G36007" s="8">
        <v>907200</v>
      </c>
      <c r="H36007" s="8">
        <v>834624</v>
      </c>
      <c r="I36007" s="8">
        <v>90720</v>
      </c>
      <c r="J36007" s="8">
        <v>816480</v>
      </c>
      <c r="K36007" s="9"/>
      <c r="L36007" s="6"/>
    </row>
    <row r="36008" spans="1:12">
      <c r="A36008" s="6" t="s">
        <v>35912</v>
      </c>
      <c r="B36008" s="6"/>
      <c r="C36008" s="6" t="s">
        <v>32230</v>
      </c>
      <c r="D36008" s="6"/>
      <c r="E36008" s="6" t="s">
        <v>9</v>
      </c>
      <c r="F36008" s="7">
        <v>30394</v>
      </c>
      <c r="G36008" s="8">
        <v>108326400</v>
      </c>
      <c r="H36008" s="8">
        <v>25998336</v>
      </c>
      <c r="I36008" s="8">
        <v>84494592</v>
      </c>
      <c r="J36008" s="8">
        <v>23831808</v>
      </c>
      <c r="K36008" s="9"/>
      <c r="L36008" s="6"/>
    </row>
    <row r="36009" spans="1:12">
      <c r="A36009" s="6" t="s">
        <v>35913</v>
      </c>
      <c r="B36009" s="6"/>
      <c r="C36009" s="6" t="s">
        <v>32230</v>
      </c>
      <c r="D36009" s="6"/>
      <c r="E36009" s="6" t="s">
        <v>9</v>
      </c>
      <c r="F36009" s="7">
        <v>30394</v>
      </c>
      <c r="G36009" s="8">
        <v>43132500</v>
      </c>
      <c r="H36009" s="8">
        <v>10351800</v>
      </c>
      <c r="I36009" s="8">
        <v>33643350</v>
      </c>
      <c r="J36009" s="8">
        <v>9489150</v>
      </c>
      <c r="K36009" s="9"/>
      <c r="L36009" s="6"/>
    </row>
    <row r="36010" spans="1:12">
      <c r="A36010" s="6" t="s">
        <v>35914</v>
      </c>
      <c r="B36010" s="6"/>
      <c r="C36010" s="6" t="s">
        <v>32230</v>
      </c>
      <c r="D36010" s="6"/>
      <c r="E36010" s="6" t="s">
        <v>9</v>
      </c>
      <c r="F36010" s="7">
        <v>30394</v>
      </c>
      <c r="G36010" s="8">
        <v>339814400</v>
      </c>
      <c r="H36010" s="8">
        <v>81555456</v>
      </c>
      <c r="I36010" s="8">
        <v>265055232</v>
      </c>
      <c r="J36010" s="8">
        <v>74759168</v>
      </c>
      <c r="K36010" s="9"/>
      <c r="L36010" s="6"/>
    </row>
    <row r="36011" spans="1:12">
      <c r="A36011" s="6" t="s">
        <v>35914</v>
      </c>
      <c r="B36011" s="6"/>
      <c r="C36011" s="6" t="s">
        <v>32230</v>
      </c>
      <c r="D36011" s="6"/>
      <c r="E36011" s="6"/>
      <c r="F36011" s="7">
        <v>43556</v>
      </c>
      <c r="G36011" s="8">
        <v>946000</v>
      </c>
      <c r="H36011" s="8">
        <v>927080</v>
      </c>
      <c r="I36011" s="8">
        <v>37840</v>
      </c>
      <c r="J36011" s="8">
        <v>908160</v>
      </c>
      <c r="K36011" s="9"/>
      <c r="L36011" s="6"/>
    </row>
    <row r="36012" spans="1:12">
      <c r="A36012" s="6" t="s">
        <v>33185</v>
      </c>
      <c r="B36012" s="6"/>
      <c r="C36012" s="6" t="s">
        <v>32230</v>
      </c>
      <c r="D36012" s="6"/>
      <c r="E36012" s="6" t="s">
        <v>9</v>
      </c>
      <c r="F36012" s="7"/>
      <c r="G36012" s="8">
        <v>1</v>
      </c>
      <c r="H36012" s="8">
        <v>1</v>
      </c>
      <c r="I36012" s="8">
        <v>0</v>
      </c>
      <c r="J36012" s="8">
        <v>1</v>
      </c>
      <c r="K36012" s="9"/>
      <c r="L36012" s="6"/>
    </row>
    <row r="36013" spans="1:12">
      <c r="A36013" s="6" t="s">
        <v>35915</v>
      </c>
      <c r="B36013" s="6"/>
      <c r="C36013" s="6" t="s">
        <v>32230</v>
      </c>
      <c r="D36013" s="6"/>
      <c r="E36013" s="6" t="s">
        <v>9</v>
      </c>
      <c r="F36013" s="7">
        <v>30394</v>
      </c>
      <c r="G36013" s="8">
        <v>83997000</v>
      </c>
      <c r="H36013" s="8">
        <v>20159280</v>
      </c>
      <c r="I36013" s="8">
        <v>65517660</v>
      </c>
      <c r="J36013" s="8">
        <v>18479340</v>
      </c>
      <c r="K36013" s="9"/>
      <c r="L36013" s="6"/>
    </row>
    <row r="36014" spans="1:12">
      <c r="A36014" s="6" t="s">
        <v>33185</v>
      </c>
      <c r="B36014" s="6"/>
      <c r="C36014" s="6" t="s">
        <v>32230</v>
      </c>
      <c r="D36014" s="6"/>
      <c r="E36014" s="6" t="s">
        <v>9</v>
      </c>
      <c r="F36014" s="7"/>
      <c r="G36014" s="8">
        <v>1</v>
      </c>
      <c r="H36014" s="8">
        <v>1</v>
      </c>
      <c r="I36014" s="8">
        <v>0</v>
      </c>
      <c r="J36014" s="8">
        <v>1</v>
      </c>
      <c r="K36014" s="9"/>
      <c r="L36014" s="6"/>
    </row>
    <row r="36015" spans="1:12">
      <c r="A36015" s="6" t="s">
        <v>35916</v>
      </c>
      <c r="B36015" s="6"/>
      <c r="C36015" s="6" t="s">
        <v>32230</v>
      </c>
      <c r="D36015" s="6"/>
      <c r="E36015" s="6" t="s">
        <v>9</v>
      </c>
      <c r="F36015" s="7">
        <v>30394</v>
      </c>
      <c r="G36015" s="8">
        <v>132013800</v>
      </c>
      <c r="H36015" s="8">
        <v>31683312</v>
      </c>
      <c r="I36015" s="8">
        <v>102970764</v>
      </c>
      <c r="J36015" s="8">
        <v>29043036</v>
      </c>
      <c r="K36015" s="9"/>
      <c r="L36015" s="6"/>
    </row>
    <row r="36016" spans="1:12">
      <c r="A36016" s="6" t="s">
        <v>35917</v>
      </c>
      <c r="B36016" s="6"/>
      <c r="C36016" s="6" t="s">
        <v>32230</v>
      </c>
      <c r="D36016" s="6"/>
      <c r="E36016" s="6" t="s">
        <v>9</v>
      </c>
      <c r="F36016" s="7">
        <v>42460</v>
      </c>
      <c r="G36016" s="8">
        <v>918000</v>
      </c>
      <c r="H36016" s="8">
        <v>826200</v>
      </c>
      <c r="I36016" s="8">
        <v>110160</v>
      </c>
      <c r="J36016" s="8">
        <v>807840</v>
      </c>
      <c r="K36016" s="9"/>
      <c r="L36016" s="6"/>
    </row>
    <row r="36017" spans="1:12">
      <c r="A36017" s="6" t="s">
        <v>35918</v>
      </c>
      <c r="B36017" s="6"/>
      <c r="C36017" s="6" t="s">
        <v>32230</v>
      </c>
      <c r="D36017" s="6"/>
      <c r="E36017" s="6" t="s">
        <v>9</v>
      </c>
      <c r="F36017" s="7">
        <v>30394</v>
      </c>
      <c r="G36017" s="8">
        <v>45192600</v>
      </c>
      <c r="H36017" s="8">
        <v>10846224</v>
      </c>
      <c r="I36017" s="8">
        <v>35250228</v>
      </c>
      <c r="J36017" s="8">
        <v>9942372</v>
      </c>
      <c r="K36017" s="9"/>
      <c r="L36017" s="6"/>
    </row>
    <row r="36018" spans="1:12">
      <c r="A36018" s="6" t="s">
        <v>35919</v>
      </c>
      <c r="B36018" s="6"/>
      <c r="C36018" s="6" t="s">
        <v>32230</v>
      </c>
      <c r="D36018" s="6"/>
      <c r="E36018" s="6" t="s">
        <v>9</v>
      </c>
      <c r="F36018" s="7">
        <v>30762</v>
      </c>
      <c r="G36018" s="8">
        <v>159278400</v>
      </c>
      <c r="H36018" s="8">
        <v>41412384</v>
      </c>
      <c r="I36018" s="8">
        <v>121051584</v>
      </c>
      <c r="J36018" s="8">
        <v>38226816</v>
      </c>
      <c r="K36018" s="9"/>
      <c r="L36018" s="6"/>
    </row>
    <row r="36019" spans="1:12">
      <c r="A36019" s="6" t="s">
        <v>33185</v>
      </c>
      <c r="B36019" s="6"/>
      <c r="C36019" s="6" t="s">
        <v>32230</v>
      </c>
      <c r="D36019" s="6"/>
      <c r="E36019" s="6" t="s">
        <v>9</v>
      </c>
      <c r="F36019" s="7"/>
      <c r="G36019" s="8">
        <v>1</v>
      </c>
      <c r="H36019" s="8">
        <v>1</v>
      </c>
      <c r="I36019" s="8">
        <v>0</v>
      </c>
      <c r="J36019" s="8">
        <v>1</v>
      </c>
      <c r="K36019" s="9"/>
      <c r="L36019" s="6"/>
    </row>
    <row r="36020" spans="1:12">
      <c r="A36020" s="6" t="s">
        <v>33185</v>
      </c>
      <c r="B36020" s="6"/>
      <c r="C36020" s="6" t="s">
        <v>32230</v>
      </c>
      <c r="D36020" s="6"/>
      <c r="E36020" s="6" t="s">
        <v>9</v>
      </c>
      <c r="F36020" s="7"/>
      <c r="G36020" s="8">
        <v>1</v>
      </c>
      <c r="H36020" s="8">
        <v>1</v>
      </c>
      <c r="I36020" s="8">
        <v>0</v>
      </c>
      <c r="J36020" s="8">
        <v>1</v>
      </c>
      <c r="K36020" s="9"/>
      <c r="L36020" s="6"/>
    </row>
    <row r="36021" spans="1:12">
      <c r="A36021" s="6" t="s">
        <v>33185</v>
      </c>
      <c r="B36021" s="6"/>
      <c r="C36021" s="6" t="s">
        <v>32230</v>
      </c>
      <c r="D36021" s="6"/>
      <c r="E36021" s="6" t="s">
        <v>9</v>
      </c>
      <c r="F36021" s="7"/>
      <c r="G36021" s="8">
        <v>1</v>
      </c>
      <c r="H36021" s="8">
        <v>1</v>
      </c>
      <c r="I36021" s="8">
        <v>0</v>
      </c>
      <c r="J36021" s="8">
        <v>1</v>
      </c>
      <c r="K36021" s="9"/>
      <c r="L36021" s="6"/>
    </row>
    <row r="36022" spans="1:12">
      <c r="A36022" s="6" t="s">
        <v>33185</v>
      </c>
      <c r="B36022" s="6"/>
      <c r="C36022" s="6" t="s">
        <v>32230</v>
      </c>
      <c r="D36022" s="6"/>
      <c r="E36022" s="6" t="s">
        <v>9</v>
      </c>
      <c r="F36022" s="7"/>
      <c r="G36022" s="8">
        <v>1</v>
      </c>
      <c r="H36022" s="8">
        <v>1</v>
      </c>
      <c r="I36022" s="8">
        <v>0</v>
      </c>
      <c r="J36022" s="8">
        <v>1</v>
      </c>
      <c r="K36022" s="9"/>
      <c r="L36022" s="6"/>
    </row>
    <row r="36023" spans="1:12">
      <c r="A36023" s="6" t="s">
        <v>35920</v>
      </c>
      <c r="B36023" s="6"/>
      <c r="C36023" s="6" t="s">
        <v>32230</v>
      </c>
      <c r="D36023" s="6"/>
      <c r="E36023" s="6" t="s">
        <v>9</v>
      </c>
      <c r="F36023" s="7">
        <v>30394</v>
      </c>
      <c r="G36023" s="8">
        <v>99516600</v>
      </c>
      <c r="H36023" s="8">
        <v>23883984</v>
      </c>
      <c r="I36023" s="8">
        <v>77622948</v>
      </c>
      <c r="J36023" s="8">
        <v>21893652</v>
      </c>
      <c r="K36023" s="9"/>
      <c r="L36023" s="6"/>
    </row>
    <row r="36024" spans="1:12">
      <c r="A36024" s="6" t="s">
        <v>33185</v>
      </c>
      <c r="B36024" s="6"/>
      <c r="C36024" s="6" t="s">
        <v>32230</v>
      </c>
      <c r="D36024" s="6"/>
      <c r="E36024" s="6" t="s">
        <v>9</v>
      </c>
      <c r="F36024" s="7"/>
      <c r="G36024" s="8">
        <v>1</v>
      </c>
      <c r="H36024" s="8">
        <v>1</v>
      </c>
      <c r="I36024" s="8">
        <v>0</v>
      </c>
      <c r="J36024" s="8">
        <v>1</v>
      </c>
      <c r="K36024" s="9"/>
      <c r="L36024" s="6"/>
    </row>
    <row r="36025" spans="1:12">
      <c r="A36025" s="6" t="s">
        <v>33185</v>
      </c>
      <c r="B36025" s="6"/>
      <c r="C36025" s="6" t="s">
        <v>32230</v>
      </c>
      <c r="D36025" s="6"/>
      <c r="E36025" s="6" t="s">
        <v>9</v>
      </c>
      <c r="F36025" s="7"/>
      <c r="G36025" s="8">
        <v>1</v>
      </c>
      <c r="H36025" s="8">
        <v>1</v>
      </c>
      <c r="I36025" s="8">
        <v>0</v>
      </c>
      <c r="J36025" s="8">
        <v>1</v>
      </c>
      <c r="K36025" s="9"/>
      <c r="L36025" s="6"/>
    </row>
    <row r="36026" spans="1:12">
      <c r="A36026" s="6" t="s">
        <v>35921</v>
      </c>
      <c r="B36026" s="6"/>
      <c r="C36026" s="6" t="s">
        <v>32230</v>
      </c>
      <c r="D36026" s="6"/>
      <c r="E36026" s="6" t="s">
        <v>9</v>
      </c>
      <c r="F36026" s="7">
        <v>30394</v>
      </c>
      <c r="G36026" s="8">
        <v>85365900</v>
      </c>
      <c r="H36026" s="8">
        <v>20487816</v>
      </c>
      <c r="I36026" s="8">
        <v>66585402</v>
      </c>
      <c r="J36026" s="8">
        <v>18780498</v>
      </c>
      <c r="K36026" s="9"/>
      <c r="L36026" s="6"/>
    </row>
    <row r="36027" spans="1:12">
      <c r="A36027" s="6" t="s">
        <v>35922</v>
      </c>
      <c r="B36027" s="6"/>
      <c r="C36027" s="6" t="s">
        <v>32230</v>
      </c>
      <c r="D36027" s="6"/>
      <c r="E36027" s="6" t="s">
        <v>9</v>
      </c>
      <c r="F36027" s="7">
        <v>39169</v>
      </c>
      <c r="G36027" s="8">
        <v>22164300</v>
      </c>
      <c r="H36027" s="8">
        <v>15958296</v>
      </c>
      <c r="I36027" s="8">
        <v>6649290</v>
      </c>
      <c r="J36027" s="8">
        <v>15515010</v>
      </c>
      <c r="K36027" s="9"/>
      <c r="L36027" s="6"/>
    </row>
    <row r="36028" spans="1:12">
      <c r="A36028" s="6" t="s">
        <v>35923</v>
      </c>
      <c r="B36028" s="6"/>
      <c r="C36028" s="6" t="s">
        <v>32230</v>
      </c>
      <c r="D36028" s="6"/>
      <c r="E36028" s="6" t="s">
        <v>9</v>
      </c>
      <c r="F36028" s="7">
        <v>30394</v>
      </c>
      <c r="G36028" s="8">
        <v>16135200</v>
      </c>
      <c r="H36028" s="8">
        <v>3872448</v>
      </c>
      <c r="I36028" s="8">
        <v>12585456</v>
      </c>
      <c r="J36028" s="8">
        <v>3549744</v>
      </c>
      <c r="K36028" s="9"/>
      <c r="L36028" s="6"/>
    </row>
    <row r="36029" spans="1:12">
      <c r="A36029" s="6" t="s">
        <v>33185</v>
      </c>
      <c r="B36029" s="6"/>
      <c r="C36029" s="6" t="s">
        <v>32230</v>
      </c>
      <c r="D36029" s="6"/>
      <c r="E36029" s="6" t="s">
        <v>9</v>
      </c>
      <c r="F36029" s="7"/>
      <c r="G36029" s="8">
        <v>1</v>
      </c>
      <c r="H36029" s="8">
        <v>1</v>
      </c>
      <c r="I36029" s="8">
        <v>0</v>
      </c>
      <c r="J36029" s="8">
        <v>1</v>
      </c>
      <c r="K36029" s="9"/>
      <c r="L36029" s="6"/>
    </row>
    <row r="36030" spans="1:12">
      <c r="A36030" s="6" t="s">
        <v>35924</v>
      </c>
      <c r="B36030" s="6"/>
      <c r="C36030" s="6" t="s">
        <v>32230</v>
      </c>
      <c r="D36030" s="6"/>
      <c r="E36030" s="6" t="s">
        <v>9</v>
      </c>
      <c r="F36030" s="7">
        <v>30394</v>
      </c>
      <c r="G36030" s="8">
        <v>31428000</v>
      </c>
      <c r="H36030" s="8">
        <v>7542720</v>
      </c>
      <c r="I36030" s="8">
        <v>24513840</v>
      </c>
      <c r="J36030" s="8">
        <v>6914160</v>
      </c>
      <c r="K36030" s="9"/>
      <c r="L36030" s="6"/>
    </row>
    <row r="36031" spans="1:12">
      <c r="A36031" s="6" t="s">
        <v>35925</v>
      </c>
      <c r="B36031" s="6"/>
      <c r="C36031" s="6" t="s">
        <v>32230</v>
      </c>
      <c r="D36031" s="6"/>
      <c r="E36031" s="6" t="s">
        <v>9</v>
      </c>
      <c r="F36031" s="7">
        <v>30394</v>
      </c>
      <c r="G36031" s="8">
        <v>24907500</v>
      </c>
      <c r="H36031" s="8">
        <v>5977800</v>
      </c>
      <c r="I36031" s="8">
        <v>19427850</v>
      </c>
      <c r="J36031" s="8">
        <v>5479650</v>
      </c>
      <c r="K36031" s="9"/>
      <c r="L36031" s="6"/>
    </row>
    <row r="36032" spans="1:12">
      <c r="A36032" s="6" t="s">
        <v>35926</v>
      </c>
      <c r="B36032" s="6"/>
      <c r="C36032" s="6" t="s">
        <v>32230</v>
      </c>
      <c r="D36032" s="6"/>
      <c r="E36032" s="6" t="s">
        <v>9</v>
      </c>
      <c r="F36032" s="7">
        <v>30394</v>
      </c>
      <c r="G36032" s="8">
        <v>45149400</v>
      </c>
      <c r="H36032" s="8">
        <v>10835856</v>
      </c>
      <c r="I36032" s="8">
        <v>35216532</v>
      </c>
      <c r="J36032" s="8">
        <v>9932868</v>
      </c>
      <c r="K36032" s="9"/>
      <c r="L36032" s="6"/>
    </row>
    <row r="36033" spans="1:12">
      <c r="A36033" s="6" t="s">
        <v>33185</v>
      </c>
      <c r="B36033" s="6"/>
      <c r="C36033" s="6" t="s">
        <v>32230</v>
      </c>
      <c r="D36033" s="6"/>
      <c r="E36033" s="6" t="s">
        <v>9</v>
      </c>
      <c r="F36033" s="7"/>
      <c r="G36033" s="8">
        <v>1</v>
      </c>
      <c r="H36033" s="8">
        <v>1</v>
      </c>
      <c r="I36033" s="8">
        <v>0</v>
      </c>
      <c r="J36033" s="8">
        <v>1</v>
      </c>
      <c r="K36033" s="9"/>
      <c r="L36033" s="6"/>
    </row>
    <row r="36034" spans="1:12">
      <c r="A36034" s="6" t="s">
        <v>35927</v>
      </c>
      <c r="B36034" s="6"/>
      <c r="C36034" s="6" t="s">
        <v>32230</v>
      </c>
      <c r="D36034" s="6"/>
      <c r="E36034" s="6" t="s">
        <v>9</v>
      </c>
      <c r="F36034" s="7">
        <v>30394</v>
      </c>
      <c r="G36034" s="8">
        <v>5837400</v>
      </c>
      <c r="H36034" s="8">
        <v>1400976</v>
      </c>
      <c r="I36034" s="8">
        <v>4553172</v>
      </c>
      <c r="J36034" s="8">
        <v>1284228</v>
      </c>
      <c r="K36034" s="9"/>
      <c r="L36034" s="6"/>
    </row>
    <row r="36035" spans="1:12">
      <c r="A36035" s="6" t="s">
        <v>35928</v>
      </c>
      <c r="B36035" s="6"/>
      <c r="C36035" s="6" t="s">
        <v>32230</v>
      </c>
      <c r="D36035" s="6"/>
      <c r="E36035" s="6" t="s">
        <v>9</v>
      </c>
      <c r="F36035" s="7">
        <v>30394</v>
      </c>
      <c r="G36035" s="8">
        <v>35356500</v>
      </c>
      <c r="H36035" s="8">
        <v>8485560</v>
      </c>
      <c r="I36035" s="8">
        <v>27578070</v>
      </c>
      <c r="J36035" s="8">
        <v>7778430</v>
      </c>
      <c r="K36035" s="9"/>
      <c r="L36035" s="6"/>
    </row>
    <row r="36036" spans="1:12">
      <c r="A36036" s="6" t="s">
        <v>33185</v>
      </c>
      <c r="B36036" s="6"/>
      <c r="C36036" s="6" t="s">
        <v>32230</v>
      </c>
      <c r="D36036" s="6"/>
      <c r="E36036" s="6" t="s">
        <v>9</v>
      </c>
      <c r="F36036" s="7"/>
      <c r="G36036" s="8">
        <v>1</v>
      </c>
      <c r="H36036" s="8">
        <v>1</v>
      </c>
      <c r="I36036" s="8">
        <v>0</v>
      </c>
      <c r="J36036" s="8">
        <v>1</v>
      </c>
      <c r="K36036" s="9"/>
      <c r="L36036" s="6"/>
    </row>
    <row r="36037" spans="1:12">
      <c r="A36037" s="6" t="s">
        <v>35929</v>
      </c>
      <c r="B36037" s="6"/>
      <c r="C36037" s="6" t="s">
        <v>32230</v>
      </c>
      <c r="D36037" s="6"/>
      <c r="E36037" s="6" t="s">
        <v>9</v>
      </c>
      <c r="F36037" s="7">
        <v>30394</v>
      </c>
      <c r="G36037" s="8">
        <v>84604500</v>
      </c>
      <c r="H36037" s="8">
        <v>20305080</v>
      </c>
      <c r="I36037" s="8">
        <v>65991510</v>
      </c>
      <c r="J36037" s="8">
        <v>18612990</v>
      </c>
      <c r="K36037" s="9"/>
      <c r="L36037" s="6"/>
    </row>
    <row r="36038" spans="1:12">
      <c r="A36038" s="6" t="s">
        <v>33185</v>
      </c>
      <c r="B36038" s="6"/>
      <c r="C36038" s="6" t="s">
        <v>32230</v>
      </c>
      <c r="D36038" s="6"/>
      <c r="E36038" s="6" t="s">
        <v>9</v>
      </c>
      <c r="F36038" s="7"/>
      <c r="G36038" s="8">
        <v>1</v>
      </c>
      <c r="H36038" s="8">
        <v>1</v>
      </c>
      <c r="I36038" s="8">
        <v>0</v>
      </c>
      <c r="J36038" s="8">
        <v>1</v>
      </c>
      <c r="K36038" s="9"/>
      <c r="L36038" s="6"/>
    </row>
    <row r="36039" spans="1:12">
      <c r="A36039" s="6" t="s">
        <v>35930</v>
      </c>
      <c r="B36039" s="6"/>
      <c r="C36039" s="6" t="s">
        <v>32230</v>
      </c>
      <c r="D36039" s="6"/>
      <c r="E36039" s="6" t="s">
        <v>9</v>
      </c>
      <c r="F36039" s="7">
        <v>30394</v>
      </c>
      <c r="G36039" s="8">
        <v>52528500</v>
      </c>
      <c r="H36039" s="8">
        <v>12606840</v>
      </c>
      <c r="I36039" s="8">
        <v>40972230</v>
      </c>
      <c r="J36039" s="8">
        <v>11556270</v>
      </c>
      <c r="K36039" s="9"/>
      <c r="L36039" s="6"/>
    </row>
    <row r="36040" spans="1:12">
      <c r="A36040" s="6" t="s">
        <v>35931</v>
      </c>
      <c r="B36040" s="6"/>
      <c r="C36040" s="6" t="s">
        <v>32230</v>
      </c>
      <c r="D36040" s="6"/>
      <c r="E36040" s="6" t="s">
        <v>9</v>
      </c>
      <c r="F36040" s="7">
        <v>30394</v>
      </c>
      <c r="G36040" s="8">
        <v>43991100</v>
      </c>
      <c r="H36040" s="8">
        <v>10557864</v>
      </c>
      <c r="I36040" s="8">
        <v>34313058</v>
      </c>
      <c r="J36040" s="8">
        <v>9678042</v>
      </c>
      <c r="K36040" s="9"/>
      <c r="L36040" s="6"/>
    </row>
    <row r="36041" spans="1:12">
      <c r="A36041" s="6" t="s">
        <v>35931</v>
      </c>
      <c r="B36041" s="6"/>
      <c r="C36041" s="6" t="s">
        <v>32230</v>
      </c>
      <c r="D36041" s="6"/>
      <c r="E36041" s="6"/>
      <c r="F36041" s="7">
        <v>42826</v>
      </c>
      <c r="G36041" s="8">
        <v>2916000</v>
      </c>
      <c r="H36041" s="8">
        <v>2767284</v>
      </c>
      <c r="I36041" s="8">
        <v>198288</v>
      </c>
      <c r="J36041" s="8">
        <v>2717712</v>
      </c>
      <c r="K36041" s="9"/>
      <c r="L36041" s="6"/>
    </row>
    <row r="36042" spans="1:12">
      <c r="A36042" s="6" t="s">
        <v>35932</v>
      </c>
      <c r="B36042" s="6"/>
      <c r="C36042" s="6" t="s">
        <v>32230</v>
      </c>
      <c r="D36042" s="6"/>
      <c r="E36042" s="6" t="s">
        <v>9</v>
      </c>
      <c r="F36042" s="7">
        <v>32234</v>
      </c>
      <c r="G36042" s="8">
        <v>53508000</v>
      </c>
      <c r="H36042" s="8">
        <v>24399648</v>
      </c>
      <c r="I36042" s="8">
        <v>30017988</v>
      </c>
      <c r="J36042" s="8">
        <v>23490012</v>
      </c>
      <c r="K36042" s="9"/>
      <c r="L36042" s="6"/>
    </row>
    <row r="36043" spans="1:12">
      <c r="A36043" s="6" t="s">
        <v>33185</v>
      </c>
      <c r="B36043" s="6"/>
      <c r="C36043" s="6" t="s">
        <v>32230</v>
      </c>
      <c r="D36043" s="6"/>
      <c r="E36043" s="6" t="s">
        <v>9</v>
      </c>
      <c r="F36043" s="7"/>
      <c r="G36043" s="8">
        <v>1</v>
      </c>
      <c r="H36043" s="8">
        <v>1</v>
      </c>
      <c r="I36043" s="8">
        <v>0</v>
      </c>
      <c r="J36043" s="8">
        <v>1</v>
      </c>
      <c r="K36043" s="9"/>
      <c r="L36043" s="6"/>
    </row>
    <row r="36044" spans="1:12">
      <c r="A36044" s="6" t="s">
        <v>35933</v>
      </c>
      <c r="B36044" s="6"/>
      <c r="C36044" s="6" t="s">
        <v>32230</v>
      </c>
      <c r="D36044" s="6"/>
      <c r="E36044" s="6" t="s">
        <v>9</v>
      </c>
      <c r="F36044" s="7">
        <v>42726</v>
      </c>
      <c r="G36044" s="8">
        <v>1224720</v>
      </c>
      <c r="H36044" s="8">
        <v>1126744</v>
      </c>
      <c r="I36044" s="8">
        <v>122470</v>
      </c>
      <c r="J36044" s="8">
        <v>1102250</v>
      </c>
      <c r="K36044" s="9"/>
      <c r="L36044" s="6"/>
    </row>
    <row r="36045" spans="1:12">
      <c r="A36045" s="6" t="s">
        <v>35934</v>
      </c>
      <c r="B36045" s="6"/>
      <c r="C36045" s="6" t="s">
        <v>32230</v>
      </c>
      <c r="D36045" s="6"/>
      <c r="E36045" s="6" t="s">
        <v>9</v>
      </c>
      <c r="F36045" s="7">
        <v>30394</v>
      </c>
      <c r="G36045" s="8">
        <v>36693000</v>
      </c>
      <c r="H36045" s="8">
        <v>8806320</v>
      </c>
      <c r="I36045" s="8">
        <v>28620540</v>
      </c>
      <c r="J36045" s="8">
        <v>8072460</v>
      </c>
      <c r="K36045" s="9"/>
      <c r="L36045" s="6"/>
    </row>
    <row r="36046" spans="1:12">
      <c r="A36046" s="6" t="s">
        <v>33185</v>
      </c>
      <c r="B36046" s="6"/>
      <c r="C36046" s="6" t="s">
        <v>32230</v>
      </c>
      <c r="D36046" s="6"/>
      <c r="E36046" s="6" t="s">
        <v>9</v>
      </c>
      <c r="F36046" s="7"/>
      <c r="G36046" s="8">
        <v>1</v>
      </c>
      <c r="H36046" s="8">
        <v>1</v>
      </c>
      <c r="I36046" s="8">
        <v>0</v>
      </c>
      <c r="J36046" s="8">
        <v>1</v>
      </c>
      <c r="K36046" s="9"/>
      <c r="L36046" s="6"/>
    </row>
    <row r="36047" spans="1:12">
      <c r="A36047" s="6" t="s">
        <v>33185</v>
      </c>
      <c r="B36047" s="6"/>
      <c r="C36047" s="6" t="s">
        <v>32230</v>
      </c>
      <c r="D36047" s="6"/>
      <c r="E36047" s="6" t="s">
        <v>9</v>
      </c>
      <c r="F36047" s="7"/>
      <c r="G36047" s="8">
        <v>1</v>
      </c>
      <c r="H36047" s="8">
        <v>1</v>
      </c>
      <c r="I36047" s="8">
        <v>0</v>
      </c>
      <c r="J36047" s="8">
        <v>1</v>
      </c>
      <c r="K36047" s="9"/>
      <c r="L36047" s="6"/>
    </row>
    <row r="36048" spans="1:12">
      <c r="A36048" s="6" t="s">
        <v>35935</v>
      </c>
      <c r="B36048" s="6"/>
      <c r="C36048" s="6" t="s">
        <v>32230</v>
      </c>
      <c r="D36048" s="6"/>
      <c r="E36048" s="6" t="s">
        <v>9</v>
      </c>
      <c r="F36048" s="7">
        <v>30394</v>
      </c>
      <c r="G36048" s="8">
        <v>62977500</v>
      </c>
      <c r="H36048" s="8">
        <v>15114600</v>
      </c>
      <c r="I36048" s="8">
        <v>49122450</v>
      </c>
      <c r="J36048" s="8">
        <v>13855050</v>
      </c>
      <c r="K36048" s="9"/>
      <c r="L36048" s="6"/>
    </row>
    <row r="36049" spans="1:12">
      <c r="A36049" s="6" t="s">
        <v>35936</v>
      </c>
      <c r="B36049" s="6"/>
      <c r="C36049" s="6" t="s">
        <v>32230</v>
      </c>
      <c r="D36049" s="6"/>
      <c r="E36049" s="6" t="s">
        <v>9</v>
      </c>
      <c r="F36049" s="7">
        <v>32964</v>
      </c>
      <c r="G36049" s="8">
        <v>43570800</v>
      </c>
      <c r="H36049" s="8">
        <v>21349710</v>
      </c>
      <c r="I36049" s="8">
        <v>22961793</v>
      </c>
      <c r="J36049" s="8">
        <v>20609007</v>
      </c>
      <c r="K36049" s="9"/>
      <c r="L36049" s="6"/>
    </row>
    <row r="36050" spans="1:12">
      <c r="A36050" s="6" t="s">
        <v>35937</v>
      </c>
      <c r="B36050" s="6"/>
      <c r="C36050" s="6" t="s">
        <v>32230</v>
      </c>
      <c r="D36050" s="6"/>
      <c r="E36050" s="6" t="s">
        <v>9</v>
      </c>
      <c r="F36050" s="7">
        <v>30394</v>
      </c>
      <c r="G36050" s="8">
        <v>11907000</v>
      </c>
      <c r="H36050" s="8">
        <v>2857680</v>
      </c>
      <c r="I36050" s="8">
        <v>9287460</v>
      </c>
      <c r="J36050" s="8">
        <v>2619540</v>
      </c>
      <c r="K36050" s="9"/>
      <c r="L36050" s="6"/>
    </row>
    <row r="36051" spans="1:12">
      <c r="A36051" s="6" t="s">
        <v>33185</v>
      </c>
      <c r="B36051" s="6"/>
      <c r="C36051" s="6" t="s">
        <v>32230</v>
      </c>
      <c r="D36051" s="6"/>
      <c r="E36051" s="6" t="s">
        <v>9</v>
      </c>
      <c r="F36051" s="7"/>
      <c r="G36051" s="8">
        <v>1</v>
      </c>
      <c r="H36051" s="8">
        <v>1</v>
      </c>
      <c r="I36051" s="8">
        <v>0</v>
      </c>
      <c r="J36051" s="8">
        <v>1</v>
      </c>
      <c r="K36051" s="9"/>
      <c r="L36051" s="6"/>
    </row>
    <row r="36052" spans="1:12">
      <c r="A36052" s="6" t="s">
        <v>35938</v>
      </c>
      <c r="B36052" s="6"/>
      <c r="C36052" s="6" t="s">
        <v>32230</v>
      </c>
      <c r="D36052" s="6"/>
      <c r="E36052" s="6" t="s">
        <v>9</v>
      </c>
      <c r="F36052" s="7">
        <v>30394</v>
      </c>
      <c r="G36052" s="8">
        <v>66160800</v>
      </c>
      <c r="H36052" s="8">
        <v>15878592</v>
      </c>
      <c r="I36052" s="8">
        <v>51605424</v>
      </c>
      <c r="J36052" s="8">
        <v>14555376</v>
      </c>
      <c r="K36052" s="9"/>
      <c r="L36052" s="6"/>
    </row>
    <row r="36053" spans="1:12">
      <c r="A36053" s="6" t="s">
        <v>33185</v>
      </c>
      <c r="B36053" s="6"/>
      <c r="C36053" s="6" t="s">
        <v>32230</v>
      </c>
      <c r="D36053" s="6"/>
      <c r="E36053" s="6" t="s">
        <v>9</v>
      </c>
      <c r="F36053" s="7"/>
      <c r="G36053" s="8">
        <v>1</v>
      </c>
      <c r="H36053" s="8">
        <v>1</v>
      </c>
      <c r="I36053" s="8">
        <v>0</v>
      </c>
      <c r="J36053" s="8">
        <v>1</v>
      </c>
      <c r="K36053" s="9"/>
      <c r="L36053" s="6"/>
    </row>
    <row r="36054" spans="1:12">
      <c r="A36054" s="6" t="s">
        <v>35939</v>
      </c>
      <c r="B36054" s="6"/>
      <c r="C36054" s="6" t="s">
        <v>32230</v>
      </c>
      <c r="D36054" s="6"/>
      <c r="E36054" s="6" t="s">
        <v>9</v>
      </c>
      <c r="F36054" s="7">
        <v>43621</v>
      </c>
      <c r="G36054" s="8">
        <v>1296000</v>
      </c>
      <c r="H36054" s="8">
        <v>1209168</v>
      </c>
      <c r="I36054" s="8">
        <v>173664</v>
      </c>
      <c r="J36054" s="8">
        <v>1122336</v>
      </c>
      <c r="K36054" s="9"/>
      <c r="L36054" s="6"/>
    </row>
    <row r="36055" spans="1:12">
      <c r="A36055" s="6" t="s">
        <v>35939</v>
      </c>
      <c r="B36055" s="6"/>
      <c r="C36055" s="6" t="s">
        <v>32230</v>
      </c>
      <c r="D36055" s="6"/>
      <c r="E36055" s="6" t="s">
        <v>9</v>
      </c>
      <c r="F36055" s="7">
        <v>43815</v>
      </c>
      <c r="G36055" s="8">
        <v>990000</v>
      </c>
      <c r="H36055" s="8">
        <v>923670</v>
      </c>
      <c r="I36055" s="8">
        <v>132660</v>
      </c>
      <c r="J36055" s="8">
        <v>857340</v>
      </c>
      <c r="K36055" s="9"/>
      <c r="L36055" s="6"/>
    </row>
    <row r="36056" spans="1:12">
      <c r="A36056" s="6" t="s">
        <v>35940</v>
      </c>
      <c r="B36056" s="6"/>
      <c r="C36056" s="6" t="s">
        <v>32230</v>
      </c>
      <c r="D36056" s="6"/>
      <c r="E36056" s="6" t="s">
        <v>9</v>
      </c>
      <c r="F36056" s="7">
        <v>30394</v>
      </c>
      <c r="G36056" s="8">
        <v>122488200</v>
      </c>
      <c r="H36056" s="8">
        <v>29397168</v>
      </c>
      <c r="I36056" s="8">
        <v>95540796</v>
      </c>
      <c r="J36056" s="8">
        <v>26947404</v>
      </c>
      <c r="K36056" s="9"/>
      <c r="L36056" s="6"/>
    </row>
    <row r="36057" spans="1:12">
      <c r="A36057" s="6" t="s">
        <v>35941</v>
      </c>
      <c r="B36057" s="6"/>
      <c r="C36057" s="6" t="s">
        <v>32230</v>
      </c>
      <c r="D36057" s="6"/>
      <c r="E36057" s="6" t="s">
        <v>9</v>
      </c>
      <c r="F36057" s="7">
        <v>24563</v>
      </c>
      <c r="G36057" s="8">
        <v>42675360</v>
      </c>
      <c r="H36057" s="8">
        <v>1</v>
      </c>
      <c r="I36057" s="8">
        <v>42675359</v>
      </c>
      <c r="J36057" s="8">
        <v>1</v>
      </c>
      <c r="K36057" s="9"/>
      <c r="L36057" s="6"/>
    </row>
    <row r="36058" spans="1:12">
      <c r="A36058" s="6" t="s">
        <v>33185</v>
      </c>
      <c r="B36058" s="6"/>
      <c r="C36058" s="6" t="s">
        <v>32230</v>
      </c>
      <c r="D36058" s="6"/>
      <c r="E36058" s="6" t="s">
        <v>9</v>
      </c>
      <c r="F36058" s="7"/>
      <c r="G36058" s="8">
        <v>1</v>
      </c>
      <c r="H36058" s="8">
        <v>1</v>
      </c>
      <c r="I36058" s="8">
        <v>0</v>
      </c>
      <c r="J36058" s="8">
        <v>1</v>
      </c>
      <c r="K36058" s="9"/>
      <c r="L36058" s="6"/>
    </row>
    <row r="36059" spans="1:12">
      <c r="A36059" s="6" t="s">
        <v>35942</v>
      </c>
      <c r="B36059" s="6"/>
      <c r="C36059" s="6" t="s">
        <v>32230</v>
      </c>
      <c r="D36059" s="6"/>
      <c r="E36059" s="6" t="s">
        <v>9</v>
      </c>
      <c r="F36059" s="7">
        <v>44286</v>
      </c>
      <c r="G36059" s="8">
        <v>37610100</v>
      </c>
      <c r="H36059" s="8">
        <v>37610100</v>
      </c>
      <c r="I36059" s="8">
        <v>639371</v>
      </c>
      <c r="J36059" s="8">
        <v>36970729</v>
      </c>
      <c r="K36059" s="9"/>
      <c r="L36059" s="6"/>
    </row>
    <row r="36060" spans="1:12">
      <c r="A36060" s="6" t="s">
        <v>35943</v>
      </c>
      <c r="B36060" s="6"/>
      <c r="C36060" s="6" t="s">
        <v>32230</v>
      </c>
      <c r="D36060" s="6"/>
      <c r="E36060" s="6" t="s">
        <v>9</v>
      </c>
      <c r="F36060" s="7">
        <v>30394</v>
      </c>
      <c r="G36060" s="8">
        <v>64233000</v>
      </c>
      <c r="H36060" s="8">
        <v>15415920</v>
      </c>
      <c r="I36060" s="8">
        <v>50101740</v>
      </c>
      <c r="J36060" s="8">
        <v>14131260</v>
      </c>
      <c r="K36060" s="9"/>
      <c r="L36060" s="6"/>
    </row>
    <row r="36061" spans="1:12">
      <c r="A36061" s="6" t="s">
        <v>33185</v>
      </c>
      <c r="B36061" s="6"/>
      <c r="C36061" s="6" t="s">
        <v>32230</v>
      </c>
      <c r="D36061" s="6"/>
      <c r="E36061" s="6" t="s">
        <v>9</v>
      </c>
      <c r="F36061" s="7"/>
      <c r="G36061" s="8">
        <v>1</v>
      </c>
      <c r="H36061" s="8">
        <v>1</v>
      </c>
      <c r="I36061" s="8">
        <v>0</v>
      </c>
      <c r="J36061" s="8">
        <v>1</v>
      </c>
      <c r="K36061" s="9"/>
      <c r="L36061" s="6"/>
    </row>
    <row r="36062" spans="1:12">
      <c r="A36062" s="6" t="s">
        <v>33185</v>
      </c>
      <c r="B36062" s="6"/>
      <c r="C36062" s="6" t="s">
        <v>32230</v>
      </c>
      <c r="D36062" s="6"/>
      <c r="E36062" s="6" t="s">
        <v>9</v>
      </c>
      <c r="F36062" s="7"/>
      <c r="G36062" s="8">
        <v>1</v>
      </c>
      <c r="H36062" s="8">
        <v>1</v>
      </c>
      <c r="I36062" s="8">
        <v>0</v>
      </c>
      <c r="J36062" s="8">
        <v>1</v>
      </c>
      <c r="K36062" s="9"/>
      <c r="L36062" s="6"/>
    </row>
    <row r="36063" spans="1:12">
      <c r="A36063" s="6" t="s">
        <v>35944</v>
      </c>
      <c r="B36063" s="6"/>
      <c r="C36063" s="6" t="s">
        <v>32230</v>
      </c>
      <c r="D36063" s="6"/>
      <c r="E36063" s="6" t="s">
        <v>9</v>
      </c>
      <c r="F36063" s="7">
        <v>30394</v>
      </c>
      <c r="G36063" s="8">
        <v>155084800</v>
      </c>
      <c r="H36063" s="8">
        <v>37220352</v>
      </c>
      <c r="I36063" s="8">
        <v>120966144</v>
      </c>
      <c r="J36063" s="8">
        <v>34118656</v>
      </c>
      <c r="K36063" s="9"/>
      <c r="L36063" s="6"/>
    </row>
    <row r="36064" spans="1:12">
      <c r="A36064" s="6" t="s">
        <v>33185</v>
      </c>
      <c r="B36064" s="6"/>
      <c r="C36064" s="6" t="s">
        <v>32230</v>
      </c>
      <c r="D36064" s="6"/>
      <c r="E36064" s="6" t="s">
        <v>9</v>
      </c>
      <c r="F36064" s="7"/>
      <c r="G36064" s="8">
        <v>1</v>
      </c>
      <c r="H36064" s="8">
        <v>1</v>
      </c>
      <c r="I36064" s="8">
        <v>0</v>
      </c>
      <c r="J36064" s="8">
        <v>1</v>
      </c>
      <c r="K36064" s="9"/>
      <c r="L36064" s="6"/>
    </row>
    <row r="36065" spans="1:12">
      <c r="A36065" s="6" t="s">
        <v>35945</v>
      </c>
      <c r="B36065" s="6"/>
      <c r="C36065" s="6" t="s">
        <v>32230</v>
      </c>
      <c r="D36065" s="6"/>
      <c r="E36065" s="6" t="s">
        <v>9</v>
      </c>
      <c r="F36065" s="7">
        <v>30394</v>
      </c>
      <c r="G36065" s="8">
        <v>49620600</v>
      </c>
      <c r="H36065" s="8">
        <v>11908944</v>
      </c>
      <c r="I36065" s="8">
        <v>38704068</v>
      </c>
      <c r="J36065" s="8">
        <v>10916532</v>
      </c>
      <c r="K36065" s="9"/>
      <c r="L36065" s="6"/>
    </row>
    <row r="36066" spans="1:12">
      <c r="A36066" s="6" t="s">
        <v>33185</v>
      </c>
      <c r="B36066" s="6"/>
      <c r="C36066" s="6" t="s">
        <v>32230</v>
      </c>
      <c r="D36066" s="6"/>
      <c r="E36066" s="6" t="s">
        <v>9</v>
      </c>
      <c r="F36066" s="7"/>
      <c r="G36066" s="8">
        <v>1</v>
      </c>
      <c r="H36066" s="8">
        <v>1</v>
      </c>
      <c r="I36066" s="8">
        <v>0</v>
      </c>
      <c r="J36066" s="8">
        <v>1</v>
      </c>
      <c r="K36066" s="9"/>
      <c r="L36066" s="6"/>
    </row>
    <row r="36067" spans="1:12">
      <c r="A36067" s="6" t="s">
        <v>35946</v>
      </c>
      <c r="B36067" s="6"/>
      <c r="C36067" s="6" t="s">
        <v>32230</v>
      </c>
      <c r="D36067" s="6"/>
      <c r="E36067" s="6" t="s">
        <v>9</v>
      </c>
      <c r="F36067" s="7">
        <v>30394</v>
      </c>
      <c r="G36067" s="8">
        <v>83041200</v>
      </c>
      <c r="H36067" s="8">
        <v>19929888</v>
      </c>
      <c r="I36067" s="8">
        <v>64772136</v>
      </c>
      <c r="J36067" s="8">
        <v>18269064</v>
      </c>
      <c r="K36067" s="9"/>
      <c r="L36067" s="6"/>
    </row>
    <row r="36068" spans="1:12">
      <c r="A36068" s="6" t="s">
        <v>33185</v>
      </c>
      <c r="B36068" s="6"/>
      <c r="C36068" s="6" t="s">
        <v>32230</v>
      </c>
      <c r="D36068" s="6"/>
      <c r="E36068" s="6" t="s">
        <v>9</v>
      </c>
      <c r="F36068" s="7"/>
      <c r="G36068" s="8">
        <v>1</v>
      </c>
      <c r="H36068" s="8">
        <v>1</v>
      </c>
      <c r="I36068" s="8">
        <v>0</v>
      </c>
      <c r="J36068" s="8">
        <v>1</v>
      </c>
      <c r="K36068" s="9"/>
      <c r="L36068" s="6"/>
    </row>
    <row r="36069" spans="1:12">
      <c r="A36069" s="6" t="s">
        <v>33185</v>
      </c>
      <c r="B36069" s="6"/>
      <c r="C36069" s="6" t="s">
        <v>32230</v>
      </c>
      <c r="D36069" s="6"/>
      <c r="E36069" s="6" t="s">
        <v>9</v>
      </c>
      <c r="F36069" s="7"/>
      <c r="G36069" s="8">
        <v>1</v>
      </c>
      <c r="H36069" s="8">
        <v>1</v>
      </c>
      <c r="I36069" s="8">
        <v>0</v>
      </c>
      <c r="J36069" s="8">
        <v>1</v>
      </c>
      <c r="K36069" s="9"/>
      <c r="L36069" s="6"/>
    </row>
    <row r="36070" spans="1:12">
      <c r="A36070" s="6" t="s">
        <v>33185</v>
      </c>
      <c r="B36070" s="6"/>
      <c r="C36070" s="6" t="s">
        <v>32230</v>
      </c>
      <c r="D36070" s="6"/>
      <c r="E36070" s="6" t="s">
        <v>9</v>
      </c>
      <c r="F36070" s="7"/>
      <c r="G36070" s="8">
        <v>1</v>
      </c>
      <c r="H36070" s="8">
        <v>1</v>
      </c>
      <c r="I36070" s="8">
        <v>0</v>
      </c>
      <c r="J36070" s="8">
        <v>1</v>
      </c>
      <c r="K36070" s="9"/>
      <c r="L36070" s="6"/>
    </row>
    <row r="36071" spans="1:12">
      <c r="A36071" s="6" t="s">
        <v>34786</v>
      </c>
      <c r="B36071" s="6"/>
      <c r="C36071" s="6" t="s">
        <v>32230</v>
      </c>
      <c r="D36071" s="6"/>
      <c r="E36071" s="6" t="s">
        <v>9</v>
      </c>
      <c r="F36071" s="7"/>
      <c r="G36071" s="8">
        <v>1</v>
      </c>
      <c r="H36071" s="8">
        <v>1</v>
      </c>
      <c r="I36071" s="8">
        <v>0</v>
      </c>
      <c r="J36071" s="8">
        <v>1</v>
      </c>
      <c r="K36071" s="9"/>
      <c r="L36071" s="6"/>
    </row>
    <row r="36072" spans="1:12">
      <c r="A36072" s="6" t="s">
        <v>33185</v>
      </c>
      <c r="B36072" s="6"/>
      <c r="C36072" s="6" t="s">
        <v>32230</v>
      </c>
      <c r="D36072" s="6"/>
      <c r="E36072" s="6" t="s">
        <v>9</v>
      </c>
      <c r="F36072" s="7"/>
      <c r="G36072" s="8">
        <v>1</v>
      </c>
      <c r="H36072" s="8">
        <v>1</v>
      </c>
      <c r="I36072" s="8">
        <v>0</v>
      </c>
      <c r="J36072" s="8">
        <v>1</v>
      </c>
      <c r="K36072" s="9"/>
      <c r="L36072" s="6"/>
    </row>
    <row r="36073" spans="1:12">
      <c r="A36073" s="6" t="s">
        <v>35947</v>
      </c>
      <c r="B36073" s="6"/>
      <c r="C36073" s="6" t="s">
        <v>32230</v>
      </c>
      <c r="D36073" s="6"/>
      <c r="E36073" s="6" t="s">
        <v>9</v>
      </c>
      <c r="F36073" s="7">
        <v>30394</v>
      </c>
      <c r="G36073" s="8">
        <v>36207000</v>
      </c>
      <c r="H36073" s="8">
        <v>8689680</v>
      </c>
      <c r="I36073" s="8">
        <v>28241460</v>
      </c>
      <c r="J36073" s="8">
        <v>7965540</v>
      </c>
      <c r="K36073" s="9"/>
      <c r="L36073" s="6"/>
    </row>
    <row r="36074" spans="1:12">
      <c r="A36074" s="6" t="s">
        <v>33185</v>
      </c>
      <c r="B36074" s="6"/>
      <c r="C36074" s="6" t="s">
        <v>32230</v>
      </c>
      <c r="D36074" s="6"/>
      <c r="E36074" s="6" t="s">
        <v>9</v>
      </c>
      <c r="F36074" s="7"/>
      <c r="G36074" s="8">
        <v>1</v>
      </c>
      <c r="H36074" s="8">
        <v>1</v>
      </c>
      <c r="I36074" s="8">
        <v>0</v>
      </c>
      <c r="J36074" s="8">
        <v>1</v>
      </c>
      <c r="K36074" s="9"/>
      <c r="L36074" s="6"/>
    </row>
    <row r="36075" spans="1:12">
      <c r="A36075" s="6" t="s">
        <v>35948</v>
      </c>
      <c r="B36075" s="6"/>
      <c r="C36075" s="6" t="s">
        <v>32230</v>
      </c>
      <c r="D36075" s="6"/>
      <c r="E36075" s="6" t="s">
        <v>9</v>
      </c>
      <c r="F36075" s="7">
        <v>30394</v>
      </c>
      <c r="G36075" s="8">
        <v>23076900</v>
      </c>
      <c r="H36075" s="8">
        <v>5538456</v>
      </c>
      <c r="I36075" s="8">
        <v>17999982</v>
      </c>
      <c r="J36075" s="8">
        <v>5076918</v>
      </c>
      <c r="K36075" s="9"/>
      <c r="L36075" s="6"/>
    </row>
    <row r="36076" spans="1:12">
      <c r="A36076" s="6" t="s">
        <v>35949</v>
      </c>
      <c r="B36076" s="6"/>
      <c r="C36076" s="6" t="s">
        <v>32230</v>
      </c>
      <c r="D36076" s="6"/>
      <c r="E36076" s="6" t="s">
        <v>9</v>
      </c>
      <c r="F36076" s="7">
        <v>30394</v>
      </c>
      <c r="G36076" s="8">
        <v>10683900</v>
      </c>
      <c r="H36076" s="8">
        <v>2564136</v>
      </c>
      <c r="I36076" s="8">
        <v>8333442</v>
      </c>
      <c r="J36076" s="8">
        <v>2350458</v>
      </c>
      <c r="K36076" s="9"/>
      <c r="L36076" s="6"/>
    </row>
    <row r="36077" spans="1:12">
      <c r="A36077" s="6" t="s">
        <v>35950</v>
      </c>
      <c r="B36077" s="6"/>
      <c r="C36077" s="6" t="s">
        <v>32230</v>
      </c>
      <c r="D36077" s="6"/>
      <c r="E36077" s="6" t="s">
        <v>9</v>
      </c>
      <c r="F36077" s="7">
        <v>30394</v>
      </c>
      <c r="G36077" s="8">
        <v>65812500</v>
      </c>
      <c r="H36077" s="8">
        <v>15795000</v>
      </c>
      <c r="I36077" s="8">
        <v>51333750</v>
      </c>
      <c r="J36077" s="8">
        <v>14478750</v>
      </c>
      <c r="K36077" s="9"/>
      <c r="L36077" s="6"/>
    </row>
    <row r="36078" spans="1:12">
      <c r="A36078" s="6" t="s">
        <v>35951</v>
      </c>
      <c r="B36078" s="6"/>
      <c r="C36078" s="6" t="s">
        <v>32230</v>
      </c>
      <c r="D36078" s="6"/>
      <c r="E36078" s="6" t="s">
        <v>9</v>
      </c>
      <c r="F36078" s="7">
        <v>30394</v>
      </c>
      <c r="G36078" s="8">
        <v>21667500</v>
      </c>
      <c r="H36078" s="8">
        <v>5200200</v>
      </c>
      <c r="I36078" s="8">
        <v>16900650</v>
      </c>
      <c r="J36078" s="8">
        <v>4766850</v>
      </c>
      <c r="K36078" s="9"/>
      <c r="L36078" s="6"/>
    </row>
    <row r="36079" spans="1:12">
      <c r="A36079" s="6" t="s">
        <v>35952</v>
      </c>
      <c r="B36079" s="6"/>
      <c r="C36079" s="6" t="s">
        <v>32230</v>
      </c>
      <c r="D36079" s="6"/>
      <c r="E36079" s="6" t="s">
        <v>9</v>
      </c>
      <c r="F36079" s="7">
        <v>25263</v>
      </c>
      <c r="G36079" s="8">
        <v>55473600</v>
      </c>
      <c r="H36079" s="8">
        <v>6434948</v>
      </c>
      <c r="I36079" s="8">
        <v>49981703</v>
      </c>
      <c r="J36079" s="8">
        <v>5491897</v>
      </c>
      <c r="K36079" s="9"/>
      <c r="L36079" s="6"/>
    </row>
    <row r="36080" spans="1:12">
      <c r="A36080" s="6" t="s">
        <v>33185</v>
      </c>
      <c r="B36080" s="6"/>
      <c r="C36080" s="6" t="s">
        <v>32230</v>
      </c>
      <c r="D36080" s="6"/>
      <c r="E36080" s="6" t="s">
        <v>9</v>
      </c>
      <c r="F36080" s="7"/>
      <c r="G36080" s="8">
        <v>1</v>
      </c>
      <c r="H36080" s="8">
        <v>1</v>
      </c>
      <c r="I36080" s="8">
        <v>0</v>
      </c>
      <c r="J36080" s="8">
        <v>1</v>
      </c>
      <c r="K36080" s="9"/>
      <c r="L36080" s="6"/>
    </row>
    <row r="36081" spans="1:12">
      <c r="A36081" s="6" t="s">
        <v>35953</v>
      </c>
      <c r="B36081" s="6"/>
      <c r="C36081" s="6" t="s">
        <v>32230</v>
      </c>
      <c r="D36081" s="6"/>
      <c r="E36081" s="6" t="s">
        <v>9</v>
      </c>
      <c r="F36081" s="7">
        <v>30394</v>
      </c>
      <c r="G36081" s="8">
        <v>66825000</v>
      </c>
      <c r="H36081" s="8">
        <v>16038000</v>
      </c>
      <c r="I36081" s="8">
        <v>52123500</v>
      </c>
      <c r="J36081" s="8">
        <v>14701500</v>
      </c>
      <c r="K36081" s="9"/>
      <c r="L36081" s="6"/>
    </row>
    <row r="36082" spans="1:12">
      <c r="A36082" s="6" t="s">
        <v>33185</v>
      </c>
      <c r="B36082" s="6"/>
      <c r="C36082" s="6" t="s">
        <v>32230</v>
      </c>
      <c r="D36082" s="6"/>
      <c r="E36082" s="6" t="s">
        <v>9</v>
      </c>
      <c r="F36082" s="7"/>
      <c r="G36082" s="8">
        <v>1</v>
      </c>
      <c r="H36082" s="8">
        <v>1</v>
      </c>
      <c r="I36082" s="8">
        <v>0</v>
      </c>
      <c r="J36082" s="8">
        <v>1</v>
      </c>
      <c r="K36082" s="9"/>
      <c r="L36082" s="6"/>
    </row>
    <row r="36083" spans="1:12">
      <c r="A36083" s="6" t="s">
        <v>35954</v>
      </c>
      <c r="B36083" s="6"/>
      <c r="C36083" s="6" t="s">
        <v>32230</v>
      </c>
      <c r="D36083" s="6"/>
      <c r="E36083" s="6" t="s">
        <v>9</v>
      </c>
      <c r="F36083" s="7">
        <v>42628</v>
      </c>
      <c r="G36083" s="8">
        <v>442800</v>
      </c>
      <c r="H36083" s="8">
        <v>265680</v>
      </c>
      <c r="I36083" s="8">
        <v>221400</v>
      </c>
      <c r="J36083" s="8">
        <v>221400</v>
      </c>
      <c r="K36083" s="9"/>
      <c r="L36083" s="6"/>
    </row>
    <row r="36084" spans="1:12">
      <c r="A36084" s="6" t="s">
        <v>35955</v>
      </c>
      <c r="B36084" s="6"/>
      <c r="C36084" s="6" t="s">
        <v>32230</v>
      </c>
      <c r="D36084" s="6"/>
      <c r="E36084" s="6" t="s">
        <v>9</v>
      </c>
      <c r="F36084" s="7">
        <v>30394</v>
      </c>
      <c r="G36084" s="8">
        <v>113772600</v>
      </c>
      <c r="H36084" s="8">
        <v>27305424</v>
      </c>
      <c r="I36084" s="8">
        <v>88742628</v>
      </c>
      <c r="J36084" s="8">
        <v>25029972</v>
      </c>
      <c r="K36084" s="9"/>
      <c r="L36084" s="6"/>
    </row>
    <row r="36085" spans="1:12">
      <c r="A36085" s="6" t="s">
        <v>33185</v>
      </c>
      <c r="B36085" s="6"/>
      <c r="C36085" s="6" t="s">
        <v>32230</v>
      </c>
      <c r="D36085" s="6"/>
      <c r="E36085" s="6" t="s">
        <v>9</v>
      </c>
      <c r="F36085" s="7"/>
      <c r="G36085" s="8">
        <v>1</v>
      </c>
      <c r="H36085" s="8">
        <v>1</v>
      </c>
      <c r="I36085" s="8">
        <v>0</v>
      </c>
      <c r="J36085" s="8">
        <v>1</v>
      </c>
      <c r="K36085" s="9"/>
      <c r="L36085" s="6"/>
    </row>
    <row r="36086" spans="1:12">
      <c r="A36086" s="6" t="s">
        <v>35956</v>
      </c>
      <c r="B36086" s="6"/>
      <c r="C36086" s="6" t="s">
        <v>32230</v>
      </c>
      <c r="D36086" s="6"/>
      <c r="E36086" s="6" t="s">
        <v>9</v>
      </c>
      <c r="F36086" s="7">
        <v>30394</v>
      </c>
      <c r="G36086" s="8">
        <v>197931600</v>
      </c>
      <c r="H36086" s="8">
        <v>47503584</v>
      </c>
      <c r="I36086" s="8">
        <v>154386648</v>
      </c>
      <c r="J36086" s="8">
        <v>43544952</v>
      </c>
      <c r="K36086" s="9"/>
      <c r="L36086" s="6"/>
    </row>
    <row r="36087" spans="1:12">
      <c r="A36087" s="6" t="s">
        <v>35957</v>
      </c>
      <c r="B36087" s="6"/>
      <c r="C36087" s="6" t="s">
        <v>32230</v>
      </c>
      <c r="D36087" s="6"/>
      <c r="E36087" s="6" t="s">
        <v>9</v>
      </c>
      <c r="F36087" s="7">
        <v>28915</v>
      </c>
      <c r="G36087" s="8">
        <v>1</v>
      </c>
      <c r="H36087" s="8">
        <v>1</v>
      </c>
      <c r="I36087" s="8">
        <v>0</v>
      </c>
      <c r="J36087" s="8">
        <v>1</v>
      </c>
      <c r="K36087" s="9"/>
      <c r="L36087" s="6"/>
    </row>
    <row r="36088" spans="1:12">
      <c r="A36088" s="6" t="s">
        <v>33185</v>
      </c>
      <c r="B36088" s="6"/>
      <c r="C36088" s="6" t="s">
        <v>32230</v>
      </c>
      <c r="D36088" s="6"/>
      <c r="E36088" s="6" t="s">
        <v>9</v>
      </c>
      <c r="F36088" s="7"/>
      <c r="G36088" s="8">
        <v>1</v>
      </c>
      <c r="H36088" s="8">
        <v>1</v>
      </c>
      <c r="I36088" s="8">
        <v>0</v>
      </c>
      <c r="J36088" s="8">
        <v>1</v>
      </c>
      <c r="K36088" s="9"/>
      <c r="L36088" s="6"/>
    </row>
    <row r="36089" spans="1:12">
      <c r="A36089" s="6" t="s">
        <v>35958</v>
      </c>
      <c r="B36089" s="6"/>
      <c r="C36089" s="6" t="s">
        <v>32230</v>
      </c>
      <c r="D36089" s="6"/>
      <c r="E36089" s="6" t="s">
        <v>9</v>
      </c>
      <c r="F36089" s="7">
        <v>43190</v>
      </c>
      <c r="G36089" s="8">
        <v>6461640</v>
      </c>
      <c r="H36089" s="8">
        <v>6132099</v>
      </c>
      <c r="I36089" s="8">
        <v>439388</v>
      </c>
      <c r="J36089" s="8">
        <v>6022252</v>
      </c>
      <c r="K36089" s="9"/>
      <c r="L36089" s="6"/>
    </row>
    <row r="36090" spans="1:12">
      <c r="A36090" s="6" t="s">
        <v>35959</v>
      </c>
      <c r="B36090" s="6"/>
      <c r="C36090" s="6" t="s">
        <v>32230</v>
      </c>
      <c r="D36090" s="6"/>
      <c r="E36090" s="6" t="s">
        <v>9</v>
      </c>
      <c r="F36090" s="7">
        <v>30394</v>
      </c>
      <c r="G36090" s="8">
        <v>36498600</v>
      </c>
      <c r="H36090" s="8">
        <v>8759664</v>
      </c>
      <c r="I36090" s="8">
        <v>28468908</v>
      </c>
      <c r="J36090" s="8">
        <v>8029692</v>
      </c>
      <c r="K36090" s="9"/>
      <c r="L36090" s="6"/>
    </row>
    <row r="36091" spans="1:12">
      <c r="A36091" s="6" t="s">
        <v>35960</v>
      </c>
      <c r="B36091" s="6"/>
      <c r="C36091" s="6" t="s">
        <v>32230</v>
      </c>
      <c r="D36091" s="6"/>
      <c r="E36091" s="6" t="s">
        <v>9</v>
      </c>
      <c r="F36091" s="7">
        <v>30394</v>
      </c>
      <c r="G36091" s="8">
        <v>56740500</v>
      </c>
      <c r="H36091" s="8">
        <v>13617720</v>
      </c>
      <c r="I36091" s="8">
        <v>44257590</v>
      </c>
      <c r="J36091" s="8">
        <v>12482910</v>
      </c>
      <c r="K36091" s="9"/>
      <c r="L36091" s="6"/>
    </row>
    <row r="36092" spans="1:12">
      <c r="A36092" s="6" t="s">
        <v>35961</v>
      </c>
      <c r="B36092" s="6"/>
      <c r="C36092" s="6" t="s">
        <v>32230</v>
      </c>
      <c r="D36092" s="6"/>
      <c r="E36092" s="6" t="s">
        <v>9</v>
      </c>
      <c r="F36092" s="7">
        <v>30394</v>
      </c>
      <c r="G36092" s="8">
        <v>84450600</v>
      </c>
      <c r="H36092" s="8">
        <v>20268144</v>
      </c>
      <c r="I36092" s="8">
        <v>65871468</v>
      </c>
      <c r="J36092" s="8">
        <v>18579132</v>
      </c>
      <c r="K36092" s="9"/>
      <c r="L36092" s="6"/>
    </row>
    <row r="36093" spans="1:12">
      <c r="A36093" s="6" t="s">
        <v>35962</v>
      </c>
      <c r="B36093" s="6"/>
      <c r="C36093" s="6" t="s">
        <v>32230</v>
      </c>
      <c r="D36093" s="6"/>
      <c r="E36093" s="6" t="s">
        <v>9</v>
      </c>
      <c r="F36093" s="7">
        <v>30394</v>
      </c>
      <c r="G36093" s="8">
        <v>8019000</v>
      </c>
      <c r="H36093" s="8">
        <v>1924560</v>
      </c>
      <c r="I36093" s="8">
        <v>6254820</v>
      </c>
      <c r="J36093" s="8">
        <v>1764180</v>
      </c>
      <c r="K36093" s="9"/>
      <c r="L36093" s="6"/>
    </row>
    <row r="36094" spans="1:12">
      <c r="A36094" s="6" t="s">
        <v>35963</v>
      </c>
      <c r="B36094" s="6"/>
      <c r="C36094" s="6" t="s">
        <v>32230</v>
      </c>
      <c r="D36094" s="6"/>
      <c r="E36094" s="6" t="s">
        <v>9</v>
      </c>
      <c r="F36094" s="7">
        <v>30394</v>
      </c>
      <c r="G36094" s="8">
        <v>50547200</v>
      </c>
      <c r="H36094" s="8">
        <v>12131328</v>
      </c>
      <c r="I36094" s="8">
        <v>39426816</v>
      </c>
      <c r="J36094" s="8">
        <v>11120384</v>
      </c>
      <c r="K36094" s="9"/>
      <c r="L36094" s="6"/>
    </row>
    <row r="36095" spans="1:12">
      <c r="A36095" s="6" t="s">
        <v>35963</v>
      </c>
      <c r="B36095" s="6"/>
      <c r="C36095" s="6" t="s">
        <v>32230</v>
      </c>
      <c r="D36095" s="6"/>
      <c r="E36095" s="6"/>
      <c r="F36095" s="7">
        <v>43191</v>
      </c>
      <c r="G36095" s="8">
        <v>1296000</v>
      </c>
      <c r="H36095" s="8">
        <v>1244160</v>
      </c>
      <c r="I36095" s="8">
        <v>77760</v>
      </c>
      <c r="J36095" s="8">
        <v>1218240</v>
      </c>
      <c r="K36095" s="9"/>
      <c r="L36095" s="6"/>
    </row>
    <row r="36096" spans="1:12">
      <c r="A36096" s="6" t="s">
        <v>35964</v>
      </c>
      <c r="B36096" s="6"/>
      <c r="C36096" s="6" t="s">
        <v>32230</v>
      </c>
      <c r="D36096" s="6"/>
      <c r="E36096" s="6" t="s">
        <v>9</v>
      </c>
      <c r="F36096" s="7">
        <v>43018</v>
      </c>
      <c r="G36096" s="8">
        <v>1296000</v>
      </c>
      <c r="H36096" s="8">
        <v>1163808</v>
      </c>
      <c r="I36096" s="8">
        <v>176256</v>
      </c>
      <c r="J36096" s="8">
        <v>1119744</v>
      </c>
      <c r="K36096" s="9"/>
      <c r="L36096" s="6"/>
    </row>
    <row r="36097" spans="1:12">
      <c r="A36097" s="6" t="s">
        <v>35965</v>
      </c>
      <c r="B36097" s="6"/>
      <c r="C36097" s="6" t="s">
        <v>32230</v>
      </c>
      <c r="D36097" s="6"/>
      <c r="E36097" s="6" t="s">
        <v>9</v>
      </c>
      <c r="F36097" s="7">
        <v>43824</v>
      </c>
      <c r="G36097" s="8">
        <v>1292500</v>
      </c>
      <c r="H36097" s="8">
        <v>1248555</v>
      </c>
      <c r="I36097" s="8">
        <v>87890</v>
      </c>
      <c r="J36097" s="8">
        <v>1204610</v>
      </c>
      <c r="K36097" s="9"/>
      <c r="L36097" s="6"/>
    </row>
    <row r="36098" spans="1:12">
      <c r="A36098" s="6" t="s">
        <v>35966</v>
      </c>
      <c r="B36098" s="6"/>
      <c r="C36098" s="6" t="s">
        <v>32230</v>
      </c>
      <c r="D36098" s="6"/>
      <c r="E36098" s="6" t="s">
        <v>9</v>
      </c>
      <c r="F36098" s="7">
        <v>30762</v>
      </c>
      <c r="G36098" s="8">
        <v>35622400</v>
      </c>
      <c r="H36098" s="8">
        <v>9261824</v>
      </c>
      <c r="I36098" s="8">
        <v>27073024</v>
      </c>
      <c r="J36098" s="8">
        <v>8549376</v>
      </c>
      <c r="K36098" s="9"/>
      <c r="L36098" s="6"/>
    </row>
    <row r="36099" spans="1:12">
      <c r="A36099" s="6" t="s">
        <v>35967</v>
      </c>
      <c r="B36099" s="6"/>
      <c r="C36099" s="6" t="s">
        <v>32230</v>
      </c>
      <c r="D36099" s="6"/>
      <c r="E36099" s="6" t="s">
        <v>9</v>
      </c>
      <c r="F36099" s="7">
        <v>30762</v>
      </c>
      <c r="G36099" s="8">
        <v>49804800</v>
      </c>
      <c r="H36099" s="8">
        <v>12949248</v>
      </c>
      <c r="I36099" s="8">
        <v>37851648</v>
      </c>
      <c r="J36099" s="8">
        <v>11953152</v>
      </c>
      <c r="K36099" s="9"/>
      <c r="L36099" s="6"/>
    </row>
    <row r="36100" spans="1:12">
      <c r="A36100" s="6" t="s">
        <v>35968</v>
      </c>
      <c r="B36100" s="6"/>
      <c r="C36100" s="6" t="s">
        <v>32230</v>
      </c>
      <c r="D36100" s="6"/>
      <c r="E36100" s="6" t="s">
        <v>9</v>
      </c>
      <c r="F36100" s="7">
        <v>30762</v>
      </c>
      <c r="G36100" s="8">
        <v>29286400</v>
      </c>
      <c r="H36100" s="8">
        <v>7614464</v>
      </c>
      <c r="I36100" s="8">
        <v>22257664</v>
      </c>
      <c r="J36100" s="8">
        <v>7028736</v>
      </c>
      <c r="K36100" s="9"/>
      <c r="L36100" s="6"/>
    </row>
    <row r="36101" spans="1:12">
      <c r="A36101" s="6" t="s">
        <v>35969</v>
      </c>
      <c r="B36101" s="6"/>
      <c r="C36101" s="6" t="s">
        <v>32230</v>
      </c>
      <c r="D36101" s="6"/>
      <c r="E36101" s="6" t="s">
        <v>9</v>
      </c>
      <c r="F36101" s="7">
        <v>30762</v>
      </c>
      <c r="G36101" s="8">
        <v>18508800</v>
      </c>
      <c r="H36101" s="8">
        <v>4812288</v>
      </c>
      <c r="I36101" s="8">
        <v>14066688</v>
      </c>
      <c r="J36101" s="8">
        <v>4442112</v>
      </c>
      <c r="K36101" s="9"/>
      <c r="L36101" s="6"/>
    </row>
    <row r="36102" spans="1:12">
      <c r="A36102" s="6" t="s">
        <v>35970</v>
      </c>
      <c r="B36102" s="6"/>
      <c r="C36102" s="6" t="s">
        <v>32230</v>
      </c>
      <c r="D36102" s="6"/>
      <c r="E36102" s="6" t="s">
        <v>9</v>
      </c>
      <c r="F36102" s="7">
        <v>30762</v>
      </c>
      <c r="G36102" s="8">
        <v>5265000</v>
      </c>
      <c r="H36102" s="8">
        <v>1368900</v>
      </c>
      <c r="I36102" s="8">
        <v>4001400</v>
      </c>
      <c r="J36102" s="8">
        <v>1263600</v>
      </c>
      <c r="K36102" s="9"/>
      <c r="L36102" s="6"/>
    </row>
    <row r="36103" spans="1:12">
      <c r="A36103" s="6" t="s">
        <v>35971</v>
      </c>
      <c r="B36103" s="6"/>
      <c r="C36103" s="6" t="s">
        <v>32230</v>
      </c>
      <c r="D36103" s="6"/>
      <c r="E36103" s="6" t="s">
        <v>9</v>
      </c>
      <c r="F36103" s="7">
        <v>30762</v>
      </c>
      <c r="G36103" s="8">
        <v>3642300</v>
      </c>
      <c r="H36103" s="8">
        <v>946998</v>
      </c>
      <c r="I36103" s="8">
        <v>2768148</v>
      </c>
      <c r="J36103" s="8">
        <v>874152</v>
      </c>
      <c r="K36103" s="9"/>
      <c r="L36103" s="6"/>
    </row>
    <row r="36104" spans="1:12">
      <c r="A36104" s="6" t="s">
        <v>33185</v>
      </c>
      <c r="B36104" s="6"/>
      <c r="C36104" s="6" t="s">
        <v>32230</v>
      </c>
      <c r="D36104" s="6"/>
      <c r="E36104" s="6" t="s">
        <v>9</v>
      </c>
      <c r="F36104" s="7"/>
      <c r="G36104" s="8">
        <v>1</v>
      </c>
      <c r="H36104" s="8">
        <v>1</v>
      </c>
      <c r="I36104" s="8">
        <v>0</v>
      </c>
      <c r="J36104" s="8">
        <v>1</v>
      </c>
      <c r="K36104" s="9"/>
      <c r="L36104" s="6"/>
    </row>
    <row r="36105" spans="1:12">
      <c r="A36105" s="6" t="s">
        <v>35972</v>
      </c>
      <c r="B36105" s="6"/>
      <c r="C36105" s="6" t="s">
        <v>32230</v>
      </c>
      <c r="D36105" s="6"/>
      <c r="E36105" s="6" t="s">
        <v>9</v>
      </c>
      <c r="F36105" s="7">
        <v>30762</v>
      </c>
      <c r="G36105" s="8">
        <v>32157000</v>
      </c>
      <c r="H36105" s="8">
        <v>8360820</v>
      </c>
      <c r="I36105" s="8">
        <v>24439320</v>
      </c>
      <c r="J36105" s="8">
        <v>7717680</v>
      </c>
      <c r="K36105" s="9"/>
      <c r="L36105" s="6"/>
    </row>
    <row r="36106" spans="1:12">
      <c r="A36106" s="6" t="s">
        <v>33185</v>
      </c>
      <c r="B36106" s="6"/>
      <c r="C36106" s="6" t="s">
        <v>32230</v>
      </c>
      <c r="D36106" s="6"/>
      <c r="E36106" s="6" t="s">
        <v>9</v>
      </c>
      <c r="F36106" s="7"/>
      <c r="G36106" s="8">
        <v>1</v>
      </c>
      <c r="H36106" s="8">
        <v>1</v>
      </c>
      <c r="I36106" s="8">
        <v>0</v>
      </c>
      <c r="J36106" s="8">
        <v>1</v>
      </c>
      <c r="K36106" s="9"/>
      <c r="L36106" s="6"/>
    </row>
    <row r="36107" spans="1:12">
      <c r="A36107" s="6" t="s">
        <v>35973</v>
      </c>
      <c r="B36107" s="6"/>
      <c r="C36107" s="6" t="s">
        <v>32230</v>
      </c>
      <c r="D36107" s="6"/>
      <c r="E36107" s="6" t="s">
        <v>9</v>
      </c>
      <c r="F36107" s="7">
        <v>30762</v>
      </c>
      <c r="G36107" s="8">
        <v>44679600</v>
      </c>
      <c r="H36107" s="8">
        <v>11616696</v>
      </c>
      <c r="I36107" s="8">
        <v>33956496</v>
      </c>
      <c r="J36107" s="8">
        <v>10723104</v>
      </c>
      <c r="K36107" s="9"/>
      <c r="L36107" s="6"/>
    </row>
    <row r="36108" spans="1:12">
      <c r="A36108" s="6" t="s">
        <v>35974</v>
      </c>
      <c r="B36108" s="6"/>
      <c r="C36108" s="6" t="s">
        <v>32230</v>
      </c>
      <c r="D36108" s="6"/>
      <c r="E36108" s="6" t="s">
        <v>9</v>
      </c>
      <c r="F36108" s="7">
        <v>30762</v>
      </c>
      <c r="G36108" s="8">
        <v>68876800</v>
      </c>
      <c r="H36108" s="8">
        <v>17907968</v>
      </c>
      <c r="I36108" s="8">
        <v>52346368</v>
      </c>
      <c r="J36108" s="8">
        <v>16530432</v>
      </c>
      <c r="K36108" s="9"/>
      <c r="L36108" s="6"/>
    </row>
    <row r="36109" spans="1:12">
      <c r="A36109" s="6" t="s">
        <v>35975</v>
      </c>
      <c r="B36109" s="6"/>
      <c r="C36109" s="6" t="s">
        <v>32230</v>
      </c>
      <c r="D36109" s="6"/>
      <c r="E36109" s="6" t="s">
        <v>9</v>
      </c>
      <c r="F36109" s="7">
        <v>31490</v>
      </c>
      <c r="G36109" s="8">
        <v>9728100</v>
      </c>
      <c r="H36109" s="8">
        <v>2918430</v>
      </c>
      <c r="I36109" s="8">
        <v>7004232</v>
      </c>
      <c r="J36109" s="8">
        <v>2723868</v>
      </c>
      <c r="K36109" s="9"/>
      <c r="L36109" s="6"/>
    </row>
    <row r="36110" spans="1:12">
      <c r="A36110" s="6" t="s">
        <v>35976</v>
      </c>
      <c r="B36110" s="6"/>
      <c r="C36110" s="6" t="s">
        <v>32230</v>
      </c>
      <c r="D36110" s="6"/>
      <c r="E36110" s="6" t="s">
        <v>9</v>
      </c>
      <c r="F36110" s="7">
        <v>31490</v>
      </c>
      <c r="G36110" s="8">
        <v>52488000</v>
      </c>
      <c r="H36110" s="8">
        <v>15746400</v>
      </c>
      <c r="I36110" s="8">
        <v>37791360</v>
      </c>
      <c r="J36110" s="8">
        <v>14696640</v>
      </c>
      <c r="K36110" s="9"/>
      <c r="L36110" s="6"/>
    </row>
    <row r="36111" spans="1:12">
      <c r="A36111" s="6" t="s">
        <v>33185</v>
      </c>
      <c r="B36111" s="6"/>
      <c r="C36111" s="6" t="s">
        <v>32230</v>
      </c>
      <c r="D36111" s="6"/>
      <c r="E36111" s="6" t="s">
        <v>9</v>
      </c>
      <c r="F36111" s="7"/>
      <c r="G36111" s="8">
        <v>1</v>
      </c>
      <c r="H36111" s="8">
        <v>1</v>
      </c>
      <c r="I36111" s="8">
        <v>0</v>
      </c>
      <c r="J36111" s="8">
        <v>1</v>
      </c>
      <c r="K36111" s="9"/>
      <c r="L36111" s="6"/>
    </row>
    <row r="36112" spans="1:12">
      <c r="A36112" s="6" t="s">
        <v>35977</v>
      </c>
      <c r="B36112" s="6"/>
      <c r="C36112" s="6" t="s">
        <v>32230</v>
      </c>
      <c r="D36112" s="6"/>
      <c r="E36112" s="6" t="s">
        <v>9</v>
      </c>
      <c r="F36112" s="7">
        <v>32964</v>
      </c>
      <c r="G36112" s="8">
        <v>39039000</v>
      </c>
      <c r="H36112" s="8">
        <v>19129110</v>
      </c>
      <c r="I36112" s="8">
        <v>20573553</v>
      </c>
      <c r="J36112" s="8">
        <v>18465447</v>
      </c>
      <c r="K36112" s="9"/>
      <c r="L36112" s="6"/>
    </row>
    <row r="36113" spans="1:12">
      <c r="A36113" s="6" t="s">
        <v>35978</v>
      </c>
      <c r="B36113" s="6"/>
      <c r="C36113" s="6" t="s">
        <v>32230</v>
      </c>
      <c r="D36113" s="6"/>
      <c r="E36113" s="6" t="s">
        <v>9</v>
      </c>
      <c r="F36113" s="7">
        <v>31490</v>
      </c>
      <c r="G36113" s="8">
        <v>11137500</v>
      </c>
      <c r="H36113" s="8">
        <v>3341250</v>
      </c>
      <c r="I36113" s="8">
        <v>8019000</v>
      </c>
      <c r="J36113" s="8">
        <v>3118500</v>
      </c>
      <c r="K36113" s="9"/>
      <c r="L36113" s="6"/>
    </row>
    <row r="36114" spans="1:12">
      <c r="A36114" s="6" t="s">
        <v>33185</v>
      </c>
      <c r="B36114" s="6"/>
      <c r="C36114" s="6" t="s">
        <v>32230</v>
      </c>
      <c r="D36114" s="6"/>
      <c r="E36114" s="6" t="s">
        <v>9</v>
      </c>
      <c r="F36114" s="7"/>
      <c r="G36114" s="8">
        <v>1</v>
      </c>
      <c r="H36114" s="8">
        <v>1</v>
      </c>
      <c r="I36114" s="8">
        <v>0</v>
      </c>
      <c r="J36114" s="8">
        <v>1</v>
      </c>
      <c r="K36114" s="9"/>
      <c r="L36114" s="6"/>
    </row>
    <row r="36115" spans="1:12">
      <c r="A36115" s="6" t="s">
        <v>35979</v>
      </c>
      <c r="B36115" s="6"/>
      <c r="C36115" s="6" t="s">
        <v>32230</v>
      </c>
      <c r="D36115" s="6"/>
      <c r="E36115" s="6" t="s">
        <v>9</v>
      </c>
      <c r="F36115" s="7">
        <v>31490</v>
      </c>
      <c r="G36115" s="8">
        <v>90104400</v>
      </c>
      <c r="H36115" s="8">
        <v>27031320</v>
      </c>
      <c r="I36115" s="8">
        <v>64875168</v>
      </c>
      <c r="J36115" s="8">
        <v>25229232</v>
      </c>
      <c r="K36115" s="9"/>
      <c r="L36115" s="6"/>
    </row>
    <row r="36116" spans="1:12">
      <c r="A36116" s="6" t="s">
        <v>33185</v>
      </c>
      <c r="B36116" s="6"/>
      <c r="C36116" s="6" t="s">
        <v>32230</v>
      </c>
      <c r="D36116" s="6"/>
      <c r="E36116" s="6" t="s">
        <v>9</v>
      </c>
      <c r="F36116" s="7"/>
      <c r="G36116" s="8">
        <v>1</v>
      </c>
      <c r="H36116" s="8">
        <v>1</v>
      </c>
      <c r="I36116" s="8">
        <v>0</v>
      </c>
      <c r="J36116" s="8">
        <v>1</v>
      </c>
      <c r="K36116" s="9"/>
      <c r="L36116" s="6"/>
    </row>
    <row r="36117" spans="1:12">
      <c r="A36117" s="6" t="s">
        <v>35980</v>
      </c>
      <c r="B36117" s="6"/>
      <c r="C36117" s="6" t="s">
        <v>32230</v>
      </c>
      <c r="D36117" s="6"/>
      <c r="E36117" s="6" t="s">
        <v>9</v>
      </c>
      <c r="F36117" s="7">
        <v>31490</v>
      </c>
      <c r="G36117" s="8">
        <v>76666500</v>
      </c>
      <c r="H36117" s="8">
        <v>22999950</v>
      </c>
      <c r="I36117" s="8">
        <v>55199880</v>
      </c>
      <c r="J36117" s="8">
        <v>21466620</v>
      </c>
      <c r="K36117" s="9"/>
      <c r="L36117" s="6"/>
    </row>
    <row r="36118" spans="1:12">
      <c r="A36118" s="6" t="s">
        <v>35981</v>
      </c>
      <c r="B36118" s="6"/>
      <c r="C36118" s="6" t="s">
        <v>32230</v>
      </c>
      <c r="D36118" s="6"/>
      <c r="E36118" s="6" t="s">
        <v>9</v>
      </c>
      <c r="F36118" s="7">
        <v>31224</v>
      </c>
      <c r="G36118" s="8">
        <v>67732200</v>
      </c>
      <c r="H36118" s="8">
        <v>20319660</v>
      </c>
      <c r="I36118" s="8">
        <v>48767184</v>
      </c>
      <c r="J36118" s="8">
        <v>18965016</v>
      </c>
      <c r="K36118" s="9"/>
      <c r="L36118" s="6"/>
    </row>
    <row r="36119" spans="1:12">
      <c r="A36119" s="6" t="s">
        <v>33185</v>
      </c>
      <c r="B36119" s="6"/>
      <c r="C36119" s="6" t="s">
        <v>32230</v>
      </c>
      <c r="D36119" s="6"/>
      <c r="E36119" s="6" t="s">
        <v>9</v>
      </c>
      <c r="F36119" s="7"/>
      <c r="G36119" s="8">
        <v>1</v>
      </c>
      <c r="H36119" s="8">
        <v>1</v>
      </c>
      <c r="I36119" s="8">
        <v>0</v>
      </c>
      <c r="J36119" s="8">
        <v>1</v>
      </c>
      <c r="K36119" s="9"/>
      <c r="L36119" s="6"/>
    </row>
    <row r="36120" spans="1:12">
      <c r="A36120" s="6" t="s">
        <v>33185</v>
      </c>
      <c r="B36120" s="6"/>
      <c r="C36120" s="6" t="s">
        <v>32230</v>
      </c>
      <c r="D36120" s="6"/>
      <c r="E36120" s="6" t="s">
        <v>9</v>
      </c>
      <c r="F36120" s="7"/>
      <c r="G36120" s="8">
        <v>1</v>
      </c>
      <c r="H36120" s="8">
        <v>1</v>
      </c>
      <c r="I36120" s="8">
        <v>0</v>
      </c>
      <c r="J36120" s="8">
        <v>1</v>
      </c>
      <c r="K36120" s="9"/>
      <c r="L36120" s="6"/>
    </row>
    <row r="36121" spans="1:12">
      <c r="A36121" s="6" t="s">
        <v>35982</v>
      </c>
      <c r="B36121" s="6"/>
      <c r="C36121" s="6" t="s">
        <v>32230</v>
      </c>
      <c r="D36121" s="6"/>
      <c r="E36121" s="6" t="s">
        <v>9</v>
      </c>
      <c r="F36121" s="7">
        <v>31868</v>
      </c>
      <c r="G36121" s="8">
        <v>20249600</v>
      </c>
      <c r="H36121" s="8">
        <v>6884864</v>
      </c>
      <c r="I36121" s="8">
        <v>13769728</v>
      </c>
      <c r="J36121" s="8">
        <v>6479872</v>
      </c>
      <c r="K36121" s="9"/>
      <c r="L36121" s="6"/>
    </row>
    <row r="36122" spans="1:12">
      <c r="A36122" s="6" t="s">
        <v>35983</v>
      </c>
      <c r="B36122" s="6"/>
      <c r="C36122" s="6" t="s">
        <v>32230</v>
      </c>
      <c r="D36122" s="6"/>
      <c r="E36122" s="6" t="s">
        <v>9</v>
      </c>
      <c r="F36122" s="7">
        <v>31868</v>
      </c>
      <c r="G36122" s="8">
        <v>20992000</v>
      </c>
      <c r="H36122" s="8">
        <v>7137280</v>
      </c>
      <c r="I36122" s="8">
        <v>14274560</v>
      </c>
      <c r="J36122" s="8">
        <v>6717440</v>
      </c>
      <c r="K36122" s="9"/>
      <c r="L36122" s="6"/>
    </row>
    <row r="36123" spans="1:12">
      <c r="A36123" s="6" t="s">
        <v>35984</v>
      </c>
      <c r="B36123" s="6"/>
      <c r="C36123" s="6" t="s">
        <v>32230</v>
      </c>
      <c r="D36123" s="6"/>
      <c r="E36123" s="6" t="s">
        <v>9</v>
      </c>
      <c r="F36123" s="7">
        <v>31868</v>
      </c>
      <c r="G36123" s="8">
        <v>4096000</v>
      </c>
      <c r="H36123" s="8">
        <v>1392640</v>
      </c>
      <c r="I36123" s="8">
        <v>2785280</v>
      </c>
      <c r="J36123" s="8">
        <v>1310720</v>
      </c>
      <c r="K36123" s="9"/>
      <c r="L36123" s="6"/>
    </row>
    <row r="36124" spans="1:12">
      <c r="A36124" s="6" t="s">
        <v>35985</v>
      </c>
      <c r="B36124" s="6"/>
      <c r="C36124" s="6" t="s">
        <v>32230</v>
      </c>
      <c r="D36124" s="6"/>
      <c r="E36124" s="6" t="s">
        <v>9</v>
      </c>
      <c r="F36124" s="7">
        <v>31868</v>
      </c>
      <c r="G36124" s="8">
        <v>1976400</v>
      </c>
      <c r="H36124" s="8">
        <v>671976</v>
      </c>
      <c r="I36124" s="8">
        <v>1343952</v>
      </c>
      <c r="J36124" s="8">
        <v>632448</v>
      </c>
      <c r="K36124" s="9"/>
      <c r="L36124" s="6"/>
    </row>
    <row r="36125" spans="1:12">
      <c r="A36125" s="6" t="s">
        <v>35986</v>
      </c>
      <c r="B36125" s="6"/>
      <c r="C36125" s="6" t="s">
        <v>32230</v>
      </c>
      <c r="D36125" s="6"/>
      <c r="E36125" s="6" t="s">
        <v>9</v>
      </c>
      <c r="F36125" s="7">
        <v>32133</v>
      </c>
      <c r="G36125" s="8">
        <v>532096000</v>
      </c>
      <c r="H36125" s="8">
        <v>180912640</v>
      </c>
      <c r="I36125" s="8">
        <v>361825280</v>
      </c>
      <c r="J36125" s="8">
        <v>170270720</v>
      </c>
      <c r="K36125" s="9"/>
      <c r="L36125" s="6"/>
    </row>
    <row r="36126" spans="1:12">
      <c r="A36126" s="6" t="s">
        <v>35987</v>
      </c>
      <c r="B36126" s="6"/>
      <c r="C36126" s="6" t="s">
        <v>32230</v>
      </c>
      <c r="D36126" s="6"/>
      <c r="E36126" s="6" t="s">
        <v>9</v>
      </c>
      <c r="F36126" s="7">
        <v>29646</v>
      </c>
      <c r="G36126" s="8">
        <v>99939840</v>
      </c>
      <c r="H36126" s="8">
        <v>31980760</v>
      </c>
      <c r="I36126" s="8">
        <v>69658057</v>
      </c>
      <c r="J36126" s="8">
        <v>30281783</v>
      </c>
      <c r="K36126" s="9"/>
      <c r="L36126" s="6"/>
    </row>
    <row r="36127" spans="1:12">
      <c r="A36127" s="6" t="s">
        <v>35988</v>
      </c>
      <c r="B36127" s="6"/>
      <c r="C36127" s="6" t="s">
        <v>32230</v>
      </c>
      <c r="D36127" s="6"/>
      <c r="E36127" s="6" t="s">
        <v>9</v>
      </c>
      <c r="F36127" s="7">
        <v>29646</v>
      </c>
      <c r="G36127" s="8">
        <v>36341760</v>
      </c>
      <c r="H36127" s="8">
        <v>2907360</v>
      </c>
      <c r="I36127" s="8">
        <v>34270260</v>
      </c>
      <c r="J36127" s="8">
        <v>2071500</v>
      </c>
      <c r="K36127" s="9"/>
      <c r="L36127" s="6"/>
    </row>
    <row r="36128" spans="1:12">
      <c r="A36128" s="6" t="s">
        <v>33185</v>
      </c>
      <c r="B36128" s="6"/>
      <c r="C36128" s="6" t="s">
        <v>32230</v>
      </c>
      <c r="D36128" s="6"/>
      <c r="E36128" s="6" t="s">
        <v>9</v>
      </c>
      <c r="F36128" s="7"/>
      <c r="G36128" s="8">
        <v>1</v>
      </c>
      <c r="H36128" s="8">
        <v>1</v>
      </c>
      <c r="I36128" s="8">
        <v>0</v>
      </c>
      <c r="J36128" s="8">
        <v>1</v>
      </c>
      <c r="K36128" s="9"/>
      <c r="L36128" s="6"/>
    </row>
    <row r="36129" spans="1:12">
      <c r="A36129" s="6" t="s">
        <v>33185</v>
      </c>
      <c r="B36129" s="6"/>
      <c r="C36129" s="6" t="s">
        <v>32230</v>
      </c>
      <c r="D36129" s="6"/>
      <c r="E36129" s="6" t="s">
        <v>9</v>
      </c>
      <c r="F36129" s="7"/>
      <c r="G36129" s="8">
        <v>1</v>
      </c>
      <c r="H36129" s="8">
        <v>1</v>
      </c>
      <c r="I36129" s="8">
        <v>0</v>
      </c>
      <c r="J36129" s="8">
        <v>1</v>
      </c>
      <c r="K36129" s="9"/>
      <c r="L36129" s="6"/>
    </row>
    <row r="36130" spans="1:12">
      <c r="A36130" s="6" t="s">
        <v>35989</v>
      </c>
      <c r="B36130" s="6"/>
      <c r="C36130" s="6" t="s">
        <v>32230</v>
      </c>
      <c r="D36130" s="6"/>
      <c r="E36130" s="6"/>
      <c r="F36130" s="7"/>
      <c r="G36130" s="8">
        <v>1296000</v>
      </c>
      <c r="H36130" s="8">
        <v>1244160</v>
      </c>
      <c r="I36130" s="8">
        <v>77760</v>
      </c>
      <c r="J36130" s="8">
        <v>1218240</v>
      </c>
      <c r="K36130" s="9"/>
      <c r="L36130" s="6"/>
    </row>
    <row r="36131" spans="1:12">
      <c r="A36131" s="6" t="s">
        <v>35989</v>
      </c>
      <c r="B36131" s="6"/>
      <c r="C36131" s="6" t="s">
        <v>32230</v>
      </c>
      <c r="D36131" s="6"/>
      <c r="E36131" s="6"/>
      <c r="F36131" s="7">
        <v>43922</v>
      </c>
      <c r="G36131" s="8">
        <v>1276000</v>
      </c>
      <c r="H36131" s="8">
        <v>1276000</v>
      </c>
      <c r="I36131" s="8">
        <v>25520</v>
      </c>
      <c r="J36131" s="8">
        <v>1250480</v>
      </c>
      <c r="K36131" s="9"/>
      <c r="L36131" s="6"/>
    </row>
    <row r="36132" spans="1:12">
      <c r="A36132" s="6" t="s">
        <v>35989</v>
      </c>
      <c r="B36132" s="6"/>
      <c r="C36132" s="6" t="s">
        <v>32230</v>
      </c>
      <c r="D36132" s="6"/>
      <c r="E36132" s="6" t="s">
        <v>9</v>
      </c>
      <c r="F36132" s="7">
        <v>32133</v>
      </c>
      <c r="G36132" s="8">
        <v>4020300</v>
      </c>
      <c r="H36132" s="8">
        <v>1366902</v>
      </c>
      <c r="I36132" s="8">
        <v>2733804</v>
      </c>
      <c r="J36132" s="8">
        <v>1286496</v>
      </c>
      <c r="K36132" s="9"/>
      <c r="L36132" s="6"/>
    </row>
    <row r="36133" spans="1:12">
      <c r="A36133" s="6" t="s">
        <v>35990</v>
      </c>
      <c r="B36133" s="6"/>
      <c r="C36133" s="6" t="s">
        <v>32230</v>
      </c>
      <c r="D36133" s="6"/>
      <c r="E36133" s="6" t="s">
        <v>9</v>
      </c>
      <c r="F36133" s="7">
        <v>32889</v>
      </c>
      <c r="G36133" s="8">
        <v>21262500</v>
      </c>
      <c r="H36133" s="8">
        <v>8079750</v>
      </c>
      <c r="I36133" s="8">
        <v>13608000</v>
      </c>
      <c r="J36133" s="8">
        <v>7654500</v>
      </c>
      <c r="K36133" s="9"/>
      <c r="L36133" s="6"/>
    </row>
    <row r="36134" spans="1:12">
      <c r="A36134" s="6" t="s">
        <v>35991</v>
      </c>
      <c r="B36134" s="6"/>
      <c r="C36134" s="6" t="s">
        <v>32230</v>
      </c>
      <c r="D36134" s="6"/>
      <c r="E36134" s="6" t="s">
        <v>9</v>
      </c>
      <c r="F36134" s="7">
        <v>33779</v>
      </c>
      <c r="G36134" s="8">
        <v>8885700</v>
      </c>
      <c r="H36134" s="8">
        <v>3909708</v>
      </c>
      <c r="I36134" s="8">
        <v>5153706</v>
      </c>
      <c r="J36134" s="8">
        <v>3731994</v>
      </c>
      <c r="K36134" s="9"/>
      <c r="L36134" s="6"/>
    </row>
    <row r="36135" spans="1:12">
      <c r="A36135" s="6" t="s">
        <v>35992</v>
      </c>
      <c r="B36135" s="6"/>
      <c r="C36135" s="6" t="s">
        <v>32230</v>
      </c>
      <c r="D36135" s="6"/>
      <c r="E36135" s="6" t="s">
        <v>9</v>
      </c>
      <c r="F36135" s="7">
        <v>33779</v>
      </c>
      <c r="G36135" s="8">
        <v>4357800</v>
      </c>
      <c r="H36135" s="8">
        <v>1917432</v>
      </c>
      <c r="I36135" s="8">
        <v>2527524</v>
      </c>
      <c r="J36135" s="8">
        <v>1830276</v>
      </c>
      <c r="K36135" s="9"/>
      <c r="L36135" s="6"/>
    </row>
    <row r="36136" spans="1:12">
      <c r="A36136" s="6" t="s">
        <v>35993</v>
      </c>
      <c r="B36136" s="6"/>
      <c r="C36136" s="6" t="s">
        <v>32230</v>
      </c>
      <c r="D36136" s="6"/>
      <c r="E36136" s="6" t="s">
        <v>9</v>
      </c>
      <c r="F36136" s="7">
        <v>33779</v>
      </c>
      <c r="G36136" s="8">
        <v>5305500</v>
      </c>
      <c r="H36136" s="8">
        <v>2334420</v>
      </c>
      <c r="I36136" s="8">
        <v>3077190</v>
      </c>
      <c r="J36136" s="8">
        <v>2228310</v>
      </c>
      <c r="K36136" s="9"/>
      <c r="L36136" s="6"/>
    </row>
    <row r="36137" spans="1:12">
      <c r="A36137" s="6" t="s">
        <v>35994</v>
      </c>
      <c r="B36137" s="6"/>
      <c r="C36137" s="6" t="s">
        <v>32230</v>
      </c>
      <c r="D36137" s="6"/>
      <c r="E36137" s="6" t="s">
        <v>9</v>
      </c>
      <c r="F36137" s="7">
        <v>33779</v>
      </c>
      <c r="G36137" s="8">
        <v>12128400</v>
      </c>
      <c r="H36137" s="8">
        <v>5336496</v>
      </c>
      <c r="I36137" s="8">
        <v>7034472</v>
      </c>
      <c r="J36137" s="8">
        <v>5093928</v>
      </c>
      <c r="K36137" s="9"/>
      <c r="L36137" s="6"/>
    </row>
    <row r="36138" spans="1:12">
      <c r="A36138" s="6" t="s">
        <v>33185</v>
      </c>
      <c r="B36138" s="6"/>
      <c r="C36138" s="6" t="s">
        <v>32230</v>
      </c>
      <c r="D36138" s="6"/>
      <c r="E36138" s="6" t="s">
        <v>9</v>
      </c>
      <c r="F36138" s="7"/>
      <c r="G36138" s="8">
        <v>1</v>
      </c>
      <c r="H36138" s="8">
        <v>1</v>
      </c>
      <c r="I36138" s="8">
        <v>0</v>
      </c>
      <c r="J36138" s="8">
        <v>1</v>
      </c>
      <c r="K36138" s="9"/>
      <c r="L36138" s="6"/>
    </row>
    <row r="36139" spans="1:12">
      <c r="A36139" s="6" t="s">
        <v>33185</v>
      </c>
      <c r="B36139" s="6"/>
      <c r="C36139" s="6" t="s">
        <v>32230</v>
      </c>
      <c r="D36139" s="6"/>
      <c r="E36139" s="6" t="s">
        <v>9</v>
      </c>
      <c r="F36139" s="7"/>
      <c r="G36139" s="8">
        <v>1</v>
      </c>
      <c r="H36139" s="8">
        <v>1</v>
      </c>
      <c r="I36139" s="8">
        <v>0</v>
      </c>
      <c r="J36139" s="8">
        <v>1</v>
      </c>
      <c r="K36139" s="9"/>
      <c r="L36139" s="6"/>
    </row>
    <row r="36140" spans="1:12">
      <c r="A36140" s="6" t="s">
        <v>35995</v>
      </c>
      <c r="B36140" s="6"/>
      <c r="C36140" s="6" t="s">
        <v>32230</v>
      </c>
      <c r="D36140" s="6"/>
      <c r="E36140" s="6" t="s">
        <v>9</v>
      </c>
      <c r="F36140" s="7">
        <v>33779</v>
      </c>
      <c r="G36140" s="8">
        <v>61778700</v>
      </c>
      <c r="H36140" s="8">
        <v>27182628</v>
      </c>
      <c r="I36140" s="8">
        <v>35831646</v>
      </c>
      <c r="J36140" s="8">
        <v>25947054</v>
      </c>
      <c r="K36140" s="9"/>
      <c r="L36140" s="6"/>
    </row>
    <row r="36141" spans="1:12">
      <c r="A36141" s="6" t="s">
        <v>35995</v>
      </c>
      <c r="B36141" s="6"/>
      <c r="C36141" s="6" t="s">
        <v>32230</v>
      </c>
      <c r="D36141" s="6"/>
      <c r="E36141" s="6"/>
      <c r="F36141" s="7">
        <v>43191</v>
      </c>
      <c r="G36141" s="8">
        <v>928800</v>
      </c>
      <c r="H36141" s="8">
        <v>891648</v>
      </c>
      <c r="I36141" s="8">
        <v>55728</v>
      </c>
      <c r="J36141" s="8">
        <v>873072</v>
      </c>
      <c r="K36141" s="9"/>
      <c r="L36141" s="6"/>
    </row>
    <row r="36142" spans="1:12">
      <c r="A36142" s="6" t="s">
        <v>35996</v>
      </c>
      <c r="B36142" s="6"/>
      <c r="C36142" s="6" t="s">
        <v>32230</v>
      </c>
      <c r="D36142" s="6"/>
      <c r="E36142" s="6" t="s">
        <v>9</v>
      </c>
      <c r="F36142" s="7">
        <v>24898</v>
      </c>
      <c r="G36142" s="8">
        <v>58531200</v>
      </c>
      <c r="H36142" s="8">
        <v>5794610</v>
      </c>
      <c r="I36142" s="8">
        <v>53731620</v>
      </c>
      <c r="J36142" s="8">
        <v>4799580</v>
      </c>
      <c r="K36142" s="9"/>
      <c r="L36142" s="6"/>
    </row>
    <row r="36143" spans="1:12">
      <c r="A36143" s="6" t="s">
        <v>35997</v>
      </c>
      <c r="B36143" s="6"/>
      <c r="C36143" s="6" t="s">
        <v>32230</v>
      </c>
      <c r="D36143" s="6"/>
      <c r="E36143" s="6" t="s">
        <v>9</v>
      </c>
      <c r="F36143" s="7">
        <v>35146</v>
      </c>
      <c r="G36143" s="8">
        <v>36940800</v>
      </c>
      <c r="H36143" s="8">
        <v>18470400</v>
      </c>
      <c r="I36143" s="8">
        <v>19209216</v>
      </c>
      <c r="J36143" s="8">
        <v>17731584</v>
      </c>
      <c r="K36143" s="9"/>
      <c r="L36143" s="6"/>
    </row>
    <row r="36144" spans="1:12">
      <c r="A36144" s="6" t="s">
        <v>33185</v>
      </c>
      <c r="B36144" s="6"/>
      <c r="C36144" s="6" t="s">
        <v>32230</v>
      </c>
      <c r="D36144" s="6"/>
      <c r="E36144" s="6" t="s">
        <v>9</v>
      </c>
      <c r="F36144" s="7"/>
      <c r="G36144" s="8">
        <v>1</v>
      </c>
      <c r="H36144" s="8">
        <v>1</v>
      </c>
      <c r="I36144" s="8">
        <v>0</v>
      </c>
      <c r="J36144" s="8">
        <v>1</v>
      </c>
      <c r="K36144" s="9"/>
      <c r="L36144" s="6"/>
    </row>
    <row r="36145" spans="1:12">
      <c r="A36145" s="6" t="s">
        <v>35998</v>
      </c>
      <c r="B36145" s="6"/>
      <c r="C36145" s="6" t="s">
        <v>32230</v>
      </c>
      <c r="D36145" s="6"/>
      <c r="E36145" s="6" t="s">
        <v>9</v>
      </c>
      <c r="F36145" s="7">
        <v>34138</v>
      </c>
      <c r="G36145" s="8">
        <v>12288000</v>
      </c>
      <c r="H36145" s="8">
        <v>5652480</v>
      </c>
      <c r="I36145" s="8">
        <v>6881280</v>
      </c>
      <c r="J36145" s="8">
        <v>5406720</v>
      </c>
      <c r="K36145" s="9"/>
      <c r="L36145" s="6"/>
    </row>
    <row r="36146" spans="1:12">
      <c r="A36146" s="6" t="s">
        <v>35999</v>
      </c>
      <c r="B36146" s="6"/>
      <c r="C36146" s="6" t="s">
        <v>32230</v>
      </c>
      <c r="D36146" s="6"/>
      <c r="E36146" s="6" t="s">
        <v>9</v>
      </c>
      <c r="F36146" s="7"/>
      <c r="G36146" s="8">
        <v>1</v>
      </c>
      <c r="H36146" s="8">
        <v>1</v>
      </c>
      <c r="I36146" s="8">
        <v>0</v>
      </c>
      <c r="J36146" s="8">
        <v>1</v>
      </c>
      <c r="K36146" s="9"/>
      <c r="L36146" s="6"/>
    </row>
    <row r="36147" spans="1:12">
      <c r="A36147" s="6" t="s">
        <v>36000</v>
      </c>
      <c r="B36147" s="6"/>
      <c r="C36147" s="6" t="s">
        <v>32230</v>
      </c>
      <c r="D36147" s="6"/>
      <c r="E36147" s="6" t="s">
        <v>9</v>
      </c>
      <c r="F36147" s="7">
        <v>34759</v>
      </c>
      <c r="G36147" s="8">
        <v>12595500</v>
      </c>
      <c r="H36147" s="8">
        <v>6045840</v>
      </c>
      <c r="I36147" s="8">
        <v>6801570</v>
      </c>
      <c r="J36147" s="8">
        <v>5793930</v>
      </c>
      <c r="K36147" s="9"/>
      <c r="L36147" s="6"/>
    </row>
    <row r="36148" spans="1:12">
      <c r="A36148" s="6" t="s">
        <v>36001</v>
      </c>
      <c r="B36148" s="6"/>
      <c r="C36148" s="6" t="s">
        <v>32230</v>
      </c>
      <c r="D36148" s="6"/>
      <c r="E36148" s="6" t="s">
        <v>9</v>
      </c>
      <c r="F36148" s="7">
        <v>30394</v>
      </c>
      <c r="G36148" s="8">
        <v>117166500</v>
      </c>
      <c r="H36148" s="8">
        <v>28119960</v>
      </c>
      <c r="I36148" s="8">
        <v>91389870</v>
      </c>
      <c r="J36148" s="8">
        <v>25776630</v>
      </c>
      <c r="K36148" s="9"/>
      <c r="L36148" s="6"/>
    </row>
    <row r="36149" spans="1:12">
      <c r="A36149" s="6" t="s">
        <v>36002</v>
      </c>
      <c r="B36149" s="6"/>
      <c r="C36149" s="6" t="s">
        <v>32230</v>
      </c>
      <c r="D36149" s="6"/>
      <c r="E36149" s="6" t="s">
        <v>9</v>
      </c>
      <c r="F36149" s="7">
        <v>36237</v>
      </c>
      <c r="G36149" s="8">
        <v>271360000</v>
      </c>
      <c r="H36149" s="8">
        <v>151961600</v>
      </c>
      <c r="I36149" s="8">
        <v>124825600</v>
      </c>
      <c r="J36149" s="8">
        <v>146534400</v>
      </c>
      <c r="K36149" s="9"/>
      <c r="L36149" s="6"/>
    </row>
    <row r="36150" spans="1:12">
      <c r="A36150" s="6" t="s">
        <v>36003</v>
      </c>
      <c r="B36150" s="6"/>
      <c r="C36150" s="6" t="s">
        <v>32230</v>
      </c>
      <c r="D36150" s="6"/>
      <c r="E36150" s="6" t="s">
        <v>9</v>
      </c>
      <c r="F36150" s="7">
        <v>43677</v>
      </c>
      <c r="G36150" s="8">
        <v>1036800</v>
      </c>
      <c r="H36150" s="8">
        <v>1001549</v>
      </c>
      <c r="I36150" s="8">
        <v>70502</v>
      </c>
      <c r="J36150" s="8">
        <v>966298</v>
      </c>
      <c r="K36150" s="9"/>
      <c r="L36150" s="6"/>
    </row>
    <row r="36151" spans="1:12">
      <c r="A36151" s="6" t="s">
        <v>36004</v>
      </c>
      <c r="B36151" s="6"/>
      <c r="C36151" s="6" t="s">
        <v>32230</v>
      </c>
      <c r="D36151" s="6"/>
      <c r="E36151" s="6" t="s">
        <v>9</v>
      </c>
      <c r="F36151" s="7">
        <v>34415</v>
      </c>
      <c r="G36151" s="8">
        <v>55347300</v>
      </c>
      <c r="H36151" s="8">
        <v>25459758</v>
      </c>
      <c r="I36151" s="8">
        <v>30994488</v>
      </c>
      <c r="J36151" s="8">
        <v>24352812</v>
      </c>
      <c r="K36151" s="9"/>
      <c r="L36151" s="6"/>
    </row>
    <row r="36152" spans="1:12">
      <c r="A36152" s="6" t="s">
        <v>33185</v>
      </c>
      <c r="B36152" s="6"/>
      <c r="C36152" s="6" t="s">
        <v>32230</v>
      </c>
      <c r="D36152" s="6"/>
      <c r="E36152" s="6" t="s">
        <v>9</v>
      </c>
      <c r="F36152" s="7"/>
      <c r="G36152" s="8">
        <v>1</v>
      </c>
      <c r="H36152" s="8">
        <v>1</v>
      </c>
      <c r="I36152" s="8">
        <v>0</v>
      </c>
      <c r="J36152" s="8">
        <v>1</v>
      </c>
      <c r="K36152" s="9"/>
      <c r="L36152" s="6"/>
    </row>
    <row r="36153" spans="1:12">
      <c r="A36153" s="6" t="s">
        <v>36005</v>
      </c>
      <c r="B36153" s="6"/>
      <c r="C36153" s="6" t="s">
        <v>32230</v>
      </c>
      <c r="D36153" s="6"/>
      <c r="E36153" s="6" t="s">
        <v>9</v>
      </c>
      <c r="F36153" s="7">
        <v>43529</v>
      </c>
      <c r="G36153" s="8">
        <v>1250640</v>
      </c>
      <c r="H36153" s="8">
        <v>1200616</v>
      </c>
      <c r="I36153" s="8">
        <v>75036</v>
      </c>
      <c r="J36153" s="8">
        <v>1175604</v>
      </c>
      <c r="K36153" s="9"/>
      <c r="L36153" s="6"/>
    </row>
    <row r="36154" spans="1:12">
      <c r="A36154" s="6" t="s">
        <v>36006</v>
      </c>
      <c r="B36154" s="6"/>
      <c r="C36154" s="6" t="s">
        <v>32230</v>
      </c>
      <c r="D36154" s="6"/>
      <c r="E36154" s="6" t="s">
        <v>9</v>
      </c>
      <c r="F36154" s="7">
        <v>35146</v>
      </c>
      <c r="G36154" s="8">
        <v>28398600</v>
      </c>
      <c r="H36154" s="8">
        <v>14199300</v>
      </c>
      <c r="I36154" s="8">
        <v>14767272</v>
      </c>
      <c r="J36154" s="8">
        <v>13631328</v>
      </c>
      <c r="K36154" s="9"/>
      <c r="L36154" s="6"/>
    </row>
    <row r="36155" spans="1:12">
      <c r="A36155" s="6" t="s">
        <v>36007</v>
      </c>
      <c r="B36155" s="6"/>
      <c r="C36155" s="6" t="s">
        <v>32230</v>
      </c>
      <c r="D36155" s="6"/>
      <c r="E36155" s="6" t="s">
        <v>9</v>
      </c>
      <c r="F36155" s="7">
        <v>35146</v>
      </c>
      <c r="G36155" s="8">
        <v>19966500</v>
      </c>
      <c r="H36155" s="8">
        <v>9983250</v>
      </c>
      <c r="I36155" s="8">
        <v>10382580</v>
      </c>
      <c r="J36155" s="8">
        <v>9583920</v>
      </c>
      <c r="K36155" s="9"/>
      <c r="L36155" s="6"/>
    </row>
    <row r="36156" spans="1:12">
      <c r="A36156" s="6" t="s">
        <v>36008</v>
      </c>
      <c r="B36156" s="6"/>
      <c r="C36156" s="6" t="s">
        <v>32230</v>
      </c>
      <c r="D36156" s="6"/>
      <c r="E36156" s="6" t="s">
        <v>9</v>
      </c>
      <c r="F36156" s="7">
        <v>35146</v>
      </c>
      <c r="G36156" s="8">
        <v>7857000</v>
      </c>
      <c r="H36156" s="8">
        <v>3928500</v>
      </c>
      <c r="I36156" s="8">
        <v>4085640</v>
      </c>
      <c r="J36156" s="8">
        <v>3771360</v>
      </c>
      <c r="K36156" s="9"/>
      <c r="L36156" s="6"/>
    </row>
    <row r="36157" spans="1:12">
      <c r="A36157" s="6" t="s">
        <v>36009</v>
      </c>
      <c r="B36157" s="6"/>
      <c r="C36157" s="6" t="s">
        <v>32230</v>
      </c>
      <c r="D36157" s="6"/>
      <c r="E36157" s="6" t="s">
        <v>9</v>
      </c>
      <c r="F36157" s="7">
        <v>35146</v>
      </c>
      <c r="G36157" s="8">
        <v>3888000</v>
      </c>
      <c r="H36157" s="8">
        <v>1944000</v>
      </c>
      <c r="I36157" s="8">
        <v>2021760</v>
      </c>
      <c r="J36157" s="8">
        <v>1866240</v>
      </c>
      <c r="K36157" s="9"/>
      <c r="L36157" s="6"/>
    </row>
    <row r="36158" spans="1:12">
      <c r="A36158" s="6" t="s">
        <v>36010</v>
      </c>
      <c r="B36158" s="6"/>
      <c r="C36158" s="6" t="s">
        <v>32230</v>
      </c>
      <c r="D36158" s="6"/>
      <c r="E36158" s="6" t="s">
        <v>9</v>
      </c>
      <c r="F36158" s="7">
        <v>35146</v>
      </c>
      <c r="G36158" s="8">
        <v>4114800</v>
      </c>
      <c r="H36158" s="8">
        <v>2057400</v>
      </c>
      <c r="I36158" s="8">
        <v>2139696</v>
      </c>
      <c r="J36158" s="8">
        <v>1975104</v>
      </c>
      <c r="K36158" s="9"/>
      <c r="L36158" s="6"/>
    </row>
    <row r="36159" spans="1:12">
      <c r="A36159" s="6" t="s">
        <v>36011</v>
      </c>
      <c r="B36159" s="6"/>
      <c r="C36159" s="6" t="s">
        <v>32230</v>
      </c>
      <c r="D36159" s="6"/>
      <c r="E36159" s="6" t="s">
        <v>9</v>
      </c>
      <c r="F36159" s="7">
        <v>35146</v>
      </c>
      <c r="G36159" s="8">
        <v>4066200</v>
      </c>
      <c r="H36159" s="8">
        <v>2033100</v>
      </c>
      <c r="I36159" s="8">
        <v>2114424</v>
      </c>
      <c r="J36159" s="8">
        <v>1951776</v>
      </c>
      <c r="K36159" s="9"/>
      <c r="L36159" s="6"/>
    </row>
    <row r="36160" spans="1:12">
      <c r="A36160" s="6" t="s">
        <v>36012</v>
      </c>
      <c r="B36160" s="6"/>
      <c r="C36160" s="6" t="s">
        <v>32230</v>
      </c>
      <c r="D36160" s="6"/>
      <c r="E36160" s="6" t="s">
        <v>9</v>
      </c>
      <c r="F36160" s="7">
        <v>35146</v>
      </c>
      <c r="G36160" s="8">
        <v>4058100</v>
      </c>
      <c r="H36160" s="8">
        <v>2029050</v>
      </c>
      <c r="I36160" s="8">
        <v>2110212</v>
      </c>
      <c r="J36160" s="8">
        <v>1947888</v>
      </c>
      <c r="K36160" s="9"/>
      <c r="L36160" s="6"/>
    </row>
    <row r="36161" spans="1:12">
      <c r="A36161" s="6" t="s">
        <v>36013</v>
      </c>
      <c r="B36161" s="6"/>
      <c r="C36161" s="6" t="s">
        <v>32230</v>
      </c>
      <c r="D36161" s="6"/>
      <c r="E36161" s="6" t="s">
        <v>9</v>
      </c>
      <c r="F36161" s="7">
        <v>35146</v>
      </c>
      <c r="G36161" s="8">
        <v>31671000</v>
      </c>
      <c r="H36161" s="8">
        <v>15835500</v>
      </c>
      <c r="I36161" s="8">
        <v>16468920</v>
      </c>
      <c r="J36161" s="8">
        <v>15202080</v>
      </c>
      <c r="K36161" s="9"/>
      <c r="L36161" s="6"/>
    </row>
    <row r="36162" spans="1:12">
      <c r="A36162" s="6" t="s">
        <v>36014</v>
      </c>
      <c r="B36162" s="6"/>
      <c r="C36162" s="6" t="s">
        <v>32230</v>
      </c>
      <c r="D36162" s="6"/>
      <c r="E36162" s="6" t="s">
        <v>9</v>
      </c>
      <c r="F36162" s="7">
        <v>35146</v>
      </c>
      <c r="G36162" s="8">
        <v>3369600</v>
      </c>
      <c r="H36162" s="8">
        <v>1684800</v>
      </c>
      <c r="I36162" s="8">
        <v>1752192</v>
      </c>
      <c r="J36162" s="8">
        <v>1617408</v>
      </c>
      <c r="K36162" s="9"/>
      <c r="L36162" s="6"/>
    </row>
    <row r="36163" spans="1:12">
      <c r="A36163" s="6" t="s">
        <v>36015</v>
      </c>
      <c r="B36163" s="6"/>
      <c r="C36163" s="6" t="s">
        <v>32230</v>
      </c>
      <c r="D36163" s="6"/>
      <c r="E36163" s="6" t="s">
        <v>9</v>
      </c>
      <c r="F36163" s="7">
        <v>35146</v>
      </c>
      <c r="G36163" s="8">
        <v>12636000</v>
      </c>
      <c r="H36163" s="8">
        <v>6318000</v>
      </c>
      <c r="I36163" s="8">
        <v>6570720</v>
      </c>
      <c r="J36163" s="8">
        <v>6065280</v>
      </c>
      <c r="K36163" s="9"/>
      <c r="L36163" s="6"/>
    </row>
    <row r="36164" spans="1:12">
      <c r="A36164" s="6" t="s">
        <v>36016</v>
      </c>
      <c r="B36164" s="6"/>
      <c r="C36164" s="6" t="s">
        <v>32230</v>
      </c>
      <c r="D36164" s="6"/>
      <c r="E36164" s="6" t="s">
        <v>9</v>
      </c>
      <c r="F36164" s="7">
        <v>35146</v>
      </c>
      <c r="G36164" s="8">
        <v>12336300</v>
      </c>
      <c r="H36164" s="8">
        <v>6168150</v>
      </c>
      <c r="I36164" s="8">
        <v>6414876</v>
      </c>
      <c r="J36164" s="8">
        <v>5921424</v>
      </c>
      <c r="K36164" s="9"/>
      <c r="L36164" s="6"/>
    </row>
    <row r="36165" spans="1:12">
      <c r="A36165" s="6" t="s">
        <v>36017</v>
      </c>
      <c r="B36165" s="6"/>
      <c r="C36165" s="6" t="s">
        <v>32230</v>
      </c>
      <c r="D36165" s="6"/>
      <c r="E36165" s="6" t="s">
        <v>9</v>
      </c>
      <c r="F36165" s="7">
        <v>35146</v>
      </c>
      <c r="G36165" s="8">
        <v>11988000</v>
      </c>
      <c r="H36165" s="8">
        <v>5994000</v>
      </c>
      <c r="I36165" s="8">
        <v>6233760</v>
      </c>
      <c r="J36165" s="8">
        <v>5754240</v>
      </c>
      <c r="K36165" s="9"/>
      <c r="L36165" s="6"/>
    </row>
    <row r="36166" spans="1:12">
      <c r="A36166" s="6" t="s">
        <v>36018</v>
      </c>
      <c r="B36166" s="6"/>
      <c r="C36166" s="6" t="s">
        <v>32230</v>
      </c>
      <c r="D36166" s="6"/>
      <c r="E36166" s="6" t="s">
        <v>9</v>
      </c>
      <c r="F36166" s="7">
        <v>35146</v>
      </c>
      <c r="G36166" s="8">
        <v>4681800</v>
      </c>
      <c r="H36166" s="8">
        <v>2340900</v>
      </c>
      <c r="I36166" s="8">
        <v>2434536</v>
      </c>
      <c r="J36166" s="8">
        <v>2247264</v>
      </c>
      <c r="K36166" s="9"/>
      <c r="L36166" s="6"/>
    </row>
    <row r="36167" spans="1:12">
      <c r="A36167" s="6" t="s">
        <v>36019</v>
      </c>
      <c r="B36167" s="6"/>
      <c r="C36167" s="6" t="s">
        <v>32230</v>
      </c>
      <c r="D36167" s="6"/>
      <c r="E36167" s="6" t="s">
        <v>9</v>
      </c>
      <c r="F36167" s="7">
        <v>35146</v>
      </c>
      <c r="G36167" s="8">
        <v>16912800</v>
      </c>
      <c r="H36167" s="8">
        <v>8456400</v>
      </c>
      <c r="I36167" s="8">
        <v>8794656</v>
      </c>
      <c r="J36167" s="8">
        <v>8118144</v>
      </c>
      <c r="K36167" s="9"/>
      <c r="L36167" s="6"/>
    </row>
    <row r="36168" spans="1:12">
      <c r="A36168" s="6" t="s">
        <v>33185</v>
      </c>
      <c r="B36168" s="6"/>
      <c r="C36168" s="6" t="s">
        <v>32230</v>
      </c>
      <c r="D36168" s="6"/>
      <c r="E36168" s="6" t="s">
        <v>9</v>
      </c>
      <c r="F36168" s="7"/>
      <c r="G36168" s="8">
        <v>1</v>
      </c>
      <c r="H36168" s="8">
        <v>1</v>
      </c>
      <c r="I36168" s="8">
        <v>0</v>
      </c>
      <c r="J36168" s="8">
        <v>1</v>
      </c>
      <c r="K36168" s="9"/>
      <c r="L36168" s="6"/>
    </row>
    <row r="36169" spans="1:12">
      <c r="A36169" s="6" t="s">
        <v>36020</v>
      </c>
      <c r="B36169" s="6"/>
      <c r="C36169" s="6" t="s">
        <v>32230</v>
      </c>
      <c r="D36169" s="6"/>
      <c r="E36169" s="6" t="s">
        <v>9</v>
      </c>
      <c r="F36169" s="7">
        <v>35146</v>
      </c>
      <c r="G36169" s="8">
        <v>3312900</v>
      </c>
      <c r="H36169" s="8">
        <v>1656450</v>
      </c>
      <c r="I36169" s="8">
        <v>1722708</v>
      </c>
      <c r="J36169" s="8">
        <v>1590192</v>
      </c>
      <c r="K36169" s="9"/>
      <c r="L36169" s="6"/>
    </row>
    <row r="36170" spans="1:12">
      <c r="A36170" s="6" t="s">
        <v>36021</v>
      </c>
      <c r="B36170" s="6"/>
      <c r="C36170" s="6" t="s">
        <v>32230</v>
      </c>
      <c r="D36170" s="6"/>
      <c r="E36170" s="6" t="s">
        <v>9</v>
      </c>
      <c r="F36170" s="7">
        <v>35146</v>
      </c>
      <c r="G36170" s="8">
        <v>17528400</v>
      </c>
      <c r="H36170" s="8">
        <v>8764200</v>
      </c>
      <c r="I36170" s="8">
        <v>9114768</v>
      </c>
      <c r="J36170" s="8">
        <v>8413632</v>
      </c>
      <c r="K36170" s="9"/>
      <c r="L36170" s="6"/>
    </row>
    <row r="36171" spans="1:12">
      <c r="A36171" s="6" t="s">
        <v>36022</v>
      </c>
      <c r="B36171" s="6"/>
      <c r="C36171" s="6" t="s">
        <v>32230</v>
      </c>
      <c r="D36171" s="6"/>
      <c r="E36171" s="6" t="s">
        <v>9</v>
      </c>
      <c r="F36171" s="7">
        <v>35146</v>
      </c>
      <c r="G36171" s="8">
        <v>5305500</v>
      </c>
      <c r="H36171" s="8">
        <v>2652750</v>
      </c>
      <c r="I36171" s="8">
        <v>2758860</v>
      </c>
      <c r="J36171" s="8">
        <v>2546640</v>
      </c>
      <c r="K36171" s="9"/>
      <c r="L36171" s="6"/>
    </row>
    <row r="36172" spans="1:12">
      <c r="A36172" s="6" t="s">
        <v>36023</v>
      </c>
      <c r="B36172" s="6"/>
      <c r="C36172" s="6" t="s">
        <v>32230</v>
      </c>
      <c r="D36172" s="6"/>
      <c r="E36172" s="6" t="s">
        <v>9</v>
      </c>
      <c r="F36172" s="7">
        <v>35146</v>
      </c>
      <c r="G36172" s="8">
        <v>22404600</v>
      </c>
      <c r="H36172" s="8">
        <v>11202300</v>
      </c>
      <c r="I36172" s="8">
        <v>11650392</v>
      </c>
      <c r="J36172" s="8">
        <v>10754208</v>
      </c>
      <c r="K36172" s="9"/>
      <c r="L36172" s="6"/>
    </row>
    <row r="36173" spans="1:12">
      <c r="A36173" s="6" t="s">
        <v>33185</v>
      </c>
      <c r="B36173" s="6"/>
      <c r="C36173" s="6" t="s">
        <v>32230</v>
      </c>
      <c r="D36173" s="6"/>
      <c r="E36173" s="6" t="s">
        <v>9</v>
      </c>
      <c r="F36173" s="7"/>
      <c r="G36173" s="8">
        <v>1</v>
      </c>
      <c r="H36173" s="8">
        <v>1</v>
      </c>
      <c r="I36173" s="8">
        <v>0</v>
      </c>
      <c r="J36173" s="8">
        <v>1</v>
      </c>
      <c r="K36173" s="9"/>
      <c r="L36173" s="6"/>
    </row>
    <row r="36174" spans="1:12">
      <c r="A36174" s="6" t="s">
        <v>36024</v>
      </c>
      <c r="B36174" s="6"/>
      <c r="C36174" s="6" t="s">
        <v>32230</v>
      </c>
      <c r="D36174" s="6"/>
      <c r="E36174" s="6" t="s">
        <v>9</v>
      </c>
      <c r="F36174" s="7">
        <v>37334</v>
      </c>
      <c r="G36174" s="8">
        <v>87513600</v>
      </c>
      <c r="H36174" s="8">
        <v>54258432</v>
      </c>
      <c r="I36174" s="8">
        <v>35005440</v>
      </c>
      <c r="J36174" s="8">
        <v>52508160</v>
      </c>
      <c r="K36174" s="9"/>
      <c r="L36174" s="6"/>
    </row>
    <row r="36175" spans="1:12">
      <c r="A36175" s="6" t="s">
        <v>36025</v>
      </c>
      <c r="B36175" s="6"/>
      <c r="C36175" s="6" t="s">
        <v>32230</v>
      </c>
      <c r="D36175" s="6"/>
      <c r="E36175" s="6" t="s">
        <v>9</v>
      </c>
      <c r="F36175" s="7">
        <v>37316</v>
      </c>
      <c r="G36175" s="8">
        <v>121194000</v>
      </c>
      <c r="H36175" s="8">
        <v>82048338</v>
      </c>
      <c r="I36175" s="8">
        <v>41205960</v>
      </c>
      <c r="J36175" s="8">
        <v>79988040</v>
      </c>
      <c r="K36175" s="9"/>
      <c r="L36175" s="6"/>
    </row>
    <row r="36176" spans="1:12">
      <c r="A36176" s="6" t="s">
        <v>36026</v>
      </c>
      <c r="B36176" s="6"/>
      <c r="C36176" s="6" t="s">
        <v>32230</v>
      </c>
      <c r="D36176" s="6"/>
      <c r="E36176" s="6" t="s">
        <v>9</v>
      </c>
      <c r="F36176" s="7">
        <v>35511</v>
      </c>
      <c r="G36176" s="8">
        <v>6326100</v>
      </c>
      <c r="H36176" s="8">
        <v>3289572</v>
      </c>
      <c r="I36176" s="8">
        <v>3163050</v>
      </c>
      <c r="J36176" s="8">
        <v>3163050</v>
      </c>
      <c r="K36176" s="9"/>
      <c r="L36176" s="6"/>
    </row>
    <row r="36177" spans="1:12">
      <c r="A36177" s="6" t="s">
        <v>36027</v>
      </c>
      <c r="B36177" s="6"/>
      <c r="C36177" s="6" t="s">
        <v>32230</v>
      </c>
      <c r="D36177" s="6"/>
      <c r="E36177" s="6" t="s">
        <v>9</v>
      </c>
      <c r="F36177" s="7">
        <v>35989</v>
      </c>
      <c r="G36177" s="8">
        <v>12806100</v>
      </c>
      <c r="H36177" s="8">
        <v>7171416</v>
      </c>
      <c r="I36177" s="8">
        <v>5890806</v>
      </c>
      <c r="J36177" s="8">
        <v>6915294</v>
      </c>
      <c r="K36177" s="9"/>
      <c r="L36177" s="6"/>
    </row>
    <row r="36178" spans="1:12">
      <c r="A36178" s="6" t="s">
        <v>36028</v>
      </c>
      <c r="B36178" s="6"/>
      <c r="C36178" s="6" t="s">
        <v>32230</v>
      </c>
      <c r="D36178" s="6"/>
      <c r="E36178" s="6" t="s">
        <v>9</v>
      </c>
      <c r="F36178" s="7">
        <v>35989</v>
      </c>
      <c r="G36178" s="8">
        <v>8270100</v>
      </c>
      <c r="H36178" s="8">
        <v>4631256</v>
      </c>
      <c r="I36178" s="8">
        <v>3804246</v>
      </c>
      <c r="J36178" s="8">
        <v>4465854</v>
      </c>
      <c r="K36178" s="9"/>
      <c r="L36178" s="6"/>
    </row>
    <row r="36179" spans="1:12">
      <c r="A36179" s="6" t="s">
        <v>36029</v>
      </c>
      <c r="B36179" s="6"/>
      <c r="C36179" s="6" t="s">
        <v>32230</v>
      </c>
      <c r="D36179" s="6"/>
      <c r="E36179" s="6" t="s">
        <v>9</v>
      </c>
      <c r="F36179" s="7">
        <v>36430</v>
      </c>
      <c r="G36179" s="8">
        <v>2187000</v>
      </c>
      <c r="H36179" s="8">
        <v>1268460</v>
      </c>
      <c r="I36179" s="8">
        <v>962280</v>
      </c>
      <c r="J36179" s="8">
        <v>1224720</v>
      </c>
      <c r="K36179" s="9"/>
      <c r="L36179" s="6"/>
    </row>
    <row r="36180" spans="1:12">
      <c r="A36180" s="6" t="s">
        <v>36030</v>
      </c>
      <c r="B36180" s="6"/>
      <c r="C36180" s="6" t="s">
        <v>32230</v>
      </c>
      <c r="D36180" s="6"/>
      <c r="E36180" s="6" t="s">
        <v>9</v>
      </c>
      <c r="F36180" s="7">
        <v>36430</v>
      </c>
      <c r="G36180" s="8">
        <v>20007000</v>
      </c>
      <c r="H36180" s="8">
        <v>11604060</v>
      </c>
      <c r="I36180" s="8">
        <v>8803080</v>
      </c>
      <c r="J36180" s="8">
        <v>11203920</v>
      </c>
      <c r="K36180" s="9"/>
      <c r="L36180" s="6"/>
    </row>
    <row r="36181" spans="1:12">
      <c r="A36181" s="6" t="s">
        <v>36031</v>
      </c>
      <c r="B36181" s="6"/>
      <c r="C36181" s="6" t="s">
        <v>32230</v>
      </c>
      <c r="D36181" s="6"/>
      <c r="E36181" s="6" t="s">
        <v>9</v>
      </c>
      <c r="F36181" s="7">
        <v>36430</v>
      </c>
      <c r="G36181" s="8">
        <v>3996000</v>
      </c>
      <c r="H36181" s="8">
        <v>2317680</v>
      </c>
      <c r="I36181" s="8">
        <v>1758240</v>
      </c>
      <c r="J36181" s="8">
        <v>2237760</v>
      </c>
      <c r="K36181" s="9"/>
      <c r="L36181" s="6"/>
    </row>
    <row r="36182" spans="1:12">
      <c r="A36182" s="6" t="s">
        <v>36032</v>
      </c>
      <c r="B36182" s="6"/>
      <c r="C36182" s="6" t="s">
        <v>32230</v>
      </c>
      <c r="D36182" s="6"/>
      <c r="E36182" s="6" t="s">
        <v>9</v>
      </c>
      <c r="F36182" s="7">
        <v>36430</v>
      </c>
      <c r="G36182" s="8">
        <v>37527300</v>
      </c>
      <c r="H36182" s="8">
        <v>21765834</v>
      </c>
      <c r="I36182" s="8">
        <v>16512012</v>
      </c>
      <c r="J36182" s="8">
        <v>21015288</v>
      </c>
      <c r="K36182" s="9"/>
      <c r="L36182" s="6"/>
    </row>
    <row r="36183" spans="1:12">
      <c r="A36183" s="6" t="s">
        <v>36033</v>
      </c>
      <c r="B36183" s="6"/>
      <c r="C36183" s="6" t="s">
        <v>32230</v>
      </c>
      <c r="D36183" s="6"/>
      <c r="E36183" s="6" t="s">
        <v>9</v>
      </c>
      <c r="F36183" s="7">
        <v>36430</v>
      </c>
      <c r="G36183" s="8">
        <v>5305500</v>
      </c>
      <c r="H36183" s="8">
        <v>3077190</v>
      </c>
      <c r="I36183" s="8">
        <v>2334420</v>
      </c>
      <c r="J36183" s="8">
        <v>2971080</v>
      </c>
      <c r="K36183" s="9"/>
      <c r="L36183" s="6"/>
    </row>
    <row r="36184" spans="1:12">
      <c r="A36184" s="6" t="s">
        <v>36034</v>
      </c>
      <c r="B36184" s="6"/>
      <c r="C36184" s="6" t="s">
        <v>32230</v>
      </c>
      <c r="D36184" s="6"/>
      <c r="E36184" s="6" t="s">
        <v>9</v>
      </c>
      <c r="F36184" s="7">
        <v>36430</v>
      </c>
      <c r="G36184" s="8">
        <v>6633900</v>
      </c>
      <c r="H36184" s="8">
        <v>3847662</v>
      </c>
      <c r="I36184" s="8">
        <v>2918916</v>
      </c>
      <c r="J36184" s="8">
        <v>3714984</v>
      </c>
      <c r="K36184" s="9"/>
      <c r="L36184" s="6"/>
    </row>
    <row r="36185" spans="1:12">
      <c r="A36185" s="6" t="s">
        <v>36035</v>
      </c>
      <c r="B36185" s="6"/>
      <c r="C36185" s="6" t="s">
        <v>32230</v>
      </c>
      <c r="D36185" s="6"/>
      <c r="E36185" s="6" t="s">
        <v>9</v>
      </c>
      <c r="F36185" s="7">
        <v>36430</v>
      </c>
      <c r="G36185" s="8">
        <v>10643400</v>
      </c>
      <c r="H36185" s="8">
        <v>6173172</v>
      </c>
      <c r="I36185" s="8">
        <v>4683096</v>
      </c>
      <c r="J36185" s="8">
        <v>5960304</v>
      </c>
      <c r="K36185" s="9"/>
      <c r="L36185" s="6"/>
    </row>
    <row r="36186" spans="1:12">
      <c r="A36186" s="6" t="s">
        <v>36036</v>
      </c>
      <c r="B36186" s="6"/>
      <c r="C36186" s="6" t="s">
        <v>32230</v>
      </c>
      <c r="D36186" s="6"/>
      <c r="E36186" s="6" t="s">
        <v>9</v>
      </c>
      <c r="F36186" s="7">
        <v>36430</v>
      </c>
      <c r="G36186" s="8">
        <v>9444600</v>
      </c>
      <c r="H36186" s="8">
        <v>5477868</v>
      </c>
      <c r="I36186" s="8">
        <v>4155624</v>
      </c>
      <c r="J36186" s="8">
        <v>5288976</v>
      </c>
      <c r="K36186" s="9"/>
      <c r="L36186" s="6"/>
    </row>
    <row r="36187" spans="1:12">
      <c r="A36187" s="6" t="s">
        <v>36037</v>
      </c>
      <c r="B36187" s="6"/>
      <c r="C36187" s="6" t="s">
        <v>32230</v>
      </c>
      <c r="D36187" s="6"/>
      <c r="E36187" s="6" t="s">
        <v>9</v>
      </c>
      <c r="F36187" s="7">
        <v>36430</v>
      </c>
      <c r="G36187" s="8">
        <v>11016000</v>
      </c>
      <c r="H36187" s="8">
        <v>6389280</v>
      </c>
      <c r="I36187" s="8">
        <v>4847040</v>
      </c>
      <c r="J36187" s="8">
        <v>6168960</v>
      </c>
      <c r="K36187" s="9"/>
      <c r="L36187" s="6"/>
    </row>
    <row r="36188" spans="1:12">
      <c r="A36188" s="6" t="s">
        <v>36038</v>
      </c>
      <c r="B36188" s="6"/>
      <c r="C36188" s="6" t="s">
        <v>32230</v>
      </c>
      <c r="D36188" s="6"/>
      <c r="E36188" s="6" t="s">
        <v>9</v>
      </c>
      <c r="F36188" s="7">
        <v>36430</v>
      </c>
      <c r="G36188" s="8">
        <v>10449000</v>
      </c>
      <c r="H36188" s="8">
        <v>6060420</v>
      </c>
      <c r="I36188" s="8">
        <v>4597560</v>
      </c>
      <c r="J36188" s="8">
        <v>5851440</v>
      </c>
      <c r="K36188" s="9"/>
      <c r="L36188" s="6"/>
    </row>
    <row r="36189" spans="1:12">
      <c r="A36189" s="6" t="s">
        <v>36039</v>
      </c>
      <c r="B36189" s="6"/>
      <c r="C36189" s="6" t="s">
        <v>32230</v>
      </c>
      <c r="D36189" s="6"/>
      <c r="E36189" s="6" t="s">
        <v>9</v>
      </c>
      <c r="F36189" s="7">
        <v>36430</v>
      </c>
      <c r="G36189" s="8">
        <v>5329800</v>
      </c>
      <c r="H36189" s="8">
        <v>3091284</v>
      </c>
      <c r="I36189" s="8">
        <v>2345112</v>
      </c>
      <c r="J36189" s="8">
        <v>2984688</v>
      </c>
      <c r="K36189" s="9"/>
      <c r="L36189" s="6"/>
    </row>
    <row r="36190" spans="1:12">
      <c r="A36190" s="6" t="s">
        <v>36040</v>
      </c>
      <c r="B36190" s="6"/>
      <c r="C36190" s="6" t="s">
        <v>32230</v>
      </c>
      <c r="D36190" s="6"/>
      <c r="E36190" s="6" t="s">
        <v>9</v>
      </c>
      <c r="F36190" s="7">
        <v>36430</v>
      </c>
      <c r="G36190" s="8">
        <v>23457600</v>
      </c>
      <c r="H36190" s="8">
        <v>13605408</v>
      </c>
      <c r="I36190" s="8">
        <v>10321344</v>
      </c>
      <c r="J36190" s="8">
        <v>13136256</v>
      </c>
      <c r="K36190" s="9"/>
      <c r="L36190" s="6"/>
    </row>
    <row r="36191" spans="1:12">
      <c r="A36191" s="6" t="s">
        <v>36041</v>
      </c>
      <c r="B36191" s="6"/>
      <c r="C36191" s="6" t="s">
        <v>32230</v>
      </c>
      <c r="D36191" s="6"/>
      <c r="E36191" s="6" t="s">
        <v>9</v>
      </c>
      <c r="F36191" s="7">
        <v>36643</v>
      </c>
      <c r="G36191" s="8">
        <v>2875500</v>
      </c>
      <c r="H36191" s="8">
        <v>1725300</v>
      </c>
      <c r="I36191" s="8">
        <v>1207710</v>
      </c>
      <c r="J36191" s="8">
        <v>1667790</v>
      </c>
      <c r="K36191" s="9"/>
      <c r="L36191" s="6"/>
    </row>
    <row r="36192" spans="1:12">
      <c r="A36192" s="6" t="s">
        <v>36042</v>
      </c>
      <c r="B36192" s="6"/>
      <c r="C36192" s="6" t="s">
        <v>32230</v>
      </c>
      <c r="D36192" s="6"/>
      <c r="E36192" s="6" t="s">
        <v>9</v>
      </c>
      <c r="F36192" s="7">
        <v>37235</v>
      </c>
      <c r="G36192" s="8">
        <v>4276800</v>
      </c>
      <c r="H36192" s="8">
        <v>2651616</v>
      </c>
      <c r="I36192" s="8">
        <v>1710720</v>
      </c>
      <c r="J36192" s="8">
        <v>2566080</v>
      </c>
      <c r="K36192" s="9"/>
      <c r="L36192" s="6"/>
    </row>
    <row r="36193" spans="1:12">
      <c r="A36193" s="6" t="s">
        <v>36043</v>
      </c>
      <c r="B36193" s="6"/>
      <c r="C36193" s="6" t="s">
        <v>32230</v>
      </c>
      <c r="D36193" s="6"/>
      <c r="E36193" s="6" t="s">
        <v>9</v>
      </c>
      <c r="F36193" s="7">
        <v>37235</v>
      </c>
      <c r="G36193" s="8">
        <v>5224500</v>
      </c>
      <c r="H36193" s="8">
        <v>3239190</v>
      </c>
      <c r="I36193" s="8">
        <v>2089800</v>
      </c>
      <c r="J36193" s="8">
        <v>3134700</v>
      </c>
      <c r="K36193" s="9"/>
      <c r="L36193" s="6"/>
    </row>
    <row r="36194" spans="1:12">
      <c r="A36194" s="6" t="s">
        <v>36044</v>
      </c>
      <c r="B36194" s="6"/>
      <c r="C36194" s="6" t="s">
        <v>32230</v>
      </c>
      <c r="D36194" s="6"/>
      <c r="E36194" s="6" t="s">
        <v>9</v>
      </c>
      <c r="F36194" s="7">
        <v>38069</v>
      </c>
      <c r="G36194" s="8">
        <v>9369600</v>
      </c>
      <c r="H36194" s="8">
        <v>6183936</v>
      </c>
      <c r="I36194" s="8">
        <v>3373056</v>
      </c>
      <c r="J36194" s="8">
        <v>5996544</v>
      </c>
      <c r="K36194" s="9"/>
      <c r="L36194" s="6"/>
    </row>
    <row r="36195" spans="1:12">
      <c r="A36195" s="6" t="s">
        <v>36045</v>
      </c>
      <c r="B36195" s="6"/>
      <c r="C36195" s="6" t="s">
        <v>32230</v>
      </c>
      <c r="D36195" s="6"/>
      <c r="E36195" s="6" t="s">
        <v>9</v>
      </c>
      <c r="F36195" s="7">
        <v>37334</v>
      </c>
      <c r="G36195" s="8">
        <v>106053300</v>
      </c>
      <c r="H36195" s="8">
        <v>65753046</v>
      </c>
      <c r="I36195" s="8">
        <v>42421320</v>
      </c>
      <c r="J36195" s="8">
        <v>63631980</v>
      </c>
      <c r="K36195" s="9"/>
      <c r="L36195" s="6"/>
    </row>
    <row r="36196" spans="1:12">
      <c r="A36196" s="6" t="s">
        <v>36046</v>
      </c>
      <c r="B36196" s="6"/>
      <c r="C36196" s="6" t="s">
        <v>32230</v>
      </c>
      <c r="D36196" s="6"/>
      <c r="E36196" s="6" t="s">
        <v>9</v>
      </c>
      <c r="F36196" s="7">
        <v>37334</v>
      </c>
      <c r="G36196" s="8">
        <v>21248000</v>
      </c>
      <c r="H36196" s="8">
        <v>13173760</v>
      </c>
      <c r="I36196" s="8">
        <v>8499200</v>
      </c>
      <c r="J36196" s="8">
        <v>12748800</v>
      </c>
      <c r="K36196" s="9"/>
      <c r="L36196" s="6"/>
    </row>
    <row r="36197" spans="1:12">
      <c r="A36197" s="6" t="s">
        <v>36047</v>
      </c>
      <c r="B36197" s="6"/>
      <c r="C36197" s="6" t="s">
        <v>32230</v>
      </c>
      <c r="D36197" s="6"/>
      <c r="E36197" s="6" t="s">
        <v>9</v>
      </c>
      <c r="F36197" s="7">
        <v>42064</v>
      </c>
      <c r="G36197" s="8">
        <v>67311000</v>
      </c>
      <c r="H36197" s="8">
        <v>59233680</v>
      </c>
      <c r="I36197" s="8">
        <v>9423540</v>
      </c>
      <c r="J36197" s="8">
        <v>57887460</v>
      </c>
      <c r="K36197" s="9"/>
      <c r="L36197" s="6"/>
    </row>
    <row r="36198" spans="1:12">
      <c r="A36198" s="6" t="s">
        <v>33185</v>
      </c>
      <c r="B36198" s="6"/>
      <c r="C36198" s="6" t="s">
        <v>32230</v>
      </c>
      <c r="D36198" s="6"/>
      <c r="E36198" s="6" t="s">
        <v>9</v>
      </c>
      <c r="F36198" s="7"/>
      <c r="G36198" s="8">
        <v>1</v>
      </c>
      <c r="H36198" s="8">
        <v>1</v>
      </c>
      <c r="I36198" s="8">
        <v>0</v>
      </c>
      <c r="J36198" s="8">
        <v>1</v>
      </c>
      <c r="K36198" s="9"/>
      <c r="L36198" s="6"/>
    </row>
    <row r="36199" spans="1:12">
      <c r="A36199" s="6" t="s">
        <v>36048</v>
      </c>
      <c r="B36199" s="6"/>
      <c r="C36199" s="6" t="s">
        <v>32230</v>
      </c>
      <c r="D36199" s="6"/>
      <c r="E36199" s="6" t="s">
        <v>9</v>
      </c>
      <c r="F36199" s="7">
        <v>39169</v>
      </c>
      <c r="G36199" s="8">
        <v>12160000</v>
      </c>
      <c r="H36199" s="8">
        <v>8755200</v>
      </c>
      <c r="I36199" s="8">
        <v>3648000</v>
      </c>
      <c r="J36199" s="8">
        <v>8512000</v>
      </c>
      <c r="K36199" s="9"/>
      <c r="L36199" s="6"/>
    </row>
    <row r="36200" spans="1:12">
      <c r="A36200" s="6" t="s">
        <v>36049</v>
      </c>
      <c r="B36200" s="6"/>
      <c r="C36200" s="6" t="s">
        <v>32230</v>
      </c>
      <c r="D36200" s="6"/>
      <c r="E36200" s="6" t="s">
        <v>9</v>
      </c>
      <c r="F36200" s="7">
        <v>37862</v>
      </c>
      <c r="G36200" s="8">
        <v>7646400</v>
      </c>
      <c r="H36200" s="8">
        <v>5046624</v>
      </c>
      <c r="I36200" s="8">
        <v>2752704</v>
      </c>
      <c r="J36200" s="8">
        <v>4893696</v>
      </c>
      <c r="K36200" s="9"/>
      <c r="L36200" s="6"/>
    </row>
    <row r="36201" spans="1:12">
      <c r="A36201" s="6" t="s">
        <v>36050</v>
      </c>
      <c r="B36201" s="6"/>
      <c r="C36201" s="6" t="s">
        <v>32230</v>
      </c>
      <c r="D36201" s="6"/>
      <c r="E36201" s="6" t="s">
        <v>9</v>
      </c>
      <c r="F36201" s="7">
        <v>41334</v>
      </c>
      <c r="G36201" s="8">
        <v>1485800</v>
      </c>
      <c r="H36201" s="8">
        <v>1248072</v>
      </c>
      <c r="I36201" s="8">
        <v>267444</v>
      </c>
      <c r="J36201" s="8">
        <v>1218356</v>
      </c>
      <c r="K36201" s="9"/>
      <c r="L36201" s="6"/>
    </row>
    <row r="36202" spans="1:12">
      <c r="A36202" s="6" t="s">
        <v>36051</v>
      </c>
      <c r="B36202" s="6"/>
      <c r="C36202" s="6" t="s">
        <v>32230</v>
      </c>
      <c r="D36202" s="6"/>
      <c r="E36202" s="6" t="s">
        <v>9</v>
      </c>
      <c r="F36202" s="7">
        <v>37862</v>
      </c>
      <c r="G36202" s="8">
        <v>1934200</v>
      </c>
      <c r="H36202" s="8">
        <v>1276572</v>
      </c>
      <c r="I36202" s="8">
        <v>696312</v>
      </c>
      <c r="J36202" s="8">
        <v>1237888</v>
      </c>
      <c r="K36202" s="9"/>
      <c r="L36202" s="6"/>
    </row>
    <row r="36203" spans="1:12">
      <c r="A36203" s="6" t="s">
        <v>36052</v>
      </c>
      <c r="B36203" s="6"/>
      <c r="C36203" s="6" t="s">
        <v>32230</v>
      </c>
      <c r="D36203" s="6"/>
      <c r="E36203" s="6" t="s">
        <v>9</v>
      </c>
      <c r="F36203" s="7">
        <v>37862</v>
      </c>
      <c r="G36203" s="8">
        <v>4195800</v>
      </c>
      <c r="H36203" s="8">
        <v>2769228</v>
      </c>
      <c r="I36203" s="8">
        <v>1510488</v>
      </c>
      <c r="J36203" s="8">
        <v>2685312</v>
      </c>
      <c r="K36203" s="9"/>
      <c r="L36203" s="6"/>
    </row>
    <row r="36204" spans="1:12">
      <c r="A36204" s="6" t="s">
        <v>36053</v>
      </c>
      <c r="B36204" s="6"/>
      <c r="C36204" s="6" t="s">
        <v>32230</v>
      </c>
      <c r="D36204" s="6"/>
      <c r="E36204" s="6" t="s">
        <v>9</v>
      </c>
      <c r="F36204" s="7">
        <v>38807</v>
      </c>
      <c r="G36204" s="8">
        <v>945000</v>
      </c>
      <c r="H36204" s="8">
        <v>661500</v>
      </c>
      <c r="I36204" s="8">
        <v>302400</v>
      </c>
      <c r="J36204" s="8">
        <v>642600</v>
      </c>
      <c r="K36204" s="9"/>
      <c r="L36204" s="6"/>
    </row>
    <row r="36205" spans="1:12">
      <c r="A36205" s="6" t="s">
        <v>36054</v>
      </c>
      <c r="B36205" s="6"/>
      <c r="C36205" s="6" t="s">
        <v>32230</v>
      </c>
      <c r="D36205" s="6"/>
      <c r="E36205" s="6" t="s">
        <v>9</v>
      </c>
      <c r="F36205" s="7">
        <v>37862</v>
      </c>
      <c r="G36205" s="8">
        <v>1039500</v>
      </c>
      <c r="H36205" s="8">
        <v>686070</v>
      </c>
      <c r="I36205" s="8">
        <v>374220</v>
      </c>
      <c r="J36205" s="8">
        <v>665280</v>
      </c>
      <c r="K36205" s="9"/>
      <c r="L36205" s="6"/>
    </row>
    <row r="36206" spans="1:12">
      <c r="A36206" s="6" t="s">
        <v>36055</v>
      </c>
      <c r="B36206" s="6"/>
      <c r="C36206" s="6" t="s">
        <v>32230</v>
      </c>
      <c r="D36206" s="6"/>
      <c r="E36206" s="6" t="s">
        <v>9</v>
      </c>
      <c r="F36206" s="7">
        <v>40940</v>
      </c>
      <c r="G36206" s="8">
        <v>5834700</v>
      </c>
      <c r="H36206" s="8">
        <v>4784454</v>
      </c>
      <c r="I36206" s="8">
        <v>1166940</v>
      </c>
      <c r="J36206" s="8">
        <v>4667760</v>
      </c>
      <c r="K36206" s="9"/>
      <c r="L36206" s="6"/>
    </row>
    <row r="36207" spans="1:12">
      <c r="A36207" s="6" t="s">
        <v>36056</v>
      </c>
      <c r="B36207" s="6"/>
      <c r="C36207" s="6" t="s">
        <v>32230</v>
      </c>
      <c r="D36207" s="6"/>
      <c r="E36207" s="6" t="s">
        <v>9</v>
      </c>
      <c r="F36207" s="7">
        <v>40238</v>
      </c>
      <c r="G36207" s="8">
        <v>6264000</v>
      </c>
      <c r="H36207" s="8">
        <v>4885920</v>
      </c>
      <c r="I36207" s="8">
        <v>1503360</v>
      </c>
      <c r="J36207" s="8">
        <v>4760640</v>
      </c>
      <c r="K36207" s="9"/>
      <c r="L36207" s="6"/>
    </row>
    <row r="36208" spans="1:12">
      <c r="A36208" s="6" t="s">
        <v>36057</v>
      </c>
      <c r="B36208" s="6"/>
      <c r="C36208" s="6" t="s">
        <v>32230</v>
      </c>
      <c r="D36208" s="6"/>
      <c r="E36208" s="6" t="s">
        <v>9</v>
      </c>
      <c r="F36208" s="7">
        <v>37862</v>
      </c>
      <c r="G36208" s="8">
        <v>15398100</v>
      </c>
      <c r="H36208" s="8">
        <v>10162746</v>
      </c>
      <c r="I36208" s="8">
        <v>5543316</v>
      </c>
      <c r="J36208" s="8">
        <v>9854784</v>
      </c>
      <c r="K36208" s="9"/>
      <c r="L36208" s="6"/>
    </row>
    <row r="36209" spans="1:12">
      <c r="A36209" s="6" t="s">
        <v>36058</v>
      </c>
      <c r="B36209" s="6"/>
      <c r="C36209" s="6" t="s">
        <v>32230</v>
      </c>
      <c r="D36209" s="6"/>
      <c r="E36209" s="6" t="s">
        <v>9</v>
      </c>
      <c r="F36209" s="7">
        <v>39508</v>
      </c>
      <c r="G36209" s="8">
        <v>119070000</v>
      </c>
      <c r="H36209" s="8">
        <v>88111800</v>
      </c>
      <c r="I36209" s="8">
        <v>33339600</v>
      </c>
      <c r="J36209" s="8">
        <v>85730400</v>
      </c>
      <c r="K36209" s="9"/>
      <c r="L36209" s="6"/>
    </row>
    <row r="36210" spans="1:12">
      <c r="A36210" s="6" t="s">
        <v>33185</v>
      </c>
      <c r="B36210" s="6"/>
      <c r="C36210" s="6" t="s">
        <v>32230</v>
      </c>
      <c r="D36210" s="6"/>
      <c r="E36210" s="6" t="s">
        <v>9</v>
      </c>
      <c r="F36210" s="7"/>
      <c r="G36210" s="8">
        <v>1</v>
      </c>
      <c r="H36210" s="8">
        <v>1</v>
      </c>
      <c r="I36210" s="8">
        <v>0</v>
      </c>
      <c r="J36210" s="8">
        <v>1</v>
      </c>
      <c r="K36210" s="9"/>
      <c r="L36210" s="6"/>
    </row>
    <row r="36211" spans="1:12">
      <c r="A36211" s="6" t="s">
        <v>36059</v>
      </c>
      <c r="B36211" s="6"/>
      <c r="C36211" s="6" t="s">
        <v>32230</v>
      </c>
      <c r="D36211" s="6"/>
      <c r="E36211" s="6" t="s">
        <v>9</v>
      </c>
      <c r="F36211" s="7">
        <v>39845</v>
      </c>
      <c r="G36211" s="8">
        <v>13305600</v>
      </c>
      <c r="H36211" s="8">
        <v>10112256</v>
      </c>
      <c r="I36211" s="8">
        <v>3459456</v>
      </c>
      <c r="J36211" s="8">
        <v>9846144</v>
      </c>
      <c r="K36211" s="9"/>
      <c r="L36211" s="6"/>
    </row>
    <row r="36212" spans="1:12">
      <c r="A36212" s="6" t="s">
        <v>36060</v>
      </c>
      <c r="B36212" s="6"/>
      <c r="C36212" s="6" t="s">
        <v>32230</v>
      </c>
      <c r="D36212" s="6"/>
      <c r="E36212" s="6" t="s">
        <v>9</v>
      </c>
      <c r="F36212" s="7">
        <v>39142</v>
      </c>
      <c r="G36212" s="8">
        <v>4096000</v>
      </c>
      <c r="H36212" s="8">
        <v>2949120</v>
      </c>
      <c r="I36212" s="8">
        <v>1228800</v>
      </c>
      <c r="J36212" s="8">
        <v>2867200</v>
      </c>
      <c r="K36212" s="9"/>
      <c r="L36212" s="6"/>
    </row>
    <row r="36213" spans="1:12">
      <c r="A36213" s="6" t="s">
        <v>36061</v>
      </c>
      <c r="B36213" s="6"/>
      <c r="C36213" s="6" t="s">
        <v>32230</v>
      </c>
      <c r="D36213" s="6"/>
      <c r="E36213" s="6" t="s">
        <v>9</v>
      </c>
      <c r="F36213" s="7">
        <v>39169</v>
      </c>
      <c r="G36213" s="8">
        <v>11634300</v>
      </c>
      <c r="H36213" s="8">
        <v>8376696</v>
      </c>
      <c r="I36213" s="8">
        <v>3490290</v>
      </c>
      <c r="J36213" s="8">
        <v>8144010</v>
      </c>
      <c r="K36213" s="9"/>
      <c r="L36213" s="6"/>
    </row>
    <row r="36214" spans="1:12">
      <c r="A36214" s="6" t="s">
        <v>36062</v>
      </c>
      <c r="B36214" s="6"/>
      <c r="C36214" s="6" t="s">
        <v>32230</v>
      </c>
      <c r="D36214" s="6"/>
      <c r="E36214" s="6" t="s">
        <v>9</v>
      </c>
      <c r="F36214" s="7">
        <v>39142</v>
      </c>
      <c r="G36214" s="8">
        <v>102813300</v>
      </c>
      <c r="H36214" s="8">
        <v>74025576</v>
      </c>
      <c r="I36214" s="8">
        <v>30843990</v>
      </c>
      <c r="J36214" s="8">
        <v>71969310</v>
      </c>
      <c r="K36214" s="9"/>
      <c r="L36214" s="6"/>
    </row>
    <row r="36215" spans="1:12">
      <c r="A36215" s="6" t="s">
        <v>33185</v>
      </c>
      <c r="B36215" s="6"/>
      <c r="C36215" s="6" t="s">
        <v>32230</v>
      </c>
      <c r="D36215" s="6"/>
      <c r="E36215" s="6" t="s">
        <v>9</v>
      </c>
      <c r="F36215" s="7"/>
      <c r="G36215" s="8">
        <v>1</v>
      </c>
      <c r="H36215" s="8">
        <v>1</v>
      </c>
      <c r="I36215" s="8">
        <v>0</v>
      </c>
      <c r="J36215" s="8">
        <v>1</v>
      </c>
      <c r="K36215" s="9"/>
      <c r="L36215" s="6"/>
    </row>
    <row r="36216" spans="1:12">
      <c r="A36216" s="6" t="s">
        <v>36063</v>
      </c>
      <c r="B36216" s="6"/>
      <c r="C36216" s="6" t="s">
        <v>32230</v>
      </c>
      <c r="D36216" s="6"/>
      <c r="E36216" s="6" t="s">
        <v>9</v>
      </c>
      <c r="F36216" s="7">
        <v>38807</v>
      </c>
      <c r="G36216" s="8">
        <v>8359200</v>
      </c>
      <c r="H36216" s="8">
        <v>5851440</v>
      </c>
      <c r="I36216" s="8">
        <v>2674944</v>
      </c>
      <c r="J36216" s="8">
        <v>5684256</v>
      </c>
      <c r="K36216" s="9"/>
      <c r="L36216" s="6"/>
    </row>
    <row r="36217" spans="1:12">
      <c r="A36217" s="6" t="s">
        <v>36064</v>
      </c>
      <c r="B36217" s="6"/>
      <c r="C36217" s="6" t="s">
        <v>32230</v>
      </c>
      <c r="D36217" s="6"/>
      <c r="E36217" s="6" t="s">
        <v>9</v>
      </c>
      <c r="F36217" s="7">
        <v>38807</v>
      </c>
      <c r="G36217" s="8">
        <v>22558500</v>
      </c>
      <c r="H36217" s="8">
        <v>15790950</v>
      </c>
      <c r="I36217" s="8">
        <v>7218720</v>
      </c>
      <c r="J36217" s="8">
        <v>15339780</v>
      </c>
      <c r="K36217" s="9"/>
      <c r="L36217" s="6"/>
    </row>
    <row r="36218" spans="1:12">
      <c r="A36218" s="6" t="s">
        <v>36065</v>
      </c>
      <c r="B36218" s="6"/>
      <c r="C36218" s="6" t="s">
        <v>32230</v>
      </c>
      <c r="D36218" s="6"/>
      <c r="E36218" s="6" t="s">
        <v>9</v>
      </c>
      <c r="F36218" s="7">
        <v>38807</v>
      </c>
      <c r="G36218" s="8">
        <v>52074900</v>
      </c>
      <c r="H36218" s="8">
        <v>36452430</v>
      </c>
      <c r="I36218" s="8">
        <v>16663968</v>
      </c>
      <c r="J36218" s="8">
        <v>35410932</v>
      </c>
      <c r="K36218" s="9"/>
      <c r="L36218" s="6"/>
    </row>
    <row r="36219" spans="1:12">
      <c r="A36219" s="6" t="s">
        <v>36066</v>
      </c>
      <c r="B36219" s="6"/>
      <c r="C36219" s="6" t="s">
        <v>32230</v>
      </c>
      <c r="D36219" s="6"/>
      <c r="E36219" s="6" t="s">
        <v>9</v>
      </c>
      <c r="F36219" s="7">
        <v>38077</v>
      </c>
      <c r="G36219" s="8">
        <v>22866300</v>
      </c>
      <c r="H36219" s="8">
        <v>15091758</v>
      </c>
      <c r="I36219" s="8">
        <v>8231868</v>
      </c>
      <c r="J36219" s="8">
        <v>14634432</v>
      </c>
      <c r="K36219" s="9"/>
      <c r="L36219" s="6"/>
    </row>
    <row r="36220" spans="1:12">
      <c r="A36220" s="6" t="s">
        <v>33185</v>
      </c>
      <c r="B36220" s="6"/>
      <c r="C36220" s="6" t="s">
        <v>32230</v>
      </c>
      <c r="D36220" s="6"/>
      <c r="E36220" s="6" t="s">
        <v>9</v>
      </c>
      <c r="F36220" s="7"/>
      <c r="G36220" s="8">
        <v>1</v>
      </c>
      <c r="H36220" s="8">
        <v>1</v>
      </c>
      <c r="I36220" s="8">
        <v>0</v>
      </c>
      <c r="J36220" s="8">
        <v>1</v>
      </c>
      <c r="K36220" s="9"/>
      <c r="L36220" s="6"/>
    </row>
    <row r="36221" spans="1:12">
      <c r="A36221" s="6" t="s">
        <v>36067</v>
      </c>
      <c r="B36221" s="6"/>
      <c r="C36221" s="6" t="s">
        <v>32230</v>
      </c>
      <c r="D36221" s="6"/>
      <c r="E36221" s="6" t="s">
        <v>9</v>
      </c>
      <c r="F36221" s="7">
        <v>38807</v>
      </c>
      <c r="G36221" s="8">
        <v>2297700</v>
      </c>
      <c r="H36221" s="8">
        <v>1608390</v>
      </c>
      <c r="I36221" s="8">
        <v>735264</v>
      </c>
      <c r="J36221" s="8">
        <v>1562436</v>
      </c>
      <c r="K36221" s="9"/>
      <c r="L36221" s="6"/>
    </row>
    <row r="36222" spans="1:12">
      <c r="A36222" s="6" t="s">
        <v>36068</v>
      </c>
      <c r="B36222" s="6"/>
      <c r="C36222" s="6" t="s">
        <v>32230</v>
      </c>
      <c r="D36222" s="6"/>
      <c r="E36222" s="6" t="s">
        <v>9</v>
      </c>
      <c r="F36222" s="7">
        <v>38047</v>
      </c>
      <c r="G36222" s="8">
        <v>119709900</v>
      </c>
      <c r="H36222" s="8">
        <v>79008534</v>
      </c>
      <c r="I36222" s="8">
        <v>43095564</v>
      </c>
      <c r="J36222" s="8">
        <v>76614336</v>
      </c>
      <c r="K36222" s="9"/>
      <c r="L36222" s="6"/>
    </row>
    <row r="36223" spans="1:12">
      <c r="A36223" s="6" t="s">
        <v>33185</v>
      </c>
      <c r="B36223" s="6"/>
      <c r="C36223" s="6" t="s">
        <v>32230</v>
      </c>
      <c r="D36223" s="6"/>
      <c r="E36223" s="6" t="s">
        <v>9</v>
      </c>
      <c r="F36223" s="7"/>
      <c r="G36223" s="8">
        <v>1</v>
      </c>
      <c r="H36223" s="8">
        <v>1</v>
      </c>
      <c r="I36223" s="8">
        <v>0</v>
      </c>
      <c r="J36223" s="8">
        <v>1</v>
      </c>
      <c r="K36223" s="9"/>
      <c r="L36223" s="6"/>
    </row>
    <row r="36224" spans="1:12">
      <c r="A36224" s="6" t="s">
        <v>33185</v>
      </c>
      <c r="B36224" s="6"/>
      <c r="C36224" s="6" t="s">
        <v>32230</v>
      </c>
      <c r="D36224" s="6"/>
      <c r="E36224" s="6" t="s">
        <v>9</v>
      </c>
      <c r="F36224" s="7"/>
      <c r="G36224" s="8">
        <v>1</v>
      </c>
      <c r="H36224" s="8">
        <v>1</v>
      </c>
      <c r="I36224" s="8">
        <v>0</v>
      </c>
      <c r="J36224" s="8">
        <v>1</v>
      </c>
      <c r="K36224" s="9"/>
      <c r="L36224" s="6"/>
    </row>
    <row r="36225" spans="1:12">
      <c r="A36225" s="6" t="s">
        <v>36069</v>
      </c>
      <c r="B36225" s="6"/>
      <c r="C36225" s="6" t="s">
        <v>32230</v>
      </c>
      <c r="D36225" s="6"/>
      <c r="E36225" s="6" t="s">
        <v>9</v>
      </c>
      <c r="F36225" s="7">
        <v>38807</v>
      </c>
      <c r="G36225" s="8">
        <v>2935500</v>
      </c>
      <c r="H36225" s="8">
        <v>2054850</v>
      </c>
      <c r="I36225" s="8">
        <v>939360</v>
      </c>
      <c r="J36225" s="8">
        <v>1996140</v>
      </c>
      <c r="K36225" s="9"/>
      <c r="L36225" s="6"/>
    </row>
    <row r="36226" spans="1:12">
      <c r="A36226" s="6" t="s">
        <v>36070</v>
      </c>
      <c r="B36226" s="6"/>
      <c r="C36226" s="6" t="s">
        <v>32230</v>
      </c>
      <c r="D36226" s="6"/>
      <c r="E36226" s="6" t="s">
        <v>9</v>
      </c>
      <c r="F36226" s="7">
        <v>39169</v>
      </c>
      <c r="G36226" s="8">
        <v>33523200</v>
      </c>
      <c r="H36226" s="8">
        <v>24136704</v>
      </c>
      <c r="I36226" s="8">
        <v>10056960</v>
      </c>
      <c r="J36226" s="8">
        <v>23466240</v>
      </c>
      <c r="K36226" s="9"/>
      <c r="L36226" s="6"/>
    </row>
    <row r="36227" spans="1:12">
      <c r="A36227" s="6" t="s">
        <v>33185</v>
      </c>
      <c r="B36227" s="6"/>
      <c r="C36227" s="6" t="s">
        <v>32230</v>
      </c>
      <c r="D36227" s="6"/>
      <c r="E36227" s="6" t="s">
        <v>9</v>
      </c>
      <c r="F36227" s="7"/>
      <c r="G36227" s="8">
        <v>1</v>
      </c>
      <c r="H36227" s="8">
        <v>1</v>
      </c>
      <c r="I36227" s="8">
        <v>0</v>
      </c>
      <c r="J36227" s="8">
        <v>1</v>
      </c>
      <c r="K36227" s="9"/>
      <c r="L36227" s="6"/>
    </row>
    <row r="36228" spans="1:12">
      <c r="A36228" s="6" t="s">
        <v>36071</v>
      </c>
      <c r="B36228" s="6"/>
      <c r="C36228" s="6" t="s">
        <v>32230</v>
      </c>
      <c r="D36228" s="6"/>
      <c r="E36228" s="6" t="s">
        <v>9</v>
      </c>
      <c r="F36228" s="7">
        <v>39169</v>
      </c>
      <c r="G36228" s="8">
        <v>12357900</v>
      </c>
      <c r="H36228" s="8">
        <v>8897688</v>
      </c>
      <c r="I36228" s="8">
        <v>3707370</v>
      </c>
      <c r="J36228" s="8">
        <v>8650530</v>
      </c>
      <c r="K36228" s="9"/>
      <c r="L36228" s="6"/>
    </row>
    <row r="36229" spans="1:12">
      <c r="A36229" s="6" t="s">
        <v>36072</v>
      </c>
      <c r="B36229" s="6"/>
      <c r="C36229" s="6" t="s">
        <v>32230</v>
      </c>
      <c r="D36229" s="6"/>
      <c r="E36229" s="6" t="s">
        <v>9</v>
      </c>
      <c r="F36229" s="7">
        <v>40238</v>
      </c>
      <c r="G36229" s="8">
        <v>4544100</v>
      </c>
      <c r="H36229" s="8">
        <v>3544398</v>
      </c>
      <c r="I36229" s="8">
        <v>1090584</v>
      </c>
      <c r="J36229" s="8">
        <v>3453516</v>
      </c>
      <c r="K36229" s="9"/>
      <c r="L36229" s="6"/>
    </row>
    <row r="36230" spans="1:12">
      <c r="A36230" s="6" t="s">
        <v>36073</v>
      </c>
      <c r="B36230" s="6"/>
      <c r="C36230" s="6" t="s">
        <v>32230</v>
      </c>
      <c r="D36230" s="6"/>
      <c r="E36230" s="6" t="s">
        <v>9</v>
      </c>
      <c r="F36230" s="7">
        <v>38807</v>
      </c>
      <c r="G36230" s="8">
        <v>10265600</v>
      </c>
      <c r="H36230" s="8">
        <v>7185920</v>
      </c>
      <c r="I36230" s="8">
        <v>3284992</v>
      </c>
      <c r="J36230" s="8">
        <v>6980608</v>
      </c>
      <c r="K36230" s="9"/>
      <c r="L36230" s="6"/>
    </row>
    <row r="36231" spans="1:12">
      <c r="A36231" s="6" t="s">
        <v>36074</v>
      </c>
      <c r="B36231" s="6"/>
      <c r="C36231" s="6" t="s">
        <v>32230</v>
      </c>
      <c r="D36231" s="6"/>
      <c r="E36231" s="6" t="s">
        <v>9</v>
      </c>
      <c r="F36231" s="7">
        <v>38807</v>
      </c>
      <c r="G36231" s="8">
        <v>3831300</v>
      </c>
      <c r="H36231" s="8">
        <v>2681910</v>
      </c>
      <c r="I36231" s="8">
        <v>1226016</v>
      </c>
      <c r="J36231" s="8">
        <v>2605284</v>
      </c>
      <c r="K36231" s="9"/>
      <c r="L36231" s="6"/>
    </row>
    <row r="36232" spans="1:12">
      <c r="A36232" s="6" t="s">
        <v>36075</v>
      </c>
      <c r="B36232" s="6"/>
      <c r="C36232" s="6" t="s">
        <v>32230</v>
      </c>
      <c r="D36232" s="6"/>
      <c r="E36232" s="6" t="s">
        <v>9</v>
      </c>
      <c r="F36232" s="7">
        <v>39169</v>
      </c>
      <c r="G36232" s="8">
        <v>36142200</v>
      </c>
      <c r="H36232" s="8">
        <v>26022384</v>
      </c>
      <c r="I36232" s="8">
        <v>10842660</v>
      </c>
      <c r="J36232" s="8">
        <v>25299540</v>
      </c>
      <c r="K36232" s="9"/>
      <c r="L36232" s="6"/>
    </row>
    <row r="36233" spans="1:12">
      <c r="A36233" s="6" t="s">
        <v>36076</v>
      </c>
      <c r="B36233" s="6"/>
      <c r="C36233" s="6" t="s">
        <v>32230</v>
      </c>
      <c r="D36233" s="6"/>
      <c r="E36233" s="6" t="s">
        <v>9</v>
      </c>
      <c r="F36233" s="7">
        <v>39169</v>
      </c>
      <c r="G36233" s="8">
        <v>32570100</v>
      </c>
      <c r="H36233" s="8">
        <v>23450472</v>
      </c>
      <c r="I36233" s="8">
        <v>9771030</v>
      </c>
      <c r="J36233" s="8">
        <v>22799070</v>
      </c>
      <c r="K36233" s="9"/>
      <c r="L36233" s="6"/>
    </row>
    <row r="36234" spans="1:12">
      <c r="A36234" s="6" t="s">
        <v>36077</v>
      </c>
      <c r="B36234" s="6"/>
      <c r="C36234" s="6" t="s">
        <v>32230</v>
      </c>
      <c r="D36234" s="6"/>
      <c r="E36234" s="6" t="s">
        <v>9</v>
      </c>
      <c r="F36234" s="7">
        <v>39169</v>
      </c>
      <c r="G36234" s="8">
        <v>12595500</v>
      </c>
      <c r="H36234" s="8">
        <v>9068760</v>
      </c>
      <c r="I36234" s="8">
        <v>3778650</v>
      </c>
      <c r="J36234" s="8">
        <v>8816850</v>
      </c>
      <c r="K36234" s="9"/>
      <c r="L36234" s="6"/>
    </row>
    <row r="36235" spans="1:12">
      <c r="A36235" s="6" t="s">
        <v>36078</v>
      </c>
      <c r="B36235" s="6"/>
      <c r="C36235" s="6" t="s">
        <v>32230</v>
      </c>
      <c r="D36235" s="6"/>
      <c r="E36235" s="6" t="s">
        <v>9</v>
      </c>
      <c r="F36235" s="7">
        <v>39169</v>
      </c>
      <c r="G36235" s="8">
        <v>5929200</v>
      </c>
      <c r="H36235" s="8">
        <v>4269024</v>
      </c>
      <c r="I36235" s="8">
        <v>1778760</v>
      </c>
      <c r="J36235" s="8">
        <v>4150440</v>
      </c>
      <c r="K36235" s="9"/>
      <c r="L36235" s="6"/>
    </row>
    <row r="36236" spans="1:12">
      <c r="A36236" s="6" t="s">
        <v>36079</v>
      </c>
      <c r="B36236" s="6"/>
      <c r="C36236" s="6" t="s">
        <v>32230</v>
      </c>
      <c r="D36236" s="6"/>
      <c r="E36236" s="6" t="s">
        <v>9</v>
      </c>
      <c r="F36236" s="7">
        <v>39169</v>
      </c>
      <c r="G36236" s="8">
        <v>5848200</v>
      </c>
      <c r="H36236" s="8">
        <v>4210704</v>
      </c>
      <c r="I36236" s="8">
        <v>1754460</v>
      </c>
      <c r="J36236" s="8">
        <v>4093740</v>
      </c>
      <c r="K36236" s="9"/>
      <c r="L36236" s="6"/>
    </row>
    <row r="36237" spans="1:12">
      <c r="A36237" s="6" t="s">
        <v>36080</v>
      </c>
      <c r="B36237" s="6"/>
      <c r="C36237" s="6" t="s">
        <v>32230</v>
      </c>
      <c r="D36237" s="6"/>
      <c r="E36237" s="6" t="s">
        <v>9</v>
      </c>
      <c r="F36237" s="7">
        <v>39169</v>
      </c>
      <c r="G36237" s="8">
        <v>3555900</v>
      </c>
      <c r="H36237" s="8">
        <v>2560248</v>
      </c>
      <c r="I36237" s="8">
        <v>1066770</v>
      </c>
      <c r="J36237" s="8">
        <v>2489130</v>
      </c>
      <c r="K36237" s="9"/>
      <c r="L36237" s="6"/>
    </row>
    <row r="36238" spans="1:12">
      <c r="A36238" s="6" t="s">
        <v>36081</v>
      </c>
      <c r="B36238" s="6"/>
      <c r="C36238" s="6" t="s">
        <v>32230</v>
      </c>
      <c r="D36238" s="6"/>
      <c r="E36238" s="6" t="s">
        <v>9</v>
      </c>
      <c r="F36238" s="7">
        <v>39169</v>
      </c>
      <c r="G36238" s="8">
        <v>3223800</v>
      </c>
      <c r="H36238" s="8">
        <v>2321136</v>
      </c>
      <c r="I36238" s="8">
        <v>967140</v>
      </c>
      <c r="J36238" s="8">
        <v>2256660</v>
      </c>
      <c r="K36238" s="9"/>
      <c r="L36238" s="6"/>
    </row>
    <row r="36239" spans="1:12">
      <c r="A36239" s="6" t="s">
        <v>36082</v>
      </c>
      <c r="B36239" s="6"/>
      <c r="C36239" s="6" t="s">
        <v>32230</v>
      </c>
      <c r="D36239" s="6"/>
      <c r="E36239" s="6" t="s">
        <v>9</v>
      </c>
      <c r="F36239" s="7">
        <v>39169</v>
      </c>
      <c r="G36239" s="8">
        <v>19059300</v>
      </c>
      <c r="H36239" s="8">
        <v>13722696</v>
      </c>
      <c r="I36239" s="8">
        <v>5717790</v>
      </c>
      <c r="J36239" s="8">
        <v>13341510</v>
      </c>
      <c r="K36239" s="9"/>
      <c r="L36239" s="6"/>
    </row>
    <row r="36240" spans="1:12">
      <c r="A36240" s="6" t="s">
        <v>36083</v>
      </c>
      <c r="B36240" s="6"/>
      <c r="C36240" s="6" t="s">
        <v>32230</v>
      </c>
      <c r="D36240" s="6"/>
      <c r="E36240" s="6" t="s">
        <v>9</v>
      </c>
      <c r="F36240" s="7">
        <v>39169</v>
      </c>
      <c r="G36240" s="8">
        <v>14847300</v>
      </c>
      <c r="H36240" s="8">
        <v>10690056</v>
      </c>
      <c r="I36240" s="8">
        <v>4454190</v>
      </c>
      <c r="J36240" s="8">
        <v>10393110</v>
      </c>
      <c r="K36240" s="9"/>
      <c r="L36240" s="6"/>
    </row>
    <row r="36241" spans="1:12">
      <c r="A36241" s="6" t="s">
        <v>36084</v>
      </c>
      <c r="B36241" s="6"/>
      <c r="C36241" s="6" t="s">
        <v>32230</v>
      </c>
      <c r="D36241" s="6"/>
      <c r="E36241" s="6" t="s">
        <v>9</v>
      </c>
      <c r="F36241" s="7">
        <v>39169</v>
      </c>
      <c r="G36241" s="8">
        <v>7362900</v>
      </c>
      <c r="H36241" s="8">
        <v>5301288</v>
      </c>
      <c r="I36241" s="8">
        <v>2208870</v>
      </c>
      <c r="J36241" s="8">
        <v>5154030</v>
      </c>
      <c r="K36241" s="9"/>
      <c r="L36241" s="6"/>
    </row>
    <row r="36242" spans="1:12">
      <c r="A36242" s="6" t="s">
        <v>36085</v>
      </c>
      <c r="B36242" s="6"/>
      <c r="C36242" s="6" t="s">
        <v>32230</v>
      </c>
      <c r="D36242" s="6"/>
      <c r="E36242" s="6" t="s">
        <v>9</v>
      </c>
      <c r="F36242" s="7">
        <v>39169</v>
      </c>
      <c r="G36242" s="8">
        <v>4706100</v>
      </c>
      <c r="H36242" s="8">
        <v>3388392</v>
      </c>
      <c r="I36242" s="8">
        <v>1411830</v>
      </c>
      <c r="J36242" s="8">
        <v>3294270</v>
      </c>
      <c r="K36242" s="9"/>
      <c r="L36242" s="6"/>
    </row>
    <row r="36243" spans="1:12">
      <c r="A36243" s="6" t="s">
        <v>36086</v>
      </c>
      <c r="B36243" s="6"/>
      <c r="C36243" s="6" t="s">
        <v>32230</v>
      </c>
      <c r="D36243" s="6"/>
      <c r="E36243" s="6" t="s">
        <v>9</v>
      </c>
      <c r="F36243" s="7">
        <v>41635</v>
      </c>
      <c r="G36243" s="8">
        <v>159975000</v>
      </c>
      <c r="H36243" s="8">
        <v>137578500</v>
      </c>
      <c r="I36243" s="8">
        <v>25596000</v>
      </c>
      <c r="J36243" s="8">
        <v>134379000</v>
      </c>
      <c r="K36243" s="9"/>
      <c r="L36243" s="6"/>
    </row>
    <row r="36244" spans="1:12">
      <c r="A36244" s="6" t="s">
        <v>36087</v>
      </c>
      <c r="B36244" s="6"/>
      <c r="C36244" s="6" t="s">
        <v>32230</v>
      </c>
      <c r="D36244" s="6"/>
      <c r="E36244" s="6" t="s">
        <v>9</v>
      </c>
      <c r="F36244" s="7">
        <v>42772</v>
      </c>
      <c r="G36244" s="8">
        <v>590760</v>
      </c>
      <c r="H36244" s="8">
        <v>354456</v>
      </c>
      <c r="I36244" s="8">
        <v>295380</v>
      </c>
      <c r="J36244" s="8">
        <v>295380</v>
      </c>
      <c r="K36244" s="9"/>
      <c r="L36244" s="6"/>
    </row>
    <row r="36245" spans="1:12">
      <c r="A36245" s="6" t="s">
        <v>36088</v>
      </c>
      <c r="B36245" s="6"/>
      <c r="C36245" s="6" t="s">
        <v>32230</v>
      </c>
      <c r="D36245" s="6"/>
      <c r="E36245" s="6" t="s">
        <v>9</v>
      </c>
      <c r="F36245" s="7">
        <v>39169</v>
      </c>
      <c r="G36245" s="8">
        <v>7398400</v>
      </c>
      <c r="H36245" s="8">
        <v>5326848</v>
      </c>
      <c r="I36245" s="8">
        <v>2219520</v>
      </c>
      <c r="J36245" s="8">
        <v>5178880</v>
      </c>
      <c r="K36245" s="9"/>
      <c r="L36245" s="6"/>
    </row>
    <row r="36246" spans="1:12">
      <c r="A36246" s="6" t="s">
        <v>36089</v>
      </c>
      <c r="B36246" s="6"/>
      <c r="C36246" s="6" t="s">
        <v>32230</v>
      </c>
      <c r="D36246" s="6"/>
      <c r="E36246" s="6" t="s">
        <v>9</v>
      </c>
      <c r="F36246" s="7">
        <v>39169</v>
      </c>
      <c r="G36246" s="8">
        <v>5283900</v>
      </c>
      <c r="H36246" s="8">
        <v>3804408</v>
      </c>
      <c r="I36246" s="8">
        <v>1585170</v>
      </c>
      <c r="J36246" s="8">
        <v>3698730</v>
      </c>
      <c r="K36246" s="9"/>
      <c r="L36246" s="6"/>
    </row>
    <row r="36247" spans="1:12">
      <c r="A36247" s="6" t="s">
        <v>36090</v>
      </c>
      <c r="B36247" s="6"/>
      <c r="C36247" s="6" t="s">
        <v>32230</v>
      </c>
      <c r="D36247" s="6"/>
      <c r="E36247" s="6" t="s">
        <v>9</v>
      </c>
      <c r="F36247" s="7">
        <v>39169</v>
      </c>
      <c r="G36247" s="8">
        <v>5864400</v>
      </c>
      <c r="H36247" s="8">
        <v>4222368</v>
      </c>
      <c r="I36247" s="8">
        <v>1759320</v>
      </c>
      <c r="J36247" s="8">
        <v>4105080</v>
      </c>
      <c r="K36247" s="9"/>
      <c r="L36247" s="6"/>
    </row>
    <row r="36248" spans="1:12">
      <c r="A36248" s="6" t="s">
        <v>33185</v>
      </c>
      <c r="B36248" s="6"/>
      <c r="C36248" s="6" t="s">
        <v>32230</v>
      </c>
      <c r="D36248" s="6"/>
      <c r="E36248" s="6" t="s">
        <v>9</v>
      </c>
      <c r="F36248" s="7"/>
      <c r="G36248" s="8">
        <v>1</v>
      </c>
      <c r="H36248" s="8">
        <v>1</v>
      </c>
      <c r="I36248" s="8">
        <v>0</v>
      </c>
      <c r="J36248" s="8">
        <v>1</v>
      </c>
      <c r="K36248" s="9"/>
      <c r="L36248" s="6"/>
    </row>
    <row r="36249" spans="1:12">
      <c r="A36249" s="6" t="s">
        <v>33185</v>
      </c>
      <c r="B36249" s="6"/>
      <c r="C36249" s="6" t="s">
        <v>32230</v>
      </c>
      <c r="D36249" s="6"/>
      <c r="E36249" s="6" t="s">
        <v>9</v>
      </c>
      <c r="F36249" s="7"/>
      <c r="G36249" s="8">
        <v>1</v>
      </c>
      <c r="H36249" s="8">
        <v>1</v>
      </c>
      <c r="I36249" s="8">
        <v>0</v>
      </c>
      <c r="J36249" s="8">
        <v>1</v>
      </c>
      <c r="K36249" s="9"/>
      <c r="L36249" s="6"/>
    </row>
    <row r="36250" spans="1:12">
      <c r="A36250" s="6" t="s">
        <v>33185</v>
      </c>
      <c r="B36250" s="6"/>
      <c r="C36250" s="6" t="s">
        <v>32230</v>
      </c>
      <c r="D36250" s="6"/>
      <c r="E36250" s="6" t="s">
        <v>9</v>
      </c>
      <c r="F36250" s="7"/>
      <c r="G36250" s="8">
        <v>1</v>
      </c>
      <c r="H36250" s="8">
        <v>1</v>
      </c>
      <c r="I36250" s="8">
        <v>0</v>
      </c>
      <c r="J36250" s="8">
        <v>1</v>
      </c>
      <c r="K36250" s="9"/>
      <c r="L36250" s="6"/>
    </row>
    <row r="36251" spans="1:12">
      <c r="A36251" s="6" t="s">
        <v>36091</v>
      </c>
      <c r="B36251" s="6"/>
      <c r="C36251" s="6" t="s">
        <v>32230</v>
      </c>
      <c r="D36251" s="6"/>
      <c r="E36251" s="6" t="s">
        <v>9</v>
      </c>
      <c r="F36251" s="7">
        <v>42415</v>
      </c>
      <c r="G36251" s="8">
        <v>7704720</v>
      </c>
      <c r="H36251" s="8">
        <v>6934250</v>
      </c>
      <c r="I36251" s="8">
        <v>924564</v>
      </c>
      <c r="J36251" s="8">
        <v>6780156</v>
      </c>
      <c r="K36251" s="9"/>
      <c r="L36251" s="6"/>
    </row>
    <row r="36252" spans="1:12">
      <c r="A36252" s="6" t="s">
        <v>36092</v>
      </c>
      <c r="B36252" s="6"/>
      <c r="C36252" s="6" t="s">
        <v>32230</v>
      </c>
      <c r="D36252" s="6"/>
      <c r="E36252" s="6" t="s">
        <v>9</v>
      </c>
      <c r="F36252" s="7">
        <v>42573</v>
      </c>
      <c r="G36252" s="8">
        <v>8845200</v>
      </c>
      <c r="H36252" s="8">
        <v>8137584</v>
      </c>
      <c r="I36252" s="8">
        <v>884520</v>
      </c>
      <c r="J36252" s="8">
        <v>7960680</v>
      </c>
      <c r="K36252" s="9"/>
      <c r="L36252" s="6"/>
    </row>
    <row r="36253" spans="1:12">
      <c r="A36253" s="6" t="s">
        <v>36093</v>
      </c>
      <c r="B36253" s="6"/>
      <c r="C36253" s="6" t="s">
        <v>32230</v>
      </c>
      <c r="D36253" s="6"/>
      <c r="E36253" s="6" t="s">
        <v>9</v>
      </c>
      <c r="F36253" s="7">
        <v>39169</v>
      </c>
      <c r="G36253" s="8">
        <v>4228200</v>
      </c>
      <c r="H36253" s="8">
        <v>3044304</v>
      </c>
      <c r="I36253" s="8">
        <v>1268460</v>
      </c>
      <c r="J36253" s="8">
        <v>2959740</v>
      </c>
      <c r="K36253" s="9"/>
      <c r="L36253" s="6"/>
    </row>
    <row r="36254" spans="1:12">
      <c r="A36254" s="6" t="s">
        <v>36094</v>
      </c>
      <c r="B36254" s="6"/>
      <c r="C36254" s="6" t="s">
        <v>32230</v>
      </c>
      <c r="D36254" s="6"/>
      <c r="E36254" s="6" t="s">
        <v>9</v>
      </c>
      <c r="F36254" s="7">
        <v>39169</v>
      </c>
      <c r="G36254" s="8">
        <v>24834600</v>
      </c>
      <c r="H36254" s="8">
        <v>17880912</v>
      </c>
      <c r="I36254" s="8">
        <v>7450380</v>
      </c>
      <c r="J36254" s="8">
        <v>17384220</v>
      </c>
      <c r="K36254" s="9"/>
      <c r="L36254" s="6"/>
    </row>
    <row r="36255" spans="1:12">
      <c r="A36255" s="6" t="s">
        <v>36095</v>
      </c>
      <c r="B36255" s="6"/>
      <c r="C36255" s="6" t="s">
        <v>32230</v>
      </c>
      <c r="D36255" s="6"/>
      <c r="E36255" s="6" t="s">
        <v>9</v>
      </c>
      <c r="F36255" s="7">
        <v>39169</v>
      </c>
      <c r="G36255" s="8">
        <v>67724800</v>
      </c>
      <c r="H36255" s="8">
        <v>48761856</v>
      </c>
      <c r="I36255" s="8">
        <v>20317440</v>
      </c>
      <c r="J36255" s="8">
        <v>47407360</v>
      </c>
      <c r="K36255" s="9"/>
      <c r="L36255" s="6"/>
    </row>
    <row r="36256" spans="1:12">
      <c r="A36256" s="6" t="s">
        <v>36096</v>
      </c>
      <c r="B36256" s="6"/>
      <c r="C36256" s="6" t="s">
        <v>32230</v>
      </c>
      <c r="D36256" s="6"/>
      <c r="E36256" s="6" t="s">
        <v>9</v>
      </c>
      <c r="F36256" s="7">
        <v>39169</v>
      </c>
      <c r="G36256" s="8">
        <v>30601800</v>
      </c>
      <c r="H36256" s="8">
        <v>22033296</v>
      </c>
      <c r="I36256" s="8">
        <v>9180540</v>
      </c>
      <c r="J36256" s="8">
        <v>21421260</v>
      </c>
      <c r="K36256" s="9"/>
      <c r="L36256" s="6"/>
    </row>
    <row r="36257" spans="1:12">
      <c r="A36257" s="6" t="s">
        <v>36097</v>
      </c>
      <c r="B36257" s="6"/>
      <c r="C36257" s="6" t="s">
        <v>32230</v>
      </c>
      <c r="D36257" s="6"/>
      <c r="E36257" s="6" t="s">
        <v>9</v>
      </c>
      <c r="F36257" s="7">
        <v>39169</v>
      </c>
      <c r="G36257" s="8">
        <v>6342300</v>
      </c>
      <c r="H36257" s="8">
        <v>4566456</v>
      </c>
      <c r="I36257" s="8">
        <v>1902690</v>
      </c>
      <c r="J36257" s="8">
        <v>4439610</v>
      </c>
      <c r="K36257" s="9"/>
      <c r="L36257" s="6"/>
    </row>
    <row r="36258" spans="1:12">
      <c r="A36258" s="6" t="s">
        <v>36098</v>
      </c>
      <c r="B36258" s="6"/>
      <c r="C36258" s="6" t="s">
        <v>32230</v>
      </c>
      <c r="D36258" s="6"/>
      <c r="E36258" s="6" t="s">
        <v>9</v>
      </c>
      <c r="F36258" s="7">
        <v>39169</v>
      </c>
      <c r="G36258" s="8">
        <v>4365900</v>
      </c>
      <c r="H36258" s="8">
        <v>3143448</v>
      </c>
      <c r="I36258" s="8">
        <v>1309770</v>
      </c>
      <c r="J36258" s="8">
        <v>3056130</v>
      </c>
      <c r="K36258" s="9"/>
      <c r="L36258" s="6"/>
    </row>
    <row r="36259" spans="1:12">
      <c r="A36259" s="6" t="s">
        <v>36099</v>
      </c>
      <c r="B36259" s="6"/>
      <c r="C36259" s="6" t="s">
        <v>32230</v>
      </c>
      <c r="D36259" s="6"/>
      <c r="E36259" s="6" t="s">
        <v>9</v>
      </c>
      <c r="F36259" s="7">
        <v>39169</v>
      </c>
      <c r="G36259" s="8">
        <v>18273600</v>
      </c>
      <c r="H36259" s="8">
        <v>13156992</v>
      </c>
      <c r="I36259" s="8">
        <v>5482080</v>
      </c>
      <c r="J36259" s="8">
        <v>12791520</v>
      </c>
      <c r="K36259" s="9"/>
      <c r="L36259" s="6"/>
    </row>
    <row r="36260" spans="1:12">
      <c r="A36260" s="6" t="s">
        <v>36100</v>
      </c>
      <c r="B36260" s="6"/>
      <c r="C36260" s="6" t="s">
        <v>32230</v>
      </c>
      <c r="D36260" s="6"/>
      <c r="E36260" s="6" t="s">
        <v>9</v>
      </c>
      <c r="F36260" s="7">
        <v>39169</v>
      </c>
      <c r="G36260" s="8">
        <v>24065100</v>
      </c>
      <c r="H36260" s="8">
        <v>17326872</v>
      </c>
      <c r="I36260" s="8">
        <v>7219530</v>
      </c>
      <c r="J36260" s="8">
        <v>16845570</v>
      </c>
      <c r="K36260" s="9"/>
      <c r="L36260" s="6"/>
    </row>
    <row r="36261" spans="1:12">
      <c r="A36261" s="6" t="s">
        <v>36101</v>
      </c>
      <c r="B36261" s="6"/>
      <c r="C36261" s="6" t="s">
        <v>32230</v>
      </c>
      <c r="D36261" s="6"/>
      <c r="E36261" s="6" t="s">
        <v>9</v>
      </c>
      <c r="F36261" s="7">
        <v>39169</v>
      </c>
      <c r="G36261" s="8">
        <v>7751700</v>
      </c>
      <c r="H36261" s="8">
        <v>5581224</v>
      </c>
      <c r="I36261" s="8">
        <v>2325510</v>
      </c>
      <c r="J36261" s="8">
        <v>5426190</v>
      </c>
      <c r="K36261" s="9"/>
      <c r="L36261" s="6"/>
    </row>
    <row r="36262" spans="1:12">
      <c r="A36262" s="6" t="s">
        <v>36102</v>
      </c>
      <c r="B36262" s="6"/>
      <c r="C36262" s="6" t="s">
        <v>32230</v>
      </c>
      <c r="D36262" s="6"/>
      <c r="E36262" s="6" t="s">
        <v>9</v>
      </c>
      <c r="F36262" s="7">
        <v>39169</v>
      </c>
      <c r="G36262" s="8">
        <v>2689200</v>
      </c>
      <c r="H36262" s="8">
        <v>1936224</v>
      </c>
      <c r="I36262" s="8">
        <v>806760</v>
      </c>
      <c r="J36262" s="8">
        <v>1882440</v>
      </c>
      <c r="K36262" s="9"/>
      <c r="L36262" s="6"/>
    </row>
    <row r="36263" spans="1:12">
      <c r="A36263" s="6" t="s">
        <v>36103</v>
      </c>
      <c r="B36263" s="6"/>
      <c r="C36263" s="6" t="s">
        <v>32230</v>
      </c>
      <c r="D36263" s="6"/>
      <c r="E36263" s="6" t="s">
        <v>9</v>
      </c>
      <c r="F36263" s="7">
        <v>40263</v>
      </c>
      <c r="G36263" s="8">
        <v>8820900</v>
      </c>
      <c r="H36263" s="8">
        <v>6880302</v>
      </c>
      <c r="I36263" s="8">
        <v>2117016</v>
      </c>
      <c r="J36263" s="8">
        <v>6703884</v>
      </c>
      <c r="K36263" s="9"/>
      <c r="L36263" s="6"/>
    </row>
    <row r="36264" spans="1:12">
      <c r="A36264" s="6" t="s">
        <v>36104</v>
      </c>
      <c r="B36264" s="6"/>
      <c r="C36264" s="6" t="s">
        <v>32230</v>
      </c>
      <c r="D36264" s="6"/>
      <c r="E36264" s="6" t="s">
        <v>9</v>
      </c>
      <c r="F36264" s="7">
        <v>39535</v>
      </c>
      <c r="G36264" s="8">
        <v>11404800</v>
      </c>
      <c r="H36264" s="8">
        <v>8439552</v>
      </c>
      <c r="I36264" s="8">
        <v>3193344</v>
      </c>
      <c r="J36264" s="8">
        <v>8211456</v>
      </c>
      <c r="K36264" s="9"/>
      <c r="L36264" s="6"/>
    </row>
    <row r="36265" spans="1:12">
      <c r="A36265" s="6" t="s">
        <v>36105</v>
      </c>
      <c r="B36265" s="6"/>
      <c r="C36265" s="6" t="s">
        <v>32230</v>
      </c>
      <c r="D36265" s="6"/>
      <c r="E36265" s="6" t="s">
        <v>9</v>
      </c>
      <c r="F36265" s="7">
        <v>39535</v>
      </c>
      <c r="G36265" s="8">
        <v>40627200</v>
      </c>
      <c r="H36265" s="8">
        <v>30064128</v>
      </c>
      <c r="I36265" s="8">
        <v>11375616</v>
      </c>
      <c r="J36265" s="8">
        <v>29251584</v>
      </c>
      <c r="K36265" s="9"/>
      <c r="L36265" s="6"/>
    </row>
    <row r="36266" spans="1:12">
      <c r="A36266" s="6" t="s">
        <v>36106</v>
      </c>
      <c r="B36266" s="6"/>
      <c r="C36266" s="6" t="s">
        <v>32230</v>
      </c>
      <c r="D36266" s="6"/>
      <c r="E36266" s="6" t="s">
        <v>9</v>
      </c>
      <c r="F36266" s="7">
        <v>39535</v>
      </c>
      <c r="G36266" s="8">
        <v>1491500</v>
      </c>
      <c r="H36266" s="8">
        <v>1103710</v>
      </c>
      <c r="I36266" s="8">
        <v>417620</v>
      </c>
      <c r="J36266" s="8">
        <v>1073880</v>
      </c>
      <c r="K36266" s="9"/>
      <c r="L36266" s="6"/>
    </row>
    <row r="36267" spans="1:12">
      <c r="A36267" s="6" t="s">
        <v>36107</v>
      </c>
      <c r="B36267" s="6"/>
      <c r="C36267" s="6" t="s">
        <v>32230</v>
      </c>
      <c r="D36267" s="6"/>
      <c r="E36267" s="6" t="s">
        <v>9</v>
      </c>
      <c r="F36267" s="7">
        <v>40940</v>
      </c>
      <c r="G36267" s="8">
        <v>76796100</v>
      </c>
      <c r="H36267" s="8">
        <v>62972802</v>
      </c>
      <c r="I36267" s="8">
        <v>15359220</v>
      </c>
      <c r="J36267" s="8">
        <v>61436880</v>
      </c>
      <c r="K36267" s="9"/>
      <c r="L36267" s="6"/>
    </row>
    <row r="36268" spans="1:12">
      <c r="A36268" s="6" t="s">
        <v>36108</v>
      </c>
      <c r="B36268" s="6"/>
      <c r="C36268" s="6" t="s">
        <v>32230</v>
      </c>
      <c r="D36268" s="6"/>
      <c r="E36268" s="6" t="s">
        <v>9</v>
      </c>
      <c r="F36268" s="7">
        <v>40630</v>
      </c>
      <c r="G36268" s="8">
        <v>10373400</v>
      </c>
      <c r="H36268" s="8">
        <v>8298720</v>
      </c>
      <c r="I36268" s="8">
        <v>2282148</v>
      </c>
      <c r="J36268" s="8">
        <v>8091252</v>
      </c>
      <c r="K36268" s="9"/>
      <c r="L36268" s="6"/>
    </row>
    <row r="36269" spans="1:12">
      <c r="A36269" s="6" t="s">
        <v>36109</v>
      </c>
      <c r="B36269" s="6"/>
      <c r="C36269" s="6" t="s">
        <v>32230</v>
      </c>
      <c r="D36269" s="6"/>
      <c r="E36269" s="6" t="s">
        <v>9</v>
      </c>
      <c r="F36269" s="7">
        <v>40630</v>
      </c>
      <c r="G36269" s="8">
        <v>15327900</v>
      </c>
      <c r="H36269" s="8">
        <v>12262320</v>
      </c>
      <c r="I36269" s="8">
        <v>3372138</v>
      </c>
      <c r="J36269" s="8">
        <v>11955762</v>
      </c>
      <c r="K36269" s="9"/>
      <c r="L36269" s="6"/>
    </row>
    <row r="36270" spans="1:12">
      <c r="A36270" s="6" t="s">
        <v>36110</v>
      </c>
      <c r="B36270" s="6"/>
      <c r="C36270" s="6" t="s">
        <v>32230</v>
      </c>
      <c r="D36270" s="6"/>
      <c r="E36270" s="6" t="s">
        <v>9</v>
      </c>
      <c r="F36270" s="7">
        <v>40630</v>
      </c>
      <c r="G36270" s="8">
        <v>9768600</v>
      </c>
      <c r="H36270" s="8">
        <v>7814880</v>
      </c>
      <c r="I36270" s="8">
        <v>2149092</v>
      </c>
      <c r="J36270" s="8">
        <v>7619508</v>
      </c>
      <c r="K36270" s="9"/>
      <c r="L36270" s="6"/>
    </row>
    <row r="36271" spans="1:12">
      <c r="A36271" s="6" t="s">
        <v>36111</v>
      </c>
      <c r="B36271" s="6"/>
      <c r="C36271" s="6" t="s">
        <v>32230</v>
      </c>
      <c r="D36271" s="6"/>
      <c r="E36271" s="6" t="s">
        <v>9</v>
      </c>
      <c r="F36271" s="7">
        <v>40630</v>
      </c>
      <c r="G36271" s="8">
        <v>8804700</v>
      </c>
      <c r="H36271" s="8">
        <v>7043760</v>
      </c>
      <c r="I36271" s="8">
        <v>1937034</v>
      </c>
      <c r="J36271" s="8">
        <v>6867666</v>
      </c>
      <c r="K36271" s="9"/>
      <c r="L36271" s="6"/>
    </row>
    <row r="36272" spans="1:12">
      <c r="A36272" s="6" t="s">
        <v>36112</v>
      </c>
      <c r="B36272" s="6"/>
      <c r="C36272" s="6" t="s">
        <v>32230</v>
      </c>
      <c r="D36272" s="6"/>
      <c r="E36272" s="6" t="s">
        <v>9</v>
      </c>
      <c r="F36272" s="7">
        <v>40630</v>
      </c>
      <c r="G36272" s="8">
        <v>14895900</v>
      </c>
      <c r="H36272" s="8">
        <v>11916720</v>
      </c>
      <c r="I36272" s="8">
        <v>3277098</v>
      </c>
      <c r="J36272" s="8">
        <v>11618802</v>
      </c>
      <c r="K36272" s="9"/>
      <c r="L36272" s="6"/>
    </row>
    <row r="36273" spans="1:12">
      <c r="A36273" s="6" t="s">
        <v>36113</v>
      </c>
      <c r="B36273" s="6"/>
      <c r="C36273" s="6" t="s">
        <v>32230</v>
      </c>
      <c r="D36273" s="6"/>
      <c r="E36273" s="6" t="s">
        <v>9</v>
      </c>
      <c r="F36273" s="7">
        <v>40630</v>
      </c>
      <c r="G36273" s="8">
        <v>43432200</v>
      </c>
      <c r="H36273" s="8">
        <v>34745760</v>
      </c>
      <c r="I36273" s="8">
        <v>9555084</v>
      </c>
      <c r="J36273" s="8">
        <v>33877116</v>
      </c>
      <c r="K36273" s="9"/>
      <c r="L36273" s="6"/>
    </row>
    <row r="36274" spans="1:12">
      <c r="A36274" s="6" t="s">
        <v>36114</v>
      </c>
      <c r="B36274" s="6"/>
      <c r="C36274" s="6" t="s">
        <v>32230</v>
      </c>
      <c r="D36274" s="6"/>
      <c r="E36274" s="6" t="s">
        <v>9</v>
      </c>
      <c r="F36274" s="7">
        <v>40630</v>
      </c>
      <c r="G36274" s="8">
        <v>32019300</v>
      </c>
      <c r="H36274" s="8">
        <v>25615440</v>
      </c>
      <c r="I36274" s="8">
        <v>7044246</v>
      </c>
      <c r="J36274" s="8">
        <v>24975054</v>
      </c>
      <c r="K36274" s="9"/>
      <c r="L36274" s="6"/>
    </row>
    <row r="36275" spans="1:12">
      <c r="A36275" s="6" t="s">
        <v>36115</v>
      </c>
      <c r="B36275" s="6"/>
      <c r="C36275" s="6" t="s">
        <v>32230</v>
      </c>
      <c r="D36275" s="6"/>
      <c r="E36275" s="6" t="s">
        <v>9</v>
      </c>
      <c r="F36275" s="7">
        <v>40630</v>
      </c>
      <c r="G36275" s="8">
        <v>19083600</v>
      </c>
      <c r="H36275" s="8">
        <v>15266880</v>
      </c>
      <c r="I36275" s="8">
        <v>4198392</v>
      </c>
      <c r="J36275" s="8">
        <v>14885208</v>
      </c>
      <c r="K36275" s="9"/>
      <c r="L36275" s="6"/>
    </row>
    <row r="36276" spans="1:12">
      <c r="A36276" s="6" t="s">
        <v>33185</v>
      </c>
      <c r="B36276" s="6"/>
      <c r="C36276" s="6" t="s">
        <v>32230</v>
      </c>
      <c r="D36276" s="6"/>
      <c r="E36276" s="6" t="s">
        <v>9</v>
      </c>
      <c r="F36276" s="7"/>
      <c r="G36276" s="8">
        <v>1</v>
      </c>
      <c r="H36276" s="8">
        <v>1</v>
      </c>
      <c r="I36276" s="8">
        <v>0</v>
      </c>
      <c r="J36276" s="8">
        <v>1</v>
      </c>
      <c r="K36276" s="9"/>
      <c r="L36276" s="6"/>
    </row>
    <row r="36277" spans="1:12">
      <c r="A36277" s="6" t="s">
        <v>36116</v>
      </c>
      <c r="B36277" s="6"/>
      <c r="C36277" s="6" t="s">
        <v>32230</v>
      </c>
      <c r="D36277" s="6"/>
      <c r="E36277" s="6" t="s">
        <v>9</v>
      </c>
      <c r="F36277" s="7">
        <v>40630</v>
      </c>
      <c r="G36277" s="8">
        <v>13851000</v>
      </c>
      <c r="H36277" s="8">
        <v>11080800</v>
      </c>
      <c r="I36277" s="8">
        <v>3047220</v>
      </c>
      <c r="J36277" s="8">
        <v>10803780</v>
      </c>
      <c r="K36277" s="9"/>
      <c r="L36277" s="6"/>
    </row>
    <row r="36278" spans="1:12">
      <c r="A36278" s="6" t="s">
        <v>36117</v>
      </c>
      <c r="B36278" s="6"/>
      <c r="C36278" s="6" t="s">
        <v>32230</v>
      </c>
      <c r="D36278" s="6"/>
      <c r="E36278" s="6" t="s">
        <v>9</v>
      </c>
      <c r="F36278" s="7">
        <v>40630</v>
      </c>
      <c r="G36278" s="8">
        <v>12789900</v>
      </c>
      <c r="H36278" s="8">
        <v>10231920</v>
      </c>
      <c r="I36278" s="8">
        <v>2813778</v>
      </c>
      <c r="J36278" s="8">
        <v>9976122</v>
      </c>
      <c r="K36278" s="9"/>
      <c r="L36278" s="6"/>
    </row>
    <row r="36279" spans="1:12">
      <c r="A36279" s="6" t="s">
        <v>36118</v>
      </c>
      <c r="B36279" s="6"/>
      <c r="C36279" s="6" t="s">
        <v>32230</v>
      </c>
      <c r="D36279" s="6"/>
      <c r="E36279" s="6" t="s">
        <v>9</v>
      </c>
      <c r="F36279" s="7">
        <v>40630</v>
      </c>
      <c r="G36279" s="8">
        <v>56108700</v>
      </c>
      <c r="H36279" s="8">
        <v>44886960</v>
      </c>
      <c r="I36279" s="8">
        <v>12343914</v>
      </c>
      <c r="J36279" s="8">
        <v>43764786</v>
      </c>
      <c r="K36279" s="9"/>
      <c r="L36279" s="6"/>
    </row>
    <row r="36280" spans="1:12">
      <c r="A36280" s="6" t="s">
        <v>36119</v>
      </c>
      <c r="B36280" s="6"/>
      <c r="C36280" s="6" t="s">
        <v>32230</v>
      </c>
      <c r="D36280" s="6"/>
      <c r="E36280" s="6" t="s">
        <v>9</v>
      </c>
      <c r="F36280" s="7">
        <v>40630</v>
      </c>
      <c r="G36280" s="8">
        <v>5791500</v>
      </c>
      <c r="H36280" s="8">
        <v>4633200</v>
      </c>
      <c r="I36280" s="8">
        <v>1274130</v>
      </c>
      <c r="J36280" s="8">
        <v>4517370</v>
      </c>
      <c r="K36280" s="9"/>
      <c r="L36280" s="6"/>
    </row>
    <row r="36281" spans="1:12">
      <c r="A36281" s="6" t="s">
        <v>36120</v>
      </c>
      <c r="B36281" s="6"/>
      <c r="C36281" s="6" t="s">
        <v>32230</v>
      </c>
      <c r="D36281" s="6"/>
      <c r="E36281" s="6" t="s">
        <v>9</v>
      </c>
      <c r="F36281" s="7">
        <v>40994</v>
      </c>
      <c r="G36281" s="8">
        <v>9393300</v>
      </c>
      <c r="H36281" s="8">
        <v>7702506</v>
      </c>
      <c r="I36281" s="8">
        <v>1878660</v>
      </c>
      <c r="J36281" s="8">
        <v>7514640</v>
      </c>
      <c r="K36281" s="9"/>
      <c r="L36281" s="6"/>
    </row>
    <row r="36282" spans="1:12">
      <c r="A36282" s="6" t="s">
        <v>36121</v>
      </c>
      <c r="B36282" s="6"/>
      <c r="C36282" s="6" t="s">
        <v>32230</v>
      </c>
      <c r="D36282" s="6"/>
      <c r="E36282" s="6" t="s">
        <v>9</v>
      </c>
      <c r="F36282" s="7">
        <v>40994</v>
      </c>
      <c r="G36282" s="8">
        <v>5656500</v>
      </c>
      <c r="H36282" s="8">
        <v>4638330</v>
      </c>
      <c r="I36282" s="8">
        <v>1131300</v>
      </c>
      <c r="J36282" s="8">
        <v>4525200</v>
      </c>
      <c r="K36282" s="9"/>
      <c r="L36282" s="6"/>
    </row>
    <row r="36283" spans="1:12">
      <c r="A36283" s="6" t="s">
        <v>36122</v>
      </c>
      <c r="B36283" s="6"/>
      <c r="C36283" s="6" t="s">
        <v>32230</v>
      </c>
      <c r="D36283" s="6"/>
      <c r="E36283" s="6" t="s">
        <v>9</v>
      </c>
      <c r="F36283" s="7">
        <v>40994</v>
      </c>
      <c r="G36283" s="8">
        <v>6120900</v>
      </c>
      <c r="H36283" s="8">
        <v>5019138</v>
      </c>
      <c r="I36283" s="8">
        <v>1224180</v>
      </c>
      <c r="J36283" s="8">
        <v>4896720</v>
      </c>
      <c r="K36283" s="9"/>
      <c r="L36283" s="6"/>
    </row>
    <row r="36284" spans="1:12">
      <c r="A36284" s="6" t="s">
        <v>36123</v>
      </c>
      <c r="B36284" s="6"/>
      <c r="C36284" s="6" t="s">
        <v>32230</v>
      </c>
      <c r="D36284" s="6"/>
      <c r="E36284" s="6" t="s">
        <v>9</v>
      </c>
      <c r="F36284" s="7">
        <v>40994</v>
      </c>
      <c r="G36284" s="8">
        <v>21238200</v>
      </c>
      <c r="H36284" s="8">
        <v>17415324</v>
      </c>
      <c r="I36284" s="8">
        <v>4247640</v>
      </c>
      <c r="J36284" s="8">
        <v>16990560</v>
      </c>
      <c r="K36284" s="9"/>
      <c r="L36284" s="6"/>
    </row>
    <row r="36285" spans="1:12">
      <c r="A36285" s="6" t="s">
        <v>36124</v>
      </c>
      <c r="B36285" s="6"/>
      <c r="C36285" s="6" t="s">
        <v>32230</v>
      </c>
      <c r="D36285" s="6"/>
      <c r="E36285" s="6" t="s">
        <v>9</v>
      </c>
      <c r="F36285" s="7">
        <v>40994</v>
      </c>
      <c r="G36285" s="8">
        <v>685900</v>
      </c>
      <c r="H36285" s="8">
        <v>562438</v>
      </c>
      <c r="I36285" s="8">
        <v>137180</v>
      </c>
      <c r="J36285" s="8">
        <v>548720</v>
      </c>
      <c r="K36285" s="9"/>
      <c r="L36285" s="6"/>
    </row>
    <row r="36286" spans="1:12">
      <c r="A36286" s="6" t="s">
        <v>36125</v>
      </c>
      <c r="B36286" s="6"/>
      <c r="C36286" s="6" t="s">
        <v>32230</v>
      </c>
      <c r="D36286" s="6"/>
      <c r="E36286" s="6" t="s">
        <v>9</v>
      </c>
      <c r="F36286" s="7">
        <v>42790</v>
      </c>
      <c r="G36286" s="8">
        <v>154440</v>
      </c>
      <c r="H36286" s="8">
        <v>142088</v>
      </c>
      <c r="I36286" s="8">
        <v>15440</v>
      </c>
      <c r="J36286" s="8">
        <v>139000</v>
      </c>
      <c r="K36286" s="9"/>
      <c r="L36286" s="6"/>
    </row>
    <row r="36287" spans="1:12">
      <c r="A36287" s="6" t="s">
        <v>36126</v>
      </c>
      <c r="B36287" s="6"/>
      <c r="C36287" s="6" t="s">
        <v>32230</v>
      </c>
      <c r="D36287" s="6"/>
      <c r="E36287" s="6" t="s">
        <v>9</v>
      </c>
      <c r="F36287" s="7">
        <v>42745</v>
      </c>
      <c r="G36287" s="8">
        <v>1896480</v>
      </c>
      <c r="H36287" s="8">
        <v>1744764</v>
      </c>
      <c r="I36287" s="8">
        <v>189645</v>
      </c>
      <c r="J36287" s="8">
        <v>1706835</v>
      </c>
      <c r="K36287" s="9"/>
      <c r="L36287" s="6"/>
    </row>
    <row r="36288" spans="1:12">
      <c r="A36288" s="6" t="s">
        <v>36127</v>
      </c>
      <c r="B36288" s="6"/>
      <c r="C36288" s="6" t="s">
        <v>32230</v>
      </c>
      <c r="D36288" s="6"/>
      <c r="E36288" s="6" t="s">
        <v>9</v>
      </c>
      <c r="F36288" s="7">
        <v>40994</v>
      </c>
      <c r="G36288" s="8">
        <v>2322000</v>
      </c>
      <c r="H36288" s="8">
        <v>1904040</v>
      </c>
      <c r="I36288" s="8">
        <v>464400</v>
      </c>
      <c r="J36288" s="8">
        <v>1857600</v>
      </c>
      <c r="K36288" s="9"/>
      <c r="L36288" s="6"/>
    </row>
    <row r="36289" spans="1:12">
      <c r="A36289" s="6" t="s">
        <v>36128</v>
      </c>
      <c r="B36289" s="6"/>
      <c r="C36289" s="6" t="s">
        <v>32230</v>
      </c>
      <c r="D36289" s="6"/>
      <c r="E36289" s="6" t="s">
        <v>9</v>
      </c>
      <c r="F36289" s="7">
        <v>40994</v>
      </c>
      <c r="G36289" s="8">
        <v>2438100</v>
      </c>
      <c r="H36289" s="8">
        <v>1999242</v>
      </c>
      <c r="I36289" s="8">
        <v>487620</v>
      </c>
      <c r="J36289" s="8">
        <v>1950480</v>
      </c>
      <c r="K36289" s="9"/>
      <c r="L36289" s="6"/>
    </row>
    <row r="36290" spans="1:12">
      <c r="A36290" s="6" t="s">
        <v>36129</v>
      </c>
      <c r="B36290" s="6"/>
      <c r="C36290" s="6" t="s">
        <v>32230</v>
      </c>
      <c r="D36290" s="6"/>
      <c r="E36290" s="6" t="s">
        <v>9</v>
      </c>
      <c r="F36290" s="7">
        <v>40994</v>
      </c>
      <c r="G36290" s="8">
        <v>18756900</v>
      </c>
      <c r="H36290" s="8">
        <v>15380658</v>
      </c>
      <c r="I36290" s="8">
        <v>3751380</v>
      </c>
      <c r="J36290" s="8">
        <v>15005520</v>
      </c>
      <c r="K36290" s="9"/>
      <c r="L36290" s="6"/>
    </row>
    <row r="36291" spans="1:12">
      <c r="A36291" s="6" t="s">
        <v>33185</v>
      </c>
      <c r="B36291" s="6"/>
      <c r="C36291" s="6" t="s">
        <v>32230</v>
      </c>
      <c r="D36291" s="6"/>
      <c r="E36291" s="6" t="s">
        <v>9</v>
      </c>
      <c r="F36291" s="7"/>
      <c r="G36291" s="8">
        <v>1</v>
      </c>
      <c r="H36291" s="8">
        <v>1</v>
      </c>
      <c r="I36291" s="8">
        <v>0</v>
      </c>
      <c r="J36291" s="8">
        <v>1</v>
      </c>
      <c r="K36291" s="9"/>
      <c r="L36291" s="6"/>
    </row>
    <row r="36292" spans="1:12">
      <c r="A36292" s="6" t="s">
        <v>33185</v>
      </c>
      <c r="B36292" s="6"/>
      <c r="C36292" s="6" t="s">
        <v>32230</v>
      </c>
      <c r="D36292" s="6"/>
      <c r="E36292" s="6" t="s">
        <v>9</v>
      </c>
      <c r="F36292" s="7"/>
      <c r="G36292" s="8">
        <v>1</v>
      </c>
      <c r="H36292" s="8">
        <v>1</v>
      </c>
      <c r="I36292" s="8">
        <v>0</v>
      </c>
      <c r="J36292" s="8">
        <v>1</v>
      </c>
      <c r="K36292" s="9"/>
      <c r="L36292" s="6"/>
    </row>
    <row r="36293" spans="1:12">
      <c r="A36293" s="6" t="s">
        <v>33185</v>
      </c>
      <c r="B36293" s="6"/>
      <c r="C36293" s="6" t="s">
        <v>32230</v>
      </c>
      <c r="D36293" s="6"/>
      <c r="E36293" s="6" t="s">
        <v>9</v>
      </c>
      <c r="F36293" s="7"/>
      <c r="G36293" s="8">
        <v>1</v>
      </c>
      <c r="H36293" s="8">
        <v>1</v>
      </c>
      <c r="I36293" s="8">
        <v>0</v>
      </c>
      <c r="J36293" s="8">
        <v>1</v>
      </c>
      <c r="K36293" s="9"/>
      <c r="L36293" s="6"/>
    </row>
    <row r="36294" spans="1:12">
      <c r="A36294" s="6" t="s">
        <v>33185</v>
      </c>
      <c r="B36294" s="6"/>
      <c r="C36294" s="6" t="s">
        <v>32230</v>
      </c>
      <c r="D36294" s="6"/>
      <c r="E36294" s="6" t="s">
        <v>9</v>
      </c>
      <c r="F36294" s="7"/>
      <c r="G36294" s="8">
        <v>1</v>
      </c>
      <c r="H36294" s="8">
        <v>1</v>
      </c>
      <c r="I36294" s="8">
        <v>0</v>
      </c>
      <c r="J36294" s="8">
        <v>1</v>
      </c>
      <c r="K36294" s="9"/>
      <c r="L36294" s="6"/>
    </row>
    <row r="36295" spans="1:12">
      <c r="A36295" s="6" t="s">
        <v>36130</v>
      </c>
      <c r="B36295" s="6"/>
      <c r="C36295" s="6" t="s">
        <v>32230</v>
      </c>
      <c r="D36295" s="6"/>
      <c r="E36295" s="6" t="s">
        <v>9</v>
      </c>
      <c r="F36295" s="7">
        <v>40994</v>
      </c>
      <c r="G36295" s="8">
        <v>1946700</v>
      </c>
      <c r="H36295" s="8">
        <v>1596294</v>
      </c>
      <c r="I36295" s="8">
        <v>389340</v>
      </c>
      <c r="J36295" s="8">
        <v>1557360</v>
      </c>
      <c r="K36295" s="9"/>
      <c r="L36295" s="6"/>
    </row>
    <row r="36296" spans="1:12">
      <c r="A36296" s="6" t="s">
        <v>36131</v>
      </c>
      <c r="B36296" s="6"/>
      <c r="C36296" s="6" t="s">
        <v>32230</v>
      </c>
      <c r="D36296" s="6"/>
      <c r="E36296" s="6" t="s">
        <v>9</v>
      </c>
      <c r="F36296" s="7">
        <v>40994</v>
      </c>
      <c r="G36296" s="8">
        <v>6563700</v>
      </c>
      <c r="H36296" s="8">
        <v>5382234</v>
      </c>
      <c r="I36296" s="8">
        <v>1312740</v>
      </c>
      <c r="J36296" s="8">
        <v>5250960</v>
      </c>
      <c r="K36296" s="9"/>
      <c r="L36296" s="6"/>
    </row>
    <row r="36297" spans="1:12">
      <c r="A36297" s="6" t="s">
        <v>36132</v>
      </c>
      <c r="B36297" s="6"/>
      <c r="C36297" s="6" t="s">
        <v>32230</v>
      </c>
      <c r="D36297" s="6"/>
      <c r="E36297" s="6" t="s">
        <v>9</v>
      </c>
      <c r="F36297" s="7">
        <v>41974</v>
      </c>
      <c r="G36297" s="8">
        <v>69491200</v>
      </c>
      <c r="H36297" s="8">
        <v>61152256</v>
      </c>
      <c r="I36297" s="8">
        <v>9728768</v>
      </c>
      <c r="J36297" s="8">
        <v>59762432</v>
      </c>
      <c r="K36297" s="9"/>
      <c r="L36297" s="6"/>
    </row>
    <row r="36298" spans="1:12">
      <c r="A36298" s="6" t="s">
        <v>36133</v>
      </c>
      <c r="B36298" s="6"/>
      <c r="C36298" s="6" t="s">
        <v>32230</v>
      </c>
      <c r="D36298" s="6"/>
      <c r="E36298" s="6" t="s">
        <v>9</v>
      </c>
      <c r="F36298" s="7">
        <v>41360</v>
      </c>
      <c r="G36298" s="8">
        <v>1691000</v>
      </c>
      <c r="H36298" s="8">
        <v>1420440</v>
      </c>
      <c r="I36298" s="8">
        <v>304380</v>
      </c>
      <c r="J36298" s="8">
        <v>1386620</v>
      </c>
      <c r="K36298" s="9"/>
      <c r="L36298" s="6"/>
    </row>
    <row r="36299" spans="1:12">
      <c r="A36299" s="6" t="s">
        <v>36134</v>
      </c>
      <c r="B36299" s="6"/>
      <c r="C36299" s="6" t="s">
        <v>32230</v>
      </c>
      <c r="D36299" s="6"/>
      <c r="E36299" s="6" t="s">
        <v>9</v>
      </c>
      <c r="F36299" s="7">
        <v>41360</v>
      </c>
      <c r="G36299" s="8">
        <v>12233700</v>
      </c>
      <c r="H36299" s="8">
        <v>10276308</v>
      </c>
      <c r="I36299" s="8">
        <v>2202066</v>
      </c>
      <c r="J36299" s="8">
        <v>10031634</v>
      </c>
      <c r="K36299" s="9"/>
      <c r="L36299" s="6"/>
    </row>
    <row r="36300" spans="1:12">
      <c r="A36300" s="6" t="s">
        <v>36135</v>
      </c>
      <c r="B36300" s="6"/>
      <c r="C36300" s="6" t="s">
        <v>32230</v>
      </c>
      <c r="D36300" s="6"/>
      <c r="E36300" s="6" t="s">
        <v>9</v>
      </c>
      <c r="F36300" s="7">
        <v>41360</v>
      </c>
      <c r="G36300" s="8">
        <v>10619100</v>
      </c>
      <c r="H36300" s="8">
        <v>8920044</v>
      </c>
      <c r="I36300" s="8">
        <v>1911438</v>
      </c>
      <c r="J36300" s="8">
        <v>8707662</v>
      </c>
      <c r="K36300" s="9"/>
      <c r="L36300" s="6"/>
    </row>
    <row r="36301" spans="1:12">
      <c r="A36301" s="6" t="s">
        <v>36136</v>
      </c>
      <c r="B36301" s="6"/>
      <c r="C36301" s="6" t="s">
        <v>32230</v>
      </c>
      <c r="D36301" s="6"/>
      <c r="E36301" s="6" t="s">
        <v>9</v>
      </c>
      <c r="F36301" s="7">
        <v>41360</v>
      </c>
      <c r="G36301" s="8">
        <v>7395300</v>
      </c>
      <c r="H36301" s="8">
        <v>6212052</v>
      </c>
      <c r="I36301" s="8">
        <v>1331154</v>
      </c>
      <c r="J36301" s="8">
        <v>6064146</v>
      </c>
      <c r="K36301" s="9"/>
      <c r="L36301" s="6"/>
    </row>
    <row r="36302" spans="1:12">
      <c r="A36302" s="6" t="s">
        <v>36137</v>
      </c>
      <c r="B36302" s="6"/>
      <c r="C36302" s="6" t="s">
        <v>32230</v>
      </c>
      <c r="D36302" s="6"/>
      <c r="E36302" s="6" t="s">
        <v>9</v>
      </c>
      <c r="F36302" s="7">
        <v>41726</v>
      </c>
      <c r="G36302" s="8">
        <v>1576800</v>
      </c>
      <c r="H36302" s="8">
        <v>1356048</v>
      </c>
      <c r="I36302" s="8">
        <v>252288</v>
      </c>
      <c r="J36302" s="8">
        <v>1324512</v>
      </c>
      <c r="K36302" s="9"/>
      <c r="L36302" s="6"/>
    </row>
    <row r="36303" spans="1:12">
      <c r="A36303" s="6" t="s">
        <v>36138</v>
      </c>
      <c r="B36303" s="6"/>
      <c r="C36303" s="6" t="s">
        <v>32230</v>
      </c>
      <c r="D36303" s="6"/>
      <c r="E36303" s="6" t="s">
        <v>9</v>
      </c>
      <c r="F36303" s="7">
        <v>41726</v>
      </c>
      <c r="G36303" s="8">
        <v>3321000</v>
      </c>
      <c r="H36303" s="8">
        <v>2856060</v>
      </c>
      <c r="I36303" s="8">
        <v>531360</v>
      </c>
      <c r="J36303" s="8">
        <v>2789640</v>
      </c>
      <c r="K36303" s="9"/>
      <c r="L36303" s="6"/>
    </row>
    <row r="36304" spans="1:12">
      <c r="A36304" s="6" t="s">
        <v>36139</v>
      </c>
      <c r="B36304" s="6"/>
      <c r="C36304" s="6" t="s">
        <v>32230</v>
      </c>
      <c r="D36304" s="6"/>
      <c r="E36304" s="6" t="s">
        <v>9</v>
      </c>
      <c r="F36304" s="7">
        <v>41726</v>
      </c>
      <c r="G36304" s="8">
        <v>5346000</v>
      </c>
      <c r="H36304" s="8">
        <v>4597560</v>
      </c>
      <c r="I36304" s="8">
        <v>855360</v>
      </c>
      <c r="J36304" s="8">
        <v>4490640</v>
      </c>
      <c r="K36304" s="9"/>
      <c r="L36304" s="6"/>
    </row>
    <row r="36305" spans="1:12">
      <c r="A36305" s="6" t="s">
        <v>36140</v>
      </c>
      <c r="B36305" s="6"/>
      <c r="C36305" s="6" t="s">
        <v>32230</v>
      </c>
      <c r="D36305" s="6"/>
      <c r="E36305" s="6" t="s">
        <v>9</v>
      </c>
      <c r="F36305" s="7">
        <v>42524</v>
      </c>
      <c r="G36305" s="8">
        <v>691200</v>
      </c>
      <c r="H36305" s="8">
        <v>505960</v>
      </c>
      <c r="I36305" s="8">
        <v>231550</v>
      </c>
      <c r="J36305" s="8">
        <v>459650</v>
      </c>
      <c r="K36305" s="9"/>
      <c r="L36305" s="6"/>
    </row>
    <row r="36306" spans="1:12">
      <c r="A36306" s="6" t="s">
        <v>36141</v>
      </c>
      <c r="B36306" s="6"/>
      <c r="C36306" s="6" t="s">
        <v>32230</v>
      </c>
      <c r="D36306" s="6"/>
      <c r="E36306" s="6" t="s">
        <v>9</v>
      </c>
      <c r="F36306" s="7">
        <v>42090</v>
      </c>
      <c r="G36306" s="8">
        <v>3061800</v>
      </c>
      <c r="H36306" s="8">
        <v>2694384</v>
      </c>
      <c r="I36306" s="8">
        <v>428652</v>
      </c>
      <c r="J36306" s="8">
        <v>2633148</v>
      </c>
      <c r="K36306" s="9"/>
      <c r="L36306" s="6"/>
    </row>
    <row r="36307" spans="1:12">
      <c r="A36307" s="6" t="s">
        <v>36142</v>
      </c>
      <c r="B36307" s="6"/>
      <c r="C36307" s="6" t="s">
        <v>32230</v>
      </c>
      <c r="D36307" s="6"/>
      <c r="E36307" s="6" t="s">
        <v>9</v>
      </c>
      <c r="F36307" s="7">
        <v>42090</v>
      </c>
      <c r="G36307" s="8">
        <v>1582700</v>
      </c>
      <c r="H36307" s="8">
        <v>1392776</v>
      </c>
      <c r="I36307" s="8">
        <v>221578</v>
      </c>
      <c r="J36307" s="8">
        <v>1361122</v>
      </c>
      <c r="K36307" s="9"/>
      <c r="L36307" s="6"/>
    </row>
    <row r="36308" spans="1:12">
      <c r="A36308" s="6" t="s">
        <v>36143</v>
      </c>
      <c r="B36308" s="6"/>
      <c r="C36308" s="6" t="s">
        <v>32230</v>
      </c>
      <c r="D36308" s="6"/>
      <c r="E36308" s="6"/>
      <c r="F36308" s="7"/>
      <c r="G36308" s="8">
        <v>37042500</v>
      </c>
      <c r="H36308" s="8">
        <v>36301650</v>
      </c>
      <c r="I36308" s="8">
        <v>1481700</v>
      </c>
      <c r="J36308" s="8">
        <v>35560800</v>
      </c>
      <c r="K36308" s="9"/>
      <c r="L36308" s="6"/>
    </row>
    <row r="36309" spans="1:12">
      <c r="A36309" s="6" t="s">
        <v>36143</v>
      </c>
      <c r="B36309" s="6"/>
      <c r="C36309" s="6" t="s">
        <v>32230</v>
      </c>
      <c r="D36309" s="6"/>
      <c r="E36309" s="6" t="s">
        <v>9</v>
      </c>
      <c r="F36309" s="7">
        <v>39169</v>
      </c>
      <c r="G36309" s="8">
        <v>989030400</v>
      </c>
      <c r="H36309" s="8">
        <v>712101888</v>
      </c>
      <c r="I36309" s="8">
        <v>296709120</v>
      </c>
      <c r="J36309" s="8">
        <v>692321280</v>
      </c>
      <c r="K36309" s="9"/>
      <c r="L36309" s="6"/>
    </row>
    <row r="36310" spans="1:12">
      <c r="A36310" s="6" t="s">
        <v>36144</v>
      </c>
      <c r="B36310" s="6"/>
      <c r="C36310" s="6" t="s">
        <v>32230</v>
      </c>
      <c r="D36310" s="6"/>
      <c r="E36310" s="6" t="s">
        <v>9</v>
      </c>
      <c r="F36310" s="7">
        <v>42962</v>
      </c>
      <c r="G36310" s="8">
        <v>143640</v>
      </c>
      <c r="H36310" s="8">
        <v>100548</v>
      </c>
      <c r="I36310" s="8">
        <v>57456</v>
      </c>
      <c r="J36310" s="8">
        <v>86184</v>
      </c>
      <c r="K36310" s="9"/>
      <c r="L36310" s="6"/>
    </row>
    <row r="36311" spans="1:12">
      <c r="A36311" s="6" t="s">
        <v>36145</v>
      </c>
      <c r="B36311" s="6"/>
      <c r="C36311" s="6" t="s">
        <v>32230</v>
      </c>
      <c r="D36311" s="6"/>
      <c r="E36311" s="6" t="s">
        <v>9</v>
      </c>
      <c r="F36311" s="7">
        <v>43728</v>
      </c>
      <c r="G36311" s="8">
        <v>1198800</v>
      </c>
      <c r="H36311" s="8">
        <v>1078920</v>
      </c>
      <c r="I36311" s="8">
        <v>239760</v>
      </c>
      <c r="J36311" s="8">
        <v>959040</v>
      </c>
      <c r="K36311" s="9"/>
      <c r="L36311" s="6"/>
    </row>
    <row r="36312" spans="1:12">
      <c r="A36312" s="6" t="s">
        <v>36146</v>
      </c>
      <c r="B36312" s="6"/>
      <c r="C36312" s="6" t="s">
        <v>32230</v>
      </c>
      <c r="D36312" s="6"/>
      <c r="E36312" s="6" t="s">
        <v>9</v>
      </c>
      <c r="F36312" s="7">
        <v>43809</v>
      </c>
      <c r="G36312" s="8">
        <v>440000</v>
      </c>
      <c r="H36312" s="8">
        <v>396000</v>
      </c>
      <c r="I36312" s="8">
        <v>88000</v>
      </c>
      <c r="J36312" s="8">
        <v>352000</v>
      </c>
      <c r="K36312" s="9"/>
      <c r="L36312" s="6"/>
    </row>
    <row r="36313" spans="1:12">
      <c r="A36313" s="6" t="s">
        <v>36147</v>
      </c>
      <c r="B36313" s="6"/>
      <c r="C36313" s="6" t="s">
        <v>32230</v>
      </c>
      <c r="D36313" s="6"/>
      <c r="E36313" s="6" t="s">
        <v>9</v>
      </c>
      <c r="F36313" s="7">
        <v>44286</v>
      </c>
      <c r="G36313" s="8">
        <v>1287000</v>
      </c>
      <c r="H36313" s="8">
        <v>1287000</v>
      </c>
      <c r="I36313" s="8">
        <v>64350</v>
      </c>
      <c r="J36313" s="8">
        <v>1222650</v>
      </c>
      <c r="K36313" s="9"/>
      <c r="L36313" s="6"/>
    </row>
    <row r="36314" spans="1:12">
      <c r="A36314" s="6" t="s">
        <v>36148</v>
      </c>
      <c r="B36314" s="6"/>
      <c r="C36314" s="6" t="s">
        <v>32230</v>
      </c>
      <c r="D36314" s="6"/>
      <c r="E36314" s="6" t="s">
        <v>9</v>
      </c>
      <c r="F36314" s="7">
        <v>31260</v>
      </c>
      <c r="G36314" s="8">
        <v>353398500</v>
      </c>
      <c r="H36314" s="8">
        <v>143126410</v>
      </c>
      <c r="I36314" s="8">
        <v>216279864</v>
      </c>
      <c r="J36314" s="8">
        <v>137118636</v>
      </c>
      <c r="K36314" s="9"/>
      <c r="L36314" s="6"/>
    </row>
    <row r="36315" spans="1:12">
      <c r="A36315" s="6" t="s">
        <v>36149</v>
      </c>
      <c r="B36315" s="6"/>
      <c r="C36315" s="6" t="s">
        <v>32230</v>
      </c>
      <c r="D36315" s="6"/>
      <c r="E36315" s="6" t="s">
        <v>9</v>
      </c>
      <c r="F36315" s="7">
        <v>27485</v>
      </c>
      <c r="G36315" s="8">
        <v>48484800</v>
      </c>
      <c r="H36315" s="8">
        <v>11393955</v>
      </c>
      <c r="I36315" s="8">
        <v>37915086</v>
      </c>
      <c r="J36315" s="8">
        <v>10569714</v>
      </c>
      <c r="K36315" s="9"/>
      <c r="L36315" s="6"/>
    </row>
    <row r="36316" spans="1:12">
      <c r="A36316" s="6" t="s">
        <v>33185</v>
      </c>
      <c r="B36316" s="6"/>
      <c r="C36316" s="6" t="s">
        <v>32230</v>
      </c>
      <c r="D36316" s="6"/>
      <c r="E36316" s="6" t="s">
        <v>9</v>
      </c>
      <c r="F36316" s="7"/>
      <c r="G36316" s="8">
        <v>1</v>
      </c>
      <c r="H36316" s="8">
        <v>1</v>
      </c>
      <c r="I36316" s="8">
        <v>0</v>
      </c>
      <c r="J36316" s="8">
        <v>1</v>
      </c>
      <c r="K36316" s="9"/>
      <c r="L36316" s="6"/>
    </row>
    <row r="36317" spans="1:12">
      <c r="A36317" s="6" t="s">
        <v>33185</v>
      </c>
      <c r="B36317" s="6"/>
      <c r="C36317" s="6" t="s">
        <v>32230</v>
      </c>
      <c r="D36317" s="6"/>
      <c r="E36317" s="6" t="s">
        <v>9</v>
      </c>
      <c r="F36317" s="7">
        <v>24563</v>
      </c>
      <c r="G36317" s="8">
        <v>52219440</v>
      </c>
      <c r="H36317" s="8">
        <v>5169750</v>
      </c>
      <c r="I36317" s="8">
        <v>47937420</v>
      </c>
      <c r="J36317" s="8">
        <v>4282020</v>
      </c>
      <c r="K36317" s="9"/>
      <c r="L36317" s="6"/>
    </row>
    <row r="36318" spans="1:12">
      <c r="A36318" s="6" t="s">
        <v>33185</v>
      </c>
      <c r="B36318" s="6"/>
      <c r="C36318" s="6" t="s">
        <v>32230</v>
      </c>
      <c r="D36318" s="6"/>
      <c r="E36318" s="6" t="s">
        <v>9</v>
      </c>
      <c r="F36318" s="7"/>
      <c r="G36318" s="8">
        <v>1</v>
      </c>
      <c r="H36318" s="8">
        <v>1</v>
      </c>
      <c r="I36318" s="8">
        <v>0</v>
      </c>
      <c r="J36318" s="8">
        <v>1</v>
      </c>
      <c r="K36318" s="9"/>
      <c r="L36318" s="6"/>
    </row>
    <row r="36319" spans="1:12">
      <c r="A36319" s="6" t="s">
        <v>33185</v>
      </c>
      <c r="B36319" s="6"/>
      <c r="C36319" s="6" t="s">
        <v>32230</v>
      </c>
      <c r="D36319" s="6"/>
      <c r="E36319" s="6" t="s">
        <v>9</v>
      </c>
      <c r="F36319" s="7">
        <v>25294</v>
      </c>
      <c r="G36319" s="8">
        <v>22729980</v>
      </c>
      <c r="H36319" s="8">
        <v>3023121</v>
      </c>
      <c r="I36319" s="8">
        <v>20093268</v>
      </c>
      <c r="J36319" s="8">
        <v>2636712</v>
      </c>
      <c r="K36319" s="9"/>
      <c r="L36319" s="6"/>
    </row>
    <row r="36320" spans="1:12">
      <c r="A36320" s="6" t="s">
        <v>33185</v>
      </c>
      <c r="B36320" s="6"/>
      <c r="C36320" s="6" t="s">
        <v>32230</v>
      </c>
      <c r="D36320" s="6"/>
      <c r="E36320" s="6" t="s">
        <v>9</v>
      </c>
      <c r="F36320" s="7">
        <v>25659</v>
      </c>
      <c r="G36320" s="8">
        <v>36855000</v>
      </c>
      <c r="H36320" s="8">
        <v>5528250</v>
      </c>
      <c r="I36320" s="8">
        <v>31953285</v>
      </c>
      <c r="J36320" s="8">
        <v>4901715</v>
      </c>
      <c r="K36320" s="9"/>
      <c r="L36320" s="6"/>
    </row>
    <row r="36321" spans="1:12">
      <c r="A36321" s="6" t="s">
        <v>36150</v>
      </c>
      <c r="B36321" s="6"/>
      <c r="C36321" s="6" t="s">
        <v>32230</v>
      </c>
      <c r="D36321" s="6"/>
      <c r="E36321" s="6" t="s">
        <v>9</v>
      </c>
      <c r="F36321" s="7">
        <v>42725</v>
      </c>
      <c r="G36321" s="8">
        <v>540000</v>
      </c>
      <c r="H36321" s="8">
        <v>496800</v>
      </c>
      <c r="I36321" s="8">
        <v>54000</v>
      </c>
      <c r="J36321" s="8">
        <v>486000</v>
      </c>
      <c r="K36321" s="9"/>
      <c r="L36321" s="6"/>
    </row>
    <row r="36322" spans="1:12">
      <c r="A36322" s="6" t="s">
        <v>36151</v>
      </c>
      <c r="B36322" s="6"/>
      <c r="C36322" s="6" t="s">
        <v>32230</v>
      </c>
      <c r="D36322" s="6"/>
      <c r="E36322" s="6" t="s">
        <v>9</v>
      </c>
      <c r="F36322" s="7">
        <v>30251</v>
      </c>
      <c r="G36322" s="8">
        <v>326105600</v>
      </c>
      <c r="H36322" s="8">
        <v>78265344</v>
      </c>
      <c r="I36322" s="8">
        <v>254362368</v>
      </c>
      <c r="J36322" s="8">
        <v>71743232</v>
      </c>
      <c r="K36322" s="9"/>
      <c r="L36322" s="6"/>
    </row>
    <row r="36323" spans="1:12">
      <c r="A36323" s="6" t="s">
        <v>36152</v>
      </c>
      <c r="B36323" s="6"/>
      <c r="C36323" s="6" t="s">
        <v>32230</v>
      </c>
      <c r="D36323" s="6"/>
      <c r="E36323" s="6" t="s">
        <v>9</v>
      </c>
      <c r="F36323" s="7">
        <v>27120</v>
      </c>
      <c r="G36323" s="8">
        <v>47911500</v>
      </c>
      <c r="H36323" s="8">
        <v>10444730</v>
      </c>
      <c r="I36323" s="8">
        <v>38281265</v>
      </c>
      <c r="J36323" s="8">
        <v>9630235</v>
      </c>
      <c r="K36323" s="9"/>
      <c r="L36323" s="6"/>
    </row>
    <row r="36324" spans="1:12">
      <c r="A36324" s="6" t="s">
        <v>33185</v>
      </c>
      <c r="B36324" s="6"/>
      <c r="C36324" s="6" t="s">
        <v>32230</v>
      </c>
      <c r="D36324" s="6"/>
      <c r="E36324" s="6" t="s">
        <v>9</v>
      </c>
      <c r="F36324" s="7"/>
      <c r="G36324" s="8">
        <v>1</v>
      </c>
      <c r="H36324" s="8">
        <v>1</v>
      </c>
      <c r="I36324" s="8">
        <v>0</v>
      </c>
      <c r="J36324" s="8">
        <v>1</v>
      </c>
      <c r="K36324" s="9"/>
      <c r="L36324" s="6"/>
    </row>
    <row r="36325" spans="1:12">
      <c r="A36325" s="6" t="s">
        <v>36153</v>
      </c>
      <c r="B36325" s="6"/>
      <c r="C36325" s="6" t="s">
        <v>32230</v>
      </c>
      <c r="D36325" s="6"/>
      <c r="E36325" s="6" t="s">
        <v>9</v>
      </c>
      <c r="F36325" s="7">
        <v>30251</v>
      </c>
      <c r="G36325" s="8">
        <v>57623400</v>
      </c>
      <c r="H36325" s="8">
        <v>13829616</v>
      </c>
      <c r="I36325" s="8">
        <v>44946252</v>
      </c>
      <c r="J36325" s="8">
        <v>12677148</v>
      </c>
      <c r="K36325" s="9"/>
      <c r="L36325" s="6"/>
    </row>
    <row r="36326" spans="1:12">
      <c r="A36326" s="6" t="s">
        <v>36154</v>
      </c>
      <c r="B36326" s="6"/>
      <c r="C36326" s="6" t="s">
        <v>32230</v>
      </c>
      <c r="D36326" s="6"/>
      <c r="E36326" s="6" t="s">
        <v>9</v>
      </c>
      <c r="F36326" s="7">
        <v>30251</v>
      </c>
      <c r="G36326" s="8">
        <v>30504600</v>
      </c>
      <c r="H36326" s="8">
        <v>7321104</v>
      </c>
      <c r="I36326" s="8">
        <v>23793588</v>
      </c>
      <c r="J36326" s="8">
        <v>6711012</v>
      </c>
      <c r="K36326" s="9"/>
      <c r="L36326" s="6"/>
    </row>
    <row r="36327" spans="1:12">
      <c r="A36327" s="6" t="s">
        <v>36155</v>
      </c>
      <c r="B36327" s="6"/>
      <c r="C36327" s="6" t="s">
        <v>32230</v>
      </c>
      <c r="D36327" s="6"/>
      <c r="E36327" s="6" t="s">
        <v>9</v>
      </c>
      <c r="F36327" s="7">
        <v>30251</v>
      </c>
      <c r="G36327" s="8">
        <v>50479200</v>
      </c>
      <c r="H36327" s="8">
        <v>12115008</v>
      </c>
      <c r="I36327" s="8">
        <v>39373776</v>
      </c>
      <c r="J36327" s="8">
        <v>11105424</v>
      </c>
      <c r="K36327" s="9"/>
      <c r="L36327" s="6"/>
    </row>
    <row r="36328" spans="1:12">
      <c r="A36328" s="6" t="s">
        <v>33185</v>
      </c>
      <c r="B36328" s="6"/>
      <c r="C36328" s="6" t="s">
        <v>32230</v>
      </c>
      <c r="D36328" s="6"/>
      <c r="E36328" s="6" t="s">
        <v>9</v>
      </c>
      <c r="F36328" s="7"/>
      <c r="G36328" s="8">
        <v>1</v>
      </c>
      <c r="H36328" s="8">
        <v>1</v>
      </c>
      <c r="I36328" s="8">
        <v>0</v>
      </c>
      <c r="J36328" s="8">
        <v>1</v>
      </c>
      <c r="K36328" s="9"/>
      <c r="L36328" s="6"/>
    </row>
    <row r="36329" spans="1:12">
      <c r="A36329" s="6" t="s">
        <v>33185</v>
      </c>
      <c r="B36329" s="6"/>
      <c r="C36329" s="6" t="s">
        <v>32230</v>
      </c>
      <c r="D36329" s="6"/>
      <c r="E36329" s="6" t="s">
        <v>9</v>
      </c>
      <c r="F36329" s="7"/>
      <c r="G36329" s="8">
        <v>1</v>
      </c>
      <c r="H36329" s="8">
        <v>1</v>
      </c>
      <c r="I36329" s="8">
        <v>0</v>
      </c>
      <c r="J36329" s="8">
        <v>1</v>
      </c>
      <c r="K36329" s="9"/>
      <c r="L36329" s="6"/>
    </row>
    <row r="36330" spans="1:12">
      <c r="A36330" s="6" t="s">
        <v>36156</v>
      </c>
      <c r="B36330" s="6"/>
      <c r="C36330" s="6" t="s">
        <v>32230</v>
      </c>
      <c r="D36330" s="6"/>
      <c r="E36330" s="6" t="s">
        <v>9</v>
      </c>
      <c r="F36330" s="7">
        <v>30251</v>
      </c>
      <c r="G36330" s="8">
        <v>22599000</v>
      </c>
      <c r="H36330" s="8">
        <v>5423760</v>
      </c>
      <c r="I36330" s="8">
        <v>17627220</v>
      </c>
      <c r="J36330" s="8">
        <v>4971780</v>
      </c>
      <c r="K36330" s="9"/>
      <c r="L36330" s="6"/>
    </row>
    <row r="36331" spans="1:12">
      <c r="A36331" s="6" t="s">
        <v>36157</v>
      </c>
      <c r="B36331" s="6"/>
      <c r="C36331" s="6" t="s">
        <v>32230</v>
      </c>
      <c r="D36331" s="6"/>
      <c r="E36331" s="6"/>
      <c r="F36331" s="7">
        <v>43556</v>
      </c>
      <c r="G36331" s="8">
        <v>18077040</v>
      </c>
      <c r="H36331" s="8">
        <v>17715500</v>
      </c>
      <c r="I36331" s="8">
        <v>723080</v>
      </c>
      <c r="J36331" s="8">
        <v>17353960</v>
      </c>
      <c r="K36331" s="9"/>
      <c r="L36331" s="6"/>
    </row>
    <row r="36332" spans="1:12">
      <c r="A36332" s="6" t="s">
        <v>36157</v>
      </c>
      <c r="B36332" s="6"/>
      <c r="C36332" s="6" t="s">
        <v>32230</v>
      </c>
      <c r="D36332" s="6"/>
      <c r="E36332" s="6"/>
      <c r="F36332" s="7">
        <v>43191</v>
      </c>
      <c r="G36332" s="8">
        <v>30888000</v>
      </c>
      <c r="H36332" s="8">
        <v>29652480</v>
      </c>
      <c r="I36332" s="8">
        <v>1853280</v>
      </c>
      <c r="J36332" s="8">
        <v>29034720</v>
      </c>
      <c r="K36332" s="9"/>
      <c r="L36332" s="6"/>
    </row>
    <row r="36333" spans="1:12">
      <c r="A36333" s="6" t="s">
        <v>36157</v>
      </c>
      <c r="B36333" s="6"/>
      <c r="C36333" s="6" t="s">
        <v>32230</v>
      </c>
      <c r="D36333" s="6"/>
      <c r="E36333" s="6"/>
      <c r="F36333" s="7">
        <v>43191</v>
      </c>
      <c r="G36333" s="8">
        <v>31879440</v>
      </c>
      <c r="H36333" s="8">
        <v>30604264</v>
      </c>
      <c r="I36333" s="8">
        <v>1912764</v>
      </c>
      <c r="J36333" s="8">
        <v>29966676</v>
      </c>
      <c r="K36333" s="9"/>
      <c r="L36333" s="6"/>
    </row>
    <row r="36334" spans="1:12">
      <c r="A36334" s="6" t="s">
        <v>36157</v>
      </c>
      <c r="B36334" s="6"/>
      <c r="C36334" s="6" t="s">
        <v>32230</v>
      </c>
      <c r="D36334" s="6"/>
      <c r="E36334" s="6" t="s">
        <v>9</v>
      </c>
      <c r="F36334" s="7">
        <v>30251</v>
      </c>
      <c r="G36334" s="8">
        <v>181691100</v>
      </c>
      <c r="H36334" s="8">
        <v>43605864</v>
      </c>
      <c r="I36334" s="8">
        <v>141719058</v>
      </c>
      <c r="J36334" s="8">
        <v>39972042</v>
      </c>
      <c r="K36334" s="9"/>
      <c r="L36334" s="6"/>
    </row>
    <row r="36335" spans="1:12">
      <c r="A36335" s="6" t="s">
        <v>34588</v>
      </c>
      <c r="B36335" s="6"/>
      <c r="C36335" s="6" t="s">
        <v>32230</v>
      </c>
      <c r="D36335" s="6"/>
      <c r="E36335" s="6" t="s">
        <v>9</v>
      </c>
      <c r="F36335" s="7">
        <v>27120</v>
      </c>
      <c r="G36335" s="8">
        <v>26262600</v>
      </c>
      <c r="H36335" s="8">
        <v>5725256</v>
      </c>
      <c r="I36335" s="8">
        <v>20983808</v>
      </c>
      <c r="J36335" s="8">
        <v>5278792</v>
      </c>
      <c r="K36335" s="9"/>
      <c r="L36335" s="6"/>
    </row>
    <row r="36336" spans="1:12">
      <c r="A36336" s="6" t="s">
        <v>33185</v>
      </c>
      <c r="B36336" s="6"/>
      <c r="C36336" s="6" t="s">
        <v>32230</v>
      </c>
      <c r="D36336" s="6"/>
      <c r="E36336" s="6" t="s">
        <v>9</v>
      </c>
      <c r="F36336" s="7"/>
      <c r="G36336" s="8">
        <v>1</v>
      </c>
      <c r="H36336" s="8">
        <v>1</v>
      </c>
      <c r="I36336" s="8">
        <v>0</v>
      </c>
      <c r="J36336" s="8">
        <v>1</v>
      </c>
      <c r="K36336" s="9"/>
      <c r="L36336" s="6"/>
    </row>
    <row r="36337" spans="1:12">
      <c r="A36337" s="6" t="s">
        <v>33185</v>
      </c>
      <c r="B36337" s="6"/>
      <c r="C36337" s="6" t="s">
        <v>32230</v>
      </c>
      <c r="D36337" s="6"/>
      <c r="E36337" s="6" t="s">
        <v>9</v>
      </c>
      <c r="F36337" s="7"/>
      <c r="G36337" s="8">
        <v>1</v>
      </c>
      <c r="H36337" s="8">
        <v>1</v>
      </c>
      <c r="I36337" s="8">
        <v>0</v>
      </c>
      <c r="J36337" s="8">
        <v>1</v>
      </c>
      <c r="K36337" s="9"/>
      <c r="L36337" s="6"/>
    </row>
    <row r="36338" spans="1:12">
      <c r="A36338" s="6" t="s">
        <v>33185</v>
      </c>
      <c r="B36338" s="6"/>
      <c r="C36338" s="6" t="s">
        <v>32230</v>
      </c>
      <c r="D36338" s="6"/>
      <c r="E36338" s="6" t="s">
        <v>9</v>
      </c>
      <c r="F36338" s="7"/>
      <c r="G36338" s="8">
        <v>1</v>
      </c>
      <c r="H36338" s="8">
        <v>1</v>
      </c>
      <c r="I36338" s="8">
        <v>0</v>
      </c>
      <c r="J36338" s="8">
        <v>1</v>
      </c>
      <c r="K36338" s="9"/>
      <c r="L36338" s="6"/>
    </row>
    <row r="36339" spans="1:12">
      <c r="A36339" s="6" t="s">
        <v>36158</v>
      </c>
      <c r="B36339" s="6"/>
      <c r="C36339" s="6" t="s">
        <v>32230</v>
      </c>
      <c r="D36339" s="6"/>
      <c r="E36339" s="6" t="s">
        <v>9</v>
      </c>
      <c r="F36339" s="7">
        <v>42704</v>
      </c>
      <c r="G36339" s="8">
        <v>7118280</v>
      </c>
      <c r="H36339" s="8">
        <v>4270968</v>
      </c>
      <c r="I36339" s="8">
        <v>3559140</v>
      </c>
      <c r="J36339" s="8">
        <v>3559140</v>
      </c>
      <c r="K36339" s="9"/>
      <c r="L36339" s="6"/>
    </row>
    <row r="36340" spans="1:12">
      <c r="A36340" s="6" t="s">
        <v>36159</v>
      </c>
      <c r="B36340" s="6"/>
      <c r="C36340" s="6" t="s">
        <v>32230</v>
      </c>
      <c r="D36340" s="6"/>
      <c r="E36340" s="6" t="s">
        <v>9</v>
      </c>
      <c r="F36340" s="7">
        <v>42713</v>
      </c>
      <c r="G36340" s="8">
        <v>8640000</v>
      </c>
      <c r="H36340" s="8">
        <v>6324480</v>
      </c>
      <c r="I36340" s="8">
        <v>2894400</v>
      </c>
      <c r="J36340" s="8">
        <v>5745600</v>
      </c>
      <c r="K36340" s="9"/>
      <c r="L36340" s="6"/>
    </row>
    <row r="36341" spans="1:12">
      <c r="A36341" s="6" t="s">
        <v>36160</v>
      </c>
      <c r="B36341" s="6"/>
      <c r="C36341" s="6" t="s">
        <v>32230</v>
      </c>
      <c r="D36341" s="6"/>
      <c r="E36341" s="6" t="s">
        <v>9</v>
      </c>
      <c r="F36341" s="7">
        <v>43769</v>
      </c>
      <c r="G36341" s="8">
        <v>11000</v>
      </c>
      <c r="H36341" s="8">
        <v>10780</v>
      </c>
      <c r="I36341" s="8">
        <v>440</v>
      </c>
      <c r="J36341" s="8">
        <v>10560</v>
      </c>
      <c r="K36341" s="9"/>
      <c r="L36341" s="6"/>
    </row>
    <row r="36342" spans="1:12">
      <c r="A36342" s="6" t="s">
        <v>36161</v>
      </c>
      <c r="B36342" s="6"/>
      <c r="C36342" s="6" t="s">
        <v>32230</v>
      </c>
      <c r="D36342" s="6"/>
      <c r="E36342" s="6" t="s">
        <v>9</v>
      </c>
      <c r="F36342" s="7">
        <v>43871</v>
      </c>
      <c r="G36342" s="8">
        <v>412500</v>
      </c>
      <c r="H36342" s="8">
        <v>404250</v>
      </c>
      <c r="I36342" s="8">
        <v>16500</v>
      </c>
      <c r="J36342" s="8">
        <v>396000</v>
      </c>
      <c r="K36342" s="9"/>
      <c r="L36342" s="6"/>
    </row>
    <row r="36343" spans="1:12">
      <c r="A36343" s="6" t="s">
        <v>36162</v>
      </c>
      <c r="B36343" s="6"/>
      <c r="C36343" s="6" t="s">
        <v>32230</v>
      </c>
      <c r="D36343" s="6"/>
      <c r="E36343" s="6" t="s">
        <v>9</v>
      </c>
      <c r="F36343" s="7">
        <v>30251</v>
      </c>
      <c r="G36343" s="8">
        <v>72576000</v>
      </c>
      <c r="H36343" s="8">
        <v>17418240</v>
      </c>
      <c r="I36343" s="8">
        <v>56609280</v>
      </c>
      <c r="J36343" s="8">
        <v>15966720</v>
      </c>
      <c r="K36343" s="9"/>
      <c r="L36343" s="6"/>
    </row>
    <row r="36344" spans="1:12">
      <c r="A36344" s="6" t="s">
        <v>33185</v>
      </c>
      <c r="B36344" s="6"/>
      <c r="C36344" s="6" t="s">
        <v>32230</v>
      </c>
      <c r="D36344" s="6"/>
      <c r="E36344" s="6" t="s">
        <v>9</v>
      </c>
      <c r="F36344" s="7"/>
      <c r="G36344" s="8">
        <v>1</v>
      </c>
      <c r="H36344" s="8">
        <v>1</v>
      </c>
      <c r="I36344" s="8">
        <v>0</v>
      </c>
      <c r="J36344" s="8">
        <v>1</v>
      </c>
      <c r="K36344" s="9"/>
      <c r="L36344" s="6"/>
    </row>
    <row r="36345" spans="1:12">
      <c r="A36345" s="6" t="s">
        <v>36163</v>
      </c>
      <c r="B36345" s="6"/>
      <c r="C36345" s="6" t="s">
        <v>32230</v>
      </c>
      <c r="D36345" s="6"/>
      <c r="E36345" s="6"/>
      <c r="F36345" s="7">
        <v>43191</v>
      </c>
      <c r="G36345" s="8">
        <v>1989360</v>
      </c>
      <c r="H36345" s="8">
        <v>1909786</v>
      </c>
      <c r="I36345" s="8">
        <v>119361</v>
      </c>
      <c r="J36345" s="8">
        <v>1869999</v>
      </c>
      <c r="K36345" s="9"/>
      <c r="L36345" s="6"/>
    </row>
    <row r="36346" spans="1:12">
      <c r="A36346" s="6" t="s">
        <v>36163</v>
      </c>
      <c r="B36346" s="6"/>
      <c r="C36346" s="6" t="s">
        <v>32230</v>
      </c>
      <c r="D36346" s="6"/>
      <c r="E36346" s="6" t="s">
        <v>9</v>
      </c>
      <c r="F36346" s="7">
        <v>39169</v>
      </c>
      <c r="G36346" s="8">
        <v>334348800</v>
      </c>
      <c r="H36346" s="8">
        <v>240731136</v>
      </c>
      <c r="I36346" s="8">
        <v>100304640</v>
      </c>
      <c r="J36346" s="8">
        <v>234044160</v>
      </c>
      <c r="K36346" s="9"/>
      <c r="L36346" s="6"/>
    </row>
    <row r="36347" spans="1:12">
      <c r="A36347" s="6" t="s">
        <v>36163</v>
      </c>
      <c r="B36347" s="6"/>
      <c r="C36347" s="6" t="s">
        <v>32230</v>
      </c>
      <c r="D36347" s="6"/>
      <c r="E36347" s="6"/>
      <c r="F36347" s="7">
        <v>43191</v>
      </c>
      <c r="G36347" s="8">
        <v>3141720</v>
      </c>
      <c r="H36347" s="8">
        <v>3016052</v>
      </c>
      <c r="I36347" s="8">
        <v>188502</v>
      </c>
      <c r="J36347" s="8">
        <v>2953218</v>
      </c>
      <c r="K36347" s="9"/>
      <c r="L36347" s="6"/>
    </row>
    <row r="36348" spans="1:12">
      <c r="A36348" s="6" t="s">
        <v>36163</v>
      </c>
      <c r="B36348" s="6"/>
      <c r="C36348" s="6" t="s">
        <v>32230</v>
      </c>
      <c r="D36348" s="6"/>
      <c r="E36348" s="6"/>
      <c r="F36348" s="7">
        <v>43556</v>
      </c>
      <c r="G36348" s="8">
        <v>825000</v>
      </c>
      <c r="H36348" s="8">
        <v>808500</v>
      </c>
      <c r="I36348" s="8">
        <v>33000</v>
      </c>
      <c r="J36348" s="8">
        <v>792000</v>
      </c>
      <c r="K36348" s="9"/>
      <c r="L36348" s="6"/>
    </row>
    <row r="36349" spans="1:12">
      <c r="A36349" s="6" t="s">
        <v>33185</v>
      </c>
      <c r="B36349" s="6"/>
      <c r="C36349" s="6" t="s">
        <v>32230</v>
      </c>
      <c r="D36349" s="6"/>
      <c r="E36349" s="6" t="s">
        <v>9</v>
      </c>
      <c r="F36349" s="7">
        <v>31503</v>
      </c>
      <c r="G36349" s="8">
        <v>19874400</v>
      </c>
      <c r="H36349" s="8">
        <v>8387024</v>
      </c>
      <c r="I36349" s="8">
        <v>11825240</v>
      </c>
      <c r="J36349" s="8">
        <v>8049160</v>
      </c>
      <c r="K36349" s="9"/>
      <c r="L36349" s="6"/>
    </row>
    <row r="36350" spans="1:12">
      <c r="A36350" s="6" t="s">
        <v>36164</v>
      </c>
      <c r="B36350" s="6"/>
      <c r="C36350" s="6" t="s">
        <v>32230</v>
      </c>
      <c r="D36350" s="6"/>
      <c r="E36350" s="6" t="s">
        <v>9</v>
      </c>
      <c r="F36350" s="7">
        <v>43461</v>
      </c>
      <c r="G36350" s="8">
        <v>199800</v>
      </c>
      <c r="H36350" s="8">
        <v>179820</v>
      </c>
      <c r="I36350" s="8">
        <v>29970</v>
      </c>
      <c r="J36350" s="8">
        <v>169830</v>
      </c>
      <c r="K36350" s="9"/>
      <c r="L36350" s="6"/>
    </row>
    <row r="36351" spans="1:12">
      <c r="A36351" s="6" t="s">
        <v>36164</v>
      </c>
      <c r="B36351" s="6"/>
      <c r="C36351" s="6" t="s">
        <v>32230</v>
      </c>
      <c r="D36351" s="6"/>
      <c r="E36351" s="6"/>
      <c r="F36351" s="7">
        <v>43556</v>
      </c>
      <c r="G36351" s="8">
        <v>1900800</v>
      </c>
      <c r="H36351" s="8">
        <v>1805760</v>
      </c>
      <c r="I36351" s="8">
        <v>190080</v>
      </c>
      <c r="J36351" s="8">
        <v>1710720</v>
      </c>
      <c r="K36351" s="9"/>
      <c r="L36351" s="6"/>
    </row>
    <row r="36352" spans="1:12">
      <c r="A36352" s="6" t="s">
        <v>36165</v>
      </c>
      <c r="B36352" s="6"/>
      <c r="C36352" s="6" t="s">
        <v>32230</v>
      </c>
      <c r="D36352" s="6"/>
      <c r="E36352" s="6" t="s">
        <v>9</v>
      </c>
      <c r="F36352" s="7">
        <v>30251</v>
      </c>
      <c r="G36352" s="8">
        <v>63616000</v>
      </c>
      <c r="H36352" s="8">
        <v>15267840</v>
      </c>
      <c r="I36352" s="8">
        <v>49620480</v>
      </c>
      <c r="J36352" s="8">
        <v>13995520</v>
      </c>
      <c r="K36352" s="9"/>
      <c r="L36352" s="6"/>
    </row>
    <row r="36353" spans="1:12">
      <c r="A36353" s="6" t="s">
        <v>36166</v>
      </c>
      <c r="B36353" s="6"/>
      <c r="C36353" s="6" t="s">
        <v>32230</v>
      </c>
      <c r="D36353" s="6"/>
      <c r="E36353" s="6" t="s">
        <v>9</v>
      </c>
      <c r="F36353" s="7">
        <v>30251</v>
      </c>
      <c r="G36353" s="8">
        <v>39014400</v>
      </c>
      <c r="H36353" s="8">
        <v>9363456</v>
      </c>
      <c r="I36353" s="8">
        <v>30431232</v>
      </c>
      <c r="J36353" s="8">
        <v>8583168</v>
      </c>
      <c r="K36353" s="9"/>
      <c r="L36353" s="6"/>
    </row>
    <row r="36354" spans="1:12">
      <c r="A36354" s="6" t="s">
        <v>36167</v>
      </c>
      <c r="B36354" s="6"/>
      <c r="C36354" s="6" t="s">
        <v>32230</v>
      </c>
      <c r="D36354" s="6"/>
      <c r="E36354" s="6" t="s">
        <v>9</v>
      </c>
      <c r="F36354" s="7">
        <v>30251</v>
      </c>
      <c r="G36354" s="8">
        <v>7649100</v>
      </c>
      <c r="H36354" s="8">
        <v>1835784</v>
      </c>
      <c r="I36354" s="8">
        <v>5966298</v>
      </c>
      <c r="J36354" s="8">
        <v>1682802</v>
      </c>
      <c r="K36354" s="9"/>
      <c r="L36354" s="6"/>
    </row>
    <row r="36355" spans="1:12">
      <c r="A36355" s="6" t="s">
        <v>33185</v>
      </c>
      <c r="B36355" s="6"/>
      <c r="C36355" s="6" t="s">
        <v>32230</v>
      </c>
      <c r="D36355" s="6"/>
      <c r="E36355" s="6" t="s">
        <v>9</v>
      </c>
      <c r="F36355" s="7"/>
      <c r="G36355" s="8">
        <v>1</v>
      </c>
      <c r="H36355" s="8">
        <v>1</v>
      </c>
      <c r="I36355" s="8">
        <v>0</v>
      </c>
      <c r="J36355" s="8">
        <v>1</v>
      </c>
      <c r="K36355" s="9"/>
      <c r="L36355" s="6"/>
    </row>
    <row r="36356" spans="1:12">
      <c r="A36356" s="6" t="s">
        <v>33185</v>
      </c>
      <c r="B36356" s="6"/>
      <c r="C36356" s="6" t="s">
        <v>32230</v>
      </c>
      <c r="D36356" s="6"/>
      <c r="E36356" s="6" t="s">
        <v>9</v>
      </c>
      <c r="F36356" s="7"/>
      <c r="G36356" s="8">
        <v>1</v>
      </c>
      <c r="H36356" s="8">
        <v>1</v>
      </c>
      <c r="I36356" s="8">
        <v>0</v>
      </c>
      <c r="J36356" s="8">
        <v>1</v>
      </c>
      <c r="K36356" s="9"/>
      <c r="L36356" s="6"/>
    </row>
    <row r="36357" spans="1:12">
      <c r="A36357" s="6" t="s">
        <v>36168</v>
      </c>
      <c r="B36357" s="6"/>
      <c r="C36357" s="6" t="s">
        <v>32230</v>
      </c>
      <c r="D36357" s="6"/>
      <c r="E36357" s="6"/>
      <c r="F36357" s="7">
        <v>43922</v>
      </c>
      <c r="G36357" s="8">
        <v>1061500</v>
      </c>
      <c r="H36357" s="8">
        <v>1061500</v>
      </c>
      <c r="I36357" s="8">
        <v>21230</v>
      </c>
      <c r="J36357" s="8">
        <v>1040270</v>
      </c>
      <c r="K36357" s="9"/>
      <c r="L36357" s="6"/>
    </row>
    <row r="36358" spans="1:12">
      <c r="A36358" s="6" t="s">
        <v>36168</v>
      </c>
      <c r="B36358" s="6"/>
      <c r="C36358" s="6" t="s">
        <v>32230</v>
      </c>
      <c r="D36358" s="6"/>
      <c r="E36358" s="6"/>
      <c r="F36358" s="7">
        <v>43922</v>
      </c>
      <c r="G36358" s="8">
        <v>38111700</v>
      </c>
      <c r="H36358" s="8">
        <v>38111700</v>
      </c>
      <c r="I36358" s="8">
        <v>762234</v>
      </c>
      <c r="J36358" s="8">
        <v>37349466</v>
      </c>
      <c r="K36358" s="9"/>
      <c r="L36358" s="6"/>
    </row>
    <row r="36359" spans="1:12">
      <c r="A36359" s="6" t="s">
        <v>36168</v>
      </c>
      <c r="B36359" s="6"/>
      <c r="C36359" s="6" t="s">
        <v>32230</v>
      </c>
      <c r="D36359" s="6"/>
      <c r="E36359" s="6" t="s">
        <v>9</v>
      </c>
      <c r="F36359" s="7">
        <v>39169</v>
      </c>
      <c r="G36359" s="8">
        <v>618956800</v>
      </c>
      <c r="H36359" s="8">
        <v>445648896</v>
      </c>
      <c r="I36359" s="8">
        <v>185687040</v>
      </c>
      <c r="J36359" s="8">
        <v>433269760</v>
      </c>
      <c r="K36359" s="9"/>
      <c r="L36359" s="6"/>
    </row>
    <row r="36360" spans="1:12">
      <c r="A36360" s="6" t="s">
        <v>36169</v>
      </c>
      <c r="B36360" s="6"/>
      <c r="C36360" s="6" t="s">
        <v>32230</v>
      </c>
      <c r="D36360" s="6"/>
      <c r="E36360" s="6" t="s">
        <v>9</v>
      </c>
      <c r="F36360" s="7">
        <v>33786</v>
      </c>
      <c r="G36360" s="8">
        <v>128100000</v>
      </c>
      <c r="H36360" s="8">
        <v>67124400</v>
      </c>
      <c r="I36360" s="8">
        <v>63153300</v>
      </c>
      <c r="J36360" s="8">
        <v>64946700</v>
      </c>
      <c r="K36360" s="9"/>
      <c r="L36360" s="6"/>
    </row>
    <row r="36361" spans="1:12">
      <c r="A36361" s="6" t="s">
        <v>33185</v>
      </c>
      <c r="B36361" s="6"/>
      <c r="C36361" s="6" t="s">
        <v>32230</v>
      </c>
      <c r="D36361" s="6"/>
      <c r="E36361" s="6" t="s">
        <v>9</v>
      </c>
      <c r="F36361" s="7"/>
      <c r="G36361" s="8">
        <v>1</v>
      </c>
      <c r="H36361" s="8">
        <v>1</v>
      </c>
      <c r="I36361" s="8">
        <v>0</v>
      </c>
      <c r="J36361" s="8">
        <v>1</v>
      </c>
      <c r="K36361" s="9"/>
      <c r="L36361" s="6"/>
    </row>
    <row r="36362" spans="1:12">
      <c r="A36362" s="6" t="s">
        <v>36170</v>
      </c>
      <c r="B36362" s="6"/>
      <c r="C36362" s="6" t="s">
        <v>32230</v>
      </c>
      <c r="D36362" s="6"/>
      <c r="E36362" s="6" t="s">
        <v>9</v>
      </c>
      <c r="F36362" s="7">
        <v>42689</v>
      </c>
      <c r="G36362" s="8">
        <v>42105960</v>
      </c>
      <c r="H36362" s="8">
        <v>25263576</v>
      </c>
      <c r="I36362" s="8">
        <v>21052980</v>
      </c>
      <c r="J36362" s="8">
        <v>21052980</v>
      </c>
      <c r="K36362" s="9"/>
      <c r="L36362" s="6"/>
    </row>
    <row r="36363" spans="1:12">
      <c r="A36363" s="6" t="s">
        <v>36171</v>
      </c>
      <c r="B36363" s="6"/>
      <c r="C36363" s="6" t="s">
        <v>32230</v>
      </c>
      <c r="D36363" s="6"/>
      <c r="E36363" s="6" t="s">
        <v>9</v>
      </c>
      <c r="F36363" s="7">
        <v>43461</v>
      </c>
      <c r="G36363" s="8">
        <v>35640</v>
      </c>
      <c r="H36363" s="8">
        <v>32076</v>
      </c>
      <c r="I36363" s="8">
        <v>5346</v>
      </c>
      <c r="J36363" s="8">
        <v>30294</v>
      </c>
      <c r="K36363" s="9"/>
      <c r="L36363" s="6"/>
    </row>
    <row r="36364" spans="1:12">
      <c r="A36364" s="6" t="s">
        <v>36172</v>
      </c>
      <c r="B36364" s="6"/>
      <c r="C36364" s="6" t="s">
        <v>32230</v>
      </c>
      <c r="D36364" s="6"/>
      <c r="E36364" s="6" t="s">
        <v>9</v>
      </c>
      <c r="F36364" s="7">
        <v>43641</v>
      </c>
      <c r="G36364" s="8">
        <v>550800</v>
      </c>
      <c r="H36364" s="8">
        <v>537030</v>
      </c>
      <c r="I36364" s="8">
        <v>27540</v>
      </c>
      <c r="J36364" s="8">
        <v>523260</v>
      </c>
      <c r="K36364" s="9"/>
      <c r="L36364" s="6"/>
    </row>
    <row r="36365" spans="1:12">
      <c r="A36365" s="6" t="s">
        <v>36173</v>
      </c>
      <c r="B36365" s="6"/>
      <c r="C36365" s="6" t="s">
        <v>32230</v>
      </c>
      <c r="D36365" s="6"/>
      <c r="E36365" s="6" t="s">
        <v>9</v>
      </c>
      <c r="F36365" s="7">
        <v>43656</v>
      </c>
      <c r="G36365" s="8">
        <v>1263600</v>
      </c>
      <c r="H36365" s="8">
        <v>1137240</v>
      </c>
      <c r="I36365" s="8">
        <v>252720</v>
      </c>
      <c r="J36365" s="8">
        <v>1010880</v>
      </c>
      <c r="K36365" s="9"/>
      <c r="L36365" s="6"/>
    </row>
    <row r="36366" spans="1:12">
      <c r="A36366" s="6" t="s">
        <v>36173</v>
      </c>
      <c r="B36366" s="6"/>
      <c r="C36366" s="6" t="s">
        <v>32230</v>
      </c>
      <c r="D36366" s="6"/>
      <c r="E36366" s="6" t="s">
        <v>9</v>
      </c>
      <c r="F36366" s="7">
        <v>44027</v>
      </c>
      <c r="G36366" s="8">
        <v>1298000</v>
      </c>
      <c r="H36366" s="8">
        <v>1298000</v>
      </c>
      <c r="I36366" s="8">
        <v>129800</v>
      </c>
      <c r="J36366" s="8">
        <v>1168200</v>
      </c>
      <c r="K36366" s="9"/>
      <c r="L36366" s="6"/>
    </row>
    <row r="36367" spans="1:12">
      <c r="A36367" s="6" t="s">
        <v>36174</v>
      </c>
      <c r="B36367" s="6"/>
      <c r="C36367" s="6" t="s">
        <v>32230</v>
      </c>
      <c r="D36367" s="6"/>
      <c r="E36367" s="6" t="s">
        <v>9</v>
      </c>
      <c r="F36367" s="7">
        <v>30251</v>
      </c>
      <c r="G36367" s="8">
        <v>50989500</v>
      </c>
      <c r="H36367" s="8">
        <v>12237480</v>
      </c>
      <c r="I36367" s="8">
        <v>39771810</v>
      </c>
      <c r="J36367" s="8">
        <v>11217690</v>
      </c>
      <c r="K36367" s="9"/>
      <c r="L36367" s="6"/>
    </row>
    <row r="36368" spans="1:12">
      <c r="A36368" s="6" t="s">
        <v>36175</v>
      </c>
      <c r="B36368" s="6"/>
      <c r="C36368" s="6" t="s">
        <v>32230</v>
      </c>
      <c r="D36368" s="6"/>
      <c r="E36368" s="6" t="s">
        <v>9</v>
      </c>
      <c r="F36368" s="7">
        <v>27120</v>
      </c>
      <c r="G36368" s="8">
        <v>23914800</v>
      </c>
      <c r="H36368" s="8">
        <v>5213454</v>
      </c>
      <c r="I36368" s="8">
        <v>19107897</v>
      </c>
      <c r="J36368" s="8">
        <v>4806903</v>
      </c>
      <c r="K36368" s="9"/>
      <c r="L36368" s="6"/>
    </row>
    <row r="36369" spans="1:12">
      <c r="A36369" s="6" t="s">
        <v>33185</v>
      </c>
      <c r="B36369" s="6"/>
      <c r="C36369" s="6" t="s">
        <v>32230</v>
      </c>
      <c r="D36369" s="6"/>
      <c r="E36369" s="6" t="s">
        <v>9</v>
      </c>
      <c r="F36369" s="7"/>
      <c r="G36369" s="8">
        <v>1</v>
      </c>
      <c r="H36369" s="8">
        <v>1</v>
      </c>
      <c r="I36369" s="8">
        <v>0</v>
      </c>
      <c r="J36369" s="8">
        <v>1</v>
      </c>
      <c r="K36369" s="9"/>
      <c r="L36369" s="6"/>
    </row>
    <row r="36370" spans="1:12">
      <c r="A36370" s="6" t="s">
        <v>36176</v>
      </c>
      <c r="B36370" s="6"/>
      <c r="C36370" s="6" t="s">
        <v>32230</v>
      </c>
      <c r="D36370" s="6"/>
      <c r="E36370" s="6" t="s">
        <v>9</v>
      </c>
      <c r="F36370" s="7">
        <v>35520</v>
      </c>
      <c r="G36370" s="8">
        <v>13132800</v>
      </c>
      <c r="H36370" s="8">
        <v>6829056</v>
      </c>
      <c r="I36370" s="8">
        <v>6566400</v>
      </c>
      <c r="J36370" s="8">
        <v>6566400</v>
      </c>
      <c r="K36370" s="9"/>
      <c r="L36370" s="6"/>
    </row>
    <row r="36371" spans="1:12">
      <c r="A36371" s="6" t="s">
        <v>33185</v>
      </c>
      <c r="B36371" s="6"/>
      <c r="C36371" s="6" t="s">
        <v>32230</v>
      </c>
      <c r="D36371" s="6"/>
      <c r="E36371" s="6" t="s">
        <v>9</v>
      </c>
      <c r="F36371" s="7"/>
      <c r="G36371" s="8">
        <v>1</v>
      </c>
      <c r="H36371" s="8">
        <v>1</v>
      </c>
      <c r="I36371" s="8">
        <v>0</v>
      </c>
      <c r="J36371" s="8">
        <v>1</v>
      </c>
      <c r="K36371" s="9"/>
      <c r="L36371" s="6"/>
    </row>
    <row r="36372" spans="1:12">
      <c r="A36372" s="6" t="s">
        <v>36177</v>
      </c>
      <c r="B36372" s="6"/>
      <c r="C36372" s="6" t="s">
        <v>32230</v>
      </c>
      <c r="D36372" s="6"/>
      <c r="E36372" s="6"/>
      <c r="F36372" s="7">
        <v>43556</v>
      </c>
      <c r="G36372" s="8">
        <v>1155000</v>
      </c>
      <c r="H36372" s="8">
        <v>1131900</v>
      </c>
      <c r="I36372" s="8">
        <v>46200</v>
      </c>
      <c r="J36372" s="8">
        <v>1108800</v>
      </c>
      <c r="K36372" s="9"/>
      <c r="L36372" s="6"/>
    </row>
    <row r="36373" spans="1:12">
      <c r="A36373" s="6" t="s">
        <v>36177</v>
      </c>
      <c r="B36373" s="6"/>
      <c r="C36373" s="6" t="s">
        <v>32230</v>
      </c>
      <c r="D36373" s="6"/>
      <c r="E36373" s="6"/>
      <c r="F36373" s="7">
        <v>43556</v>
      </c>
      <c r="G36373" s="8">
        <v>1242000</v>
      </c>
      <c r="H36373" s="8">
        <v>1217160</v>
      </c>
      <c r="I36373" s="8">
        <v>49680</v>
      </c>
      <c r="J36373" s="8">
        <v>1192320</v>
      </c>
      <c r="K36373" s="9"/>
      <c r="L36373" s="6"/>
    </row>
    <row r="36374" spans="1:12">
      <c r="A36374" s="6" t="s">
        <v>36177</v>
      </c>
      <c r="B36374" s="6"/>
      <c r="C36374" s="6" t="s">
        <v>32230</v>
      </c>
      <c r="D36374" s="6"/>
      <c r="E36374" s="6"/>
      <c r="F36374" s="7">
        <v>43922</v>
      </c>
      <c r="G36374" s="8">
        <v>12263900</v>
      </c>
      <c r="H36374" s="8">
        <v>12263900</v>
      </c>
      <c r="I36374" s="8">
        <v>245278</v>
      </c>
      <c r="J36374" s="8">
        <v>12018622</v>
      </c>
      <c r="K36374" s="9"/>
      <c r="L36374" s="6"/>
    </row>
    <row r="36375" spans="1:12">
      <c r="A36375" s="6" t="s">
        <v>36177</v>
      </c>
      <c r="B36375" s="6"/>
      <c r="C36375" s="6" t="s">
        <v>32230</v>
      </c>
      <c r="D36375" s="6"/>
      <c r="E36375" s="6"/>
      <c r="F36375" s="7">
        <v>43191</v>
      </c>
      <c r="G36375" s="8">
        <v>2138400</v>
      </c>
      <c r="H36375" s="8">
        <v>2052864</v>
      </c>
      <c r="I36375" s="8">
        <v>128304</v>
      </c>
      <c r="J36375" s="8">
        <v>2010096</v>
      </c>
      <c r="K36375" s="9"/>
      <c r="L36375" s="6"/>
    </row>
    <row r="36376" spans="1:12">
      <c r="A36376" s="6" t="s">
        <v>36177</v>
      </c>
      <c r="B36376" s="6"/>
      <c r="C36376" s="6" t="s">
        <v>32230</v>
      </c>
      <c r="D36376" s="6"/>
      <c r="E36376" s="6"/>
      <c r="F36376" s="7">
        <v>43922</v>
      </c>
      <c r="G36376" s="8">
        <v>21458800</v>
      </c>
      <c r="H36376" s="8">
        <v>21458800</v>
      </c>
      <c r="I36376" s="8">
        <v>429176</v>
      </c>
      <c r="J36376" s="8">
        <v>21029624</v>
      </c>
      <c r="K36376" s="9"/>
      <c r="L36376" s="6"/>
    </row>
    <row r="36377" spans="1:12">
      <c r="A36377" s="6" t="s">
        <v>36177</v>
      </c>
      <c r="B36377" s="6"/>
      <c r="C36377" s="6" t="s">
        <v>32230</v>
      </c>
      <c r="D36377" s="6"/>
      <c r="E36377" s="6"/>
      <c r="F36377" s="7">
        <v>43922</v>
      </c>
      <c r="G36377" s="8">
        <v>35489300</v>
      </c>
      <c r="H36377" s="8">
        <v>35489300</v>
      </c>
      <c r="I36377" s="8">
        <v>709786</v>
      </c>
      <c r="J36377" s="8">
        <v>34779514</v>
      </c>
      <c r="K36377" s="9"/>
      <c r="L36377" s="6"/>
    </row>
    <row r="36378" spans="1:12">
      <c r="A36378" s="6" t="s">
        <v>36177</v>
      </c>
      <c r="B36378" s="6"/>
      <c r="C36378" s="6" t="s">
        <v>32230</v>
      </c>
      <c r="D36378" s="6"/>
      <c r="E36378" s="6" t="s">
        <v>9</v>
      </c>
      <c r="F36378" s="7">
        <v>39169</v>
      </c>
      <c r="G36378" s="8">
        <v>105958400</v>
      </c>
      <c r="H36378" s="8">
        <v>76290048</v>
      </c>
      <c r="I36378" s="8">
        <v>31787520</v>
      </c>
      <c r="J36378" s="8">
        <v>74170880</v>
      </c>
      <c r="K36378" s="9"/>
      <c r="L36378" s="6"/>
    </row>
    <row r="36379" spans="1:12">
      <c r="A36379" s="6" t="s">
        <v>36178</v>
      </c>
      <c r="B36379" s="6"/>
      <c r="C36379" s="6" t="s">
        <v>32230</v>
      </c>
      <c r="D36379" s="6"/>
      <c r="E36379" s="6" t="s">
        <v>9</v>
      </c>
      <c r="F36379" s="7">
        <v>43824</v>
      </c>
      <c r="G36379" s="8">
        <v>19069600</v>
      </c>
      <c r="H36379" s="8">
        <v>18688208</v>
      </c>
      <c r="I36379" s="8">
        <v>762784</v>
      </c>
      <c r="J36379" s="8">
        <v>18306816</v>
      </c>
      <c r="K36379" s="9"/>
      <c r="L36379" s="6"/>
    </row>
    <row r="36380" spans="1:12">
      <c r="A36380" s="6" t="s">
        <v>36179</v>
      </c>
      <c r="B36380" s="6"/>
      <c r="C36380" s="6" t="s">
        <v>32230</v>
      </c>
      <c r="D36380" s="6"/>
      <c r="E36380" s="6" t="s">
        <v>9</v>
      </c>
      <c r="F36380" s="7">
        <v>44277</v>
      </c>
      <c r="G36380" s="8">
        <v>19011300</v>
      </c>
      <c r="H36380" s="8">
        <v>19011300</v>
      </c>
      <c r="I36380" s="8">
        <v>380226</v>
      </c>
      <c r="J36380" s="8">
        <v>18631074</v>
      </c>
      <c r="K36380" s="9"/>
      <c r="L36380" s="6"/>
    </row>
    <row r="36381" spans="1:12">
      <c r="A36381" s="6" t="s">
        <v>36180</v>
      </c>
      <c r="B36381" s="6"/>
      <c r="C36381" s="6" t="s">
        <v>32230</v>
      </c>
      <c r="D36381" s="6"/>
      <c r="E36381" s="6" t="s">
        <v>9</v>
      </c>
      <c r="F36381" s="7">
        <v>37712</v>
      </c>
      <c r="G36381" s="8">
        <v>26444800</v>
      </c>
      <c r="H36381" s="8">
        <v>17453568</v>
      </c>
      <c r="I36381" s="8">
        <v>9520128</v>
      </c>
      <c r="J36381" s="8">
        <v>16924672</v>
      </c>
      <c r="K36381" s="9"/>
      <c r="L36381" s="6"/>
    </row>
    <row r="36382" spans="1:12">
      <c r="A36382" s="6" t="s">
        <v>36181</v>
      </c>
      <c r="B36382" s="6"/>
      <c r="C36382" s="6" t="s">
        <v>32230</v>
      </c>
      <c r="D36382" s="6"/>
      <c r="E36382" s="6" t="s">
        <v>9</v>
      </c>
      <c r="F36382" s="7">
        <v>30251</v>
      </c>
      <c r="G36382" s="8">
        <v>10400400</v>
      </c>
      <c r="H36382" s="8">
        <v>2496096</v>
      </c>
      <c r="I36382" s="8">
        <v>8112312</v>
      </c>
      <c r="J36382" s="8">
        <v>2288088</v>
      </c>
      <c r="K36382" s="9"/>
      <c r="L36382" s="6"/>
    </row>
    <row r="36383" spans="1:12">
      <c r="A36383" s="6" t="s">
        <v>36181</v>
      </c>
      <c r="B36383" s="6"/>
      <c r="C36383" s="6" t="s">
        <v>32230</v>
      </c>
      <c r="D36383" s="6"/>
      <c r="E36383" s="6"/>
      <c r="F36383" s="7"/>
      <c r="G36383" s="8">
        <v>732600</v>
      </c>
      <c r="H36383" s="8">
        <v>717948</v>
      </c>
      <c r="I36383" s="8">
        <v>29304</v>
      </c>
      <c r="J36383" s="8">
        <v>703296</v>
      </c>
      <c r="K36383" s="9"/>
      <c r="L36383" s="6"/>
    </row>
    <row r="36384" spans="1:12">
      <c r="A36384" s="6" t="s">
        <v>33185</v>
      </c>
      <c r="B36384" s="6"/>
      <c r="C36384" s="6" t="s">
        <v>32230</v>
      </c>
      <c r="D36384" s="6"/>
      <c r="E36384" s="6" t="s">
        <v>9</v>
      </c>
      <c r="F36384" s="7"/>
      <c r="G36384" s="8">
        <v>1</v>
      </c>
      <c r="H36384" s="8">
        <v>1</v>
      </c>
      <c r="I36384" s="8">
        <v>0</v>
      </c>
      <c r="J36384" s="8">
        <v>1</v>
      </c>
      <c r="K36384" s="9"/>
      <c r="L36384" s="6"/>
    </row>
    <row r="36385" spans="1:12">
      <c r="A36385" s="6" t="s">
        <v>35799</v>
      </c>
      <c r="B36385" s="6"/>
      <c r="C36385" s="6" t="s">
        <v>32230</v>
      </c>
      <c r="D36385" s="6"/>
      <c r="E36385" s="6" t="s">
        <v>9</v>
      </c>
      <c r="F36385" s="7"/>
      <c r="G36385" s="8">
        <v>1</v>
      </c>
      <c r="H36385" s="8">
        <v>1</v>
      </c>
      <c r="I36385" s="8">
        <v>0</v>
      </c>
      <c r="J36385" s="8">
        <v>1</v>
      </c>
      <c r="K36385" s="9"/>
      <c r="L36385" s="6"/>
    </row>
    <row r="36386" spans="1:12">
      <c r="A36386" s="6" t="s">
        <v>36182</v>
      </c>
      <c r="B36386" s="6"/>
      <c r="C36386" s="6" t="s">
        <v>32230</v>
      </c>
      <c r="D36386" s="6"/>
      <c r="E36386" s="6" t="s">
        <v>9</v>
      </c>
      <c r="F36386" s="7">
        <v>30251</v>
      </c>
      <c r="G36386" s="8">
        <v>27078300</v>
      </c>
      <c r="H36386" s="8">
        <v>6498792</v>
      </c>
      <c r="I36386" s="8">
        <v>21121074</v>
      </c>
      <c r="J36386" s="8">
        <v>5957226</v>
      </c>
      <c r="K36386" s="9"/>
      <c r="L36386" s="6"/>
    </row>
    <row r="36387" spans="1:12">
      <c r="A36387" s="6" t="s">
        <v>36182</v>
      </c>
      <c r="B36387" s="6"/>
      <c r="C36387" s="6" t="s">
        <v>32230</v>
      </c>
      <c r="D36387" s="6"/>
      <c r="E36387" s="6"/>
      <c r="F36387" s="7"/>
      <c r="G36387" s="8">
        <v>972000</v>
      </c>
      <c r="H36387" s="8">
        <v>952560</v>
      </c>
      <c r="I36387" s="8">
        <v>38880</v>
      </c>
      <c r="J36387" s="8">
        <v>933120</v>
      </c>
      <c r="K36387" s="9"/>
      <c r="L36387" s="6"/>
    </row>
    <row r="36388" spans="1:12">
      <c r="A36388" s="6" t="s">
        <v>36183</v>
      </c>
      <c r="B36388" s="6"/>
      <c r="C36388" s="6" t="s">
        <v>32230</v>
      </c>
      <c r="D36388" s="6"/>
      <c r="E36388" s="6" t="s">
        <v>9</v>
      </c>
      <c r="F36388" s="7">
        <v>30251</v>
      </c>
      <c r="G36388" s="8">
        <v>14858100</v>
      </c>
      <c r="H36388" s="8">
        <v>3565944</v>
      </c>
      <c r="I36388" s="8">
        <v>11589318</v>
      </c>
      <c r="J36388" s="8">
        <v>3268782</v>
      </c>
      <c r="K36388" s="9"/>
      <c r="L36388" s="6"/>
    </row>
    <row r="36389" spans="1:12">
      <c r="A36389" s="6" t="s">
        <v>36184</v>
      </c>
      <c r="B36389" s="6"/>
      <c r="C36389" s="6" t="s">
        <v>32230</v>
      </c>
      <c r="D36389" s="6"/>
      <c r="E36389" s="6" t="s">
        <v>9</v>
      </c>
      <c r="F36389" s="7">
        <v>30251</v>
      </c>
      <c r="G36389" s="8">
        <v>92809800</v>
      </c>
      <c r="H36389" s="8">
        <v>22274352</v>
      </c>
      <c r="I36389" s="8">
        <v>72391644</v>
      </c>
      <c r="J36389" s="8">
        <v>20418156</v>
      </c>
      <c r="K36389" s="9"/>
      <c r="L36389" s="6"/>
    </row>
    <row r="36390" spans="1:12">
      <c r="A36390" s="6" t="s">
        <v>33185</v>
      </c>
      <c r="B36390" s="6"/>
      <c r="C36390" s="6" t="s">
        <v>32230</v>
      </c>
      <c r="D36390" s="6"/>
      <c r="E36390" s="6" t="s">
        <v>9</v>
      </c>
      <c r="F36390" s="7"/>
      <c r="G36390" s="8">
        <v>1</v>
      </c>
      <c r="H36390" s="8">
        <v>1</v>
      </c>
      <c r="I36390" s="8">
        <v>0</v>
      </c>
      <c r="J36390" s="8">
        <v>1</v>
      </c>
      <c r="K36390" s="9"/>
      <c r="L36390" s="6"/>
    </row>
    <row r="36391" spans="1:12">
      <c r="A36391" s="6" t="s">
        <v>36185</v>
      </c>
      <c r="B36391" s="6"/>
      <c r="C36391" s="6" t="s">
        <v>32230</v>
      </c>
      <c r="D36391" s="6"/>
      <c r="E36391" s="6" t="s">
        <v>9</v>
      </c>
      <c r="F36391" s="7">
        <v>30251</v>
      </c>
      <c r="G36391" s="8">
        <v>15549300</v>
      </c>
      <c r="H36391" s="8">
        <v>3731832</v>
      </c>
      <c r="I36391" s="8">
        <v>12128454</v>
      </c>
      <c r="J36391" s="8">
        <v>3420846</v>
      </c>
      <c r="K36391" s="9"/>
      <c r="L36391" s="6"/>
    </row>
    <row r="36392" spans="1:12">
      <c r="A36392" s="6" t="s">
        <v>36186</v>
      </c>
      <c r="B36392" s="6"/>
      <c r="C36392" s="6" t="s">
        <v>32230</v>
      </c>
      <c r="D36392" s="6"/>
      <c r="E36392" s="6" t="s">
        <v>9</v>
      </c>
      <c r="F36392" s="7">
        <v>30251</v>
      </c>
      <c r="G36392" s="8">
        <v>61673400</v>
      </c>
      <c r="H36392" s="8">
        <v>14801616</v>
      </c>
      <c r="I36392" s="8">
        <v>48105252</v>
      </c>
      <c r="J36392" s="8">
        <v>13568148</v>
      </c>
      <c r="K36392" s="9"/>
      <c r="L36392" s="6"/>
    </row>
    <row r="36393" spans="1:12">
      <c r="A36393" s="6" t="s">
        <v>33185</v>
      </c>
      <c r="B36393" s="6"/>
      <c r="C36393" s="6" t="s">
        <v>32230</v>
      </c>
      <c r="D36393" s="6"/>
      <c r="E36393" s="6" t="s">
        <v>9</v>
      </c>
      <c r="F36393" s="7"/>
      <c r="G36393" s="8">
        <v>1</v>
      </c>
      <c r="H36393" s="8">
        <v>1</v>
      </c>
      <c r="I36393" s="8">
        <v>0</v>
      </c>
      <c r="J36393" s="8">
        <v>1</v>
      </c>
      <c r="K36393" s="9"/>
      <c r="L36393" s="6"/>
    </row>
    <row r="36394" spans="1:12">
      <c r="A36394" s="6" t="s">
        <v>36187</v>
      </c>
      <c r="B36394" s="6"/>
      <c r="C36394" s="6" t="s">
        <v>32230</v>
      </c>
      <c r="D36394" s="6"/>
      <c r="E36394" s="6" t="s">
        <v>9</v>
      </c>
      <c r="F36394" s="7">
        <v>43496</v>
      </c>
      <c r="G36394" s="8">
        <v>291600</v>
      </c>
      <c r="H36394" s="8">
        <v>277020</v>
      </c>
      <c r="I36394" s="8">
        <v>21870</v>
      </c>
      <c r="J36394" s="8">
        <v>269730</v>
      </c>
      <c r="K36394" s="9"/>
      <c r="L36394" s="6"/>
    </row>
    <row r="36395" spans="1:12">
      <c r="A36395" s="6" t="s">
        <v>36188</v>
      </c>
      <c r="B36395" s="6"/>
      <c r="C36395" s="6" t="s">
        <v>32230</v>
      </c>
      <c r="D36395" s="6"/>
      <c r="E36395" s="6" t="s">
        <v>9</v>
      </c>
      <c r="F36395" s="7">
        <v>30251</v>
      </c>
      <c r="G36395" s="8">
        <v>34036200</v>
      </c>
      <c r="H36395" s="8">
        <v>8168688</v>
      </c>
      <c r="I36395" s="8">
        <v>26548236</v>
      </c>
      <c r="J36395" s="8">
        <v>7487964</v>
      </c>
      <c r="K36395" s="9"/>
      <c r="L36395" s="6"/>
    </row>
    <row r="36396" spans="1:12">
      <c r="A36396" s="6" t="s">
        <v>36189</v>
      </c>
      <c r="B36396" s="6"/>
      <c r="C36396" s="6" t="s">
        <v>32230</v>
      </c>
      <c r="D36396" s="6"/>
      <c r="E36396" s="6" t="s">
        <v>9</v>
      </c>
      <c r="F36396" s="7">
        <v>30251</v>
      </c>
      <c r="G36396" s="8">
        <v>39973500</v>
      </c>
      <c r="H36396" s="8">
        <v>9593640</v>
      </c>
      <c r="I36396" s="8">
        <v>31179330</v>
      </c>
      <c r="J36396" s="8">
        <v>8794170</v>
      </c>
      <c r="K36396" s="9"/>
      <c r="L36396" s="6"/>
    </row>
    <row r="36397" spans="1:12">
      <c r="A36397" s="6" t="s">
        <v>36190</v>
      </c>
      <c r="B36397" s="6"/>
      <c r="C36397" s="6" t="s">
        <v>32230</v>
      </c>
      <c r="D36397" s="6"/>
      <c r="E36397" s="6" t="s">
        <v>9</v>
      </c>
      <c r="F36397" s="7">
        <v>30251</v>
      </c>
      <c r="G36397" s="8">
        <v>10111500</v>
      </c>
      <c r="H36397" s="8">
        <v>2426760</v>
      </c>
      <c r="I36397" s="8">
        <v>7886970</v>
      </c>
      <c r="J36397" s="8">
        <v>2224530</v>
      </c>
      <c r="K36397" s="9"/>
      <c r="L36397" s="6"/>
    </row>
    <row r="36398" spans="1:12">
      <c r="A36398" s="6" t="s">
        <v>36191</v>
      </c>
      <c r="B36398" s="6"/>
      <c r="C36398" s="6" t="s">
        <v>32230</v>
      </c>
      <c r="D36398" s="6"/>
      <c r="E36398" s="6" t="s">
        <v>9</v>
      </c>
      <c r="F36398" s="7">
        <v>42719</v>
      </c>
      <c r="G36398" s="8">
        <v>1188000</v>
      </c>
      <c r="H36398" s="8">
        <v>869616</v>
      </c>
      <c r="I36398" s="8">
        <v>397980</v>
      </c>
      <c r="J36398" s="8">
        <v>790020</v>
      </c>
      <c r="K36398" s="9"/>
      <c r="L36398" s="6"/>
    </row>
    <row r="36399" spans="1:12">
      <c r="A36399" s="6" t="s">
        <v>36192</v>
      </c>
      <c r="B36399" s="6"/>
      <c r="C36399" s="6" t="s">
        <v>32230</v>
      </c>
      <c r="D36399" s="6"/>
      <c r="E36399" s="6" t="s">
        <v>9</v>
      </c>
      <c r="F36399" s="7">
        <v>31043</v>
      </c>
      <c r="G36399" s="8">
        <v>24575400</v>
      </c>
      <c r="H36399" s="8">
        <v>6881112</v>
      </c>
      <c r="I36399" s="8">
        <v>18185796</v>
      </c>
      <c r="J36399" s="8">
        <v>6389604</v>
      </c>
      <c r="K36399" s="9"/>
      <c r="L36399" s="6"/>
    </row>
    <row r="36400" spans="1:12">
      <c r="A36400" s="6" t="s">
        <v>36193</v>
      </c>
      <c r="B36400" s="6"/>
      <c r="C36400" s="6" t="s">
        <v>32230</v>
      </c>
      <c r="D36400" s="6"/>
      <c r="E36400" s="6" t="s">
        <v>9</v>
      </c>
      <c r="F36400" s="7">
        <v>31043</v>
      </c>
      <c r="G36400" s="8">
        <v>8221500</v>
      </c>
      <c r="H36400" s="8">
        <v>2302020</v>
      </c>
      <c r="I36400" s="8">
        <v>6083910</v>
      </c>
      <c r="J36400" s="8">
        <v>2137590</v>
      </c>
      <c r="K36400" s="9"/>
      <c r="L36400" s="6"/>
    </row>
    <row r="36401" spans="1:12">
      <c r="A36401" s="6" t="s">
        <v>36194</v>
      </c>
      <c r="B36401" s="6"/>
      <c r="C36401" s="6" t="s">
        <v>32230</v>
      </c>
      <c r="D36401" s="6"/>
      <c r="E36401" s="6" t="s">
        <v>9</v>
      </c>
      <c r="F36401" s="7">
        <v>30251</v>
      </c>
      <c r="G36401" s="8">
        <v>5778000</v>
      </c>
      <c r="H36401" s="8">
        <v>1386720</v>
      </c>
      <c r="I36401" s="8">
        <v>4506840</v>
      </c>
      <c r="J36401" s="8">
        <v>1271160</v>
      </c>
      <c r="K36401" s="9"/>
      <c r="L36401" s="6"/>
    </row>
    <row r="36402" spans="1:12">
      <c r="A36402" s="6" t="s">
        <v>36195</v>
      </c>
      <c r="B36402" s="6"/>
      <c r="C36402" s="6" t="s">
        <v>32230</v>
      </c>
      <c r="D36402" s="6"/>
      <c r="E36402" s="6" t="s">
        <v>9</v>
      </c>
      <c r="F36402" s="7">
        <v>42292</v>
      </c>
      <c r="G36402" s="8">
        <v>1047600</v>
      </c>
      <c r="H36402" s="8">
        <v>942840</v>
      </c>
      <c r="I36402" s="8">
        <v>125712</v>
      </c>
      <c r="J36402" s="8">
        <v>921888</v>
      </c>
      <c r="K36402" s="9"/>
      <c r="L36402" s="6"/>
    </row>
    <row r="36403" spans="1:12">
      <c r="A36403" s="6" t="s">
        <v>36196</v>
      </c>
      <c r="B36403" s="6"/>
      <c r="C36403" s="6" t="s">
        <v>32230</v>
      </c>
      <c r="D36403" s="6"/>
      <c r="E36403" s="6" t="s">
        <v>9</v>
      </c>
      <c r="F36403" s="7">
        <v>30251</v>
      </c>
      <c r="G36403" s="8">
        <v>4710100</v>
      </c>
      <c r="H36403" s="8">
        <v>1130424</v>
      </c>
      <c r="I36403" s="8">
        <v>3673878</v>
      </c>
      <c r="J36403" s="8">
        <v>1036222</v>
      </c>
      <c r="K36403" s="9"/>
      <c r="L36403" s="6"/>
    </row>
    <row r="36404" spans="1:12">
      <c r="A36404" s="6" t="s">
        <v>36197</v>
      </c>
      <c r="B36404" s="6"/>
      <c r="C36404" s="6" t="s">
        <v>32230</v>
      </c>
      <c r="D36404" s="6"/>
      <c r="E36404" s="6" t="s">
        <v>9</v>
      </c>
      <c r="F36404" s="7">
        <v>30251</v>
      </c>
      <c r="G36404" s="8">
        <v>6072300</v>
      </c>
      <c r="H36404" s="8">
        <v>1457352</v>
      </c>
      <c r="I36404" s="8">
        <v>4736394</v>
      </c>
      <c r="J36404" s="8">
        <v>1335906</v>
      </c>
      <c r="K36404" s="9"/>
      <c r="L36404" s="6"/>
    </row>
    <row r="36405" spans="1:12">
      <c r="A36405" s="6" t="s">
        <v>36198</v>
      </c>
      <c r="B36405" s="6"/>
      <c r="C36405" s="6" t="s">
        <v>32230</v>
      </c>
      <c r="D36405" s="6"/>
      <c r="E36405" s="6" t="s">
        <v>9</v>
      </c>
      <c r="F36405" s="7">
        <v>30251</v>
      </c>
      <c r="G36405" s="8">
        <v>11048400</v>
      </c>
      <c r="H36405" s="8">
        <v>2651616</v>
      </c>
      <c r="I36405" s="8">
        <v>8617752</v>
      </c>
      <c r="J36405" s="8">
        <v>2430648</v>
      </c>
      <c r="K36405" s="9"/>
      <c r="L36405" s="6"/>
    </row>
    <row r="36406" spans="1:12">
      <c r="A36406" s="6" t="s">
        <v>36199</v>
      </c>
      <c r="B36406" s="6"/>
      <c r="C36406" s="6" t="s">
        <v>32230</v>
      </c>
      <c r="D36406" s="6"/>
      <c r="E36406" s="6" t="s">
        <v>9</v>
      </c>
      <c r="F36406" s="7">
        <v>30251</v>
      </c>
      <c r="G36406" s="8">
        <v>18832500</v>
      </c>
      <c r="H36406" s="8">
        <v>4519800</v>
      </c>
      <c r="I36406" s="8">
        <v>14689350</v>
      </c>
      <c r="J36406" s="8">
        <v>4143150</v>
      </c>
      <c r="K36406" s="9"/>
      <c r="L36406" s="6"/>
    </row>
    <row r="36407" spans="1:12">
      <c r="A36407" s="6" t="s">
        <v>36200</v>
      </c>
      <c r="B36407" s="6"/>
      <c r="C36407" s="6" t="s">
        <v>32230</v>
      </c>
      <c r="D36407" s="6"/>
      <c r="E36407" s="6" t="s">
        <v>9</v>
      </c>
      <c r="F36407" s="7">
        <v>30251</v>
      </c>
      <c r="G36407" s="8">
        <v>8451000</v>
      </c>
      <c r="H36407" s="8">
        <v>2028240</v>
      </c>
      <c r="I36407" s="8">
        <v>6591780</v>
      </c>
      <c r="J36407" s="8">
        <v>1859220</v>
      </c>
      <c r="K36407" s="9"/>
      <c r="L36407" s="6"/>
    </row>
    <row r="36408" spans="1:12">
      <c r="A36408" s="6" t="s">
        <v>36201</v>
      </c>
      <c r="B36408" s="6"/>
      <c r="C36408" s="6" t="s">
        <v>32230</v>
      </c>
      <c r="D36408" s="6"/>
      <c r="E36408" s="6" t="s">
        <v>9</v>
      </c>
      <c r="F36408" s="7">
        <v>30251</v>
      </c>
      <c r="G36408" s="8">
        <v>3539700</v>
      </c>
      <c r="H36408" s="8">
        <v>849528</v>
      </c>
      <c r="I36408" s="8">
        <v>2760966</v>
      </c>
      <c r="J36408" s="8">
        <v>778734</v>
      </c>
      <c r="K36408" s="9"/>
      <c r="L36408" s="6"/>
    </row>
    <row r="36409" spans="1:12">
      <c r="A36409" s="6" t="s">
        <v>33185</v>
      </c>
      <c r="B36409" s="6"/>
      <c r="C36409" s="6" t="s">
        <v>32230</v>
      </c>
      <c r="D36409" s="6"/>
      <c r="E36409" s="6" t="s">
        <v>9</v>
      </c>
      <c r="F36409" s="7"/>
      <c r="G36409" s="8">
        <v>1</v>
      </c>
      <c r="H36409" s="8">
        <v>1</v>
      </c>
      <c r="I36409" s="8">
        <v>0</v>
      </c>
      <c r="J36409" s="8">
        <v>1</v>
      </c>
      <c r="K36409" s="9"/>
      <c r="L36409" s="6"/>
    </row>
    <row r="36410" spans="1:12">
      <c r="A36410" s="6" t="s">
        <v>36202</v>
      </c>
      <c r="B36410" s="6"/>
      <c r="C36410" s="6" t="s">
        <v>32230</v>
      </c>
      <c r="D36410" s="6"/>
      <c r="E36410" s="6" t="s">
        <v>9</v>
      </c>
      <c r="F36410" s="7">
        <v>30251</v>
      </c>
      <c r="G36410" s="8">
        <v>7006500</v>
      </c>
      <c r="H36410" s="8">
        <v>1681560</v>
      </c>
      <c r="I36410" s="8">
        <v>5465070</v>
      </c>
      <c r="J36410" s="8">
        <v>1541430</v>
      </c>
      <c r="K36410" s="9"/>
      <c r="L36410" s="6"/>
    </row>
    <row r="36411" spans="1:12">
      <c r="A36411" s="6" t="s">
        <v>36203</v>
      </c>
      <c r="B36411" s="6"/>
      <c r="C36411" s="6" t="s">
        <v>32230</v>
      </c>
      <c r="D36411" s="6"/>
      <c r="E36411" s="6" t="s">
        <v>9</v>
      </c>
      <c r="F36411" s="7">
        <v>30251</v>
      </c>
      <c r="G36411" s="8">
        <v>17504100</v>
      </c>
      <c r="H36411" s="8">
        <v>4200984</v>
      </c>
      <c r="I36411" s="8">
        <v>13653198</v>
      </c>
      <c r="J36411" s="8">
        <v>3850902</v>
      </c>
      <c r="K36411" s="9"/>
      <c r="L36411" s="6"/>
    </row>
    <row r="36412" spans="1:12">
      <c r="A36412" s="6" t="s">
        <v>36204</v>
      </c>
      <c r="B36412" s="6"/>
      <c r="C36412" s="6" t="s">
        <v>32230</v>
      </c>
      <c r="D36412" s="6"/>
      <c r="E36412" s="6" t="s">
        <v>9</v>
      </c>
      <c r="F36412" s="7">
        <v>30251</v>
      </c>
      <c r="G36412" s="8">
        <v>22939200</v>
      </c>
      <c r="H36412" s="8">
        <v>5505408</v>
      </c>
      <c r="I36412" s="8">
        <v>17892576</v>
      </c>
      <c r="J36412" s="8">
        <v>5046624</v>
      </c>
      <c r="K36412" s="9"/>
      <c r="L36412" s="6"/>
    </row>
    <row r="36413" spans="1:12">
      <c r="A36413" s="6" t="s">
        <v>36205</v>
      </c>
      <c r="B36413" s="6"/>
      <c r="C36413" s="6" t="s">
        <v>32230</v>
      </c>
      <c r="D36413" s="6"/>
      <c r="E36413" s="6" t="s">
        <v>9</v>
      </c>
      <c r="F36413" s="7">
        <v>30251</v>
      </c>
      <c r="G36413" s="8">
        <v>14223600</v>
      </c>
      <c r="H36413" s="8">
        <v>3413664</v>
      </c>
      <c r="I36413" s="8">
        <v>11094408</v>
      </c>
      <c r="J36413" s="8">
        <v>3129192</v>
      </c>
      <c r="K36413" s="9"/>
      <c r="L36413" s="6"/>
    </row>
    <row r="36414" spans="1:12">
      <c r="A36414" s="6" t="s">
        <v>36206</v>
      </c>
      <c r="B36414" s="6"/>
      <c r="C36414" s="6" t="s">
        <v>32230</v>
      </c>
      <c r="D36414" s="6"/>
      <c r="E36414" s="6"/>
      <c r="F36414" s="7"/>
      <c r="G36414" s="8">
        <v>1210000</v>
      </c>
      <c r="H36414" s="8">
        <v>1210000</v>
      </c>
      <c r="I36414" s="8">
        <v>24200</v>
      </c>
      <c r="J36414" s="8">
        <v>1185800</v>
      </c>
      <c r="K36414" s="9"/>
      <c r="L36414" s="6"/>
    </row>
    <row r="36415" spans="1:12">
      <c r="A36415" s="6" t="s">
        <v>36206</v>
      </c>
      <c r="B36415" s="6"/>
      <c r="C36415" s="6" t="s">
        <v>32230</v>
      </c>
      <c r="D36415" s="6"/>
      <c r="E36415" s="6"/>
      <c r="F36415" s="7">
        <v>43556</v>
      </c>
      <c r="G36415" s="8">
        <v>1287000</v>
      </c>
      <c r="H36415" s="8">
        <v>1261260</v>
      </c>
      <c r="I36415" s="8">
        <v>51480</v>
      </c>
      <c r="J36415" s="8">
        <v>1235520</v>
      </c>
      <c r="K36415" s="9"/>
      <c r="L36415" s="6"/>
    </row>
    <row r="36416" spans="1:12">
      <c r="A36416" s="6" t="s">
        <v>36206</v>
      </c>
      <c r="B36416" s="6"/>
      <c r="C36416" s="6" t="s">
        <v>32230</v>
      </c>
      <c r="D36416" s="6"/>
      <c r="E36416" s="6" t="s">
        <v>9</v>
      </c>
      <c r="F36416" s="7">
        <v>30251</v>
      </c>
      <c r="G36416" s="8">
        <v>10889100</v>
      </c>
      <c r="H36416" s="8">
        <v>2613384</v>
      </c>
      <c r="I36416" s="8">
        <v>8493498</v>
      </c>
      <c r="J36416" s="8">
        <v>2395602</v>
      </c>
      <c r="K36416" s="9"/>
      <c r="L36416" s="6"/>
    </row>
    <row r="36417" spans="1:12">
      <c r="A36417" s="6" t="s">
        <v>36207</v>
      </c>
      <c r="B36417" s="6"/>
      <c r="C36417" s="6" t="s">
        <v>32230</v>
      </c>
      <c r="D36417" s="6"/>
      <c r="E36417" s="6" t="s">
        <v>9</v>
      </c>
      <c r="F36417" s="7">
        <v>42786</v>
      </c>
      <c r="G36417" s="8">
        <v>680400</v>
      </c>
      <c r="H36417" s="8">
        <v>498056</v>
      </c>
      <c r="I36417" s="8">
        <v>227930</v>
      </c>
      <c r="J36417" s="8">
        <v>452470</v>
      </c>
      <c r="K36417" s="9"/>
      <c r="L36417" s="6"/>
    </row>
    <row r="36418" spans="1:12">
      <c r="A36418" s="6" t="s">
        <v>36208</v>
      </c>
      <c r="B36418" s="6"/>
      <c r="C36418" s="6" t="s">
        <v>32230</v>
      </c>
      <c r="D36418" s="6"/>
      <c r="E36418" s="6"/>
      <c r="F36418" s="7">
        <v>43556</v>
      </c>
      <c r="G36418" s="8">
        <v>1254000</v>
      </c>
      <c r="H36418" s="8">
        <v>1228920</v>
      </c>
      <c r="I36418" s="8">
        <v>50160</v>
      </c>
      <c r="J36418" s="8">
        <v>1203840</v>
      </c>
      <c r="K36418" s="9"/>
      <c r="L36418" s="6"/>
    </row>
    <row r="36419" spans="1:12">
      <c r="A36419" s="6" t="s">
        <v>36208</v>
      </c>
      <c r="B36419" s="6"/>
      <c r="C36419" s="6" t="s">
        <v>32230</v>
      </c>
      <c r="D36419" s="6"/>
      <c r="E36419" s="6" t="s">
        <v>9</v>
      </c>
      <c r="F36419" s="7">
        <v>30251</v>
      </c>
      <c r="G36419" s="8">
        <v>10222200</v>
      </c>
      <c r="H36419" s="8">
        <v>2453328</v>
      </c>
      <c r="I36419" s="8">
        <v>7973316</v>
      </c>
      <c r="J36419" s="8">
        <v>2248884</v>
      </c>
      <c r="K36419" s="9"/>
      <c r="L36419" s="6"/>
    </row>
    <row r="36420" spans="1:12">
      <c r="A36420" s="6" t="s">
        <v>33185</v>
      </c>
      <c r="B36420" s="6"/>
      <c r="C36420" s="6" t="s">
        <v>32230</v>
      </c>
      <c r="D36420" s="6"/>
      <c r="E36420" s="6" t="s">
        <v>9</v>
      </c>
      <c r="F36420" s="7"/>
      <c r="G36420" s="8">
        <v>1</v>
      </c>
      <c r="H36420" s="8">
        <v>1</v>
      </c>
      <c r="I36420" s="8">
        <v>0</v>
      </c>
      <c r="J36420" s="8">
        <v>1</v>
      </c>
      <c r="K36420" s="9"/>
      <c r="L36420" s="6"/>
    </row>
    <row r="36421" spans="1:12">
      <c r="A36421" s="6" t="s">
        <v>36209</v>
      </c>
      <c r="B36421" s="6"/>
      <c r="C36421" s="6" t="s">
        <v>32230</v>
      </c>
      <c r="D36421" s="6"/>
      <c r="E36421" s="6" t="s">
        <v>9</v>
      </c>
      <c r="F36421" s="7">
        <v>30251</v>
      </c>
      <c r="G36421" s="8">
        <v>12792600</v>
      </c>
      <c r="H36421" s="8">
        <v>3070224</v>
      </c>
      <c r="I36421" s="8">
        <v>9978228</v>
      </c>
      <c r="J36421" s="8">
        <v>2814372</v>
      </c>
      <c r="K36421" s="9"/>
      <c r="L36421" s="6"/>
    </row>
    <row r="36422" spans="1:12">
      <c r="A36422" s="6" t="s">
        <v>36210</v>
      </c>
      <c r="B36422" s="6"/>
      <c r="C36422" s="6" t="s">
        <v>32230</v>
      </c>
      <c r="D36422" s="6"/>
      <c r="E36422" s="6" t="s">
        <v>9</v>
      </c>
      <c r="F36422" s="7">
        <v>30251</v>
      </c>
      <c r="G36422" s="8">
        <v>37851300</v>
      </c>
      <c r="H36422" s="8">
        <v>9084312</v>
      </c>
      <c r="I36422" s="8">
        <v>29524014</v>
      </c>
      <c r="J36422" s="8">
        <v>8327286</v>
      </c>
      <c r="K36422" s="9"/>
      <c r="L36422" s="6"/>
    </row>
    <row r="36423" spans="1:12">
      <c r="A36423" s="6" t="s">
        <v>36211</v>
      </c>
      <c r="B36423" s="6"/>
      <c r="C36423" s="6" t="s">
        <v>32230</v>
      </c>
      <c r="D36423" s="6"/>
      <c r="E36423" s="6"/>
      <c r="F36423" s="7">
        <v>43191</v>
      </c>
      <c r="G36423" s="8">
        <v>1296000</v>
      </c>
      <c r="H36423" s="8">
        <v>1244160</v>
      </c>
      <c r="I36423" s="8">
        <v>77760</v>
      </c>
      <c r="J36423" s="8">
        <v>1218240</v>
      </c>
      <c r="K36423" s="9"/>
      <c r="L36423" s="6"/>
    </row>
    <row r="36424" spans="1:12">
      <c r="A36424" s="6" t="s">
        <v>36211</v>
      </c>
      <c r="B36424" s="6"/>
      <c r="C36424" s="6" t="s">
        <v>32230</v>
      </c>
      <c r="D36424" s="6"/>
      <c r="E36424" s="6" t="s">
        <v>9</v>
      </c>
      <c r="F36424" s="7">
        <v>30251</v>
      </c>
      <c r="G36424" s="8">
        <v>22412700</v>
      </c>
      <c r="H36424" s="8">
        <v>5379048</v>
      </c>
      <c r="I36424" s="8">
        <v>17481906</v>
      </c>
      <c r="J36424" s="8">
        <v>4930794</v>
      </c>
      <c r="K36424" s="9"/>
      <c r="L36424" s="6"/>
    </row>
    <row r="36425" spans="1:12">
      <c r="A36425" s="6" t="s">
        <v>36212</v>
      </c>
      <c r="B36425" s="6"/>
      <c r="C36425" s="6" t="s">
        <v>32230</v>
      </c>
      <c r="D36425" s="6"/>
      <c r="E36425" s="6" t="s">
        <v>9</v>
      </c>
      <c r="F36425" s="7">
        <v>30251</v>
      </c>
      <c r="G36425" s="8">
        <v>14966100</v>
      </c>
      <c r="H36425" s="8">
        <v>3591864</v>
      </c>
      <c r="I36425" s="8">
        <v>11673558</v>
      </c>
      <c r="J36425" s="8">
        <v>3292542</v>
      </c>
      <c r="K36425" s="9"/>
      <c r="L36425" s="6"/>
    </row>
    <row r="36426" spans="1:12">
      <c r="A36426" s="6" t="s">
        <v>36213</v>
      </c>
      <c r="B36426" s="6"/>
      <c r="C36426" s="6" t="s">
        <v>32230</v>
      </c>
      <c r="D36426" s="6"/>
      <c r="E36426" s="6" t="s">
        <v>9</v>
      </c>
      <c r="F36426" s="7">
        <v>30251</v>
      </c>
      <c r="G36426" s="8">
        <v>6363900</v>
      </c>
      <c r="H36426" s="8">
        <v>1527336</v>
      </c>
      <c r="I36426" s="8">
        <v>4963842</v>
      </c>
      <c r="J36426" s="8">
        <v>1400058</v>
      </c>
      <c r="K36426" s="9"/>
      <c r="L36426" s="6"/>
    </row>
    <row r="36427" spans="1:12">
      <c r="A36427" s="6" t="s">
        <v>36214</v>
      </c>
      <c r="B36427" s="6"/>
      <c r="C36427" s="6" t="s">
        <v>32230</v>
      </c>
      <c r="D36427" s="6"/>
      <c r="E36427" s="6" t="s">
        <v>9</v>
      </c>
      <c r="F36427" s="7">
        <v>30251</v>
      </c>
      <c r="G36427" s="8">
        <v>17998200</v>
      </c>
      <c r="H36427" s="8">
        <v>4319568</v>
      </c>
      <c r="I36427" s="8">
        <v>14038596</v>
      </c>
      <c r="J36427" s="8">
        <v>3959604</v>
      </c>
      <c r="K36427" s="9"/>
      <c r="L36427" s="6"/>
    </row>
    <row r="36428" spans="1:12">
      <c r="A36428" s="6" t="s">
        <v>36215</v>
      </c>
      <c r="B36428" s="6"/>
      <c r="C36428" s="6" t="s">
        <v>32230</v>
      </c>
      <c r="D36428" s="6"/>
      <c r="E36428" s="6" t="s">
        <v>9</v>
      </c>
      <c r="F36428" s="7">
        <v>41067</v>
      </c>
      <c r="G36428" s="8">
        <v>204750</v>
      </c>
      <c r="H36428" s="8">
        <v>40950</v>
      </c>
      <c r="I36428" s="8">
        <v>184275</v>
      </c>
      <c r="J36428" s="8">
        <v>20475</v>
      </c>
      <c r="K36428" s="9"/>
      <c r="L36428" s="6"/>
    </row>
    <row r="36429" spans="1:12">
      <c r="A36429" s="6" t="s">
        <v>36216</v>
      </c>
      <c r="B36429" s="6"/>
      <c r="C36429" s="6" t="s">
        <v>32230</v>
      </c>
      <c r="D36429" s="6"/>
      <c r="E36429" s="6" t="s">
        <v>9</v>
      </c>
      <c r="F36429" s="7">
        <v>30251</v>
      </c>
      <c r="G36429" s="8">
        <v>2986200</v>
      </c>
      <c r="H36429" s="8">
        <v>716688</v>
      </c>
      <c r="I36429" s="8">
        <v>2329236</v>
      </c>
      <c r="J36429" s="8">
        <v>656964</v>
      </c>
      <c r="K36429" s="9"/>
      <c r="L36429" s="6"/>
    </row>
    <row r="36430" spans="1:12">
      <c r="A36430" s="6" t="s">
        <v>36217</v>
      </c>
      <c r="B36430" s="6"/>
      <c r="C36430" s="6" t="s">
        <v>32230</v>
      </c>
      <c r="D36430" s="6"/>
      <c r="E36430" s="6" t="s">
        <v>9</v>
      </c>
      <c r="F36430" s="7">
        <v>30251</v>
      </c>
      <c r="G36430" s="8">
        <v>7738200</v>
      </c>
      <c r="H36430" s="8">
        <v>1857168</v>
      </c>
      <c r="I36430" s="8">
        <v>6035796</v>
      </c>
      <c r="J36430" s="8">
        <v>1702404</v>
      </c>
      <c r="K36430" s="9"/>
      <c r="L36430" s="6"/>
    </row>
    <row r="36431" spans="1:12">
      <c r="A36431" s="6" t="s">
        <v>36218</v>
      </c>
      <c r="B36431" s="6"/>
      <c r="C36431" s="6" t="s">
        <v>32230</v>
      </c>
      <c r="D36431" s="6"/>
      <c r="E36431" s="6" t="s">
        <v>9</v>
      </c>
      <c r="F36431" s="7">
        <v>30251</v>
      </c>
      <c r="G36431" s="8">
        <v>9949500</v>
      </c>
      <c r="H36431" s="8">
        <v>2387880</v>
      </c>
      <c r="I36431" s="8">
        <v>7760610</v>
      </c>
      <c r="J36431" s="8">
        <v>2188890</v>
      </c>
      <c r="K36431" s="9"/>
      <c r="L36431" s="6"/>
    </row>
    <row r="36432" spans="1:12">
      <c r="A36432" s="6" t="s">
        <v>33185</v>
      </c>
      <c r="B36432" s="6"/>
      <c r="C36432" s="6" t="s">
        <v>32230</v>
      </c>
      <c r="D36432" s="6"/>
      <c r="E36432" s="6" t="s">
        <v>9</v>
      </c>
      <c r="F36432" s="7"/>
      <c r="G36432" s="8">
        <v>1</v>
      </c>
      <c r="H36432" s="8">
        <v>1</v>
      </c>
      <c r="I36432" s="8">
        <v>0</v>
      </c>
      <c r="J36432" s="8">
        <v>1</v>
      </c>
      <c r="K36432" s="9"/>
      <c r="L36432" s="6"/>
    </row>
    <row r="36433" spans="1:12">
      <c r="A36433" s="6" t="s">
        <v>36219</v>
      </c>
      <c r="B36433" s="6"/>
      <c r="C36433" s="6" t="s">
        <v>32230</v>
      </c>
      <c r="D36433" s="6"/>
      <c r="E36433" s="6" t="s">
        <v>9</v>
      </c>
      <c r="F36433" s="7">
        <v>30251</v>
      </c>
      <c r="G36433" s="8">
        <v>40176000</v>
      </c>
      <c r="H36433" s="8">
        <v>9642240</v>
      </c>
      <c r="I36433" s="8">
        <v>31337280</v>
      </c>
      <c r="J36433" s="8">
        <v>8838720</v>
      </c>
      <c r="K36433" s="9"/>
      <c r="L36433" s="6"/>
    </row>
    <row r="36434" spans="1:12">
      <c r="A36434" s="6" t="s">
        <v>33185</v>
      </c>
      <c r="B36434" s="6"/>
      <c r="C36434" s="6" t="s">
        <v>32230</v>
      </c>
      <c r="D36434" s="6"/>
      <c r="E36434" s="6" t="s">
        <v>9</v>
      </c>
      <c r="F36434" s="7"/>
      <c r="G36434" s="8">
        <v>1</v>
      </c>
      <c r="H36434" s="8">
        <v>1</v>
      </c>
      <c r="I36434" s="8">
        <v>0</v>
      </c>
      <c r="J36434" s="8">
        <v>1</v>
      </c>
      <c r="K36434" s="9"/>
      <c r="L36434" s="6"/>
    </row>
    <row r="36435" spans="1:12">
      <c r="A36435" s="6" t="s">
        <v>33185</v>
      </c>
      <c r="B36435" s="6"/>
      <c r="C36435" s="6" t="s">
        <v>32230</v>
      </c>
      <c r="D36435" s="6"/>
      <c r="E36435" s="6" t="s">
        <v>9</v>
      </c>
      <c r="F36435" s="7"/>
      <c r="G36435" s="8">
        <v>1</v>
      </c>
      <c r="H36435" s="8">
        <v>1</v>
      </c>
      <c r="I36435" s="8">
        <v>0</v>
      </c>
      <c r="J36435" s="8">
        <v>1</v>
      </c>
      <c r="K36435" s="9"/>
      <c r="L36435" s="6"/>
    </row>
    <row r="36436" spans="1:12">
      <c r="A36436" s="6" t="s">
        <v>33185</v>
      </c>
      <c r="B36436" s="6"/>
      <c r="C36436" s="6" t="s">
        <v>32230</v>
      </c>
      <c r="D36436" s="6"/>
      <c r="E36436" s="6" t="s">
        <v>9</v>
      </c>
      <c r="F36436" s="7"/>
      <c r="G36436" s="8">
        <v>1</v>
      </c>
      <c r="H36436" s="8">
        <v>1</v>
      </c>
      <c r="I36436" s="8">
        <v>0</v>
      </c>
      <c r="J36436" s="8">
        <v>1</v>
      </c>
      <c r="K36436" s="9"/>
      <c r="L36436" s="6"/>
    </row>
    <row r="36437" spans="1:12">
      <c r="A36437" s="6" t="s">
        <v>33185</v>
      </c>
      <c r="B36437" s="6"/>
      <c r="C36437" s="6" t="s">
        <v>32230</v>
      </c>
      <c r="D36437" s="6"/>
      <c r="E36437" s="6" t="s">
        <v>9</v>
      </c>
      <c r="F36437" s="7"/>
      <c r="G36437" s="8">
        <v>1</v>
      </c>
      <c r="H36437" s="8">
        <v>1</v>
      </c>
      <c r="I36437" s="8">
        <v>0</v>
      </c>
      <c r="J36437" s="8">
        <v>1</v>
      </c>
      <c r="K36437" s="9"/>
      <c r="L36437" s="6"/>
    </row>
    <row r="36438" spans="1:12">
      <c r="A36438" s="6" t="s">
        <v>36220</v>
      </c>
      <c r="B36438" s="6"/>
      <c r="C36438" s="6" t="s">
        <v>32230</v>
      </c>
      <c r="D36438" s="6"/>
      <c r="E36438" s="6" t="s">
        <v>9</v>
      </c>
      <c r="F36438" s="7">
        <v>30251</v>
      </c>
      <c r="G36438" s="8">
        <v>42927300</v>
      </c>
      <c r="H36438" s="8">
        <v>10302552</v>
      </c>
      <c r="I36438" s="8">
        <v>33483294</v>
      </c>
      <c r="J36438" s="8">
        <v>9444006</v>
      </c>
      <c r="K36438" s="9"/>
      <c r="L36438" s="6"/>
    </row>
    <row r="36439" spans="1:12">
      <c r="A36439" s="6" t="s">
        <v>33185</v>
      </c>
      <c r="B36439" s="6"/>
      <c r="C36439" s="6" t="s">
        <v>32230</v>
      </c>
      <c r="D36439" s="6"/>
      <c r="E36439" s="6" t="s">
        <v>9</v>
      </c>
      <c r="F36439" s="7"/>
      <c r="G36439" s="8">
        <v>1</v>
      </c>
      <c r="H36439" s="8">
        <v>1</v>
      </c>
      <c r="I36439" s="8">
        <v>0</v>
      </c>
      <c r="J36439" s="8">
        <v>1</v>
      </c>
      <c r="K36439" s="9"/>
      <c r="L36439" s="6"/>
    </row>
    <row r="36440" spans="1:12">
      <c r="A36440" s="6" t="s">
        <v>33185</v>
      </c>
      <c r="B36440" s="6"/>
      <c r="C36440" s="6" t="s">
        <v>32230</v>
      </c>
      <c r="D36440" s="6"/>
      <c r="E36440" s="6" t="s">
        <v>9</v>
      </c>
      <c r="F36440" s="7"/>
      <c r="G36440" s="8">
        <v>1</v>
      </c>
      <c r="H36440" s="8">
        <v>1</v>
      </c>
      <c r="I36440" s="8">
        <v>0</v>
      </c>
      <c r="J36440" s="8">
        <v>1</v>
      </c>
      <c r="K36440" s="9"/>
      <c r="L36440" s="6"/>
    </row>
    <row r="36441" spans="1:12">
      <c r="A36441" s="6" t="s">
        <v>36221</v>
      </c>
      <c r="B36441" s="6"/>
      <c r="C36441" s="6" t="s">
        <v>32230</v>
      </c>
      <c r="D36441" s="6"/>
      <c r="E36441" s="6" t="s">
        <v>9</v>
      </c>
      <c r="F36441" s="7">
        <v>43682</v>
      </c>
      <c r="G36441" s="8">
        <v>1188000</v>
      </c>
      <c r="H36441" s="8">
        <v>1158300</v>
      </c>
      <c r="I36441" s="8">
        <v>59400</v>
      </c>
      <c r="J36441" s="8">
        <v>1128600</v>
      </c>
      <c r="K36441" s="9"/>
      <c r="L36441" s="6"/>
    </row>
    <row r="36442" spans="1:12">
      <c r="A36442" s="6" t="s">
        <v>36222</v>
      </c>
      <c r="B36442" s="6"/>
      <c r="C36442" s="6" t="s">
        <v>32230</v>
      </c>
      <c r="D36442" s="6"/>
      <c r="E36442" s="6" t="s">
        <v>9</v>
      </c>
      <c r="F36442" s="7">
        <v>33512</v>
      </c>
      <c r="G36442" s="8">
        <v>7769600</v>
      </c>
      <c r="H36442" s="8">
        <v>3263232</v>
      </c>
      <c r="I36442" s="8">
        <v>4661760</v>
      </c>
      <c r="J36442" s="8">
        <v>3107840</v>
      </c>
      <c r="K36442" s="9"/>
      <c r="L36442" s="6"/>
    </row>
    <row r="36443" spans="1:12">
      <c r="A36443" s="6" t="s">
        <v>36223</v>
      </c>
      <c r="B36443" s="6"/>
      <c r="C36443" s="6" t="s">
        <v>32230</v>
      </c>
      <c r="D36443" s="6"/>
      <c r="E36443" s="6" t="s">
        <v>9</v>
      </c>
      <c r="F36443" s="7">
        <v>30251</v>
      </c>
      <c r="G36443" s="8">
        <v>3011500</v>
      </c>
      <c r="H36443" s="8">
        <v>722760</v>
      </c>
      <c r="I36443" s="8">
        <v>2348970</v>
      </c>
      <c r="J36443" s="8">
        <v>662530</v>
      </c>
      <c r="K36443" s="9"/>
      <c r="L36443" s="6"/>
    </row>
    <row r="36444" spans="1:12">
      <c r="A36444" s="6" t="s">
        <v>33185</v>
      </c>
      <c r="B36444" s="6"/>
      <c r="C36444" s="6" t="s">
        <v>32230</v>
      </c>
      <c r="D36444" s="6"/>
      <c r="E36444" s="6" t="s">
        <v>9</v>
      </c>
      <c r="F36444" s="7"/>
      <c r="G36444" s="8">
        <v>1</v>
      </c>
      <c r="H36444" s="8">
        <v>1</v>
      </c>
      <c r="I36444" s="8">
        <v>0</v>
      </c>
      <c r="J36444" s="8">
        <v>1</v>
      </c>
      <c r="K36444" s="9"/>
      <c r="L36444" s="6"/>
    </row>
    <row r="36445" spans="1:12">
      <c r="A36445" s="6" t="s">
        <v>36224</v>
      </c>
      <c r="B36445" s="6"/>
      <c r="C36445" s="6" t="s">
        <v>32230</v>
      </c>
      <c r="D36445" s="6"/>
      <c r="E36445" s="6" t="s">
        <v>9</v>
      </c>
      <c r="F36445" s="7">
        <v>43840</v>
      </c>
      <c r="G36445" s="8">
        <v>47850</v>
      </c>
      <c r="H36445" s="8">
        <v>43065</v>
      </c>
      <c r="I36445" s="8">
        <v>9570</v>
      </c>
      <c r="J36445" s="8">
        <v>38280</v>
      </c>
      <c r="K36445" s="9"/>
      <c r="L36445" s="6"/>
    </row>
    <row r="36446" spans="1:12">
      <c r="A36446" s="6" t="s">
        <v>36225</v>
      </c>
      <c r="B36446" s="6"/>
      <c r="C36446" s="6" t="s">
        <v>32230</v>
      </c>
      <c r="D36446" s="6"/>
      <c r="E36446" s="6" t="s">
        <v>9</v>
      </c>
      <c r="F36446" s="7">
        <v>30251</v>
      </c>
      <c r="G36446" s="8">
        <v>3239500</v>
      </c>
      <c r="H36446" s="8">
        <v>777480</v>
      </c>
      <c r="I36446" s="8">
        <v>2526810</v>
      </c>
      <c r="J36446" s="8">
        <v>712690</v>
      </c>
      <c r="K36446" s="9"/>
      <c r="L36446" s="6"/>
    </row>
    <row r="36447" spans="1:12">
      <c r="A36447" s="6" t="s">
        <v>36226</v>
      </c>
      <c r="B36447" s="6"/>
      <c r="C36447" s="6" t="s">
        <v>32230</v>
      </c>
      <c r="D36447" s="6"/>
      <c r="E36447" s="6"/>
      <c r="F36447" s="7">
        <v>43922</v>
      </c>
      <c r="G36447" s="8">
        <v>1262800</v>
      </c>
      <c r="H36447" s="8">
        <v>1262800</v>
      </c>
      <c r="I36447" s="8">
        <v>25256</v>
      </c>
      <c r="J36447" s="8">
        <v>1237544</v>
      </c>
      <c r="K36447" s="9"/>
      <c r="L36447" s="6"/>
    </row>
    <row r="36448" spans="1:12">
      <c r="A36448" s="6" t="s">
        <v>36226</v>
      </c>
      <c r="B36448" s="6"/>
      <c r="C36448" s="6" t="s">
        <v>32230</v>
      </c>
      <c r="D36448" s="6"/>
      <c r="E36448" s="6" t="s">
        <v>9</v>
      </c>
      <c r="F36448" s="7">
        <v>30251</v>
      </c>
      <c r="G36448" s="8">
        <v>26187300</v>
      </c>
      <c r="H36448" s="8">
        <v>6284952</v>
      </c>
      <c r="I36448" s="8">
        <v>20426094</v>
      </c>
      <c r="J36448" s="8">
        <v>5761206</v>
      </c>
      <c r="K36448" s="9"/>
      <c r="L36448" s="6"/>
    </row>
    <row r="36449" spans="1:12">
      <c r="A36449" s="6" t="s">
        <v>36227</v>
      </c>
      <c r="B36449" s="6"/>
      <c r="C36449" s="6" t="s">
        <v>32230</v>
      </c>
      <c r="D36449" s="6"/>
      <c r="E36449" s="6" t="s">
        <v>9</v>
      </c>
      <c r="F36449" s="7">
        <v>30251</v>
      </c>
      <c r="G36449" s="8">
        <v>3936600</v>
      </c>
      <c r="H36449" s="8">
        <v>944784</v>
      </c>
      <c r="I36449" s="8">
        <v>3070548</v>
      </c>
      <c r="J36449" s="8">
        <v>866052</v>
      </c>
      <c r="K36449" s="9"/>
      <c r="L36449" s="6"/>
    </row>
    <row r="36450" spans="1:12">
      <c r="A36450" s="6" t="s">
        <v>36228</v>
      </c>
      <c r="B36450" s="6"/>
      <c r="C36450" s="6" t="s">
        <v>32230</v>
      </c>
      <c r="D36450" s="6"/>
      <c r="E36450" s="6" t="s">
        <v>9</v>
      </c>
      <c r="F36450" s="7">
        <v>30309</v>
      </c>
      <c r="G36450" s="8">
        <v>24988500</v>
      </c>
      <c r="H36450" s="8">
        <v>5997240</v>
      </c>
      <c r="I36450" s="8">
        <v>19491030</v>
      </c>
      <c r="J36450" s="8">
        <v>5497470</v>
      </c>
      <c r="K36450" s="9"/>
      <c r="L36450" s="6"/>
    </row>
    <row r="36451" spans="1:12">
      <c r="A36451" s="6" t="s">
        <v>33185</v>
      </c>
      <c r="B36451" s="6"/>
      <c r="C36451" s="6" t="s">
        <v>32230</v>
      </c>
      <c r="D36451" s="6"/>
      <c r="E36451" s="6" t="s">
        <v>9</v>
      </c>
      <c r="F36451" s="7"/>
      <c r="G36451" s="8">
        <v>1</v>
      </c>
      <c r="H36451" s="8">
        <v>1</v>
      </c>
      <c r="I36451" s="8">
        <v>0</v>
      </c>
      <c r="J36451" s="8">
        <v>1</v>
      </c>
      <c r="K36451" s="9"/>
      <c r="L36451" s="6"/>
    </row>
    <row r="36452" spans="1:12">
      <c r="A36452" s="6" t="s">
        <v>36229</v>
      </c>
      <c r="B36452" s="6"/>
      <c r="C36452" s="6" t="s">
        <v>32230</v>
      </c>
      <c r="D36452" s="6"/>
      <c r="E36452" s="6" t="s">
        <v>9</v>
      </c>
      <c r="F36452" s="7">
        <v>30309</v>
      </c>
      <c r="G36452" s="8">
        <v>11534400</v>
      </c>
      <c r="H36452" s="8">
        <v>2768256</v>
      </c>
      <c r="I36452" s="8">
        <v>8996832</v>
      </c>
      <c r="J36452" s="8">
        <v>2537568</v>
      </c>
      <c r="K36452" s="9"/>
      <c r="L36452" s="6"/>
    </row>
    <row r="36453" spans="1:12">
      <c r="A36453" s="6" t="s">
        <v>36230</v>
      </c>
      <c r="B36453" s="6"/>
      <c r="C36453" s="6" t="s">
        <v>32230</v>
      </c>
      <c r="D36453" s="6"/>
      <c r="E36453" s="6" t="s">
        <v>9</v>
      </c>
      <c r="F36453" s="7">
        <v>30309</v>
      </c>
      <c r="G36453" s="8">
        <v>4576500</v>
      </c>
      <c r="H36453" s="8">
        <v>1098360</v>
      </c>
      <c r="I36453" s="8">
        <v>3569670</v>
      </c>
      <c r="J36453" s="8">
        <v>1006830</v>
      </c>
      <c r="K36453" s="9"/>
      <c r="L36453" s="6"/>
    </row>
    <row r="36454" spans="1:12">
      <c r="A36454" s="6" t="s">
        <v>36231</v>
      </c>
      <c r="B36454" s="6"/>
      <c r="C36454" s="6" t="s">
        <v>32230</v>
      </c>
      <c r="D36454" s="6"/>
      <c r="E36454" s="6" t="s">
        <v>9</v>
      </c>
      <c r="F36454" s="7">
        <v>30309</v>
      </c>
      <c r="G36454" s="8">
        <v>5265000</v>
      </c>
      <c r="H36454" s="8">
        <v>1263600</v>
      </c>
      <c r="I36454" s="8">
        <v>4106700</v>
      </c>
      <c r="J36454" s="8">
        <v>1158300</v>
      </c>
      <c r="K36454" s="9"/>
      <c r="L36454" s="6"/>
    </row>
    <row r="36455" spans="1:12">
      <c r="A36455" s="6" t="s">
        <v>36232</v>
      </c>
      <c r="B36455" s="6"/>
      <c r="C36455" s="6" t="s">
        <v>32230</v>
      </c>
      <c r="D36455" s="6"/>
      <c r="E36455" s="6" t="s">
        <v>9</v>
      </c>
      <c r="F36455" s="7">
        <v>30309</v>
      </c>
      <c r="G36455" s="8">
        <v>4924800</v>
      </c>
      <c r="H36455" s="8">
        <v>1181952</v>
      </c>
      <c r="I36455" s="8">
        <v>3841344</v>
      </c>
      <c r="J36455" s="8">
        <v>1083456</v>
      </c>
      <c r="K36455" s="9"/>
      <c r="L36455" s="6"/>
    </row>
    <row r="36456" spans="1:12">
      <c r="A36456" s="6" t="s">
        <v>36233</v>
      </c>
      <c r="B36456" s="6"/>
      <c r="C36456" s="6" t="s">
        <v>32230</v>
      </c>
      <c r="D36456" s="6"/>
      <c r="E36456" s="6" t="s">
        <v>9</v>
      </c>
      <c r="F36456" s="7">
        <v>37608</v>
      </c>
      <c r="G36456" s="8">
        <v>6147900</v>
      </c>
      <c r="H36456" s="8">
        <v>3934656</v>
      </c>
      <c r="I36456" s="8">
        <v>2336202</v>
      </c>
      <c r="J36456" s="8">
        <v>3811698</v>
      </c>
      <c r="K36456" s="9"/>
      <c r="L36456" s="6"/>
    </row>
    <row r="36457" spans="1:12">
      <c r="A36457" s="6" t="s">
        <v>36234</v>
      </c>
      <c r="B36457" s="6"/>
      <c r="C36457" s="6" t="s">
        <v>32230</v>
      </c>
      <c r="D36457" s="6"/>
      <c r="E36457" s="6" t="s">
        <v>9</v>
      </c>
      <c r="F36457" s="7">
        <v>37608</v>
      </c>
      <c r="G36457" s="8">
        <v>6083100</v>
      </c>
      <c r="H36457" s="8">
        <v>3893184</v>
      </c>
      <c r="I36457" s="8">
        <v>2311578</v>
      </c>
      <c r="J36457" s="8">
        <v>3771522</v>
      </c>
      <c r="K36457" s="9"/>
      <c r="L36457" s="6"/>
    </row>
    <row r="36458" spans="1:12">
      <c r="A36458" s="6" t="s">
        <v>36235</v>
      </c>
      <c r="B36458" s="6"/>
      <c r="C36458" s="6" t="s">
        <v>32230</v>
      </c>
      <c r="D36458" s="6"/>
      <c r="E36458" s="6" t="s">
        <v>9</v>
      </c>
      <c r="F36458" s="7">
        <v>37608</v>
      </c>
      <c r="G36458" s="8">
        <v>17990100</v>
      </c>
      <c r="H36458" s="8">
        <v>11513664</v>
      </c>
      <c r="I36458" s="8">
        <v>6836238</v>
      </c>
      <c r="J36458" s="8">
        <v>11153862</v>
      </c>
      <c r="K36458" s="9"/>
      <c r="L36458" s="6"/>
    </row>
    <row r="36459" spans="1:12">
      <c r="A36459" s="6" t="s">
        <v>36236</v>
      </c>
      <c r="B36459" s="6"/>
      <c r="C36459" s="6" t="s">
        <v>32230</v>
      </c>
      <c r="D36459" s="6"/>
      <c r="E36459" s="6" t="s">
        <v>9</v>
      </c>
      <c r="F36459" s="7">
        <v>30251</v>
      </c>
      <c r="G36459" s="8">
        <v>15989400</v>
      </c>
      <c r="H36459" s="8">
        <v>3837456</v>
      </c>
      <c r="I36459" s="8">
        <v>12471732</v>
      </c>
      <c r="J36459" s="8">
        <v>3517668</v>
      </c>
      <c r="K36459" s="9"/>
      <c r="L36459" s="6"/>
    </row>
    <row r="36460" spans="1:12">
      <c r="A36460" s="6" t="s">
        <v>36237</v>
      </c>
      <c r="B36460" s="6"/>
      <c r="C36460" s="6" t="s">
        <v>32230</v>
      </c>
      <c r="D36460" s="6"/>
      <c r="E36460" s="6" t="s">
        <v>9</v>
      </c>
      <c r="F36460" s="7">
        <v>30251</v>
      </c>
      <c r="G36460" s="8">
        <v>2708100</v>
      </c>
      <c r="H36460" s="8">
        <v>649944</v>
      </c>
      <c r="I36460" s="8">
        <v>2112318</v>
      </c>
      <c r="J36460" s="8">
        <v>595782</v>
      </c>
      <c r="K36460" s="9"/>
      <c r="L36460" s="6"/>
    </row>
    <row r="36461" spans="1:12">
      <c r="A36461" s="6" t="s">
        <v>36238</v>
      </c>
      <c r="B36461" s="6"/>
      <c r="C36461" s="6" t="s">
        <v>32230</v>
      </c>
      <c r="D36461" s="6"/>
      <c r="E36461" s="6"/>
      <c r="F36461" s="7">
        <v>43556</v>
      </c>
      <c r="G36461" s="8">
        <v>1080000</v>
      </c>
      <c r="H36461" s="8">
        <v>1058400</v>
      </c>
      <c r="I36461" s="8">
        <v>43200</v>
      </c>
      <c r="J36461" s="8">
        <v>1036800</v>
      </c>
      <c r="K36461" s="9"/>
      <c r="L36461" s="6"/>
    </row>
    <row r="36462" spans="1:12">
      <c r="A36462" s="6" t="s">
        <v>36238</v>
      </c>
      <c r="B36462" s="6"/>
      <c r="C36462" s="6" t="s">
        <v>32230</v>
      </c>
      <c r="D36462" s="6"/>
      <c r="E36462" s="6"/>
      <c r="F36462" s="7">
        <v>43922</v>
      </c>
      <c r="G36462" s="8">
        <v>660000</v>
      </c>
      <c r="H36462" s="8">
        <v>660000</v>
      </c>
      <c r="I36462" s="8">
        <v>13200</v>
      </c>
      <c r="J36462" s="8">
        <v>646800</v>
      </c>
      <c r="K36462" s="9"/>
      <c r="L36462" s="6"/>
    </row>
    <row r="36463" spans="1:12">
      <c r="A36463" s="6" t="s">
        <v>36238</v>
      </c>
      <c r="B36463" s="6"/>
      <c r="C36463" s="6" t="s">
        <v>32230</v>
      </c>
      <c r="D36463" s="6"/>
      <c r="E36463" s="6" t="s">
        <v>9</v>
      </c>
      <c r="F36463" s="7">
        <v>30251</v>
      </c>
      <c r="G36463" s="8">
        <v>39206400</v>
      </c>
      <c r="H36463" s="8">
        <v>9409536</v>
      </c>
      <c r="I36463" s="8">
        <v>30580992</v>
      </c>
      <c r="J36463" s="8">
        <v>8625408</v>
      </c>
      <c r="K36463" s="9"/>
      <c r="L36463" s="6"/>
    </row>
    <row r="36464" spans="1:12">
      <c r="A36464" s="6" t="s">
        <v>36239</v>
      </c>
      <c r="B36464" s="6"/>
      <c r="C36464" s="6" t="s">
        <v>32230</v>
      </c>
      <c r="D36464" s="6"/>
      <c r="E36464" s="6" t="s">
        <v>9</v>
      </c>
      <c r="F36464" s="7">
        <v>37608</v>
      </c>
      <c r="G36464" s="8">
        <v>15592500</v>
      </c>
      <c r="H36464" s="8">
        <v>9979200</v>
      </c>
      <c r="I36464" s="8">
        <v>5925150</v>
      </c>
      <c r="J36464" s="8">
        <v>9667350</v>
      </c>
      <c r="K36464" s="9"/>
      <c r="L36464" s="6"/>
    </row>
    <row r="36465" spans="1:12">
      <c r="A36465" s="6" t="s">
        <v>36240</v>
      </c>
      <c r="B36465" s="6"/>
      <c r="C36465" s="6" t="s">
        <v>32230</v>
      </c>
      <c r="D36465" s="6"/>
      <c r="E36465" s="6" t="s">
        <v>9</v>
      </c>
      <c r="F36465" s="7">
        <v>38243</v>
      </c>
      <c r="G36465" s="8">
        <v>10149300</v>
      </c>
      <c r="H36465" s="8">
        <v>6901524</v>
      </c>
      <c r="I36465" s="8">
        <v>3450762</v>
      </c>
      <c r="J36465" s="8">
        <v>6698538</v>
      </c>
      <c r="K36465" s="9"/>
      <c r="L36465" s="6"/>
    </row>
    <row r="36466" spans="1:12">
      <c r="A36466" s="6" t="s">
        <v>36241</v>
      </c>
      <c r="B36466" s="6"/>
      <c r="C36466" s="6" t="s">
        <v>32230</v>
      </c>
      <c r="D36466" s="6"/>
      <c r="E36466" s="6"/>
      <c r="F36466" s="7">
        <v>43922</v>
      </c>
      <c r="G36466" s="8">
        <v>2121350</v>
      </c>
      <c r="H36466" s="8">
        <v>2121350</v>
      </c>
      <c r="I36466" s="8">
        <v>42427</v>
      </c>
      <c r="J36466" s="8">
        <v>2078923</v>
      </c>
      <c r="K36466" s="9"/>
      <c r="L36466" s="6"/>
    </row>
    <row r="36467" spans="1:12">
      <c r="A36467" s="6" t="s">
        <v>36241</v>
      </c>
      <c r="B36467" s="6"/>
      <c r="C36467" s="6" t="s">
        <v>32230</v>
      </c>
      <c r="D36467" s="6"/>
      <c r="E36467" s="6"/>
      <c r="F36467" s="7">
        <v>43556</v>
      </c>
      <c r="G36467" s="8">
        <v>2281400</v>
      </c>
      <c r="H36467" s="8">
        <v>2235772</v>
      </c>
      <c r="I36467" s="8">
        <v>91256</v>
      </c>
      <c r="J36467" s="8">
        <v>2190144</v>
      </c>
      <c r="K36467" s="9"/>
      <c r="L36467" s="6"/>
    </row>
    <row r="36468" spans="1:12">
      <c r="A36468" s="6" t="s">
        <v>36241</v>
      </c>
      <c r="B36468" s="6"/>
      <c r="C36468" s="6" t="s">
        <v>32230</v>
      </c>
      <c r="D36468" s="6"/>
      <c r="E36468" s="6" t="s">
        <v>9</v>
      </c>
      <c r="F36468" s="7">
        <v>39169</v>
      </c>
      <c r="G36468" s="8">
        <v>56700000</v>
      </c>
      <c r="H36468" s="8">
        <v>40824000</v>
      </c>
      <c r="I36468" s="8">
        <v>17010000</v>
      </c>
      <c r="J36468" s="8">
        <v>39690000</v>
      </c>
      <c r="K36468" s="9"/>
      <c r="L36468" s="6"/>
    </row>
    <row r="36469" spans="1:12">
      <c r="A36469" s="6" t="s">
        <v>36242</v>
      </c>
      <c r="B36469" s="6"/>
      <c r="C36469" s="6" t="s">
        <v>32230</v>
      </c>
      <c r="D36469" s="6"/>
      <c r="E36469" s="6" t="s">
        <v>9</v>
      </c>
      <c r="F36469" s="7">
        <v>42272</v>
      </c>
      <c r="G36469" s="8">
        <v>993600</v>
      </c>
      <c r="H36469" s="8">
        <v>894240</v>
      </c>
      <c r="I36469" s="8">
        <v>119232</v>
      </c>
      <c r="J36469" s="8">
        <v>874368</v>
      </c>
      <c r="K36469" s="9"/>
      <c r="L36469" s="6"/>
    </row>
    <row r="36470" spans="1:12">
      <c r="A36470" s="6" t="s">
        <v>36243</v>
      </c>
      <c r="B36470" s="6"/>
      <c r="C36470" s="6" t="s">
        <v>32230</v>
      </c>
      <c r="D36470" s="6"/>
      <c r="E36470" s="6" t="s">
        <v>9</v>
      </c>
      <c r="F36470" s="7">
        <v>30251</v>
      </c>
      <c r="G36470" s="8">
        <v>3437100</v>
      </c>
      <c r="H36470" s="8">
        <v>824904</v>
      </c>
      <c r="I36470" s="8">
        <v>2680938</v>
      </c>
      <c r="J36470" s="8">
        <v>756162</v>
      </c>
      <c r="K36470" s="9"/>
      <c r="L36470" s="6"/>
    </row>
    <row r="36471" spans="1:12">
      <c r="A36471" s="6" t="s">
        <v>36244</v>
      </c>
      <c r="B36471" s="6"/>
      <c r="C36471" s="6" t="s">
        <v>32230</v>
      </c>
      <c r="D36471" s="6"/>
      <c r="E36471" s="6" t="s">
        <v>9</v>
      </c>
      <c r="F36471" s="7">
        <v>30251</v>
      </c>
      <c r="G36471" s="8">
        <v>4185000</v>
      </c>
      <c r="H36471" s="8">
        <v>1004400</v>
      </c>
      <c r="I36471" s="8">
        <v>3264300</v>
      </c>
      <c r="J36471" s="8">
        <v>920700</v>
      </c>
      <c r="K36471" s="9"/>
      <c r="L36471" s="6"/>
    </row>
    <row r="36472" spans="1:12">
      <c r="A36472" s="6" t="s">
        <v>36245</v>
      </c>
      <c r="B36472" s="6"/>
      <c r="C36472" s="6" t="s">
        <v>32230</v>
      </c>
      <c r="D36472" s="6"/>
      <c r="E36472" s="6" t="s">
        <v>9</v>
      </c>
      <c r="F36472" s="7">
        <v>30251</v>
      </c>
      <c r="G36472" s="8">
        <v>5856300</v>
      </c>
      <c r="H36472" s="8">
        <v>1405512</v>
      </c>
      <c r="I36472" s="8">
        <v>4567914</v>
      </c>
      <c r="J36472" s="8">
        <v>1288386</v>
      </c>
      <c r="K36472" s="9"/>
      <c r="L36472" s="6"/>
    </row>
    <row r="36473" spans="1:12">
      <c r="A36473" s="6" t="s">
        <v>36246</v>
      </c>
      <c r="B36473" s="6"/>
      <c r="C36473" s="6" t="s">
        <v>32230</v>
      </c>
      <c r="D36473" s="6"/>
      <c r="E36473" s="6" t="s">
        <v>9</v>
      </c>
      <c r="F36473" s="7">
        <v>42954</v>
      </c>
      <c r="G36473" s="8">
        <v>864000</v>
      </c>
      <c r="H36473" s="8">
        <v>690336</v>
      </c>
      <c r="I36473" s="8">
        <v>231552</v>
      </c>
      <c r="J36473" s="8">
        <v>632448</v>
      </c>
      <c r="K36473" s="9"/>
      <c r="L36473" s="6"/>
    </row>
    <row r="36474" spans="1:12">
      <c r="A36474" s="6" t="s">
        <v>36247</v>
      </c>
      <c r="B36474" s="6"/>
      <c r="C36474" s="6" t="s">
        <v>32230</v>
      </c>
      <c r="D36474" s="6"/>
      <c r="E36474" s="6" t="s">
        <v>9</v>
      </c>
      <c r="F36474" s="7">
        <v>30251</v>
      </c>
      <c r="G36474" s="8">
        <v>1267300</v>
      </c>
      <c r="H36474" s="8">
        <v>304152</v>
      </c>
      <c r="I36474" s="8">
        <v>988494</v>
      </c>
      <c r="J36474" s="8">
        <v>278806</v>
      </c>
      <c r="K36474" s="9"/>
      <c r="L36474" s="6"/>
    </row>
    <row r="36475" spans="1:12">
      <c r="A36475" s="6" t="s">
        <v>36248</v>
      </c>
      <c r="B36475" s="6"/>
      <c r="C36475" s="6" t="s">
        <v>32230</v>
      </c>
      <c r="D36475" s="6"/>
      <c r="E36475" s="6" t="s">
        <v>9</v>
      </c>
      <c r="F36475" s="7">
        <v>30251</v>
      </c>
      <c r="G36475" s="8">
        <v>2905200</v>
      </c>
      <c r="H36475" s="8">
        <v>697248</v>
      </c>
      <c r="I36475" s="8">
        <v>2266056</v>
      </c>
      <c r="J36475" s="8">
        <v>639144</v>
      </c>
      <c r="K36475" s="9"/>
      <c r="L36475" s="6"/>
    </row>
    <row r="36476" spans="1:12">
      <c r="A36476" s="6" t="s">
        <v>36249</v>
      </c>
      <c r="B36476" s="6"/>
      <c r="C36476" s="6" t="s">
        <v>32230</v>
      </c>
      <c r="D36476" s="6"/>
      <c r="E36476" s="6" t="s">
        <v>9</v>
      </c>
      <c r="F36476" s="7">
        <v>30251</v>
      </c>
      <c r="G36476" s="8">
        <v>1732800</v>
      </c>
      <c r="H36476" s="8">
        <v>415872</v>
      </c>
      <c r="I36476" s="8">
        <v>1351584</v>
      </c>
      <c r="J36476" s="8">
        <v>381216</v>
      </c>
      <c r="K36476" s="9"/>
      <c r="L36476" s="6"/>
    </row>
    <row r="36477" spans="1:12">
      <c r="A36477" s="6" t="s">
        <v>36250</v>
      </c>
      <c r="B36477" s="6"/>
      <c r="C36477" s="6" t="s">
        <v>32230</v>
      </c>
      <c r="D36477" s="6"/>
      <c r="E36477" s="6" t="s">
        <v>9</v>
      </c>
      <c r="F36477" s="7">
        <v>30251</v>
      </c>
      <c r="G36477" s="8">
        <v>29330100</v>
      </c>
      <c r="H36477" s="8">
        <v>7039224</v>
      </c>
      <c r="I36477" s="8">
        <v>22877478</v>
      </c>
      <c r="J36477" s="8">
        <v>6452622</v>
      </c>
      <c r="K36477" s="9"/>
      <c r="L36477" s="6"/>
    </row>
    <row r="36478" spans="1:12">
      <c r="A36478" s="6" t="s">
        <v>36251</v>
      </c>
      <c r="B36478" s="6"/>
      <c r="C36478" s="6" t="s">
        <v>32230</v>
      </c>
      <c r="D36478" s="6"/>
      <c r="E36478" s="6" t="s">
        <v>9</v>
      </c>
      <c r="F36478" s="7">
        <v>30251</v>
      </c>
      <c r="G36478" s="8">
        <v>7333200</v>
      </c>
      <c r="H36478" s="8">
        <v>1759968</v>
      </c>
      <c r="I36478" s="8">
        <v>5719896</v>
      </c>
      <c r="J36478" s="8">
        <v>1613304</v>
      </c>
      <c r="K36478" s="9"/>
      <c r="L36478" s="6"/>
    </row>
    <row r="36479" spans="1:12">
      <c r="A36479" s="6" t="s">
        <v>36252</v>
      </c>
      <c r="B36479" s="6"/>
      <c r="C36479" s="6" t="s">
        <v>32230</v>
      </c>
      <c r="D36479" s="6"/>
      <c r="E36479" s="6" t="s">
        <v>9</v>
      </c>
      <c r="F36479" s="7">
        <v>30251</v>
      </c>
      <c r="G36479" s="8">
        <v>1228500</v>
      </c>
      <c r="H36479" s="8">
        <v>294840</v>
      </c>
      <c r="I36479" s="8">
        <v>958230</v>
      </c>
      <c r="J36479" s="8">
        <v>270270</v>
      </c>
      <c r="K36479" s="9"/>
      <c r="L36479" s="6"/>
    </row>
    <row r="36480" spans="1:12">
      <c r="A36480" s="6" t="s">
        <v>36253</v>
      </c>
      <c r="B36480" s="6"/>
      <c r="C36480" s="6" t="s">
        <v>32230</v>
      </c>
      <c r="D36480" s="6"/>
      <c r="E36480" s="6" t="s">
        <v>9</v>
      </c>
      <c r="F36480" s="7">
        <v>32064</v>
      </c>
      <c r="G36480" s="8">
        <v>3272400</v>
      </c>
      <c r="H36480" s="8">
        <v>1112616</v>
      </c>
      <c r="I36480" s="8">
        <v>2225232</v>
      </c>
      <c r="J36480" s="8">
        <v>1047168</v>
      </c>
      <c r="K36480" s="9"/>
      <c r="L36480" s="6"/>
    </row>
    <row r="36481" spans="1:12">
      <c r="A36481" s="6" t="s">
        <v>36254</v>
      </c>
      <c r="B36481" s="6"/>
      <c r="C36481" s="6" t="s">
        <v>32230</v>
      </c>
      <c r="D36481" s="6"/>
      <c r="E36481" s="6" t="s">
        <v>9</v>
      </c>
      <c r="F36481" s="7">
        <v>31043</v>
      </c>
      <c r="G36481" s="8">
        <v>5329800</v>
      </c>
      <c r="H36481" s="8">
        <v>1492344</v>
      </c>
      <c r="I36481" s="8">
        <v>3944052</v>
      </c>
      <c r="J36481" s="8">
        <v>1385748</v>
      </c>
      <c r="K36481" s="9"/>
      <c r="L36481" s="6"/>
    </row>
    <row r="36482" spans="1:12">
      <c r="A36482" s="6" t="s">
        <v>36255</v>
      </c>
      <c r="B36482" s="6"/>
      <c r="C36482" s="6" t="s">
        <v>32230</v>
      </c>
      <c r="D36482" s="6"/>
      <c r="E36482" s="6" t="s">
        <v>9</v>
      </c>
      <c r="F36482" s="7">
        <v>31043</v>
      </c>
      <c r="G36482" s="8">
        <v>5524200</v>
      </c>
      <c r="H36482" s="8">
        <v>1546776</v>
      </c>
      <c r="I36482" s="8">
        <v>4087908</v>
      </c>
      <c r="J36482" s="8">
        <v>1436292</v>
      </c>
      <c r="K36482" s="9"/>
      <c r="L36482" s="6"/>
    </row>
    <row r="36483" spans="1:12">
      <c r="A36483" s="6" t="s">
        <v>36256</v>
      </c>
      <c r="B36483" s="6"/>
      <c r="C36483" s="6" t="s">
        <v>32230</v>
      </c>
      <c r="D36483" s="6"/>
      <c r="E36483" s="6" t="s">
        <v>9</v>
      </c>
      <c r="F36483" s="7">
        <v>31043</v>
      </c>
      <c r="G36483" s="8">
        <v>5491800</v>
      </c>
      <c r="H36483" s="8">
        <v>1537704</v>
      </c>
      <c r="I36483" s="8">
        <v>4063932</v>
      </c>
      <c r="J36483" s="8">
        <v>1427868</v>
      </c>
      <c r="K36483" s="9"/>
      <c r="L36483" s="6"/>
    </row>
    <row r="36484" spans="1:12">
      <c r="A36484" s="6" t="s">
        <v>36257</v>
      </c>
      <c r="B36484" s="6"/>
      <c r="C36484" s="6" t="s">
        <v>32230</v>
      </c>
      <c r="D36484" s="6"/>
      <c r="E36484" s="6" t="s">
        <v>9</v>
      </c>
      <c r="F36484" s="7">
        <v>31043</v>
      </c>
      <c r="G36484" s="8">
        <v>30253500</v>
      </c>
      <c r="H36484" s="8">
        <v>8470980</v>
      </c>
      <c r="I36484" s="8">
        <v>22387590</v>
      </c>
      <c r="J36484" s="8">
        <v>7865910</v>
      </c>
      <c r="K36484" s="9"/>
      <c r="L36484" s="6"/>
    </row>
    <row r="36485" spans="1:12">
      <c r="A36485" s="6" t="s">
        <v>36258</v>
      </c>
      <c r="B36485" s="6"/>
      <c r="C36485" s="6" t="s">
        <v>32230</v>
      </c>
      <c r="D36485" s="6"/>
      <c r="E36485" s="6" t="s">
        <v>9</v>
      </c>
      <c r="F36485" s="7">
        <v>31043</v>
      </c>
      <c r="G36485" s="8">
        <v>9039600</v>
      </c>
      <c r="H36485" s="8">
        <v>2531088</v>
      </c>
      <c r="I36485" s="8">
        <v>6689304</v>
      </c>
      <c r="J36485" s="8">
        <v>2350296</v>
      </c>
      <c r="K36485" s="9"/>
      <c r="L36485" s="6"/>
    </row>
    <row r="36486" spans="1:12">
      <c r="A36486" s="6" t="s">
        <v>36259</v>
      </c>
      <c r="B36486" s="6"/>
      <c r="C36486" s="6" t="s">
        <v>32230</v>
      </c>
      <c r="D36486" s="6"/>
      <c r="E36486" s="6" t="s">
        <v>9</v>
      </c>
      <c r="F36486" s="7">
        <v>31043</v>
      </c>
      <c r="G36486" s="8">
        <v>4757400</v>
      </c>
      <c r="H36486" s="8">
        <v>1332072</v>
      </c>
      <c r="I36486" s="8">
        <v>3520476</v>
      </c>
      <c r="J36486" s="8">
        <v>1236924</v>
      </c>
      <c r="K36486" s="9"/>
      <c r="L36486" s="6"/>
    </row>
    <row r="36487" spans="1:12">
      <c r="A36487" s="6" t="s">
        <v>36260</v>
      </c>
      <c r="B36487" s="6"/>
      <c r="C36487" s="6" t="s">
        <v>32230</v>
      </c>
      <c r="D36487" s="6"/>
      <c r="E36487" s="6" t="s">
        <v>9</v>
      </c>
      <c r="F36487" s="7">
        <v>31043</v>
      </c>
      <c r="G36487" s="8">
        <v>2662200</v>
      </c>
      <c r="H36487" s="8">
        <v>745416</v>
      </c>
      <c r="I36487" s="8">
        <v>1970028</v>
      </c>
      <c r="J36487" s="8">
        <v>692172</v>
      </c>
      <c r="K36487" s="9"/>
      <c r="L36487" s="6"/>
    </row>
    <row r="36488" spans="1:12">
      <c r="A36488" s="6" t="s">
        <v>36261</v>
      </c>
      <c r="B36488" s="6"/>
      <c r="C36488" s="6" t="s">
        <v>32230</v>
      </c>
      <c r="D36488" s="6"/>
      <c r="E36488" s="6" t="s">
        <v>9</v>
      </c>
      <c r="F36488" s="7">
        <v>31043</v>
      </c>
      <c r="G36488" s="8">
        <v>20412000</v>
      </c>
      <c r="H36488" s="8">
        <v>5715360</v>
      </c>
      <c r="I36488" s="8">
        <v>15104880</v>
      </c>
      <c r="J36488" s="8">
        <v>5307120</v>
      </c>
      <c r="K36488" s="9"/>
      <c r="L36488" s="6"/>
    </row>
    <row r="36489" spans="1:12">
      <c r="A36489" s="6" t="s">
        <v>36262</v>
      </c>
      <c r="B36489" s="6"/>
      <c r="C36489" s="6" t="s">
        <v>32230</v>
      </c>
      <c r="D36489" s="6"/>
      <c r="E36489" s="6" t="s">
        <v>9</v>
      </c>
      <c r="F36489" s="7">
        <v>31043</v>
      </c>
      <c r="G36489" s="8">
        <v>7935300</v>
      </c>
      <c r="H36489" s="8">
        <v>2221884</v>
      </c>
      <c r="I36489" s="8">
        <v>5872122</v>
      </c>
      <c r="J36489" s="8">
        <v>2063178</v>
      </c>
      <c r="K36489" s="9"/>
      <c r="L36489" s="6"/>
    </row>
    <row r="36490" spans="1:12">
      <c r="A36490" s="6" t="s">
        <v>36263</v>
      </c>
      <c r="B36490" s="6"/>
      <c r="C36490" s="6" t="s">
        <v>32230</v>
      </c>
      <c r="D36490" s="6"/>
      <c r="E36490" s="6" t="s">
        <v>9</v>
      </c>
      <c r="F36490" s="7">
        <v>31043</v>
      </c>
      <c r="G36490" s="8">
        <v>4608900</v>
      </c>
      <c r="H36490" s="8">
        <v>1290492</v>
      </c>
      <c r="I36490" s="8">
        <v>3410586</v>
      </c>
      <c r="J36490" s="8">
        <v>1198314</v>
      </c>
      <c r="K36490" s="9"/>
      <c r="L36490" s="6"/>
    </row>
    <row r="36491" spans="1:12">
      <c r="A36491" s="6" t="s">
        <v>36264</v>
      </c>
      <c r="B36491" s="6"/>
      <c r="C36491" s="6" t="s">
        <v>32230</v>
      </c>
      <c r="D36491" s="6"/>
      <c r="E36491" s="6" t="s">
        <v>9</v>
      </c>
      <c r="F36491" s="7">
        <v>30251</v>
      </c>
      <c r="G36491" s="8">
        <v>5859000</v>
      </c>
      <c r="H36491" s="8">
        <v>1406160</v>
      </c>
      <c r="I36491" s="8">
        <v>4570020</v>
      </c>
      <c r="J36491" s="8">
        <v>1288980</v>
      </c>
      <c r="K36491" s="9"/>
      <c r="L36491" s="6"/>
    </row>
    <row r="36492" spans="1:12">
      <c r="A36492" s="6" t="s">
        <v>33185</v>
      </c>
      <c r="B36492" s="6"/>
      <c r="C36492" s="6" t="s">
        <v>32230</v>
      </c>
      <c r="D36492" s="6"/>
      <c r="E36492" s="6" t="s">
        <v>9</v>
      </c>
      <c r="F36492" s="7"/>
      <c r="G36492" s="8">
        <v>1</v>
      </c>
      <c r="H36492" s="8">
        <v>1</v>
      </c>
      <c r="I36492" s="8">
        <v>0</v>
      </c>
      <c r="J36492" s="8">
        <v>1</v>
      </c>
      <c r="K36492" s="9"/>
      <c r="L36492" s="6"/>
    </row>
    <row r="36493" spans="1:12">
      <c r="A36493" s="6" t="s">
        <v>36265</v>
      </c>
      <c r="B36493" s="6"/>
      <c r="C36493" s="6" t="s">
        <v>32230</v>
      </c>
      <c r="D36493" s="6"/>
      <c r="E36493" s="6" t="s">
        <v>9</v>
      </c>
      <c r="F36493" s="7">
        <v>30251</v>
      </c>
      <c r="G36493" s="8">
        <v>1856300</v>
      </c>
      <c r="H36493" s="8">
        <v>445512</v>
      </c>
      <c r="I36493" s="8">
        <v>1447914</v>
      </c>
      <c r="J36493" s="8">
        <v>408386</v>
      </c>
      <c r="K36493" s="9"/>
      <c r="L36493" s="6"/>
    </row>
    <row r="36494" spans="1:12">
      <c r="A36494" s="6" t="s">
        <v>36266</v>
      </c>
      <c r="B36494" s="6"/>
      <c r="C36494" s="6" t="s">
        <v>32230</v>
      </c>
      <c r="D36494" s="6"/>
      <c r="E36494" s="6" t="s">
        <v>9</v>
      </c>
      <c r="F36494" s="7">
        <v>30251</v>
      </c>
      <c r="G36494" s="8">
        <v>9339300</v>
      </c>
      <c r="H36494" s="8">
        <v>2241432</v>
      </c>
      <c r="I36494" s="8">
        <v>7284654</v>
      </c>
      <c r="J36494" s="8">
        <v>2054646</v>
      </c>
      <c r="K36494" s="9"/>
      <c r="L36494" s="6"/>
    </row>
    <row r="36495" spans="1:12">
      <c r="A36495" s="6" t="s">
        <v>36267</v>
      </c>
      <c r="B36495" s="6"/>
      <c r="C36495" s="6" t="s">
        <v>32230</v>
      </c>
      <c r="D36495" s="6"/>
      <c r="E36495" s="6" t="s">
        <v>9</v>
      </c>
      <c r="F36495" s="7">
        <v>43059</v>
      </c>
      <c r="G36495" s="8">
        <v>2175120</v>
      </c>
      <c r="H36495" s="8">
        <v>1737921</v>
      </c>
      <c r="I36495" s="8">
        <v>582932</v>
      </c>
      <c r="J36495" s="8">
        <v>1592188</v>
      </c>
      <c r="K36495" s="9"/>
      <c r="L36495" s="6"/>
    </row>
    <row r="36496" spans="1:12">
      <c r="A36496" s="6" t="s">
        <v>36268</v>
      </c>
      <c r="B36496" s="6"/>
      <c r="C36496" s="6" t="s">
        <v>32230</v>
      </c>
      <c r="D36496" s="6"/>
      <c r="E36496" s="6" t="s">
        <v>9</v>
      </c>
      <c r="F36496" s="7">
        <v>30251</v>
      </c>
      <c r="G36496" s="8">
        <v>1414800</v>
      </c>
      <c r="H36496" s="8">
        <v>339552</v>
      </c>
      <c r="I36496" s="8">
        <v>1103544</v>
      </c>
      <c r="J36496" s="8">
        <v>311256</v>
      </c>
      <c r="K36496" s="9"/>
      <c r="L36496" s="6"/>
    </row>
    <row r="36497" spans="1:12">
      <c r="A36497" s="6" t="s">
        <v>36269</v>
      </c>
      <c r="B36497" s="6"/>
      <c r="C36497" s="6" t="s">
        <v>32230</v>
      </c>
      <c r="D36497" s="6"/>
      <c r="E36497" s="6" t="s">
        <v>9</v>
      </c>
      <c r="F36497" s="7">
        <v>30251</v>
      </c>
      <c r="G36497" s="8">
        <v>5111100</v>
      </c>
      <c r="H36497" s="8">
        <v>1226664</v>
      </c>
      <c r="I36497" s="8">
        <v>3986658</v>
      </c>
      <c r="J36497" s="8">
        <v>1124442</v>
      </c>
      <c r="K36497" s="9"/>
      <c r="L36497" s="6"/>
    </row>
    <row r="36498" spans="1:12">
      <c r="A36498" s="6" t="s">
        <v>36270</v>
      </c>
      <c r="B36498" s="6"/>
      <c r="C36498" s="6" t="s">
        <v>32230</v>
      </c>
      <c r="D36498" s="6"/>
      <c r="E36498" s="6" t="s">
        <v>9</v>
      </c>
      <c r="F36498" s="7">
        <v>30251</v>
      </c>
      <c r="G36498" s="8">
        <v>999000</v>
      </c>
      <c r="H36498" s="8">
        <v>239760</v>
      </c>
      <c r="I36498" s="8">
        <v>779220</v>
      </c>
      <c r="J36498" s="8">
        <v>219780</v>
      </c>
      <c r="K36498" s="9"/>
      <c r="L36498" s="6"/>
    </row>
    <row r="36499" spans="1:12">
      <c r="A36499" s="6" t="s">
        <v>36271</v>
      </c>
      <c r="B36499" s="6"/>
      <c r="C36499" s="6" t="s">
        <v>32230</v>
      </c>
      <c r="D36499" s="6"/>
      <c r="E36499" s="6" t="s">
        <v>9</v>
      </c>
      <c r="F36499" s="7">
        <v>30251</v>
      </c>
      <c r="G36499" s="8">
        <v>4795200</v>
      </c>
      <c r="H36499" s="8">
        <v>1150848</v>
      </c>
      <c r="I36499" s="8">
        <v>3740256</v>
      </c>
      <c r="J36499" s="8">
        <v>1054944</v>
      </c>
      <c r="K36499" s="9"/>
      <c r="L36499" s="6"/>
    </row>
    <row r="36500" spans="1:12">
      <c r="A36500" s="6" t="s">
        <v>36272</v>
      </c>
      <c r="B36500" s="6"/>
      <c r="C36500" s="6" t="s">
        <v>32230</v>
      </c>
      <c r="D36500" s="6"/>
      <c r="E36500" s="6" t="s">
        <v>9</v>
      </c>
      <c r="F36500" s="7">
        <v>31043</v>
      </c>
      <c r="G36500" s="8">
        <v>26681400</v>
      </c>
      <c r="H36500" s="8">
        <v>7470792</v>
      </c>
      <c r="I36500" s="8">
        <v>19744236</v>
      </c>
      <c r="J36500" s="8">
        <v>6937164</v>
      </c>
      <c r="K36500" s="9"/>
      <c r="L36500" s="6"/>
    </row>
    <row r="36501" spans="1:12">
      <c r="A36501" s="6" t="s">
        <v>36273</v>
      </c>
      <c r="B36501" s="6"/>
      <c r="C36501" s="6" t="s">
        <v>32230</v>
      </c>
      <c r="D36501" s="6"/>
      <c r="E36501" s="6" t="s">
        <v>9</v>
      </c>
      <c r="F36501" s="7">
        <v>31043</v>
      </c>
      <c r="G36501" s="8">
        <v>20282400</v>
      </c>
      <c r="H36501" s="8">
        <v>5679072</v>
      </c>
      <c r="I36501" s="8">
        <v>15008976</v>
      </c>
      <c r="J36501" s="8">
        <v>5273424</v>
      </c>
      <c r="K36501" s="9"/>
      <c r="L36501" s="6"/>
    </row>
    <row r="36502" spans="1:12">
      <c r="A36502" s="6" t="s">
        <v>36274</v>
      </c>
      <c r="B36502" s="6"/>
      <c r="C36502" s="6" t="s">
        <v>32230</v>
      </c>
      <c r="D36502" s="6"/>
      <c r="E36502" s="6" t="s">
        <v>9</v>
      </c>
      <c r="F36502" s="7">
        <v>31043</v>
      </c>
      <c r="G36502" s="8">
        <v>5499900</v>
      </c>
      <c r="H36502" s="8">
        <v>1539972</v>
      </c>
      <c r="I36502" s="8">
        <v>4069926</v>
      </c>
      <c r="J36502" s="8">
        <v>1429974</v>
      </c>
      <c r="K36502" s="9"/>
      <c r="L36502" s="6"/>
    </row>
    <row r="36503" spans="1:12">
      <c r="A36503" s="6" t="s">
        <v>36275</v>
      </c>
      <c r="B36503" s="6"/>
      <c r="C36503" s="6" t="s">
        <v>32230</v>
      </c>
      <c r="D36503" s="6"/>
      <c r="E36503" s="6" t="s">
        <v>9</v>
      </c>
      <c r="F36503" s="7">
        <v>30251</v>
      </c>
      <c r="G36503" s="8">
        <v>9339300</v>
      </c>
      <c r="H36503" s="8">
        <v>2241432</v>
      </c>
      <c r="I36503" s="8">
        <v>7284654</v>
      </c>
      <c r="J36503" s="8">
        <v>2054646</v>
      </c>
      <c r="K36503" s="9"/>
      <c r="L36503" s="6"/>
    </row>
    <row r="36504" spans="1:12">
      <c r="A36504" s="6" t="s">
        <v>36276</v>
      </c>
      <c r="B36504" s="6"/>
      <c r="C36504" s="6" t="s">
        <v>32230</v>
      </c>
      <c r="D36504" s="6"/>
      <c r="E36504" s="6" t="s">
        <v>9</v>
      </c>
      <c r="F36504" s="7">
        <v>30251</v>
      </c>
      <c r="G36504" s="8">
        <v>5459400</v>
      </c>
      <c r="H36504" s="8">
        <v>1310256</v>
      </c>
      <c r="I36504" s="8">
        <v>4258332</v>
      </c>
      <c r="J36504" s="8">
        <v>1201068</v>
      </c>
      <c r="K36504" s="9"/>
      <c r="L36504" s="6"/>
    </row>
    <row r="36505" spans="1:12">
      <c r="A36505" s="6" t="s">
        <v>36277</v>
      </c>
      <c r="B36505" s="6"/>
      <c r="C36505" s="6" t="s">
        <v>32230</v>
      </c>
      <c r="D36505" s="6"/>
      <c r="E36505" s="6" t="s">
        <v>9</v>
      </c>
      <c r="F36505" s="7">
        <v>31043</v>
      </c>
      <c r="G36505" s="8">
        <v>7330500</v>
      </c>
      <c r="H36505" s="8">
        <v>2052540</v>
      </c>
      <c r="I36505" s="8">
        <v>5424570</v>
      </c>
      <c r="J36505" s="8">
        <v>1905930</v>
      </c>
      <c r="K36505" s="9"/>
      <c r="L36505" s="6"/>
    </row>
    <row r="36506" spans="1:12">
      <c r="A36506" s="6" t="s">
        <v>36278</v>
      </c>
      <c r="B36506" s="6"/>
      <c r="C36506" s="6" t="s">
        <v>32230</v>
      </c>
      <c r="D36506" s="6"/>
      <c r="E36506" s="6" t="s">
        <v>9</v>
      </c>
      <c r="F36506" s="7">
        <v>30309</v>
      </c>
      <c r="G36506" s="8">
        <v>1944000</v>
      </c>
      <c r="H36506" s="8">
        <v>466560</v>
      </c>
      <c r="I36506" s="8">
        <v>1516320</v>
      </c>
      <c r="J36506" s="8">
        <v>427680</v>
      </c>
      <c r="K36506" s="9"/>
      <c r="L36506" s="6"/>
    </row>
    <row r="36507" spans="1:12">
      <c r="A36507" s="6" t="s">
        <v>36279</v>
      </c>
      <c r="B36507" s="6"/>
      <c r="C36507" s="6" t="s">
        <v>32230</v>
      </c>
      <c r="D36507" s="6"/>
      <c r="E36507" s="6" t="s">
        <v>9</v>
      </c>
      <c r="F36507" s="7">
        <v>30309</v>
      </c>
      <c r="G36507" s="8">
        <v>7030800</v>
      </c>
      <c r="H36507" s="8">
        <v>1687392</v>
      </c>
      <c r="I36507" s="8">
        <v>5484024</v>
      </c>
      <c r="J36507" s="8">
        <v>1546776</v>
      </c>
      <c r="K36507" s="9"/>
      <c r="L36507" s="6"/>
    </row>
    <row r="36508" spans="1:12">
      <c r="A36508" s="6" t="s">
        <v>36280</v>
      </c>
      <c r="B36508" s="6"/>
      <c r="C36508" s="6" t="s">
        <v>32230</v>
      </c>
      <c r="D36508" s="6"/>
      <c r="E36508" s="6" t="s">
        <v>9</v>
      </c>
      <c r="F36508" s="7">
        <v>30309</v>
      </c>
      <c r="G36508" s="8">
        <v>7686900</v>
      </c>
      <c r="H36508" s="8">
        <v>1844856</v>
      </c>
      <c r="I36508" s="8">
        <v>5995782</v>
      </c>
      <c r="J36508" s="8">
        <v>1691118</v>
      </c>
      <c r="K36508" s="9"/>
      <c r="L36508" s="6"/>
    </row>
    <row r="36509" spans="1:12">
      <c r="A36509" s="6" t="s">
        <v>36281</v>
      </c>
      <c r="B36509" s="6"/>
      <c r="C36509" s="6" t="s">
        <v>32230</v>
      </c>
      <c r="D36509" s="6"/>
      <c r="E36509" s="6" t="s">
        <v>9</v>
      </c>
      <c r="F36509" s="7">
        <v>30309</v>
      </c>
      <c r="G36509" s="8">
        <v>3758400</v>
      </c>
      <c r="H36509" s="8">
        <v>902016</v>
      </c>
      <c r="I36509" s="8">
        <v>2931552</v>
      </c>
      <c r="J36509" s="8">
        <v>826848</v>
      </c>
      <c r="K36509" s="9"/>
      <c r="L36509" s="6"/>
    </row>
    <row r="36510" spans="1:12">
      <c r="A36510" s="6" t="s">
        <v>36282</v>
      </c>
      <c r="B36510" s="6"/>
      <c r="C36510" s="6" t="s">
        <v>32230</v>
      </c>
      <c r="D36510" s="6"/>
      <c r="E36510" s="6" t="s">
        <v>9</v>
      </c>
      <c r="F36510" s="7">
        <v>36602</v>
      </c>
      <c r="G36510" s="8">
        <v>5961600</v>
      </c>
      <c r="H36510" s="8">
        <v>3457728</v>
      </c>
      <c r="I36510" s="8">
        <v>2623104</v>
      </c>
      <c r="J36510" s="8">
        <v>3338496</v>
      </c>
      <c r="K36510" s="9"/>
      <c r="L36510" s="6"/>
    </row>
    <row r="36511" spans="1:12">
      <c r="A36511" s="6" t="s">
        <v>36283</v>
      </c>
      <c r="B36511" s="6"/>
      <c r="C36511" s="6" t="s">
        <v>32230</v>
      </c>
      <c r="D36511" s="6"/>
      <c r="E36511" s="6" t="s">
        <v>9</v>
      </c>
      <c r="F36511" s="7">
        <v>31043</v>
      </c>
      <c r="G36511" s="8">
        <v>1954800</v>
      </c>
      <c r="H36511" s="8">
        <v>547344</v>
      </c>
      <c r="I36511" s="8">
        <v>1446552</v>
      </c>
      <c r="J36511" s="8">
        <v>508248</v>
      </c>
      <c r="K36511" s="9"/>
      <c r="L36511" s="6"/>
    </row>
    <row r="36512" spans="1:12">
      <c r="A36512" s="6" t="s">
        <v>36284</v>
      </c>
      <c r="B36512" s="6"/>
      <c r="C36512" s="6" t="s">
        <v>32230</v>
      </c>
      <c r="D36512" s="6"/>
      <c r="E36512" s="6" t="s">
        <v>9</v>
      </c>
      <c r="F36512" s="7">
        <v>31043</v>
      </c>
      <c r="G36512" s="8">
        <v>5807700</v>
      </c>
      <c r="H36512" s="8">
        <v>1626156</v>
      </c>
      <c r="I36512" s="8">
        <v>4297698</v>
      </c>
      <c r="J36512" s="8">
        <v>1510002</v>
      </c>
      <c r="K36512" s="9"/>
      <c r="L36512" s="6"/>
    </row>
    <row r="36513" spans="1:12">
      <c r="A36513" s="6" t="s">
        <v>36285</v>
      </c>
      <c r="B36513" s="6"/>
      <c r="C36513" s="6" t="s">
        <v>32230</v>
      </c>
      <c r="D36513" s="6"/>
      <c r="E36513" s="6" t="s">
        <v>9</v>
      </c>
      <c r="F36513" s="7">
        <v>31043</v>
      </c>
      <c r="G36513" s="8">
        <v>18492300</v>
      </c>
      <c r="H36513" s="8">
        <v>5177844</v>
      </c>
      <c r="I36513" s="8">
        <v>13684302</v>
      </c>
      <c r="J36513" s="8">
        <v>4807998</v>
      </c>
      <c r="K36513" s="9"/>
      <c r="L36513" s="6"/>
    </row>
    <row r="36514" spans="1:12">
      <c r="A36514" s="6" t="s">
        <v>36286</v>
      </c>
      <c r="B36514" s="6"/>
      <c r="C36514" s="6" t="s">
        <v>32230</v>
      </c>
      <c r="D36514" s="6"/>
      <c r="E36514" s="6" t="s">
        <v>9</v>
      </c>
      <c r="F36514" s="7">
        <v>31043</v>
      </c>
      <c r="G36514" s="8">
        <v>12482100</v>
      </c>
      <c r="H36514" s="8">
        <v>3494988</v>
      </c>
      <c r="I36514" s="8">
        <v>9236754</v>
      </c>
      <c r="J36514" s="8">
        <v>3245346</v>
      </c>
      <c r="K36514" s="9"/>
      <c r="L36514" s="6"/>
    </row>
    <row r="36515" spans="1:12">
      <c r="A36515" s="6" t="s">
        <v>36287</v>
      </c>
      <c r="B36515" s="6"/>
      <c r="C36515" s="6" t="s">
        <v>32230</v>
      </c>
      <c r="D36515" s="6"/>
      <c r="E36515" s="6" t="s">
        <v>9</v>
      </c>
      <c r="F36515" s="7">
        <v>31043</v>
      </c>
      <c r="G36515" s="8">
        <v>5524200</v>
      </c>
      <c r="H36515" s="8">
        <v>1546776</v>
      </c>
      <c r="I36515" s="8">
        <v>4087908</v>
      </c>
      <c r="J36515" s="8">
        <v>1436292</v>
      </c>
      <c r="K36515" s="9"/>
      <c r="L36515" s="6"/>
    </row>
    <row r="36516" spans="1:12">
      <c r="A36516" s="6" t="s">
        <v>36288</v>
      </c>
      <c r="B36516" s="6"/>
      <c r="C36516" s="6" t="s">
        <v>32230</v>
      </c>
      <c r="D36516" s="6"/>
      <c r="E36516" s="6" t="s">
        <v>9</v>
      </c>
      <c r="F36516" s="7">
        <v>31043</v>
      </c>
      <c r="G36516" s="8">
        <v>16524000</v>
      </c>
      <c r="H36516" s="8">
        <v>4626720</v>
      </c>
      <c r="I36516" s="8">
        <v>12227760</v>
      </c>
      <c r="J36516" s="8">
        <v>4296240</v>
      </c>
      <c r="K36516" s="9"/>
      <c r="L36516" s="6"/>
    </row>
    <row r="36517" spans="1:12">
      <c r="A36517" s="6" t="s">
        <v>36289</v>
      </c>
      <c r="B36517" s="6"/>
      <c r="C36517" s="6" t="s">
        <v>32230</v>
      </c>
      <c r="D36517" s="6"/>
      <c r="E36517" s="6" t="s">
        <v>9</v>
      </c>
      <c r="F36517" s="7">
        <v>31043</v>
      </c>
      <c r="G36517" s="8">
        <v>2278800</v>
      </c>
      <c r="H36517" s="8">
        <v>638064</v>
      </c>
      <c r="I36517" s="8">
        <v>1686312</v>
      </c>
      <c r="J36517" s="8">
        <v>592488</v>
      </c>
      <c r="K36517" s="9"/>
      <c r="L36517" s="6"/>
    </row>
    <row r="36518" spans="1:12">
      <c r="A36518" s="6" t="s">
        <v>36290</v>
      </c>
      <c r="B36518" s="6"/>
      <c r="C36518" s="6" t="s">
        <v>32230</v>
      </c>
      <c r="D36518" s="6"/>
      <c r="E36518" s="6" t="s">
        <v>9</v>
      </c>
      <c r="F36518" s="7">
        <v>31043</v>
      </c>
      <c r="G36518" s="8">
        <v>22615200</v>
      </c>
      <c r="H36518" s="8">
        <v>6332256</v>
      </c>
      <c r="I36518" s="8">
        <v>16735248</v>
      </c>
      <c r="J36518" s="8">
        <v>5879952</v>
      </c>
      <c r="K36518" s="9"/>
      <c r="L36518" s="6"/>
    </row>
    <row r="36519" spans="1:12">
      <c r="A36519" s="6" t="s">
        <v>36291</v>
      </c>
      <c r="B36519" s="6"/>
      <c r="C36519" s="6" t="s">
        <v>32230</v>
      </c>
      <c r="D36519" s="6"/>
      <c r="E36519" s="6" t="s">
        <v>9</v>
      </c>
      <c r="F36519" s="7">
        <v>31043</v>
      </c>
      <c r="G36519" s="8">
        <v>3215700</v>
      </c>
      <c r="H36519" s="8">
        <v>900396</v>
      </c>
      <c r="I36519" s="8">
        <v>2379618</v>
      </c>
      <c r="J36519" s="8">
        <v>836082</v>
      </c>
      <c r="K36519" s="9"/>
      <c r="L36519" s="6"/>
    </row>
    <row r="36520" spans="1:12">
      <c r="A36520" s="6" t="s">
        <v>36292</v>
      </c>
      <c r="B36520" s="6"/>
      <c r="C36520" s="6" t="s">
        <v>32230</v>
      </c>
      <c r="D36520" s="6"/>
      <c r="E36520" s="6" t="s">
        <v>9</v>
      </c>
      <c r="F36520" s="7">
        <v>31043</v>
      </c>
      <c r="G36520" s="8">
        <v>27442800</v>
      </c>
      <c r="H36520" s="8">
        <v>7683984</v>
      </c>
      <c r="I36520" s="8">
        <v>20307672</v>
      </c>
      <c r="J36520" s="8">
        <v>7135128</v>
      </c>
      <c r="K36520" s="9"/>
      <c r="L36520" s="6"/>
    </row>
    <row r="36521" spans="1:12">
      <c r="A36521" s="6" t="s">
        <v>36293</v>
      </c>
      <c r="B36521" s="6"/>
      <c r="C36521" s="6" t="s">
        <v>32230</v>
      </c>
      <c r="D36521" s="6"/>
      <c r="E36521" s="6" t="s">
        <v>9</v>
      </c>
      <c r="F36521" s="7">
        <v>31043</v>
      </c>
      <c r="G36521" s="8">
        <v>12433500</v>
      </c>
      <c r="H36521" s="8">
        <v>3481380</v>
      </c>
      <c r="I36521" s="8">
        <v>9200790</v>
      </c>
      <c r="J36521" s="8">
        <v>3232710</v>
      </c>
      <c r="K36521" s="9"/>
      <c r="L36521" s="6"/>
    </row>
    <row r="36522" spans="1:12">
      <c r="A36522" s="6" t="s">
        <v>36294</v>
      </c>
      <c r="B36522" s="6"/>
      <c r="C36522" s="6" t="s">
        <v>32230</v>
      </c>
      <c r="D36522" s="6"/>
      <c r="E36522" s="6" t="s">
        <v>9</v>
      </c>
      <c r="F36522" s="7">
        <v>31043</v>
      </c>
      <c r="G36522" s="8">
        <v>10214100</v>
      </c>
      <c r="H36522" s="8">
        <v>2859948</v>
      </c>
      <c r="I36522" s="8">
        <v>7558434</v>
      </c>
      <c r="J36522" s="8">
        <v>2655666</v>
      </c>
      <c r="K36522" s="9"/>
      <c r="L36522" s="6"/>
    </row>
    <row r="36523" spans="1:12">
      <c r="A36523" s="6" t="s">
        <v>36295</v>
      </c>
      <c r="B36523" s="6"/>
      <c r="C36523" s="6" t="s">
        <v>32230</v>
      </c>
      <c r="D36523" s="6"/>
      <c r="E36523" s="6" t="s">
        <v>9</v>
      </c>
      <c r="F36523" s="7">
        <v>33281</v>
      </c>
      <c r="G36523" s="8">
        <v>10246500</v>
      </c>
      <c r="H36523" s="8">
        <v>4098600</v>
      </c>
      <c r="I36523" s="8">
        <v>6352830</v>
      </c>
      <c r="J36523" s="8">
        <v>3893670</v>
      </c>
      <c r="K36523" s="9"/>
      <c r="L36523" s="6"/>
    </row>
    <row r="36524" spans="1:12">
      <c r="A36524" s="6" t="s">
        <v>36296</v>
      </c>
      <c r="B36524" s="6"/>
      <c r="C36524" s="6" t="s">
        <v>32230</v>
      </c>
      <c r="D36524" s="6"/>
      <c r="E36524" s="6" t="s">
        <v>9</v>
      </c>
      <c r="F36524" s="7">
        <v>33281</v>
      </c>
      <c r="G36524" s="8">
        <v>5832000</v>
      </c>
      <c r="H36524" s="8">
        <v>2332800</v>
      </c>
      <c r="I36524" s="8">
        <v>3615840</v>
      </c>
      <c r="J36524" s="8">
        <v>2216160</v>
      </c>
      <c r="K36524" s="9"/>
      <c r="L36524" s="6"/>
    </row>
    <row r="36525" spans="1:12">
      <c r="A36525" s="6" t="s">
        <v>36297</v>
      </c>
      <c r="B36525" s="6"/>
      <c r="C36525" s="6" t="s">
        <v>32230</v>
      </c>
      <c r="D36525" s="6"/>
      <c r="E36525" s="6" t="s">
        <v>9</v>
      </c>
      <c r="F36525" s="7">
        <v>35520</v>
      </c>
      <c r="G36525" s="8">
        <v>5432400</v>
      </c>
      <c r="H36525" s="8">
        <v>2824848</v>
      </c>
      <c r="I36525" s="8">
        <v>2716200</v>
      </c>
      <c r="J36525" s="8">
        <v>2716200</v>
      </c>
      <c r="K36525" s="9"/>
      <c r="L36525" s="6"/>
    </row>
    <row r="36526" spans="1:12">
      <c r="A36526" s="6" t="s">
        <v>36297</v>
      </c>
      <c r="B36526" s="6"/>
      <c r="C36526" s="6" t="s">
        <v>32230</v>
      </c>
      <c r="D36526" s="6"/>
      <c r="E36526" s="6"/>
      <c r="F36526" s="7">
        <v>43556</v>
      </c>
      <c r="G36526" s="8">
        <v>648000</v>
      </c>
      <c r="H36526" s="8">
        <v>635040</v>
      </c>
      <c r="I36526" s="8">
        <v>25920</v>
      </c>
      <c r="J36526" s="8">
        <v>622080</v>
      </c>
      <c r="K36526" s="9"/>
      <c r="L36526" s="6"/>
    </row>
    <row r="36527" spans="1:12">
      <c r="A36527" s="6" t="s">
        <v>36298</v>
      </c>
      <c r="B36527" s="6"/>
      <c r="C36527" s="6" t="s">
        <v>32230</v>
      </c>
      <c r="D36527" s="6"/>
      <c r="E36527" s="6" t="s">
        <v>9</v>
      </c>
      <c r="F36527" s="7">
        <v>36602</v>
      </c>
      <c r="G36527" s="8">
        <v>5427000</v>
      </c>
      <c r="H36527" s="8">
        <v>3147660</v>
      </c>
      <c r="I36527" s="8">
        <v>2387880</v>
      </c>
      <c r="J36527" s="8">
        <v>3039120</v>
      </c>
      <c r="K36527" s="9"/>
      <c r="L36527" s="6"/>
    </row>
    <row r="36528" spans="1:12">
      <c r="A36528" s="6" t="s">
        <v>36299</v>
      </c>
      <c r="B36528" s="6"/>
      <c r="C36528" s="6" t="s">
        <v>32230</v>
      </c>
      <c r="D36528" s="6"/>
      <c r="E36528" s="6" t="s">
        <v>9</v>
      </c>
      <c r="F36528" s="7">
        <v>38085</v>
      </c>
      <c r="G36528" s="8">
        <v>14758200</v>
      </c>
      <c r="H36528" s="8">
        <v>10035576</v>
      </c>
      <c r="I36528" s="8">
        <v>5017788</v>
      </c>
      <c r="J36528" s="8">
        <v>9740412</v>
      </c>
      <c r="K36528" s="9"/>
      <c r="L36528" s="6"/>
    </row>
    <row r="36529" spans="1:12">
      <c r="A36529" s="6" t="s">
        <v>36300</v>
      </c>
      <c r="B36529" s="6"/>
      <c r="C36529" s="6" t="s">
        <v>32230</v>
      </c>
      <c r="D36529" s="6"/>
      <c r="E36529" s="6" t="s">
        <v>9</v>
      </c>
      <c r="F36529" s="7">
        <v>37792</v>
      </c>
      <c r="G36529" s="8">
        <v>8926200</v>
      </c>
      <c r="H36529" s="8">
        <v>5891292</v>
      </c>
      <c r="I36529" s="8">
        <v>3213432</v>
      </c>
      <c r="J36529" s="8">
        <v>5712768</v>
      </c>
      <c r="K36529" s="9"/>
      <c r="L36529" s="6"/>
    </row>
    <row r="36530" spans="1:12">
      <c r="A36530" s="6" t="s">
        <v>36301</v>
      </c>
      <c r="B36530" s="6"/>
      <c r="C36530" s="6" t="s">
        <v>32230</v>
      </c>
      <c r="D36530" s="6"/>
      <c r="E36530" s="6" t="s">
        <v>9</v>
      </c>
      <c r="F36530" s="7">
        <v>37792</v>
      </c>
      <c r="G36530" s="8">
        <v>9258300</v>
      </c>
      <c r="H36530" s="8">
        <v>6110478</v>
      </c>
      <c r="I36530" s="8">
        <v>3332988</v>
      </c>
      <c r="J36530" s="8">
        <v>5925312</v>
      </c>
      <c r="K36530" s="9"/>
      <c r="L36530" s="6"/>
    </row>
    <row r="36531" spans="1:12">
      <c r="A36531" s="6" t="s">
        <v>36302</v>
      </c>
      <c r="B36531" s="6"/>
      <c r="C36531" s="6" t="s">
        <v>32230</v>
      </c>
      <c r="D36531" s="6"/>
      <c r="E36531" s="6" t="s">
        <v>9</v>
      </c>
      <c r="F36531" s="7">
        <v>30251</v>
      </c>
      <c r="G36531" s="8">
        <v>4960900</v>
      </c>
      <c r="H36531" s="8">
        <v>1190616</v>
      </c>
      <c r="I36531" s="8">
        <v>3869502</v>
      </c>
      <c r="J36531" s="8">
        <v>1091398</v>
      </c>
      <c r="K36531" s="9"/>
      <c r="L36531" s="6"/>
    </row>
    <row r="36532" spans="1:12">
      <c r="A36532" s="6" t="s">
        <v>33185</v>
      </c>
      <c r="B36532" s="6"/>
      <c r="C36532" s="6" t="s">
        <v>32230</v>
      </c>
      <c r="D36532" s="6"/>
      <c r="E36532" s="6" t="s">
        <v>9</v>
      </c>
      <c r="F36532" s="7"/>
      <c r="G36532" s="8">
        <v>1</v>
      </c>
      <c r="H36532" s="8">
        <v>1</v>
      </c>
      <c r="I36532" s="8">
        <v>0</v>
      </c>
      <c r="J36532" s="8">
        <v>1</v>
      </c>
      <c r="K36532" s="9"/>
      <c r="L36532" s="6"/>
    </row>
    <row r="36533" spans="1:12">
      <c r="A36533" s="6" t="s">
        <v>36303</v>
      </c>
      <c r="B36533" s="6"/>
      <c r="C36533" s="6" t="s">
        <v>32230</v>
      </c>
      <c r="D36533" s="6"/>
      <c r="E36533" s="6" t="s">
        <v>9</v>
      </c>
      <c r="F36533" s="7">
        <v>30251</v>
      </c>
      <c r="G36533" s="8">
        <v>2631500</v>
      </c>
      <c r="H36533" s="8">
        <v>631560</v>
      </c>
      <c r="I36533" s="8">
        <v>2052570</v>
      </c>
      <c r="J36533" s="8">
        <v>578930</v>
      </c>
      <c r="K36533" s="9"/>
      <c r="L36533" s="6"/>
    </row>
    <row r="36534" spans="1:12">
      <c r="A36534" s="6" t="s">
        <v>36304</v>
      </c>
      <c r="B36534" s="6"/>
      <c r="C36534" s="6" t="s">
        <v>32230</v>
      </c>
      <c r="D36534" s="6"/>
      <c r="E36534" s="6" t="s">
        <v>9</v>
      </c>
      <c r="F36534" s="7">
        <v>30251</v>
      </c>
      <c r="G36534" s="8">
        <v>10773000</v>
      </c>
      <c r="H36534" s="8">
        <v>2585520</v>
      </c>
      <c r="I36534" s="8">
        <v>8402940</v>
      </c>
      <c r="J36534" s="8">
        <v>2370060</v>
      </c>
      <c r="K36534" s="9"/>
      <c r="L36534" s="6"/>
    </row>
    <row r="36535" spans="1:12">
      <c r="A36535" s="6" t="s">
        <v>36305</v>
      </c>
      <c r="B36535" s="6"/>
      <c r="C36535" s="6" t="s">
        <v>32230</v>
      </c>
      <c r="D36535" s="6"/>
      <c r="E36535" s="6" t="s">
        <v>9</v>
      </c>
      <c r="F36535" s="7">
        <v>30309</v>
      </c>
      <c r="G36535" s="8">
        <v>2316600</v>
      </c>
      <c r="H36535" s="8">
        <v>555984</v>
      </c>
      <c r="I36535" s="8">
        <v>1806948</v>
      </c>
      <c r="J36535" s="8">
        <v>509652</v>
      </c>
      <c r="K36535" s="9"/>
      <c r="L36535" s="6"/>
    </row>
    <row r="36536" spans="1:12">
      <c r="A36536" s="6" t="s">
        <v>36306</v>
      </c>
      <c r="B36536" s="6"/>
      <c r="C36536" s="6" t="s">
        <v>32230</v>
      </c>
      <c r="D36536" s="6"/>
      <c r="E36536" s="6" t="s">
        <v>9</v>
      </c>
      <c r="F36536" s="7">
        <v>30251</v>
      </c>
      <c r="G36536" s="8">
        <v>17236800</v>
      </c>
      <c r="H36536" s="8">
        <v>4136832</v>
      </c>
      <c r="I36536" s="8">
        <v>13444704</v>
      </c>
      <c r="J36536" s="8">
        <v>3792096</v>
      </c>
      <c r="K36536" s="9"/>
      <c r="L36536" s="6"/>
    </row>
    <row r="36537" spans="1:12">
      <c r="A36537" s="6" t="s">
        <v>36307</v>
      </c>
      <c r="B36537" s="6"/>
      <c r="C36537" s="6" t="s">
        <v>32230</v>
      </c>
      <c r="D36537" s="6"/>
      <c r="E36537" s="6" t="s">
        <v>9</v>
      </c>
      <c r="F36537" s="7">
        <v>30251</v>
      </c>
      <c r="G36537" s="8">
        <v>5904900</v>
      </c>
      <c r="H36537" s="8">
        <v>1417176</v>
      </c>
      <c r="I36537" s="8">
        <v>4605822</v>
      </c>
      <c r="J36537" s="8">
        <v>1299078</v>
      </c>
      <c r="K36537" s="9"/>
      <c r="L36537" s="6"/>
    </row>
    <row r="36538" spans="1:12">
      <c r="A36538" s="6" t="s">
        <v>36308</v>
      </c>
      <c r="B36538" s="6"/>
      <c r="C36538" s="6" t="s">
        <v>32230</v>
      </c>
      <c r="D36538" s="6"/>
      <c r="E36538" s="6" t="s">
        <v>9</v>
      </c>
      <c r="F36538" s="7">
        <v>30251</v>
      </c>
      <c r="G36538" s="8">
        <v>3904200</v>
      </c>
      <c r="H36538" s="8">
        <v>937008</v>
      </c>
      <c r="I36538" s="8">
        <v>3045276</v>
      </c>
      <c r="J36538" s="8">
        <v>858924</v>
      </c>
      <c r="K36538" s="9"/>
      <c r="L36538" s="6"/>
    </row>
    <row r="36539" spans="1:12">
      <c r="A36539" s="6" t="s">
        <v>36309</v>
      </c>
      <c r="B36539" s="6"/>
      <c r="C36539" s="6" t="s">
        <v>32230</v>
      </c>
      <c r="D36539" s="6"/>
      <c r="E36539" s="6" t="s">
        <v>9</v>
      </c>
      <c r="F36539" s="7">
        <v>30309</v>
      </c>
      <c r="G36539" s="8">
        <v>2133000</v>
      </c>
      <c r="H36539" s="8">
        <v>511920</v>
      </c>
      <c r="I36539" s="8">
        <v>1663740</v>
      </c>
      <c r="J36539" s="8">
        <v>469260</v>
      </c>
      <c r="K36539" s="9"/>
      <c r="L36539" s="6"/>
    </row>
    <row r="36540" spans="1:12">
      <c r="A36540" s="6" t="s">
        <v>33185</v>
      </c>
      <c r="B36540" s="6"/>
      <c r="C36540" s="6" t="s">
        <v>32230</v>
      </c>
      <c r="D36540" s="6"/>
      <c r="E36540" s="6" t="s">
        <v>9</v>
      </c>
      <c r="F36540" s="7"/>
      <c r="G36540" s="8">
        <v>1</v>
      </c>
      <c r="H36540" s="8">
        <v>1</v>
      </c>
      <c r="I36540" s="8">
        <v>0</v>
      </c>
      <c r="J36540" s="8">
        <v>1</v>
      </c>
      <c r="K36540" s="9"/>
      <c r="L36540" s="6"/>
    </row>
    <row r="36541" spans="1:12">
      <c r="A36541" s="6" t="s">
        <v>36310</v>
      </c>
      <c r="B36541" s="6"/>
      <c r="C36541" s="6" t="s">
        <v>32230</v>
      </c>
      <c r="D36541" s="6"/>
      <c r="E36541" s="6" t="s">
        <v>9</v>
      </c>
      <c r="F36541" s="7">
        <v>30251</v>
      </c>
      <c r="G36541" s="8">
        <v>1198900</v>
      </c>
      <c r="H36541" s="8">
        <v>287736</v>
      </c>
      <c r="I36541" s="8">
        <v>935142</v>
      </c>
      <c r="J36541" s="8">
        <v>263758</v>
      </c>
      <c r="K36541" s="9"/>
      <c r="L36541" s="6"/>
    </row>
    <row r="36542" spans="1:12">
      <c r="A36542" s="6" t="s">
        <v>36311</v>
      </c>
      <c r="B36542" s="6"/>
      <c r="C36542" s="6" t="s">
        <v>32230</v>
      </c>
      <c r="D36542" s="6"/>
      <c r="E36542" s="6" t="s">
        <v>9</v>
      </c>
      <c r="F36542" s="7">
        <v>30251</v>
      </c>
      <c r="G36542" s="8">
        <v>1214100</v>
      </c>
      <c r="H36542" s="8">
        <v>291384</v>
      </c>
      <c r="I36542" s="8">
        <v>946998</v>
      </c>
      <c r="J36542" s="8">
        <v>267102</v>
      </c>
      <c r="K36542" s="9"/>
      <c r="L36542" s="6"/>
    </row>
    <row r="36543" spans="1:12">
      <c r="A36543" s="6" t="s">
        <v>36312</v>
      </c>
      <c r="B36543" s="6"/>
      <c r="C36543" s="6" t="s">
        <v>32230</v>
      </c>
      <c r="D36543" s="6"/>
      <c r="E36543" s="6" t="s">
        <v>9</v>
      </c>
      <c r="F36543" s="7">
        <v>30251</v>
      </c>
      <c r="G36543" s="8">
        <v>887300</v>
      </c>
      <c r="H36543" s="8">
        <v>212952</v>
      </c>
      <c r="I36543" s="8">
        <v>692094</v>
      </c>
      <c r="J36543" s="8">
        <v>195206</v>
      </c>
      <c r="K36543" s="9"/>
      <c r="L36543" s="6"/>
    </row>
    <row r="36544" spans="1:12">
      <c r="A36544" s="6" t="s">
        <v>36313</v>
      </c>
      <c r="B36544" s="6"/>
      <c r="C36544" s="6" t="s">
        <v>32230</v>
      </c>
      <c r="D36544" s="6"/>
      <c r="E36544" s="6" t="s">
        <v>9</v>
      </c>
      <c r="F36544" s="7">
        <v>30251</v>
      </c>
      <c r="G36544" s="8">
        <v>1185600</v>
      </c>
      <c r="H36544" s="8">
        <v>284544</v>
      </c>
      <c r="I36544" s="8">
        <v>924768</v>
      </c>
      <c r="J36544" s="8">
        <v>260832</v>
      </c>
      <c r="K36544" s="9"/>
      <c r="L36544" s="6"/>
    </row>
    <row r="36545" spans="1:12">
      <c r="A36545" s="6" t="s">
        <v>36314</v>
      </c>
      <c r="B36545" s="6"/>
      <c r="C36545" s="6" t="s">
        <v>32230</v>
      </c>
      <c r="D36545" s="6"/>
      <c r="E36545" s="6" t="s">
        <v>9</v>
      </c>
      <c r="F36545" s="7">
        <v>30251</v>
      </c>
      <c r="G36545" s="8">
        <v>5699700</v>
      </c>
      <c r="H36545" s="8">
        <v>1367928</v>
      </c>
      <c r="I36545" s="8">
        <v>4445766</v>
      </c>
      <c r="J36545" s="8">
        <v>1253934</v>
      </c>
      <c r="K36545" s="9"/>
      <c r="L36545" s="6"/>
    </row>
    <row r="36546" spans="1:12">
      <c r="A36546" s="6" t="s">
        <v>36315</v>
      </c>
      <c r="B36546" s="6"/>
      <c r="C36546" s="6" t="s">
        <v>32230</v>
      </c>
      <c r="D36546" s="6"/>
      <c r="E36546" s="6" t="s">
        <v>9</v>
      </c>
      <c r="F36546" s="7">
        <v>30251</v>
      </c>
      <c r="G36546" s="8">
        <v>17382600</v>
      </c>
      <c r="H36546" s="8">
        <v>4171824</v>
      </c>
      <c r="I36546" s="8">
        <v>13558428</v>
      </c>
      <c r="J36546" s="8">
        <v>3824172</v>
      </c>
      <c r="K36546" s="9"/>
      <c r="L36546" s="6"/>
    </row>
    <row r="36547" spans="1:12">
      <c r="A36547" s="6" t="s">
        <v>36316</v>
      </c>
      <c r="B36547" s="6"/>
      <c r="C36547" s="6" t="s">
        <v>32230</v>
      </c>
      <c r="D36547" s="6"/>
      <c r="E36547" s="6" t="s">
        <v>9</v>
      </c>
      <c r="F36547" s="7">
        <v>30251</v>
      </c>
      <c r="G36547" s="8">
        <v>5751000</v>
      </c>
      <c r="H36547" s="8">
        <v>1380240</v>
      </c>
      <c r="I36547" s="8">
        <v>4485780</v>
      </c>
      <c r="J36547" s="8">
        <v>1265220</v>
      </c>
      <c r="K36547" s="9"/>
      <c r="L36547" s="6"/>
    </row>
    <row r="36548" spans="1:12">
      <c r="A36548" s="6" t="s">
        <v>36317</v>
      </c>
      <c r="B36548" s="6"/>
      <c r="C36548" s="6" t="s">
        <v>32230</v>
      </c>
      <c r="D36548" s="6"/>
      <c r="E36548" s="6" t="s">
        <v>9</v>
      </c>
      <c r="F36548" s="7">
        <v>30251</v>
      </c>
      <c r="G36548" s="8">
        <v>8942400</v>
      </c>
      <c r="H36548" s="8">
        <v>2146176</v>
      </c>
      <c r="I36548" s="8">
        <v>6975072</v>
      </c>
      <c r="J36548" s="8">
        <v>1967328</v>
      </c>
      <c r="K36548" s="9"/>
      <c r="L36548" s="6"/>
    </row>
    <row r="36549" spans="1:12">
      <c r="A36549" s="6" t="s">
        <v>36318</v>
      </c>
      <c r="B36549" s="6"/>
      <c r="C36549" s="6" t="s">
        <v>32230</v>
      </c>
      <c r="D36549" s="6"/>
      <c r="E36549" s="6"/>
      <c r="F36549" s="7">
        <v>43556</v>
      </c>
      <c r="G36549" s="8">
        <v>1240920</v>
      </c>
      <c r="H36549" s="8">
        <v>1216102</v>
      </c>
      <c r="I36549" s="8">
        <v>49636</v>
      </c>
      <c r="J36549" s="8">
        <v>1191284</v>
      </c>
      <c r="K36549" s="9"/>
      <c r="L36549" s="6"/>
    </row>
    <row r="36550" spans="1:12">
      <c r="A36550" s="6" t="s">
        <v>36318</v>
      </c>
      <c r="B36550" s="6"/>
      <c r="C36550" s="6" t="s">
        <v>32230</v>
      </c>
      <c r="D36550" s="6"/>
      <c r="E36550" s="6" t="s">
        <v>9</v>
      </c>
      <c r="F36550" s="7">
        <v>30251</v>
      </c>
      <c r="G36550" s="8">
        <v>9846900</v>
      </c>
      <c r="H36550" s="8">
        <v>2363256</v>
      </c>
      <c r="I36550" s="8">
        <v>7680582</v>
      </c>
      <c r="J36550" s="8">
        <v>2166318</v>
      </c>
      <c r="K36550" s="9"/>
      <c r="L36550" s="6"/>
    </row>
    <row r="36551" spans="1:12">
      <c r="A36551" s="6" t="s">
        <v>36318</v>
      </c>
      <c r="B36551" s="6"/>
      <c r="C36551" s="6" t="s">
        <v>32230</v>
      </c>
      <c r="D36551" s="6"/>
      <c r="E36551" s="6"/>
      <c r="F36551" s="7">
        <v>43922</v>
      </c>
      <c r="G36551" s="8">
        <v>792000</v>
      </c>
      <c r="H36551" s="8">
        <v>792000</v>
      </c>
      <c r="I36551" s="8">
        <v>15840</v>
      </c>
      <c r="J36551" s="8">
        <v>776160</v>
      </c>
      <c r="K36551" s="9"/>
      <c r="L36551" s="6"/>
    </row>
    <row r="36552" spans="1:12">
      <c r="A36552" s="6" t="s">
        <v>36319</v>
      </c>
      <c r="B36552" s="6"/>
      <c r="C36552" s="6" t="s">
        <v>32230</v>
      </c>
      <c r="D36552" s="6"/>
      <c r="E36552" s="6" t="s">
        <v>9</v>
      </c>
      <c r="F36552" s="7">
        <v>30251</v>
      </c>
      <c r="G36552" s="8">
        <v>2825300</v>
      </c>
      <c r="H36552" s="8">
        <v>678072</v>
      </c>
      <c r="I36552" s="8">
        <v>2203734</v>
      </c>
      <c r="J36552" s="8">
        <v>621566</v>
      </c>
      <c r="K36552" s="9"/>
      <c r="L36552" s="6"/>
    </row>
    <row r="36553" spans="1:12">
      <c r="A36553" s="6" t="s">
        <v>36320</v>
      </c>
      <c r="B36553" s="6"/>
      <c r="C36553" s="6" t="s">
        <v>32230</v>
      </c>
      <c r="D36553" s="6"/>
      <c r="E36553" s="6" t="s">
        <v>9</v>
      </c>
      <c r="F36553" s="7">
        <v>30251</v>
      </c>
      <c r="G36553" s="8">
        <v>2732400</v>
      </c>
      <c r="H36553" s="8">
        <v>655776</v>
      </c>
      <c r="I36553" s="8">
        <v>2131272</v>
      </c>
      <c r="J36553" s="8">
        <v>601128</v>
      </c>
      <c r="K36553" s="9"/>
      <c r="L36553" s="6"/>
    </row>
    <row r="36554" spans="1:12">
      <c r="A36554" s="6" t="s">
        <v>36321</v>
      </c>
      <c r="B36554" s="6"/>
      <c r="C36554" s="6" t="s">
        <v>32230</v>
      </c>
      <c r="D36554" s="6"/>
      <c r="E36554" s="6" t="s">
        <v>9</v>
      </c>
      <c r="F36554" s="7">
        <v>30251</v>
      </c>
      <c r="G36554" s="8">
        <v>951900</v>
      </c>
      <c r="H36554" s="8">
        <v>228456</v>
      </c>
      <c r="I36554" s="8">
        <v>742482</v>
      </c>
      <c r="J36554" s="8">
        <v>209418</v>
      </c>
      <c r="K36554" s="9"/>
      <c r="L36554" s="6"/>
    </row>
    <row r="36555" spans="1:12">
      <c r="A36555" s="6" t="s">
        <v>36322</v>
      </c>
      <c r="B36555" s="6"/>
      <c r="C36555" s="6" t="s">
        <v>32230</v>
      </c>
      <c r="D36555" s="6"/>
      <c r="E36555" s="6" t="s">
        <v>9</v>
      </c>
      <c r="F36555" s="7">
        <v>30251</v>
      </c>
      <c r="G36555" s="8">
        <v>1189400</v>
      </c>
      <c r="H36555" s="8">
        <v>285456</v>
      </c>
      <c r="I36555" s="8">
        <v>927732</v>
      </c>
      <c r="J36555" s="8">
        <v>261668</v>
      </c>
      <c r="K36555" s="9"/>
      <c r="L36555" s="6"/>
    </row>
    <row r="36556" spans="1:12">
      <c r="A36556" s="6" t="s">
        <v>36323</v>
      </c>
      <c r="B36556" s="6"/>
      <c r="C36556" s="6" t="s">
        <v>32230</v>
      </c>
      <c r="D36556" s="6"/>
      <c r="E36556" s="6" t="s">
        <v>9</v>
      </c>
      <c r="F36556" s="7">
        <v>30251</v>
      </c>
      <c r="G36556" s="8">
        <v>1115100</v>
      </c>
      <c r="H36556" s="8">
        <v>267624</v>
      </c>
      <c r="I36556" s="8">
        <v>869778</v>
      </c>
      <c r="J36556" s="8">
        <v>245322</v>
      </c>
      <c r="K36556" s="9"/>
      <c r="L36556" s="6"/>
    </row>
    <row r="36557" spans="1:12">
      <c r="A36557" s="6" t="s">
        <v>36324</v>
      </c>
      <c r="B36557" s="6"/>
      <c r="C36557" s="6" t="s">
        <v>32230</v>
      </c>
      <c r="D36557" s="6"/>
      <c r="E36557" s="6" t="s">
        <v>9</v>
      </c>
      <c r="F36557" s="7">
        <v>30251</v>
      </c>
      <c r="G36557" s="8">
        <v>1447200</v>
      </c>
      <c r="H36557" s="8">
        <v>347328</v>
      </c>
      <c r="I36557" s="8">
        <v>1128816</v>
      </c>
      <c r="J36557" s="8">
        <v>318384</v>
      </c>
      <c r="K36557" s="9"/>
      <c r="L36557" s="6"/>
    </row>
    <row r="36558" spans="1:12">
      <c r="A36558" s="6" t="s">
        <v>36325</v>
      </c>
      <c r="B36558" s="6"/>
      <c r="C36558" s="6" t="s">
        <v>32230</v>
      </c>
      <c r="D36558" s="6"/>
      <c r="E36558" s="6" t="s">
        <v>9</v>
      </c>
      <c r="F36558" s="7">
        <v>30251</v>
      </c>
      <c r="G36558" s="8">
        <v>1134000</v>
      </c>
      <c r="H36558" s="8">
        <v>272160</v>
      </c>
      <c r="I36558" s="8">
        <v>884520</v>
      </c>
      <c r="J36558" s="8">
        <v>249480</v>
      </c>
      <c r="K36558" s="9"/>
      <c r="L36558" s="6"/>
    </row>
    <row r="36559" spans="1:12">
      <c r="A36559" s="6" t="s">
        <v>36326</v>
      </c>
      <c r="B36559" s="6"/>
      <c r="C36559" s="6" t="s">
        <v>32230</v>
      </c>
      <c r="D36559" s="6"/>
      <c r="E36559" s="6" t="s">
        <v>9</v>
      </c>
      <c r="F36559" s="7">
        <v>33281</v>
      </c>
      <c r="G36559" s="8">
        <v>6034500</v>
      </c>
      <c r="H36559" s="8">
        <v>2413800</v>
      </c>
      <c r="I36559" s="8">
        <v>3741390</v>
      </c>
      <c r="J36559" s="8">
        <v>2293110</v>
      </c>
      <c r="K36559" s="9"/>
      <c r="L36559" s="6"/>
    </row>
    <row r="36560" spans="1:12">
      <c r="A36560" s="6" t="s">
        <v>36327</v>
      </c>
      <c r="B36560" s="6"/>
      <c r="C36560" s="6" t="s">
        <v>32230</v>
      </c>
      <c r="D36560" s="6"/>
      <c r="E36560" s="6" t="s">
        <v>9</v>
      </c>
      <c r="F36560" s="7">
        <v>33281</v>
      </c>
      <c r="G36560" s="8">
        <v>3121200</v>
      </c>
      <c r="H36560" s="8">
        <v>1248480</v>
      </c>
      <c r="I36560" s="8">
        <v>1935144</v>
      </c>
      <c r="J36560" s="8">
        <v>1186056</v>
      </c>
      <c r="K36560" s="9"/>
      <c r="L36560" s="6"/>
    </row>
    <row r="36561" spans="1:12">
      <c r="A36561" s="6" t="s">
        <v>36328</v>
      </c>
      <c r="B36561" s="6"/>
      <c r="C36561" s="6" t="s">
        <v>32230</v>
      </c>
      <c r="D36561" s="6"/>
      <c r="E36561" s="6" t="s">
        <v>9</v>
      </c>
      <c r="F36561" s="7">
        <v>35520</v>
      </c>
      <c r="G36561" s="8">
        <v>5208300</v>
      </c>
      <c r="H36561" s="8">
        <v>2708316</v>
      </c>
      <c r="I36561" s="8">
        <v>2604150</v>
      </c>
      <c r="J36561" s="8">
        <v>2604150</v>
      </c>
      <c r="K36561" s="9"/>
      <c r="L36561" s="6"/>
    </row>
    <row r="36562" spans="1:12">
      <c r="A36562" s="6" t="s">
        <v>36329</v>
      </c>
      <c r="B36562" s="6"/>
      <c r="C36562" s="6" t="s">
        <v>32230</v>
      </c>
      <c r="D36562" s="6"/>
      <c r="E36562" s="6" t="s">
        <v>9</v>
      </c>
      <c r="F36562" s="7">
        <v>30251</v>
      </c>
      <c r="G36562" s="8">
        <v>15770700</v>
      </c>
      <c r="H36562" s="8">
        <v>3784968</v>
      </c>
      <c r="I36562" s="8">
        <v>12301146</v>
      </c>
      <c r="J36562" s="8">
        <v>3469554</v>
      </c>
      <c r="K36562" s="9"/>
      <c r="L36562" s="6"/>
    </row>
    <row r="36563" spans="1:12">
      <c r="A36563" s="6" t="s">
        <v>36330</v>
      </c>
      <c r="B36563" s="6"/>
      <c r="C36563" s="6" t="s">
        <v>32230</v>
      </c>
      <c r="D36563" s="6"/>
      <c r="E36563" s="6" t="s">
        <v>9</v>
      </c>
      <c r="F36563" s="7">
        <v>30251</v>
      </c>
      <c r="G36563" s="8">
        <v>5346000</v>
      </c>
      <c r="H36563" s="8">
        <v>1283040</v>
      </c>
      <c r="I36563" s="8">
        <v>4169880</v>
      </c>
      <c r="J36563" s="8">
        <v>1176120</v>
      </c>
      <c r="K36563" s="9"/>
      <c r="L36563" s="6"/>
    </row>
    <row r="36564" spans="1:12">
      <c r="A36564" s="6" t="s">
        <v>36331</v>
      </c>
      <c r="B36564" s="6"/>
      <c r="C36564" s="6" t="s">
        <v>32230</v>
      </c>
      <c r="D36564" s="6"/>
      <c r="E36564" s="6" t="s">
        <v>9</v>
      </c>
      <c r="F36564" s="7">
        <v>30251</v>
      </c>
      <c r="G36564" s="8">
        <v>4341600</v>
      </c>
      <c r="H36564" s="8">
        <v>1041984</v>
      </c>
      <c r="I36564" s="8">
        <v>3386448</v>
      </c>
      <c r="J36564" s="8">
        <v>955152</v>
      </c>
      <c r="K36564" s="9"/>
      <c r="L36564" s="6"/>
    </row>
    <row r="36565" spans="1:12">
      <c r="A36565" s="6" t="s">
        <v>36332</v>
      </c>
      <c r="B36565" s="6"/>
      <c r="C36565" s="6" t="s">
        <v>32230</v>
      </c>
      <c r="D36565" s="6"/>
      <c r="E36565" s="6" t="s">
        <v>9</v>
      </c>
      <c r="F36565" s="7">
        <v>30251</v>
      </c>
      <c r="G36565" s="8">
        <v>3429000</v>
      </c>
      <c r="H36565" s="8">
        <v>822960</v>
      </c>
      <c r="I36565" s="8">
        <v>2674620</v>
      </c>
      <c r="J36565" s="8">
        <v>754380</v>
      </c>
      <c r="K36565" s="9"/>
      <c r="L36565" s="6"/>
    </row>
    <row r="36566" spans="1:12">
      <c r="A36566" s="6" t="s">
        <v>36333</v>
      </c>
      <c r="B36566" s="6"/>
      <c r="C36566" s="6" t="s">
        <v>32230</v>
      </c>
      <c r="D36566" s="6"/>
      <c r="E36566" s="6" t="s">
        <v>9</v>
      </c>
      <c r="F36566" s="7">
        <v>30251</v>
      </c>
      <c r="G36566" s="8">
        <v>1001700</v>
      </c>
      <c r="H36566" s="8">
        <v>240408</v>
      </c>
      <c r="I36566" s="8">
        <v>781326</v>
      </c>
      <c r="J36566" s="8">
        <v>220374</v>
      </c>
      <c r="K36566" s="9"/>
      <c r="L36566" s="6"/>
    </row>
    <row r="36567" spans="1:12">
      <c r="A36567" s="6" t="s">
        <v>36334</v>
      </c>
      <c r="B36567" s="6"/>
      <c r="C36567" s="6" t="s">
        <v>32230</v>
      </c>
      <c r="D36567" s="6"/>
      <c r="E36567" s="6" t="s">
        <v>9</v>
      </c>
      <c r="F36567" s="7">
        <v>30251</v>
      </c>
      <c r="G36567" s="8">
        <v>2921400</v>
      </c>
      <c r="H36567" s="8">
        <v>701136</v>
      </c>
      <c r="I36567" s="8">
        <v>2278692</v>
      </c>
      <c r="J36567" s="8">
        <v>642708</v>
      </c>
      <c r="K36567" s="9"/>
      <c r="L36567" s="6"/>
    </row>
    <row r="36568" spans="1:12">
      <c r="A36568" s="6" t="s">
        <v>36335</v>
      </c>
      <c r="B36568" s="6"/>
      <c r="C36568" s="6" t="s">
        <v>32230</v>
      </c>
      <c r="D36568" s="6"/>
      <c r="E36568" s="6" t="s">
        <v>9</v>
      </c>
      <c r="F36568" s="7">
        <v>30251</v>
      </c>
      <c r="G36568" s="8">
        <v>1981700</v>
      </c>
      <c r="H36568" s="8">
        <v>475608</v>
      </c>
      <c r="I36568" s="8">
        <v>1545726</v>
      </c>
      <c r="J36568" s="8">
        <v>435974</v>
      </c>
      <c r="K36568" s="9"/>
      <c r="L36568" s="6"/>
    </row>
    <row r="36569" spans="1:12">
      <c r="A36569" s="6" t="s">
        <v>36336</v>
      </c>
      <c r="B36569" s="6"/>
      <c r="C36569" s="6" t="s">
        <v>32230</v>
      </c>
      <c r="D36569" s="6"/>
      <c r="E36569" s="6" t="s">
        <v>9</v>
      </c>
      <c r="F36569" s="7">
        <v>30251</v>
      </c>
      <c r="G36569" s="8">
        <v>7144200</v>
      </c>
      <c r="H36569" s="8">
        <v>1714608</v>
      </c>
      <c r="I36569" s="8">
        <v>5572476</v>
      </c>
      <c r="J36569" s="8">
        <v>1571724</v>
      </c>
      <c r="K36569" s="9"/>
      <c r="L36569" s="6"/>
    </row>
    <row r="36570" spans="1:12">
      <c r="A36570" s="6" t="s">
        <v>36337</v>
      </c>
      <c r="B36570" s="6"/>
      <c r="C36570" s="6" t="s">
        <v>32230</v>
      </c>
      <c r="D36570" s="6"/>
      <c r="E36570" s="6" t="s">
        <v>9</v>
      </c>
      <c r="F36570" s="7">
        <v>30251</v>
      </c>
      <c r="G36570" s="8">
        <v>1501200</v>
      </c>
      <c r="H36570" s="8">
        <v>360288</v>
      </c>
      <c r="I36570" s="8">
        <v>1170936</v>
      </c>
      <c r="J36570" s="8">
        <v>330264</v>
      </c>
      <c r="K36570" s="9"/>
      <c r="L36570" s="6"/>
    </row>
    <row r="36571" spans="1:12">
      <c r="A36571" s="6" t="s">
        <v>36338</v>
      </c>
      <c r="B36571" s="6"/>
      <c r="C36571" s="6" t="s">
        <v>32230</v>
      </c>
      <c r="D36571" s="6"/>
      <c r="E36571" s="6" t="s">
        <v>9</v>
      </c>
      <c r="F36571" s="7">
        <v>30251</v>
      </c>
      <c r="G36571" s="8">
        <v>9938700</v>
      </c>
      <c r="H36571" s="8">
        <v>2385288</v>
      </c>
      <c r="I36571" s="8">
        <v>7752186</v>
      </c>
      <c r="J36571" s="8">
        <v>2186514</v>
      </c>
      <c r="K36571" s="9"/>
      <c r="L36571" s="6"/>
    </row>
    <row r="36572" spans="1:12">
      <c r="A36572" s="6" t="s">
        <v>36339</v>
      </c>
      <c r="B36572" s="6"/>
      <c r="C36572" s="6" t="s">
        <v>32230</v>
      </c>
      <c r="D36572" s="6"/>
      <c r="E36572" s="6" t="s">
        <v>9</v>
      </c>
      <c r="F36572" s="7">
        <v>39828</v>
      </c>
      <c r="G36572" s="8">
        <v>386400</v>
      </c>
      <c r="H36572" s="8">
        <v>270480</v>
      </c>
      <c r="I36572" s="8">
        <v>125580</v>
      </c>
      <c r="J36572" s="8">
        <v>260820</v>
      </c>
      <c r="K36572" s="9"/>
      <c r="L36572" s="6"/>
    </row>
    <row r="36573" spans="1:12">
      <c r="A36573" s="6" t="s">
        <v>36340</v>
      </c>
      <c r="B36573" s="6"/>
      <c r="C36573" s="6" t="s">
        <v>32230</v>
      </c>
      <c r="D36573" s="6"/>
      <c r="E36573" s="6" t="s">
        <v>9</v>
      </c>
      <c r="F36573" s="7">
        <v>30312</v>
      </c>
      <c r="G36573" s="8">
        <v>8310600</v>
      </c>
      <c r="H36573" s="8">
        <v>1994544</v>
      </c>
      <c r="I36573" s="8">
        <v>6482268</v>
      </c>
      <c r="J36573" s="8">
        <v>1828332</v>
      </c>
      <c r="K36573" s="9"/>
      <c r="L36573" s="6"/>
    </row>
    <row r="36574" spans="1:12">
      <c r="A36574" s="6" t="s">
        <v>36341</v>
      </c>
      <c r="B36574" s="6"/>
      <c r="C36574" s="6" t="s">
        <v>32230</v>
      </c>
      <c r="D36574" s="6"/>
      <c r="E36574" s="6" t="s">
        <v>9</v>
      </c>
      <c r="F36574" s="7">
        <v>30251</v>
      </c>
      <c r="G36574" s="8">
        <v>1730700</v>
      </c>
      <c r="H36574" s="8">
        <v>415368</v>
      </c>
      <c r="I36574" s="8">
        <v>1349946</v>
      </c>
      <c r="J36574" s="8">
        <v>380754</v>
      </c>
      <c r="K36574" s="9"/>
      <c r="L36574" s="6"/>
    </row>
    <row r="36575" spans="1:12">
      <c r="A36575" s="6" t="s">
        <v>36342</v>
      </c>
      <c r="B36575" s="6"/>
      <c r="C36575" s="6" t="s">
        <v>32230</v>
      </c>
      <c r="D36575" s="6"/>
      <c r="E36575" s="6" t="s">
        <v>9</v>
      </c>
      <c r="F36575" s="7">
        <v>30251</v>
      </c>
      <c r="G36575" s="8">
        <v>2465100</v>
      </c>
      <c r="H36575" s="8">
        <v>591624</v>
      </c>
      <c r="I36575" s="8">
        <v>1922778</v>
      </c>
      <c r="J36575" s="8">
        <v>542322</v>
      </c>
      <c r="K36575" s="9"/>
      <c r="L36575" s="6"/>
    </row>
    <row r="36576" spans="1:12">
      <c r="A36576" s="6" t="s">
        <v>36343</v>
      </c>
      <c r="B36576" s="6"/>
      <c r="C36576" s="6" t="s">
        <v>32230</v>
      </c>
      <c r="D36576" s="6"/>
      <c r="E36576" s="6" t="s">
        <v>9</v>
      </c>
      <c r="F36576" s="7">
        <v>31404</v>
      </c>
      <c r="G36576" s="8">
        <v>4822200</v>
      </c>
      <c r="H36576" s="8">
        <v>1446660</v>
      </c>
      <c r="I36576" s="8">
        <v>3471984</v>
      </c>
      <c r="J36576" s="8">
        <v>1350216</v>
      </c>
      <c r="K36576" s="9"/>
      <c r="L36576" s="6"/>
    </row>
    <row r="36577" spans="1:12">
      <c r="A36577" s="6" t="s">
        <v>36344</v>
      </c>
      <c r="B36577" s="6"/>
      <c r="C36577" s="6" t="s">
        <v>32230</v>
      </c>
      <c r="D36577" s="6"/>
      <c r="E36577" s="6" t="s">
        <v>9</v>
      </c>
      <c r="F36577" s="7">
        <v>37239</v>
      </c>
      <c r="G36577" s="8">
        <v>12992400</v>
      </c>
      <c r="H36577" s="8">
        <v>8055288</v>
      </c>
      <c r="I36577" s="8">
        <v>5196960</v>
      </c>
      <c r="J36577" s="8">
        <v>7795440</v>
      </c>
      <c r="K36577" s="9"/>
      <c r="L36577" s="6"/>
    </row>
    <row r="36578" spans="1:12">
      <c r="A36578" s="6" t="s">
        <v>36345</v>
      </c>
      <c r="B36578" s="6"/>
      <c r="C36578" s="6" t="s">
        <v>32230</v>
      </c>
      <c r="D36578" s="6"/>
      <c r="E36578" s="6" t="s">
        <v>9</v>
      </c>
      <c r="F36578" s="7">
        <v>30251</v>
      </c>
      <c r="G36578" s="8">
        <v>16303900</v>
      </c>
      <c r="H36578" s="8">
        <v>3912936</v>
      </c>
      <c r="I36578" s="8">
        <v>12717042</v>
      </c>
      <c r="J36578" s="8">
        <v>3586858</v>
      </c>
      <c r="K36578" s="9"/>
      <c r="L36578" s="6"/>
    </row>
    <row r="36579" spans="1:12">
      <c r="A36579" s="6" t="s">
        <v>36346</v>
      </c>
      <c r="B36579" s="6"/>
      <c r="C36579" s="6" t="s">
        <v>32230</v>
      </c>
      <c r="D36579" s="6"/>
      <c r="E36579" s="6" t="s">
        <v>9</v>
      </c>
      <c r="F36579" s="7">
        <v>30251</v>
      </c>
      <c r="G36579" s="8">
        <v>23368500</v>
      </c>
      <c r="H36579" s="8">
        <v>5608440</v>
      </c>
      <c r="I36579" s="8">
        <v>18227430</v>
      </c>
      <c r="J36579" s="8">
        <v>5141070</v>
      </c>
      <c r="K36579" s="9"/>
      <c r="L36579" s="6"/>
    </row>
    <row r="36580" spans="1:12">
      <c r="A36580" s="6" t="s">
        <v>36347</v>
      </c>
      <c r="B36580" s="6"/>
      <c r="C36580" s="6" t="s">
        <v>32230</v>
      </c>
      <c r="D36580" s="6"/>
      <c r="E36580" s="6" t="s">
        <v>9</v>
      </c>
      <c r="F36580" s="7">
        <v>30251</v>
      </c>
      <c r="G36580" s="8">
        <v>6647400</v>
      </c>
      <c r="H36580" s="8">
        <v>1595376</v>
      </c>
      <c r="I36580" s="8">
        <v>5184972</v>
      </c>
      <c r="J36580" s="8">
        <v>1462428</v>
      </c>
      <c r="K36580" s="9"/>
      <c r="L36580" s="6"/>
    </row>
    <row r="36581" spans="1:12">
      <c r="A36581" s="6" t="s">
        <v>36348</v>
      </c>
      <c r="B36581" s="6"/>
      <c r="C36581" s="6" t="s">
        <v>32230</v>
      </c>
      <c r="D36581" s="6"/>
      <c r="E36581" s="6" t="s">
        <v>9</v>
      </c>
      <c r="F36581" s="7">
        <v>30251</v>
      </c>
      <c r="G36581" s="8">
        <v>43366400</v>
      </c>
      <c r="H36581" s="8">
        <v>10407936</v>
      </c>
      <c r="I36581" s="8">
        <v>33825792</v>
      </c>
      <c r="J36581" s="8">
        <v>9540608</v>
      </c>
      <c r="K36581" s="9"/>
      <c r="L36581" s="6"/>
    </row>
    <row r="36582" spans="1:12">
      <c r="A36582" s="6" t="s">
        <v>36349</v>
      </c>
      <c r="B36582" s="6"/>
      <c r="C36582" s="6" t="s">
        <v>32230</v>
      </c>
      <c r="D36582" s="6"/>
      <c r="E36582" s="6" t="s">
        <v>9</v>
      </c>
      <c r="F36582" s="7">
        <v>30251</v>
      </c>
      <c r="G36582" s="8">
        <v>25996800</v>
      </c>
      <c r="H36582" s="8">
        <v>6239232</v>
      </c>
      <c r="I36582" s="8">
        <v>20277504</v>
      </c>
      <c r="J36582" s="8">
        <v>5719296</v>
      </c>
      <c r="K36582" s="9"/>
      <c r="L36582" s="6"/>
    </row>
    <row r="36583" spans="1:12">
      <c r="A36583" s="6" t="s">
        <v>36350</v>
      </c>
      <c r="B36583" s="6"/>
      <c r="C36583" s="6" t="s">
        <v>32230</v>
      </c>
      <c r="D36583" s="6"/>
      <c r="E36583" s="6" t="s">
        <v>9</v>
      </c>
      <c r="F36583" s="7">
        <v>34788</v>
      </c>
      <c r="G36583" s="8">
        <v>2720800</v>
      </c>
      <c r="H36583" s="8">
        <v>1305984</v>
      </c>
      <c r="I36583" s="8">
        <v>1469232</v>
      </c>
      <c r="J36583" s="8">
        <v>1251568</v>
      </c>
      <c r="K36583" s="9"/>
      <c r="L36583" s="6"/>
    </row>
    <row r="36584" spans="1:12">
      <c r="A36584" s="6" t="s">
        <v>36351</v>
      </c>
      <c r="B36584" s="6"/>
      <c r="C36584" s="6" t="s">
        <v>32230</v>
      </c>
      <c r="D36584" s="6"/>
      <c r="E36584" s="6" t="s">
        <v>9</v>
      </c>
      <c r="F36584" s="7">
        <v>35520</v>
      </c>
      <c r="G36584" s="8">
        <v>3928500</v>
      </c>
      <c r="H36584" s="8">
        <v>2042820</v>
      </c>
      <c r="I36584" s="8">
        <v>1964250</v>
      </c>
      <c r="J36584" s="8">
        <v>1964250</v>
      </c>
      <c r="K36584" s="9"/>
      <c r="L36584" s="6"/>
    </row>
    <row r="36585" spans="1:12">
      <c r="A36585" s="6" t="s">
        <v>36352</v>
      </c>
      <c r="B36585" s="6"/>
      <c r="C36585" s="6" t="s">
        <v>32230</v>
      </c>
      <c r="D36585" s="6"/>
      <c r="E36585" s="6" t="s">
        <v>9</v>
      </c>
      <c r="F36585" s="7">
        <v>30251</v>
      </c>
      <c r="G36585" s="8">
        <v>4941000</v>
      </c>
      <c r="H36585" s="8">
        <v>1185840</v>
      </c>
      <c r="I36585" s="8">
        <v>3853980</v>
      </c>
      <c r="J36585" s="8">
        <v>1087020</v>
      </c>
      <c r="K36585" s="9"/>
      <c r="L36585" s="6"/>
    </row>
    <row r="36586" spans="1:12">
      <c r="A36586" s="6" t="s">
        <v>36353</v>
      </c>
      <c r="B36586" s="6"/>
      <c r="C36586" s="6" t="s">
        <v>32230</v>
      </c>
      <c r="D36586" s="6"/>
      <c r="E36586" s="6" t="s">
        <v>9</v>
      </c>
      <c r="F36586" s="7">
        <v>30251</v>
      </c>
      <c r="G36586" s="8">
        <v>1649700</v>
      </c>
      <c r="H36586" s="8">
        <v>395928</v>
      </c>
      <c r="I36586" s="8">
        <v>1286766</v>
      </c>
      <c r="J36586" s="8">
        <v>362934</v>
      </c>
      <c r="K36586" s="9"/>
      <c r="L36586" s="6"/>
    </row>
    <row r="36587" spans="1:12">
      <c r="A36587" s="6" t="s">
        <v>36354</v>
      </c>
      <c r="B36587" s="6"/>
      <c r="C36587" s="6" t="s">
        <v>32230</v>
      </c>
      <c r="D36587" s="6"/>
      <c r="E36587" s="6" t="s">
        <v>9</v>
      </c>
      <c r="F36587" s="7">
        <v>30251</v>
      </c>
      <c r="G36587" s="8">
        <v>1377000</v>
      </c>
      <c r="H36587" s="8">
        <v>330480</v>
      </c>
      <c r="I36587" s="8">
        <v>1074060</v>
      </c>
      <c r="J36587" s="8">
        <v>302940</v>
      </c>
      <c r="K36587" s="9"/>
      <c r="L36587" s="6"/>
    </row>
    <row r="36588" spans="1:12">
      <c r="A36588" s="6" t="s">
        <v>36355</v>
      </c>
      <c r="B36588" s="6"/>
      <c r="C36588" s="6" t="s">
        <v>32230</v>
      </c>
      <c r="D36588" s="6"/>
      <c r="E36588" s="6" t="s">
        <v>9</v>
      </c>
      <c r="F36588" s="7">
        <v>30251</v>
      </c>
      <c r="G36588" s="8">
        <v>1354700</v>
      </c>
      <c r="H36588" s="8">
        <v>325128</v>
      </c>
      <c r="I36588" s="8">
        <v>1056666</v>
      </c>
      <c r="J36588" s="8">
        <v>298034</v>
      </c>
      <c r="K36588" s="9"/>
      <c r="L36588" s="6"/>
    </row>
    <row r="36589" spans="1:12">
      <c r="A36589" s="6" t="s">
        <v>36356</v>
      </c>
      <c r="B36589" s="6"/>
      <c r="C36589" s="6" t="s">
        <v>32230</v>
      </c>
      <c r="D36589" s="6"/>
      <c r="E36589" s="6" t="s">
        <v>9</v>
      </c>
      <c r="F36589" s="7">
        <v>30251</v>
      </c>
      <c r="G36589" s="8">
        <v>3593700</v>
      </c>
      <c r="H36589" s="8">
        <v>862488</v>
      </c>
      <c r="I36589" s="8">
        <v>2803086</v>
      </c>
      <c r="J36589" s="8">
        <v>790614</v>
      </c>
      <c r="K36589" s="9"/>
      <c r="L36589" s="6"/>
    </row>
    <row r="36590" spans="1:12">
      <c r="A36590" s="6" t="s">
        <v>36357</v>
      </c>
      <c r="B36590" s="6"/>
      <c r="C36590" s="6" t="s">
        <v>32230</v>
      </c>
      <c r="D36590" s="6"/>
      <c r="E36590" s="6" t="s">
        <v>9</v>
      </c>
      <c r="F36590" s="7">
        <v>30251</v>
      </c>
      <c r="G36590" s="8">
        <v>2965900</v>
      </c>
      <c r="H36590" s="8">
        <v>711816</v>
      </c>
      <c r="I36590" s="8">
        <v>2313402</v>
      </c>
      <c r="J36590" s="8">
        <v>652498</v>
      </c>
      <c r="K36590" s="9"/>
      <c r="L36590" s="6"/>
    </row>
    <row r="36591" spans="1:12">
      <c r="A36591" s="6" t="s">
        <v>36358</v>
      </c>
      <c r="B36591" s="6"/>
      <c r="C36591" s="6" t="s">
        <v>32230</v>
      </c>
      <c r="D36591" s="6"/>
      <c r="E36591" s="6" t="s">
        <v>9</v>
      </c>
      <c r="F36591" s="7">
        <v>30251</v>
      </c>
      <c r="G36591" s="8">
        <v>5270400</v>
      </c>
      <c r="H36591" s="8">
        <v>1264896</v>
      </c>
      <c r="I36591" s="8">
        <v>4110912</v>
      </c>
      <c r="J36591" s="8">
        <v>1159488</v>
      </c>
      <c r="K36591" s="9"/>
      <c r="L36591" s="6"/>
    </row>
    <row r="36592" spans="1:12">
      <c r="A36592" s="6" t="s">
        <v>36359</v>
      </c>
      <c r="B36592" s="6"/>
      <c r="C36592" s="6" t="s">
        <v>32230</v>
      </c>
      <c r="D36592" s="6"/>
      <c r="E36592" s="6" t="s">
        <v>9</v>
      </c>
      <c r="F36592" s="7">
        <v>30251</v>
      </c>
      <c r="G36592" s="8">
        <v>8302500</v>
      </c>
      <c r="H36592" s="8">
        <v>1992600</v>
      </c>
      <c r="I36592" s="8">
        <v>6475950</v>
      </c>
      <c r="J36592" s="8">
        <v>1826550</v>
      </c>
      <c r="K36592" s="9"/>
      <c r="L36592" s="6"/>
    </row>
    <row r="36593" spans="1:12">
      <c r="A36593" s="6" t="s">
        <v>36360</v>
      </c>
      <c r="B36593" s="6"/>
      <c r="C36593" s="6" t="s">
        <v>32230</v>
      </c>
      <c r="D36593" s="6"/>
      <c r="E36593" s="6" t="s">
        <v>9</v>
      </c>
      <c r="F36593" s="7">
        <v>30251</v>
      </c>
      <c r="G36593" s="8">
        <v>14094000</v>
      </c>
      <c r="H36593" s="8">
        <v>3382560</v>
      </c>
      <c r="I36593" s="8">
        <v>10993320</v>
      </c>
      <c r="J36593" s="8">
        <v>3100680</v>
      </c>
      <c r="K36593" s="9"/>
      <c r="L36593" s="6"/>
    </row>
    <row r="36594" spans="1:12">
      <c r="A36594" s="6" t="s">
        <v>36361</v>
      </c>
      <c r="B36594" s="6"/>
      <c r="C36594" s="6" t="s">
        <v>32230</v>
      </c>
      <c r="D36594" s="6"/>
      <c r="E36594" s="6" t="s">
        <v>9</v>
      </c>
      <c r="F36594" s="7">
        <v>30251</v>
      </c>
      <c r="G36594" s="8">
        <v>2794500</v>
      </c>
      <c r="H36594" s="8">
        <v>670680</v>
      </c>
      <c r="I36594" s="8">
        <v>2179710</v>
      </c>
      <c r="J36594" s="8">
        <v>614790</v>
      </c>
      <c r="K36594" s="9"/>
      <c r="L36594" s="6"/>
    </row>
    <row r="36595" spans="1:12">
      <c r="A36595" s="6" t="s">
        <v>36362</v>
      </c>
      <c r="B36595" s="6"/>
      <c r="C36595" s="6" t="s">
        <v>32230</v>
      </c>
      <c r="D36595" s="6"/>
      <c r="E36595" s="6" t="s">
        <v>9</v>
      </c>
      <c r="F36595" s="7">
        <v>30251</v>
      </c>
      <c r="G36595" s="8">
        <v>8448300</v>
      </c>
      <c r="H36595" s="8">
        <v>2027592</v>
      </c>
      <c r="I36595" s="8">
        <v>6589674</v>
      </c>
      <c r="J36595" s="8">
        <v>1858626</v>
      </c>
      <c r="K36595" s="9"/>
      <c r="L36595" s="6"/>
    </row>
    <row r="36596" spans="1:12">
      <c r="A36596" s="6" t="s">
        <v>36363</v>
      </c>
      <c r="B36596" s="6"/>
      <c r="C36596" s="6" t="s">
        <v>32230</v>
      </c>
      <c r="D36596" s="6"/>
      <c r="E36596" s="6" t="s">
        <v>9</v>
      </c>
      <c r="F36596" s="7">
        <v>30251</v>
      </c>
      <c r="G36596" s="8">
        <v>17139600</v>
      </c>
      <c r="H36596" s="8">
        <v>4113504</v>
      </c>
      <c r="I36596" s="8">
        <v>13368888</v>
      </c>
      <c r="J36596" s="8">
        <v>3770712</v>
      </c>
      <c r="K36596" s="9"/>
      <c r="L36596" s="6"/>
    </row>
    <row r="36597" spans="1:12">
      <c r="A36597" s="6" t="s">
        <v>36364</v>
      </c>
      <c r="B36597" s="6"/>
      <c r="C36597" s="6" t="s">
        <v>32230</v>
      </c>
      <c r="D36597" s="6"/>
      <c r="E36597" s="6" t="s">
        <v>9</v>
      </c>
      <c r="F36597" s="7">
        <v>30251</v>
      </c>
      <c r="G36597" s="8">
        <v>3059100</v>
      </c>
      <c r="H36597" s="8">
        <v>734184</v>
      </c>
      <c r="I36597" s="8">
        <v>2386098</v>
      </c>
      <c r="J36597" s="8">
        <v>673002</v>
      </c>
      <c r="K36597" s="9"/>
      <c r="L36597" s="6"/>
    </row>
    <row r="36598" spans="1:12">
      <c r="A36598" s="6" t="s">
        <v>36365</v>
      </c>
      <c r="B36598" s="6"/>
      <c r="C36598" s="6" t="s">
        <v>32230</v>
      </c>
      <c r="D36598" s="6"/>
      <c r="E36598" s="6" t="s">
        <v>9</v>
      </c>
      <c r="F36598" s="7">
        <v>42282</v>
      </c>
      <c r="G36598" s="8">
        <v>9705960</v>
      </c>
      <c r="H36598" s="8">
        <v>8735365</v>
      </c>
      <c r="I36598" s="8">
        <v>1164714</v>
      </c>
      <c r="J36598" s="8">
        <v>8541246</v>
      </c>
      <c r="K36598" s="9"/>
      <c r="L36598" s="6"/>
    </row>
    <row r="36599" spans="1:12">
      <c r="A36599" s="6" t="s">
        <v>36366</v>
      </c>
      <c r="B36599" s="6"/>
      <c r="C36599" s="6" t="s">
        <v>32230</v>
      </c>
      <c r="D36599" s="6"/>
      <c r="E36599" s="6" t="s">
        <v>9</v>
      </c>
      <c r="F36599" s="7">
        <v>30251</v>
      </c>
      <c r="G36599" s="8">
        <v>3051000</v>
      </c>
      <c r="H36599" s="8">
        <v>732240</v>
      </c>
      <c r="I36599" s="8">
        <v>2379780</v>
      </c>
      <c r="J36599" s="8">
        <v>671220</v>
      </c>
      <c r="K36599" s="9"/>
      <c r="L36599" s="6"/>
    </row>
    <row r="36600" spans="1:12">
      <c r="A36600" s="6" t="s">
        <v>36367</v>
      </c>
      <c r="B36600" s="6"/>
      <c r="C36600" s="6" t="s">
        <v>32230</v>
      </c>
      <c r="D36600" s="6"/>
      <c r="E36600" s="6" t="s">
        <v>9</v>
      </c>
      <c r="F36600" s="7">
        <v>30251</v>
      </c>
      <c r="G36600" s="8">
        <v>4206600</v>
      </c>
      <c r="H36600" s="8">
        <v>1009584</v>
      </c>
      <c r="I36600" s="8">
        <v>3281148</v>
      </c>
      <c r="J36600" s="8">
        <v>925452</v>
      </c>
      <c r="K36600" s="9"/>
      <c r="L36600" s="6"/>
    </row>
    <row r="36601" spans="1:12">
      <c r="A36601" s="6" t="s">
        <v>36368</v>
      </c>
      <c r="B36601" s="6"/>
      <c r="C36601" s="6" t="s">
        <v>32230</v>
      </c>
      <c r="D36601" s="6"/>
      <c r="E36601" s="6" t="s">
        <v>9</v>
      </c>
      <c r="F36601" s="7">
        <v>30251</v>
      </c>
      <c r="G36601" s="8">
        <v>2643300</v>
      </c>
      <c r="H36601" s="8">
        <v>634392</v>
      </c>
      <c r="I36601" s="8">
        <v>2061774</v>
      </c>
      <c r="J36601" s="8">
        <v>581526</v>
      </c>
      <c r="K36601" s="9"/>
      <c r="L36601" s="6"/>
    </row>
    <row r="36602" spans="1:12">
      <c r="A36602" s="6" t="s">
        <v>36369</v>
      </c>
      <c r="B36602" s="6"/>
      <c r="C36602" s="6" t="s">
        <v>32230</v>
      </c>
      <c r="D36602" s="6"/>
      <c r="E36602" s="6" t="s">
        <v>9</v>
      </c>
      <c r="F36602" s="7">
        <v>30251</v>
      </c>
      <c r="G36602" s="8">
        <v>1620000</v>
      </c>
      <c r="H36602" s="8">
        <v>388800</v>
      </c>
      <c r="I36602" s="8">
        <v>1263600</v>
      </c>
      <c r="J36602" s="8">
        <v>356400</v>
      </c>
      <c r="K36602" s="9"/>
      <c r="L36602" s="6"/>
    </row>
    <row r="36603" spans="1:12">
      <c r="A36603" s="6" t="s">
        <v>36370</v>
      </c>
      <c r="B36603" s="6"/>
      <c r="C36603" s="6" t="s">
        <v>32230</v>
      </c>
      <c r="D36603" s="6"/>
      <c r="E36603" s="6" t="s">
        <v>9</v>
      </c>
      <c r="F36603" s="7">
        <v>30309</v>
      </c>
      <c r="G36603" s="8">
        <v>11485800</v>
      </c>
      <c r="H36603" s="8">
        <v>2756592</v>
      </c>
      <c r="I36603" s="8">
        <v>8958924</v>
      </c>
      <c r="J36603" s="8">
        <v>2526876</v>
      </c>
      <c r="K36603" s="9"/>
      <c r="L36603" s="6"/>
    </row>
    <row r="36604" spans="1:12">
      <c r="A36604" s="6" t="s">
        <v>36371</v>
      </c>
      <c r="B36604" s="6"/>
      <c r="C36604" s="6" t="s">
        <v>32230</v>
      </c>
      <c r="D36604" s="6"/>
      <c r="E36604" s="6" t="s">
        <v>9</v>
      </c>
      <c r="F36604" s="7">
        <v>30309</v>
      </c>
      <c r="G36604" s="8">
        <v>2057400</v>
      </c>
      <c r="H36604" s="8">
        <v>493776</v>
      </c>
      <c r="I36604" s="8">
        <v>1604772</v>
      </c>
      <c r="J36604" s="8">
        <v>452628</v>
      </c>
      <c r="K36604" s="9"/>
      <c r="L36604" s="6"/>
    </row>
    <row r="36605" spans="1:12">
      <c r="A36605" s="6" t="s">
        <v>36372</v>
      </c>
      <c r="B36605" s="6"/>
      <c r="C36605" s="6" t="s">
        <v>32230</v>
      </c>
      <c r="D36605" s="6"/>
      <c r="E36605" s="6" t="s">
        <v>9</v>
      </c>
      <c r="F36605" s="7">
        <v>37061</v>
      </c>
      <c r="G36605" s="8">
        <v>8529300</v>
      </c>
      <c r="H36605" s="8">
        <v>5288166</v>
      </c>
      <c r="I36605" s="8">
        <v>3411720</v>
      </c>
      <c r="J36605" s="8">
        <v>5117580</v>
      </c>
      <c r="K36605" s="9"/>
      <c r="L36605" s="6"/>
    </row>
    <row r="36606" spans="1:12">
      <c r="A36606" s="6" t="s">
        <v>36373</v>
      </c>
      <c r="B36606" s="6"/>
      <c r="C36606" s="6" t="s">
        <v>32230</v>
      </c>
      <c r="D36606" s="6"/>
      <c r="E36606" s="6" t="s">
        <v>9</v>
      </c>
      <c r="F36606" s="7">
        <v>37061</v>
      </c>
      <c r="G36606" s="8">
        <v>8464500</v>
      </c>
      <c r="H36606" s="8">
        <v>5247990</v>
      </c>
      <c r="I36606" s="8">
        <v>3385800</v>
      </c>
      <c r="J36606" s="8">
        <v>5078700</v>
      </c>
      <c r="K36606" s="9"/>
      <c r="L36606" s="6"/>
    </row>
    <row r="36607" spans="1:12">
      <c r="A36607" s="6" t="s">
        <v>36374</v>
      </c>
      <c r="B36607" s="6"/>
      <c r="C36607" s="6" t="s">
        <v>32230</v>
      </c>
      <c r="D36607" s="6"/>
      <c r="E36607" s="6" t="s">
        <v>9</v>
      </c>
      <c r="F36607" s="7">
        <v>37061</v>
      </c>
      <c r="G36607" s="8">
        <v>9323100</v>
      </c>
      <c r="H36607" s="8">
        <v>5780322</v>
      </c>
      <c r="I36607" s="8">
        <v>3729240</v>
      </c>
      <c r="J36607" s="8">
        <v>5593860</v>
      </c>
      <c r="K36607" s="9"/>
      <c r="L36607" s="6"/>
    </row>
    <row r="36608" spans="1:12">
      <c r="A36608" s="6" t="s">
        <v>36375</v>
      </c>
      <c r="B36608" s="6"/>
      <c r="C36608" s="6" t="s">
        <v>32230</v>
      </c>
      <c r="D36608" s="6"/>
      <c r="E36608" s="6" t="s">
        <v>9</v>
      </c>
      <c r="F36608" s="7">
        <v>37239</v>
      </c>
      <c r="G36608" s="8">
        <v>5475600</v>
      </c>
      <c r="H36608" s="8">
        <v>3394872</v>
      </c>
      <c r="I36608" s="8">
        <v>2190240</v>
      </c>
      <c r="J36608" s="8">
        <v>3285360</v>
      </c>
      <c r="K36608" s="9"/>
      <c r="L36608" s="6"/>
    </row>
    <row r="36609" spans="1:12">
      <c r="A36609" s="6" t="s">
        <v>36376</v>
      </c>
      <c r="B36609" s="6"/>
      <c r="C36609" s="6" t="s">
        <v>32230</v>
      </c>
      <c r="D36609" s="6"/>
      <c r="E36609" s="6" t="s">
        <v>9</v>
      </c>
      <c r="F36609" s="7">
        <v>39169</v>
      </c>
      <c r="G36609" s="8">
        <v>4392900</v>
      </c>
      <c r="H36609" s="8">
        <v>3162888</v>
      </c>
      <c r="I36609" s="8">
        <v>1317870</v>
      </c>
      <c r="J36609" s="8">
        <v>3075030</v>
      </c>
      <c r="K36609" s="9"/>
      <c r="L36609" s="6"/>
    </row>
    <row r="36610" spans="1:12">
      <c r="A36610" s="6" t="s">
        <v>36377</v>
      </c>
      <c r="B36610" s="6"/>
      <c r="C36610" s="6" t="s">
        <v>32230</v>
      </c>
      <c r="D36610" s="6"/>
      <c r="E36610" s="6" t="s">
        <v>9</v>
      </c>
      <c r="F36610" s="7">
        <v>30251</v>
      </c>
      <c r="G36610" s="8">
        <v>10636200</v>
      </c>
      <c r="H36610" s="8">
        <v>2552688</v>
      </c>
      <c r="I36610" s="8">
        <v>8296236</v>
      </c>
      <c r="J36610" s="8">
        <v>2339964</v>
      </c>
      <c r="K36610" s="9"/>
      <c r="L36610" s="6"/>
    </row>
    <row r="36611" spans="1:12">
      <c r="A36611" s="6" t="s">
        <v>33185</v>
      </c>
      <c r="B36611" s="6"/>
      <c r="C36611" s="6" t="s">
        <v>32230</v>
      </c>
      <c r="D36611" s="6"/>
      <c r="E36611" s="6" t="s">
        <v>9</v>
      </c>
      <c r="F36611" s="7"/>
      <c r="G36611" s="8">
        <v>1</v>
      </c>
      <c r="H36611" s="8">
        <v>1</v>
      </c>
      <c r="I36611" s="8">
        <v>0</v>
      </c>
      <c r="J36611" s="8">
        <v>1</v>
      </c>
      <c r="K36611" s="9"/>
      <c r="L36611" s="6"/>
    </row>
    <row r="36612" spans="1:12">
      <c r="A36612" s="6" t="s">
        <v>36378</v>
      </c>
      <c r="B36612" s="6"/>
      <c r="C36612" s="6" t="s">
        <v>32230</v>
      </c>
      <c r="D36612" s="6"/>
      <c r="E36612" s="6" t="s">
        <v>9</v>
      </c>
      <c r="F36612" s="7">
        <v>30251</v>
      </c>
      <c r="G36612" s="8">
        <v>4390200</v>
      </c>
      <c r="H36612" s="8">
        <v>1053648</v>
      </c>
      <c r="I36612" s="8">
        <v>3424356</v>
      </c>
      <c r="J36612" s="8">
        <v>965844</v>
      </c>
      <c r="K36612" s="9"/>
      <c r="L36612" s="6"/>
    </row>
    <row r="36613" spans="1:12">
      <c r="A36613" s="6" t="s">
        <v>33185</v>
      </c>
      <c r="B36613" s="6"/>
      <c r="C36613" s="6" t="s">
        <v>32230</v>
      </c>
      <c r="D36613" s="6"/>
      <c r="E36613" s="6" t="s">
        <v>9</v>
      </c>
      <c r="F36613" s="7"/>
      <c r="G36613" s="8">
        <v>1</v>
      </c>
      <c r="H36613" s="8">
        <v>1</v>
      </c>
      <c r="I36613" s="8">
        <v>0</v>
      </c>
      <c r="J36613" s="8">
        <v>1</v>
      </c>
      <c r="K36613" s="9"/>
      <c r="L36613" s="6"/>
    </row>
    <row r="36614" spans="1:12">
      <c r="A36614" s="6" t="s">
        <v>36379</v>
      </c>
      <c r="B36614" s="6"/>
      <c r="C36614" s="6" t="s">
        <v>32230</v>
      </c>
      <c r="D36614" s="6"/>
      <c r="E36614" s="6" t="s">
        <v>9</v>
      </c>
      <c r="F36614" s="7">
        <v>30251</v>
      </c>
      <c r="G36614" s="8">
        <v>2718900</v>
      </c>
      <c r="H36614" s="8">
        <v>652536</v>
      </c>
      <c r="I36614" s="8">
        <v>2120742</v>
      </c>
      <c r="J36614" s="8">
        <v>598158</v>
      </c>
      <c r="K36614" s="9"/>
      <c r="L36614" s="6"/>
    </row>
    <row r="36615" spans="1:12">
      <c r="A36615" s="6" t="s">
        <v>36380</v>
      </c>
      <c r="B36615" s="6"/>
      <c r="C36615" s="6" t="s">
        <v>32230</v>
      </c>
      <c r="D36615" s="6"/>
      <c r="E36615" s="6" t="s">
        <v>9</v>
      </c>
      <c r="F36615" s="7">
        <v>30251</v>
      </c>
      <c r="G36615" s="8">
        <v>1836000</v>
      </c>
      <c r="H36615" s="8">
        <v>440640</v>
      </c>
      <c r="I36615" s="8">
        <v>1432080</v>
      </c>
      <c r="J36615" s="8">
        <v>403920</v>
      </c>
      <c r="K36615" s="9"/>
      <c r="L36615" s="6"/>
    </row>
    <row r="36616" spans="1:12">
      <c r="A36616" s="6" t="s">
        <v>36381</v>
      </c>
      <c r="B36616" s="6"/>
      <c r="C36616" s="6" t="s">
        <v>32230</v>
      </c>
      <c r="D36616" s="6"/>
      <c r="E36616" s="6" t="s">
        <v>9</v>
      </c>
      <c r="F36616" s="7">
        <v>30251</v>
      </c>
      <c r="G36616" s="8">
        <v>4036500</v>
      </c>
      <c r="H36616" s="8">
        <v>968760</v>
      </c>
      <c r="I36616" s="8">
        <v>3148470</v>
      </c>
      <c r="J36616" s="8">
        <v>888030</v>
      </c>
      <c r="K36616" s="9"/>
      <c r="L36616" s="6"/>
    </row>
    <row r="36617" spans="1:12">
      <c r="A36617" s="6" t="s">
        <v>36382</v>
      </c>
      <c r="B36617" s="6"/>
      <c r="C36617" s="6" t="s">
        <v>32230</v>
      </c>
      <c r="D36617" s="6"/>
      <c r="E36617" s="6" t="s">
        <v>9</v>
      </c>
      <c r="F36617" s="7">
        <v>30251</v>
      </c>
      <c r="G36617" s="8">
        <v>12660300</v>
      </c>
      <c r="H36617" s="8">
        <v>3038472</v>
      </c>
      <c r="I36617" s="8">
        <v>9875034</v>
      </c>
      <c r="J36617" s="8">
        <v>2785266</v>
      </c>
      <c r="K36617" s="9"/>
      <c r="L36617" s="6"/>
    </row>
    <row r="36618" spans="1:12">
      <c r="A36618" s="6" t="s">
        <v>36383</v>
      </c>
      <c r="B36618" s="6"/>
      <c r="C36618" s="6" t="s">
        <v>32230</v>
      </c>
      <c r="D36618" s="6"/>
      <c r="E36618" s="6" t="s">
        <v>9</v>
      </c>
      <c r="F36618" s="7">
        <v>30251</v>
      </c>
      <c r="G36618" s="8">
        <v>5856300</v>
      </c>
      <c r="H36618" s="8">
        <v>1405512</v>
      </c>
      <c r="I36618" s="8">
        <v>4567914</v>
      </c>
      <c r="J36618" s="8">
        <v>1288386</v>
      </c>
      <c r="K36618" s="9"/>
      <c r="L36618" s="6"/>
    </row>
    <row r="36619" spans="1:12">
      <c r="A36619" s="6" t="s">
        <v>36384</v>
      </c>
      <c r="B36619" s="6"/>
      <c r="C36619" s="6" t="s">
        <v>32230</v>
      </c>
      <c r="D36619" s="6"/>
      <c r="E36619" s="6" t="s">
        <v>9</v>
      </c>
      <c r="F36619" s="7">
        <v>30251</v>
      </c>
      <c r="G36619" s="8">
        <v>7484400</v>
      </c>
      <c r="H36619" s="8">
        <v>1796256</v>
      </c>
      <c r="I36619" s="8">
        <v>5837832</v>
      </c>
      <c r="J36619" s="8">
        <v>1646568</v>
      </c>
      <c r="K36619" s="9"/>
      <c r="L36619" s="6"/>
    </row>
    <row r="36620" spans="1:12">
      <c r="A36620" s="6" t="s">
        <v>36385</v>
      </c>
      <c r="B36620" s="6"/>
      <c r="C36620" s="6" t="s">
        <v>32230</v>
      </c>
      <c r="D36620" s="6"/>
      <c r="E36620" s="6" t="s">
        <v>9</v>
      </c>
      <c r="F36620" s="7">
        <v>30251</v>
      </c>
      <c r="G36620" s="8">
        <v>1782000</v>
      </c>
      <c r="H36620" s="8">
        <v>427680</v>
      </c>
      <c r="I36620" s="8">
        <v>1389960</v>
      </c>
      <c r="J36620" s="8">
        <v>392040</v>
      </c>
      <c r="K36620" s="9"/>
      <c r="L36620" s="6"/>
    </row>
    <row r="36621" spans="1:12">
      <c r="A36621" s="6" t="s">
        <v>36386</v>
      </c>
      <c r="B36621" s="6"/>
      <c r="C36621" s="6" t="s">
        <v>32230</v>
      </c>
      <c r="D36621" s="6"/>
      <c r="E36621" s="6" t="s">
        <v>9</v>
      </c>
      <c r="F36621" s="7">
        <v>30251</v>
      </c>
      <c r="G36621" s="8">
        <v>1601100</v>
      </c>
      <c r="H36621" s="8">
        <v>384264</v>
      </c>
      <c r="I36621" s="8">
        <v>1248858</v>
      </c>
      <c r="J36621" s="8">
        <v>352242</v>
      </c>
      <c r="K36621" s="9"/>
      <c r="L36621" s="6"/>
    </row>
    <row r="36622" spans="1:12">
      <c r="A36622" s="6" t="s">
        <v>36387</v>
      </c>
      <c r="B36622" s="6"/>
      <c r="C36622" s="6" t="s">
        <v>32230</v>
      </c>
      <c r="D36622" s="6"/>
      <c r="E36622" s="6" t="s">
        <v>9</v>
      </c>
      <c r="F36622" s="7">
        <v>30251</v>
      </c>
      <c r="G36622" s="8">
        <v>35785800</v>
      </c>
      <c r="H36622" s="8">
        <v>8588592</v>
      </c>
      <c r="I36622" s="8">
        <v>27912924</v>
      </c>
      <c r="J36622" s="8">
        <v>7872876</v>
      </c>
      <c r="K36622" s="9"/>
      <c r="L36622" s="6"/>
    </row>
    <row r="36623" spans="1:12">
      <c r="A36623" s="6" t="s">
        <v>36388</v>
      </c>
      <c r="B36623" s="6"/>
      <c r="C36623" s="6" t="s">
        <v>32230</v>
      </c>
      <c r="D36623" s="6"/>
      <c r="E36623" s="6" t="s">
        <v>9</v>
      </c>
      <c r="F36623" s="7">
        <v>30251</v>
      </c>
      <c r="G36623" s="8">
        <v>11534400</v>
      </c>
      <c r="H36623" s="8">
        <v>2768256</v>
      </c>
      <c r="I36623" s="8">
        <v>8996832</v>
      </c>
      <c r="J36623" s="8">
        <v>2537568</v>
      </c>
      <c r="K36623" s="9"/>
      <c r="L36623" s="6"/>
    </row>
    <row r="36624" spans="1:12">
      <c r="A36624" s="6" t="s">
        <v>36389</v>
      </c>
      <c r="B36624" s="6"/>
      <c r="C36624" s="6" t="s">
        <v>32230</v>
      </c>
      <c r="D36624" s="6"/>
      <c r="E36624" s="6" t="s">
        <v>9</v>
      </c>
      <c r="F36624" s="7">
        <v>34788</v>
      </c>
      <c r="G36624" s="8">
        <v>52423200</v>
      </c>
      <c r="H36624" s="8">
        <v>25163136</v>
      </c>
      <c r="I36624" s="8">
        <v>28308528</v>
      </c>
      <c r="J36624" s="8">
        <v>24114672</v>
      </c>
      <c r="K36624" s="9"/>
      <c r="L36624" s="6"/>
    </row>
    <row r="36625" spans="1:12">
      <c r="A36625" s="6" t="s">
        <v>36390</v>
      </c>
      <c r="B36625" s="6"/>
      <c r="C36625" s="6" t="s">
        <v>32230</v>
      </c>
      <c r="D36625" s="6"/>
      <c r="E36625" s="6" t="s">
        <v>9</v>
      </c>
      <c r="F36625" s="7">
        <v>34788</v>
      </c>
      <c r="G36625" s="8">
        <v>15430500</v>
      </c>
      <c r="H36625" s="8">
        <v>7406640</v>
      </c>
      <c r="I36625" s="8">
        <v>8332470</v>
      </c>
      <c r="J36625" s="8">
        <v>7098030</v>
      </c>
      <c r="K36625" s="9"/>
      <c r="L36625" s="6"/>
    </row>
    <row r="36626" spans="1:12">
      <c r="A36626" s="6" t="s">
        <v>36391</v>
      </c>
      <c r="B36626" s="6"/>
      <c r="C36626" s="6" t="s">
        <v>32230</v>
      </c>
      <c r="D36626" s="6"/>
      <c r="E36626" s="6" t="s">
        <v>9</v>
      </c>
      <c r="F36626" s="7">
        <v>34788</v>
      </c>
      <c r="G36626" s="8">
        <v>6455700</v>
      </c>
      <c r="H36626" s="8">
        <v>3098736</v>
      </c>
      <c r="I36626" s="8">
        <v>3486078</v>
      </c>
      <c r="J36626" s="8">
        <v>2969622</v>
      </c>
      <c r="K36626" s="9"/>
      <c r="L36626" s="6"/>
    </row>
    <row r="36627" spans="1:12">
      <c r="A36627" s="6" t="s">
        <v>36392</v>
      </c>
      <c r="B36627" s="6"/>
      <c r="C36627" s="6" t="s">
        <v>32230</v>
      </c>
      <c r="D36627" s="6"/>
      <c r="E36627" s="6" t="s">
        <v>9</v>
      </c>
      <c r="F36627" s="7">
        <v>34788</v>
      </c>
      <c r="G36627" s="8">
        <v>22720500</v>
      </c>
      <c r="H36627" s="8">
        <v>10905840</v>
      </c>
      <c r="I36627" s="8">
        <v>12269070</v>
      </c>
      <c r="J36627" s="8">
        <v>10451430</v>
      </c>
      <c r="K36627" s="9"/>
      <c r="L36627" s="6"/>
    </row>
    <row r="36628" spans="1:12">
      <c r="A36628" s="6" t="s">
        <v>36393</v>
      </c>
      <c r="B36628" s="6"/>
      <c r="C36628" s="6" t="s">
        <v>32230</v>
      </c>
      <c r="D36628" s="6"/>
      <c r="E36628" s="6" t="s">
        <v>9</v>
      </c>
      <c r="F36628" s="7">
        <v>34788</v>
      </c>
      <c r="G36628" s="8">
        <v>3350700</v>
      </c>
      <c r="H36628" s="8">
        <v>1608336</v>
      </c>
      <c r="I36628" s="8">
        <v>1809378</v>
      </c>
      <c r="J36628" s="8">
        <v>1541322</v>
      </c>
      <c r="K36628" s="9"/>
      <c r="L36628" s="6"/>
    </row>
    <row r="36629" spans="1:12">
      <c r="A36629" s="6" t="s">
        <v>36394</v>
      </c>
      <c r="B36629" s="6"/>
      <c r="C36629" s="6" t="s">
        <v>32230</v>
      </c>
      <c r="D36629" s="6"/>
      <c r="E36629" s="6" t="s">
        <v>9</v>
      </c>
      <c r="F36629" s="7">
        <v>34788</v>
      </c>
      <c r="G36629" s="8">
        <v>5281200</v>
      </c>
      <c r="H36629" s="8">
        <v>2534976</v>
      </c>
      <c r="I36629" s="8">
        <v>2851848</v>
      </c>
      <c r="J36629" s="8">
        <v>2429352</v>
      </c>
      <c r="K36629" s="9"/>
      <c r="L36629" s="6"/>
    </row>
    <row r="36630" spans="1:12">
      <c r="A36630" s="6" t="s">
        <v>36395</v>
      </c>
      <c r="B36630" s="6"/>
      <c r="C36630" s="6" t="s">
        <v>32230</v>
      </c>
      <c r="D36630" s="6"/>
      <c r="E36630" s="6" t="s">
        <v>9</v>
      </c>
      <c r="F36630" s="7">
        <v>34788</v>
      </c>
      <c r="G36630" s="8">
        <v>2551500</v>
      </c>
      <c r="H36630" s="8">
        <v>1224720</v>
      </c>
      <c r="I36630" s="8">
        <v>1377810</v>
      </c>
      <c r="J36630" s="8">
        <v>1173690</v>
      </c>
      <c r="K36630" s="9"/>
      <c r="L36630" s="6"/>
    </row>
    <row r="36631" spans="1:12">
      <c r="A36631" s="6" t="s">
        <v>36396</v>
      </c>
      <c r="B36631" s="6"/>
      <c r="C36631" s="6" t="s">
        <v>32230</v>
      </c>
      <c r="D36631" s="6"/>
      <c r="E36631" s="6" t="s">
        <v>9</v>
      </c>
      <c r="F36631" s="7">
        <v>36250</v>
      </c>
      <c r="G36631" s="8">
        <v>9468900</v>
      </c>
      <c r="H36631" s="8">
        <v>5302584</v>
      </c>
      <c r="I36631" s="8">
        <v>4355694</v>
      </c>
      <c r="J36631" s="8">
        <v>5113206</v>
      </c>
      <c r="K36631" s="9"/>
      <c r="L36631" s="6"/>
    </row>
    <row r="36632" spans="1:12">
      <c r="A36632" s="6" t="s">
        <v>36397</v>
      </c>
      <c r="B36632" s="6"/>
      <c r="C36632" s="6" t="s">
        <v>32230</v>
      </c>
      <c r="D36632" s="6"/>
      <c r="E36632" s="6" t="s">
        <v>9</v>
      </c>
      <c r="F36632" s="7">
        <v>30251</v>
      </c>
      <c r="G36632" s="8">
        <v>3658500</v>
      </c>
      <c r="H36632" s="8">
        <v>878040</v>
      </c>
      <c r="I36632" s="8">
        <v>2853630</v>
      </c>
      <c r="J36632" s="8">
        <v>804870</v>
      </c>
      <c r="K36632" s="9"/>
      <c r="L36632" s="6"/>
    </row>
    <row r="36633" spans="1:12">
      <c r="A36633" s="6" t="s">
        <v>36398</v>
      </c>
      <c r="B36633" s="6"/>
      <c r="C36633" s="6" t="s">
        <v>32230</v>
      </c>
      <c r="D36633" s="6"/>
      <c r="E36633" s="6" t="s">
        <v>9</v>
      </c>
      <c r="F36633" s="7">
        <v>30251</v>
      </c>
      <c r="G36633" s="8">
        <v>2255300</v>
      </c>
      <c r="H36633" s="8">
        <v>541272</v>
      </c>
      <c r="I36633" s="8">
        <v>1759134</v>
      </c>
      <c r="J36633" s="8">
        <v>496166</v>
      </c>
      <c r="K36633" s="9"/>
      <c r="L36633" s="6"/>
    </row>
    <row r="36634" spans="1:12">
      <c r="A36634" s="6" t="s">
        <v>36399</v>
      </c>
      <c r="B36634" s="6"/>
      <c r="C36634" s="6" t="s">
        <v>32230</v>
      </c>
      <c r="D36634" s="6"/>
      <c r="E36634" s="6" t="s">
        <v>9</v>
      </c>
      <c r="F36634" s="7">
        <v>42818</v>
      </c>
      <c r="G36634" s="8">
        <v>5863320</v>
      </c>
      <c r="H36634" s="8">
        <v>5394256</v>
      </c>
      <c r="I36634" s="8">
        <v>586330</v>
      </c>
      <c r="J36634" s="8">
        <v>5276990</v>
      </c>
      <c r="K36634" s="9"/>
      <c r="L36634" s="6"/>
    </row>
    <row r="36635" spans="1:12">
      <c r="A36635" s="6" t="s">
        <v>36400</v>
      </c>
      <c r="B36635" s="6"/>
      <c r="C36635" s="6" t="s">
        <v>32230</v>
      </c>
      <c r="D36635" s="6"/>
      <c r="E36635" s="6" t="s">
        <v>9</v>
      </c>
      <c r="F36635" s="7">
        <v>30309</v>
      </c>
      <c r="G36635" s="8">
        <v>8359200</v>
      </c>
      <c r="H36635" s="8">
        <v>2006208</v>
      </c>
      <c r="I36635" s="8">
        <v>6520176</v>
      </c>
      <c r="J36635" s="8">
        <v>1839024</v>
      </c>
      <c r="K36635" s="9"/>
      <c r="L36635" s="6"/>
    </row>
    <row r="36636" spans="1:12">
      <c r="A36636" s="6" t="s">
        <v>36401</v>
      </c>
      <c r="B36636" s="6"/>
      <c r="C36636" s="6" t="s">
        <v>32230</v>
      </c>
      <c r="D36636" s="6"/>
      <c r="E36636" s="6" t="s">
        <v>9</v>
      </c>
      <c r="F36636" s="7">
        <v>38243</v>
      </c>
      <c r="G36636" s="8">
        <v>54771200</v>
      </c>
      <c r="H36636" s="8">
        <v>37244416</v>
      </c>
      <c r="I36636" s="8">
        <v>18622208</v>
      </c>
      <c r="J36636" s="8">
        <v>36148992</v>
      </c>
      <c r="K36636" s="9"/>
      <c r="L36636" s="6"/>
    </row>
    <row r="36637" spans="1:12">
      <c r="A36637" s="6" t="s">
        <v>36402</v>
      </c>
      <c r="B36637" s="6"/>
      <c r="C36637" s="6" t="s">
        <v>32230</v>
      </c>
      <c r="D36637" s="6"/>
      <c r="E36637" s="6" t="s">
        <v>9</v>
      </c>
      <c r="F36637" s="7">
        <v>38243</v>
      </c>
      <c r="G36637" s="8">
        <v>34329600</v>
      </c>
      <c r="H36637" s="8">
        <v>23344128</v>
      </c>
      <c r="I36637" s="8">
        <v>11672064</v>
      </c>
      <c r="J36637" s="8">
        <v>22657536</v>
      </c>
      <c r="K36637" s="9"/>
      <c r="L36637" s="6"/>
    </row>
    <row r="36638" spans="1:12">
      <c r="A36638" s="6" t="s">
        <v>36403</v>
      </c>
      <c r="B36638" s="6"/>
      <c r="C36638" s="6" t="s">
        <v>32230</v>
      </c>
      <c r="D36638" s="6"/>
      <c r="E36638" s="6" t="s">
        <v>9</v>
      </c>
      <c r="F36638" s="7">
        <v>38243</v>
      </c>
      <c r="G36638" s="8">
        <v>5413500</v>
      </c>
      <c r="H36638" s="8">
        <v>3681180</v>
      </c>
      <c r="I36638" s="8">
        <v>1840590</v>
      </c>
      <c r="J36638" s="8">
        <v>3572910</v>
      </c>
      <c r="K36638" s="9"/>
      <c r="L36638" s="6"/>
    </row>
    <row r="36639" spans="1:12">
      <c r="A36639" s="6" t="s">
        <v>36404</v>
      </c>
      <c r="B36639" s="6"/>
      <c r="C36639" s="6" t="s">
        <v>32230</v>
      </c>
      <c r="D36639" s="6"/>
      <c r="E36639" s="6" t="s">
        <v>9</v>
      </c>
      <c r="F36639" s="7">
        <v>30251</v>
      </c>
      <c r="G36639" s="8">
        <v>9080100</v>
      </c>
      <c r="H36639" s="8">
        <v>2179224</v>
      </c>
      <c r="I36639" s="8">
        <v>7082478</v>
      </c>
      <c r="J36639" s="8">
        <v>1997622</v>
      </c>
      <c r="K36639" s="9"/>
      <c r="L36639" s="6"/>
    </row>
    <row r="36640" spans="1:12">
      <c r="A36640" s="6" t="s">
        <v>36405</v>
      </c>
      <c r="B36640" s="6"/>
      <c r="C36640" s="6" t="s">
        <v>32230</v>
      </c>
      <c r="D36640" s="6"/>
      <c r="E36640" s="6" t="s">
        <v>9</v>
      </c>
      <c r="F36640" s="7">
        <v>30251</v>
      </c>
      <c r="G36640" s="8">
        <v>3326400</v>
      </c>
      <c r="H36640" s="8">
        <v>798336</v>
      </c>
      <c r="I36640" s="8">
        <v>2594592</v>
      </c>
      <c r="J36640" s="8">
        <v>731808</v>
      </c>
      <c r="K36640" s="9"/>
      <c r="L36640" s="6"/>
    </row>
    <row r="36641" spans="1:12">
      <c r="A36641" s="6" t="s">
        <v>33185</v>
      </c>
      <c r="B36641" s="6"/>
      <c r="C36641" s="6" t="s">
        <v>32230</v>
      </c>
      <c r="D36641" s="6"/>
      <c r="E36641" s="6" t="s">
        <v>9</v>
      </c>
      <c r="F36641" s="7"/>
      <c r="G36641" s="8">
        <v>1</v>
      </c>
      <c r="H36641" s="8">
        <v>1</v>
      </c>
      <c r="I36641" s="8">
        <v>0</v>
      </c>
      <c r="J36641" s="8">
        <v>1</v>
      </c>
      <c r="K36641" s="9"/>
      <c r="L36641" s="6"/>
    </row>
    <row r="36642" spans="1:12">
      <c r="A36642" s="6" t="s">
        <v>36406</v>
      </c>
      <c r="B36642" s="6"/>
      <c r="C36642" s="6" t="s">
        <v>32230</v>
      </c>
      <c r="D36642" s="6"/>
      <c r="E36642" s="6" t="s">
        <v>9</v>
      </c>
      <c r="F36642" s="7">
        <v>30251</v>
      </c>
      <c r="G36642" s="8">
        <v>2295200</v>
      </c>
      <c r="H36642" s="8">
        <v>550848</v>
      </c>
      <c r="I36642" s="8">
        <v>1790256</v>
      </c>
      <c r="J36642" s="8">
        <v>504944</v>
      </c>
      <c r="K36642" s="9"/>
      <c r="L36642" s="6"/>
    </row>
    <row r="36643" spans="1:12">
      <c r="A36643" s="6" t="s">
        <v>36407</v>
      </c>
      <c r="B36643" s="6"/>
      <c r="C36643" s="6" t="s">
        <v>32230</v>
      </c>
      <c r="D36643" s="6"/>
      <c r="E36643" s="6" t="s">
        <v>9</v>
      </c>
      <c r="F36643" s="7">
        <v>30251</v>
      </c>
      <c r="G36643" s="8">
        <v>21756600</v>
      </c>
      <c r="H36643" s="8">
        <v>5221584</v>
      </c>
      <c r="I36643" s="8">
        <v>16970148</v>
      </c>
      <c r="J36643" s="8">
        <v>4786452</v>
      </c>
      <c r="K36643" s="9"/>
      <c r="L36643" s="6"/>
    </row>
    <row r="36644" spans="1:12">
      <c r="A36644" s="6" t="s">
        <v>36408</v>
      </c>
      <c r="B36644" s="6"/>
      <c r="C36644" s="6" t="s">
        <v>32230</v>
      </c>
      <c r="D36644" s="6"/>
      <c r="E36644" s="6" t="s">
        <v>9</v>
      </c>
      <c r="F36644" s="7">
        <v>39169</v>
      </c>
      <c r="G36644" s="8">
        <v>25142400</v>
      </c>
      <c r="H36644" s="8">
        <v>18102528</v>
      </c>
      <c r="I36644" s="8">
        <v>7542720</v>
      </c>
      <c r="J36644" s="8">
        <v>17599680</v>
      </c>
      <c r="K36644" s="9"/>
      <c r="L36644" s="6"/>
    </row>
    <row r="36645" spans="1:12">
      <c r="A36645" s="6" t="s">
        <v>36409</v>
      </c>
      <c r="B36645" s="6"/>
      <c r="C36645" s="6" t="s">
        <v>32230</v>
      </c>
      <c r="D36645" s="6"/>
      <c r="E36645" s="6" t="s">
        <v>9</v>
      </c>
      <c r="F36645" s="7">
        <v>30251</v>
      </c>
      <c r="G36645" s="8">
        <v>3555900</v>
      </c>
      <c r="H36645" s="8">
        <v>853416</v>
      </c>
      <c r="I36645" s="8">
        <v>2773602</v>
      </c>
      <c r="J36645" s="8">
        <v>782298</v>
      </c>
      <c r="K36645" s="9"/>
      <c r="L36645" s="6"/>
    </row>
    <row r="36646" spans="1:12">
      <c r="A36646" s="6" t="s">
        <v>36410</v>
      </c>
      <c r="B36646" s="6"/>
      <c r="C36646" s="6" t="s">
        <v>32230</v>
      </c>
      <c r="D36646" s="6"/>
      <c r="E36646" s="6" t="s">
        <v>9</v>
      </c>
      <c r="F36646" s="7">
        <v>32064</v>
      </c>
      <c r="G36646" s="8">
        <v>1954800</v>
      </c>
      <c r="H36646" s="8">
        <v>664632</v>
      </c>
      <c r="I36646" s="8">
        <v>1329264</v>
      </c>
      <c r="J36646" s="8">
        <v>625536</v>
      </c>
      <c r="K36646" s="9"/>
      <c r="L36646" s="6"/>
    </row>
    <row r="36647" spans="1:12">
      <c r="A36647" s="6" t="s">
        <v>36411</v>
      </c>
      <c r="B36647" s="6"/>
      <c r="C36647" s="6" t="s">
        <v>32230</v>
      </c>
      <c r="D36647" s="6"/>
      <c r="E36647" s="6" t="s">
        <v>9</v>
      </c>
      <c r="F36647" s="7">
        <v>32119</v>
      </c>
      <c r="G36647" s="8">
        <v>18068400</v>
      </c>
      <c r="H36647" s="8">
        <v>6143256</v>
      </c>
      <c r="I36647" s="8">
        <v>12286512</v>
      </c>
      <c r="J36647" s="8">
        <v>5781888</v>
      </c>
      <c r="K36647" s="9"/>
      <c r="L36647" s="6"/>
    </row>
    <row r="36648" spans="1:12">
      <c r="A36648" s="6" t="s">
        <v>36412</v>
      </c>
      <c r="B36648" s="6"/>
      <c r="C36648" s="6" t="s">
        <v>32230</v>
      </c>
      <c r="D36648" s="6"/>
      <c r="E36648" s="6" t="s">
        <v>9</v>
      </c>
      <c r="F36648" s="7">
        <v>39169</v>
      </c>
      <c r="G36648" s="8">
        <v>11971800</v>
      </c>
      <c r="H36648" s="8">
        <v>8619696</v>
      </c>
      <c r="I36648" s="8">
        <v>3591540</v>
      </c>
      <c r="J36648" s="8">
        <v>8380260</v>
      </c>
      <c r="K36648" s="9"/>
      <c r="L36648" s="6"/>
    </row>
    <row r="36649" spans="1:12">
      <c r="A36649" s="6" t="s">
        <v>36413</v>
      </c>
      <c r="B36649" s="6"/>
      <c r="C36649" s="6" t="s">
        <v>32230</v>
      </c>
      <c r="D36649" s="6"/>
      <c r="E36649" s="6" t="s">
        <v>9</v>
      </c>
      <c r="F36649" s="7">
        <v>36250</v>
      </c>
      <c r="G36649" s="8">
        <v>69683200</v>
      </c>
      <c r="H36649" s="8">
        <v>39022592</v>
      </c>
      <c r="I36649" s="8">
        <v>32054272</v>
      </c>
      <c r="J36649" s="8">
        <v>37628928</v>
      </c>
      <c r="K36649" s="9"/>
      <c r="L36649" s="6"/>
    </row>
    <row r="36650" spans="1:12">
      <c r="A36650" s="6" t="s">
        <v>36414</v>
      </c>
      <c r="B36650" s="6"/>
      <c r="C36650" s="6" t="s">
        <v>32230</v>
      </c>
      <c r="D36650" s="6"/>
      <c r="E36650" s="6" t="s">
        <v>9</v>
      </c>
      <c r="F36650" s="7">
        <v>36250</v>
      </c>
      <c r="G36650" s="8">
        <v>4374000</v>
      </c>
      <c r="H36650" s="8">
        <v>2449440</v>
      </c>
      <c r="I36650" s="8">
        <v>2012040</v>
      </c>
      <c r="J36650" s="8">
        <v>2361960</v>
      </c>
      <c r="K36650" s="9"/>
      <c r="L36650" s="6"/>
    </row>
    <row r="36651" spans="1:12">
      <c r="A36651" s="6" t="s">
        <v>36415</v>
      </c>
      <c r="B36651" s="6"/>
      <c r="C36651" s="6" t="s">
        <v>32230</v>
      </c>
      <c r="D36651" s="6"/>
      <c r="E36651" s="6" t="s">
        <v>9</v>
      </c>
      <c r="F36651" s="7">
        <v>36250</v>
      </c>
      <c r="G36651" s="8">
        <v>17998200</v>
      </c>
      <c r="H36651" s="8">
        <v>10078992</v>
      </c>
      <c r="I36651" s="8">
        <v>8279172</v>
      </c>
      <c r="J36651" s="8">
        <v>9719028</v>
      </c>
      <c r="K36651" s="9"/>
      <c r="L36651" s="6"/>
    </row>
    <row r="36652" spans="1:12">
      <c r="A36652" s="6" t="s">
        <v>36416</v>
      </c>
      <c r="B36652" s="6"/>
      <c r="C36652" s="6" t="s">
        <v>32230</v>
      </c>
      <c r="D36652" s="6"/>
      <c r="E36652" s="6" t="s">
        <v>9</v>
      </c>
      <c r="F36652" s="7">
        <v>36250</v>
      </c>
      <c r="G36652" s="8">
        <v>4511700</v>
      </c>
      <c r="H36652" s="8">
        <v>2526552</v>
      </c>
      <c r="I36652" s="8">
        <v>2075382</v>
      </c>
      <c r="J36652" s="8">
        <v>2436318</v>
      </c>
      <c r="K36652" s="9"/>
      <c r="L36652" s="6"/>
    </row>
    <row r="36653" spans="1:12">
      <c r="A36653" s="6" t="s">
        <v>36417</v>
      </c>
      <c r="B36653" s="6"/>
      <c r="C36653" s="6" t="s">
        <v>32230</v>
      </c>
      <c r="D36653" s="6"/>
      <c r="E36653" s="6" t="s">
        <v>9</v>
      </c>
      <c r="F36653" s="7">
        <v>36250</v>
      </c>
      <c r="G36653" s="8">
        <v>19691100</v>
      </c>
      <c r="H36653" s="8">
        <v>11027016</v>
      </c>
      <c r="I36653" s="8">
        <v>9057906</v>
      </c>
      <c r="J36653" s="8">
        <v>10633194</v>
      </c>
      <c r="K36653" s="9"/>
      <c r="L36653" s="6"/>
    </row>
    <row r="36654" spans="1:12">
      <c r="A36654" s="6" t="s">
        <v>36418</v>
      </c>
      <c r="B36654" s="6"/>
      <c r="C36654" s="6" t="s">
        <v>32230</v>
      </c>
      <c r="D36654" s="6"/>
      <c r="E36654" s="6" t="s">
        <v>9</v>
      </c>
      <c r="F36654" s="7">
        <v>36250</v>
      </c>
      <c r="G36654" s="8">
        <v>45052200</v>
      </c>
      <c r="H36654" s="8">
        <v>25229232</v>
      </c>
      <c r="I36654" s="8">
        <v>20724012</v>
      </c>
      <c r="J36654" s="8">
        <v>24328188</v>
      </c>
      <c r="K36654" s="9"/>
      <c r="L36654" s="6"/>
    </row>
    <row r="36655" spans="1:12">
      <c r="A36655" s="6" t="s">
        <v>36419</v>
      </c>
      <c r="B36655" s="6"/>
      <c r="C36655" s="6" t="s">
        <v>32230</v>
      </c>
      <c r="D36655" s="6"/>
      <c r="E36655" s="6" t="s">
        <v>9</v>
      </c>
      <c r="F36655" s="7">
        <v>36250</v>
      </c>
      <c r="G36655" s="8">
        <v>4981500</v>
      </c>
      <c r="H36655" s="8">
        <v>2789640</v>
      </c>
      <c r="I36655" s="8">
        <v>2291490</v>
      </c>
      <c r="J36655" s="8">
        <v>2690010</v>
      </c>
      <c r="K36655" s="9"/>
      <c r="L36655" s="6"/>
    </row>
    <row r="36656" spans="1:12">
      <c r="A36656" s="6" t="s">
        <v>36420</v>
      </c>
      <c r="B36656" s="6"/>
      <c r="C36656" s="6" t="s">
        <v>32230</v>
      </c>
      <c r="D36656" s="6"/>
      <c r="E36656" s="6" t="s">
        <v>9</v>
      </c>
      <c r="F36656" s="7">
        <v>36250</v>
      </c>
      <c r="G36656" s="8">
        <v>2365200</v>
      </c>
      <c r="H36656" s="8">
        <v>1324512</v>
      </c>
      <c r="I36656" s="8">
        <v>1087992</v>
      </c>
      <c r="J36656" s="8">
        <v>1277208</v>
      </c>
      <c r="K36656" s="9"/>
      <c r="L36656" s="6"/>
    </row>
    <row r="36657" spans="1:12">
      <c r="A36657" s="6" t="s">
        <v>36421</v>
      </c>
      <c r="B36657" s="6"/>
      <c r="C36657" s="6" t="s">
        <v>32230</v>
      </c>
      <c r="D36657" s="6"/>
      <c r="E36657" s="6" t="s">
        <v>9</v>
      </c>
      <c r="F36657" s="7">
        <v>36250</v>
      </c>
      <c r="G36657" s="8">
        <v>2988900</v>
      </c>
      <c r="H36657" s="8">
        <v>1673784</v>
      </c>
      <c r="I36657" s="8">
        <v>1374894</v>
      </c>
      <c r="J36657" s="8">
        <v>1614006</v>
      </c>
      <c r="K36657" s="9"/>
      <c r="L36657" s="6"/>
    </row>
    <row r="36658" spans="1:12">
      <c r="A36658" s="6" t="s">
        <v>36422</v>
      </c>
      <c r="B36658" s="6"/>
      <c r="C36658" s="6" t="s">
        <v>32230</v>
      </c>
      <c r="D36658" s="6"/>
      <c r="E36658" s="6" t="s">
        <v>9</v>
      </c>
      <c r="F36658" s="7">
        <v>36250</v>
      </c>
      <c r="G36658" s="8">
        <v>5456700</v>
      </c>
      <c r="H36658" s="8">
        <v>3055752</v>
      </c>
      <c r="I36658" s="8">
        <v>2510082</v>
      </c>
      <c r="J36658" s="8">
        <v>2946618</v>
      </c>
      <c r="K36658" s="9"/>
      <c r="L36658" s="6"/>
    </row>
    <row r="36659" spans="1:12">
      <c r="A36659" s="6" t="s">
        <v>36423</v>
      </c>
      <c r="B36659" s="6"/>
      <c r="C36659" s="6" t="s">
        <v>32230</v>
      </c>
      <c r="D36659" s="6"/>
      <c r="E36659" s="6" t="s">
        <v>9</v>
      </c>
      <c r="F36659" s="7">
        <v>36250</v>
      </c>
      <c r="G36659" s="8">
        <v>1012500</v>
      </c>
      <c r="H36659" s="8">
        <v>567000</v>
      </c>
      <c r="I36659" s="8">
        <v>465750</v>
      </c>
      <c r="J36659" s="8">
        <v>546750</v>
      </c>
      <c r="K36659" s="9"/>
      <c r="L36659" s="6"/>
    </row>
    <row r="36660" spans="1:12">
      <c r="A36660" s="6" t="s">
        <v>36424</v>
      </c>
      <c r="B36660" s="6"/>
      <c r="C36660" s="6" t="s">
        <v>32230</v>
      </c>
      <c r="D36660" s="6"/>
      <c r="E36660" s="6" t="s">
        <v>9</v>
      </c>
      <c r="F36660" s="7">
        <v>36250</v>
      </c>
      <c r="G36660" s="8">
        <v>1844100</v>
      </c>
      <c r="H36660" s="8">
        <v>1032696</v>
      </c>
      <c r="I36660" s="8">
        <v>848286</v>
      </c>
      <c r="J36660" s="8">
        <v>995814</v>
      </c>
      <c r="K36660" s="9"/>
      <c r="L36660" s="6"/>
    </row>
    <row r="36661" spans="1:12">
      <c r="A36661" s="6" t="s">
        <v>36425</v>
      </c>
      <c r="B36661" s="6"/>
      <c r="C36661" s="6" t="s">
        <v>32230</v>
      </c>
      <c r="D36661" s="6"/>
      <c r="E36661" s="6" t="s">
        <v>9</v>
      </c>
      <c r="F36661" s="7">
        <v>36250</v>
      </c>
      <c r="G36661" s="8">
        <v>13243500</v>
      </c>
      <c r="H36661" s="8">
        <v>7416360</v>
      </c>
      <c r="I36661" s="8">
        <v>6092010</v>
      </c>
      <c r="J36661" s="8">
        <v>7151490</v>
      </c>
      <c r="K36661" s="9"/>
      <c r="L36661" s="6"/>
    </row>
    <row r="36662" spans="1:12">
      <c r="A36662" s="6" t="s">
        <v>36426</v>
      </c>
      <c r="B36662" s="6"/>
      <c r="C36662" s="6" t="s">
        <v>32230</v>
      </c>
      <c r="D36662" s="6"/>
      <c r="E36662" s="6" t="s">
        <v>9</v>
      </c>
      <c r="F36662" s="7">
        <v>36250</v>
      </c>
      <c r="G36662" s="8">
        <v>1757700</v>
      </c>
      <c r="H36662" s="8">
        <v>984312</v>
      </c>
      <c r="I36662" s="8">
        <v>808542</v>
      </c>
      <c r="J36662" s="8">
        <v>949158</v>
      </c>
      <c r="K36662" s="9"/>
      <c r="L36662" s="6"/>
    </row>
    <row r="36663" spans="1:12">
      <c r="A36663" s="6" t="s">
        <v>36427</v>
      </c>
      <c r="B36663" s="6"/>
      <c r="C36663" s="6" t="s">
        <v>32230</v>
      </c>
      <c r="D36663" s="6"/>
      <c r="E36663" s="6" t="s">
        <v>9</v>
      </c>
      <c r="F36663" s="7">
        <v>37151</v>
      </c>
      <c r="G36663" s="8">
        <v>10262700</v>
      </c>
      <c r="H36663" s="8">
        <v>6362874</v>
      </c>
      <c r="I36663" s="8">
        <v>4105080</v>
      </c>
      <c r="J36663" s="8">
        <v>6157620</v>
      </c>
      <c r="K36663" s="9"/>
      <c r="L36663" s="6"/>
    </row>
    <row r="36664" spans="1:12">
      <c r="A36664" s="6" t="s">
        <v>36428</v>
      </c>
      <c r="B36664" s="6"/>
      <c r="C36664" s="6" t="s">
        <v>32230</v>
      </c>
      <c r="D36664" s="6"/>
      <c r="E36664" s="6" t="s">
        <v>9</v>
      </c>
      <c r="F36664" s="7">
        <v>37151</v>
      </c>
      <c r="G36664" s="8">
        <v>9517500</v>
      </c>
      <c r="H36664" s="8">
        <v>5900850</v>
      </c>
      <c r="I36664" s="8">
        <v>3807000</v>
      </c>
      <c r="J36664" s="8">
        <v>5710500</v>
      </c>
      <c r="K36664" s="9"/>
      <c r="L36664" s="6"/>
    </row>
    <row r="36665" spans="1:12">
      <c r="A36665" s="6" t="s">
        <v>36429</v>
      </c>
      <c r="B36665" s="6"/>
      <c r="C36665" s="6" t="s">
        <v>32230</v>
      </c>
      <c r="D36665" s="6"/>
      <c r="E36665" s="6" t="s">
        <v>9</v>
      </c>
      <c r="F36665" s="7">
        <v>37151</v>
      </c>
      <c r="G36665" s="8">
        <v>19035000</v>
      </c>
      <c r="H36665" s="8">
        <v>11801700</v>
      </c>
      <c r="I36665" s="8">
        <v>7614000</v>
      </c>
      <c r="J36665" s="8">
        <v>11421000</v>
      </c>
      <c r="K36665" s="9"/>
      <c r="L36665" s="6"/>
    </row>
    <row r="36666" spans="1:12">
      <c r="A36666" s="6" t="s">
        <v>36430</v>
      </c>
      <c r="B36666" s="6"/>
      <c r="C36666" s="6" t="s">
        <v>32230</v>
      </c>
      <c r="D36666" s="6"/>
      <c r="E36666" s="6" t="s">
        <v>9</v>
      </c>
      <c r="F36666" s="7">
        <v>37151</v>
      </c>
      <c r="G36666" s="8">
        <v>7184700</v>
      </c>
      <c r="H36666" s="8">
        <v>4454514</v>
      </c>
      <c r="I36666" s="8">
        <v>2873880</v>
      </c>
      <c r="J36666" s="8">
        <v>4310820</v>
      </c>
      <c r="K36666" s="9"/>
      <c r="L36666" s="6"/>
    </row>
    <row r="36667" spans="1:12">
      <c r="A36667" s="6" t="s">
        <v>36431</v>
      </c>
      <c r="B36667" s="6"/>
      <c r="C36667" s="6" t="s">
        <v>32230</v>
      </c>
      <c r="D36667" s="6"/>
      <c r="E36667" s="6" t="s">
        <v>9</v>
      </c>
      <c r="F36667" s="7">
        <v>37151</v>
      </c>
      <c r="G36667" s="8">
        <v>12627900</v>
      </c>
      <c r="H36667" s="8">
        <v>7829298</v>
      </c>
      <c r="I36667" s="8">
        <v>5051160</v>
      </c>
      <c r="J36667" s="8">
        <v>7576740</v>
      </c>
      <c r="K36667" s="9"/>
      <c r="L36667" s="6"/>
    </row>
    <row r="36668" spans="1:12">
      <c r="A36668" s="6" t="s">
        <v>36432</v>
      </c>
      <c r="B36668" s="6"/>
      <c r="C36668" s="6" t="s">
        <v>32230</v>
      </c>
      <c r="D36668" s="6"/>
      <c r="E36668" s="6" t="s">
        <v>9</v>
      </c>
      <c r="F36668" s="7">
        <v>37151</v>
      </c>
      <c r="G36668" s="8">
        <v>23076900</v>
      </c>
      <c r="H36668" s="8">
        <v>14307678</v>
      </c>
      <c r="I36668" s="8">
        <v>9230760</v>
      </c>
      <c r="J36668" s="8">
        <v>13846140</v>
      </c>
      <c r="K36668" s="9"/>
      <c r="L36668" s="6"/>
    </row>
    <row r="36669" spans="1:12">
      <c r="A36669" s="6" t="s">
        <v>36433</v>
      </c>
      <c r="B36669" s="6"/>
      <c r="C36669" s="6" t="s">
        <v>32230</v>
      </c>
      <c r="D36669" s="6"/>
      <c r="E36669" s="6" t="s">
        <v>9</v>
      </c>
      <c r="F36669" s="7">
        <v>37239</v>
      </c>
      <c r="G36669" s="8">
        <v>1503900</v>
      </c>
      <c r="H36669" s="8">
        <v>932418</v>
      </c>
      <c r="I36669" s="8">
        <v>601560</v>
      </c>
      <c r="J36669" s="8">
        <v>902340</v>
      </c>
      <c r="K36669" s="9"/>
      <c r="L36669" s="6"/>
    </row>
    <row r="36670" spans="1:12">
      <c r="A36670" s="6" t="s">
        <v>36434</v>
      </c>
      <c r="B36670" s="6"/>
      <c r="C36670" s="6" t="s">
        <v>32230</v>
      </c>
      <c r="D36670" s="6"/>
      <c r="E36670" s="6" t="s">
        <v>9</v>
      </c>
      <c r="F36670" s="7">
        <v>37239</v>
      </c>
      <c r="G36670" s="8">
        <v>912600</v>
      </c>
      <c r="H36670" s="8">
        <v>565812</v>
      </c>
      <c r="I36670" s="8">
        <v>365040</v>
      </c>
      <c r="J36670" s="8">
        <v>547560</v>
      </c>
      <c r="K36670" s="9"/>
      <c r="L36670" s="6"/>
    </row>
    <row r="36671" spans="1:12">
      <c r="A36671" s="6" t="s">
        <v>36435</v>
      </c>
      <c r="B36671" s="6"/>
      <c r="C36671" s="6" t="s">
        <v>32230</v>
      </c>
      <c r="D36671" s="6"/>
      <c r="E36671" s="6" t="s">
        <v>9</v>
      </c>
      <c r="F36671" s="7">
        <v>37061</v>
      </c>
      <c r="G36671" s="8">
        <v>2178900</v>
      </c>
      <c r="H36671" s="8">
        <v>1350918</v>
      </c>
      <c r="I36671" s="8">
        <v>871560</v>
      </c>
      <c r="J36671" s="8">
        <v>1307340</v>
      </c>
      <c r="K36671" s="9"/>
      <c r="L36671" s="6"/>
    </row>
    <row r="36672" spans="1:12">
      <c r="A36672" s="6" t="s">
        <v>36436</v>
      </c>
      <c r="B36672" s="6"/>
      <c r="C36672" s="6" t="s">
        <v>32230</v>
      </c>
      <c r="D36672" s="6"/>
      <c r="E36672" s="6" t="s">
        <v>9</v>
      </c>
      <c r="F36672" s="7">
        <v>37061</v>
      </c>
      <c r="G36672" s="8">
        <v>18038700</v>
      </c>
      <c r="H36672" s="8">
        <v>11183994</v>
      </c>
      <c r="I36672" s="8">
        <v>7215480</v>
      </c>
      <c r="J36672" s="8">
        <v>10823220</v>
      </c>
      <c r="K36672" s="9"/>
      <c r="L36672" s="6"/>
    </row>
    <row r="36673" spans="1:12">
      <c r="A36673" s="6" t="s">
        <v>36437</v>
      </c>
      <c r="B36673" s="6"/>
      <c r="C36673" s="6" t="s">
        <v>32230</v>
      </c>
      <c r="D36673" s="6"/>
      <c r="E36673" s="6" t="s">
        <v>9</v>
      </c>
      <c r="F36673" s="7">
        <v>37061</v>
      </c>
      <c r="G36673" s="8">
        <v>23400900</v>
      </c>
      <c r="H36673" s="8">
        <v>14508558</v>
      </c>
      <c r="I36673" s="8">
        <v>9360360</v>
      </c>
      <c r="J36673" s="8">
        <v>14040540</v>
      </c>
      <c r="K36673" s="9"/>
      <c r="L36673" s="6"/>
    </row>
    <row r="36674" spans="1:12">
      <c r="A36674" s="6" t="s">
        <v>33185</v>
      </c>
      <c r="B36674" s="6"/>
      <c r="C36674" s="6" t="s">
        <v>32230</v>
      </c>
      <c r="D36674" s="6"/>
      <c r="E36674" s="6" t="s">
        <v>9</v>
      </c>
      <c r="F36674" s="7"/>
      <c r="G36674" s="8">
        <v>1</v>
      </c>
      <c r="H36674" s="8">
        <v>1</v>
      </c>
      <c r="I36674" s="8">
        <v>0</v>
      </c>
      <c r="J36674" s="8">
        <v>1</v>
      </c>
      <c r="K36674" s="9"/>
      <c r="L36674" s="6"/>
    </row>
    <row r="36675" spans="1:12">
      <c r="A36675" s="6" t="s">
        <v>36438</v>
      </c>
      <c r="B36675" s="6"/>
      <c r="C36675" s="6" t="s">
        <v>32230</v>
      </c>
      <c r="D36675" s="6"/>
      <c r="E36675" s="6" t="s">
        <v>9</v>
      </c>
      <c r="F36675" s="7">
        <v>37608</v>
      </c>
      <c r="G36675" s="8">
        <v>19828800</v>
      </c>
      <c r="H36675" s="8">
        <v>12690432</v>
      </c>
      <c r="I36675" s="8">
        <v>7534944</v>
      </c>
      <c r="J36675" s="8">
        <v>12293856</v>
      </c>
      <c r="K36675" s="9"/>
      <c r="L36675" s="6"/>
    </row>
    <row r="36676" spans="1:12">
      <c r="A36676" s="6" t="s">
        <v>36439</v>
      </c>
      <c r="B36676" s="6"/>
      <c r="C36676" s="6" t="s">
        <v>32230</v>
      </c>
      <c r="D36676" s="6"/>
      <c r="E36676" s="6" t="s">
        <v>9</v>
      </c>
      <c r="F36676" s="7">
        <v>37608</v>
      </c>
      <c r="G36676" s="8">
        <v>13689000</v>
      </c>
      <c r="H36676" s="8">
        <v>8760960</v>
      </c>
      <c r="I36676" s="8">
        <v>5201820</v>
      </c>
      <c r="J36676" s="8">
        <v>8487180</v>
      </c>
      <c r="K36676" s="9"/>
      <c r="L36676" s="6"/>
    </row>
    <row r="36677" spans="1:12">
      <c r="A36677" s="6" t="s">
        <v>36440</v>
      </c>
      <c r="B36677" s="6"/>
      <c r="C36677" s="6" t="s">
        <v>32230</v>
      </c>
      <c r="D36677" s="6"/>
      <c r="E36677" s="6" t="s">
        <v>9</v>
      </c>
      <c r="F36677" s="7">
        <v>37608</v>
      </c>
      <c r="G36677" s="8">
        <v>1814400</v>
      </c>
      <c r="H36677" s="8">
        <v>1161216</v>
      </c>
      <c r="I36677" s="8">
        <v>689472</v>
      </c>
      <c r="J36677" s="8">
        <v>1124928</v>
      </c>
      <c r="K36677" s="9"/>
      <c r="L36677" s="6"/>
    </row>
    <row r="36678" spans="1:12">
      <c r="A36678" s="6" t="s">
        <v>36441</v>
      </c>
      <c r="B36678" s="6"/>
      <c r="C36678" s="6" t="s">
        <v>32230</v>
      </c>
      <c r="D36678" s="6"/>
      <c r="E36678" s="6" t="s">
        <v>9</v>
      </c>
      <c r="F36678" s="7">
        <v>38338</v>
      </c>
      <c r="G36678" s="8">
        <v>28123200</v>
      </c>
      <c r="H36678" s="8">
        <v>19123776</v>
      </c>
      <c r="I36678" s="8">
        <v>9561888</v>
      </c>
      <c r="J36678" s="8">
        <v>18561312</v>
      </c>
      <c r="K36678" s="9"/>
      <c r="L36678" s="6"/>
    </row>
    <row r="36679" spans="1:12">
      <c r="A36679" s="6" t="s">
        <v>36442</v>
      </c>
      <c r="B36679" s="6"/>
      <c r="C36679" s="6" t="s">
        <v>32230</v>
      </c>
      <c r="D36679" s="6"/>
      <c r="E36679" s="6" t="s">
        <v>9</v>
      </c>
      <c r="F36679" s="7">
        <v>38338</v>
      </c>
      <c r="G36679" s="8">
        <v>4617000</v>
      </c>
      <c r="H36679" s="8">
        <v>3139560</v>
      </c>
      <c r="I36679" s="8">
        <v>1569780</v>
      </c>
      <c r="J36679" s="8">
        <v>3047220</v>
      </c>
      <c r="K36679" s="9"/>
      <c r="L36679" s="6"/>
    </row>
    <row r="36680" spans="1:12">
      <c r="A36680" s="6" t="s">
        <v>36443</v>
      </c>
      <c r="B36680" s="6"/>
      <c r="C36680" s="6" t="s">
        <v>32230</v>
      </c>
      <c r="D36680" s="6"/>
      <c r="E36680" s="6" t="s">
        <v>9</v>
      </c>
      <c r="F36680" s="7">
        <v>38338</v>
      </c>
      <c r="G36680" s="8">
        <v>5167800</v>
      </c>
      <c r="H36680" s="8">
        <v>3514104</v>
      </c>
      <c r="I36680" s="8">
        <v>1757052</v>
      </c>
      <c r="J36680" s="8">
        <v>3410748</v>
      </c>
      <c r="K36680" s="9"/>
      <c r="L36680" s="6"/>
    </row>
    <row r="36681" spans="1:12">
      <c r="A36681" s="6" t="s">
        <v>36444</v>
      </c>
      <c r="B36681" s="6"/>
      <c r="C36681" s="6" t="s">
        <v>32230</v>
      </c>
      <c r="D36681" s="6"/>
      <c r="E36681" s="6" t="s">
        <v>9</v>
      </c>
      <c r="F36681" s="7">
        <v>38338</v>
      </c>
      <c r="G36681" s="8">
        <v>2300400</v>
      </c>
      <c r="H36681" s="8">
        <v>1564272</v>
      </c>
      <c r="I36681" s="8">
        <v>782136</v>
      </c>
      <c r="J36681" s="8">
        <v>1518264</v>
      </c>
      <c r="K36681" s="9"/>
      <c r="L36681" s="6"/>
    </row>
    <row r="36682" spans="1:12">
      <c r="A36682" s="6" t="s">
        <v>36445</v>
      </c>
      <c r="B36682" s="6"/>
      <c r="C36682" s="6" t="s">
        <v>32230</v>
      </c>
      <c r="D36682" s="6"/>
      <c r="E36682" s="6" t="s">
        <v>9</v>
      </c>
      <c r="F36682" s="7">
        <v>39169</v>
      </c>
      <c r="G36682" s="8">
        <v>7974400</v>
      </c>
      <c r="H36682" s="8">
        <v>5741568</v>
      </c>
      <c r="I36682" s="8">
        <v>2392320</v>
      </c>
      <c r="J36682" s="8">
        <v>5582080</v>
      </c>
      <c r="K36682" s="9"/>
      <c r="L36682" s="6"/>
    </row>
    <row r="36683" spans="1:12">
      <c r="A36683" s="6" t="s">
        <v>36446</v>
      </c>
      <c r="B36683" s="6"/>
      <c r="C36683" s="6" t="s">
        <v>32230</v>
      </c>
      <c r="D36683" s="6"/>
      <c r="E36683" s="6" t="s">
        <v>9</v>
      </c>
      <c r="F36683" s="7">
        <v>39169</v>
      </c>
      <c r="G36683" s="8">
        <v>4098600</v>
      </c>
      <c r="H36683" s="8">
        <v>2950992</v>
      </c>
      <c r="I36683" s="8">
        <v>1229580</v>
      </c>
      <c r="J36683" s="8">
        <v>2869020</v>
      </c>
      <c r="K36683" s="9"/>
      <c r="L36683" s="6"/>
    </row>
    <row r="36684" spans="1:12">
      <c r="A36684" s="6" t="s">
        <v>36447</v>
      </c>
      <c r="B36684" s="6"/>
      <c r="C36684" s="6" t="s">
        <v>32230</v>
      </c>
      <c r="D36684" s="6"/>
      <c r="E36684" s="6" t="s">
        <v>9</v>
      </c>
      <c r="F36684" s="7">
        <v>39535</v>
      </c>
      <c r="G36684" s="8">
        <v>10108800</v>
      </c>
      <c r="H36684" s="8">
        <v>7480512</v>
      </c>
      <c r="I36684" s="8">
        <v>2830464</v>
      </c>
      <c r="J36684" s="8">
        <v>7278336</v>
      </c>
      <c r="K36684" s="9"/>
      <c r="L36684" s="6"/>
    </row>
    <row r="36685" spans="1:12">
      <c r="A36685" s="6" t="s">
        <v>36448</v>
      </c>
      <c r="B36685" s="6"/>
      <c r="C36685" s="6" t="s">
        <v>32230</v>
      </c>
      <c r="D36685" s="6"/>
      <c r="E36685" s="6" t="s">
        <v>9</v>
      </c>
      <c r="F36685" s="7">
        <v>39535</v>
      </c>
      <c r="G36685" s="8">
        <v>25766400</v>
      </c>
      <c r="H36685" s="8">
        <v>19067136</v>
      </c>
      <c r="I36685" s="8">
        <v>7214592</v>
      </c>
      <c r="J36685" s="8">
        <v>18551808</v>
      </c>
      <c r="K36685" s="9"/>
      <c r="L36685" s="6"/>
    </row>
    <row r="36686" spans="1:12">
      <c r="A36686" s="6" t="s">
        <v>36449</v>
      </c>
      <c r="B36686" s="6"/>
      <c r="C36686" s="6" t="s">
        <v>32230</v>
      </c>
      <c r="D36686" s="6"/>
      <c r="E36686" s="6" t="s">
        <v>9</v>
      </c>
      <c r="F36686" s="7">
        <v>39899</v>
      </c>
      <c r="G36686" s="8">
        <v>2980800</v>
      </c>
      <c r="H36686" s="8">
        <v>2265408</v>
      </c>
      <c r="I36686" s="8">
        <v>775008</v>
      </c>
      <c r="J36686" s="8">
        <v>2205792</v>
      </c>
      <c r="K36686" s="9"/>
      <c r="L36686" s="6"/>
    </row>
    <row r="36687" spans="1:12">
      <c r="A36687" s="6" t="s">
        <v>36450</v>
      </c>
      <c r="B36687" s="6"/>
      <c r="C36687" s="6" t="s">
        <v>32230</v>
      </c>
      <c r="D36687" s="6"/>
      <c r="E36687" s="6" t="s">
        <v>9</v>
      </c>
      <c r="F36687" s="7">
        <v>40630</v>
      </c>
      <c r="G36687" s="8">
        <v>3215700</v>
      </c>
      <c r="H36687" s="8">
        <v>2572560</v>
      </c>
      <c r="I36687" s="8">
        <v>707454</v>
      </c>
      <c r="J36687" s="8">
        <v>2508246</v>
      </c>
      <c r="K36687" s="9"/>
      <c r="L36687" s="6"/>
    </row>
    <row r="36688" spans="1:12">
      <c r="A36688" s="6" t="s">
        <v>36451</v>
      </c>
      <c r="B36688" s="6"/>
      <c r="C36688" s="6" t="s">
        <v>32230</v>
      </c>
      <c r="D36688" s="6"/>
      <c r="E36688" s="6" t="s">
        <v>9</v>
      </c>
      <c r="F36688" s="7">
        <v>40994</v>
      </c>
      <c r="G36688" s="8">
        <v>9477000</v>
      </c>
      <c r="H36688" s="8">
        <v>7771140</v>
      </c>
      <c r="I36688" s="8">
        <v>1895400</v>
      </c>
      <c r="J36688" s="8">
        <v>7581600</v>
      </c>
      <c r="K36688" s="9"/>
      <c r="L36688" s="6"/>
    </row>
    <row r="36689" spans="1:12">
      <c r="A36689" s="6" t="s">
        <v>36452</v>
      </c>
      <c r="B36689" s="6"/>
      <c r="C36689" s="6" t="s">
        <v>32230</v>
      </c>
      <c r="D36689" s="6"/>
      <c r="E36689" s="6" t="s">
        <v>9</v>
      </c>
      <c r="F36689" s="7">
        <v>40994</v>
      </c>
      <c r="G36689" s="8">
        <v>15495300</v>
      </c>
      <c r="H36689" s="8">
        <v>12706146</v>
      </c>
      <c r="I36689" s="8">
        <v>3099060</v>
      </c>
      <c r="J36689" s="8">
        <v>12396240</v>
      </c>
      <c r="K36689" s="9"/>
      <c r="L36689" s="6"/>
    </row>
    <row r="36690" spans="1:12">
      <c r="A36690" s="6" t="s">
        <v>36453</v>
      </c>
      <c r="B36690" s="6"/>
      <c r="C36690" s="6" t="s">
        <v>32230</v>
      </c>
      <c r="D36690" s="6"/>
      <c r="E36690" s="6" t="s">
        <v>9</v>
      </c>
      <c r="F36690" s="7">
        <v>41360</v>
      </c>
      <c r="G36690" s="8">
        <v>10416600</v>
      </c>
      <c r="H36690" s="8">
        <v>8749944</v>
      </c>
      <c r="I36690" s="8">
        <v>1874988</v>
      </c>
      <c r="J36690" s="8">
        <v>8541612</v>
      </c>
      <c r="K36690" s="9"/>
      <c r="L36690" s="6"/>
    </row>
    <row r="36691" spans="1:12">
      <c r="A36691" s="6" t="s">
        <v>36454</v>
      </c>
      <c r="B36691" s="6"/>
      <c r="C36691" s="6" t="s">
        <v>32230</v>
      </c>
      <c r="D36691" s="6"/>
      <c r="E36691" s="6" t="s">
        <v>9</v>
      </c>
      <c r="F36691" s="7">
        <v>41726</v>
      </c>
      <c r="G36691" s="8">
        <v>17836200</v>
      </c>
      <c r="H36691" s="8">
        <v>15339132</v>
      </c>
      <c r="I36691" s="8">
        <v>2853792</v>
      </c>
      <c r="J36691" s="8">
        <v>14982408</v>
      </c>
      <c r="K36691" s="9"/>
      <c r="L36691" s="6"/>
    </row>
    <row r="36692" spans="1:12">
      <c r="A36692" s="6" t="s">
        <v>36455</v>
      </c>
      <c r="B36692" s="6"/>
      <c r="C36692" s="6" t="s">
        <v>32230</v>
      </c>
      <c r="D36692" s="6"/>
      <c r="E36692" s="6" t="s">
        <v>9</v>
      </c>
      <c r="F36692" s="7">
        <v>41726</v>
      </c>
      <c r="G36692" s="8">
        <v>3758400</v>
      </c>
      <c r="H36692" s="8">
        <v>3232224</v>
      </c>
      <c r="I36692" s="8">
        <v>601344</v>
      </c>
      <c r="J36692" s="8">
        <v>3157056</v>
      </c>
      <c r="K36692" s="9"/>
      <c r="L36692" s="6"/>
    </row>
    <row r="36693" spans="1:12">
      <c r="A36693" s="6" t="s">
        <v>36456</v>
      </c>
      <c r="B36693" s="6"/>
      <c r="C36693" s="6" t="s">
        <v>32230</v>
      </c>
      <c r="D36693" s="6"/>
      <c r="E36693" s="6" t="s">
        <v>9</v>
      </c>
      <c r="F36693" s="7">
        <v>41726</v>
      </c>
      <c r="G36693" s="8">
        <v>5054400</v>
      </c>
      <c r="H36693" s="8">
        <v>4346784</v>
      </c>
      <c r="I36693" s="8">
        <v>808704</v>
      </c>
      <c r="J36693" s="8">
        <v>4245696</v>
      </c>
      <c r="K36693" s="9"/>
      <c r="L36693" s="6"/>
    </row>
    <row r="36694" spans="1:12">
      <c r="A36694" s="6" t="s">
        <v>36457</v>
      </c>
      <c r="B36694" s="6"/>
      <c r="C36694" s="6" t="s">
        <v>32230</v>
      </c>
      <c r="D36694" s="6"/>
      <c r="E36694" s="6" t="s">
        <v>9</v>
      </c>
      <c r="F36694" s="7">
        <v>41726</v>
      </c>
      <c r="G36694" s="8">
        <v>5516100</v>
      </c>
      <c r="H36694" s="8">
        <v>4743846</v>
      </c>
      <c r="I36694" s="8">
        <v>882576</v>
      </c>
      <c r="J36694" s="8">
        <v>4633524</v>
      </c>
      <c r="K36694" s="9"/>
      <c r="L36694" s="6"/>
    </row>
    <row r="36695" spans="1:12">
      <c r="A36695" s="6" t="s">
        <v>36458</v>
      </c>
      <c r="B36695" s="6"/>
      <c r="C36695" s="6" t="s">
        <v>32230</v>
      </c>
      <c r="D36695" s="6"/>
      <c r="E36695" s="6" t="s">
        <v>9</v>
      </c>
      <c r="F36695" s="7">
        <v>41726</v>
      </c>
      <c r="G36695" s="8">
        <v>4390200</v>
      </c>
      <c r="H36695" s="8">
        <v>3775572</v>
      </c>
      <c r="I36695" s="8">
        <v>702432</v>
      </c>
      <c r="J36695" s="8">
        <v>3687768</v>
      </c>
      <c r="K36695" s="9"/>
      <c r="L36695" s="6"/>
    </row>
    <row r="36696" spans="1:12">
      <c r="A36696" s="6" t="s">
        <v>36459</v>
      </c>
      <c r="B36696" s="6"/>
      <c r="C36696" s="6" t="s">
        <v>32230</v>
      </c>
      <c r="D36696" s="6"/>
      <c r="E36696" s="6" t="s">
        <v>9</v>
      </c>
      <c r="F36696" s="7">
        <v>41726</v>
      </c>
      <c r="G36696" s="8">
        <v>15462900</v>
      </c>
      <c r="H36696" s="8">
        <v>13298094</v>
      </c>
      <c r="I36696" s="8">
        <v>2474064</v>
      </c>
      <c r="J36696" s="8">
        <v>12988836</v>
      </c>
      <c r="K36696" s="9"/>
      <c r="L36696" s="6"/>
    </row>
    <row r="36697" spans="1:12">
      <c r="A36697" s="6" t="s">
        <v>36460</v>
      </c>
      <c r="B36697" s="6"/>
      <c r="C36697" s="6" t="s">
        <v>32230</v>
      </c>
      <c r="D36697" s="6"/>
      <c r="E36697" s="6" t="s">
        <v>9</v>
      </c>
      <c r="F36697" s="7">
        <v>41726</v>
      </c>
      <c r="G36697" s="8">
        <v>5783400</v>
      </c>
      <c r="H36697" s="8">
        <v>4973724</v>
      </c>
      <c r="I36697" s="8">
        <v>925344</v>
      </c>
      <c r="J36697" s="8">
        <v>4858056</v>
      </c>
      <c r="K36697" s="9"/>
      <c r="L36697" s="6"/>
    </row>
    <row r="36698" spans="1:12">
      <c r="A36698" s="6" t="s">
        <v>36461</v>
      </c>
      <c r="B36698" s="6"/>
      <c r="C36698" s="6" t="s">
        <v>32230</v>
      </c>
      <c r="D36698" s="6"/>
      <c r="E36698" s="6" t="s">
        <v>9</v>
      </c>
      <c r="F36698" s="7">
        <v>41726</v>
      </c>
      <c r="G36698" s="8">
        <v>6909300</v>
      </c>
      <c r="H36698" s="8">
        <v>5941998</v>
      </c>
      <c r="I36698" s="8">
        <v>1105488</v>
      </c>
      <c r="J36698" s="8">
        <v>5803812</v>
      </c>
      <c r="K36698" s="9"/>
      <c r="L36698" s="6"/>
    </row>
    <row r="36699" spans="1:12">
      <c r="A36699" s="6" t="s">
        <v>36462</v>
      </c>
      <c r="B36699" s="6"/>
      <c r="C36699" s="6" t="s">
        <v>32230</v>
      </c>
      <c r="D36699" s="6"/>
      <c r="E36699" s="6" t="s">
        <v>9</v>
      </c>
      <c r="F36699" s="7">
        <v>38246</v>
      </c>
      <c r="G36699" s="8">
        <v>8259300</v>
      </c>
      <c r="H36699" s="8">
        <v>5616324</v>
      </c>
      <c r="I36699" s="8">
        <v>2808162</v>
      </c>
      <c r="J36699" s="8">
        <v>5451138</v>
      </c>
      <c r="K36699" s="9"/>
      <c r="L36699" s="6"/>
    </row>
    <row r="36700" spans="1:12">
      <c r="A36700" s="6" t="s">
        <v>36463</v>
      </c>
      <c r="B36700" s="6"/>
      <c r="C36700" s="6" t="s">
        <v>32230</v>
      </c>
      <c r="D36700" s="6"/>
      <c r="E36700" s="6" t="s">
        <v>9</v>
      </c>
      <c r="F36700" s="7">
        <v>43486</v>
      </c>
      <c r="G36700" s="8">
        <v>864000</v>
      </c>
      <c r="H36700" s="8">
        <v>748224</v>
      </c>
      <c r="I36700" s="8">
        <v>173664</v>
      </c>
      <c r="J36700" s="8">
        <v>690336</v>
      </c>
      <c r="K36700" s="9"/>
      <c r="L36700" s="6"/>
    </row>
    <row r="36701" spans="1:12">
      <c r="A36701" s="6" t="s">
        <v>36464</v>
      </c>
      <c r="B36701" s="6"/>
      <c r="C36701" s="6" t="s">
        <v>32230</v>
      </c>
      <c r="D36701" s="6"/>
      <c r="E36701" s="6" t="s">
        <v>9</v>
      </c>
      <c r="F36701" s="7">
        <v>28892</v>
      </c>
      <c r="G36701" s="8">
        <v>10260000</v>
      </c>
      <c r="H36701" s="8">
        <v>1641600</v>
      </c>
      <c r="I36701" s="8">
        <v>8823600</v>
      </c>
      <c r="J36701" s="8">
        <v>1436400</v>
      </c>
      <c r="K36701" s="9"/>
      <c r="L36701" s="6"/>
    </row>
    <row r="36702" spans="1:12">
      <c r="A36702" s="6" t="s">
        <v>33185</v>
      </c>
      <c r="B36702" s="6"/>
      <c r="C36702" s="6" t="s">
        <v>32230</v>
      </c>
      <c r="D36702" s="6"/>
      <c r="E36702" s="6" t="s">
        <v>9</v>
      </c>
      <c r="F36702" s="7"/>
      <c r="G36702" s="8">
        <v>1</v>
      </c>
      <c r="H36702" s="8">
        <v>1</v>
      </c>
      <c r="I36702" s="8">
        <v>0</v>
      </c>
      <c r="J36702" s="8">
        <v>1</v>
      </c>
      <c r="K36702" s="9"/>
      <c r="L36702" s="6"/>
    </row>
    <row r="36703" spans="1:12">
      <c r="A36703" s="6" t="s">
        <v>36465</v>
      </c>
      <c r="B36703" s="6"/>
      <c r="C36703" s="6" t="s">
        <v>32230</v>
      </c>
      <c r="D36703" s="6"/>
      <c r="E36703" s="6" t="s">
        <v>9</v>
      </c>
      <c r="F36703" s="7">
        <v>28892</v>
      </c>
      <c r="G36703" s="8">
        <v>9655200</v>
      </c>
      <c r="H36703" s="8">
        <v>1544832</v>
      </c>
      <c r="I36703" s="8">
        <v>8303472</v>
      </c>
      <c r="J36703" s="8">
        <v>1351728</v>
      </c>
      <c r="K36703" s="9"/>
      <c r="L36703" s="6"/>
    </row>
    <row r="36704" spans="1:12">
      <c r="A36704" s="6" t="s">
        <v>36466</v>
      </c>
      <c r="B36704" s="6"/>
      <c r="C36704" s="6" t="s">
        <v>32230</v>
      </c>
      <c r="D36704" s="6"/>
      <c r="E36704" s="6" t="s">
        <v>9</v>
      </c>
      <c r="F36704" s="7">
        <v>28892</v>
      </c>
      <c r="G36704" s="8">
        <v>24057000</v>
      </c>
      <c r="H36704" s="8">
        <v>3849120</v>
      </c>
      <c r="I36704" s="8">
        <v>20689020</v>
      </c>
      <c r="J36704" s="8">
        <v>3367980</v>
      </c>
      <c r="K36704" s="9"/>
      <c r="L36704" s="6"/>
    </row>
    <row r="36705" spans="1:12">
      <c r="A36705" s="6" t="s">
        <v>36467</v>
      </c>
      <c r="B36705" s="6"/>
      <c r="C36705" s="6" t="s">
        <v>32230</v>
      </c>
      <c r="D36705" s="6"/>
      <c r="E36705" s="6" t="s">
        <v>9</v>
      </c>
      <c r="F36705" s="7">
        <v>28892</v>
      </c>
      <c r="G36705" s="8">
        <v>58563000</v>
      </c>
      <c r="H36705" s="8">
        <v>9370080</v>
      </c>
      <c r="I36705" s="8">
        <v>50364180</v>
      </c>
      <c r="J36705" s="8">
        <v>8198820</v>
      </c>
      <c r="K36705" s="9"/>
      <c r="L36705" s="6"/>
    </row>
    <row r="36706" spans="1:12">
      <c r="A36706" s="6" t="s">
        <v>36468</v>
      </c>
      <c r="B36706" s="6"/>
      <c r="C36706" s="6" t="s">
        <v>32230</v>
      </c>
      <c r="D36706" s="6"/>
      <c r="E36706" s="6" t="s">
        <v>9</v>
      </c>
      <c r="F36706" s="7">
        <v>28892</v>
      </c>
      <c r="G36706" s="8">
        <v>14002200</v>
      </c>
      <c r="H36706" s="8">
        <v>2240352</v>
      </c>
      <c r="I36706" s="8">
        <v>12041892</v>
      </c>
      <c r="J36706" s="8">
        <v>1960308</v>
      </c>
      <c r="K36706" s="9"/>
      <c r="L36706" s="6"/>
    </row>
    <row r="36707" spans="1:12">
      <c r="A36707" s="6" t="s">
        <v>36469</v>
      </c>
      <c r="B36707" s="6"/>
      <c r="C36707" s="6" t="s">
        <v>32230</v>
      </c>
      <c r="D36707" s="6"/>
      <c r="E36707" s="6" t="s">
        <v>9</v>
      </c>
      <c r="F36707" s="7">
        <v>28892</v>
      </c>
      <c r="G36707" s="8">
        <v>97830400</v>
      </c>
      <c r="H36707" s="8">
        <v>15652864</v>
      </c>
      <c r="I36707" s="8">
        <v>84134144</v>
      </c>
      <c r="J36707" s="8">
        <v>13696256</v>
      </c>
      <c r="K36707" s="9"/>
      <c r="L36707" s="6"/>
    </row>
    <row r="36708" spans="1:12">
      <c r="A36708" s="6" t="s">
        <v>33185</v>
      </c>
      <c r="B36708" s="6"/>
      <c r="C36708" s="6" t="s">
        <v>32230</v>
      </c>
      <c r="D36708" s="6"/>
      <c r="E36708" s="6" t="s">
        <v>9</v>
      </c>
      <c r="F36708" s="7"/>
      <c r="G36708" s="8">
        <v>1</v>
      </c>
      <c r="H36708" s="8">
        <v>1</v>
      </c>
      <c r="I36708" s="8">
        <v>0</v>
      </c>
      <c r="J36708" s="8">
        <v>1</v>
      </c>
      <c r="K36708" s="9"/>
      <c r="L36708" s="6"/>
    </row>
    <row r="36709" spans="1:12">
      <c r="A36709" s="6" t="s">
        <v>36470</v>
      </c>
      <c r="B36709" s="6"/>
      <c r="C36709" s="6" t="s">
        <v>32230</v>
      </c>
      <c r="D36709" s="6"/>
      <c r="E36709" s="6" t="s">
        <v>9</v>
      </c>
      <c r="F36709" s="7">
        <v>28892</v>
      </c>
      <c r="G36709" s="8">
        <v>147532800</v>
      </c>
      <c r="H36709" s="8">
        <v>23605248</v>
      </c>
      <c r="I36709" s="8">
        <v>126878208</v>
      </c>
      <c r="J36709" s="8">
        <v>20654592</v>
      </c>
      <c r="K36709" s="9"/>
      <c r="L36709" s="6"/>
    </row>
    <row r="36710" spans="1:12">
      <c r="A36710" s="6" t="s">
        <v>36471</v>
      </c>
      <c r="B36710" s="6"/>
      <c r="C36710" s="6" t="s">
        <v>32230</v>
      </c>
      <c r="D36710" s="6"/>
      <c r="E36710" s="6" t="s">
        <v>9</v>
      </c>
      <c r="F36710" s="7">
        <v>28892</v>
      </c>
      <c r="G36710" s="8">
        <v>2129900</v>
      </c>
      <c r="H36710" s="8">
        <v>340784</v>
      </c>
      <c r="I36710" s="8">
        <v>1831714</v>
      </c>
      <c r="J36710" s="8">
        <v>298186</v>
      </c>
      <c r="K36710" s="9"/>
      <c r="L36710" s="6"/>
    </row>
    <row r="36711" spans="1:12">
      <c r="A36711" s="6" t="s">
        <v>36472</v>
      </c>
      <c r="B36711" s="6"/>
      <c r="C36711" s="6" t="s">
        <v>32230</v>
      </c>
      <c r="D36711" s="6"/>
      <c r="E36711" s="6" t="s">
        <v>9</v>
      </c>
      <c r="F36711" s="7">
        <v>28892</v>
      </c>
      <c r="G36711" s="8">
        <v>2876600</v>
      </c>
      <c r="H36711" s="8">
        <v>460256</v>
      </c>
      <c r="I36711" s="8">
        <v>2473876</v>
      </c>
      <c r="J36711" s="8">
        <v>402724</v>
      </c>
      <c r="K36711" s="9"/>
      <c r="L36711" s="6"/>
    </row>
    <row r="36712" spans="1:12">
      <c r="A36712" s="6" t="s">
        <v>36473</v>
      </c>
      <c r="B36712" s="6"/>
      <c r="C36712" s="6" t="s">
        <v>32230</v>
      </c>
      <c r="D36712" s="6"/>
      <c r="E36712" s="6" t="s">
        <v>9</v>
      </c>
      <c r="F36712" s="7">
        <v>38246</v>
      </c>
      <c r="G36712" s="8">
        <v>3761100</v>
      </c>
      <c r="H36712" s="8">
        <v>2557548</v>
      </c>
      <c r="I36712" s="8">
        <v>1278774</v>
      </c>
      <c r="J36712" s="8">
        <v>2482326</v>
      </c>
      <c r="K36712" s="9"/>
      <c r="L36712" s="6"/>
    </row>
    <row r="36713" spans="1:12">
      <c r="A36713" s="6" t="s">
        <v>36474</v>
      </c>
      <c r="B36713" s="6"/>
      <c r="C36713" s="6" t="s">
        <v>32230</v>
      </c>
      <c r="D36713" s="6"/>
      <c r="E36713" s="6" t="s">
        <v>9</v>
      </c>
      <c r="F36713" s="7">
        <v>28892</v>
      </c>
      <c r="G36713" s="8">
        <v>1979800</v>
      </c>
      <c r="H36713" s="8">
        <v>316768</v>
      </c>
      <c r="I36713" s="8">
        <v>1702628</v>
      </c>
      <c r="J36713" s="8">
        <v>277172</v>
      </c>
      <c r="K36713" s="9"/>
      <c r="L36713" s="6"/>
    </row>
    <row r="36714" spans="1:12">
      <c r="A36714" s="6" t="s">
        <v>36475</v>
      </c>
      <c r="B36714" s="6"/>
      <c r="C36714" s="6" t="s">
        <v>32230</v>
      </c>
      <c r="D36714" s="6"/>
      <c r="E36714" s="6" t="s">
        <v>9</v>
      </c>
      <c r="F36714" s="7">
        <v>28892</v>
      </c>
      <c r="G36714" s="8">
        <v>2929500</v>
      </c>
      <c r="H36714" s="8">
        <v>468720</v>
      </c>
      <c r="I36714" s="8">
        <v>2519370</v>
      </c>
      <c r="J36714" s="8">
        <v>410130</v>
      </c>
      <c r="K36714" s="9"/>
      <c r="L36714" s="6"/>
    </row>
    <row r="36715" spans="1:12">
      <c r="A36715" s="6" t="s">
        <v>36476</v>
      </c>
      <c r="B36715" s="6"/>
      <c r="C36715" s="6" t="s">
        <v>32230</v>
      </c>
      <c r="D36715" s="6"/>
      <c r="E36715" s="6" t="s">
        <v>9</v>
      </c>
      <c r="F36715" s="7">
        <v>28892</v>
      </c>
      <c r="G36715" s="8">
        <v>1850600</v>
      </c>
      <c r="H36715" s="8">
        <v>296096</v>
      </c>
      <c r="I36715" s="8">
        <v>1591516</v>
      </c>
      <c r="J36715" s="8">
        <v>259084</v>
      </c>
      <c r="K36715" s="9"/>
      <c r="L36715" s="6"/>
    </row>
    <row r="36716" spans="1:12">
      <c r="A36716" s="6" t="s">
        <v>36477</v>
      </c>
      <c r="B36716" s="6"/>
      <c r="C36716" s="6" t="s">
        <v>32230</v>
      </c>
      <c r="D36716" s="6"/>
      <c r="E36716" s="6" t="s">
        <v>9</v>
      </c>
      <c r="F36716" s="7">
        <v>28892</v>
      </c>
      <c r="G36716" s="8">
        <v>6647400</v>
      </c>
      <c r="H36716" s="8">
        <v>1063584</v>
      </c>
      <c r="I36716" s="8">
        <v>5716764</v>
      </c>
      <c r="J36716" s="8">
        <v>930636</v>
      </c>
      <c r="K36716" s="9"/>
      <c r="L36716" s="6"/>
    </row>
    <row r="36717" spans="1:12">
      <c r="A36717" s="6" t="s">
        <v>36478</v>
      </c>
      <c r="B36717" s="6"/>
      <c r="C36717" s="6" t="s">
        <v>32230</v>
      </c>
      <c r="D36717" s="6"/>
      <c r="E36717" s="6" t="s">
        <v>9</v>
      </c>
      <c r="F36717" s="7">
        <v>28892</v>
      </c>
      <c r="G36717" s="8">
        <v>13373100</v>
      </c>
      <c r="H36717" s="8">
        <v>2139696</v>
      </c>
      <c r="I36717" s="8">
        <v>11500866</v>
      </c>
      <c r="J36717" s="8">
        <v>1872234</v>
      </c>
      <c r="K36717" s="9"/>
      <c r="L36717" s="6"/>
    </row>
    <row r="36718" spans="1:12">
      <c r="A36718" s="6" t="s">
        <v>36479</v>
      </c>
      <c r="B36718" s="6"/>
      <c r="C36718" s="6" t="s">
        <v>32230</v>
      </c>
      <c r="D36718" s="6"/>
      <c r="E36718" s="6" t="s">
        <v>9</v>
      </c>
      <c r="F36718" s="7">
        <v>28892</v>
      </c>
      <c r="G36718" s="8">
        <v>41107500</v>
      </c>
      <c r="H36718" s="8">
        <v>6577200</v>
      </c>
      <c r="I36718" s="8">
        <v>35352450</v>
      </c>
      <c r="J36718" s="8">
        <v>5755050</v>
      </c>
      <c r="K36718" s="9"/>
      <c r="L36718" s="6"/>
    </row>
    <row r="36719" spans="1:12">
      <c r="A36719" s="6" t="s">
        <v>36480</v>
      </c>
      <c r="B36719" s="6"/>
      <c r="C36719" s="6" t="s">
        <v>32230</v>
      </c>
      <c r="D36719" s="6"/>
      <c r="E36719" s="6" t="s">
        <v>9</v>
      </c>
      <c r="F36719" s="7">
        <v>43815</v>
      </c>
      <c r="G36719" s="8">
        <v>764500</v>
      </c>
      <c r="H36719" s="8">
        <v>738507</v>
      </c>
      <c r="I36719" s="8">
        <v>51986</v>
      </c>
      <c r="J36719" s="8">
        <v>712514</v>
      </c>
      <c r="K36719" s="9"/>
      <c r="L36719" s="6"/>
    </row>
    <row r="36720" spans="1:12">
      <c r="A36720" s="6" t="s">
        <v>36481</v>
      </c>
      <c r="B36720" s="6"/>
      <c r="C36720" s="6" t="s">
        <v>32230</v>
      </c>
      <c r="D36720" s="6"/>
      <c r="E36720" s="6" t="s">
        <v>9</v>
      </c>
      <c r="F36720" s="7">
        <v>38246</v>
      </c>
      <c r="G36720" s="8">
        <v>4734800</v>
      </c>
      <c r="H36720" s="8">
        <v>3219664</v>
      </c>
      <c r="I36720" s="8">
        <v>1609832</v>
      </c>
      <c r="J36720" s="8">
        <v>3124968</v>
      </c>
      <c r="K36720" s="9"/>
      <c r="L36720" s="6"/>
    </row>
    <row r="36721" spans="1:12">
      <c r="A36721" s="6" t="s">
        <v>36482</v>
      </c>
      <c r="B36721" s="6"/>
      <c r="C36721" s="6" t="s">
        <v>32230</v>
      </c>
      <c r="D36721" s="6"/>
      <c r="E36721" s="6" t="s">
        <v>9</v>
      </c>
      <c r="F36721" s="7">
        <v>38246</v>
      </c>
      <c r="G36721" s="8">
        <v>6777000</v>
      </c>
      <c r="H36721" s="8">
        <v>4608360</v>
      </c>
      <c r="I36721" s="8">
        <v>2304180</v>
      </c>
      <c r="J36721" s="8">
        <v>4472820</v>
      </c>
      <c r="K36721" s="9"/>
      <c r="L36721" s="6"/>
    </row>
    <row r="36722" spans="1:12">
      <c r="A36722" s="6" t="s">
        <v>36483</v>
      </c>
      <c r="B36722" s="6"/>
      <c r="C36722" s="6" t="s">
        <v>32230</v>
      </c>
      <c r="D36722" s="6"/>
      <c r="E36722" s="6" t="s">
        <v>9</v>
      </c>
      <c r="F36722" s="7">
        <v>28892</v>
      </c>
      <c r="G36722" s="8">
        <v>16767000</v>
      </c>
      <c r="H36722" s="8">
        <v>2682720</v>
      </c>
      <c r="I36722" s="8">
        <v>14419620</v>
      </c>
      <c r="J36722" s="8">
        <v>2347380</v>
      </c>
      <c r="K36722" s="9"/>
      <c r="L36722" s="6"/>
    </row>
    <row r="36723" spans="1:12">
      <c r="A36723" s="6" t="s">
        <v>36484</v>
      </c>
      <c r="B36723" s="6"/>
      <c r="C36723" s="6" t="s">
        <v>32230</v>
      </c>
      <c r="D36723" s="6"/>
      <c r="E36723" s="6"/>
      <c r="F36723" s="7">
        <v>43191</v>
      </c>
      <c r="G36723" s="8">
        <v>1296000</v>
      </c>
      <c r="H36723" s="8">
        <v>1244160</v>
      </c>
      <c r="I36723" s="8">
        <v>77760</v>
      </c>
      <c r="J36723" s="8">
        <v>1218240</v>
      </c>
      <c r="K36723" s="9"/>
      <c r="L36723" s="6"/>
    </row>
    <row r="36724" spans="1:12">
      <c r="A36724" s="6" t="s">
        <v>36484</v>
      </c>
      <c r="B36724" s="6"/>
      <c r="C36724" s="6" t="s">
        <v>32230</v>
      </c>
      <c r="D36724" s="6"/>
      <c r="E36724" s="6" t="s">
        <v>9</v>
      </c>
      <c r="F36724" s="7">
        <v>38246</v>
      </c>
      <c r="G36724" s="8">
        <v>6785100</v>
      </c>
      <c r="H36724" s="8">
        <v>4613868</v>
      </c>
      <c r="I36724" s="8">
        <v>2306934</v>
      </c>
      <c r="J36724" s="8">
        <v>4478166</v>
      </c>
      <c r="K36724" s="9"/>
      <c r="L36724" s="6"/>
    </row>
    <row r="36725" spans="1:12">
      <c r="A36725" s="6" t="s">
        <v>36485</v>
      </c>
      <c r="B36725" s="6"/>
      <c r="C36725" s="6" t="s">
        <v>32230</v>
      </c>
      <c r="D36725" s="6"/>
      <c r="E36725" s="6" t="s">
        <v>9</v>
      </c>
      <c r="F36725" s="7">
        <v>42818</v>
      </c>
      <c r="G36725" s="8">
        <v>1285200</v>
      </c>
      <c r="H36725" s="8">
        <v>1182384</v>
      </c>
      <c r="I36725" s="8">
        <v>128520</v>
      </c>
      <c r="J36725" s="8">
        <v>1156680</v>
      </c>
      <c r="K36725" s="9"/>
      <c r="L36725" s="6"/>
    </row>
    <row r="36726" spans="1:12">
      <c r="A36726" s="6" t="s">
        <v>36486</v>
      </c>
      <c r="B36726" s="6"/>
      <c r="C36726" s="6" t="s">
        <v>32230</v>
      </c>
      <c r="D36726" s="6"/>
      <c r="E36726" s="6" t="s">
        <v>9</v>
      </c>
      <c r="F36726" s="7">
        <v>43190</v>
      </c>
      <c r="G36726" s="8">
        <v>1296000</v>
      </c>
      <c r="H36726" s="8">
        <v>1035504</v>
      </c>
      <c r="I36726" s="8">
        <v>347328</v>
      </c>
      <c r="J36726" s="8">
        <v>948672</v>
      </c>
      <c r="K36726" s="9"/>
      <c r="L36726" s="6"/>
    </row>
    <row r="36727" spans="1:12">
      <c r="A36727" s="6" t="s">
        <v>36487</v>
      </c>
      <c r="B36727" s="6"/>
      <c r="C36727" s="6" t="s">
        <v>32230</v>
      </c>
      <c r="D36727" s="6"/>
      <c r="E36727" s="6" t="s">
        <v>9</v>
      </c>
      <c r="F36727" s="7">
        <v>28892</v>
      </c>
      <c r="G36727" s="8">
        <v>2270500</v>
      </c>
      <c r="H36727" s="8">
        <v>363280</v>
      </c>
      <c r="I36727" s="8">
        <v>1952630</v>
      </c>
      <c r="J36727" s="8">
        <v>317870</v>
      </c>
      <c r="K36727" s="9"/>
      <c r="L36727" s="6"/>
    </row>
    <row r="36728" spans="1:12">
      <c r="A36728" s="6" t="s">
        <v>36488</v>
      </c>
      <c r="B36728" s="6"/>
      <c r="C36728" s="6" t="s">
        <v>32230</v>
      </c>
      <c r="D36728" s="6"/>
      <c r="E36728" s="6" t="s">
        <v>9</v>
      </c>
      <c r="F36728" s="7">
        <v>38246</v>
      </c>
      <c r="G36728" s="8">
        <v>32918400</v>
      </c>
      <c r="H36728" s="8">
        <v>22384512</v>
      </c>
      <c r="I36728" s="8">
        <v>11192256</v>
      </c>
      <c r="J36728" s="8">
        <v>21726144</v>
      </c>
      <c r="K36728" s="9"/>
      <c r="L36728" s="6"/>
    </row>
    <row r="36729" spans="1:12">
      <c r="A36729" s="6" t="s">
        <v>36489</v>
      </c>
      <c r="B36729" s="6"/>
      <c r="C36729" s="6" t="s">
        <v>32230</v>
      </c>
      <c r="D36729" s="6"/>
      <c r="E36729" s="6" t="s">
        <v>9</v>
      </c>
      <c r="F36729" s="7">
        <v>28892</v>
      </c>
      <c r="G36729" s="8">
        <v>1115300</v>
      </c>
      <c r="H36729" s="8">
        <v>178448</v>
      </c>
      <c r="I36729" s="8">
        <v>959158</v>
      </c>
      <c r="J36729" s="8">
        <v>156142</v>
      </c>
      <c r="K36729" s="9"/>
      <c r="L36729" s="6"/>
    </row>
    <row r="36730" spans="1:12">
      <c r="A36730" s="6" t="s">
        <v>36490</v>
      </c>
      <c r="B36730" s="6"/>
      <c r="C36730" s="6" t="s">
        <v>32230</v>
      </c>
      <c r="D36730" s="6"/>
      <c r="E36730" s="6" t="s">
        <v>9</v>
      </c>
      <c r="F36730" s="7">
        <v>28892</v>
      </c>
      <c r="G36730" s="8">
        <v>4438800</v>
      </c>
      <c r="H36730" s="8">
        <v>710208</v>
      </c>
      <c r="I36730" s="8">
        <v>3817368</v>
      </c>
      <c r="J36730" s="8">
        <v>621432</v>
      </c>
      <c r="K36730" s="9"/>
      <c r="L36730" s="6"/>
    </row>
    <row r="36731" spans="1:12">
      <c r="A36731" s="6" t="s">
        <v>36491</v>
      </c>
      <c r="B36731" s="6"/>
      <c r="C36731" s="6" t="s">
        <v>32230</v>
      </c>
      <c r="D36731" s="6"/>
      <c r="E36731" s="6" t="s">
        <v>9</v>
      </c>
      <c r="F36731" s="7">
        <v>38246</v>
      </c>
      <c r="G36731" s="8">
        <v>6342300</v>
      </c>
      <c r="H36731" s="8">
        <v>4312764</v>
      </c>
      <c r="I36731" s="8">
        <v>2156382</v>
      </c>
      <c r="J36731" s="8">
        <v>4185918</v>
      </c>
      <c r="K36731" s="9"/>
      <c r="L36731" s="6"/>
    </row>
    <row r="36732" spans="1:12">
      <c r="A36732" s="6" t="s">
        <v>36492</v>
      </c>
      <c r="B36732" s="6"/>
      <c r="C36732" s="6" t="s">
        <v>32230</v>
      </c>
      <c r="D36732" s="6"/>
      <c r="E36732" s="6" t="s">
        <v>9</v>
      </c>
      <c r="F36732" s="7">
        <v>38482</v>
      </c>
      <c r="G36732" s="8">
        <v>4058100</v>
      </c>
      <c r="H36732" s="8">
        <v>2840670</v>
      </c>
      <c r="I36732" s="8">
        <v>1298592</v>
      </c>
      <c r="J36732" s="8">
        <v>2759508</v>
      </c>
      <c r="K36732" s="9"/>
      <c r="L36732" s="6"/>
    </row>
    <row r="36733" spans="1:12">
      <c r="A36733" s="6" t="s">
        <v>36493</v>
      </c>
      <c r="B36733" s="6"/>
      <c r="C36733" s="6" t="s">
        <v>32230</v>
      </c>
      <c r="D36733" s="6"/>
      <c r="E36733" s="6" t="s">
        <v>9</v>
      </c>
      <c r="F36733" s="7">
        <v>30088</v>
      </c>
      <c r="G36733" s="8">
        <v>3423600</v>
      </c>
      <c r="H36733" s="8">
        <v>821664</v>
      </c>
      <c r="I36733" s="8">
        <v>2670408</v>
      </c>
      <c r="J36733" s="8">
        <v>753192</v>
      </c>
      <c r="K36733" s="9"/>
      <c r="L36733" s="6"/>
    </row>
    <row r="36734" spans="1:12">
      <c r="A36734" s="6" t="s">
        <v>36494</v>
      </c>
      <c r="B36734" s="6"/>
      <c r="C36734" s="6" t="s">
        <v>32230</v>
      </c>
      <c r="D36734" s="6"/>
      <c r="E36734" s="6" t="s">
        <v>9</v>
      </c>
      <c r="F36734" s="7">
        <v>30088</v>
      </c>
      <c r="G36734" s="8">
        <v>3483000</v>
      </c>
      <c r="H36734" s="8">
        <v>835920</v>
      </c>
      <c r="I36734" s="8">
        <v>2716740</v>
      </c>
      <c r="J36734" s="8">
        <v>766260</v>
      </c>
      <c r="K36734" s="9"/>
      <c r="L36734" s="6"/>
    </row>
    <row r="36735" spans="1:12">
      <c r="A36735" s="6" t="s">
        <v>36495</v>
      </c>
      <c r="B36735" s="6"/>
      <c r="C36735" s="6" t="s">
        <v>32230</v>
      </c>
      <c r="D36735" s="6"/>
      <c r="E36735" s="6" t="s">
        <v>9</v>
      </c>
      <c r="F36735" s="7">
        <v>30088</v>
      </c>
      <c r="G36735" s="8">
        <v>9387900</v>
      </c>
      <c r="H36735" s="8">
        <v>2253096</v>
      </c>
      <c r="I36735" s="8">
        <v>7322562</v>
      </c>
      <c r="J36735" s="8">
        <v>2065338</v>
      </c>
      <c r="K36735" s="9"/>
      <c r="L36735" s="6"/>
    </row>
    <row r="36736" spans="1:12">
      <c r="A36736" s="6" t="s">
        <v>33185</v>
      </c>
      <c r="B36736" s="6"/>
      <c r="C36736" s="6" t="s">
        <v>32230</v>
      </c>
      <c r="D36736" s="6"/>
      <c r="E36736" s="6" t="s">
        <v>9</v>
      </c>
      <c r="F36736" s="7"/>
      <c r="G36736" s="8">
        <v>1</v>
      </c>
      <c r="H36736" s="8">
        <v>1</v>
      </c>
      <c r="I36736" s="8">
        <v>0</v>
      </c>
      <c r="J36736" s="8">
        <v>1</v>
      </c>
      <c r="K36736" s="9"/>
      <c r="L36736" s="6"/>
    </row>
    <row r="36737" spans="1:12">
      <c r="A36737" s="6" t="s">
        <v>36496</v>
      </c>
      <c r="B36737" s="6"/>
      <c r="C36737" s="6" t="s">
        <v>32230</v>
      </c>
      <c r="D36737" s="6"/>
      <c r="E36737" s="6" t="s">
        <v>9</v>
      </c>
      <c r="F36737" s="7">
        <v>37428</v>
      </c>
      <c r="G36737" s="8">
        <v>8613000</v>
      </c>
      <c r="H36737" s="8">
        <v>5512320</v>
      </c>
      <c r="I36737" s="8">
        <v>3272940</v>
      </c>
      <c r="J36737" s="8">
        <v>5340060</v>
      </c>
      <c r="K36737" s="9"/>
      <c r="L36737" s="6"/>
    </row>
    <row r="36738" spans="1:12">
      <c r="A36738" s="6" t="s">
        <v>36497</v>
      </c>
      <c r="B36738" s="6"/>
      <c r="C36738" s="6" t="s">
        <v>32230</v>
      </c>
      <c r="D36738" s="6"/>
      <c r="E36738" s="6" t="s">
        <v>9</v>
      </c>
      <c r="F36738" s="7">
        <v>30088</v>
      </c>
      <c r="G36738" s="8">
        <v>3915000</v>
      </c>
      <c r="H36738" s="8">
        <v>939600</v>
      </c>
      <c r="I36738" s="8">
        <v>3053700</v>
      </c>
      <c r="J36738" s="8">
        <v>861300</v>
      </c>
      <c r="K36738" s="9"/>
      <c r="L36738" s="6"/>
    </row>
    <row r="36739" spans="1:12">
      <c r="A36739" s="6" t="s">
        <v>36498</v>
      </c>
      <c r="B36739" s="6"/>
      <c r="C36739" s="6" t="s">
        <v>32230</v>
      </c>
      <c r="D36739" s="6"/>
      <c r="E36739" s="6" t="s">
        <v>9</v>
      </c>
      <c r="F36739" s="7">
        <v>36333</v>
      </c>
      <c r="G36739" s="8">
        <v>10889100</v>
      </c>
      <c r="H36739" s="8">
        <v>6315678</v>
      </c>
      <c r="I36739" s="8">
        <v>4791204</v>
      </c>
      <c r="J36739" s="8">
        <v>6097896</v>
      </c>
      <c r="K36739" s="9"/>
      <c r="L36739" s="6"/>
    </row>
    <row r="36740" spans="1:12">
      <c r="A36740" s="6" t="s">
        <v>36499</v>
      </c>
      <c r="B36740" s="6"/>
      <c r="C36740" s="6" t="s">
        <v>32230</v>
      </c>
      <c r="D36740" s="6"/>
      <c r="E36740" s="6" t="s">
        <v>9</v>
      </c>
      <c r="F36740" s="7">
        <v>30088</v>
      </c>
      <c r="G36740" s="8">
        <v>41574400</v>
      </c>
      <c r="H36740" s="8">
        <v>9977856</v>
      </c>
      <c r="I36740" s="8">
        <v>32428032</v>
      </c>
      <c r="J36740" s="8">
        <v>9146368</v>
      </c>
      <c r="K36740" s="9"/>
      <c r="L36740" s="6"/>
    </row>
    <row r="36741" spans="1:12">
      <c r="A36741" s="6" t="s">
        <v>36500</v>
      </c>
      <c r="B36741" s="6"/>
      <c r="C36741" s="6" t="s">
        <v>32230</v>
      </c>
      <c r="D36741" s="6"/>
      <c r="E36741" s="6" t="s">
        <v>9</v>
      </c>
      <c r="F36741" s="7">
        <v>30088</v>
      </c>
      <c r="G36741" s="8">
        <v>15179400</v>
      </c>
      <c r="H36741" s="8">
        <v>3643056</v>
      </c>
      <c r="I36741" s="8">
        <v>11839932</v>
      </c>
      <c r="J36741" s="8">
        <v>3339468</v>
      </c>
      <c r="K36741" s="9"/>
      <c r="L36741" s="6"/>
    </row>
    <row r="36742" spans="1:12">
      <c r="A36742" s="6" t="s">
        <v>33185</v>
      </c>
      <c r="B36742" s="6"/>
      <c r="C36742" s="6" t="s">
        <v>32230</v>
      </c>
      <c r="D36742" s="6"/>
      <c r="E36742" s="6" t="s">
        <v>9</v>
      </c>
      <c r="F36742" s="7"/>
      <c r="G36742" s="8">
        <v>1</v>
      </c>
      <c r="H36742" s="8">
        <v>1</v>
      </c>
      <c r="I36742" s="8">
        <v>0</v>
      </c>
      <c r="J36742" s="8">
        <v>1</v>
      </c>
      <c r="K36742" s="9"/>
      <c r="L36742" s="6"/>
    </row>
    <row r="36743" spans="1:12">
      <c r="A36743" s="6" t="s">
        <v>36501</v>
      </c>
      <c r="B36743" s="6"/>
      <c r="C36743" s="6" t="s">
        <v>32230</v>
      </c>
      <c r="D36743" s="6"/>
      <c r="E36743" s="6" t="s">
        <v>9</v>
      </c>
      <c r="F36743" s="7">
        <v>30088</v>
      </c>
      <c r="G36743" s="8">
        <v>3650400</v>
      </c>
      <c r="H36743" s="8">
        <v>876096</v>
      </c>
      <c r="I36743" s="8">
        <v>2847312</v>
      </c>
      <c r="J36743" s="8">
        <v>803088</v>
      </c>
      <c r="K36743" s="9"/>
      <c r="L36743" s="6"/>
    </row>
    <row r="36744" spans="1:12">
      <c r="A36744" s="6" t="s">
        <v>36502</v>
      </c>
      <c r="B36744" s="6"/>
      <c r="C36744" s="6" t="s">
        <v>32230</v>
      </c>
      <c r="D36744" s="6"/>
      <c r="E36744" s="6" t="s">
        <v>9</v>
      </c>
      <c r="F36744" s="7">
        <v>30088</v>
      </c>
      <c r="G36744" s="8">
        <v>5443200</v>
      </c>
      <c r="H36744" s="8">
        <v>1306368</v>
      </c>
      <c r="I36744" s="8">
        <v>4245696</v>
      </c>
      <c r="J36744" s="8">
        <v>1197504</v>
      </c>
      <c r="K36744" s="9"/>
      <c r="L36744" s="6"/>
    </row>
    <row r="36745" spans="1:12">
      <c r="A36745" s="6" t="s">
        <v>36503</v>
      </c>
      <c r="B36745" s="6"/>
      <c r="C36745" s="6" t="s">
        <v>32230</v>
      </c>
      <c r="D36745" s="6"/>
      <c r="E36745" s="6" t="s">
        <v>9</v>
      </c>
      <c r="F36745" s="7">
        <v>30088</v>
      </c>
      <c r="G36745" s="8">
        <v>1665900</v>
      </c>
      <c r="H36745" s="8">
        <v>399816</v>
      </c>
      <c r="I36745" s="8">
        <v>1299402</v>
      </c>
      <c r="J36745" s="8">
        <v>366498</v>
      </c>
      <c r="K36745" s="9"/>
      <c r="L36745" s="6"/>
    </row>
    <row r="36746" spans="1:12">
      <c r="A36746" s="6" t="s">
        <v>36504</v>
      </c>
      <c r="B36746" s="6"/>
      <c r="C36746" s="6" t="s">
        <v>32230</v>
      </c>
      <c r="D36746" s="6"/>
      <c r="E36746" s="6" t="s">
        <v>9</v>
      </c>
      <c r="F36746" s="7">
        <v>30088</v>
      </c>
      <c r="G36746" s="8">
        <v>50576400</v>
      </c>
      <c r="H36746" s="8">
        <v>12138336</v>
      </c>
      <c r="I36746" s="8">
        <v>39449592</v>
      </c>
      <c r="J36746" s="8">
        <v>11126808</v>
      </c>
      <c r="K36746" s="9"/>
      <c r="L36746" s="6"/>
    </row>
    <row r="36747" spans="1:12">
      <c r="A36747" s="6" t="s">
        <v>36505</v>
      </c>
      <c r="B36747" s="6"/>
      <c r="C36747" s="6" t="s">
        <v>32230</v>
      </c>
      <c r="D36747" s="6"/>
      <c r="E36747" s="6" t="s">
        <v>9</v>
      </c>
      <c r="F36747" s="7">
        <v>30579</v>
      </c>
      <c r="G36747" s="8">
        <v>5170500</v>
      </c>
      <c r="H36747" s="8">
        <v>1344330</v>
      </c>
      <c r="I36747" s="8">
        <v>3929580</v>
      </c>
      <c r="J36747" s="8">
        <v>1240920</v>
      </c>
      <c r="K36747" s="9"/>
      <c r="L36747" s="6"/>
    </row>
    <row r="36748" spans="1:12">
      <c r="A36748" s="6" t="s">
        <v>36506</v>
      </c>
      <c r="B36748" s="6"/>
      <c r="C36748" s="6" t="s">
        <v>32230</v>
      </c>
      <c r="D36748" s="6"/>
      <c r="E36748" s="6" t="s">
        <v>9</v>
      </c>
      <c r="F36748" s="7">
        <v>30579</v>
      </c>
      <c r="G36748" s="8">
        <v>71741700</v>
      </c>
      <c r="H36748" s="8">
        <v>18652842</v>
      </c>
      <c r="I36748" s="8">
        <v>54523692</v>
      </c>
      <c r="J36748" s="8">
        <v>17218008</v>
      </c>
      <c r="K36748" s="9"/>
      <c r="L36748" s="6"/>
    </row>
    <row r="36749" spans="1:12">
      <c r="A36749" s="6" t="s">
        <v>33185</v>
      </c>
      <c r="B36749" s="6"/>
      <c r="C36749" s="6" t="s">
        <v>32230</v>
      </c>
      <c r="D36749" s="6"/>
      <c r="E36749" s="6" t="s">
        <v>9</v>
      </c>
      <c r="F36749" s="7"/>
      <c r="G36749" s="8">
        <v>1</v>
      </c>
      <c r="H36749" s="8">
        <v>1</v>
      </c>
      <c r="I36749" s="8">
        <v>0</v>
      </c>
      <c r="J36749" s="8">
        <v>1</v>
      </c>
      <c r="K36749" s="9"/>
      <c r="L36749" s="6"/>
    </row>
    <row r="36750" spans="1:12">
      <c r="A36750" s="6" t="s">
        <v>36507</v>
      </c>
      <c r="B36750" s="6"/>
      <c r="C36750" s="6" t="s">
        <v>32230</v>
      </c>
      <c r="D36750" s="6"/>
      <c r="E36750" s="6" t="s">
        <v>9</v>
      </c>
      <c r="F36750" s="7">
        <v>30579</v>
      </c>
      <c r="G36750" s="8">
        <v>6898500</v>
      </c>
      <c r="H36750" s="8">
        <v>1793610</v>
      </c>
      <c r="I36750" s="8">
        <v>5242860</v>
      </c>
      <c r="J36750" s="8">
        <v>1655640</v>
      </c>
      <c r="K36750" s="9"/>
      <c r="L36750" s="6"/>
    </row>
    <row r="36751" spans="1:12">
      <c r="A36751" s="6" t="s">
        <v>36508</v>
      </c>
      <c r="B36751" s="6"/>
      <c r="C36751" s="6" t="s">
        <v>32230</v>
      </c>
      <c r="D36751" s="6"/>
      <c r="E36751" s="6" t="s">
        <v>9</v>
      </c>
      <c r="F36751" s="7">
        <v>30579</v>
      </c>
      <c r="G36751" s="8">
        <v>41715000</v>
      </c>
      <c r="H36751" s="8">
        <v>10845900</v>
      </c>
      <c r="I36751" s="8">
        <v>31703400</v>
      </c>
      <c r="J36751" s="8">
        <v>10011600</v>
      </c>
      <c r="K36751" s="9"/>
      <c r="L36751" s="6"/>
    </row>
    <row r="36752" spans="1:12">
      <c r="A36752" s="6" t="s">
        <v>36509</v>
      </c>
      <c r="B36752" s="6"/>
      <c r="C36752" s="6" t="s">
        <v>32230</v>
      </c>
      <c r="D36752" s="6"/>
      <c r="E36752" s="6" t="s">
        <v>9</v>
      </c>
      <c r="F36752" s="7">
        <v>30579</v>
      </c>
      <c r="G36752" s="8">
        <v>28172800</v>
      </c>
      <c r="H36752" s="8">
        <v>7324928</v>
      </c>
      <c r="I36752" s="8">
        <v>21411328</v>
      </c>
      <c r="J36752" s="8">
        <v>6761472</v>
      </c>
      <c r="K36752" s="9"/>
      <c r="L36752" s="6"/>
    </row>
    <row r="36753" spans="1:12">
      <c r="A36753" s="6" t="s">
        <v>33185</v>
      </c>
      <c r="B36753" s="6"/>
      <c r="C36753" s="6" t="s">
        <v>32230</v>
      </c>
      <c r="D36753" s="6"/>
      <c r="E36753" s="6" t="s">
        <v>9</v>
      </c>
      <c r="F36753" s="7"/>
      <c r="G36753" s="8">
        <v>1</v>
      </c>
      <c r="H36753" s="8">
        <v>1</v>
      </c>
      <c r="I36753" s="8">
        <v>0</v>
      </c>
      <c r="J36753" s="8">
        <v>1</v>
      </c>
      <c r="K36753" s="9"/>
      <c r="L36753" s="6"/>
    </row>
    <row r="36754" spans="1:12">
      <c r="A36754" s="6" t="s">
        <v>36510</v>
      </c>
      <c r="B36754" s="6"/>
      <c r="C36754" s="6" t="s">
        <v>32230</v>
      </c>
      <c r="D36754" s="6"/>
      <c r="E36754" s="6" t="s">
        <v>9</v>
      </c>
      <c r="F36754" s="7">
        <v>30579</v>
      </c>
      <c r="G36754" s="8">
        <v>3007800</v>
      </c>
      <c r="H36754" s="8">
        <v>782028</v>
      </c>
      <c r="I36754" s="8">
        <v>2285928</v>
      </c>
      <c r="J36754" s="8">
        <v>721872</v>
      </c>
      <c r="K36754" s="9"/>
      <c r="L36754" s="6"/>
    </row>
    <row r="36755" spans="1:12">
      <c r="A36755" s="6" t="s">
        <v>36511</v>
      </c>
      <c r="B36755" s="6"/>
      <c r="C36755" s="6" t="s">
        <v>32230</v>
      </c>
      <c r="D36755" s="6"/>
      <c r="E36755" s="6" t="s">
        <v>9</v>
      </c>
      <c r="F36755" s="7">
        <v>30812</v>
      </c>
      <c r="G36755" s="8">
        <v>93555200</v>
      </c>
      <c r="H36755" s="8">
        <v>26195456</v>
      </c>
      <c r="I36755" s="8">
        <v>69230848</v>
      </c>
      <c r="J36755" s="8">
        <v>24324352</v>
      </c>
      <c r="K36755" s="9"/>
      <c r="L36755" s="6"/>
    </row>
    <row r="36756" spans="1:12">
      <c r="A36756" s="6" t="s">
        <v>33185</v>
      </c>
      <c r="B36756" s="6"/>
      <c r="C36756" s="6" t="s">
        <v>32230</v>
      </c>
      <c r="D36756" s="6"/>
      <c r="E36756" s="6" t="s">
        <v>9</v>
      </c>
      <c r="F36756" s="7"/>
      <c r="G36756" s="8">
        <v>1</v>
      </c>
      <c r="H36756" s="8">
        <v>1</v>
      </c>
      <c r="I36756" s="8">
        <v>0</v>
      </c>
      <c r="J36756" s="8">
        <v>1</v>
      </c>
      <c r="K36756" s="9"/>
      <c r="L36756" s="6"/>
    </row>
    <row r="36757" spans="1:12">
      <c r="A36757" s="6" t="s">
        <v>36512</v>
      </c>
      <c r="B36757" s="6"/>
      <c r="C36757" s="6" t="s">
        <v>32230</v>
      </c>
      <c r="D36757" s="6"/>
      <c r="E36757" s="6" t="s">
        <v>9</v>
      </c>
      <c r="F36757" s="7">
        <v>30812</v>
      </c>
      <c r="G36757" s="8">
        <v>85333500</v>
      </c>
      <c r="H36757" s="8">
        <v>23893380</v>
      </c>
      <c r="I36757" s="8">
        <v>63146790</v>
      </c>
      <c r="J36757" s="8">
        <v>22186710</v>
      </c>
      <c r="K36757" s="9"/>
      <c r="L36757" s="6"/>
    </row>
    <row r="36758" spans="1:12">
      <c r="A36758" s="6" t="s">
        <v>36513</v>
      </c>
      <c r="B36758" s="6"/>
      <c r="C36758" s="6" t="s">
        <v>32230</v>
      </c>
      <c r="D36758" s="6"/>
      <c r="E36758" s="6" t="s">
        <v>9</v>
      </c>
      <c r="F36758" s="7">
        <v>30812</v>
      </c>
      <c r="G36758" s="8">
        <v>72527400</v>
      </c>
      <c r="H36758" s="8">
        <v>20307672</v>
      </c>
      <c r="I36758" s="8">
        <v>53670276</v>
      </c>
      <c r="J36758" s="8">
        <v>18857124</v>
      </c>
      <c r="K36758" s="9"/>
      <c r="L36758" s="6"/>
    </row>
    <row r="36759" spans="1:12">
      <c r="A36759" s="6" t="s">
        <v>36514</v>
      </c>
      <c r="B36759" s="6"/>
      <c r="C36759" s="6" t="s">
        <v>32230</v>
      </c>
      <c r="D36759" s="6"/>
      <c r="E36759" s="6" t="s">
        <v>9</v>
      </c>
      <c r="F36759" s="7">
        <v>31175</v>
      </c>
      <c r="G36759" s="8">
        <v>8100000</v>
      </c>
      <c r="H36759" s="8">
        <v>2430000</v>
      </c>
      <c r="I36759" s="8">
        <v>5832000</v>
      </c>
      <c r="J36759" s="8">
        <v>2268000</v>
      </c>
      <c r="K36759" s="9"/>
      <c r="L36759" s="6"/>
    </row>
    <row r="36760" spans="1:12">
      <c r="A36760" s="6" t="s">
        <v>36515</v>
      </c>
      <c r="B36760" s="6"/>
      <c r="C36760" s="6" t="s">
        <v>32230</v>
      </c>
      <c r="D36760" s="6"/>
      <c r="E36760" s="6" t="s">
        <v>9</v>
      </c>
      <c r="F36760" s="7">
        <v>31175</v>
      </c>
      <c r="G36760" s="8">
        <v>19161900</v>
      </c>
      <c r="H36760" s="8">
        <v>5748570</v>
      </c>
      <c r="I36760" s="8">
        <v>13796568</v>
      </c>
      <c r="J36760" s="8">
        <v>5365332</v>
      </c>
      <c r="K36760" s="9"/>
      <c r="L36760" s="6"/>
    </row>
    <row r="36761" spans="1:12">
      <c r="A36761" s="6" t="s">
        <v>33185</v>
      </c>
      <c r="B36761" s="6"/>
      <c r="C36761" s="6" t="s">
        <v>32230</v>
      </c>
      <c r="D36761" s="6"/>
      <c r="E36761" s="6" t="s">
        <v>9</v>
      </c>
      <c r="F36761" s="7"/>
      <c r="G36761" s="8">
        <v>1</v>
      </c>
      <c r="H36761" s="8">
        <v>1</v>
      </c>
      <c r="I36761" s="8">
        <v>0</v>
      </c>
      <c r="J36761" s="8">
        <v>1</v>
      </c>
      <c r="K36761" s="9"/>
      <c r="L36761" s="6"/>
    </row>
    <row r="36762" spans="1:12">
      <c r="A36762" s="6" t="s">
        <v>36516</v>
      </c>
      <c r="B36762" s="6"/>
      <c r="C36762" s="6" t="s">
        <v>32230</v>
      </c>
      <c r="D36762" s="6"/>
      <c r="E36762" s="6" t="s">
        <v>9</v>
      </c>
      <c r="F36762" s="7">
        <v>31175</v>
      </c>
      <c r="G36762" s="8">
        <v>33874200</v>
      </c>
      <c r="H36762" s="8">
        <v>10162260</v>
      </c>
      <c r="I36762" s="8">
        <v>24389424</v>
      </c>
      <c r="J36762" s="8">
        <v>9484776</v>
      </c>
      <c r="K36762" s="9"/>
      <c r="L36762" s="6"/>
    </row>
    <row r="36763" spans="1:12">
      <c r="A36763" s="6" t="s">
        <v>36517</v>
      </c>
      <c r="B36763" s="6"/>
      <c r="C36763" s="6" t="s">
        <v>32230</v>
      </c>
      <c r="D36763" s="6"/>
      <c r="E36763" s="6" t="s">
        <v>9</v>
      </c>
      <c r="F36763" s="7">
        <v>31175</v>
      </c>
      <c r="G36763" s="8">
        <v>21419100</v>
      </c>
      <c r="H36763" s="8">
        <v>6425730</v>
      </c>
      <c r="I36763" s="8">
        <v>15421752</v>
      </c>
      <c r="J36763" s="8">
        <v>5997348</v>
      </c>
      <c r="K36763" s="9"/>
      <c r="L36763" s="6"/>
    </row>
    <row r="36764" spans="1:12">
      <c r="A36764" s="6" t="s">
        <v>33185</v>
      </c>
      <c r="B36764" s="6"/>
      <c r="C36764" s="6" t="s">
        <v>32230</v>
      </c>
      <c r="D36764" s="6"/>
      <c r="E36764" s="6" t="s">
        <v>9</v>
      </c>
      <c r="F36764" s="7"/>
      <c r="G36764" s="8">
        <v>1</v>
      </c>
      <c r="H36764" s="8">
        <v>1</v>
      </c>
      <c r="I36764" s="8">
        <v>0</v>
      </c>
      <c r="J36764" s="8">
        <v>1</v>
      </c>
      <c r="K36764" s="9"/>
      <c r="L36764" s="6"/>
    </row>
    <row r="36765" spans="1:12">
      <c r="A36765" s="6" t="s">
        <v>36518</v>
      </c>
      <c r="B36765" s="6"/>
      <c r="C36765" s="6" t="s">
        <v>32230</v>
      </c>
      <c r="D36765" s="6"/>
      <c r="E36765" s="6" t="s">
        <v>9</v>
      </c>
      <c r="F36765" s="7">
        <v>31673</v>
      </c>
      <c r="G36765" s="8">
        <v>57429000</v>
      </c>
      <c r="H36765" s="8">
        <v>18377280</v>
      </c>
      <c r="I36765" s="8">
        <v>40200300</v>
      </c>
      <c r="J36765" s="8">
        <v>17228700</v>
      </c>
      <c r="K36765" s="9"/>
      <c r="L36765" s="6"/>
    </row>
    <row r="36766" spans="1:12">
      <c r="A36766" s="6" t="s">
        <v>33185</v>
      </c>
      <c r="B36766" s="6"/>
      <c r="C36766" s="6" t="s">
        <v>32230</v>
      </c>
      <c r="D36766" s="6"/>
      <c r="E36766" s="6" t="s">
        <v>9</v>
      </c>
      <c r="F36766" s="7"/>
      <c r="G36766" s="8">
        <v>1</v>
      </c>
      <c r="H36766" s="8">
        <v>1</v>
      </c>
      <c r="I36766" s="8">
        <v>0</v>
      </c>
      <c r="J36766" s="8">
        <v>1</v>
      </c>
      <c r="K36766" s="9"/>
      <c r="L36766" s="6"/>
    </row>
    <row r="36767" spans="1:12">
      <c r="A36767" s="6" t="s">
        <v>36519</v>
      </c>
      <c r="B36767" s="6"/>
      <c r="C36767" s="6" t="s">
        <v>32230</v>
      </c>
      <c r="D36767" s="6"/>
      <c r="E36767" s="6" t="s">
        <v>9</v>
      </c>
      <c r="F36767" s="7">
        <v>31673</v>
      </c>
      <c r="G36767" s="8">
        <v>33858000</v>
      </c>
      <c r="H36767" s="8">
        <v>10834560</v>
      </c>
      <c r="I36767" s="8">
        <v>23700600</v>
      </c>
      <c r="J36767" s="8">
        <v>10157400</v>
      </c>
      <c r="K36767" s="9"/>
      <c r="L36767" s="6"/>
    </row>
    <row r="36768" spans="1:12">
      <c r="A36768" s="6" t="s">
        <v>36520</v>
      </c>
      <c r="B36768" s="6"/>
      <c r="C36768" s="6" t="s">
        <v>32230</v>
      </c>
      <c r="D36768" s="6"/>
      <c r="E36768" s="6" t="s">
        <v>9</v>
      </c>
      <c r="F36768" s="7">
        <v>32293</v>
      </c>
      <c r="G36768" s="8">
        <v>54302400</v>
      </c>
      <c r="H36768" s="8">
        <v>19548864</v>
      </c>
      <c r="I36768" s="8">
        <v>35839584</v>
      </c>
      <c r="J36768" s="8">
        <v>18462816</v>
      </c>
      <c r="K36768" s="9"/>
      <c r="L36768" s="6"/>
    </row>
    <row r="36769" spans="1:12">
      <c r="A36769" s="6" t="s">
        <v>36521</v>
      </c>
      <c r="B36769" s="6"/>
      <c r="C36769" s="6" t="s">
        <v>32230</v>
      </c>
      <c r="D36769" s="6"/>
      <c r="E36769" s="6" t="s">
        <v>9</v>
      </c>
      <c r="F36769" s="7">
        <v>32293</v>
      </c>
      <c r="G36769" s="8">
        <v>31860000</v>
      </c>
      <c r="H36769" s="8">
        <v>11469600</v>
      </c>
      <c r="I36769" s="8">
        <v>21027600</v>
      </c>
      <c r="J36769" s="8">
        <v>10832400</v>
      </c>
      <c r="K36769" s="9"/>
      <c r="L36769" s="6"/>
    </row>
    <row r="36770" spans="1:12">
      <c r="A36770" s="6" t="s">
        <v>36522</v>
      </c>
      <c r="B36770" s="6"/>
      <c r="C36770" s="6" t="s">
        <v>32230</v>
      </c>
      <c r="D36770" s="6"/>
      <c r="E36770" s="6" t="s">
        <v>9</v>
      </c>
      <c r="F36770" s="7">
        <v>33500</v>
      </c>
      <c r="G36770" s="8">
        <v>220966400</v>
      </c>
      <c r="H36770" s="8">
        <v>92805888</v>
      </c>
      <c r="I36770" s="8">
        <v>132579840</v>
      </c>
      <c r="J36770" s="8">
        <v>88386560</v>
      </c>
      <c r="K36770" s="9"/>
      <c r="L36770" s="6"/>
    </row>
    <row r="36771" spans="1:12">
      <c r="A36771" s="6" t="s">
        <v>36522</v>
      </c>
      <c r="B36771" s="6"/>
      <c r="C36771" s="6" t="s">
        <v>32230</v>
      </c>
      <c r="D36771" s="6"/>
      <c r="E36771" s="6"/>
      <c r="F36771" s="7">
        <v>43556</v>
      </c>
      <c r="G36771" s="8">
        <v>990000</v>
      </c>
      <c r="H36771" s="8">
        <v>970200</v>
      </c>
      <c r="I36771" s="8">
        <v>39600</v>
      </c>
      <c r="J36771" s="8">
        <v>950400</v>
      </c>
      <c r="K36771" s="9"/>
      <c r="L36771" s="6"/>
    </row>
    <row r="36772" spans="1:12">
      <c r="A36772" s="6" t="s">
        <v>36523</v>
      </c>
      <c r="B36772" s="6"/>
      <c r="C36772" s="6" t="s">
        <v>32230</v>
      </c>
      <c r="D36772" s="6"/>
      <c r="E36772" s="6" t="s">
        <v>9</v>
      </c>
      <c r="F36772" s="7">
        <v>33865</v>
      </c>
      <c r="G36772" s="8">
        <v>24652800</v>
      </c>
      <c r="H36772" s="8">
        <v>10847232</v>
      </c>
      <c r="I36772" s="8">
        <v>14298624</v>
      </c>
      <c r="J36772" s="8">
        <v>10354176</v>
      </c>
      <c r="K36772" s="9"/>
      <c r="L36772" s="6"/>
    </row>
    <row r="36773" spans="1:12">
      <c r="A36773" s="6" t="s">
        <v>36524</v>
      </c>
      <c r="B36773" s="6"/>
      <c r="C36773" s="6" t="s">
        <v>32230</v>
      </c>
      <c r="D36773" s="6"/>
      <c r="E36773" s="6" t="s">
        <v>9</v>
      </c>
      <c r="F36773" s="7">
        <v>33865</v>
      </c>
      <c r="G36773" s="8">
        <v>5772800</v>
      </c>
      <c r="H36773" s="8">
        <v>2540032</v>
      </c>
      <c r="I36773" s="8">
        <v>3348224</v>
      </c>
      <c r="J36773" s="8">
        <v>2424576</v>
      </c>
      <c r="K36773" s="9"/>
      <c r="L36773" s="6"/>
    </row>
    <row r="36774" spans="1:12">
      <c r="A36774" s="6" t="s">
        <v>36525</v>
      </c>
      <c r="B36774" s="6"/>
      <c r="C36774" s="6" t="s">
        <v>32230</v>
      </c>
      <c r="D36774" s="6"/>
      <c r="E36774" s="6" t="s">
        <v>9</v>
      </c>
      <c r="F36774" s="7">
        <v>33865</v>
      </c>
      <c r="G36774" s="8">
        <v>1379700</v>
      </c>
      <c r="H36774" s="8">
        <v>607068</v>
      </c>
      <c r="I36774" s="8">
        <v>800226</v>
      </c>
      <c r="J36774" s="8">
        <v>579474</v>
      </c>
      <c r="K36774" s="9"/>
      <c r="L36774" s="6"/>
    </row>
    <row r="36775" spans="1:12">
      <c r="A36775" s="6" t="s">
        <v>36526</v>
      </c>
      <c r="B36775" s="6"/>
      <c r="C36775" s="6" t="s">
        <v>32230</v>
      </c>
      <c r="D36775" s="6"/>
      <c r="E36775" s="6" t="s">
        <v>9</v>
      </c>
      <c r="F36775" s="7">
        <v>34096</v>
      </c>
      <c r="G36775" s="8">
        <v>11105100</v>
      </c>
      <c r="H36775" s="8">
        <v>5108346</v>
      </c>
      <c r="I36775" s="8">
        <v>6218856</v>
      </c>
      <c r="J36775" s="8">
        <v>4886244</v>
      </c>
      <c r="K36775" s="9"/>
      <c r="L36775" s="6"/>
    </row>
    <row r="36776" spans="1:12">
      <c r="A36776" s="6" t="s">
        <v>36527</v>
      </c>
      <c r="B36776" s="6"/>
      <c r="C36776" s="6" t="s">
        <v>32230</v>
      </c>
      <c r="D36776" s="6"/>
      <c r="E36776" s="6" t="s">
        <v>9</v>
      </c>
      <c r="F36776" s="7">
        <v>34096</v>
      </c>
      <c r="G36776" s="8">
        <v>7435800</v>
      </c>
      <c r="H36776" s="8">
        <v>3420468</v>
      </c>
      <c r="I36776" s="8">
        <v>4164048</v>
      </c>
      <c r="J36776" s="8">
        <v>3271752</v>
      </c>
      <c r="K36776" s="9"/>
      <c r="L36776" s="6"/>
    </row>
    <row r="36777" spans="1:12">
      <c r="A36777" s="6" t="s">
        <v>36528</v>
      </c>
      <c r="B36777" s="6"/>
      <c r="C36777" s="6" t="s">
        <v>32230</v>
      </c>
      <c r="D36777" s="6"/>
      <c r="E36777" s="6" t="s">
        <v>9</v>
      </c>
      <c r="F36777" s="7">
        <v>34228</v>
      </c>
      <c r="G36777" s="8">
        <v>23433300</v>
      </c>
      <c r="H36777" s="8">
        <v>10779318</v>
      </c>
      <c r="I36777" s="8">
        <v>13122648</v>
      </c>
      <c r="J36777" s="8">
        <v>10310652</v>
      </c>
      <c r="K36777" s="9"/>
      <c r="L36777" s="6"/>
    </row>
    <row r="36778" spans="1:12">
      <c r="A36778" s="6" t="s">
        <v>36529</v>
      </c>
      <c r="B36778" s="6"/>
      <c r="C36778" s="6" t="s">
        <v>32230</v>
      </c>
      <c r="D36778" s="6"/>
      <c r="E36778" s="6" t="s">
        <v>9</v>
      </c>
      <c r="F36778" s="7">
        <v>34228</v>
      </c>
      <c r="G36778" s="8">
        <v>18103500</v>
      </c>
      <c r="H36778" s="8">
        <v>8327610</v>
      </c>
      <c r="I36778" s="8">
        <v>10137960</v>
      </c>
      <c r="J36778" s="8">
        <v>7965540</v>
      </c>
      <c r="K36778" s="9"/>
      <c r="L36778" s="6"/>
    </row>
    <row r="36779" spans="1:12">
      <c r="A36779" s="6" t="s">
        <v>36530</v>
      </c>
      <c r="B36779" s="6"/>
      <c r="C36779" s="6" t="s">
        <v>32230</v>
      </c>
      <c r="D36779" s="6"/>
      <c r="E36779" s="6" t="s">
        <v>9</v>
      </c>
      <c r="F36779" s="7">
        <v>34228</v>
      </c>
      <c r="G36779" s="8">
        <v>23279400</v>
      </c>
      <c r="H36779" s="8">
        <v>10708524</v>
      </c>
      <c r="I36779" s="8">
        <v>13036464</v>
      </c>
      <c r="J36779" s="8">
        <v>10242936</v>
      </c>
      <c r="K36779" s="9"/>
      <c r="L36779" s="6"/>
    </row>
    <row r="36780" spans="1:12">
      <c r="A36780" s="6" t="s">
        <v>36531</v>
      </c>
      <c r="B36780" s="6"/>
      <c r="C36780" s="6" t="s">
        <v>32230</v>
      </c>
      <c r="D36780" s="6"/>
      <c r="E36780" s="6" t="s">
        <v>9</v>
      </c>
      <c r="F36780" s="7">
        <v>34465</v>
      </c>
      <c r="G36780" s="8">
        <v>65796300</v>
      </c>
      <c r="H36780" s="8">
        <v>31582224</v>
      </c>
      <c r="I36780" s="8">
        <v>35530002</v>
      </c>
      <c r="J36780" s="8">
        <v>30266298</v>
      </c>
      <c r="K36780" s="9"/>
      <c r="L36780" s="6"/>
    </row>
    <row r="36781" spans="1:12">
      <c r="A36781" s="6" t="s">
        <v>36532</v>
      </c>
      <c r="B36781" s="6"/>
      <c r="C36781" s="6" t="s">
        <v>32230</v>
      </c>
      <c r="D36781" s="6"/>
      <c r="E36781" s="6" t="s">
        <v>9</v>
      </c>
      <c r="F36781" s="7">
        <v>37428</v>
      </c>
      <c r="G36781" s="8">
        <v>26535600</v>
      </c>
      <c r="H36781" s="8">
        <v>16982784</v>
      </c>
      <c r="I36781" s="8">
        <v>10083528</v>
      </c>
      <c r="J36781" s="8">
        <v>16452072</v>
      </c>
      <c r="K36781" s="9"/>
      <c r="L36781" s="6"/>
    </row>
    <row r="36782" spans="1:12">
      <c r="A36782" s="6" t="s">
        <v>36533</v>
      </c>
      <c r="B36782" s="6"/>
      <c r="C36782" s="6" t="s">
        <v>32230</v>
      </c>
      <c r="D36782" s="6"/>
      <c r="E36782" s="6" t="s">
        <v>9</v>
      </c>
      <c r="F36782" s="7">
        <v>37020</v>
      </c>
      <c r="G36782" s="8">
        <v>298521600</v>
      </c>
      <c r="H36782" s="8">
        <v>185083392</v>
      </c>
      <c r="I36782" s="8">
        <v>119408640</v>
      </c>
      <c r="J36782" s="8">
        <v>179112960</v>
      </c>
      <c r="K36782" s="9"/>
      <c r="L36782" s="6"/>
    </row>
    <row r="36783" spans="1:12">
      <c r="A36783" s="6" t="s">
        <v>36534</v>
      </c>
      <c r="B36783" s="6"/>
      <c r="C36783" s="6" t="s">
        <v>32230</v>
      </c>
      <c r="D36783" s="6"/>
      <c r="E36783" s="6" t="s">
        <v>9</v>
      </c>
      <c r="F36783" s="7">
        <v>36800</v>
      </c>
      <c r="G36783" s="8">
        <v>142276680</v>
      </c>
      <c r="H36783" s="8">
        <v>93902620</v>
      </c>
      <c r="I36783" s="8">
        <v>50792763</v>
      </c>
      <c r="J36783" s="8">
        <v>91483917</v>
      </c>
      <c r="K36783" s="9"/>
      <c r="L36783" s="6"/>
    </row>
    <row r="36784" spans="1:12">
      <c r="A36784" s="6" t="s">
        <v>36535</v>
      </c>
      <c r="B36784" s="6"/>
      <c r="C36784" s="6" t="s">
        <v>32230</v>
      </c>
      <c r="D36784" s="6"/>
      <c r="E36784" s="6" t="s">
        <v>9</v>
      </c>
      <c r="F36784" s="7">
        <v>36251</v>
      </c>
      <c r="G36784" s="8">
        <v>84520800</v>
      </c>
      <c r="H36784" s="8">
        <v>54346887</v>
      </c>
      <c r="I36784" s="8">
        <v>31610766</v>
      </c>
      <c r="J36784" s="8">
        <v>52910034</v>
      </c>
      <c r="K36784" s="9"/>
      <c r="L36784" s="6"/>
    </row>
    <row r="36785" spans="1:12">
      <c r="A36785" s="6" t="s">
        <v>33185</v>
      </c>
      <c r="B36785" s="6"/>
      <c r="C36785" s="6" t="s">
        <v>32230</v>
      </c>
      <c r="D36785" s="6"/>
      <c r="E36785" s="6" t="s">
        <v>9</v>
      </c>
      <c r="F36785" s="7">
        <v>35156</v>
      </c>
      <c r="G36785" s="8">
        <v>84400680</v>
      </c>
      <c r="H36785" s="8">
        <v>49965216</v>
      </c>
      <c r="I36785" s="8">
        <v>35870275</v>
      </c>
      <c r="J36785" s="8">
        <v>48530405</v>
      </c>
      <c r="K36785" s="9"/>
      <c r="L36785" s="6"/>
    </row>
    <row r="36786" spans="1:12">
      <c r="A36786" s="6" t="s">
        <v>36536</v>
      </c>
      <c r="B36786" s="6"/>
      <c r="C36786" s="6" t="s">
        <v>32230</v>
      </c>
      <c r="D36786" s="6"/>
      <c r="E36786" s="6" t="s">
        <v>9</v>
      </c>
      <c r="F36786" s="7">
        <v>37428</v>
      </c>
      <c r="G36786" s="8">
        <v>8534700</v>
      </c>
      <c r="H36786" s="8">
        <v>5462208</v>
      </c>
      <c r="I36786" s="8">
        <v>3243186</v>
      </c>
      <c r="J36786" s="8">
        <v>5291514</v>
      </c>
      <c r="K36786" s="9"/>
      <c r="L36786" s="6"/>
    </row>
    <row r="36787" spans="1:12">
      <c r="A36787" s="6" t="s">
        <v>33044</v>
      </c>
      <c r="B36787" s="6"/>
      <c r="C36787" s="6" t="s">
        <v>32230</v>
      </c>
      <c r="D36787" s="6"/>
      <c r="E36787" s="6" t="s">
        <v>9</v>
      </c>
      <c r="F36787" s="7">
        <v>43921</v>
      </c>
      <c r="G36787" s="8">
        <v>1210000</v>
      </c>
      <c r="H36787" s="8">
        <v>1089000</v>
      </c>
      <c r="I36787" s="8">
        <v>242000</v>
      </c>
      <c r="J36787" s="8">
        <v>968000</v>
      </c>
      <c r="K36787" s="9"/>
      <c r="L36787" s="6"/>
    </row>
    <row r="36788" spans="1:12">
      <c r="A36788" s="6" t="s">
        <v>33044</v>
      </c>
      <c r="B36788" s="6"/>
      <c r="C36788" s="6" t="s">
        <v>32230</v>
      </c>
      <c r="D36788" s="6"/>
      <c r="E36788" s="6" t="s">
        <v>9</v>
      </c>
      <c r="F36788" s="7">
        <v>44007</v>
      </c>
      <c r="G36788" s="8">
        <v>1210000</v>
      </c>
      <c r="H36788" s="8">
        <v>1210000</v>
      </c>
      <c r="I36788" s="8">
        <v>121000</v>
      </c>
      <c r="J36788" s="8">
        <v>1089000</v>
      </c>
      <c r="K36788" s="9"/>
      <c r="L36788" s="6"/>
    </row>
    <row r="36789" spans="1:12">
      <c r="A36789" s="6" t="s">
        <v>36537</v>
      </c>
      <c r="B36789" s="6"/>
      <c r="C36789" s="6" t="s">
        <v>32230</v>
      </c>
      <c r="D36789" s="6"/>
      <c r="E36789" s="6" t="s">
        <v>9</v>
      </c>
      <c r="F36789" s="7">
        <v>38246</v>
      </c>
      <c r="G36789" s="8">
        <v>6064200</v>
      </c>
      <c r="H36789" s="8">
        <v>4123656</v>
      </c>
      <c r="I36789" s="8">
        <v>2061828</v>
      </c>
      <c r="J36789" s="8">
        <v>4002372</v>
      </c>
      <c r="K36789" s="9"/>
      <c r="L36789" s="6"/>
    </row>
    <row r="36790" spans="1:12">
      <c r="A36790" s="6" t="s">
        <v>36538</v>
      </c>
      <c r="B36790" s="6"/>
      <c r="C36790" s="6" t="s">
        <v>32230</v>
      </c>
      <c r="D36790" s="6"/>
      <c r="E36790" s="6" t="s">
        <v>9</v>
      </c>
      <c r="F36790" s="7">
        <v>28892</v>
      </c>
      <c r="G36790" s="8">
        <v>20104200</v>
      </c>
      <c r="H36790" s="8">
        <v>3216672</v>
      </c>
      <c r="I36790" s="8">
        <v>17289612</v>
      </c>
      <c r="J36790" s="8">
        <v>2814588</v>
      </c>
      <c r="K36790" s="9"/>
      <c r="L36790" s="6"/>
    </row>
    <row r="36791" spans="1:12">
      <c r="A36791" s="6" t="s">
        <v>36539</v>
      </c>
      <c r="B36791" s="6"/>
      <c r="C36791" s="6" t="s">
        <v>32230</v>
      </c>
      <c r="D36791" s="6"/>
      <c r="E36791" s="6" t="s">
        <v>9</v>
      </c>
      <c r="F36791" s="7">
        <v>38246</v>
      </c>
      <c r="G36791" s="8">
        <v>2438100</v>
      </c>
      <c r="H36791" s="8">
        <v>1657908</v>
      </c>
      <c r="I36791" s="8">
        <v>828954</v>
      </c>
      <c r="J36791" s="8">
        <v>1609146</v>
      </c>
      <c r="K36791" s="9"/>
      <c r="L36791" s="6"/>
    </row>
    <row r="36792" spans="1:12">
      <c r="A36792" s="6" t="s">
        <v>36540</v>
      </c>
      <c r="B36792" s="6"/>
      <c r="C36792" s="6" t="s">
        <v>32230</v>
      </c>
      <c r="D36792" s="6"/>
      <c r="E36792" s="6" t="s">
        <v>9</v>
      </c>
      <c r="F36792" s="7">
        <v>38246</v>
      </c>
      <c r="G36792" s="8">
        <v>1595700</v>
      </c>
      <c r="H36792" s="8">
        <v>1085076</v>
      </c>
      <c r="I36792" s="8">
        <v>542538</v>
      </c>
      <c r="J36792" s="8">
        <v>1053162</v>
      </c>
      <c r="K36792" s="9"/>
      <c r="L36792" s="6"/>
    </row>
    <row r="36793" spans="1:12">
      <c r="A36793" s="6" t="s">
        <v>36541</v>
      </c>
      <c r="B36793" s="6"/>
      <c r="C36793" s="6" t="s">
        <v>32230</v>
      </c>
      <c r="D36793" s="6"/>
      <c r="E36793" s="6" t="s">
        <v>9</v>
      </c>
      <c r="F36793" s="7">
        <v>38246</v>
      </c>
      <c r="G36793" s="8">
        <v>2141100</v>
      </c>
      <c r="H36793" s="8">
        <v>1455948</v>
      </c>
      <c r="I36793" s="8">
        <v>727974</v>
      </c>
      <c r="J36793" s="8">
        <v>1413126</v>
      </c>
      <c r="K36793" s="9"/>
      <c r="L36793" s="6"/>
    </row>
    <row r="36794" spans="1:12">
      <c r="A36794" s="6" t="s">
        <v>36542</v>
      </c>
      <c r="B36794" s="6"/>
      <c r="C36794" s="6" t="s">
        <v>32230</v>
      </c>
      <c r="D36794" s="6"/>
      <c r="E36794" s="6" t="s">
        <v>9</v>
      </c>
      <c r="F36794" s="7">
        <v>38246</v>
      </c>
      <c r="G36794" s="8">
        <v>3728700</v>
      </c>
      <c r="H36794" s="8">
        <v>2535516</v>
      </c>
      <c r="I36794" s="8">
        <v>1267758</v>
      </c>
      <c r="J36794" s="8">
        <v>2460942</v>
      </c>
      <c r="K36794" s="9"/>
      <c r="L36794" s="6"/>
    </row>
    <row r="36795" spans="1:12">
      <c r="A36795" s="6" t="s">
        <v>36543</v>
      </c>
      <c r="B36795" s="6"/>
      <c r="C36795" s="6" t="s">
        <v>32230</v>
      </c>
      <c r="D36795" s="6"/>
      <c r="E36795" s="6" t="s">
        <v>9</v>
      </c>
      <c r="F36795" s="7">
        <v>38246</v>
      </c>
      <c r="G36795" s="8">
        <v>5670000</v>
      </c>
      <c r="H36795" s="8">
        <v>3855600</v>
      </c>
      <c r="I36795" s="8">
        <v>1927800</v>
      </c>
      <c r="J36795" s="8">
        <v>3742200</v>
      </c>
      <c r="K36795" s="9"/>
      <c r="L36795" s="6"/>
    </row>
    <row r="36796" spans="1:12">
      <c r="A36796" s="6" t="s">
        <v>36544</v>
      </c>
      <c r="B36796" s="6"/>
      <c r="C36796" s="6" t="s">
        <v>32230</v>
      </c>
      <c r="D36796" s="6"/>
      <c r="E36796" s="6" t="s">
        <v>9</v>
      </c>
      <c r="F36796" s="7">
        <v>38246</v>
      </c>
      <c r="G36796" s="8">
        <v>4047300</v>
      </c>
      <c r="H36796" s="8">
        <v>2752164</v>
      </c>
      <c r="I36796" s="8">
        <v>1376082</v>
      </c>
      <c r="J36796" s="8">
        <v>2671218</v>
      </c>
      <c r="K36796" s="9"/>
      <c r="L36796" s="6"/>
    </row>
    <row r="36797" spans="1:12">
      <c r="A36797" s="6" t="s">
        <v>36545</v>
      </c>
      <c r="B36797" s="6"/>
      <c r="C36797" s="6" t="s">
        <v>32230</v>
      </c>
      <c r="D36797" s="6"/>
      <c r="E36797" s="6" t="s">
        <v>9</v>
      </c>
      <c r="F36797" s="7">
        <v>42674</v>
      </c>
      <c r="G36797" s="8">
        <v>561600</v>
      </c>
      <c r="H36797" s="8">
        <v>411092</v>
      </c>
      <c r="I36797" s="8">
        <v>188135</v>
      </c>
      <c r="J36797" s="8">
        <v>373465</v>
      </c>
      <c r="K36797" s="9"/>
      <c r="L36797" s="6"/>
    </row>
    <row r="36798" spans="1:12">
      <c r="A36798" s="6" t="s">
        <v>36546</v>
      </c>
      <c r="B36798" s="6"/>
      <c r="C36798" s="6" t="s">
        <v>32230</v>
      </c>
      <c r="D36798" s="6"/>
      <c r="E36798" s="6" t="s">
        <v>9</v>
      </c>
      <c r="F36798" s="7">
        <v>42674</v>
      </c>
      <c r="G36798" s="8">
        <v>1209600</v>
      </c>
      <c r="H36798" s="8">
        <v>1112832</v>
      </c>
      <c r="I36798" s="8">
        <v>120960</v>
      </c>
      <c r="J36798" s="8">
        <v>1088640</v>
      </c>
      <c r="K36798" s="9"/>
      <c r="L36798" s="6"/>
    </row>
    <row r="36799" spans="1:12">
      <c r="A36799" s="6" t="s">
        <v>36547</v>
      </c>
      <c r="B36799" s="6"/>
      <c r="C36799" s="6" t="s">
        <v>32230</v>
      </c>
      <c r="D36799" s="6"/>
      <c r="E36799" s="6" t="s">
        <v>9</v>
      </c>
      <c r="F36799" s="7">
        <v>38246</v>
      </c>
      <c r="G36799" s="8">
        <v>1447200</v>
      </c>
      <c r="H36799" s="8">
        <v>984096</v>
      </c>
      <c r="I36799" s="8">
        <v>492048</v>
      </c>
      <c r="J36799" s="8">
        <v>955152</v>
      </c>
      <c r="K36799" s="9"/>
      <c r="L36799" s="6"/>
    </row>
    <row r="36800" spans="1:12">
      <c r="A36800" s="6" t="s">
        <v>36548</v>
      </c>
      <c r="B36800" s="6"/>
      <c r="C36800" s="6" t="s">
        <v>32230</v>
      </c>
      <c r="D36800" s="6"/>
      <c r="E36800" s="6" t="s">
        <v>9</v>
      </c>
      <c r="F36800" s="7">
        <v>38246</v>
      </c>
      <c r="G36800" s="8">
        <v>1339500</v>
      </c>
      <c r="H36800" s="8">
        <v>910860</v>
      </c>
      <c r="I36800" s="8">
        <v>455430</v>
      </c>
      <c r="J36800" s="8">
        <v>884070</v>
      </c>
      <c r="K36800" s="9"/>
      <c r="L36800" s="6"/>
    </row>
    <row r="36801" spans="1:12">
      <c r="A36801" s="6" t="s">
        <v>36549</v>
      </c>
      <c r="B36801" s="6"/>
      <c r="C36801" s="6" t="s">
        <v>32230</v>
      </c>
      <c r="D36801" s="6"/>
      <c r="E36801" s="6" t="s">
        <v>9</v>
      </c>
      <c r="F36801" s="7">
        <v>43190</v>
      </c>
      <c r="G36801" s="8">
        <v>483840</v>
      </c>
      <c r="H36801" s="8">
        <v>338688</v>
      </c>
      <c r="I36801" s="8">
        <v>193536</v>
      </c>
      <c r="J36801" s="8">
        <v>290304</v>
      </c>
      <c r="K36801" s="9"/>
      <c r="L36801" s="6"/>
    </row>
    <row r="36802" spans="1:12">
      <c r="A36802" s="6" t="s">
        <v>36550</v>
      </c>
      <c r="B36802" s="6"/>
      <c r="C36802" s="6" t="s">
        <v>32230</v>
      </c>
      <c r="D36802" s="6"/>
      <c r="E36802" s="6" t="s">
        <v>9</v>
      </c>
      <c r="F36802" s="7">
        <v>43444</v>
      </c>
      <c r="G36802" s="8">
        <v>665820</v>
      </c>
      <c r="H36802" s="8">
        <v>532656</v>
      </c>
      <c r="I36802" s="8">
        <v>199746</v>
      </c>
      <c r="J36802" s="8">
        <v>466074</v>
      </c>
      <c r="K36802" s="9"/>
      <c r="L36802" s="6"/>
    </row>
    <row r="36803" spans="1:12">
      <c r="A36803" s="6" t="s">
        <v>36551</v>
      </c>
      <c r="B36803" s="6"/>
      <c r="C36803" s="6" t="s">
        <v>32230</v>
      </c>
      <c r="D36803" s="6"/>
      <c r="E36803" s="6" t="s">
        <v>9</v>
      </c>
      <c r="F36803" s="7">
        <v>38246</v>
      </c>
      <c r="G36803" s="8">
        <v>988000</v>
      </c>
      <c r="H36803" s="8">
        <v>671840</v>
      </c>
      <c r="I36803" s="8">
        <v>335920</v>
      </c>
      <c r="J36803" s="8">
        <v>652080</v>
      </c>
      <c r="K36803" s="9"/>
      <c r="L36803" s="6"/>
    </row>
    <row r="36804" spans="1:12">
      <c r="A36804" s="6" t="s">
        <v>36552</v>
      </c>
      <c r="B36804" s="6"/>
      <c r="C36804" s="6" t="s">
        <v>32230</v>
      </c>
      <c r="D36804" s="6"/>
      <c r="E36804" s="6" t="s">
        <v>9</v>
      </c>
      <c r="F36804" s="7">
        <v>38246</v>
      </c>
      <c r="G36804" s="8">
        <v>2837700</v>
      </c>
      <c r="H36804" s="8">
        <v>1929636</v>
      </c>
      <c r="I36804" s="8">
        <v>964818</v>
      </c>
      <c r="J36804" s="8">
        <v>1872882</v>
      </c>
      <c r="K36804" s="9"/>
      <c r="L36804" s="6"/>
    </row>
    <row r="36805" spans="1:12">
      <c r="A36805" s="6" t="s">
        <v>36553</v>
      </c>
      <c r="B36805" s="6"/>
      <c r="C36805" s="6" t="s">
        <v>32230</v>
      </c>
      <c r="D36805" s="6"/>
      <c r="E36805" s="6" t="s">
        <v>9</v>
      </c>
      <c r="F36805" s="7">
        <v>38246</v>
      </c>
      <c r="G36805" s="8">
        <v>1225500</v>
      </c>
      <c r="H36805" s="8">
        <v>833340</v>
      </c>
      <c r="I36805" s="8">
        <v>416670</v>
      </c>
      <c r="J36805" s="8">
        <v>808830</v>
      </c>
      <c r="K36805" s="9"/>
      <c r="L36805" s="6"/>
    </row>
    <row r="36806" spans="1:12">
      <c r="A36806" s="6" t="s">
        <v>36554</v>
      </c>
      <c r="B36806" s="6"/>
      <c r="C36806" s="6" t="s">
        <v>32230</v>
      </c>
      <c r="D36806" s="6"/>
      <c r="E36806" s="6" t="s">
        <v>9</v>
      </c>
      <c r="F36806" s="7">
        <v>38246</v>
      </c>
      <c r="G36806" s="8">
        <v>2521800</v>
      </c>
      <c r="H36806" s="8">
        <v>1714824</v>
      </c>
      <c r="I36806" s="8">
        <v>857412</v>
      </c>
      <c r="J36806" s="8">
        <v>1664388</v>
      </c>
      <c r="K36806" s="9"/>
      <c r="L36806" s="6"/>
    </row>
    <row r="36807" spans="1:12">
      <c r="A36807" s="6" t="s">
        <v>36555</v>
      </c>
      <c r="B36807" s="6"/>
      <c r="C36807" s="6" t="s">
        <v>32230</v>
      </c>
      <c r="D36807" s="6"/>
      <c r="E36807" s="6" t="s">
        <v>9</v>
      </c>
      <c r="F36807" s="7">
        <v>38246</v>
      </c>
      <c r="G36807" s="8">
        <v>4638600</v>
      </c>
      <c r="H36807" s="8">
        <v>3154248</v>
      </c>
      <c r="I36807" s="8">
        <v>1577124</v>
      </c>
      <c r="J36807" s="8">
        <v>3061476</v>
      </c>
      <c r="K36807" s="9"/>
      <c r="L36807" s="6"/>
    </row>
    <row r="36808" spans="1:12">
      <c r="A36808" s="6" t="s">
        <v>36556</v>
      </c>
      <c r="B36808" s="6"/>
      <c r="C36808" s="6" t="s">
        <v>32230</v>
      </c>
      <c r="D36808" s="6"/>
      <c r="E36808" s="6" t="s">
        <v>9</v>
      </c>
      <c r="F36808" s="7">
        <v>38246</v>
      </c>
      <c r="G36808" s="8">
        <v>2775600</v>
      </c>
      <c r="H36808" s="8">
        <v>1887408</v>
      </c>
      <c r="I36808" s="8">
        <v>943704</v>
      </c>
      <c r="J36808" s="8">
        <v>1831896</v>
      </c>
      <c r="K36808" s="9"/>
      <c r="L36808" s="6"/>
    </row>
    <row r="36809" spans="1:12">
      <c r="A36809" s="6" t="s">
        <v>36557</v>
      </c>
      <c r="B36809" s="6"/>
      <c r="C36809" s="6" t="s">
        <v>32230</v>
      </c>
      <c r="D36809" s="6"/>
      <c r="E36809" s="6" t="s">
        <v>9</v>
      </c>
      <c r="F36809" s="7">
        <v>38246</v>
      </c>
      <c r="G36809" s="8">
        <v>22761000</v>
      </c>
      <c r="H36809" s="8">
        <v>15477480</v>
      </c>
      <c r="I36809" s="8">
        <v>7738740</v>
      </c>
      <c r="J36809" s="8">
        <v>15022260</v>
      </c>
      <c r="K36809" s="9"/>
      <c r="L36809" s="6"/>
    </row>
    <row r="36810" spans="1:12">
      <c r="A36810" s="6" t="s">
        <v>36558</v>
      </c>
      <c r="B36810" s="6"/>
      <c r="C36810" s="6" t="s">
        <v>32230</v>
      </c>
      <c r="D36810" s="6"/>
      <c r="E36810" s="6" t="s">
        <v>9</v>
      </c>
      <c r="F36810" s="7">
        <v>38246</v>
      </c>
      <c r="G36810" s="8">
        <v>2238300</v>
      </c>
      <c r="H36810" s="8">
        <v>1522044</v>
      </c>
      <c r="I36810" s="8">
        <v>761022</v>
      </c>
      <c r="J36810" s="8">
        <v>1477278</v>
      </c>
      <c r="K36810" s="9"/>
      <c r="L36810" s="6"/>
    </row>
    <row r="36811" spans="1:12">
      <c r="A36811" s="6" t="s">
        <v>36559</v>
      </c>
      <c r="B36811" s="6"/>
      <c r="C36811" s="6" t="s">
        <v>32230</v>
      </c>
      <c r="D36811" s="6"/>
      <c r="E36811" s="6" t="s">
        <v>9</v>
      </c>
      <c r="F36811" s="7">
        <v>38246</v>
      </c>
      <c r="G36811" s="8">
        <v>1033600</v>
      </c>
      <c r="H36811" s="8">
        <v>702848</v>
      </c>
      <c r="I36811" s="8">
        <v>351424</v>
      </c>
      <c r="J36811" s="8">
        <v>682176</v>
      </c>
      <c r="K36811" s="9"/>
      <c r="L36811" s="6"/>
    </row>
    <row r="36812" spans="1:12">
      <c r="A36812" s="6" t="s">
        <v>36560</v>
      </c>
      <c r="B36812" s="6"/>
      <c r="C36812" s="6" t="s">
        <v>32230</v>
      </c>
      <c r="D36812" s="6"/>
      <c r="E36812" s="6" t="s">
        <v>9</v>
      </c>
      <c r="F36812" s="7">
        <v>38246</v>
      </c>
      <c r="G36812" s="8">
        <v>1293900</v>
      </c>
      <c r="H36812" s="8">
        <v>879852</v>
      </c>
      <c r="I36812" s="8">
        <v>439926</v>
      </c>
      <c r="J36812" s="8">
        <v>853974</v>
      </c>
      <c r="K36812" s="9"/>
      <c r="L36812" s="6"/>
    </row>
    <row r="36813" spans="1:12">
      <c r="A36813" s="6" t="s">
        <v>36561</v>
      </c>
      <c r="B36813" s="6"/>
      <c r="C36813" s="6" t="s">
        <v>32230</v>
      </c>
      <c r="D36813" s="6"/>
      <c r="E36813" s="6" t="s">
        <v>9</v>
      </c>
      <c r="F36813" s="7">
        <v>38246</v>
      </c>
      <c r="G36813" s="8">
        <v>1128600</v>
      </c>
      <c r="H36813" s="8">
        <v>767448</v>
      </c>
      <c r="I36813" s="8">
        <v>383724</v>
      </c>
      <c r="J36813" s="8">
        <v>744876</v>
      </c>
      <c r="K36813" s="9"/>
      <c r="L36813" s="6"/>
    </row>
    <row r="36814" spans="1:12">
      <c r="A36814" s="6" t="s">
        <v>36562</v>
      </c>
      <c r="B36814" s="6"/>
      <c r="C36814" s="6" t="s">
        <v>32230</v>
      </c>
      <c r="D36814" s="6"/>
      <c r="E36814" s="6" t="s">
        <v>9</v>
      </c>
      <c r="F36814" s="7">
        <v>38246</v>
      </c>
      <c r="G36814" s="8">
        <v>1337600</v>
      </c>
      <c r="H36814" s="8">
        <v>909568</v>
      </c>
      <c r="I36814" s="8">
        <v>454784</v>
      </c>
      <c r="J36814" s="8">
        <v>882816</v>
      </c>
      <c r="K36814" s="9"/>
      <c r="L36814" s="6"/>
    </row>
    <row r="36815" spans="1:12">
      <c r="A36815" s="6" t="s">
        <v>36563</v>
      </c>
      <c r="B36815" s="6"/>
      <c r="C36815" s="6" t="s">
        <v>32230</v>
      </c>
      <c r="D36815" s="6"/>
      <c r="E36815" s="6" t="s">
        <v>9</v>
      </c>
      <c r="F36815" s="7">
        <v>38609</v>
      </c>
      <c r="G36815" s="8">
        <v>6639300</v>
      </c>
      <c r="H36815" s="8">
        <v>4647510</v>
      </c>
      <c r="I36815" s="8">
        <v>2124576</v>
      </c>
      <c r="J36815" s="8">
        <v>4514724</v>
      </c>
      <c r="K36815" s="9"/>
      <c r="L36815" s="6"/>
    </row>
    <row r="36816" spans="1:12">
      <c r="A36816" s="6" t="s">
        <v>36564</v>
      </c>
      <c r="B36816" s="6"/>
      <c r="C36816" s="6" t="s">
        <v>32230</v>
      </c>
      <c r="D36816" s="6"/>
      <c r="E36816" s="6" t="s">
        <v>9</v>
      </c>
      <c r="F36816" s="7">
        <v>38609</v>
      </c>
      <c r="G36816" s="8">
        <v>17309700</v>
      </c>
      <c r="H36816" s="8">
        <v>12116790</v>
      </c>
      <c r="I36816" s="8">
        <v>5539104</v>
      </c>
      <c r="J36816" s="8">
        <v>11770596</v>
      </c>
      <c r="K36816" s="9"/>
      <c r="L36816" s="6"/>
    </row>
    <row r="36817" spans="1:12">
      <c r="A36817" s="6" t="s">
        <v>36565</v>
      </c>
      <c r="B36817" s="6"/>
      <c r="C36817" s="6" t="s">
        <v>32230</v>
      </c>
      <c r="D36817" s="6"/>
      <c r="E36817" s="6" t="s">
        <v>9</v>
      </c>
      <c r="F36817" s="7">
        <v>38609</v>
      </c>
      <c r="G36817" s="8">
        <v>7365600</v>
      </c>
      <c r="H36817" s="8">
        <v>5155920</v>
      </c>
      <c r="I36817" s="8">
        <v>2356992</v>
      </c>
      <c r="J36817" s="8">
        <v>5008608</v>
      </c>
      <c r="K36817" s="9"/>
      <c r="L36817" s="6"/>
    </row>
    <row r="36818" spans="1:12">
      <c r="A36818" s="6" t="s">
        <v>36566</v>
      </c>
      <c r="B36818" s="6"/>
      <c r="C36818" s="6" t="s">
        <v>32230</v>
      </c>
      <c r="D36818" s="6"/>
      <c r="E36818" s="6" t="s">
        <v>9</v>
      </c>
      <c r="F36818" s="7">
        <v>38609</v>
      </c>
      <c r="G36818" s="8">
        <v>16888500</v>
      </c>
      <c r="H36818" s="8">
        <v>11821950</v>
      </c>
      <c r="I36818" s="8">
        <v>5404320</v>
      </c>
      <c r="J36818" s="8">
        <v>11484180</v>
      </c>
      <c r="K36818" s="9"/>
      <c r="L36818" s="6"/>
    </row>
    <row r="36819" spans="1:12">
      <c r="A36819" s="6" t="s">
        <v>36567</v>
      </c>
      <c r="B36819" s="6"/>
      <c r="C36819" s="6" t="s">
        <v>32230</v>
      </c>
      <c r="D36819" s="6"/>
      <c r="E36819" s="6" t="s">
        <v>9</v>
      </c>
      <c r="F36819" s="7">
        <v>38609</v>
      </c>
      <c r="G36819" s="8">
        <v>12830400</v>
      </c>
      <c r="H36819" s="8">
        <v>8981280</v>
      </c>
      <c r="I36819" s="8">
        <v>4105728</v>
      </c>
      <c r="J36819" s="8">
        <v>8724672</v>
      </c>
      <c r="K36819" s="9"/>
      <c r="L36819" s="6"/>
    </row>
    <row r="36820" spans="1:12">
      <c r="A36820" s="6" t="s">
        <v>36568</v>
      </c>
      <c r="B36820" s="6"/>
      <c r="C36820" s="6" t="s">
        <v>32230</v>
      </c>
      <c r="D36820" s="6"/>
      <c r="E36820" s="6" t="s">
        <v>9</v>
      </c>
      <c r="F36820" s="7">
        <v>38609</v>
      </c>
      <c r="G36820" s="8">
        <v>5373000</v>
      </c>
      <c r="H36820" s="8">
        <v>3761100</v>
      </c>
      <c r="I36820" s="8">
        <v>1719360</v>
      </c>
      <c r="J36820" s="8">
        <v>3653640</v>
      </c>
      <c r="K36820" s="9"/>
      <c r="L36820" s="6"/>
    </row>
    <row r="36821" spans="1:12">
      <c r="A36821" s="6" t="s">
        <v>36569</v>
      </c>
      <c r="B36821" s="6"/>
      <c r="C36821" s="6" t="s">
        <v>32230</v>
      </c>
      <c r="D36821" s="6"/>
      <c r="E36821" s="6" t="s">
        <v>9</v>
      </c>
      <c r="F36821" s="7">
        <v>38609</v>
      </c>
      <c r="G36821" s="8">
        <v>5632200</v>
      </c>
      <c r="H36821" s="8">
        <v>3942540</v>
      </c>
      <c r="I36821" s="8">
        <v>1802304</v>
      </c>
      <c r="J36821" s="8">
        <v>3829896</v>
      </c>
      <c r="K36821" s="9"/>
      <c r="L36821" s="6"/>
    </row>
    <row r="36822" spans="1:12">
      <c r="A36822" s="6" t="s">
        <v>36570</v>
      </c>
      <c r="B36822" s="6"/>
      <c r="C36822" s="6" t="s">
        <v>32230</v>
      </c>
      <c r="D36822" s="6"/>
      <c r="E36822" s="6" t="s">
        <v>9</v>
      </c>
      <c r="F36822" s="7">
        <v>38609</v>
      </c>
      <c r="G36822" s="8">
        <v>7978500</v>
      </c>
      <c r="H36822" s="8">
        <v>5584950</v>
      </c>
      <c r="I36822" s="8">
        <v>2553120</v>
      </c>
      <c r="J36822" s="8">
        <v>5425380</v>
      </c>
      <c r="K36822" s="9"/>
      <c r="L36822" s="6"/>
    </row>
    <row r="36823" spans="1:12">
      <c r="A36823" s="6" t="s">
        <v>36571</v>
      </c>
      <c r="B36823" s="6"/>
      <c r="C36823" s="6" t="s">
        <v>32230</v>
      </c>
      <c r="D36823" s="6"/>
      <c r="E36823" s="6" t="s">
        <v>9</v>
      </c>
      <c r="F36823" s="7">
        <v>38609</v>
      </c>
      <c r="G36823" s="8">
        <v>1749600</v>
      </c>
      <c r="H36823" s="8">
        <v>1224720</v>
      </c>
      <c r="I36823" s="8">
        <v>559872</v>
      </c>
      <c r="J36823" s="8">
        <v>1189728</v>
      </c>
      <c r="K36823" s="9"/>
      <c r="L36823" s="6"/>
    </row>
    <row r="36824" spans="1:12">
      <c r="A36824" s="6" t="s">
        <v>36572</v>
      </c>
      <c r="B36824" s="6"/>
      <c r="C36824" s="6" t="s">
        <v>32230</v>
      </c>
      <c r="D36824" s="6"/>
      <c r="E36824" s="6" t="s">
        <v>9</v>
      </c>
      <c r="F36824" s="7">
        <v>38609</v>
      </c>
      <c r="G36824" s="8">
        <v>2519100</v>
      </c>
      <c r="H36824" s="8">
        <v>1763370</v>
      </c>
      <c r="I36824" s="8">
        <v>806112</v>
      </c>
      <c r="J36824" s="8">
        <v>1712988</v>
      </c>
      <c r="K36824" s="9"/>
      <c r="L36824" s="6"/>
    </row>
    <row r="36825" spans="1:12">
      <c r="A36825" s="6" t="s">
        <v>36573</v>
      </c>
      <c r="B36825" s="6"/>
      <c r="C36825" s="6" t="s">
        <v>32230</v>
      </c>
      <c r="D36825" s="6"/>
      <c r="E36825" s="6" t="s">
        <v>9</v>
      </c>
      <c r="F36825" s="7">
        <v>38609</v>
      </c>
      <c r="G36825" s="8">
        <v>2411100</v>
      </c>
      <c r="H36825" s="8">
        <v>1687770</v>
      </c>
      <c r="I36825" s="8">
        <v>771552</v>
      </c>
      <c r="J36825" s="8">
        <v>1639548</v>
      </c>
      <c r="K36825" s="9"/>
      <c r="L36825" s="6"/>
    </row>
    <row r="36826" spans="1:12">
      <c r="A36826" s="6" t="s">
        <v>36574</v>
      </c>
      <c r="B36826" s="6"/>
      <c r="C36826" s="6" t="s">
        <v>32230</v>
      </c>
      <c r="D36826" s="6"/>
      <c r="E36826" s="6" t="s">
        <v>9</v>
      </c>
      <c r="F36826" s="7">
        <v>38609</v>
      </c>
      <c r="G36826" s="8">
        <v>8702100</v>
      </c>
      <c r="H36826" s="8">
        <v>6091470</v>
      </c>
      <c r="I36826" s="8">
        <v>2784672</v>
      </c>
      <c r="J36826" s="8">
        <v>5917428</v>
      </c>
      <c r="K36826" s="9"/>
      <c r="L36826" s="6"/>
    </row>
    <row r="36827" spans="1:12">
      <c r="A36827" s="6" t="s">
        <v>36575</v>
      </c>
      <c r="B36827" s="6"/>
      <c r="C36827" s="6" t="s">
        <v>32230</v>
      </c>
      <c r="D36827" s="6"/>
      <c r="E36827" s="6" t="s">
        <v>9</v>
      </c>
      <c r="F36827" s="7">
        <v>39535</v>
      </c>
      <c r="G36827" s="8">
        <v>15795000</v>
      </c>
      <c r="H36827" s="8">
        <v>11688300</v>
      </c>
      <c r="I36827" s="8">
        <v>4422600</v>
      </c>
      <c r="J36827" s="8">
        <v>11372400</v>
      </c>
      <c r="K36827" s="9"/>
      <c r="L36827" s="6"/>
    </row>
    <row r="36828" spans="1:12">
      <c r="A36828" s="6" t="s">
        <v>36576</v>
      </c>
      <c r="B36828" s="6"/>
      <c r="C36828" s="6" t="s">
        <v>32230</v>
      </c>
      <c r="D36828" s="6"/>
      <c r="E36828" s="6" t="s">
        <v>9</v>
      </c>
      <c r="F36828" s="7">
        <v>39535</v>
      </c>
      <c r="G36828" s="8">
        <v>14118300</v>
      </c>
      <c r="H36828" s="8">
        <v>10447542</v>
      </c>
      <c r="I36828" s="8">
        <v>3953124</v>
      </c>
      <c r="J36828" s="8">
        <v>10165176</v>
      </c>
      <c r="K36828" s="9"/>
      <c r="L36828" s="6"/>
    </row>
    <row r="36829" spans="1:12">
      <c r="A36829" s="6" t="s">
        <v>36577</v>
      </c>
      <c r="B36829" s="6"/>
      <c r="C36829" s="6" t="s">
        <v>32230</v>
      </c>
      <c r="D36829" s="6"/>
      <c r="E36829" s="6" t="s">
        <v>9</v>
      </c>
      <c r="F36829" s="7">
        <v>39535</v>
      </c>
      <c r="G36829" s="8">
        <v>11394000</v>
      </c>
      <c r="H36829" s="8">
        <v>8431560</v>
      </c>
      <c r="I36829" s="8">
        <v>3190320</v>
      </c>
      <c r="J36829" s="8">
        <v>8203680</v>
      </c>
      <c r="K36829" s="9"/>
      <c r="L36829" s="6"/>
    </row>
    <row r="36830" spans="1:12">
      <c r="A36830" s="6" t="s">
        <v>33185</v>
      </c>
      <c r="B36830" s="6"/>
      <c r="C36830" s="6" t="s">
        <v>32230</v>
      </c>
      <c r="D36830" s="6"/>
      <c r="E36830" s="6" t="s">
        <v>9</v>
      </c>
      <c r="F36830" s="7"/>
      <c r="G36830" s="8">
        <v>1</v>
      </c>
      <c r="H36830" s="8">
        <v>1</v>
      </c>
      <c r="I36830" s="8">
        <v>0</v>
      </c>
      <c r="J36830" s="8">
        <v>1</v>
      </c>
      <c r="K36830" s="9"/>
      <c r="L36830" s="6"/>
    </row>
    <row r="36831" spans="1:12">
      <c r="A36831" s="6" t="s">
        <v>33185</v>
      </c>
      <c r="B36831" s="6"/>
      <c r="C36831" s="6" t="s">
        <v>32230</v>
      </c>
      <c r="D36831" s="6"/>
      <c r="E36831" s="6" t="s">
        <v>9</v>
      </c>
      <c r="F36831" s="7"/>
      <c r="G36831" s="8">
        <v>1</v>
      </c>
      <c r="H36831" s="8">
        <v>1</v>
      </c>
      <c r="I36831" s="8">
        <v>0</v>
      </c>
      <c r="J36831" s="8">
        <v>1</v>
      </c>
      <c r="K36831" s="9"/>
      <c r="L36831" s="6"/>
    </row>
    <row r="36832" spans="1:12">
      <c r="A36832" s="6" t="s">
        <v>36578</v>
      </c>
      <c r="B36832" s="6"/>
      <c r="C36832" s="6" t="s">
        <v>32230</v>
      </c>
      <c r="D36832" s="6"/>
      <c r="E36832" s="6" t="s">
        <v>9</v>
      </c>
      <c r="F36832" s="7">
        <v>33420</v>
      </c>
      <c r="G36832" s="8">
        <v>86637600</v>
      </c>
      <c r="H36832" s="8">
        <v>36387792</v>
      </c>
      <c r="I36832" s="8">
        <v>51982560</v>
      </c>
      <c r="J36832" s="8">
        <v>34655040</v>
      </c>
      <c r="K36832" s="9"/>
      <c r="L36832" s="6"/>
    </row>
    <row r="36833" spans="1:12">
      <c r="A36833" s="6" t="s">
        <v>36579</v>
      </c>
      <c r="B36833" s="6"/>
      <c r="C36833" s="6" t="s">
        <v>32230</v>
      </c>
      <c r="D36833" s="6"/>
      <c r="E36833" s="6" t="s">
        <v>9</v>
      </c>
      <c r="F36833" s="7">
        <v>43707</v>
      </c>
      <c r="G36833" s="8">
        <v>700000</v>
      </c>
      <c r="H36833" s="8">
        <v>658700</v>
      </c>
      <c r="I36833" s="8">
        <v>82600</v>
      </c>
      <c r="J36833" s="8">
        <v>617400</v>
      </c>
      <c r="K36833" s="9"/>
      <c r="L36833" s="6"/>
    </row>
    <row r="36834" spans="1:12">
      <c r="A36834" s="6" t="s">
        <v>36580</v>
      </c>
      <c r="B36834" s="6"/>
      <c r="C36834" s="6" t="s">
        <v>32230</v>
      </c>
      <c r="D36834" s="6"/>
      <c r="E36834" s="6" t="s">
        <v>9</v>
      </c>
      <c r="F36834" s="7">
        <v>33105</v>
      </c>
      <c r="G36834" s="8">
        <v>21497400</v>
      </c>
      <c r="H36834" s="8">
        <v>8598960</v>
      </c>
      <c r="I36834" s="8">
        <v>13328388</v>
      </c>
      <c r="J36834" s="8">
        <v>8169012</v>
      </c>
      <c r="K36834" s="9"/>
      <c r="L36834" s="6"/>
    </row>
    <row r="36835" spans="1:12">
      <c r="A36835" s="6" t="s">
        <v>36581</v>
      </c>
      <c r="B36835" s="6"/>
      <c r="C36835" s="6" t="s">
        <v>32230</v>
      </c>
      <c r="D36835" s="6"/>
      <c r="E36835" s="6" t="s">
        <v>9</v>
      </c>
      <c r="F36835" s="7">
        <v>33055</v>
      </c>
      <c r="G36835" s="8">
        <v>87523800</v>
      </c>
      <c r="H36835" s="8">
        <v>27132390</v>
      </c>
      <c r="I36835" s="8">
        <v>62404457</v>
      </c>
      <c r="J36835" s="8">
        <v>25119343</v>
      </c>
      <c r="K36835" s="9"/>
      <c r="L36835" s="6"/>
    </row>
    <row r="36836" spans="1:12">
      <c r="A36836" s="6" t="s">
        <v>36582</v>
      </c>
      <c r="B36836" s="6"/>
      <c r="C36836" s="6" t="s">
        <v>32230</v>
      </c>
      <c r="D36836" s="6"/>
      <c r="E36836" s="6" t="s">
        <v>9</v>
      </c>
      <c r="F36836" s="7">
        <v>30270</v>
      </c>
      <c r="G36836" s="8">
        <v>174692700</v>
      </c>
      <c r="H36836" s="8">
        <v>41926248</v>
      </c>
      <c r="I36836" s="8">
        <v>136260306</v>
      </c>
      <c r="J36836" s="8">
        <v>38432394</v>
      </c>
      <c r="K36836" s="9"/>
      <c r="L36836" s="6"/>
    </row>
    <row r="36837" spans="1:12">
      <c r="A36837" s="6" t="s">
        <v>36583</v>
      </c>
      <c r="B36837" s="6"/>
      <c r="C36837" s="6" t="s">
        <v>32230</v>
      </c>
      <c r="D36837" s="6"/>
      <c r="E36837" s="6" t="s">
        <v>9</v>
      </c>
      <c r="F36837" s="7">
        <v>43690</v>
      </c>
      <c r="G36837" s="8">
        <v>993600</v>
      </c>
      <c r="H36837" s="8">
        <v>927029</v>
      </c>
      <c r="I36837" s="8">
        <v>133142</v>
      </c>
      <c r="J36837" s="8">
        <v>860458</v>
      </c>
      <c r="K36837" s="9"/>
      <c r="L36837" s="6"/>
    </row>
    <row r="36838" spans="1:12">
      <c r="A36838" s="6" t="s">
        <v>36584</v>
      </c>
      <c r="B36838" s="6"/>
      <c r="C36838" s="6" t="s">
        <v>32230</v>
      </c>
      <c r="D36838" s="6"/>
      <c r="E36838" s="6" t="s">
        <v>9</v>
      </c>
      <c r="F36838" s="7">
        <v>31226</v>
      </c>
      <c r="G36838" s="8">
        <v>200313000</v>
      </c>
      <c r="H36838" s="8">
        <v>60093900</v>
      </c>
      <c r="I36838" s="8">
        <v>144225360</v>
      </c>
      <c r="J36838" s="8">
        <v>56087640</v>
      </c>
      <c r="K36838" s="9"/>
      <c r="L36838" s="6"/>
    </row>
    <row r="36839" spans="1:12">
      <c r="A36839" s="6" t="s">
        <v>36585</v>
      </c>
      <c r="B36839" s="6"/>
      <c r="C36839" s="6" t="s">
        <v>32230</v>
      </c>
      <c r="D36839" s="6"/>
      <c r="E36839" s="6" t="s">
        <v>9</v>
      </c>
      <c r="F36839" s="7">
        <v>33833</v>
      </c>
      <c r="G36839" s="8">
        <v>38361600</v>
      </c>
      <c r="H36839" s="8">
        <v>16879104</v>
      </c>
      <c r="I36839" s="8">
        <v>22249728</v>
      </c>
      <c r="J36839" s="8">
        <v>16111872</v>
      </c>
      <c r="K36839" s="9"/>
      <c r="L36839" s="6"/>
    </row>
    <row r="36840" spans="1:12">
      <c r="A36840" s="6" t="s">
        <v>36586</v>
      </c>
      <c r="B36840" s="6"/>
      <c r="C36840" s="6" t="s">
        <v>32230</v>
      </c>
      <c r="D36840" s="6"/>
      <c r="E36840" s="6" t="s">
        <v>9</v>
      </c>
      <c r="F36840" s="7">
        <v>30270</v>
      </c>
      <c r="G36840" s="8">
        <v>693500</v>
      </c>
      <c r="H36840" s="8">
        <v>166440</v>
      </c>
      <c r="I36840" s="8">
        <v>540930</v>
      </c>
      <c r="J36840" s="8">
        <v>152570</v>
      </c>
      <c r="K36840" s="9"/>
      <c r="L36840" s="6"/>
    </row>
    <row r="36841" spans="1:12">
      <c r="A36841" s="6" t="s">
        <v>36587</v>
      </c>
      <c r="B36841" s="6"/>
      <c r="C36841" s="6" t="s">
        <v>32230</v>
      </c>
      <c r="D36841" s="6"/>
      <c r="E36841" s="6" t="s">
        <v>9</v>
      </c>
      <c r="F36841" s="7">
        <v>30270</v>
      </c>
      <c r="G36841" s="8">
        <v>703000</v>
      </c>
      <c r="H36841" s="8">
        <v>168720</v>
      </c>
      <c r="I36841" s="8">
        <v>548340</v>
      </c>
      <c r="J36841" s="8">
        <v>154660</v>
      </c>
      <c r="K36841" s="9"/>
      <c r="L36841" s="6"/>
    </row>
    <row r="36842" spans="1:12">
      <c r="A36842" s="6" t="s">
        <v>36588</v>
      </c>
      <c r="B36842" s="6"/>
      <c r="C36842" s="6" t="s">
        <v>32230</v>
      </c>
      <c r="D36842" s="6"/>
      <c r="E36842" s="6" t="s">
        <v>9</v>
      </c>
      <c r="F36842" s="7">
        <v>30270</v>
      </c>
      <c r="G36842" s="8">
        <v>608000</v>
      </c>
      <c r="H36842" s="8">
        <v>145920</v>
      </c>
      <c r="I36842" s="8">
        <v>474240</v>
      </c>
      <c r="J36842" s="8">
        <v>133760</v>
      </c>
      <c r="K36842" s="9"/>
      <c r="L36842" s="6"/>
    </row>
    <row r="36843" spans="1:12">
      <c r="A36843" s="6" t="s">
        <v>36589</v>
      </c>
      <c r="B36843" s="6"/>
      <c r="C36843" s="6" t="s">
        <v>32230</v>
      </c>
      <c r="D36843" s="6"/>
      <c r="E36843" s="6" t="s">
        <v>9</v>
      </c>
      <c r="F36843" s="7">
        <v>30270</v>
      </c>
      <c r="G36843" s="8">
        <v>674500</v>
      </c>
      <c r="H36843" s="8">
        <v>161880</v>
      </c>
      <c r="I36843" s="8">
        <v>526110</v>
      </c>
      <c r="J36843" s="8">
        <v>148390</v>
      </c>
      <c r="K36843" s="9"/>
      <c r="L36843" s="6"/>
    </row>
    <row r="36844" spans="1:12">
      <c r="A36844" s="6" t="s">
        <v>36590</v>
      </c>
      <c r="B36844" s="6"/>
      <c r="C36844" s="6" t="s">
        <v>32230</v>
      </c>
      <c r="D36844" s="6"/>
      <c r="E36844" s="6" t="s">
        <v>9</v>
      </c>
      <c r="F36844" s="7">
        <v>30270</v>
      </c>
      <c r="G36844" s="8">
        <v>589000</v>
      </c>
      <c r="H36844" s="8">
        <v>141360</v>
      </c>
      <c r="I36844" s="8">
        <v>459420</v>
      </c>
      <c r="J36844" s="8">
        <v>129580</v>
      </c>
      <c r="K36844" s="9"/>
      <c r="L36844" s="6"/>
    </row>
    <row r="36845" spans="1:12">
      <c r="A36845" s="6" t="s">
        <v>36591</v>
      </c>
      <c r="B36845" s="6"/>
      <c r="C36845" s="6" t="s">
        <v>32230</v>
      </c>
      <c r="D36845" s="6"/>
      <c r="E36845" s="6" t="s">
        <v>9</v>
      </c>
      <c r="F36845" s="7">
        <v>30270</v>
      </c>
      <c r="G36845" s="8">
        <v>627000</v>
      </c>
      <c r="H36845" s="8">
        <v>150480</v>
      </c>
      <c r="I36845" s="8">
        <v>489060</v>
      </c>
      <c r="J36845" s="8">
        <v>137940</v>
      </c>
      <c r="K36845" s="9"/>
      <c r="L36845" s="6"/>
    </row>
    <row r="36846" spans="1:12">
      <c r="A36846" s="6" t="s">
        <v>36592</v>
      </c>
      <c r="B36846" s="6"/>
      <c r="C36846" s="6" t="s">
        <v>32230</v>
      </c>
      <c r="D36846" s="6"/>
      <c r="E36846" s="6" t="s">
        <v>9</v>
      </c>
      <c r="F36846" s="7">
        <v>30270</v>
      </c>
      <c r="G36846" s="8">
        <v>636500</v>
      </c>
      <c r="H36846" s="8">
        <v>152760</v>
      </c>
      <c r="I36846" s="8">
        <v>496470</v>
      </c>
      <c r="J36846" s="8">
        <v>140030</v>
      </c>
      <c r="K36846" s="9"/>
      <c r="L36846" s="6"/>
    </row>
    <row r="36847" spans="1:12">
      <c r="A36847" s="6" t="s">
        <v>36593</v>
      </c>
      <c r="B36847" s="6"/>
      <c r="C36847" s="6" t="s">
        <v>32230</v>
      </c>
      <c r="D36847" s="6"/>
      <c r="E36847" s="6" t="s">
        <v>9</v>
      </c>
      <c r="F36847" s="7">
        <v>30270</v>
      </c>
      <c r="G36847" s="8">
        <v>541500</v>
      </c>
      <c r="H36847" s="8">
        <v>129960</v>
      </c>
      <c r="I36847" s="8">
        <v>422370</v>
      </c>
      <c r="J36847" s="8">
        <v>119130</v>
      </c>
      <c r="K36847" s="9"/>
      <c r="L36847" s="6"/>
    </row>
    <row r="36848" spans="1:12">
      <c r="A36848" s="6" t="s">
        <v>36594</v>
      </c>
      <c r="B36848" s="6"/>
      <c r="C36848" s="6" t="s">
        <v>32230</v>
      </c>
      <c r="D36848" s="6"/>
      <c r="E36848" s="6" t="s">
        <v>9</v>
      </c>
      <c r="F36848" s="7">
        <v>30270</v>
      </c>
      <c r="G36848" s="8">
        <v>266000</v>
      </c>
      <c r="H36848" s="8">
        <v>63840</v>
      </c>
      <c r="I36848" s="8">
        <v>207480</v>
      </c>
      <c r="J36848" s="8">
        <v>58520</v>
      </c>
      <c r="K36848" s="9"/>
      <c r="L36848" s="6"/>
    </row>
    <row r="36849" spans="1:12">
      <c r="A36849" s="6" t="s">
        <v>36595</v>
      </c>
      <c r="B36849" s="6"/>
      <c r="C36849" s="6" t="s">
        <v>32230</v>
      </c>
      <c r="D36849" s="6"/>
      <c r="E36849" s="6" t="s">
        <v>9</v>
      </c>
      <c r="F36849" s="7">
        <v>31952</v>
      </c>
      <c r="G36849" s="8">
        <v>1558000</v>
      </c>
      <c r="H36849" s="8">
        <v>529720</v>
      </c>
      <c r="I36849" s="8">
        <v>1059440</v>
      </c>
      <c r="J36849" s="8">
        <v>498560</v>
      </c>
      <c r="K36849" s="9"/>
      <c r="L36849" s="6"/>
    </row>
    <row r="36850" spans="1:12">
      <c r="A36850" s="6" t="s">
        <v>36596</v>
      </c>
      <c r="B36850" s="6"/>
      <c r="C36850" s="6" t="s">
        <v>32230</v>
      </c>
      <c r="D36850" s="6"/>
      <c r="E36850" s="6" t="s">
        <v>9</v>
      </c>
      <c r="F36850" s="7">
        <v>30270</v>
      </c>
      <c r="G36850" s="8">
        <v>722000</v>
      </c>
      <c r="H36850" s="8">
        <v>173280</v>
      </c>
      <c r="I36850" s="8">
        <v>563160</v>
      </c>
      <c r="J36850" s="8">
        <v>158840</v>
      </c>
      <c r="K36850" s="9"/>
      <c r="L36850" s="6"/>
    </row>
    <row r="36851" spans="1:12">
      <c r="A36851" s="6" t="s">
        <v>36597</v>
      </c>
      <c r="B36851" s="6"/>
      <c r="C36851" s="6" t="s">
        <v>32230</v>
      </c>
      <c r="D36851" s="6"/>
      <c r="E36851" s="6" t="s">
        <v>9</v>
      </c>
      <c r="F36851" s="7">
        <v>30270</v>
      </c>
      <c r="G36851" s="8">
        <v>665000</v>
      </c>
      <c r="H36851" s="8">
        <v>159600</v>
      </c>
      <c r="I36851" s="8">
        <v>518700</v>
      </c>
      <c r="J36851" s="8">
        <v>146300</v>
      </c>
      <c r="K36851" s="9"/>
      <c r="L36851" s="6"/>
    </row>
    <row r="36852" spans="1:12">
      <c r="A36852" s="6" t="s">
        <v>36598</v>
      </c>
      <c r="B36852" s="6"/>
      <c r="C36852" s="6" t="s">
        <v>32230</v>
      </c>
      <c r="D36852" s="6"/>
      <c r="E36852" s="6" t="s">
        <v>9</v>
      </c>
      <c r="F36852" s="7">
        <v>30498</v>
      </c>
      <c r="G36852" s="8">
        <v>2197800</v>
      </c>
      <c r="H36852" s="8">
        <v>571428</v>
      </c>
      <c r="I36852" s="8">
        <v>1670328</v>
      </c>
      <c r="J36852" s="8">
        <v>527472</v>
      </c>
      <c r="K36852" s="9"/>
      <c r="L36852" s="6"/>
    </row>
    <row r="36853" spans="1:12">
      <c r="A36853" s="6" t="s">
        <v>36598</v>
      </c>
      <c r="B36853" s="6"/>
      <c r="C36853" s="6" t="s">
        <v>32230</v>
      </c>
      <c r="D36853" s="6"/>
      <c r="E36853" s="6"/>
      <c r="F36853" s="7">
        <v>43922</v>
      </c>
      <c r="G36853" s="8">
        <v>720500</v>
      </c>
      <c r="H36853" s="8">
        <v>720500</v>
      </c>
      <c r="I36853" s="8">
        <v>14410</v>
      </c>
      <c r="J36853" s="8">
        <v>706090</v>
      </c>
      <c r="K36853" s="9"/>
      <c r="L36853" s="6"/>
    </row>
    <row r="36854" spans="1:12">
      <c r="A36854" s="6" t="s">
        <v>36599</v>
      </c>
      <c r="B36854" s="6"/>
      <c r="C36854" s="6" t="s">
        <v>32230</v>
      </c>
      <c r="D36854" s="6"/>
      <c r="E36854" s="6" t="s">
        <v>9</v>
      </c>
      <c r="F36854" s="7">
        <v>30270</v>
      </c>
      <c r="G36854" s="8">
        <v>351500</v>
      </c>
      <c r="H36854" s="8">
        <v>84360</v>
      </c>
      <c r="I36854" s="8">
        <v>274170</v>
      </c>
      <c r="J36854" s="8">
        <v>77330</v>
      </c>
      <c r="K36854" s="9"/>
      <c r="L36854" s="6"/>
    </row>
    <row r="36855" spans="1:12">
      <c r="A36855" s="6" t="s">
        <v>36600</v>
      </c>
      <c r="B36855" s="6"/>
      <c r="C36855" s="6" t="s">
        <v>32230</v>
      </c>
      <c r="D36855" s="6"/>
      <c r="E36855" s="6" t="s">
        <v>9</v>
      </c>
      <c r="F36855" s="7">
        <v>30270</v>
      </c>
      <c r="G36855" s="8">
        <v>345800</v>
      </c>
      <c r="H36855" s="8">
        <v>82992</v>
      </c>
      <c r="I36855" s="8">
        <v>269724</v>
      </c>
      <c r="J36855" s="8">
        <v>76076</v>
      </c>
      <c r="K36855" s="9"/>
      <c r="L36855" s="6"/>
    </row>
    <row r="36856" spans="1:12">
      <c r="A36856" s="6" t="s">
        <v>36601</v>
      </c>
      <c r="B36856" s="6"/>
      <c r="C36856" s="6" t="s">
        <v>32230</v>
      </c>
      <c r="D36856" s="6"/>
      <c r="E36856" s="6" t="s">
        <v>9</v>
      </c>
      <c r="F36856" s="7">
        <v>30270</v>
      </c>
      <c r="G36856" s="8">
        <v>630800</v>
      </c>
      <c r="H36856" s="8">
        <v>151392</v>
      </c>
      <c r="I36856" s="8">
        <v>492024</v>
      </c>
      <c r="J36856" s="8">
        <v>138776</v>
      </c>
      <c r="K36856" s="9"/>
      <c r="L36856" s="6"/>
    </row>
    <row r="36857" spans="1:12">
      <c r="A36857" s="6" t="s">
        <v>36602</v>
      </c>
      <c r="B36857" s="6"/>
      <c r="C36857" s="6" t="s">
        <v>32230</v>
      </c>
      <c r="D36857" s="6"/>
      <c r="E36857" s="6" t="s">
        <v>9</v>
      </c>
      <c r="F36857" s="7">
        <v>30270</v>
      </c>
      <c r="G36857" s="8">
        <v>342000</v>
      </c>
      <c r="H36857" s="8">
        <v>82080</v>
      </c>
      <c r="I36857" s="8">
        <v>266760</v>
      </c>
      <c r="J36857" s="8">
        <v>75240</v>
      </c>
      <c r="K36857" s="9"/>
      <c r="L36857" s="6"/>
    </row>
    <row r="36858" spans="1:12">
      <c r="A36858" s="6" t="s">
        <v>36603</v>
      </c>
      <c r="B36858" s="6"/>
      <c r="C36858" s="6" t="s">
        <v>32230</v>
      </c>
      <c r="D36858" s="6"/>
      <c r="E36858" s="6" t="s">
        <v>9</v>
      </c>
      <c r="F36858" s="7">
        <v>30270</v>
      </c>
      <c r="G36858" s="8">
        <v>672600</v>
      </c>
      <c r="H36858" s="8">
        <v>161424</v>
      </c>
      <c r="I36858" s="8">
        <v>524628</v>
      </c>
      <c r="J36858" s="8">
        <v>147972</v>
      </c>
      <c r="K36858" s="9"/>
      <c r="L36858" s="6"/>
    </row>
    <row r="36859" spans="1:12">
      <c r="A36859" s="6" t="s">
        <v>36604</v>
      </c>
      <c r="B36859" s="6"/>
      <c r="C36859" s="6" t="s">
        <v>32230</v>
      </c>
      <c r="D36859" s="6"/>
      <c r="E36859" s="6" t="s">
        <v>9</v>
      </c>
      <c r="F36859" s="7">
        <v>30270</v>
      </c>
      <c r="G36859" s="8">
        <v>687800</v>
      </c>
      <c r="H36859" s="8">
        <v>165072</v>
      </c>
      <c r="I36859" s="8">
        <v>536484</v>
      </c>
      <c r="J36859" s="8">
        <v>151316</v>
      </c>
      <c r="K36859" s="9"/>
      <c r="L36859" s="6"/>
    </row>
    <row r="36860" spans="1:12">
      <c r="A36860" s="6" t="s">
        <v>36605</v>
      </c>
      <c r="B36860" s="6"/>
      <c r="C36860" s="6" t="s">
        <v>32230</v>
      </c>
      <c r="D36860" s="6"/>
      <c r="E36860" s="6" t="s">
        <v>9</v>
      </c>
      <c r="F36860" s="7">
        <v>30270</v>
      </c>
      <c r="G36860" s="8">
        <v>364800</v>
      </c>
      <c r="H36860" s="8">
        <v>87552</v>
      </c>
      <c r="I36860" s="8">
        <v>284544</v>
      </c>
      <c r="J36860" s="8">
        <v>80256</v>
      </c>
      <c r="K36860" s="9"/>
      <c r="L36860" s="6"/>
    </row>
    <row r="36861" spans="1:12">
      <c r="A36861" s="6" t="s">
        <v>36606</v>
      </c>
      <c r="B36861" s="6"/>
      <c r="C36861" s="6" t="s">
        <v>32230</v>
      </c>
      <c r="D36861" s="6"/>
      <c r="E36861" s="6" t="s">
        <v>9</v>
      </c>
      <c r="F36861" s="7">
        <v>30270</v>
      </c>
      <c r="G36861" s="8">
        <v>364800</v>
      </c>
      <c r="H36861" s="8">
        <v>87552</v>
      </c>
      <c r="I36861" s="8">
        <v>284544</v>
      </c>
      <c r="J36861" s="8">
        <v>80256</v>
      </c>
      <c r="K36861" s="9"/>
      <c r="L36861" s="6"/>
    </row>
    <row r="36862" spans="1:12">
      <c r="A36862" s="6" t="s">
        <v>36607</v>
      </c>
      <c r="B36862" s="6"/>
      <c r="C36862" s="6" t="s">
        <v>32230</v>
      </c>
      <c r="D36862" s="6"/>
      <c r="E36862" s="6" t="s">
        <v>9</v>
      </c>
      <c r="F36862" s="7">
        <v>30270</v>
      </c>
      <c r="G36862" s="8">
        <v>315400</v>
      </c>
      <c r="H36862" s="8">
        <v>75696</v>
      </c>
      <c r="I36862" s="8">
        <v>246012</v>
      </c>
      <c r="J36862" s="8">
        <v>69388</v>
      </c>
      <c r="K36862" s="9"/>
      <c r="L36862" s="6"/>
    </row>
    <row r="36863" spans="1:12">
      <c r="A36863" s="6" t="s">
        <v>36608</v>
      </c>
      <c r="B36863" s="6"/>
      <c r="C36863" s="6" t="s">
        <v>32230</v>
      </c>
      <c r="D36863" s="6"/>
      <c r="E36863" s="6" t="s">
        <v>9</v>
      </c>
      <c r="F36863" s="7">
        <v>30270</v>
      </c>
      <c r="G36863" s="8">
        <v>317300</v>
      </c>
      <c r="H36863" s="8">
        <v>76152</v>
      </c>
      <c r="I36863" s="8">
        <v>247494</v>
      </c>
      <c r="J36863" s="8">
        <v>69806</v>
      </c>
      <c r="K36863" s="9"/>
      <c r="L36863" s="6"/>
    </row>
    <row r="36864" spans="1:12">
      <c r="A36864" s="6" t="s">
        <v>36609</v>
      </c>
      <c r="B36864" s="6"/>
      <c r="C36864" s="6" t="s">
        <v>32230</v>
      </c>
      <c r="D36864" s="6"/>
      <c r="E36864" s="6" t="s">
        <v>9</v>
      </c>
      <c r="F36864" s="7">
        <v>30270</v>
      </c>
      <c r="G36864" s="8">
        <v>323000</v>
      </c>
      <c r="H36864" s="8">
        <v>77520</v>
      </c>
      <c r="I36864" s="8">
        <v>251940</v>
      </c>
      <c r="J36864" s="8">
        <v>71060</v>
      </c>
      <c r="K36864" s="9"/>
      <c r="L36864" s="6"/>
    </row>
    <row r="36865" spans="1:12">
      <c r="A36865" s="6" t="s">
        <v>36610</v>
      </c>
      <c r="B36865" s="6"/>
      <c r="C36865" s="6" t="s">
        <v>32230</v>
      </c>
      <c r="D36865" s="6"/>
      <c r="E36865" s="6" t="s">
        <v>9</v>
      </c>
      <c r="F36865" s="7">
        <v>30270</v>
      </c>
      <c r="G36865" s="8">
        <v>315400</v>
      </c>
      <c r="H36865" s="8">
        <v>75696</v>
      </c>
      <c r="I36865" s="8">
        <v>246012</v>
      </c>
      <c r="J36865" s="8">
        <v>69388</v>
      </c>
      <c r="K36865" s="9"/>
      <c r="L36865" s="6"/>
    </row>
    <row r="36866" spans="1:12">
      <c r="A36866" s="6" t="s">
        <v>36611</v>
      </c>
      <c r="B36866" s="6"/>
      <c r="C36866" s="6" t="s">
        <v>32230</v>
      </c>
      <c r="D36866" s="6"/>
      <c r="E36866" s="6" t="s">
        <v>9</v>
      </c>
      <c r="F36866" s="7">
        <v>30270</v>
      </c>
      <c r="G36866" s="8">
        <v>372400</v>
      </c>
      <c r="H36866" s="8">
        <v>89376</v>
      </c>
      <c r="I36866" s="8">
        <v>290472</v>
      </c>
      <c r="J36866" s="8">
        <v>81928</v>
      </c>
      <c r="K36866" s="9"/>
      <c r="L36866" s="6"/>
    </row>
    <row r="36867" spans="1:12">
      <c r="A36867" s="6" t="s">
        <v>36612</v>
      </c>
      <c r="B36867" s="6"/>
      <c r="C36867" s="6" t="s">
        <v>32230</v>
      </c>
      <c r="D36867" s="6"/>
      <c r="E36867" s="6" t="s">
        <v>9</v>
      </c>
      <c r="F36867" s="7">
        <v>30270</v>
      </c>
      <c r="G36867" s="8">
        <v>376200</v>
      </c>
      <c r="H36867" s="8">
        <v>90288</v>
      </c>
      <c r="I36867" s="8">
        <v>293436</v>
      </c>
      <c r="J36867" s="8">
        <v>82764</v>
      </c>
      <c r="K36867" s="9"/>
      <c r="L36867" s="6"/>
    </row>
    <row r="36868" spans="1:12">
      <c r="A36868" s="6" t="s">
        <v>36613</v>
      </c>
      <c r="B36868" s="6"/>
      <c r="C36868" s="6" t="s">
        <v>32230</v>
      </c>
      <c r="D36868" s="6"/>
      <c r="E36868" s="6" t="s">
        <v>9</v>
      </c>
      <c r="F36868" s="7">
        <v>30270</v>
      </c>
      <c r="G36868" s="8">
        <v>666900</v>
      </c>
      <c r="H36868" s="8">
        <v>160056</v>
      </c>
      <c r="I36868" s="8">
        <v>520182</v>
      </c>
      <c r="J36868" s="8">
        <v>146718</v>
      </c>
      <c r="K36868" s="9"/>
      <c r="L36868" s="6"/>
    </row>
    <row r="36869" spans="1:12">
      <c r="A36869" s="6" t="s">
        <v>36614</v>
      </c>
      <c r="B36869" s="6"/>
      <c r="C36869" s="6" t="s">
        <v>32230</v>
      </c>
      <c r="D36869" s="6"/>
      <c r="E36869" s="6" t="s">
        <v>9</v>
      </c>
      <c r="F36869" s="7">
        <v>30270</v>
      </c>
      <c r="G36869" s="8">
        <v>775200</v>
      </c>
      <c r="H36869" s="8">
        <v>186048</v>
      </c>
      <c r="I36869" s="8">
        <v>604656</v>
      </c>
      <c r="J36869" s="8">
        <v>170544</v>
      </c>
      <c r="K36869" s="9"/>
      <c r="L36869" s="6"/>
    </row>
    <row r="36870" spans="1:12">
      <c r="A36870" s="6" t="s">
        <v>36615</v>
      </c>
      <c r="B36870" s="6"/>
      <c r="C36870" s="6" t="s">
        <v>32230</v>
      </c>
      <c r="D36870" s="6"/>
      <c r="E36870" s="6" t="s">
        <v>9</v>
      </c>
      <c r="F36870" s="7">
        <v>30270</v>
      </c>
      <c r="G36870" s="8">
        <v>693500</v>
      </c>
      <c r="H36870" s="8">
        <v>166440</v>
      </c>
      <c r="I36870" s="8">
        <v>540930</v>
      </c>
      <c r="J36870" s="8">
        <v>152570</v>
      </c>
      <c r="K36870" s="9"/>
      <c r="L36870" s="6"/>
    </row>
    <row r="36871" spans="1:12">
      <c r="A36871" s="6" t="s">
        <v>36616</v>
      </c>
      <c r="B36871" s="6"/>
      <c r="C36871" s="6" t="s">
        <v>32230</v>
      </c>
      <c r="D36871" s="6"/>
      <c r="E36871" s="6" t="s">
        <v>9</v>
      </c>
      <c r="F36871" s="7">
        <v>30270</v>
      </c>
      <c r="G36871" s="8">
        <v>655500</v>
      </c>
      <c r="H36871" s="8">
        <v>157320</v>
      </c>
      <c r="I36871" s="8">
        <v>511290</v>
      </c>
      <c r="J36871" s="8">
        <v>144210</v>
      </c>
      <c r="K36871" s="9"/>
      <c r="L36871" s="6"/>
    </row>
    <row r="36872" spans="1:12">
      <c r="A36872" s="6" t="s">
        <v>36617</v>
      </c>
      <c r="B36872" s="6"/>
      <c r="C36872" s="6" t="s">
        <v>32230</v>
      </c>
      <c r="D36872" s="6"/>
      <c r="E36872" s="6" t="s">
        <v>9</v>
      </c>
      <c r="F36872" s="7">
        <v>30270</v>
      </c>
      <c r="G36872" s="8">
        <v>655500</v>
      </c>
      <c r="H36872" s="8">
        <v>157320</v>
      </c>
      <c r="I36872" s="8">
        <v>511290</v>
      </c>
      <c r="J36872" s="8">
        <v>144210</v>
      </c>
      <c r="K36872" s="9"/>
      <c r="L36872" s="6"/>
    </row>
    <row r="36873" spans="1:12">
      <c r="A36873" s="6" t="s">
        <v>36618</v>
      </c>
      <c r="B36873" s="6"/>
      <c r="C36873" s="6" t="s">
        <v>32230</v>
      </c>
      <c r="D36873" s="6"/>
      <c r="E36873" s="6" t="s">
        <v>9</v>
      </c>
      <c r="F36873" s="7">
        <v>30270</v>
      </c>
      <c r="G36873" s="8">
        <v>752400</v>
      </c>
      <c r="H36873" s="8">
        <v>180576</v>
      </c>
      <c r="I36873" s="8">
        <v>586872</v>
      </c>
      <c r="J36873" s="8">
        <v>165528</v>
      </c>
      <c r="K36873" s="9"/>
      <c r="L36873" s="6"/>
    </row>
    <row r="36874" spans="1:12">
      <c r="A36874" s="6" t="s">
        <v>36619</v>
      </c>
      <c r="B36874" s="6"/>
      <c r="C36874" s="6" t="s">
        <v>32230</v>
      </c>
      <c r="D36874" s="6"/>
      <c r="E36874" s="6" t="s">
        <v>9</v>
      </c>
      <c r="F36874" s="7">
        <v>30270</v>
      </c>
      <c r="G36874" s="8">
        <v>708700</v>
      </c>
      <c r="H36874" s="8">
        <v>170088</v>
      </c>
      <c r="I36874" s="8">
        <v>552786</v>
      </c>
      <c r="J36874" s="8">
        <v>155914</v>
      </c>
      <c r="K36874" s="9"/>
      <c r="L36874" s="6"/>
    </row>
    <row r="36875" spans="1:12">
      <c r="A36875" s="6" t="s">
        <v>36620</v>
      </c>
      <c r="B36875" s="6"/>
      <c r="C36875" s="6" t="s">
        <v>32230</v>
      </c>
      <c r="D36875" s="6"/>
      <c r="E36875" s="6" t="s">
        <v>9</v>
      </c>
      <c r="F36875" s="7">
        <v>30270</v>
      </c>
      <c r="G36875" s="8">
        <v>710600</v>
      </c>
      <c r="H36875" s="8">
        <v>170544</v>
      </c>
      <c r="I36875" s="8">
        <v>554268</v>
      </c>
      <c r="J36875" s="8">
        <v>156332</v>
      </c>
      <c r="K36875" s="9"/>
      <c r="L36875" s="6"/>
    </row>
    <row r="36876" spans="1:12">
      <c r="A36876" s="6" t="s">
        <v>36621</v>
      </c>
      <c r="B36876" s="6"/>
      <c r="C36876" s="6" t="s">
        <v>32230</v>
      </c>
      <c r="D36876" s="6"/>
      <c r="E36876" s="6" t="s">
        <v>9</v>
      </c>
      <c r="F36876" s="7">
        <v>30270</v>
      </c>
      <c r="G36876" s="8">
        <v>600400</v>
      </c>
      <c r="H36876" s="8">
        <v>144096</v>
      </c>
      <c r="I36876" s="8">
        <v>468312</v>
      </c>
      <c r="J36876" s="8">
        <v>132088</v>
      </c>
      <c r="K36876" s="9"/>
      <c r="L36876" s="6"/>
    </row>
    <row r="36877" spans="1:12">
      <c r="A36877" s="6" t="s">
        <v>36622</v>
      </c>
      <c r="B36877" s="6"/>
      <c r="C36877" s="6" t="s">
        <v>32230</v>
      </c>
      <c r="D36877" s="6"/>
      <c r="E36877" s="6" t="s">
        <v>9</v>
      </c>
      <c r="F36877" s="7">
        <v>30270</v>
      </c>
      <c r="G36877" s="8">
        <v>625100</v>
      </c>
      <c r="H36877" s="8">
        <v>150024</v>
      </c>
      <c r="I36877" s="8">
        <v>487578</v>
      </c>
      <c r="J36877" s="8">
        <v>137522</v>
      </c>
      <c r="K36877" s="9"/>
      <c r="L36877" s="6"/>
    </row>
    <row r="36878" spans="1:12">
      <c r="A36878" s="6" t="s">
        <v>36623</v>
      </c>
      <c r="B36878" s="6"/>
      <c r="C36878" s="6" t="s">
        <v>32230</v>
      </c>
      <c r="D36878" s="6"/>
      <c r="E36878" s="6" t="s">
        <v>9</v>
      </c>
      <c r="F36878" s="7">
        <v>30270</v>
      </c>
      <c r="G36878" s="8">
        <v>621300</v>
      </c>
      <c r="H36878" s="8">
        <v>149112</v>
      </c>
      <c r="I36878" s="8">
        <v>484614</v>
      </c>
      <c r="J36878" s="8">
        <v>136686</v>
      </c>
      <c r="K36878" s="9"/>
      <c r="L36878" s="6"/>
    </row>
    <row r="36879" spans="1:12">
      <c r="A36879" s="6" t="s">
        <v>36624</v>
      </c>
      <c r="B36879" s="6"/>
      <c r="C36879" s="6" t="s">
        <v>32230</v>
      </c>
      <c r="D36879" s="6"/>
      <c r="E36879" s="6" t="s">
        <v>9</v>
      </c>
      <c r="F36879" s="7">
        <v>30270</v>
      </c>
      <c r="G36879" s="8">
        <v>326800</v>
      </c>
      <c r="H36879" s="8">
        <v>78432</v>
      </c>
      <c r="I36879" s="8">
        <v>254904</v>
      </c>
      <c r="J36879" s="8">
        <v>71896</v>
      </c>
      <c r="K36879" s="9"/>
      <c r="L36879" s="6"/>
    </row>
    <row r="36880" spans="1:12">
      <c r="A36880" s="6" t="s">
        <v>36625</v>
      </c>
      <c r="B36880" s="6"/>
      <c r="C36880" s="6" t="s">
        <v>32230</v>
      </c>
      <c r="D36880" s="6"/>
      <c r="E36880" s="6" t="s">
        <v>9</v>
      </c>
      <c r="F36880" s="7">
        <v>30270</v>
      </c>
      <c r="G36880" s="8">
        <v>372400</v>
      </c>
      <c r="H36880" s="8">
        <v>89376</v>
      </c>
      <c r="I36880" s="8">
        <v>290472</v>
      </c>
      <c r="J36880" s="8">
        <v>81928</v>
      </c>
      <c r="K36880" s="9"/>
      <c r="L36880" s="6"/>
    </row>
    <row r="36881" spans="1:12">
      <c r="A36881" s="6" t="s">
        <v>36626</v>
      </c>
      <c r="B36881" s="6"/>
      <c r="C36881" s="6" t="s">
        <v>32230</v>
      </c>
      <c r="D36881" s="6"/>
      <c r="E36881" s="6" t="s">
        <v>9</v>
      </c>
      <c r="F36881" s="7">
        <v>30270</v>
      </c>
      <c r="G36881" s="8">
        <v>342000</v>
      </c>
      <c r="H36881" s="8">
        <v>82080</v>
      </c>
      <c r="I36881" s="8">
        <v>266760</v>
      </c>
      <c r="J36881" s="8">
        <v>75240</v>
      </c>
      <c r="K36881" s="9"/>
      <c r="L36881" s="6"/>
    </row>
    <row r="36882" spans="1:12">
      <c r="A36882" s="6" t="s">
        <v>36627</v>
      </c>
      <c r="B36882" s="6"/>
      <c r="C36882" s="6" t="s">
        <v>32230</v>
      </c>
      <c r="D36882" s="6"/>
      <c r="E36882" s="6" t="s">
        <v>9</v>
      </c>
      <c r="F36882" s="7">
        <v>30270</v>
      </c>
      <c r="G36882" s="8">
        <v>345800</v>
      </c>
      <c r="H36882" s="8">
        <v>82992</v>
      </c>
      <c r="I36882" s="8">
        <v>269724</v>
      </c>
      <c r="J36882" s="8">
        <v>76076</v>
      </c>
      <c r="K36882" s="9"/>
      <c r="L36882" s="6"/>
    </row>
    <row r="36883" spans="1:12">
      <c r="A36883" s="6" t="s">
        <v>36628</v>
      </c>
      <c r="B36883" s="6"/>
      <c r="C36883" s="6" t="s">
        <v>32230</v>
      </c>
      <c r="D36883" s="6"/>
      <c r="E36883" s="6" t="s">
        <v>9</v>
      </c>
      <c r="F36883" s="7">
        <v>30270</v>
      </c>
      <c r="G36883" s="8">
        <v>5388400</v>
      </c>
      <c r="H36883" s="8">
        <v>1293216</v>
      </c>
      <c r="I36883" s="8">
        <v>4202952</v>
      </c>
      <c r="J36883" s="8">
        <v>1185448</v>
      </c>
      <c r="K36883" s="9"/>
      <c r="L36883" s="6"/>
    </row>
    <row r="36884" spans="1:12">
      <c r="A36884" s="6" t="s">
        <v>36629</v>
      </c>
      <c r="B36884" s="6"/>
      <c r="C36884" s="6" t="s">
        <v>32230</v>
      </c>
      <c r="D36884" s="6"/>
      <c r="E36884" s="6" t="s">
        <v>9</v>
      </c>
      <c r="F36884" s="7">
        <v>32317</v>
      </c>
      <c r="G36884" s="8">
        <v>803700</v>
      </c>
      <c r="H36884" s="8">
        <v>289332</v>
      </c>
      <c r="I36884" s="8">
        <v>530442</v>
      </c>
      <c r="J36884" s="8">
        <v>273258</v>
      </c>
      <c r="K36884" s="9"/>
      <c r="L36884" s="6"/>
    </row>
    <row r="36885" spans="1:12">
      <c r="A36885" s="6" t="s">
        <v>35593</v>
      </c>
      <c r="B36885" s="6"/>
      <c r="C36885" s="6" t="s">
        <v>32230</v>
      </c>
      <c r="D36885" s="6"/>
      <c r="E36885" s="6" t="s">
        <v>9</v>
      </c>
      <c r="F36885" s="7">
        <v>35611</v>
      </c>
      <c r="G36885" s="8">
        <v>771400</v>
      </c>
      <c r="H36885" s="8">
        <v>416556</v>
      </c>
      <c r="I36885" s="8">
        <v>370272</v>
      </c>
      <c r="J36885" s="8">
        <v>401128</v>
      </c>
      <c r="K36885" s="9"/>
      <c r="L36885" s="6"/>
    </row>
    <row r="36886" spans="1:12">
      <c r="A36886" s="6" t="s">
        <v>36630</v>
      </c>
      <c r="B36886" s="6"/>
      <c r="C36886" s="6" t="s">
        <v>32230</v>
      </c>
      <c r="D36886" s="6"/>
      <c r="E36886" s="6" t="s">
        <v>9</v>
      </c>
      <c r="F36886" s="7">
        <v>30270</v>
      </c>
      <c r="G36886" s="8">
        <v>1497200</v>
      </c>
      <c r="H36886" s="8">
        <v>359328</v>
      </c>
      <c r="I36886" s="8">
        <v>1167816</v>
      </c>
      <c r="J36886" s="8">
        <v>329384</v>
      </c>
      <c r="K36886" s="9"/>
      <c r="L36886" s="6"/>
    </row>
    <row r="36887" spans="1:12">
      <c r="A36887" s="6" t="s">
        <v>36631</v>
      </c>
      <c r="B36887" s="6"/>
      <c r="C36887" s="6" t="s">
        <v>32230</v>
      </c>
      <c r="D36887" s="6"/>
      <c r="E36887" s="6" t="s">
        <v>9</v>
      </c>
      <c r="F36887" s="7">
        <v>30270</v>
      </c>
      <c r="G36887" s="8">
        <v>2135600</v>
      </c>
      <c r="H36887" s="8">
        <v>512544</v>
      </c>
      <c r="I36887" s="8">
        <v>1665768</v>
      </c>
      <c r="J36887" s="8">
        <v>469832</v>
      </c>
      <c r="K36887" s="9"/>
      <c r="L36887" s="6"/>
    </row>
    <row r="36888" spans="1:12">
      <c r="A36888" s="6" t="s">
        <v>36632</v>
      </c>
      <c r="B36888" s="6"/>
      <c r="C36888" s="6" t="s">
        <v>32230</v>
      </c>
      <c r="D36888" s="6"/>
      <c r="E36888" s="6" t="s">
        <v>9</v>
      </c>
      <c r="F36888" s="7">
        <v>30270</v>
      </c>
      <c r="G36888" s="8">
        <v>2268600</v>
      </c>
      <c r="H36888" s="8">
        <v>544464</v>
      </c>
      <c r="I36888" s="8">
        <v>1769508</v>
      </c>
      <c r="J36888" s="8">
        <v>499092</v>
      </c>
      <c r="K36888" s="9"/>
      <c r="L36888" s="6"/>
    </row>
    <row r="36889" spans="1:12">
      <c r="A36889" s="6" t="s">
        <v>36633</v>
      </c>
      <c r="B36889" s="6"/>
      <c r="C36889" s="6" t="s">
        <v>32230</v>
      </c>
      <c r="D36889" s="6"/>
      <c r="E36889" s="6" t="s">
        <v>9</v>
      </c>
      <c r="F36889" s="7">
        <v>30270</v>
      </c>
      <c r="G36889" s="8">
        <v>1504800</v>
      </c>
      <c r="H36889" s="8">
        <v>361152</v>
      </c>
      <c r="I36889" s="8">
        <v>1173744</v>
      </c>
      <c r="J36889" s="8">
        <v>331056</v>
      </c>
      <c r="K36889" s="9"/>
      <c r="L36889" s="6"/>
    </row>
    <row r="36890" spans="1:12">
      <c r="A36890" s="6" t="s">
        <v>36634</v>
      </c>
      <c r="B36890" s="6"/>
      <c r="C36890" s="6" t="s">
        <v>32230</v>
      </c>
      <c r="D36890" s="6"/>
      <c r="E36890" s="6" t="s">
        <v>9</v>
      </c>
      <c r="F36890" s="7">
        <v>30270</v>
      </c>
      <c r="G36890" s="8">
        <v>1539000</v>
      </c>
      <c r="H36890" s="8">
        <v>369360</v>
      </c>
      <c r="I36890" s="8">
        <v>1200420</v>
      </c>
      <c r="J36890" s="8">
        <v>338580</v>
      </c>
      <c r="K36890" s="9"/>
      <c r="L36890" s="6"/>
    </row>
    <row r="36891" spans="1:12">
      <c r="A36891" s="6" t="s">
        <v>36635</v>
      </c>
      <c r="B36891" s="6"/>
      <c r="C36891" s="6" t="s">
        <v>32230</v>
      </c>
      <c r="D36891" s="6"/>
      <c r="E36891" s="6" t="s">
        <v>9</v>
      </c>
      <c r="F36891" s="7">
        <v>30270</v>
      </c>
      <c r="G36891" s="8">
        <v>496800</v>
      </c>
      <c r="H36891" s="8">
        <v>119232</v>
      </c>
      <c r="I36891" s="8">
        <v>387504</v>
      </c>
      <c r="J36891" s="8">
        <v>109296</v>
      </c>
      <c r="K36891" s="9"/>
      <c r="L36891" s="6"/>
    </row>
    <row r="36892" spans="1:12">
      <c r="A36892" s="6" t="s">
        <v>36636</v>
      </c>
      <c r="B36892" s="6"/>
      <c r="C36892" s="6" t="s">
        <v>32230</v>
      </c>
      <c r="D36892" s="6"/>
      <c r="E36892" s="6" t="s">
        <v>9</v>
      </c>
      <c r="F36892" s="7">
        <v>30270</v>
      </c>
      <c r="G36892" s="8">
        <v>361000</v>
      </c>
      <c r="H36892" s="8">
        <v>86640</v>
      </c>
      <c r="I36892" s="8">
        <v>281580</v>
      </c>
      <c r="J36892" s="8">
        <v>79420</v>
      </c>
      <c r="K36892" s="9"/>
      <c r="L36892" s="6"/>
    </row>
    <row r="36893" spans="1:12">
      <c r="A36893" s="6" t="s">
        <v>36637</v>
      </c>
      <c r="B36893" s="6"/>
      <c r="C36893" s="6" t="s">
        <v>32230</v>
      </c>
      <c r="D36893" s="6"/>
      <c r="E36893" s="6" t="s">
        <v>9</v>
      </c>
      <c r="F36893" s="7">
        <v>30270</v>
      </c>
      <c r="G36893" s="8">
        <v>349600</v>
      </c>
      <c r="H36893" s="8">
        <v>83904</v>
      </c>
      <c r="I36893" s="8">
        <v>272688</v>
      </c>
      <c r="J36893" s="8">
        <v>76912</v>
      </c>
      <c r="K36893" s="9"/>
      <c r="L36893" s="6"/>
    </row>
    <row r="36894" spans="1:12">
      <c r="A36894" s="6" t="s">
        <v>36638</v>
      </c>
      <c r="B36894" s="6"/>
      <c r="C36894" s="6" t="s">
        <v>32230</v>
      </c>
      <c r="D36894" s="6"/>
      <c r="E36894" s="6" t="s">
        <v>9</v>
      </c>
      <c r="F36894" s="7">
        <v>30270</v>
      </c>
      <c r="G36894" s="8">
        <v>349600</v>
      </c>
      <c r="H36894" s="8">
        <v>83904</v>
      </c>
      <c r="I36894" s="8">
        <v>272688</v>
      </c>
      <c r="J36894" s="8">
        <v>76912</v>
      </c>
      <c r="K36894" s="9"/>
      <c r="L36894" s="6"/>
    </row>
    <row r="36895" spans="1:12">
      <c r="A36895" s="6" t="s">
        <v>36639</v>
      </c>
      <c r="B36895" s="6"/>
      <c r="C36895" s="6" t="s">
        <v>32230</v>
      </c>
      <c r="D36895" s="6"/>
      <c r="E36895" s="6" t="s">
        <v>9</v>
      </c>
      <c r="F36895" s="7">
        <v>30270</v>
      </c>
      <c r="G36895" s="8">
        <v>1117200</v>
      </c>
      <c r="H36895" s="8">
        <v>268128</v>
      </c>
      <c r="I36895" s="8">
        <v>871416</v>
      </c>
      <c r="J36895" s="8">
        <v>245784</v>
      </c>
      <c r="K36895" s="9"/>
      <c r="L36895" s="6"/>
    </row>
    <row r="36896" spans="1:12">
      <c r="A36896" s="6" t="s">
        <v>36640</v>
      </c>
      <c r="B36896" s="6"/>
      <c r="C36896" s="6" t="s">
        <v>32230</v>
      </c>
      <c r="D36896" s="6"/>
      <c r="E36896" s="6" t="s">
        <v>9</v>
      </c>
      <c r="F36896" s="7">
        <v>30270</v>
      </c>
      <c r="G36896" s="8">
        <v>353400</v>
      </c>
      <c r="H36896" s="8">
        <v>84816</v>
      </c>
      <c r="I36896" s="8">
        <v>275652</v>
      </c>
      <c r="J36896" s="8">
        <v>77748</v>
      </c>
      <c r="K36896" s="9"/>
      <c r="L36896" s="6"/>
    </row>
    <row r="36897" spans="1:12">
      <c r="A36897" s="6" t="s">
        <v>36641</v>
      </c>
      <c r="B36897" s="6"/>
      <c r="C36897" s="6" t="s">
        <v>32230</v>
      </c>
      <c r="D36897" s="6"/>
      <c r="E36897" s="6" t="s">
        <v>9</v>
      </c>
      <c r="F36897" s="7">
        <v>30270</v>
      </c>
      <c r="G36897" s="8">
        <v>651700</v>
      </c>
      <c r="H36897" s="8">
        <v>156408</v>
      </c>
      <c r="I36897" s="8">
        <v>508326</v>
      </c>
      <c r="J36897" s="8">
        <v>143374</v>
      </c>
      <c r="K36897" s="9"/>
      <c r="L36897" s="6"/>
    </row>
    <row r="36898" spans="1:12">
      <c r="A36898" s="6" t="s">
        <v>36642</v>
      </c>
      <c r="B36898" s="6"/>
      <c r="C36898" s="6" t="s">
        <v>32230</v>
      </c>
      <c r="D36898" s="6"/>
      <c r="E36898" s="6" t="s">
        <v>9</v>
      </c>
      <c r="F36898" s="7">
        <v>30270</v>
      </c>
      <c r="G36898" s="8">
        <v>534600</v>
      </c>
      <c r="H36898" s="8">
        <v>128304</v>
      </c>
      <c r="I36898" s="8">
        <v>416988</v>
      </c>
      <c r="J36898" s="8">
        <v>117612</v>
      </c>
      <c r="K36898" s="9"/>
      <c r="L36898" s="6"/>
    </row>
    <row r="36899" spans="1:12">
      <c r="A36899" s="6" t="s">
        <v>36643</v>
      </c>
      <c r="B36899" s="6"/>
      <c r="C36899" s="6" t="s">
        <v>32230</v>
      </c>
      <c r="D36899" s="6"/>
      <c r="E36899" s="6" t="s">
        <v>9</v>
      </c>
      <c r="F36899" s="7">
        <v>30270</v>
      </c>
      <c r="G36899" s="8">
        <v>372400</v>
      </c>
      <c r="H36899" s="8">
        <v>89376</v>
      </c>
      <c r="I36899" s="8">
        <v>290472</v>
      </c>
      <c r="J36899" s="8">
        <v>81928</v>
      </c>
      <c r="K36899" s="9"/>
      <c r="L36899" s="6"/>
    </row>
    <row r="36900" spans="1:12">
      <c r="A36900" s="6" t="s">
        <v>36644</v>
      </c>
      <c r="B36900" s="6"/>
      <c r="C36900" s="6" t="s">
        <v>32230</v>
      </c>
      <c r="D36900" s="6"/>
      <c r="E36900" s="6" t="s">
        <v>9</v>
      </c>
      <c r="F36900" s="7">
        <v>30270</v>
      </c>
      <c r="G36900" s="8">
        <v>529200</v>
      </c>
      <c r="H36900" s="8">
        <v>127008</v>
      </c>
      <c r="I36900" s="8">
        <v>412776</v>
      </c>
      <c r="J36900" s="8">
        <v>116424</v>
      </c>
      <c r="K36900" s="9"/>
      <c r="L36900" s="6"/>
    </row>
    <row r="36901" spans="1:12">
      <c r="A36901" s="6" t="s">
        <v>36645</v>
      </c>
      <c r="B36901" s="6"/>
      <c r="C36901" s="6" t="s">
        <v>32230</v>
      </c>
      <c r="D36901" s="6"/>
      <c r="E36901" s="6" t="s">
        <v>9</v>
      </c>
      <c r="F36901" s="7">
        <v>30270</v>
      </c>
      <c r="G36901" s="8">
        <v>657400</v>
      </c>
      <c r="H36901" s="8">
        <v>157776</v>
      </c>
      <c r="I36901" s="8">
        <v>512772</v>
      </c>
      <c r="J36901" s="8">
        <v>144628</v>
      </c>
      <c r="K36901" s="9"/>
      <c r="L36901" s="6"/>
    </row>
    <row r="36902" spans="1:12">
      <c r="A36902" s="6" t="s">
        <v>36646</v>
      </c>
      <c r="B36902" s="6"/>
      <c r="C36902" s="6" t="s">
        <v>32230</v>
      </c>
      <c r="D36902" s="6"/>
      <c r="E36902" s="6" t="s">
        <v>9</v>
      </c>
      <c r="F36902" s="7">
        <v>30270</v>
      </c>
      <c r="G36902" s="8">
        <v>491400</v>
      </c>
      <c r="H36902" s="8">
        <v>117936</v>
      </c>
      <c r="I36902" s="8">
        <v>383292</v>
      </c>
      <c r="J36902" s="8">
        <v>108108</v>
      </c>
      <c r="K36902" s="9"/>
      <c r="L36902" s="6"/>
    </row>
    <row r="36903" spans="1:12">
      <c r="A36903" s="6" t="s">
        <v>36647</v>
      </c>
      <c r="B36903" s="6"/>
      <c r="C36903" s="6" t="s">
        <v>32230</v>
      </c>
      <c r="D36903" s="6"/>
      <c r="E36903" s="6" t="s">
        <v>9</v>
      </c>
      <c r="F36903" s="7">
        <v>30270</v>
      </c>
      <c r="G36903" s="8">
        <v>275400</v>
      </c>
      <c r="H36903" s="8">
        <v>66096</v>
      </c>
      <c r="I36903" s="8">
        <v>214812</v>
      </c>
      <c r="J36903" s="8">
        <v>60588</v>
      </c>
      <c r="K36903" s="9"/>
      <c r="L36903" s="6"/>
    </row>
    <row r="36904" spans="1:12">
      <c r="A36904" s="6" t="s">
        <v>36648</v>
      </c>
      <c r="B36904" s="6"/>
      <c r="C36904" s="6" t="s">
        <v>32230</v>
      </c>
      <c r="D36904" s="6"/>
      <c r="E36904" s="6" t="s">
        <v>9</v>
      </c>
      <c r="F36904" s="7">
        <v>30270</v>
      </c>
      <c r="G36904" s="8">
        <v>448200</v>
      </c>
      <c r="H36904" s="8">
        <v>107568</v>
      </c>
      <c r="I36904" s="8">
        <v>349596</v>
      </c>
      <c r="J36904" s="8">
        <v>98604</v>
      </c>
      <c r="K36904" s="9"/>
      <c r="L36904" s="6"/>
    </row>
    <row r="36905" spans="1:12">
      <c r="A36905" s="6" t="s">
        <v>36649</v>
      </c>
      <c r="B36905" s="6"/>
      <c r="C36905" s="6" t="s">
        <v>32230</v>
      </c>
      <c r="D36905" s="6"/>
      <c r="E36905" s="6" t="s">
        <v>9</v>
      </c>
      <c r="F36905" s="7">
        <v>30270</v>
      </c>
      <c r="G36905" s="8">
        <v>486000</v>
      </c>
      <c r="H36905" s="8">
        <v>116640</v>
      </c>
      <c r="I36905" s="8">
        <v>379080</v>
      </c>
      <c r="J36905" s="8">
        <v>106920</v>
      </c>
      <c r="K36905" s="9"/>
      <c r="L36905" s="6"/>
    </row>
    <row r="36906" spans="1:12">
      <c r="A36906" s="6" t="s">
        <v>36650</v>
      </c>
      <c r="B36906" s="6"/>
      <c r="C36906" s="6" t="s">
        <v>32230</v>
      </c>
      <c r="D36906" s="6"/>
      <c r="E36906" s="6" t="s">
        <v>9</v>
      </c>
      <c r="F36906" s="7">
        <v>30270</v>
      </c>
      <c r="G36906" s="8">
        <v>585200</v>
      </c>
      <c r="H36906" s="8">
        <v>140448</v>
      </c>
      <c r="I36906" s="8">
        <v>456456</v>
      </c>
      <c r="J36906" s="8">
        <v>128744</v>
      </c>
      <c r="K36906" s="9"/>
      <c r="L36906" s="6"/>
    </row>
    <row r="36907" spans="1:12">
      <c r="A36907" s="6" t="s">
        <v>36651</v>
      </c>
      <c r="B36907" s="6"/>
      <c r="C36907" s="6" t="s">
        <v>32230</v>
      </c>
      <c r="D36907" s="6"/>
      <c r="E36907" s="6" t="s">
        <v>9</v>
      </c>
      <c r="F36907" s="7">
        <v>30270</v>
      </c>
      <c r="G36907" s="8">
        <v>577800</v>
      </c>
      <c r="H36907" s="8">
        <v>138672</v>
      </c>
      <c r="I36907" s="8">
        <v>450684</v>
      </c>
      <c r="J36907" s="8">
        <v>127116</v>
      </c>
      <c r="K36907" s="9"/>
      <c r="L36907" s="6"/>
    </row>
    <row r="36908" spans="1:12">
      <c r="A36908" s="6" t="s">
        <v>36652</v>
      </c>
      <c r="B36908" s="6"/>
      <c r="C36908" s="6" t="s">
        <v>32230</v>
      </c>
      <c r="D36908" s="6"/>
      <c r="E36908" s="6" t="s">
        <v>9</v>
      </c>
      <c r="F36908" s="7">
        <v>30270</v>
      </c>
      <c r="G36908" s="8">
        <v>323000</v>
      </c>
      <c r="H36908" s="8">
        <v>77520</v>
      </c>
      <c r="I36908" s="8">
        <v>251940</v>
      </c>
      <c r="J36908" s="8">
        <v>71060</v>
      </c>
      <c r="K36908" s="9"/>
      <c r="L36908" s="6"/>
    </row>
    <row r="36909" spans="1:12">
      <c r="A36909" s="6" t="s">
        <v>36653</v>
      </c>
      <c r="B36909" s="6"/>
      <c r="C36909" s="6" t="s">
        <v>32230</v>
      </c>
      <c r="D36909" s="6"/>
      <c r="E36909" s="6" t="s">
        <v>9</v>
      </c>
      <c r="F36909" s="7">
        <v>30270</v>
      </c>
      <c r="G36909" s="8">
        <v>304000</v>
      </c>
      <c r="H36909" s="8">
        <v>72960</v>
      </c>
      <c r="I36909" s="8">
        <v>237120</v>
      </c>
      <c r="J36909" s="8">
        <v>66880</v>
      </c>
      <c r="K36909" s="9"/>
      <c r="L36909" s="6"/>
    </row>
    <row r="36910" spans="1:12">
      <c r="A36910" s="6" t="s">
        <v>36654</v>
      </c>
      <c r="B36910" s="6"/>
      <c r="C36910" s="6" t="s">
        <v>32230</v>
      </c>
      <c r="D36910" s="6"/>
      <c r="E36910" s="6" t="s">
        <v>9</v>
      </c>
      <c r="F36910" s="7">
        <v>30270</v>
      </c>
      <c r="G36910" s="8">
        <v>1364200</v>
      </c>
      <c r="H36910" s="8">
        <v>327408</v>
      </c>
      <c r="I36910" s="8">
        <v>1064076</v>
      </c>
      <c r="J36910" s="8">
        <v>300124</v>
      </c>
      <c r="K36910" s="9"/>
      <c r="L36910" s="6"/>
    </row>
    <row r="36911" spans="1:12">
      <c r="A36911" s="6" t="s">
        <v>36655</v>
      </c>
      <c r="B36911" s="6"/>
      <c r="C36911" s="6" t="s">
        <v>32230</v>
      </c>
      <c r="D36911" s="6"/>
      <c r="E36911" s="6" t="s">
        <v>9</v>
      </c>
      <c r="F36911" s="7">
        <v>30270</v>
      </c>
      <c r="G36911" s="8">
        <v>342000</v>
      </c>
      <c r="H36911" s="8">
        <v>82080</v>
      </c>
      <c r="I36911" s="8">
        <v>266760</v>
      </c>
      <c r="J36911" s="8">
        <v>75240</v>
      </c>
      <c r="K36911" s="9"/>
      <c r="L36911" s="6"/>
    </row>
    <row r="36912" spans="1:12">
      <c r="A36912" s="6" t="s">
        <v>36656</v>
      </c>
      <c r="B36912" s="6"/>
      <c r="C36912" s="6" t="s">
        <v>32230</v>
      </c>
      <c r="D36912" s="6"/>
      <c r="E36912" s="6" t="s">
        <v>9</v>
      </c>
      <c r="F36912" s="7">
        <v>30270</v>
      </c>
      <c r="G36912" s="8">
        <v>285000</v>
      </c>
      <c r="H36912" s="8">
        <v>68400</v>
      </c>
      <c r="I36912" s="8">
        <v>222300</v>
      </c>
      <c r="J36912" s="8">
        <v>62700</v>
      </c>
      <c r="K36912" s="9"/>
      <c r="L36912" s="6"/>
    </row>
    <row r="36913" spans="1:12">
      <c r="A36913" s="6" t="s">
        <v>36657</v>
      </c>
      <c r="B36913" s="6"/>
      <c r="C36913" s="6" t="s">
        <v>32230</v>
      </c>
      <c r="D36913" s="6"/>
      <c r="E36913" s="6" t="s">
        <v>9</v>
      </c>
      <c r="F36913" s="7">
        <v>30270</v>
      </c>
      <c r="G36913" s="8">
        <v>342000</v>
      </c>
      <c r="H36913" s="8">
        <v>82080</v>
      </c>
      <c r="I36913" s="8">
        <v>266760</v>
      </c>
      <c r="J36913" s="8">
        <v>75240</v>
      </c>
      <c r="K36913" s="9"/>
      <c r="L36913" s="6"/>
    </row>
    <row r="36914" spans="1:12">
      <c r="A36914" s="6" t="s">
        <v>36658</v>
      </c>
      <c r="B36914" s="6"/>
      <c r="C36914" s="6" t="s">
        <v>32230</v>
      </c>
      <c r="D36914" s="6"/>
      <c r="E36914" s="6" t="s">
        <v>9</v>
      </c>
      <c r="F36914" s="7">
        <v>30270</v>
      </c>
      <c r="G36914" s="8">
        <v>1983600</v>
      </c>
      <c r="H36914" s="8">
        <v>476064</v>
      </c>
      <c r="I36914" s="8">
        <v>1547208</v>
      </c>
      <c r="J36914" s="8">
        <v>436392</v>
      </c>
      <c r="K36914" s="9"/>
      <c r="L36914" s="6"/>
    </row>
    <row r="36915" spans="1:12">
      <c r="A36915" s="6" t="s">
        <v>36659</v>
      </c>
      <c r="B36915" s="6"/>
      <c r="C36915" s="6" t="s">
        <v>32230</v>
      </c>
      <c r="D36915" s="6"/>
      <c r="E36915" s="6" t="s">
        <v>9</v>
      </c>
      <c r="F36915" s="7">
        <v>30270</v>
      </c>
      <c r="G36915" s="8">
        <v>338200</v>
      </c>
      <c r="H36915" s="8">
        <v>81168</v>
      </c>
      <c r="I36915" s="8">
        <v>263796</v>
      </c>
      <c r="J36915" s="8">
        <v>74404</v>
      </c>
      <c r="K36915" s="9"/>
      <c r="L36915" s="6"/>
    </row>
    <row r="36916" spans="1:12">
      <c r="A36916" s="6" t="s">
        <v>36660</v>
      </c>
      <c r="B36916" s="6"/>
      <c r="C36916" s="6" t="s">
        <v>32230</v>
      </c>
      <c r="D36916" s="6"/>
      <c r="E36916" s="6" t="s">
        <v>9</v>
      </c>
      <c r="F36916" s="7">
        <v>30270</v>
      </c>
      <c r="G36916" s="8">
        <v>334400</v>
      </c>
      <c r="H36916" s="8">
        <v>80256</v>
      </c>
      <c r="I36916" s="8">
        <v>260832</v>
      </c>
      <c r="J36916" s="8">
        <v>73568</v>
      </c>
      <c r="K36916" s="9"/>
      <c r="L36916" s="6"/>
    </row>
    <row r="36917" spans="1:12">
      <c r="A36917" s="6" t="s">
        <v>36661</v>
      </c>
      <c r="B36917" s="6"/>
      <c r="C36917" s="6" t="s">
        <v>32230</v>
      </c>
      <c r="D36917" s="6"/>
      <c r="E36917" s="6" t="s">
        <v>9</v>
      </c>
      <c r="F36917" s="7">
        <v>30270</v>
      </c>
      <c r="G36917" s="8">
        <v>540000</v>
      </c>
      <c r="H36917" s="8">
        <v>129600</v>
      </c>
      <c r="I36917" s="8">
        <v>421200</v>
      </c>
      <c r="J36917" s="8">
        <v>118800</v>
      </c>
      <c r="K36917" s="9"/>
      <c r="L36917" s="6"/>
    </row>
    <row r="36918" spans="1:12">
      <c r="A36918" s="6" t="s">
        <v>36662</v>
      </c>
      <c r="B36918" s="6"/>
      <c r="C36918" s="6" t="s">
        <v>32230</v>
      </c>
      <c r="D36918" s="6"/>
      <c r="E36918" s="6" t="s">
        <v>9</v>
      </c>
      <c r="F36918" s="7">
        <v>30270</v>
      </c>
      <c r="G36918" s="8">
        <v>145800</v>
      </c>
      <c r="H36918" s="8">
        <v>34992</v>
      </c>
      <c r="I36918" s="8">
        <v>113724</v>
      </c>
      <c r="J36918" s="8">
        <v>32076</v>
      </c>
      <c r="K36918" s="9"/>
      <c r="L36918" s="6"/>
    </row>
    <row r="36919" spans="1:12">
      <c r="A36919" s="6" t="s">
        <v>36663</v>
      </c>
      <c r="B36919" s="6"/>
      <c r="C36919" s="6" t="s">
        <v>32230</v>
      </c>
      <c r="D36919" s="6"/>
      <c r="E36919" s="6" t="s">
        <v>9</v>
      </c>
      <c r="F36919" s="7">
        <v>30270</v>
      </c>
      <c r="G36919" s="8">
        <v>3017200</v>
      </c>
      <c r="H36919" s="8">
        <v>724128</v>
      </c>
      <c r="I36919" s="8">
        <v>2353416</v>
      </c>
      <c r="J36919" s="8">
        <v>663784</v>
      </c>
      <c r="K36919" s="9"/>
      <c r="L36919" s="6"/>
    </row>
    <row r="36920" spans="1:12">
      <c r="A36920" s="6" t="s">
        <v>36664</v>
      </c>
      <c r="B36920" s="6"/>
      <c r="C36920" s="6" t="s">
        <v>32230</v>
      </c>
      <c r="D36920" s="6"/>
      <c r="E36920" s="6" t="s">
        <v>9</v>
      </c>
      <c r="F36920" s="7">
        <v>31952</v>
      </c>
      <c r="G36920" s="8">
        <v>376200</v>
      </c>
      <c r="H36920" s="8">
        <v>127908</v>
      </c>
      <c r="I36920" s="8">
        <v>255816</v>
      </c>
      <c r="J36920" s="8">
        <v>120384</v>
      </c>
      <c r="K36920" s="9"/>
      <c r="L36920" s="6"/>
    </row>
    <row r="36921" spans="1:12">
      <c r="A36921" s="6" t="s">
        <v>36665</v>
      </c>
      <c r="B36921" s="6"/>
      <c r="C36921" s="6" t="s">
        <v>32230</v>
      </c>
      <c r="D36921" s="6"/>
      <c r="E36921" s="6" t="s">
        <v>9</v>
      </c>
      <c r="F36921" s="7">
        <v>39169</v>
      </c>
      <c r="G36921" s="8">
        <v>228000</v>
      </c>
      <c r="H36921" s="8">
        <v>164160</v>
      </c>
      <c r="I36921" s="8">
        <v>68400</v>
      </c>
      <c r="J36921" s="8">
        <v>159600</v>
      </c>
      <c r="K36921" s="9"/>
      <c r="L36921" s="6"/>
    </row>
    <row r="36922" spans="1:12">
      <c r="A36922" s="6" t="s">
        <v>36666</v>
      </c>
      <c r="B36922" s="6"/>
      <c r="C36922" s="6" t="s">
        <v>32230</v>
      </c>
      <c r="D36922" s="6"/>
      <c r="E36922" s="6" t="s">
        <v>9</v>
      </c>
      <c r="F36922" s="7">
        <v>39169</v>
      </c>
      <c r="G36922" s="8">
        <v>285000</v>
      </c>
      <c r="H36922" s="8">
        <v>205200</v>
      </c>
      <c r="I36922" s="8">
        <v>85500</v>
      </c>
      <c r="J36922" s="8">
        <v>199500</v>
      </c>
      <c r="K36922" s="9"/>
      <c r="L36922" s="6"/>
    </row>
    <row r="36923" spans="1:12">
      <c r="A36923" s="6" t="s">
        <v>36667</v>
      </c>
      <c r="B36923" s="6"/>
      <c r="C36923" s="6" t="s">
        <v>32230</v>
      </c>
      <c r="D36923" s="6"/>
      <c r="E36923" s="6" t="s">
        <v>9</v>
      </c>
      <c r="F36923" s="7">
        <v>39169</v>
      </c>
      <c r="G36923" s="8">
        <v>570000</v>
      </c>
      <c r="H36923" s="8">
        <v>410400</v>
      </c>
      <c r="I36923" s="8">
        <v>171000</v>
      </c>
      <c r="J36923" s="8">
        <v>399000</v>
      </c>
      <c r="K36923" s="9"/>
      <c r="L36923" s="6"/>
    </row>
    <row r="36924" spans="1:12">
      <c r="A36924" s="6" t="s">
        <v>36668</v>
      </c>
      <c r="B36924" s="6"/>
      <c r="C36924" s="6" t="s">
        <v>32230</v>
      </c>
      <c r="D36924" s="6"/>
      <c r="E36924" s="6" t="s">
        <v>9</v>
      </c>
      <c r="F36924" s="7">
        <v>39169</v>
      </c>
      <c r="G36924" s="8">
        <v>391400</v>
      </c>
      <c r="H36924" s="8">
        <v>281808</v>
      </c>
      <c r="I36924" s="8">
        <v>117420</v>
      </c>
      <c r="J36924" s="8">
        <v>273980</v>
      </c>
      <c r="K36924" s="9"/>
      <c r="L36924" s="6"/>
    </row>
    <row r="36925" spans="1:12">
      <c r="A36925" s="6" t="s">
        <v>36669</v>
      </c>
      <c r="B36925" s="6"/>
      <c r="C36925" s="6" t="s">
        <v>32230</v>
      </c>
      <c r="D36925" s="6"/>
      <c r="E36925" s="6" t="s">
        <v>9</v>
      </c>
      <c r="F36925" s="7">
        <v>39169</v>
      </c>
      <c r="G36925" s="8">
        <v>2114700</v>
      </c>
      <c r="H36925" s="8">
        <v>1522584</v>
      </c>
      <c r="I36925" s="8">
        <v>634410</v>
      </c>
      <c r="J36925" s="8">
        <v>1480290</v>
      </c>
      <c r="K36925" s="9"/>
      <c r="L36925" s="6"/>
    </row>
    <row r="36926" spans="1:12">
      <c r="A36926" s="6" t="s">
        <v>36670</v>
      </c>
      <c r="B36926" s="6"/>
      <c r="C36926" s="6" t="s">
        <v>32230</v>
      </c>
      <c r="D36926" s="6"/>
      <c r="E36926" s="6" t="s">
        <v>9</v>
      </c>
      <c r="F36926" s="7">
        <v>39169</v>
      </c>
      <c r="G36926" s="8">
        <v>822700</v>
      </c>
      <c r="H36926" s="8">
        <v>592344</v>
      </c>
      <c r="I36926" s="8">
        <v>246810</v>
      </c>
      <c r="J36926" s="8">
        <v>575890</v>
      </c>
      <c r="K36926" s="9"/>
      <c r="L36926" s="6"/>
    </row>
    <row r="36927" spans="1:12">
      <c r="A36927" s="6" t="s">
        <v>36671</v>
      </c>
      <c r="B36927" s="6"/>
      <c r="C36927" s="6" t="s">
        <v>32230</v>
      </c>
      <c r="D36927" s="6"/>
      <c r="E36927" s="6" t="s">
        <v>9</v>
      </c>
      <c r="F36927" s="7">
        <v>39169</v>
      </c>
      <c r="G36927" s="8">
        <v>638400</v>
      </c>
      <c r="H36927" s="8">
        <v>459648</v>
      </c>
      <c r="I36927" s="8">
        <v>191520</v>
      </c>
      <c r="J36927" s="8">
        <v>446880</v>
      </c>
      <c r="K36927" s="9"/>
      <c r="L36927" s="6"/>
    </row>
    <row r="36928" spans="1:12">
      <c r="A36928" s="6" t="s">
        <v>36672</v>
      </c>
      <c r="B36928" s="6"/>
      <c r="C36928" s="6" t="s">
        <v>32230</v>
      </c>
      <c r="D36928" s="6"/>
      <c r="E36928" s="6" t="s">
        <v>9</v>
      </c>
      <c r="F36928" s="7">
        <v>39169</v>
      </c>
      <c r="G36928" s="8">
        <v>714400</v>
      </c>
      <c r="H36928" s="8">
        <v>514368</v>
      </c>
      <c r="I36928" s="8">
        <v>214320</v>
      </c>
      <c r="J36928" s="8">
        <v>500080</v>
      </c>
      <c r="K36928" s="9"/>
      <c r="L36928" s="6"/>
    </row>
    <row r="36929" spans="1:12">
      <c r="A36929" s="6" t="s">
        <v>36673</v>
      </c>
      <c r="B36929" s="6"/>
      <c r="C36929" s="6" t="s">
        <v>32230</v>
      </c>
      <c r="D36929" s="6"/>
      <c r="E36929" s="6" t="s">
        <v>9</v>
      </c>
      <c r="F36929" s="7">
        <v>39169</v>
      </c>
      <c r="G36929" s="8">
        <v>661200</v>
      </c>
      <c r="H36929" s="8">
        <v>476064</v>
      </c>
      <c r="I36929" s="8">
        <v>198360</v>
      </c>
      <c r="J36929" s="8">
        <v>462840</v>
      </c>
      <c r="K36929" s="9"/>
      <c r="L36929" s="6"/>
    </row>
    <row r="36930" spans="1:12">
      <c r="A36930" s="6" t="s">
        <v>36674</v>
      </c>
      <c r="B36930" s="6"/>
      <c r="C36930" s="6" t="s">
        <v>32230</v>
      </c>
      <c r="D36930" s="6"/>
      <c r="E36930" s="6" t="s">
        <v>9</v>
      </c>
      <c r="F36930" s="7">
        <v>40263</v>
      </c>
      <c r="G36930" s="8">
        <v>5240700</v>
      </c>
      <c r="H36930" s="8">
        <v>4087746</v>
      </c>
      <c r="I36930" s="8">
        <v>1257768</v>
      </c>
      <c r="J36930" s="8">
        <v>3982932</v>
      </c>
      <c r="K36930" s="9"/>
      <c r="L36930" s="6"/>
    </row>
    <row r="36931" spans="1:12">
      <c r="A36931" s="6" t="s">
        <v>36675</v>
      </c>
      <c r="B36931" s="6"/>
      <c r="C36931" s="6" t="s">
        <v>32230</v>
      </c>
      <c r="D36931" s="6"/>
      <c r="E36931" s="6" t="s">
        <v>9</v>
      </c>
      <c r="F36931" s="7">
        <v>40263</v>
      </c>
      <c r="G36931" s="8">
        <v>1723300</v>
      </c>
      <c r="H36931" s="8">
        <v>1344174</v>
      </c>
      <c r="I36931" s="8">
        <v>413592</v>
      </c>
      <c r="J36931" s="8">
        <v>1309708</v>
      </c>
      <c r="K36931" s="9"/>
      <c r="L36931" s="6"/>
    </row>
    <row r="36932" spans="1:12">
      <c r="A36932" s="6" t="s">
        <v>36676</v>
      </c>
      <c r="B36932" s="6"/>
      <c r="C36932" s="6" t="s">
        <v>32230</v>
      </c>
      <c r="D36932" s="6"/>
      <c r="E36932" s="6" t="s">
        <v>9</v>
      </c>
      <c r="F36932" s="7">
        <v>40263</v>
      </c>
      <c r="G36932" s="8">
        <v>1862000</v>
      </c>
      <c r="H36932" s="8">
        <v>1452360</v>
      </c>
      <c r="I36932" s="8">
        <v>446880</v>
      </c>
      <c r="J36932" s="8">
        <v>1415120</v>
      </c>
      <c r="K36932" s="9"/>
      <c r="L36932" s="6"/>
    </row>
    <row r="36933" spans="1:12">
      <c r="A36933" s="6" t="s">
        <v>36677</v>
      </c>
      <c r="B36933" s="6"/>
      <c r="C36933" s="6" t="s">
        <v>32230</v>
      </c>
      <c r="D36933" s="6"/>
      <c r="E36933" s="6" t="s">
        <v>9</v>
      </c>
      <c r="F36933" s="7">
        <v>40263</v>
      </c>
      <c r="G36933" s="8">
        <v>2063400</v>
      </c>
      <c r="H36933" s="8">
        <v>1609452</v>
      </c>
      <c r="I36933" s="8">
        <v>495216</v>
      </c>
      <c r="J36933" s="8">
        <v>1568184</v>
      </c>
      <c r="K36933" s="9"/>
      <c r="L36933" s="6"/>
    </row>
    <row r="36934" spans="1:12">
      <c r="A36934" s="6" t="s">
        <v>36678</v>
      </c>
      <c r="B36934" s="6"/>
      <c r="C36934" s="6" t="s">
        <v>32230</v>
      </c>
      <c r="D36934" s="6"/>
      <c r="E36934" s="6" t="s">
        <v>9</v>
      </c>
      <c r="F36934" s="7">
        <v>40263</v>
      </c>
      <c r="G36934" s="8">
        <v>2240100</v>
      </c>
      <c r="H36934" s="8">
        <v>1747278</v>
      </c>
      <c r="I36934" s="8">
        <v>537624</v>
      </c>
      <c r="J36934" s="8">
        <v>1702476</v>
      </c>
      <c r="K36934" s="9"/>
      <c r="L36934" s="6"/>
    </row>
    <row r="36935" spans="1:12">
      <c r="A36935" s="6" t="s">
        <v>36679</v>
      </c>
      <c r="B36935" s="6"/>
      <c r="C36935" s="6" t="s">
        <v>32230</v>
      </c>
      <c r="D36935" s="6"/>
      <c r="E36935" s="6" t="s">
        <v>9</v>
      </c>
      <c r="F36935" s="7">
        <v>41360</v>
      </c>
      <c r="G36935" s="8">
        <v>1676700</v>
      </c>
      <c r="H36935" s="8">
        <v>1408428</v>
      </c>
      <c r="I36935" s="8">
        <v>301806</v>
      </c>
      <c r="J36935" s="8">
        <v>1374894</v>
      </c>
      <c r="K36935" s="9"/>
      <c r="L36935" s="6"/>
    </row>
    <row r="36936" spans="1:12">
      <c r="A36936" s="6" t="s">
        <v>36680</v>
      </c>
      <c r="B36936" s="6"/>
      <c r="C36936" s="6" t="s">
        <v>32230</v>
      </c>
      <c r="D36936" s="6"/>
      <c r="E36936" s="6" t="s">
        <v>9</v>
      </c>
      <c r="F36936" s="7">
        <v>41726</v>
      </c>
      <c r="G36936" s="8">
        <v>383800</v>
      </c>
      <c r="H36936" s="8">
        <v>330068</v>
      </c>
      <c r="I36936" s="8">
        <v>61408</v>
      </c>
      <c r="J36936" s="8">
        <v>322392</v>
      </c>
      <c r="K36936" s="9"/>
      <c r="L36936" s="6"/>
    </row>
    <row r="36937" spans="1:12">
      <c r="A36937" s="6" t="s">
        <v>36681</v>
      </c>
      <c r="B36937" s="6"/>
      <c r="C36937" s="6" t="s">
        <v>32230</v>
      </c>
      <c r="D36937" s="6"/>
      <c r="E36937" s="6" t="s">
        <v>9</v>
      </c>
      <c r="F36937" s="7">
        <v>36643</v>
      </c>
      <c r="G36937" s="8">
        <v>499500</v>
      </c>
      <c r="H36937" s="8">
        <v>299700</v>
      </c>
      <c r="I36937" s="8">
        <v>209790</v>
      </c>
      <c r="J36937" s="8">
        <v>289710</v>
      </c>
      <c r="K36937" s="9"/>
      <c r="L36937" s="6"/>
    </row>
    <row r="36938" spans="1:12">
      <c r="A36938" s="6" t="s">
        <v>36682</v>
      </c>
      <c r="B36938" s="6"/>
      <c r="C36938" s="6" t="s">
        <v>32230</v>
      </c>
      <c r="D36938" s="6"/>
      <c r="E36938" s="6" t="s">
        <v>9</v>
      </c>
      <c r="F36938" s="7">
        <v>36643</v>
      </c>
      <c r="G36938" s="8">
        <v>1362300</v>
      </c>
      <c r="H36938" s="8">
        <v>817380</v>
      </c>
      <c r="I36938" s="8">
        <v>572166</v>
      </c>
      <c r="J36938" s="8">
        <v>790134</v>
      </c>
      <c r="K36938" s="9"/>
      <c r="L36938" s="6"/>
    </row>
    <row r="36939" spans="1:12">
      <c r="A36939" s="6" t="s">
        <v>36683</v>
      </c>
      <c r="B36939" s="6"/>
      <c r="C36939" s="6" t="s">
        <v>32230</v>
      </c>
      <c r="D36939" s="6"/>
      <c r="E36939" s="6" t="s">
        <v>9</v>
      </c>
      <c r="F36939" s="7">
        <v>36678</v>
      </c>
      <c r="G36939" s="8">
        <v>2983000</v>
      </c>
      <c r="H36939" s="8">
        <v>1789800</v>
      </c>
      <c r="I36939" s="8">
        <v>1252860</v>
      </c>
      <c r="J36939" s="8">
        <v>1730140</v>
      </c>
      <c r="K36939" s="9"/>
      <c r="L36939" s="6"/>
    </row>
    <row r="36940" spans="1:12">
      <c r="A36940" s="6" t="s">
        <v>36684</v>
      </c>
      <c r="B36940" s="6"/>
      <c r="C36940" s="6" t="s">
        <v>32230</v>
      </c>
      <c r="D36940" s="6"/>
      <c r="E36940" s="6" t="s">
        <v>9</v>
      </c>
      <c r="F36940" s="7">
        <v>39169</v>
      </c>
      <c r="G36940" s="8">
        <v>9372700</v>
      </c>
      <c r="H36940" s="8">
        <v>6748344</v>
      </c>
      <c r="I36940" s="8">
        <v>2811810</v>
      </c>
      <c r="J36940" s="8">
        <v>6560890</v>
      </c>
      <c r="K36940" s="9"/>
      <c r="L36940" s="6"/>
    </row>
    <row r="36941" spans="1:12">
      <c r="A36941" s="6" t="s">
        <v>36685</v>
      </c>
      <c r="B36941" s="6"/>
      <c r="C36941" s="6" t="s">
        <v>32230</v>
      </c>
      <c r="D36941" s="6"/>
      <c r="E36941" s="6" t="s">
        <v>9</v>
      </c>
      <c r="F36941" s="7">
        <v>39169</v>
      </c>
      <c r="G36941" s="8">
        <v>729600</v>
      </c>
      <c r="H36941" s="8">
        <v>525312</v>
      </c>
      <c r="I36941" s="8">
        <v>218880</v>
      </c>
      <c r="J36941" s="8">
        <v>510720</v>
      </c>
      <c r="K36941" s="9"/>
      <c r="L36941" s="6"/>
    </row>
    <row r="36942" spans="1:12">
      <c r="A36942" s="6" t="s">
        <v>36686</v>
      </c>
      <c r="B36942" s="6"/>
      <c r="C36942" s="6" t="s">
        <v>32230</v>
      </c>
      <c r="D36942" s="6"/>
      <c r="E36942" s="6" t="s">
        <v>9</v>
      </c>
      <c r="F36942" s="7">
        <v>39169</v>
      </c>
      <c r="G36942" s="8">
        <v>784700</v>
      </c>
      <c r="H36942" s="8">
        <v>564984</v>
      </c>
      <c r="I36942" s="8">
        <v>235410</v>
      </c>
      <c r="J36942" s="8">
        <v>549290</v>
      </c>
      <c r="K36942" s="9"/>
      <c r="L36942" s="6"/>
    </row>
    <row r="36943" spans="1:12">
      <c r="A36943" s="6" t="s">
        <v>36687</v>
      </c>
      <c r="B36943" s="6"/>
      <c r="C36943" s="6" t="s">
        <v>32230</v>
      </c>
      <c r="D36943" s="6"/>
      <c r="E36943" s="6" t="s">
        <v>9</v>
      </c>
      <c r="F36943" s="7">
        <v>39169</v>
      </c>
      <c r="G36943" s="8">
        <v>300200</v>
      </c>
      <c r="H36943" s="8">
        <v>216144</v>
      </c>
      <c r="I36943" s="8">
        <v>90060</v>
      </c>
      <c r="J36943" s="8">
        <v>210140</v>
      </c>
      <c r="K36943" s="9"/>
      <c r="L36943" s="6"/>
    </row>
    <row r="36944" spans="1:12">
      <c r="A36944" s="6" t="s">
        <v>36688</v>
      </c>
      <c r="B36944" s="6"/>
      <c r="C36944" s="6" t="s">
        <v>32230</v>
      </c>
      <c r="D36944" s="6"/>
      <c r="E36944" s="6" t="s">
        <v>9</v>
      </c>
      <c r="F36944" s="7">
        <v>39169</v>
      </c>
      <c r="G36944" s="8">
        <v>399000</v>
      </c>
      <c r="H36944" s="8">
        <v>287280</v>
      </c>
      <c r="I36944" s="8">
        <v>119700</v>
      </c>
      <c r="J36944" s="8">
        <v>279300</v>
      </c>
      <c r="K36944" s="9"/>
      <c r="L36944" s="6"/>
    </row>
    <row r="36945" spans="1:12">
      <c r="A36945" s="6" t="s">
        <v>36689</v>
      </c>
      <c r="B36945" s="6"/>
      <c r="C36945" s="6" t="s">
        <v>32230</v>
      </c>
      <c r="D36945" s="6"/>
      <c r="E36945" s="6" t="s">
        <v>9</v>
      </c>
      <c r="F36945" s="7">
        <v>39169</v>
      </c>
      <c r="G36945" s="8">
        <v>406600</v>
      </c>
      <c r="H36945" s="8">
        <v>292752</v>
      </c>
      <c r="I36945" s="8">
        <v>121980</v>
      </c>
      <c r="J36945" s="8">
        <v>284620</v>
      </c>
      <c r="K36945" s="9"/>
      <c r="L36945" s="6"/>
    </row>
    <row r="36946" spans="1:12">
      <c r="A36946" s="6" t="s">
        <v>36690</v>
      </c>
      <c r="B36946" s="6"/>
      <c r="C36946" s="6" t="s">
        <v>32230</v>
      </c>
      <c r="D36946" s="6"/>
      <c r="E36946" s="6" t="s">
        <v>9</v>
      </c>
      <c r="F36946" s="7">
        <v>39169</v>
      </c>
      <c r="G36946" s="8">
        <v>247000</v>
      </c>
      <c r="H36946" s="8">
        <v>177840</v>
      </c>
      <c r="I36946" s="8">
        <v>74100</v>
      </c>
      <c r="J36946" s="8">
        <v>172900</v>
      </c>
      <c r="K36946" s="9"/>
      <c r="L36946" s="6"/>
    </row>
    <row r="36947" spans="1:12">
      <c r="A36947" s="6" t="s">
        <v>36691</v>
      </c>
      <c r="B36947" s="6"/>
      <c r="C36947" s="6" t="s">
        <v>32230</v>
      </c>
      <c r="D36947" s="6"/>
      <c r="E36947" s="6" t="s">
        <v>9</v>
      </c>
      <c r="F36947" s="7">
        <v>39169</v>
      </c>
      <c r="G36947" s="8">
        <v>415800</v>
      </c>
      <c r="H36947" s="8">
        <v>299376</v>
      </c>
      <c r="I36947" s="8">
        <v>124740</v>
      </c>
      <c r="J36947" s="8">
        <v>291060</v>
      </c>
      <c r="K36947" s="9"/>
      <c r="L36947" s="6"/>
    </row>
    <row r="36948" spans="1:12">
      <c r="A36948" s="6" t="s">
        <v>36692</v>
      </c>
      <c r="B36948" s="6"/>
      <c r="C36948" s="6" t="s">
        <v>32230</v>
      </c>
      <c r="D36948" s="6"/>
      <c r="E36948" s="6" t="s">
        <v>9</v>
      </c>
      <c r="F36948" s="7">
        <v>39169</v>
      </c>
      <c r="G36948" s="8">
        <v>661200</v>
      </c>
      <c r="H36948" s="8">
        <v>476064</v>
      </c>
      <c r="I36948" s="8">
        <v>198360</v>
      </c>
      <c r="J36948" s="8">
        <v>462840</v>
      </c>
      <c r="K36948" s="9"/>
      <c r="L36948" s="6"/>
    </row>
    <row r="36949" spans="1:12">
      <c r="A36949" s="6" t="s">
        <v>36693</v>
      </c>
      <c r="B36949" s="6"/>
      <c r="C36949" s="6" t="s">
        <v>32230</v>
      </c>
      <c r="D36949" s="6"/>
      <c r="E36949" s="6" t="s">
        <v>9</v>
      </c>
      <c r="F36949" s="7">
        <v>39169</v>
      </c>
      <c r="G36949" s="8">
        <v>2981100</v>
      </c>
      <c r="H36949" s="8">
        <v>2146392</v>
      </c>
      <c r="I36949" s="8">
        <v>894330</v>
      </c>
      <c r="J36949" s="8">
        <v>2086770</v>
      </c>
      <c r="K36949" s="9"/>
      <c r="L36949" s="6"/>
    </row>
    <row r="36950" spans="1:12">
      <c r="A36950" s="6" t="s">
        <v>36694</v>
      </c>
      <c r="B36950" s="6"/>
      <c r="C36950" s="6" t="s">
        <v>32230</v>
      </c>
      <c r="D36950" s="6"/>
      <c r="E36950" s="6" t="s">
        <v>9</v>
      </c>
      <c r="F36950" s="7">
        <v>28892</v>
      </c>
      <c r="G36950" s="8">
        <v>7624700</v>
      </c>
      <c r="H36950" s="8">
        <v>1219952</v>
      </c>
      <c r="I36950" s="8">
        <v>6557242</v>
      </c>
      <c r="J36950" s="8">
        <v>1067458</v>
      </c>
      <c r="K36950" s="9"/>
      <c r="L36950" s="6"/>
    </row>
    <row r="36951" spans="1:12">
      <c r="A36951" s="6" t="s">
        <v>36695</v>
      </c>
      <c r="B36951" s="6"/>
      <c r="C36951" s="6" t="s">
        <v>32230</v>
      </c>
      <c r="D36951" s="6"/>
      <c r="E36951" s="6" t="s">
        <v>9</v>
      </c>
      <c r="F36951" s="7">
        <v>41726</v>
      </c>
      <c r="G36951" s="8">
        <v>798000</v>
      </c>
      <c r="H36951" s="8">
        <v>686280</v>
      </c>
      <c r="I36951" s="8">
        <v>127680</v>
      </c>
      <c r="J36951" s="8">
        <v>670320</v>
      </c>
      <c r="K36951" s="9"/>
      <c r="L36951" s="6"/>
    </row>
    <row r="36952" spans="1:12">
      <c r="A36952" s="6" t="s">
        <v>36696</v>
      </c>
      <c r="B36952" s="6"/>
      <c r="C36952" s="6" t="s">
        <v>32230</v>
      </c>
      <c r="D36952" s="6"/>
      <c r="E36952" s="6" t="s">
        <v>9</v>
      </c>
      <c r="F36952" s="7">
        <v>41726</v>
      </c>
      <c r="G36952" s="8">
        <v>2669500</v>
      </c>
      <c r="H36952" s="8">
        <v>2295770</v>
      </c>
      <c r="I36952" s="8">
        <v>427120</v>
      </c>
      <c r="J36952" s="8">
        <v>2242380</v>
      </c>
      <c r="K36952" s="9"/>
      <c r="L36952" s="6"/>
    </row>
    <row r="36953" spans="1:12">
      <c r="A36953" s="6" t="s">
        <v>36697</v>
      </c>
      <c r="B36953" s="6"/>
      <c r="C36953" s="6" t="s">
        <v>32230</v>
      </c>
      <c r="D36953" s="6"/>
      <c r="E36953" s="6" t="s">
        <v>9</v>
      </c>
      <c r="F36953" s="7">
        <v>41726</v>
      </c>
      <c r="G36953" s="8">
        <v>2669500</v>
      </c>
      <c r="H36953" s="8">
        <v>2295770</v>
      </c>
      <c r="I36953" s="8">
        <v>427120</v>
      </c>
      <c r="J36953" s="8">
        <v>2242380</v>
      </c>
      <c r="K36953" s="9"/>
      <c r="L36953" s="6"/>
    </row>
    <row r="36954" spans="1:12">
      <c r="A36954" s="6" t="s">
        <v>36698</v>
      </c>
      <c r="B36954" s="6"/>
      <c r="C36954" s="6" t="s">
        <v>32230</v>
      </c>
      <c r="D36954" s="6"/>
      <c r="E36954" s="6" t="s">
        <v>9</v>
      </c>
      <c r="F36954" s="7">
        <v>41726</v>
      </c>
      <c r="G36954" s="8">
        <v>2926000</v>
      </c>
      <c r="H36954" s="8">
        <v>2516360</v>
      </c>
      <c r="I36954" s="8">
        <v>468160</v>
      </c>
      <c r="J36954" s="8">
        <v>2457840</v>
      </c>
      <c r="K36954" s="9"/>
      <c r="L36954" s="6"/>
    </row>
    <row r="36955" spans="1:12">
      <c r="A36955" s="6" t="s">
        <v>36699</v>
      </c>
      <c r="B36955" s="6"/>
      <c r="C36955" s="6" t="s">
        <v>32230</v>
      </c>
      <c r="D36955" s="6"/>
      <c r="E36955" s="6" t="s">
        <v>9</v>
      </c>
      <c r="F36955" s="7">
        <v>41726</v>
      </c>
      <c r="G36955" s="8">
        <v>2916500</v>
      </c>
      <c r="H36955" s="8">
        <v>2508190</v>
      </c>
      <c r="I36955" s="8">
        <v>466640</v>
      </c>
      <c r="J36955" s="8">
        <v>2449860</v>
      </c>
      <c r="K36955" s="9"/>
      <c r="L36955" s="6"/>
    </row>
    <row r="36956" spans="1:12">
      <c r="A36956" s="6" t="s">
        <v>36700</v>
      </c>
      <c r="B36956" s="6"/>
      <c r="C36956" s="6" t="s">
        <v>32230</v>
      </c>
      <c r="D36956" s="6"/>
      <c r="E36956" s="6" t="s">
        <v>9</v>
      </c>
      <c r="F36956" s="7">
        <v>41726</v>
      </c>
      <c r="G36956" s="8">
        <v>2984900</v>
      </c>
      <c r="H36956" s="8">
        <v>2567014</v>
      </c>
      <c r="I36956" s="8">
        <v>477584</v>
      </c>
      <c r="J36956" s="8">
        <v>2507316</v>
      </c>
      <c r="K36956" s="9"/>
      <c r="L36956" s="6"/>
    </row>
    <row r="36957" spans="1:12">
      <c r="A36957" s="6" t="s">
        <v>36701</v>
      </c>
      <c r="B36957" s="6"/>
      <c r="C36957" s="6" t="s">
        <v>32230</v>
      </c>
      <c r="D36957" s="6"/>
      <c r="E36957" s="6" t="s">
        <v>9</v>
      </c>
      <c r="F36957" s="7">
        <v>31849</v>
      </c>
      <c r="G36957" s="8">
        <v>2065500</v>
      </c>
      <c r="H36957" s="8">
        <v>660960</v>
      </c>
      <c r="I36957" s="8">
        <v>1445850</v>
      </c>
      <c r="J36957" s="8">
        <v>619650</v>
      </c>
      <c r="K36957" s="9"/>
      <c r="L36957" s="6"/>
    </row>
    <row r="36958" spans="1:12">
      <c r="A36958" s="6" t="s">
        <v>36702</v>
      </c>
      <c r="B36958" s="6"/>
      <c r="C36958" s="6" t="s">
        <v>32230</v>
      </c>
      <c r="D36958" s="6"/>
      <c r="E36958" s="6" t="s">
        <v>9</v>
      </c>
      <c r="F36958" s="7">
        <v>29305</v>
      </c>
      <c r="G36958" s="8">
        <v>2105200</v>
      </c>
      <c r="H36958" s="8">
        <v>378936</v>
      </c>
      <c r="I36958" s="8">
        <v>1768368</v>
      </c>
      <c r="J36958" s="8">
        <v>336832</v>
      </c>
      <c r="K36958" s="9"/>
      <c r="L36958" s="6"/>
    </row>
    <row r="36959" spans="1:12">
      <c r="A36959" s="6" t="s">
        <v>36703</v>
      </c>
      <c r="B36959" s="6"/>
      <c r="C36959" s="6" t="s">
        <v>32230</v>
      </c>
      <c r="D36959" s="6"/>
      <c r="E36959" s="6" t="s">
        <v>9</v>
      </c>
      <c r="F36959" s="7">
        <v>32227</v>
      </c>
      <c r="G36959" s="8">
        <v>7877400</v>
      </c>
      <c r="H36959" s="8">
        <v>2678316</v>
      </c>
      <c r="I36959" s="8">
        <v>5356632</v>
      </c>
      <c r="J36959" s="8">
        <v>2520768</v>
      </c>
      <c r="K36959" s="9"/>
      <c r="L36959" s="6"/>
    </row>
    <row r="36960" spans="1:12">
      <c r="A36960" s="6" t="s">
        <v>36704</v>
      </c>
      <c r="B36960" s="6"/>
      <c r="C36960" s="6" t="s">
        <v>32230</v>
      </c>
      <c r="D36960" s="6"/>
      <c r="E36960" s="6" t="s">
        <v>9</v>
      </c>
      <c r="F36960" s="7">
        <v>42362</v>
      </c>
      <c r="G36960" s="8">
        <v>40281840</v>
      </c>
      <c r="H36960" s="8">
        <v>36253660</v>
      </c>
      <c r="I36960" s="8">
        <v>4833816</v>
      </c>
      <c r="J36960" s="8">
        <v>35448024</v>
      </c>
      <c r="K36960" s="9"/>
      <c r="L36960" s="6"/>
    </row>
    <row r="36961" spans="1:12">
      <c r="A36961" s="6" t="s">
        <v>36705</v>
      </c>
      <c r="B36961" s="6"/>
      <c r="C36961" s="6" t="s">
        <v>32230</v>
      </c>
      <c r="D36961" s="6"/>
      <c r="E36961" s="6" t="s">
        <v>9</v>
      </c>
      <c r="F36961" s="7">
        <v>42457</v>
      </c>
      <c r="G36961" s="8">
        <v>4077000</v>
      </c>
      <c r="H36961" s="8">
        <v>3669300</v>
      </c>
      <c r="I36961" s="8">
        <v>489240</v>
      </c>
      <c r="J36961" s="8">
        <v>3587760</v>
      </c>
      <c r="K36961" s="9"/>
      <c r="L36961" s="6"/>
    </row>
    <row r="36962" spans="1:12">
      <c r="A36962" s="6" t="s">
        <v>36706</v>
      </c>
      <c r="B36962" s="6"/>
      <c r="C36962" s="6" t="s">
        <v>32230</v>
      </c>
      <c r="D36962" s="6"/>
      <c r="E36962" s="6" t="s">
        <v>9</v>
      </c>
      <c r="F36962" s="7">
        <v>42821</v>
      </c>
      <c r="G36962" s="8">
        <v>16580700</v>
      </c>
      <c r="H36962" s="8">
        <v>15254244</v>
      </c>
      <c r="I36962" s="8">
        <v>1658070</v>
      </c>
      <c r="J36962" s="8">
        <v>14922630</v>
      </c>
      <c r="K36962" s="9"/>
      <c r="L36962" s="6"/>
    </row>
    <row r="36963" spans="1:12">
      <c r="A36963" s="6" t="s">
        <v>36707</v>
      </c>
      <c r="B36963" s="6"/>
      <c r="C36963" s="6" t="s">
        <v>32230</v>
      </c>
      <c r="D36963" s="6"/>
      <c r="E36963" s="6" t="s">
        <v>9</v>
      </c>
      <c r="F36963" s="7">
        <v>42821</v>
      </c>
      <c r="G36963" s="8">
        <v>3116000</v>
      </c>
      <c r="H36963" s="8">
        <v>2866720</v>
      </c>
      <c r="I36963" s="8">
        <v>311600</v>
      </c>
      <c r="J36963" s="8">
        <v>2804400</v>
      </c>
      <c r="K36963" s="9"/>
      <c r="L36963" s="6"/>
    </row>
    <row r="36964" spans="1:12">
      <c r="A36964" s="6" t="s">
        <v>36708</v>
      </c>
      <c r="B36964" s="6"/>
      <c r="C36964" s="6" t="s">
        <v>32230</v>
      </c>
      <c r="D36964" s="6"/>
      <c r="E36964" s="6" t="s">
        <v>9</v>
      </c>
      <c r="F36964" s="7">
        <v>42821</v>
      </c>
      <c r="G36964" s="8">
        <v>6666300</v>
      </c>
      <c r="H36964" s="8">
        <v>6132996</v>
      </c>
      <c r="I36964" s="8">
        <v>666630</v>
      </c>
      <c r="J36964" s="8">
        <v>5999670</v>
      </c>
      <c r="K36964" s="9"/>
      <c r="L36964" s="6"/>
    </row>
    <row r="36965" spans="1:12">
      <c r="A36965" s="6" t="s">
        <v>36709</v>
      </c>
      <c r="B36965" s="6"/>
      <c r="C36965" s="6" t="s">
        <v>32230</v>
      </c>
      <c r="D36965" s="6"/>
      <c r="E36965" s="6" t="s">
        <v>9</v>
      </c>
      <c r="F36965" s="7">
        <v>42821</v>
      </c>
      <c r="G36965" s="8">
        <v>5524200</v>
      </c>
      <c r="H36965" s="8">
        <v>5082264</v>
      </c>
      <c r="I36965" s="8">
        <v>552420</v>
      </c>
      <c r="J36965" s="8">
        <v>4971780</v>
      </c>
      <c r="K36965" s="9"/>
      <c r="L36965" s="6"/>
    </row>
    <row r="36966" spans="1:12">
      <c r="A36966" s="6" t="s">
        <v>28490</v>
      </c>
      <c r="B36966" s="6"/>
      <c r="C36966" s="6" t="s">
        <v>32230</v>
      </c>
      <c r="D36966" s="6"/>
      <c r="E36966" s="6" t="s">
        <v>9</v>
      </c>
      <c r="F36966" s="7">
        <v>42821</v>
      </c>
      <c r="G36966" s="8">
        <v>1577000</v>
      </c>
      <c r="H36966" s="8">
        <v>1450840</v>
      </c>
      <c r="I36966" s="8">
        <v>157700</v>
      </c>
      <c r="J36966" s="8">
        <v>1419300</v>
      </c>
      <c r="K36966" s="9"/>
      <c r="L36966" s="6"/>
    </row>
    <row r="36967" spans="1:12">
      <c r="A36967" s="6" t="s">
        <v>36710</v>
      </c>
      <c r="B36967" s="6"/>
      <c r="C36967" s="6" t="s">
        <v>32230</v>
      </c>
      <c r="D36967" s="6"/>
      <c r="E36967" s="6" t="s">
        <v>9</v>
      </c>
      <c r="F36967" s="7">
        <v>42821</v>
      </c>
      <c r="G36967" s="8">
        <v>4414500</v>
      </c>
      <c r="H36967" s="8">
        <v>4061340</v>
      </c>
      <c r="I36967" s="8">
        <v>441450</v>
      </c>
      <c r="J36967" s="8">
        <v>3973050</v>
      </c>
      <c r="K36967" s="9"/>
      <c r="L36967" s="6"/>
    </row>
    <row r="36968" spans="1:12">
      <c r="A36968" s="6" t="s">
        <v>36711</v>
      </c>
      <c r="B36968" s="6"/>
      <c r="C36968" s="6" t="s">
        <v>32230</v>
      </c>
      <c r="D36968" s="6"/>
      <c r="E36968" s="6" t="s">
        <v>9</v>
      </c>
      <c r="F36968" s="7">
        <v>42821</v>
      </c>
      <c r="G36968" s="8">
        <v>2238100</v>
      </c>
      <c r="H36968" s="8">
        <v>2059052</v>
      </c>
      <c r="I36968" s="8">
        <v>223810</v>
      </c>
      <c r="J36968" s="8">
        <v>2014290</v>
      </c>
      <c r="K36968" s="9"/>
      <c r="L36968" s="6"/>
    </row>
    <row r="36969" spans="1:12">
      <c r="A36969" s="6" t="s">
        <v>36712</v>
      </c>
      <c r="B36969" s="6"/>
      <c r="C36969" s="6" t="s">
        <v>32230</v>
      </c>
      <c r="D36969" s="6"/>
      <c r="E36969" s="6" t="s">
        <v>9</v>
      </c>
      <c r="F36969" s="7">
        <v>42821</v>
      </c>
      <c r="G36969" s="8">
        <v>3395000</v>
      </c>
      <c r="H36969" s="8">
        <v>3123400</v>
      </c>
      <c r="I36969" s="8">
        <v>339500</v>
      </c>
      <c r="J36969" s="8">
        <v>3055500</v>
      </c>
      <c r="K36969" s="9"/>
      <c r="L36969" s="6"/>
    </row>
    <row r="36970" spans="1:12">
      <c r="A36970" s="6" t="s">
        <v>36713</v>
      </c>
      <c r="B36970" s="6"/>
      <c r="C36970" s="6" t="s">
        <v>32230</v>
      </c>
      <c r="D36970" s="6"/>
      <c r="E36970" s="6" t="s">
        <v>9</v>
      </c>
      <c r="F36970" s="7">
        <v>42821</v>
      </c>
      <c r="G36970" s="8">
        <v>6337500</v>
      </c>
      <c r="H36970" s="8">
        <v>5830500</v>
      </c>
      <c r="I36970" s="8">
        <v>633750</v>
      </c>
      <c r="J36970" s="8">
        <v>5703750</v>
      </c>
      <c r="K36970" s="9"/>
      <c r="L36970" s="6"/>
    </row>
    <row r="36971" spans="1:12">
      <c r="A36971" s="6" t="s">
        <v>36714</v>
      </c>
      <c r="B36971" s="6"/>
      <c r="C36971" s="6" t="s">
        <v>32230</v>
      </c>
      <c r="D36971" s="6"/>
      <c r="E36971" s="6" t="s">
        <v>9</v>
      </c>
      <c r="F36971" s="7">
        <v>42821</v>
      </c>
      <c r="G36971" s="8">
        <v>3053300</v>
      </c>
      <c r="H36971" s="8">
        <v>2809036</v>
      </c>
      <c r="I36971" s="8">
        <v>305330</v>
      </c>
      <c r="J36971" s="8">
        <v>2747970</v>
      </c>
      <c r="K36971" s="9"/>
      <c r="L36971" s="6"/>
    </row>
    <row r="36972" spans="1:12">
      <c r="A36972" s="6" t="s">
        <v>36715</v>
      </c>
      <c r="B36972" s="6"/>
      <c r="C36972" s="6" t="s">
        <v>32230</v>
      </c>
      <c r="D36972" s="6"/>
      <c r="E36972" s="6" t="s">
        <v>9</v>
      </c>
      <c r="F36972" s="7">
        <v>42821</v>
      </c>
      <c r="G36972" s="8">
        <v>828400</v>
      </c>
      <c r="H36972" s="8">
        <v>762128</v>
      </c>
      <c r="I36972" s="8">
        <v>82840</v>
      </c>
      <c r="J36972" s="8">
        <v>745560</v>
      </c>
      <c r="K36972" s="9"/>
      <c r="L36972" s="6"/>
    </row>
    <row r="36973" spans="1:12">
      <c r="A36973" s="6" t="s">
        <v>36716</v>
      </c>
      <c r="B36973" s="6"/>
      <c r="C36973" s="6" t="s">
        <v>32230</v>
      </c>
      <c r="D36973" s="6"/>
      <c r="E36973" s="6" t="s">
        <v>9</v>
      </c>
      <c r="F36973" s="7">
        <v>42821</v>
      </c>
      <c r="G36973" s="8">
        <v>7889100</v>
      </c>
      <c r="H36973" s="8">
        <v>7257972</v>
      </c>
      <c r="I36973" s="8">
        <v>788910</v>
      </c>
      <c r="J36973" s="8">
        <v>7100190</v>
      </c>
      <c r="K36973" s="9"/>
      <c r="L36973" s="6"/>
    </row>
    <row r="36974" spans="1:12">
      <c r="A36974" s="6" t="s">
        <v>36717</v>
      </c>
      <c r="B36974" s="6"/>
      <c r="C36974" s="6" t="s">
        <v>32230</v>
      </c>
      <c r="D36974" s="6"/>
      <c r="E36974" s="6" t="s">
        <v>9</v>
      </c>
      <c r="F36974" s="7">
        <v>42821</v>
      </c>
      <c r="G36974" s="8">
        <v>11880900</v>
      </c>
      <c r="H36974" s="8">
        <v>10930428</v>
      </c>
      <c r="I36974" s="8">
        <v>1188090</v>
      </c>
      <c r="J36974" s="8">
        <v>10692810</v>
      </c>
      <c r="K36974" s="9"/>
      <c r="L36974" s="6"/>
    </row>
    <row r="36975" spans="1:12">
      <c r="A36975" s="6" t="s">
        <v>36718</v>
      </c>
      <c r="B36975" s="6"/>
      <c r="C36975" s="6" t="s">
        <v>32230</v>
      </c>
      <c r="D36975" s="6"/>
      <c r="E36975" s="6" t="s">
        <v>9</v>
      </c>
      <c r="F36975" s="7">
        <v>42821</v>
      </c>
      <c r="G36975" s="8">
        <v>1517400</v>
      </c>
      <c r="H36975" s="8">
        <v>1396008</v>
      </c>
      <c r="I36975" s="8">
        <v>151740</v>
      </c>
      <c r="J36975" s="8">
        <v>1365660</v>
      </c>
      <c r="K36975" s="9"/>
      <c r="L36975" s="6"/>
    </row>
    <row r="36976" spans="1:12">
      <c r="A36976" s="6" t="s">
        <v>36719</v>
      </c>
      <c r="B36976" s="6"/>
      <c r="C36976" s="6" t="s">
        <v>32230</v>
      </c>
      <c r="D36976" s="6"/>
      <c r="E36976" s="6" t="s">
        <v>9</v>
      </c>
      <c r="F36976" s="7">
        <v>42821</v>
      </c>
      <c r="G36976" s="8">
        <v>3477600</v>
      </c>
      <c r="H36976" s="8">
        <v>3199392</v>
      </c>
      <c r="I36976" s="8">
        <v>347760</v>
      </c>
      <c r="J36976" s="8">
        <v>3129840</v>
      </c>
      <c r="K36976" s="9"/>
      <c r="L36976" s="6"/>
    </row>
    <row r="36977" spans="1:12">
      <c r="A36977" s="6" t="s">
        <v>36720</v>
      </c>
      <c r="B36977" s="6"/>
      <c r="C36977" s="6" t="s">
        <v>32230</v>
      </c>
      <c r="D36977" s="6"/>
      <c r="E36977" s="6" t="s">
        <v>9</v>
      </c>
      <c r="F36977" s="7">
        <v>42821</v>
      </c>
      <c r="G36977" s="8">
        <v>8815500</v>
      </c>
      <c r="H36977" s="8">
        <v>8110260</v>
      </c>
      <c r="I36977" s="8">
        <v>881550</v>
      </c>
      <c r="J36977" s="8">
        <v>7933950</v>
      </c>
      <c r="K36977" s="9"/>
      <c r="L36977" s="6"/>
    </row>
    <row r="36978" spans="1:12">
      <c r="A36978" s="6" t="s">
        <v>36721</v>
      </c>
      <c r="B36978" s="6"/>
      <c r="C36978" s="6" t="s">
        <v>32230</v>
      </c>
      <c r="D36978" s="6"/>
      <c r="E36978" s="6" t="s">
        <v>9</v>
      </c>
      <c r="F36978" s="7">
        <v>42821</v>
      </c>
      <c r="G36978" s="8">
        <v>1520100</v>
      </c>
      <c r="H36978" s="8">
        <v>1398492</v>
      </c>
      <c r="I36978" s="8">
        <v>152010</v>
      </c>
      <c r="J36978" s="8">
        <v>1368090</v>
      </c>
      <c r="K36978" s="9"/>
      <c r="L36978" s="6"/>
    </row>
    <row r="36979" spans="1:12">
      <c r="A36979" s="6" t="s">
        <v>36722</v>
      </c>
      <c r="B36979" s="6"/>
      <c r="C36979" s="6" t="s">
        <v>32230</v>
      </c>
      <c r="D36979" s="6"/>
      <c r="E36979" s="6" t="s">
        <v>9</v>
      </c>
      <c r="F36979" s="7">
        <v>42821</v>
      </c>
      <c r="G36979" s="8">
        <v>6274800</v>
      </c>
      <c r="H36979" s="8">
        <v>5772816</v>
      </c>
      <c r="I36979" s="8">
        <v>627480</v>
      </c>
      <c r="J36979" s="8">
        <v>5647320</v>
      </c>
      <c r="K36979" s="9"/>
      <c r="L36979" s="6"/>
    </row>
    <row r="36980" spans="1:12">
      <c r="A36980" s="6" t="s">
        <v>36723</v>
      </c>
      <c r="B36980" s="6"/>
      <c r="C36980" s="6" t="s">
        <v>32230</v>
      </c>
      <c r="D36980" s="6"/>
      <c r="E36980" s="6" t="s">
        <v>9</v>
      </c>
      <c r="F36980" s="7">
        <v>42821</v>
      </c>
      <c r="G36980" s="8">
        <v>1992600</v>
      </c>
      <c r="H36980" s="8">
        <v>1833192</v>
      </c>
      <c r="I36980" s="8">
        <v>199260</v>
      </c>
      <c r="J36980" s="8">
        <v>1793340</v>
      </c>
      <c r="K36980" s="9"/>
      <c r="L36980" s="6"/>
    </row>
    <row r="36981" spans="1:12">
      <c r="A36981" s="6" t="s">
        <v>36724</v>
      </c>
      <c r="B36981" s="6"/>
      <c r="C36981" s="6" t="s">
        <v>32230</v>
      </c>
      <c r="D36981" s="6"/>
      <c r="E36981" s="6" t="s">
        <v>9</v>
      </c>
      <c r="F36981" s="7">
        <v>42821</v>
      </c>
      <c r="G36981" s="8">
        <v>4209300</v>
      </c>
      <c r="H36981" s="8">
        <v>3872556</v>
      </c>
      <c r="I36981" s="8">
        <v>420930</v>
      </c>
      <c r="J36981" s="8">
        <v>3788370</v>
      </c>
      <c r="K36981" s="9"/>
      <c r="L36981" s="6"/>
    </row>
    <row r="36982" spans="1:12">
      <c r="A36982" s="6" t="s">
        <v>36725</v>
      </c>
      <c r="B36982" s="6"/>
      <c r="C36982" s="6" t="s">
        <v>32230</v>
      </c>
      <c r="D36982" s="6"/>
      <c r="E36982" s="6"/>
      <c r="F36982" s="7">
        <v>42826</v>
      </c>
      <c r="G36982" s="8">
        <v>4831920</v>
      </c>
      <c r="H36982" s="8">
        <v>4542006</v>
      </c>
      <c r="I36982" s="8">
        <v>386552</v>
      </c>
      <c r="J36982" s="8">
        <v>4445368</v>
      </c>
      <c r="K36982" s="9"/>
      <c r="L36982" s="6"/>
    </row>
    <row r="36983" spans="1:12">
      <c r="A36983" s="6" t="s">
        <v>36725</v>
      </c>
      <c r="B36983" s="6"/>
      <c r="C36983" s="6" t="s">
        <v>32230</v>
      </c>
      <c r="D36983" s="6"/>
      <c r="E36983" s="6" t="s">
        <v>9</v>
      </c>
      <c r="F36983" s="7">
        <v>42745</v>
      </c>
      <c r="G36983" s="8">
        <v>680400</v>
      </c>
      <c r="H36983" s="8">
        <v>625968</v>
      </c>
      <c r="I36983" s="8">
        <v>68040</v>
      </c>
      <c r="J36983" s="8">
        <v>612360</v>
      </c>
      <c r="K36983" s="9"/>
      <c r="L36983" s="6"/>
    </row>
    <row r="36984" spans="1:12">
      <c r="A36984" s="6" t="s">
        <v>36726</v>
      </c>
      <c r="B36984" s="6"/>
      <c r="C36984" s="6" t="s">
        <v>32230</v>
      </c>
      <c r="D36984" s="6"/>
      <c r="E36984" s="6" t="s">
        <v>9</v>
      </c>
      <c r="F36984" s="7">
        <v>41102</v>
      </c>
      <c r="G36984" s="8">
        <v>6093150</v>
      </c>
      <c r="H36984" s="8">
        <v>4874526</v>
      </c>
      <c r="I36984" s="8">
        <v>1370952</v>
      </c>
      <c r="J36984" s="8">
        <v>4722198</v>
      </c>
      <c r="K36984" s="9"/>
      <c r="L36984" s="6"/>
    </row>
    <row r="36985" spans="1:12">
      <c r="A36985" s="6" t="s">
        <v>36727</v>
      </c>
      <c r="B36985" s="6"/>
      <c r="C36985" s="6" t="s">
        <v>32230</v>
      </c>
      <c r="D36985" s="6"/>
      <c r="E36985" s="6" t="s">
        <v>9</v>
      </c>
      <c r="F36985" s="7">
        <v>41299</v>
      </c>
      <c r="G36985" s="8">
        <v>787500</v>
      </c>
      <c r="H36985" s="8">
        <v>630004</v>
      </c>
      <c r="I36985" s="8">
        <v>177183</v>
      </c>
      <c r="J36985" s="8">
        <v>610317</v>
      </c>
      <c r="K36985" s="9"/>
      <c r="L36985" s="6"/>
    </row>
    <row r="36986" spans="1:12">
      <c r="A36986" s="6" t="s">
        <v>36728</v>
      </c>
      <c r="B36986" s="6"/>
      <c r="C36986" s="6" t="s">
        <v>32230</v>
      </c>
      <c r="D36986" s="6"/>
      <c r="E36986" s="6" t="s">
        <v>9</v>
      </c>
      <c r="F36986" s="7">
        <v>44286</v>
      </c>
      <c r="G36986" s="8">
        <v>825000</v>
      </c>
      <c r="H36986" s="8">
        <v>825000</v>
      </c>
      <c r="I36986" s="8">
        <v>82500</v>
      </c>
      <c r="J36986" s="8">
        <v>742500</v>
      </c>
      <c r="K36986" s="9"/>
      <c r="L36986" s="6"/>
    </row>
    <row r="36987" spans="1:12">
      <c r="A36987" s="6" t="s">
        <v>36729</v>
      </c>
      <c r="B36987" s="6"/>
      <c r="C36987" s="6" t="s">
        <v>32230</v>
      </c>
      <c r="D36987" s="6"/>
      <c r="E36987" s="6" t="s">
        <v>9</v>
      </c>
      <c r="F36987" s="7">
        <v>24928</v>
      </c>
      <c r="G36987" s="8">
        <v>1</v>
      </c>
      <c r="H36987" s="8">
        <v>1</v>
      </c>
      <c r="I36987" s="8">
        <v>0</v>
      </c>
      <c r="J36987" s="8">
        <v>1</v>
      </c>
      <c r="K36987" s="9"/>
      <c r="L36987" s="6"/>
    </row>
    <row r="36988" spans="1:12">
      <c r="A36988" s="6" t="s">
        <v>36730</v>
      </c>
      <c r="B36988" s="6"/>
      <c r="C36988" s="6" t="s">
        <v>32230</v>
      </c>
      <c r="D36988" s="6"/>
      <c r="E36988" s="6" t="s">
        <v>9</v>
      </c>
      <c r="F36988" s="7">
        <v>26754</v>
      </c>
      <c r="G36988" s="8">
        <v>1</v>
      </c>
      <c r="H36988" s="8">
        <v>1</v>
      </c>
      <c r="I36988" s="8">
        <v>0</v>
      </c>
      <c r="J36988" s="8">
        <v>1</v>
      </c>
      <c r="K36988" s="9"/>
      <c r="L36988" s="6"/>
    </row>
    <row r="36989" spans="1:12">
      <c r="A36989" s="6" t="s">
        <v>36731</v>
      </c>
      <c r="B36989" s="6"/>
      <c r="C36989" s="6" t="s">
        <v>32230</v>
      </c>
      <c r="D36989" s="6"/>
      <c r="E36989" s="6" t="s">
        <v>9</v>
      </c>
      <c r="F36989" s="7">
        <v>26754</v>
      </c>
      <c r="G36989" s="8">
        <v>6291000</v>
      </c>
      <c r="H36989" s="8">
        <v>251640</v>
      </c>
      <c r="I36989" s="8">
        <v>6165180</v>
      </c>
      <c r="J36989" s="8">
        <v>125820</v>
      </c>
      <c r="K36989" s="9"/>
      <c r="L36989" s="6"/>
    </row>
    <row r="36990" spans="1:12">
      <c r="A36990" s="6" t="s">
        <v>36732</v>
      </c>
      <c r="B36990" s="6"/>
      <c r="C36990" s="6" t="s">
        <v>32230</v>
      </c>
      <c r="D36990" s="6"/>
      <c r="E36990" s="6" t="s">
        <v>9</v>
      </c>
      <c r="F36990" s="7">
        <v>26754</v>
      </c>
      <c r="G36990" s="8">
        <v>10314000</v>
      </c>
      <c r="H36990" s="8">
        <v>412560</v>
      </c>
      <c r="I36990" s="8">
        <v>10107720</v>
      </c>
      <c r="J36990" s="8">
        <v>206280</v>
      </c>
      <c r="K36990" s="9"/>
      <c r="L36990" s="6"/>
    </row>
    <row r="36991" spans="1:12">
      <c r="A36991" s="6" t="s">
        <v>36733</v>
      </c>
      <c r="B36991" s="6"/>
      <c r="C36991" s="6" t="s">
        <v>32230</v>
      </c>
      <c r="D36991" s="6"/>
      <c r="E36991" s="6" t="s">
        <v>9</v>
      </c>
      <c r="F36991" s="7">
        <v>26754</v>
      </c>
      <c r="G36991" s="8">
        <v>11637000</v>
      </c>
      <c r="H36991" s="8">
        <v>465480</v>
      </c>
      <c r="I36991" s="8">
        <v>11404260</v>
      </c>
      <c r="J36991" s="8">
        <v>232740</v>
      </c>
      <c r="K36991" s="9"/>
      <c r="L36991" s="6"/>
    </row>
    <row r="36992" spans="1:12">
      <c r="A36992" s="6" t="s">
        <v>36734</v>
      </c>
      <c r="B36992" s="6"/>
      <c r="C36992" s="6" t="s">
        <v>32230</v>
      </c>
      <c r="D36992" s="6"/>
      <c r="E36992" s="6" t="s">
        <v>9</v>
      </c>
      <c r="F36992" s="7">
        <v>32233</v>
      </c>
      <c r="G36992" s="8">
        <v>77841000</v>
      </c>
      <c r="H36992" s="8">
        <v>26465940</v>
      </c>
      <c r="I36992" s="8">
        <v>52931880</v>
      </c>
      <c r="J36992" s="8">
        <v>24909120</v>
      </c>
      <c r="K36992" s="9"/>
      <c r="L36992" s="6"/>
    </row>
    <row r="36993" spans="1:12">
      <c r="A36993" s="6" t="s">
        <v>36735</v>
      </c>
      <c r="B36993" s="6"/>
      <c r="C36993" s="6" t="s">
        <v>32230</v>
      </c>
      <c r="D36993" s="6"/>
      <c r="E36993" s="6" t="s">
        <v>9</v>
      </c>
      <c r="F36993" s="7">
        <v>32233</v>
      </c>
      <c r="G36993" s="8">
        <v>47174400</v>
      </c>
      <c r="H36993" s="8">
        <v>20709588</v>
      </c>
      <c r="I36993" s="8">
        <v>27266776</v>
      </c>
      <c r="J36993" s="8">
        <v>19907624</v>
      </c>
      <c r="K36993" s="9"/>
      <c r="L36993" s="6"/>
    </row>
    <row r="36994" spans="1:12">
      <c r="A36994" s="6" t="s">
        <v>36736</v>
      </c>
      <c r="B36994" s="6"/>
      <c r="C36994" s="6" t="s">
        <v>32230</v>
      </c>
      <c r="D36994" s="6"/>
      <c r="E36994" s="6" t="s">
        <v>9</v>
      </c>
      <c r="F36994" s="7">
        <v>28580</v>
      </c>
      <c r="G36994" s="8">
        <v>17253000</v>
      </c>
      <c r="H36994" s="8">
        <v>2415420</v>
      </c>
      <c r="I36994" s="8">
        <v>15182640</v>
      </c>
      <c r="J36994" s="8">
        <v>2070360</v>
      </c>
      <c r="K36994" s="9"/>
      <c r="L36994" s="6"/>
    </row>
    <row r="36995" spans="1:12">
      <c r="A36995" s="6" t="s">
        <v>36737</v>
      </c>
      <c r="B36995" s="6"/>
      <c r="C36995" s="6" t="s">
        <v>32230</v>
      </c>
      <c r="D36995" s="6"/>
      <c r="E36995" s="6" t="s">
        <v>9</v>
      </c>
      <c r="F36995" s="7">
        <v>26754</v>
      </c>
      <c r="G36995" s="8">
        <v>12933000</v>
      </c>
      <c r="H36995" s="8">
        <v>517320</v>
      </c>
      <c r="I36995" s="8">
        <v>12674340</v>
      </c>
      <c r="J36995" s="8">
        <v>258660</v>
      </c>
      <c r="K36995" s="9"/>
      <c r="L36995" s="6"/>
    </row>
    <row r="36996" spans="1:12">
      <c r="A36996" s="6" t="s">
        <v>36738</v>
      </c>
      <c r="B36996" s="6"/>
      <c r="C36996" s="6" t="s">
        <v>32230</v>
      </c>
      <c r="D36996" s="6"/>
      <c r="E36996" s="6" t="s">
        <v>9</v>
      </c>
      <c r="F36996" s="7">
        <v>19814</v>
      </c>
      <c r="G36996" s="8">
        <v>5589000</v>
      </c>
      <c r="H36996" s="8">
        <v>1</v>
      </c>
      <c r="I36996" s="8">
        <v>5588999</v>
      </c>
      <c r="J36996" s="8">
        <v>1</v>
      </c>
      <c r="K36996" s="9"/>
      <c r="L36996" s="6"/>
    </row>
    <row r="36997" spans="1:12">
      <c r="A36997" s="6" t="s">
        <v>36739</v>
      </c>
      <c r="B36997" s="6"/>
      <c r="C36997" s="6" t="s">
        <v>32230</v>
      </c>
      <c r="D36997" s="6"/>
      <c r="E36997" s="6" t="s">
        <v>9</v>
      </c>
      <c r="F36997" s="7">
        <v>27119</v>
      </c>
      <c r="G36997" s="8">
        <v>7641000</v>
      </c>
      <c r="H36997" s="8">
        <v>458460</v>
      </c>
      <c r="I36997" s="8">
        <v>7335360</v>
      </c>
      <c r="J36997" s="8">
        <v>305640</v>
      </c>
      <c r="K36997" s="9"/>
      <c r="L36997" s="6"/>
    </row>
    <row r="36998" spans="1:12">
      <c r="A36998" s="6" t="s">
        <v>36740</v>
      </c>
      <c r="B36998" s="6"/>
      <c r="C36998" s="6" t="s">
        <v>32230</v>
      </c>
      <c r="D36998" s="6"/>
      <c r="E36998" s="6" t="s">
        <v>9</v>
      </c>
      <c r="F36998" s="7">
        <v>27119</v>
      </c>
      <c r="G36998" s="8">
        <v>7695000</v>
      </c>
      <c r="H36998" s="8">
        <v>461700</v>
      </c>
      <c r="I36998" s="8">
        <v>7387200</v>
      </c>
      <c r="J36998" s="8">
        <v>307800</v>
      </c>
      <c r="K36998" s="9"/>
      <c r="L36998" s="6"/>
    </row>
    <row r="36999" spans="1:12">
      <c r="A36999" s="6" t="s">
        <v>36741</v>
      </c>
      <c r="B36999" s="6"/>
      <c r="C36999" s="6" t="s">
        <v>32230</v>
      </c>
      <c r="D36999" s="6"/>
      <c r="E36999" s="6" t="s">
        <v>9</v>
      </c>
      <c r="F36999" s="7">
        <v>24562</v>
      </c>
      <c r="G36999" s="8">
        <v>2268000</v>
      </c>
      <c r="H36999" s="8">
        <v>1</v>
      </c>
      <c r="I36999" s="8">
        <v>2267999</v>
      </c>
      <c r="J36999" s="8">
        <v>1</v>
      </c>
      <c r="K36999" s="9"/>
      <c r="L36999" s="6"/>
    </row>
    <row r="37000" spans="1:12">
      <c r="A37000" s="6" t="s">
        <v>36742</v>
      </c>
      <c r="B37000" s="6"/>
      <c r="C37000" s="6" t="s">
        <v>32230</v>
      </c>
      <c r="D37000" s="6"/>
      <c r="E37000" s="6" t="s">
        <v>9</v>
      </c>
      <c r="F37000" s="7">
        <v>27119</v>
      </c>
      <c r="G37000" s="8">
        <v>11772000</v>
      </c>
      <c r="H37000" s="8">
        <v>706320</v>
      </c>
      <c r="I37000" s="8">
        <v>11301120</v>
      </c>
      <c r="J37000" s="8">
        <v>470880</v>
      </c>
      <c r="K37000" s="9"/>
      <c r="L37000" s="6"/>
    </row>
    <row r="37001" spans="1:12">
      <c r="A37001" s="6" t="s">
        <v>36743</v>
      </c>
      <c r="B37001" s="6"/>
      <c r="C37001" s="6" t="s">
        <v>32230</v>
      </c>
      <c r="D37001" s="6"/>
      <c r="E37001" s="6" t="s">
        <v>9</v>
      </c>
      <c r="F37001" s="7">
        <v>31502</v>
      </c>
      <c r="G37001" s="8">
        <v>5562000</v>
      </c>
      <c r="H37001" s="8">
        <v>1668600</v>
      </c>
      <c r="I37001" s="8">
        <v>4004640</v>
      </c>
      <c r="J37001" s="8">
        <v>1557360</v>
      </c>
      <c r="K37001" s="9"/>
      <c r="L37001" s="6"/>
    </row>
    <row r="37002" spans="1:12">
      <c r="A37002" s="6" t="s">
        <v>36744</v>
      </c>
      <c r="B37002" s="6"/>
      <c r="C37002" s="6" t="s">
        <v>32230</v>
      </c>
      <c r="D37002" s="6"/>
      <c r="E37002" s="6" t="s">
        <v>9</v>
      </c>
      <c r="F37002" s="7">
        <v>27119</v>
      </c>
      <c r="G37002" s="8">
        <v>19845000</v>
      </c>
      <c r="H37002" s="8">
        <v>1190700</v>
      </c>
      <c r="I37002" s="8">
        <v>19051200</v>
      </c>
      <c r="J37002" s="8">
        <v>793800</v>
      </c>
      <c r="K37002" s="9"/>
      <c r="L37002" s="6"/>
    </row>
    <row r="37003" spans="1:12">
      <c r="A37003" s="6" t="s">
        <v>36745</v>
      </c>
      <c r="B37003" s="6"/>
      <c r="C37003" s="6" t="s">
        <v>32230</v>
      </c>
      <c r="D37003" s="6"/>
      <c r="E37003" s="6" t="s">
        <v>9</v>
      </c>
      <c r="F37003" s="7">
        <v>27119</v>
      </c>
      <c r="G37003" s="8">
        <v>5778000</v>
      </c>
      <c r="H37003" s="8">
        <v>346680</v>
      </c>
      <c r="I37003" s="8">
        <v>5546880</v>
      </c>
      <c r="J37003" s="8">
        <v>231120</v>
      </c>
      <c r="K37003" s="9"/>
      <c r="L37003" s="6"/>
    </row>
    <row r="37004" spans="1:12">
      <c r="A37004" s="6" t="s">
        <v>36746</v>
      </c>
      <c r="B37004" s="6"/>
      <c r="C37004" s="6" t="s">
        <v>32230</v>
      </c>
      <c r="D37004" s="6"/>
      <c r="E37004" s="6" t="s">
        <v>9</v>
      </c>
      <c r="F37004" s="7">
        <v>27119</v>
      </c>
      <c r="G37004" s="8">
        <v>6588000</v>
      </c>
      <c r="H37004" s="8">
        <v>395280</v>
      </c>
      <c r="I37004" s="8">
        <v>6324480</v>
      </c>
      <c r="J37004" s="8">
        <v>263520</v>
      </c>
      <c r="K37004" s="9"/>
      <c r="L37004" s="6"/>
    </row>
    <row r="37005" spans="1:12">
      <c r="A37005" s="6" t="s">
        <v>36747</v>
      </c>
      <c r="B37005" s="6"/>
      <c r="C37005" s="6" t="s">
        <v>32230</v>
      </c>
      <c r="D37005" s="6"/>
      <c r="E37005" s="6" t="s">
        <v>9</v>
      </c>
      <c r="F37005" s="7">
        <v>27119</v>
      </c>
      <c r="G37005" s="8">
        <v>17847000</v>
      </c>
      <c r="H37005" s="8">
        <v>1070820</v>
      </c>
      <c r="I37005" s="8">
        <v>17133120</v>
      </c>
      <c r="J37005" s="8">
        <v>713880</v>
      </c>
      <c r="K37005" s="9"/>
      <c r="L37005" s="6"/>
    </row>
    <row r="37006" spans="1:12">
      <c r="A37006" s="6" t="s">
        <v>36748</v>
      </c>
      <c r="B37006" s="6"/>
      <c r="C37006" s="6" t="s">
        <v>32230</v>
      </c>
      <c r="D37006" s="6"/>
      <c r="E37006" s="6" t="s">
        <v>9</v>
      </c>
      <c r="F37006" s="7">
        <v>31502</v>
      </c>
      <c r="G37006" s="8">
        <v>3267000</v>
      </c>
      <c r="H37006" s="8">
        <v>980100</v>
      </c>
      <c r="I37006" s="8">
        <v>2352240</v>
      </c>
      <c r="J37006" s="8">
        <v>914760</v>
      </c>
      <c r="K37006" s="9"/>
      <c r="L37006" s="6"/>
    </row>
    <row r="37007" spans="1:12">
      <c r="A37007" s="6" t="s">
        <v>36749</v>
      </c>
      <c r="B37007" s="6"/>
      <c r="C37007" s="6" t="s">
        <v>32230</v>
      </c>
      <c r="D37007" s="6"/>
      <c r="E37007" s="6" t="s">
        <v>9</v>
      </c>
      <c r="F37007" s="7">
        <v>27119</v>
      </c>
      <c r="G37007" s="8">
        <v>14499000</v>
      </c>
      <c r="H37007" s="8">
        <v>869940</v>
      </c>
      <c r="I37007" s="8">
        <v>13919040</v>
      </c>
      <c r="J37007" s="8">
        <v>579960</v>
      </c>
      <c r="K37007" s="9"/>
      <c r="L37007" s="6"/>
    </row>
    <row r="37008" spans="1:12">
      <c r="A37008" s="6" t="s">
        <v>36750</v>
      </c>
      <c r="B37008" s="6"/>
      <c r="C37008" s="6" t="s">
        <v>32230</v>
      </c>
      <c r="D37008" s="6"/>
      <c r="E37008" s="6" t="s">
        <v>9</v>
      </c>
      <c r="F37008" s="7">
        <v>27119</v>
      </c>
      <c r="G37008" s="8">
        <v>13662000</v>
      </c>
      <c r="H37008" s="8">
        <v>819720</v>
      </c>
      <c r="I37008" s="8">
        <v>13115520</v>
      </c>
      <c r="J37008" s="8">
        <v>546480</v>
      </c>
      <c r="K37008" s="9"/>
      <c r="L37008" s="6"/>
    </row>
    <row r="37009" spans="1:12">
      <c r="A37009" s="6" t="s">
        <v>36751</v>
      </c>
      <c r="B37009" s="6"/>
      <c r="C37009" s="6" t="s">
        <v>32230</v>
      </c>
      <c r="D37009" s="6"/>
      <c r="E37009" s="6" t="s">
        <v>9</v>
      </c>
      <c r="F37009" s="7">
        <v>27119</v>
      </c>
      <c r="G37009" s="8">
        <v>30159000</v>
      </c>
      <c r="H37009" s="8">
        <v>1809540</v>
      </c>
      <c r="I37009" s="8">
        <v>28952640</v>
      </c>
      <c r="J37009" s="8">
        <v>1206360</v>
      </c>
      <c r="K37009" s="9"/>
      <c r="L37009" s="6"/>
    </row>
    <row r="37010" spans="1:12">
      <c r="A37010" s="6" t="s">
        <v>36752</v>
      </c>
      <c r="B37010" s="6"/>
      <c r="C37010" s="6" t="s">
        <v>32230</v>
      </c>
      <c r="D37010" s="6"/>
      <c r="E37010" s="6" t="s">
        <v>9</v>
      </c>
      <c r="F37010" s="7">
        <v>27119</v>
      </c>
      <c r="G37010" s="8">
        <v>24408000</v>
      </c>
      <c r="H37010" s="8">
        <v>1464480</v>
      </c>
      <c r="I37010" s="8">
        <v>23431680</v>
      </c>
      <c r="J37010" s="8">
        <v>976320</v>
      </c>
      <c r="K37010" s="9"/>
      <c r="L37010" s="6"/>
    </row>
    <row r="37011" spans="1:12">
      <c r="A37011" s="6" t="s">
        <v>36753</v>
      </c>
      <c r="B37011" s="6"/>
      <c r="C37011" s="6" t="s">
        <v>32230</v>
      </c>
      <c r="D37011" s="6"/>
      <c r="E37011" s="6" t="s">
        <v>9</v>
      </c>
      <c r="F37011" s="7">
        <v>25293</v>
      </c>
      <c r="G37011" s="8">
        <v>5292000</v>
      </c>
      <c r="H37011" s="8">
        <v>1</v>
      </c>
      <c r="I37011" s="8">
        <v>5291999</v>
      </c>
      <c r="J37011" s="8">
        <v>1</v>
      </c>
      <c r="K37011" s="9"/>
      <c r="L37011" s="6"/>
    </row>
    <row r="37012" spans="1:12">
      <c r="A37012" s="6" t="s">
        <v>36754</v>
      </c>
      <c r="B37012" s="6"/>
      <c r="C37012" s="6" t="s">
        <v>32230</v>
      </c>
      <c r="D37012" s="6"/>
      <c r="E37012" s="6" t="s">
        <v>9</v>
      </c>
      <c r="F37012" s="7">
        <v>28215</v>
      </c>
      <c r="G37012" s="8">
        <v>31914000</v>
      </c>
      <c r="H37012" s="8">
        <v>3829680</v>
      </c>
      <c r="I37012" s="8">
        <v>28722600</v>
      </c>
      <c r="J37012" s="8">
        <v>3191400</v>
      </c>
      <c r="K37012" s="9"/>
      <c r="L37012" s="6"/>
    </row>
    <row r="37013" spans="1:12">
      <c r="A37013" s="6" t="s">
        <v>36755</v>
      </c>
      <c r="B37013" s="6"/>
      <c r="C37013" s="6" t="s">
        <v>32230</v>
      </c>
      <c r="D37013" s="6"/>
      <c r="E37013" s="6" t="s">
        <v>9</v>
      </c>
      <c r="F37013" s="7">
        <v>28215</v>
      </c>
      <c r="G37013" s="8">
        <v>71523000</v>
      </c>
      <c r="H37013" s="8">
        <v>8582760</v>
      </c>
      <c r="I37013" s="8">
        <v>64370700</v>
      </c>
      <c r="J37013" s="8">
        <v>7152300</v>
      </c>
      <c r="K37013" s="9"/>
      <c r="L37013" s="6"/>
    </row>
    <row r="37014" spans="1:12">
      <c r="A37014" s="6" t="s">
        <v>36756</v>
      </c>
      <c r="B37014" s="6"/>
      <c r="C37014" s="6" t="s">
        <v>32230</v>
      </c>
      <c r="D37014" s="6"/>
      <c r="E37014" s="6" t="s">
        <v>9</v>
      </c>
      <c r="F37014" s="7">
        <v>32867</v>
      </c>
      <c r="G37014" s="8">
        <v>9045000</v>
      </c>
      <c r="H37014" s="8">
        <v>3437100</v>
      </c>
      <c r="I37014" s="8">
        <v>5788800</v>
      </c>
      <c r="J37014" s="8">
        <v>3256200</v>
      </c>
      <c r="K37014" s="9"/>
      <c r="L37014" s="6"/>
    </row>
    <row r="37015" spans="1:12">
      <c r="A37015" s="6" t="s">
        <v>36757</v>
      </c>
      <c r="B37015" s="6"/>
      <c r="C37015" s="6" t="s">
        <v>32230</v>
      </c>
      <c r="D37015" s="6"/>
      <c r="E37015" s="6" t="s">
        <v>9</v>
      </c>
      <c r="F37015" s="7">
        <v>33227</v>
      </c>
      <c r="G37015" s="8">
        <v>11043000</v>
      </c>
      <c r="H37015" s="8">
        <v>4417200</v>
      </c>
      <c r="I37015" s="8">
        <v>6846660</v>
      </c>
      <c r="J37015" s="8">
        <v>4196340</v>
      </c>
      <c r="K37015" s="9"/>
      <c r="L37015" s="6"/>
    </row>
    <row r="37016" spans="1:12">
      <c r="A37016" s="6" t="s">
        <v>36758</v>
      </c>
      <c r="B37016" s="6"/>
      <c r="C37016" s="6" t="s">
        <v>32230</v>
      </c>
      <c r="D37016" s="6"/>
      <c r="E37016" s="6" t="s">
        <v>9</v>
      </c>
      <c r="F37016" s="7">
        <v>33227</v>
      </c>
      <c r="G37016" s="8">
        <v>7506000</v>
      </c>
      <c r="H37016" s="8">
        <v>3002400</v>
      </c>
      <c r="I37016" s="8">
        <v>4653720</v>
      </c>
      <c r="J37016" s="8">
        <v>2852280</v>
      </c>
      <c r="K37016" s="9"/>
      <c r="L37016" s="6"/>
    </row>
    <row r="37017" spans="1:12">
      <c r="A37017" s="6" t="s">
        <v>36759</v>
      </c>
      <c r="B37017" s="6"/>
      <c r="C37017" s="6" t="s">
        <v>32230</v>
      </c>
      <c r="D37017" s="6"/>
      <c r="E37017" s="6" t="s">
        <v>9</v>
      </c>
      <c r="F37017" s="7">
        <v>29676</v>
      </c>
      <c r="G37017" s="8">
        <v>8046000</v>
      </c>
      <c r="H37017" s="8">
        <v>1609200</v>
      </c>
      <c r="I37017" s="8">
        <v>6597720</v>
      </c>
      <c r="J37017" s="8">
        <v>1448280</v>
      </c>
      <c r="K37017" s="9"/>
      <c r="L37017" s="6"/>
    </row>
    <row r="37018" spans="1:12">
      <c r="A37018" s="6" t="s">
        <v>36760</v>
      </c>
      <c r="B37018" s="6"/>
      <c r="C37018" s="6" t="s">
        <v>32230</v>
      </c>
      <c r="D37018" s="6"/>
      <c r="E37018" s="6" t="s">
        <v>9</v>
      </c>
      <c r="F37018" s="7">
        <v>31800</v>
      </c>
      <c r="G37018" s="8">
        <v>7047000</v>
      </c>
      <c r="H37018" s="8">
        <v>2255040</v>
      </c>
      <c r="I37018" s="8">
        <v>4932900</v>
      </c>
      <c r="J37018" s="8">
        <v>2114100</v>
      </c>
      <c r="K37018" s="9"/>
      <c r="L37018" s="6"/>
    </row>
    <row r="37019" spans="1:12">
      <c r="A37019" s="6" t="s">
        <v>36761</v>
      </c>
      <c r="B37019" s="6"/>
      <c r="C37019" s="6" t="s">
        <v>32230</v>
      </c>
      <c r="D37019" s="6"/>
      <c r="E37019" s="6" t="s">
        <v>9</v>
      </c>
      <c r="F37019" s="7">
        <v>27849</v>
      </c>
      <c r="G37019" s="8">
        <v>1</v>
      </c>
      <c r="H37019" s="8">
        <v>1</v>
      </c>
      <c r="I37019" s="8">
        <v>0</v>
      </c>
      <c r="J37019" s="8">
        <v>1</v>
      </c>
      <c r="K37019" s="9"/>
      <c r="L37019" s="6"/>
    </row>
    <row r="37020" spans="1:12">
      <c r="A37020" s="6" t="s">
        <v>36762</v>
      </c>
      <c r="B37020" s="6"/>
      <c r="C37020" s="6" t="s">
        <v>32230</v>
      </c>
      <c r="D37020" s="6"/>
      <c r="E37020" s="6" t="s">
        <v>9</v>
      </c>
      <c r="F37020" s="7">
        <v>26022</v>
      </c>
      <c r="G37020" s="8">
        <v>4266000</v>
      </c>
      <c r="H37020" s="8">
        <v>1</v>
      </c>
      <c r="I37020" s="8">
        <v>4265999</v>
      </c>
      <c r="J37020" s="8">
        <v>1</v>
      </c>
      <c r="K37020" s="9"/>
      <c r="L37020" s="6"/>
    </row>
    <row r="37021" spans="1:12">
      <c r="A37021" s="6" t="s">
        <v>36763</v>
      </c>
      <c r="B37021" s="6"/>
      <c r="C37021" s="6" t="s">
        <v>32230</v>
      </c>
      <c r="D37021" s="6"/>
      <c r="E37021" s="6" t="s">
        <v>9</v>
      </c>
      <c r="F37021" s="7">
        <v>27483</v>
      </c>
      <c r="G37021" s="8">
        <v>891000</v>
      </c>
      <c r="H37021" s="8">
        <v>71280</v>
      </c>
      <c r="I37021" s="8">
        <v>837540</v>
      </c>
      <c r="J37021" s="8">
        <v>53460</v>
      </c>
      <c r="K37021" s="9"/>
      <c r="L37021" s="6"/>
    </row>
    <row r="37022" spans="1:12">
      <c r="A37022" s="6" t="s">
        <v>36764</v>
      </c>
      <c r="B37022" s="6"/>
      <c r="C37022" s="6" t="s">
        <v>32230</v>
      </c>
      <c r="D37022" s="6"/>
      <c r="E37022" s="6" t="s">
        <v>9</v>
      </c>
      <c r="F37022" s="7">
        <v>26012</v>
      </c>
      <c r="G37022" s="8">
        <v>459000</v>
      </c>
      <c r="H37022" s="8">
        <v>1</v>
      </c>
      <c r="I37022" s="8">
        <v>458999</v>
      </c>
      <c r="J37022" s="8">
        <v>1</v>
      </c>
      <c r="K37022" s="9"/>
      <c r="L37022" s="6"/>
    </row>
    <row r="37023" spans="1:12">
      <c r="A37023" s="6" t="s">
        <v>36765</v>
      </c>
      <c r="B37023" s="6"/>
      <c r="C37023" s="6" t="s">
        <v>32230</v>
      </c>
      <c r="D37023" s="6"/>
      <c r="E37023" s="6" t="s">
        <v>9</v>
      </c>
      <c r="F37023" s="7">
        <v>27483</v>
      </c>
      <c r="G37023" s="8">
        <v>108000</v>
      </c>
      <c r="H37023" s="8">
        <v>8640</v>
      </c>
      <c r="I37023" s="8">
        <v>101520</v>
      </c>
      <c r="J37023" s="8">
        <v>6480</v>
      </c>
      <c r="K37023" s="9"/>
      <c r="L37023" s="6"/>
    </row>
    <row r="37024" spans="1:12">
      <c r="A37024" s="6" t="s">
        <v>36766</v>
      </c>
      <c r="B37024" s="6"/>
      <c r="C37024" s="6" t="s">
        <v>32230</v>
      </c>
      <c r="D37024" s="6"/>
      <c r="E37024" s="6" t="s">
        <v>9</v>
      </c>
      <c r="F37024" s="7">
        <v>29310</v>
      </c>
      <c r="G37024" s="8">
        <v>8613000</v>
      </c>
      <c r="H37024" s="8">
        <v>1550340</v>
      </c>
      <c r="I37024" s="8">
        <v>7234920</v>
      </c>
      <c r="J37024" s="8">
        <v>1378080</v>
      </c>
      <c r="K37024" s="9"/>
      <c r="L37024" s="6"/>
    </row>
    <row r="37025" spans="1:12">
      <c r="A37025" s="6" t="s">
        <v>36767</v>
      </c>
      <c r="B37025" s="6"/>
      <c r="C37025" s="6" t="s">
        <v>32230</v>
      </c>
      <c r="D37025" s="6"/>
      <c r="E37025" s="6" t="s">
        <v>9</v>
      </c>
      <c r="F37025" s="7">
        <v>28934</v>
      </c>
      <c r="G37025" s="8">
        <v>9126000</v>
      </c>
      <c r="H37025" s="8">
        <v>1460160</v>
      </c>
      <c r="I37025" s="8">
        <v>7848360</v>
      </c>
      <c r="J37025" s="8">
        <v>1277640</v>
      </c>
      <c r="K37025" s="9"/>
      <c r="L37025" s="6"/>
    </row>
    <row r="37026" spans="1:12">
      <c r="A37026" s="6" t="s">
        <v>35838</v>
      </c>
      <c r="B37026" s="6"/>
      <c r="C37026" s="6" t="s">
        <v>32230</v>
      </c>
      <c r="D37026" s="6"/>
      <c r="E37026" s="6" t="s">
        <v>9</v>
      </c>
      <c r="F37026" s="7">
        <v>27473</v>
      </c>
      <c r="G37026" s="8">
        <v>324000</v>
      </c>
      <c r="H37026" s="8">
        <v>25920</v>
      </c>
      <c r="I37026" s="8">
        <v>304560</v>
      </c>
      <c r="J37026" s="8">
        <v>19440</v>
      </c>
      <c r="K37026" s="9"/>
      <c r="L37026" s="6"/>
    </row>
    <row r="37027" spans="1:12">
      <c r="A37027" s="6" t="s">
        <v>36768</v>
      </c>
      <c r="B37027" s="6"/>
      <c r="C37027" s="6" t="s">
        <v>32230</v>
      </c>
      <c r="D37027" s="6"/>
      <c r="E37027" s="6" t="s">
        <v>9</v>
      </c>
      <c r="F37027" s="7">
        <v>33673</v>
      </c>
      <c r="G37027" s="8">
        <v>81000</v>
      </c>
      <c r="H37027" s="8">
        <v>34020</v>
      </c>
      <c r="I37027" s="8">
        <v>48600</v>
      </c>
      <c r="J37027" s="8">
        <v>32400</v>
      </c>
      <c r="K37027" s="9"/>
      <c r="L37027" s="6"/>
    </row>
    <row r="37028" spans="1:12">
      <c r="A37028" s="6" t="s">
        <v>36769</v>
      </c>
      <c r="B37028" s="6"/>
      <c r="C37028" s="6" t="s">
        <v>32230</v>
      </c>
      <c r="D37028" s="6"/>
      <c r="E37028" s="6" t="s">
        <v>9</v>
      </c>
      <c r="F37028" s="7">
        <v>23821</v>
      </c>
      <c r="G37028" s="8">
        <v>567000</v>
      </c>
      <c r="H37028" s="8">
        <v>1</v>
      </c>
      <c r="I37028" s="8">
        <v>566999</v>
      </c>
      <c r="J37028" s="8">
        <v>1</v>
      </c>
      <c r="K37028" s="9"/>
      <c r="L37028" s="6"/>
    </row>
    <row r="37029" spans="1:12">
      <c r="A37029" s="6" t="s">
        <v>36770</v>
      </c>
      <c r="B37029" s="6"/>
      <c r="C37029" s="6" t="s">
        <v>32230</v>
      </c>
      <c r="D37029" s="6"/>
      <c r="E37029" s="6" t="s">
        <v>9</v>
      </c>
      <c r="F37029" s="7">
        <v>32942</v>
      </c>
      <c r="G37029" s="8">
        <v>18306000</v>
      </c>
      <c r="H37029" s="8">
        <v>6956280</v>
      </c>
      <c r="I37029" s="8">
        <v>11715840</v>
      </c>
      <c r="J37029" s="8">
        <v>6590160</v>
      </c>
      <c r="K37029" s="9"/>
      <c r="L37029" s="6"/>
    </row>
    <row r="37030" spans="1:12">
      <c r="A37030" s="6" t="s">
        <v>35989</v>
      </c>
      <c r="B37030" s="6"/>
      <c r="C37030" s="6" t="s">
        <v>32230</v>
      </c>
      <c r="D37030" s="6"/>
      <c r="E37030" s="6" t="s">
        <v>9</v>
      </c>
      <c r="F37030" s="7">
        <v>31259</v>
      </c>
      <c r="G37030" s="8">
        <v>50706000</v>
      </c>
      <c r="H37030" s="8">
        <v>15211800</v>
      </c>
      <c r="I37030" s="8">
        <v>36508320</v>
      </c>
      <c r="J37030" s="8">
        <v>14197680</v>
      </c>
      <c r="K37030" s="9"/>
      <c r="L37030" s="6"/>
    </row>
    <row r="37031" spans="1:12">
      <c r="A37031" s="6" t="s">
        <v>36771</v>
      </c>
      <c r="B37031" s="6"/>
      <c r="C37031" s="6" t="s">
        <v>32230</v>
      </c>
      <c r="D37031" s="6"/>
      <c r="E37031" s="6" t="s">
        <v>9</v>
      </c>
      <c r="F37031" s="7">
        <v>32577</v>
      </c>
      <c r="G37031" s="8">
        <v>10746000</v>
      </c>
      <c r="H37031" s="8">
        <v>3868560</v>
      </c>
      <c r="I37031" s="8">
        <v>7092360</v>
      </c>
      <c r="J37031" s="8">
        <v>3653640</v>
      </c>
      <c r="K37031" s="9"/>
      <c r="L37031" s="6"/>
    </row>
    <row r="37032" spans="1:12">
      <c r="A37032" s="6" t="s">
        <v>36772</v>
      </c>
      <c r="B37032" s="6"/>
      <c r="C37032" s="6" t="s">
        <v>32230</v>
      </c>
      <c r="D37032" s="6"/>
      <c r="E37032" s="6" t="s">
        <v>9</v>
      </c>
      <c r="F37032" s="7">
        <v>32577</v>
      </c>
      <c r="G37032" s="8">
        <v>13419000</v>
      </c>
      <c r="H37032" s="8">
        <v>4830840</v>
      </c>
      <c r="I37032" s="8">
        <v>8856540</v>
      </c>
      <c r="J37032" s="8">
        <v>4562460</v>
      </c>
      <c r="K37032" s="9"/>
      <c r="L37032" s="6"/>
    </row>
    <row r="37033" spans="1:12">
      <c r="A37033" s="6" t="s">
        <v>36773</v>
      </c>
      <c r="B37033" s="6"/>
      <c r="C37033" s="6" t="s">
        <v>32230</v>
      </c>
      <c r="D37033" s="6"/>
      <c r="E37033" s="6" t="s">
        <v>9</v>
      </c>
      <c r="F37033" s="7">
        <v>32577</v>
      </c>
      <c r="G37033" s="8">
        <v>1890000</v>
      </c>
      <c r="H37033" s="8">
        <v>680400</v>
      </c>
      <c r="I37033" s="8">
        <v>1247400</v>
      </c>
      <c r="J37033" s="8">
        <v>642600</v>
      </c>
      <c r="K37033" s="9"/>
      <c r="L37033" s="6"/>
    </row>
    <row r="37034" spans="1:12">
      <c r="A37034" s="6" t="s">
        <v>36774</v>
      </c>
      <c r="B37034" s="6"/>
      <c r="C37034" s="6" t="s">
        <v>32230</v>
      </c>
      <c r="D37034" s="6"/>
      <c r="E37034" s="6" t="s">
        <v>9</v>
      </c>
      <c r="F37034" s="7">
        <v>32577</v>
      </c>
      <c r="G37034" s="8">
        <v>1</v>
      </c>
      <c r="H37034" s="8">
        <v>1</v>
      </c>
      <c r="I37034" s="8">
        <v>0</v>
      </c>
      <c r="J37034" s="8">
        <v>1</v>
      </c>
      <c r="K37034" s="9"/>
      <c r="L37034" s="6"/>
    </row>
    <row r="37035" spans="1:12">
      <c r="A37035" s="6" t="s">
        <v>36775</v>
      </c>
      <c r="B37035" s="6"/>
      <c r="C37035" s="6" t="s">
        <v>32230</v>
      </c>
      <c r="D37035" s="6"/>
      <c r="E37035" s="6" t="s">
        <v>9</v>
      </c>
      <c r="F37035" s="7">
        <v>30020</v>
      </c>
      <c r="G37035" s="8">
        <v>12420000</v>
      </c>
      <c r="H37035" s="8">
        <v>2732400</v>
      </c>
      <c r="I37035" s="8">
        <v>9936000</v>
      </c>
      <c r="J37035" s="8">
        <v>2484000</v>
      </c>
      <c r="K37035" s="9"/>
      <c r="L37035" s="6"/>
    </row>
    <row r="37036" spans="1:12">
      <c r="A37036" s="6" t="s">
        <v>36776</v>
      </c>
      <c r="B37036" s="6"/>
      <c r="C37036" s="6" t="s">
        <v>32230</v>
      </c>
      <c r="D37036" s="6"/>
      <c r="E37036" s="6" t="s">
        <v>9</v>
      </c>
      <c r="F37036" s="7">
        <v>30385</v>
      </c>
      <c r="G37036" s="8">
        <v>9504000</v>
      </c>
      <c r="H37036" s="8">
        <v>2280960</v>
      </c>
      <c r="I37036" s="8">
        <v>7413120</v>
      </c>
      <c r="J37036" s="8">
        <v>2090880</v>
      </c>
      <c r="K37036" s="9"/>
      <c r="L37036" s="6"/>
    </row>
    <row r="37037" spans="1:12">
      <c r="A37037" s="6" t="s">
        <v>36068</v>
      </c>
      <c r="B37037" s="6"/>
      <c r="C37037" s="6" t="s">
        <v>32230</v>
      </c>
      <c r="D37037" s="6"/>
      <c r="E37037" s="6" t="s">
        <v>9</v>
      </c>
      <c r="F37037" s="7">
        <v>33321</v>
      </c>
      <c r="G37037" s="8">
        <v>10530000</v>
      </c>
      <c r="H37037" s="8">
        <v>4212000</v>
      </c>
      <c r="I37037" s="8">
        <v>6528600</v>
      </c>
      <c r="J37037" s="8">
        <v>4001400</v>
      </c>
      <c r="K37037" s="9"/>
      <c r="L37037" s="6"/>
    </row>
    <row r="37038" spans="1:12">
      <c r="A37038" s="6" t="s">
        <v>36777</v>
      </c>
      <c r="B37038" s="6"/>
      <c r="C37038" s="6" t="s">
        <v>32230</v>
      </c>
      <c r="D37038" s="6"/>
      <c r="E37038" s="6" t="s">
        <v>9</v>
      </c>
      <c r="F37038" s="7">
        <v>29655</v>
      </c>
      <c r="G37038" s="8">
        <v>6048000</v>
      </c>
      <c r="H37038" s="8">
        <v>1209600</v>
      </c>
      <c r="I37038" s="8">
        <v>4959360</v>
      </c>
      <c r="J37038" s="8">
        <v>1088640</v>
      </c>
      <c r="K37038" s="9"/>
      <c r="L37038" s="6"/>
    </row>
    <row r="37039" spans="1:12">
      <c r="A37039" s="6" t="s">
        <v>36055</v>
      </c>
      <c r="B37039" s="6"/>
      <c r="C37039" s="6" t="s">
        <v>32230</v>
      </c>
      <c r="D37039" s="6"/>
      <c r="E37039" s="6" t="s">
        <v>9</v>
      </c>
      <c r="F37039" s="7">
        <v>32227</v>
      </c>
      <c r="G37039" s="8">
        <v>2970000</v>
      </c>
      <c r="H37039" s="8">
        <v>1009800</v>
      </c>
      <c r="I37039" s="8">
        <v>2019600</v>
      </c>
      <c r="J37039" s="8">
        <v>950400</v>
      </c>
      <c r="K37039" s="9"/>
      <c r="L37039" s="6"/>
    </row>
    <row r="37040" spans="1:12">
      <c r="A37040" s="6" t="s">
        <v>36778</v>
      </c>
      <c r="B37040" s="6"/>
      <c r="C37040" s="6" t="s">
        <v>32230</v>
      </c>
      <c r="D37040" s="6"/>
      <c r="E37040" s="6" t="s">
        <v>9</v>
      </c>
      <c r="F37040" s="7">
        <v>32577</v>
      </c>
      <c r="G37040" s="8">
        <v>3699000</v>
      </c>
      <c r="H37040" s="8">
        <v>1331640</v>
      </c>
      <c r="I37040" s="8">
        <v>2441340</v>
      </c>
      <c r="J37040" s="8">
        <v>1257660</v>
      </c>
      <c r="K37040" s="9"/>
      <c r="L37040" s="6"/>
    </row>
    <row r="37041" spans="1:12">
      <c r="A37041" s="6" t="s">
        <v>36779</v>
      </c>
      <c r="B37041" s="6"/>
      <c r="C37041" s="6" t="s">
        <v>32230</v>
      </c>
      <c r="D37041" s="6"/>
      <c r="E37041" s="6" t="s">
        <v>9</v>
      </c>
      <c r="F37041" s="7">
        <v>29655</v>
      </c>
      <c r="G37041" s="8">
        <v>9207000</v>
      </c>
      <c r="H37041" s="8">
        <v>1841400</v>
      </c>
      <c r="I37041" s="8">
        <v>7549740</v>
      </c>
      <c r="J37041" s="8">
        <v>1657260</v>
      </c>
      <c r="K37041" s="9"/>
      <c r="L37041" s="6"/>
    </row>
    <row r="37042" spans="1:12">
      <c r="A37042" s="6" t="s">
        <v>36130</v>
      </c>
      <c r="B37042" s="6"/>
      <c r="C37042" s="6" t="s">
        <v>32230</v>
      </c>
      <c r="D37042" s="6"/>
      <c r="E37042" s="6" t="s">
        <v>9</v>
      </c>
      <c r="F37042" s="7">
        <v>30395</v>
      </c>
      <c r="G37042" s="8">
        <v>4563000</v>
      </c>
      <c r="H37042" s="8">
        <v>1095120</v>
      </c>
      <c r="I37042" s="8">
        <v>3559140</v>
      </c>
      <c r="J37042" s="8">
        <v>1003860</v>
      </c>
      <c r="K37042" s="9"/>
      <c r="L37042" s="6"/>
    </row>
    <row r="37043" spans="1:12">
      <c r="A37043" s="6" t="s">
        <v>35937</v>
      </c>
      <c r="B37043" s="6"/>
      <c r="C37043" s="6" t="s">
        <v>32230</v>
      </c>
      <c r="D37043" s="6"/>
      <c r="E37043" s="6" t="s">
        <v>9</v>
      </c>
      <c r="F37043" s="7">
        <v>29290</v>
      </c>
      <c r="G37043" s="8">
        <v>3726000</v>
      </c>
      <c r="H37043" s="8">
        <v>670680</v>
      </c>
      <c r="I37043" s="8">
        <v>3129840</v>
      </c>
      <c r="J37043" s="8">
        <v>596160</v>
      </c>
      <c r="K37043" s="9"/>
      <c r="L37043" s="6"/>
    </row>
    <row r="37044" spans="1:12">
      <c r="A37044" s="6" t="s">
        <v>36780</v>
      </c>
      <c r="B37044" s="6"/>
      <c r="C37044" s="6" t="s">
        <v>32230</v>
      </c>
      <c r="D37044" s="6"/>
      <c r="E37044" s="6" t="s">
        <v>9</v>
      </c>
      <c r="F37044" s="7">
        <v>-1</v>
      </c>
      <c r="G37044" s="8">
        <v>2025000</v>
      </c>
      <c r="H37044" s="8">
        <v>1</v>
      </c>
      <c r="I37044" s="8">
        <v>2024999</v>
      </c>
      <c r="J37044" s="8">
        <v>1</v>
      </c>
      <c r="K37044" s="9"/>
      <c r="L37044" s="6"/>
    </row>
    <row r="37045" spans="1:12">
      <c r="A37045" s="6" t="s">
        <v>36781</v>
      </c>
      <c r="B37045" s="6"/>
      <c r="C37045" s="6" t="s">
        <v>32230</v>
      </c>
      <c r="D37045" s="6"/>
      <c r="E37045" s="6" t="s">
        <v>9</v>
      </c>
      <c r="F37045" s="7">
        <v>-1</v>
      </c>
      <c r="G37045" s="8">
        <v>5670000</v>
      </c>
      <c r="H37045" s="8">
        <v>1</v>
      </c>
      <c r="I37045" s="8">
        <v>5669999</v>
      </c>
      <c r="J37045" s="8">
        <v>1</v>
      </c>
      <c r="K37045" s="9"/>
      <c r="L37045" s="6"/>
    </row>
    <row r="37046" spans="1:12">
      <c r="A37046" s="6" t="s">
        <v>36184</v>
      </c>
      <c r="B37046" s="6"/>
      <c r="C37046" s="6" t="s">
        <v>32230</v>
      </c>
      <c r="D37046" s="6"/>
      <c r="E37046" s="6" t="s">
        <v>9</v>
      </c>
      <c r="F37046" s="7">
        <v>-1</v>
      </c>
      <c r="G37046" s="8">
        <v>19467000</v>
      </c>
      <c r="H37046" s="8">
        <v>1</v>
      </c>
      <c r="I37046" s="8">
        <v>19466999</v>
      </c>
      <c r="J37046" s="8">
        <v>1</v>
      </c>
      <c r="K37046" s="9"/>
      <c r="L37046" s="6"/>
    </row>
    <row r="37047" spans="1:12">
      <c r="A37047" s="6" t="s">
        <v>36243</v>
      </c>
      <c r="B37047" s="6"/>
      <c r="C37047" s="6" t="s">
        <v>32230</v>
      </c>
      <c r="D37047" s="6"/>
      <c r="E37047" s="6" t="s">
        <v>9</v>
      </c>
      <c r="F37047" s="7">
        <v>-1</v>
      </c>
      <c r="G37047" s="8">
        <v>459000</v>
      </c>
      <c r="H37047" s="8">
        <v>1</v>
      </c>
      <c r="I37047" s="8">
        <v>458999</v>
      </c>
      <c r="J37047" s="8">
        <v>1</v>
      </c>
      <c r="K37047" s="9"/>
      <c r="L37047" s="6"/>
    </row>
    <row r="37048" spans="1:12">
      <c r="A37048" s="6" t="s">
        <v>36244</v>
      </c>
      <c r="B37048" s="6"/>
      <c r="C37048" s="6" t="s">
        <v>32230</v>
      </c>
      <c r="D37048" s="6"/>
      <c r="E37048" s="6" t="s">
        <v>9</v>
      </c>
      <c r="F37048" s="7">
        <v>-1</v>
      </c>
      <c r="G37048" s="8">
        <v>1350000</v>
      </c>
      <c r="H37048" s="8">
        <v>1</v>
      </c>
      <c r="I37048" s="8">
        <v>1349999</v>
      </c>
      <c r="J37048" s="8">
        <v>1</v>
      </c>
      <c r="K37048" s="9"/>
      <c r="L37048" s="6"/>
    </row>
    <row r="37049" spans="1:12">
      <c r="A37049" s="6" t="s">
        <v>36245</v>
      </c>
      <c r="B37049" s="6"/>
      <c r="C37049" s="6" t="s">
        <v>32230</v>
      </c>
      <c r="D37049" s="6"/>
      <c r="E37049" s="6" t="s">
        <v>9</v>
      </c>
      <c r="F37049" s="7">
        <v>-1</v>
      </c>
      <c r="G37049" s="8">
        <v>51354000</v>
      </c>
      <c r="H37049" s="8">
        <v>1</v>
      </c>
      <c r="I37049" s="8">
        <v>51353999</v>
      </c>
      <c r="J37049" s="8">
        <v>1</v>
      </c>
      <c r="K37049" s="9"/>
      <c r="L37049" s="6"/>
    </row>
    <row r="37050" spans="1:12">
      <c r="A37050" s="6" t="s">
        <v>36247</v>
      </c>
      <c r="B37050" s="6"/>
      <c r="C37050" s="6" t="s">
        <v>32230</v>
      </c>
      <c r="D37050" s="6"/>
      <c r="E37050" s="6" t="s">
        <v>9</v>
      </c>
      <c r="F37050" s="7">
        <v>-1</v>
      </c>
      <c r="G37050" s="8">
        <v>135000</v>
      </c>
      <c r="H37050" s="8">
        <v>1</v>
      </c>
      <c r="I37050" s="8">
        <v>134999</v>
      </c>
      <c r="J37050" s="8">
        <v>1</v>
      </c>
      <c r="K37050" s="9"/>
      <c r="L37050" s="6"/>
    </row>
    <row r="37051" spans="1:12">
      <c r="A37051" s="6" t="s">
        <v>36186</v>
      </c>
      <c r="B37051" s="6"/>
      <c r="C37051" s="6" t="s">
        <v>32230</v>
      </c>
      <c r="D37051" s="6"/>
      <c r="E37051" s="6" t="s">
        <v>9</v>
      </c>
      <c r="F37051" s="7">
        <v>-1</v>
      </c>
      <c r="G37051" s="8">
        <v>5832000</v>
      </c>
      <c r="H37051" s="8">
        <v>1</v>
      </c>
      <c r="I37051" s="8">
        <v>5831999</v>
      </c>
      <c r="J37051" s="8">
        <v>1</v>
      </c>
      <c r="K37051" s="9"/>
      <c r="L37051" s="6"/>
    </row>
    <row r="37052" spans="1:12">
      <c r="A37052" s="6" t="s">
        <v>36188</v>
      </c>
      <c r="B37052" s="6"/>
      <c r="C37052" s="6" t="s">
        <v>32230</v>
      </c>
      <c r="D37052" s="6"/>
      <c r="E37052" s="6" t="s">
        <v>9</v>
      </c>
      <c r="F37052" s="7">
        <v>-1</v>
      </c>
      <c r="G37052" s="8">
        <v>1</v>
      </c>
      <c r="H37052" s="8">
        <v>1</v>
      </c>
      <c r="I37052" s="8">
        <v>0</v>
      </c>
      <c r="J37052" s="8">
        <v>1</v>
      </c>
      <c r="K37052" s="9"/>
      <c r="L37052" s="6"/>
    </row>
    <row r="37053" spans="1:12">
      <c r="A37053" s="6" t="s">
        <v>36189</v>
      </c>
      <c r="B37053" s="6"/>
      <c r="C37053" s="6" t="s">
        <v>32230</v>
      </c>
      <c r="D37053" s="6"/>
      <c r="E37053" s="6" t="s">
        <v>9</v>
      </c>
      <c r="F37053" s="7">
        <v>-1</v>
      </c>
      <c r="G37053" s="8">
        <v>1242000</v>
      </c>
      <c r="H37053" s="8">
        <v>1</v>
      </c>
      <c r="I37053" s="8">
        <v>1241999</v>
      </c>
      <c r="J37053" s="8">
        <v>1</v>
      </c>
      <c r="K37053" s="9"/>
      <c r="L37053" s="6"/>
    </row>
    <row r="37054" spans="1:12">
      <c r="A37054" s="6" t="s">
        <v>36190</v>
      </c>
      <c r="B37054" s="6"/>
      <c r="C37054" s="6" t="s">
        <v>32230</v>
      </c>
      <c r="D37054" s="6"/>
      <c r="E37054" s="6" t="s">
        <v>9</v>
      </c>
      <c r="F37054" s="7">
        <v>-1</v>
      </c>
      <c r="G37054" s="8">
        <v>10071000</v>
      </c>
      <c r="H37054" s="8">
        <v>1</v>
      </c>
      <c r="I37054" s="8">
        <v>10070999</v>
      </c>
      <c r="J37054" s="8">
        <v>1</v>
      </c>
      <c r="K37054" s="9"/>
      <c r="L37054" s="6"/>
    </row>
    <row r="37055" spans="1:12">
      <c r="A37055" s="6" t="s">
        <v>36254</v>
      </c>
      <c r="B37055" s="6"/>
      <c r="C37055" s="6" t="s">
        <v>32230</v>
      </c>
      <c r="D37055" s="6"/>
      <c r="E37055" s="6" t="s">
        <v>9</v>
      </c>
      <c r="F37055" s="7">
        <v>-1</v>
      </c>
      <c r="G37055" s="8">
        <v>1</v>
      </c>
      <c r="H37055" s="8">
        <v>1</v>
      </c>
      <c r="I37055" s="8">
        <v>0</v>
      </c>
      <c r="J37055" s="8">
        <v>1</v>
      </c>
      <c r="K37055" s="9"/>
      <c r="L37055" s="6"/>
    </row>
    <row r="37056" spans="1:12">
      <c r="A37056" s="6" t="s">
        <v>36255</v>
      </c>
      <c r="B37056" s="6"/>
      <c r="C37056" s="6" t="s">
        <v>32230</v>
      </c>
      <c r="D37056" s="6"/>
      <c r="E37056" s="6" t="s">
        <v>9</v>
      </c>
      <c r="F37056" s="7">
        <v>-1</v>
      </c>
      <c r="G37056" s="8">
        <v>1</v>
      </c>
      <c r="H37056" s="8">
        <v>1</v>
      </c>
      <c r="I37056" s="8">
        <v>0</v>
      </c>
      <c r="J37056" s="8">
        <v>1</v>
      </c>
      <c r="K37056" s="9"/>
      <c r="L37056" s="6"/>
    </row>
    <row r="37057" spans="1:12">
      <c r="A37057" s="6" t="s">
        <v>36336</v>
      </c>
      <c r="B37057" s="6"/>
      <c r="C37057" s="6" t="s">
        <v>32230</v>
      </c>
      <c r="D37057" s="6"/>
      <c r="E37057" s="6" t="s">
        <v>9</v>
      </c>
      <c r="F37057" s="7">
        <v>-1</v>
      </c>
      <c r="G37057" s="8">
        <v>1</v>
      </c>
      <c r="H37057" s="8">
        <v>1</v>
      </c>
      <c r="I37057" s="8">
        <v>0</v>
      </c>
      <c r="J37057" s="8">
        <v>1</v>
      </c>
      <c r="K37057" s="9"/>
      <c r="L37057" s="6"/>
    </row>
    <row r="37058" spans="1:12">
      <c r="A37058" s="6" t="s">
        <v>36337</v>
      </c>
      <c r="B37058" s="6"/>
      <c r="C37058" s="6" t="s">
        <v>32230</v>
      </c>
      <c r="D37058" s="6"/>
      <c r="E37058" s="6" t="s">
        <v>9</v>
      </c>
      <c r="F37058" s="7">
        <v>-1</v>
      </c>
      <c r="G37058" s="8">
        <v>1</v>
      </c>
      <c r="H37058" s="8">
        <v>1</v>
      </c>
      <c r="I37058" s="8">
        <v>0</v>
      </c>
      <c r="J37058" s="8">
        <v>1</v>
      </c>
      <c r="K37058" s="9"/>
      <c r="L37058" s="6"/>
    </row>
    <row r="37059" spans="1:12">
      <c r="A37059" s="6" t="s">
        <v>36165</v>
      </c>
      <c r="B37059" s="6"/>
      <c r="C37059" s="6" t="s">
        <v>32230</v>
      </c>
      <c r="D37059" s="6"/>
      <c r="E37059" s="6" t="s">
        <v>9</v>
      </c>
      <c r="F37059" s="7">
        <v>-1</v>
      </c>
      <c r="G37059" s="8">
        <v>108000</v>
      </c>
      <c r="H37059" s="8">
        <v>1</v>
      </c>
      <c r="I37059" s="8">
        <v>107999</v>
      </c>
      <c r="J37059" s="8">
        <v>1</v>
      </c>
      <c r="K37059" s="9"/>
      <c r="L37059" s="6"/>
    </row>
    <row r="37060" spans="1:12">
      <c r="A37060" s="6" t="s">
        <v>36205</v>
      </c>
      <c r="B37060" s="6"/>
      <c r="C37060" s="6" t="s">
        <v>32230</v>
      </c>
      <c r="D37060" s="6"/>
      <c r="E37060" s="6" t="s">
        <v>9</v>
      </c>
      <c r="F37060" s="7">
        <v>-1</v>
      </c>
      <c r="G37060" s="8">
        <v>1</v>
      </c>
      <c r="H37060" s="8">
        <v>1</v>
      </c>
      <c r="I37060" s="8">
        <v>0</v>
      </c>
      <c r="J37060" s="8">
        <v>1</v>
      </c>
      <c r="K37060" s="9"/>
      <c r="L37060" s="6"/>
    </row>
    <row r="37061" spans="1:12">
      <c r="A37061" s="6" t="s">
        <v>36346</v>
      </c>
      <c r="B37061" s="6"/>
      <c r="C37061" s="6" t="s">
        <v>32230</v>
      </c>
      <c r="D37061" s="6"/>
      <c r="E37061" s="6" t="s">
        <v>9</v>
      </c>
      <c r="F37061" s="7">
        <v>-1</v>
      </c>
      <c r="G37061" s="8">
        <v>162000</v>
      </c>
      <c r="H37061" s="8">
        <v>1</v>
      </c>
      <c r="I37061" s="8">
        <v>161999</v>
      </c>
      <c r="J37061" s="8">
        <v>1</v>
      </c>
      <c r="K37061" s="9"/>
      <c r="L37061" s="6"/>
    </row>
    <row r="37062" spans="1:12">
      <c r="A37062" s="6" t="s">
        <v>36782</v>
      </c>
      <c r="B37062" s="6"/>
      <c r="C37062" s="6" t="s">
        <v>32230</v>
      </c>
      <c r="D37062" s="6"/>
      <c r="E37062" s="6" t="s">
        <v>9</v>
      </c>
      <c r="F37062" s="7">
        <v>-1</v>
      </c>
      <c r="G37062" s="8">
        <v>1</v>
      </c>
      <c r="H37062" s="8">
        <v>1</v>
      </c>
      <c r="I37062" s="8">
        <v>0</v>
      </c>
      <c r="J37062" s="8">
        <v>1</v>
      </c>
      <c r="K37062" s="9"/>
      <c r="L37062" s="6"/>
    </row>
    <row r="37063" spans="1:12">
      <c r="A37063" s="6" t="s">
        <v>36352</v>
      </c>
      <c r="B37063" s="6"/>
      <c r="C37063" s="6" t="s">
        <v>32230</v>
      </c>
      <c r="D37063" s="6"/>
      <c r="E37063" s="6" t="s">
        <v>9</v>
      </c>
      <c r="F37063" s="7">
        <v>-1</v>
      </c>
      <c r="G37063" s="8">
        <v>1</v>
      </c>
      <c r="H37063" s="8">
        <v>1</v>
      </c>
      <c r="I37063" s="8">
        <v>0</v>
      </c>
      <c r="J37063" s="8">
        <v>1</v>
      </c>
      <c r="K37063" s="9"/>
      <c r="L37063" s="6"/>
    </row>
    <row r="37064" spans="1:12">
      <c r="A37064" s="6" t="s">
        <v>36353</v>
      </c>
      <c r="B37064" s="6"/>
      <c r="C37064" s="6" t="s">
        <v>32230</v>
      </c>
      <c r="D37064" s="6"/>
      <c r="E37064" s="6" t="s">
        <v>9</v>
      </c>
      <c r="F37064" s="7">
        <v>-1</v>
      </c>
      <c r="G37064" s="8">
        <v>1</v>
      </c>
      <c r="H37064" s="8">
        <v>1</v>
      </c>
      <c r="I37064" s="8">
        <v>0</v>
      </c>
      <c r="J37064" s="8">
        <v>1</v>
      </c>
      <c r="K37064" s="9"/>
      <c r="L37064" s="6"/>
    </row>
    <row r="37065" spans="1:12">
      <c r="A37065" s="6" t="s">
        <v>36783</v>
      </c>
      <c r="B37065" s="6"/>
      <c r="C37065" s="6" t="s">
        <v>32230</v>
      </c>
      <c r="D37065" s="6"/>
      <c r="E37065" s="6" t="s">
        <v>9</v>
      </c>
      <c r="F37065" s="7">
        <v>32598</v>
      </c>
      <c r="G37065" s="8">
        <v>8424000</v>
      </c>
      <c r="H37065" s="8">
        <v>3032640</v>
      </c>
      <c r="I37065" s="8">
        <v>5559840</v>
      </c>
      <c r="J37065" s="8">
        <v>2864160</v>
      </c>
      <c r="K37065" s="9"/>
      <c r="L37065" s="6"/>
    </row>
    <row r="37066" spans="1:12">
      <c r="A37066" s="6" t="s">
        <v>36784</v>
      </c>
      <c r="B37066" s="6"/>
      <c r="C37066" s="6" t="s">
        <v>32230</v>
      </c>
      <c r="D37066" s="6"/>
      <c r="E37066" s="6" t="s">
        <v>9</v>
      </c>
      <c r="F37066" s="7">
        <v>30772</v>
      </c>
      <c r="G37066" s="8">
        <v>24165000</v>
      </c>
      <c r="H37066" s="8">
        <v>6282900</v>
      </c>
      <c r="I37066" s="8">
        <v>18365400</v>
      </c>
      <c r="J37066" s="8">
        <v>5799600</v>
      </c>
      <c r="K37066" s="9"/>
      <c r="L37066" s="6"/>
    </row>
    <row r="37067" spans="1:12">
      <c r="A37067" s="6" t="s">
        <v>36785</v>
      </c>
      <c r="B37067" s="6"/>
      <c r="C37067" s="6" t="s">
        <v>32230</v>
      </c>
      <c r="D37067" s="6"/>
      <c r="E37067" s="6" t="s">
        <v>9</v>
      </c>
      <c r="F37067" s="7">
        <v>32963</v>
      </c>
      <c r="G37067" s="8">
        <v>52542000</v>
      </c>
      <c r="H37067" s="8">
        <v>19965960</v>
      </c>
      <c r="I37067" s="8">
        <v>33626880</v>
      </c>
      <c r="J37067" s="8">
        <v>18915120</v>
      </c>
      <c r="K37067" s="9"/>
      <c r="L37067" s="6"/>
    </row>
    <row r="37068" spans="1:12">
      <c r="A37068" s="6" t="s">
        <v>36786</v>
      </c>
      <c r="B37068" s="6"/>
      <c r="C37068" s="6" t="s">
        <v>32230</v>
      </c>
      <c r="D37068" s="6"/>
      <c r="E37068" s="6" t="s">
        <v>9</v>
      </c>
      <c r="F37068" s="7">
        <v>31502</v>
      </c>
      <c r="G37068" s="8">
        <v>17631000</v>
      </c>
      <c r="H37068" s="8">
        <v>5289300</v>
      </c>
      <c r="I37068" s="8">
        <v>12694320</v>
      </c>
      <c r="J37068" s="8">
        <v>4936680</v>
      </c>
      <c r="K37068" s="9"/>
      <c r="L37068" s="6"/>
    </row>
    <row r="37069" spans="1:12">
      <c r="A37069" s="6" t="s">
        <v>36787</v>
      </c>
      <c r="B37069" s="6"/>
      <c r="C37069" s="6" t="s">
        <v>32230</v>
      </c>
      <c r="D37069" s="6"/>
      <c r="E37069" s="6" t="s">
        <v>9</v>
      </c>
      <c r="F37069" s="7">
        <v>29311</v>
      </c>
      <c r="G37069" s="8">
        <v>7695000</v>
      </c>
      <c r="H37069" s="8">
        <v>1385100</v>
      </c>
      <c r="I37069" s="8">
        <v>6463800</v>
      </c>
      <c r="J37069" s="8">
        <v>1231200</v>
      </c>
      <c r="K37069" s="9"/>
      <c r="L37069" s="6"/>
    </row>
    <row r="37070" spans="1:12">
      <c r="A37070" s="6" t="s">
        <v>36788</v>
      </c>
      <c r="B37070" s="6"/>
      <c r="C37070" s="6" t="s">
        <v>32230</v>
      </c>
      <c r="D37070" s="6"/>
      <c r="E37070" s="6" t="s">
        <v>9</v>
      </c>
      <c r="F37070" s="7">
        <v>31137</v>
      </c>
      <c r="G37070" s="8">
        <v>11097000</v>
      </c>
      <c r="H37070" s="8">
        <v>3107160</v>
      </c>
      <c r="I37070" s="8">
        <v>8211780</v>
      </c>
      <c r="J37070" s="8">
        <v>2885220</v>
      </c>
      <c r="K37070" s="9"/>
      <c r="L37070" s="6"/>
    </row>
    <row r="37071" spans="1:12">
      <c r="A37071" s="6" t="s">
        <v>36789</v>
      </c>
      <c r="B37071" s="6"/>
      <c r="C37071" s="6" t="s">
        <v>32230</v>
      </c>
      <c r="D37071" s="6"/>
      <c r="E37071" s="6" t="s">
        <v>9</v>
      </c>
      <c r="F37071" s="7">
        <v>33437</v>
      </c>
      <c r="G37071" s="8">
        <v>297000</v>
      </c>
      <c r="H37071" s="8">
        <v>124740</v>
      </c>
      <c r="I37071" s="8">
        <v>178200</v>
      </c>
      <c r="J37071" s="8">
        <v>118800</v>
      </c>
      <c r="K37071" s="9"/>
      <c r="L37071" s="6"/>
    </row>
    <row r="37072" spans="1:12">
      <c r="A37072" s="6" t="s">
        <v>36790</v>
      </c>
      <c r="B37072" s="6"/>
      <c r="C37072" s="6" t="s">
        <v>32230</v>
      </c>
      <c r="D37072" s="6"/>
      <c r="E37072" s="6" t="s">
        <v>9</v>
      </c>
      <c r="F37072" s="7">
        <v>32598</v>
      </c>
      <c r="G37072" s="8">
        <v>6102000</v>
      </c>
      <c r="H37072" s="8">
        <v>2196720</v>
      </c>
      <c r="I37072" s="8">
        <v>4027320</v>
      </c>
      <c r="J37072" s="8">
        <v>2074680</v>
      </c>
      <c r="K37072" s="9"/>
      <c r="L37072" s="6"/>
    </row>
    <row r="37073" spans="1:12">
      <c r="A37073" s="6" t="s">
        <v>36791</v>
      </c>
      <c r="B37073" s="6"/>
      <c r="C37073" s="6" t="s">
        <v>32230</v>
      </c>
      <c r="D37073" s="6"/>
      <c r="E37073" s="6" t="s">
        <v>9</v>
      </c>
      <c r="F37073" s="7">
        <v>30406</v>
      </c>
      <c r="G37073" s="8">
        <v>8370000</v>
      </c>
      <c r="H37073" s="8">
        <v>2008800</v>
      </c>
      <c r="I37073" s="8">
        <v>6528600</v>
      </c>
      <c r="J37073" s="8">
        <v>1841400</v>
      </c>
      <c r="K37073" s="9"/>
      <c r="L37073" s="6"/>
    </row>
    <row r="37074" spans="1:12">
      <c r="A37074" s="6" t="s">
        <v>36792</v>
      </c>
      <c r="B37074" s="6"/>
      <c r="C37074" s="6" t="s">
        <v>32230</v>
      </c>
      <c r="D37074" s="6"/>
      <c r="E37074" s="6" t="s">
        <v>9</v>
      </c>
      <c r="F37074" s="7">
        <v>30406</v>
      </c>
      <c r="G37074" s="8">
        <v>12555000</v>
      </c>
      <c r="H37074" s="8">
        <v>3013200</v>
      </c>
      <c r="I37074" s="8">
        <v>9792900</v>
      </c>
      <c r="J37074" s="8">
        <v>2762100</v>
      </c>
      <c r="K37074" s="9"/>
      <c r="L37074" s="6"/>
    </row>
    <row r="37075" spans="1:12">
      <c r="A37075" s="6" t="s">
        <v>36793</v>
      </c>
      <c r="B37075" s="6"/>
      <c r="C37075" s="6" t="s">
        <v>32230</v>
      </c>
      <c r="D37075" s="6"/>
      <c r="E37075" s="6" t="s">
        <v>9</v>
      </c>
      <c r="F37075" s="7">
        <v>29311</v>
      </c>
      <c r="G37075" s="8">
        <v>7560000</v>
      </c>
      <c r="H37075" s="8">
        <v>1360800</v>
      </c>
      <c r="I37075" s="8">
        <v>6350400</v>
      </c>
      <c r="J37075" s="8">
        <v>1209600</v>
      </c>
      <c r="K37075" s="9"/>
      <c r="L37075" s="6"/>
    </row>
    <row r="37076" spans="1:12">
      <c r="A37076" s="6" t="s">
        <v>36794</v>
      </c>
      <c r="B37076" s="6"/>
      <c r="C37076" s="6" t="s">
        <v>32230</v>
      </c>
      <c r="D37076" s="6"/>
      <c r="E37076" s="6" t="s">
        <v>9</v>
      </c>
      <c r="F37076" s="7">
        <v>30772</v>
      </c>
      <c r="G37076" s="8">
        <v>7101000</v>
      </c>
      <c r="H37076" s="8">
        <v>1846260</v>
      </c>
      <c r="I37076" s="8">
        <v>5396760</v>
      </c>
      <c r="J37076" s="8">
        <v>1704240</v>
      </c>
      <c r="K37076" s="9"/>
      <c r="L37076" s="6"/>
    </row>
    <row r="37077" spans="1:12">
      <c r="A37077" s="6" t="s">
        <v>36795</v>
      </c>
      <c r="B37077" s="6"/>
      <c r="C37077" s="6" t="s">
        <v>32230</v>
      </c>
      <c r="D37077" s="6"/>
      <c r="E37077" s="6" t="s">
        <v>9</v>
      </c>
      <c r="F37077" s="7">
        <v>31502</v>
      </c>
      <c r="G37077" s="8">
        <v>7560000</v>
      </c>
      <c r="H37077" s="8">
        <v>2268000</v>
      </c>
      <c r="I37077" s="8">
        <v>5443200</v>
      </c>
      <c r="J37077" s="8">
        <v>2116800</v>
      </c>
      <c r="K37077" s="9"/>
      <c r="L37077" s="6"/>
    </row>
    <row r="37078" spans="1:12">
      <c r="A37078" s="6" t="s">
        <v>36796</v>
      </c>
      <c r="B37078" s="6"/>
      <c r="C37078" s="6" t="s">
        <v>32230</v>
      </c>
      <c r="D37078" s="6"/>
      <c r="E37078" s="6" t="s">
        <v>9</v>
      </c>
      <c r="F37078" s="7">
        <v>30772</v>
      </c>
      <c r="G37078" s="8">
        <v>6777000</v>
      </c>
      <c r="H37078" s="8">
        <v>1762020</v>
      </c>
      <c r="I37078" s="8">
        <v>5150520</v>
      </c>
      <c r="J37078" s="8">
        <v>1626480</v>
      </c>
      <c r="K37078" s="9"/>
      <c r="L37078" s="6"/>
    </row>
    <row r="37079" spans="1:12">
      <c r="A37079" s="6" t="s">
        <v>33185</v>
      </c>
      <c r="B37079" s="6"/>
      <c r="C37079" s="6" t="s">
        <v>32230</v>
      </c>
      <c r="D37079" s="6"/>
      <c r="E37079" s="6" t="s">
        <v>9</v>
      </c>
      <c r="F37079" s="7">
        <v>30772</v>
      </c>
      <c r="G37079" s="8">
        <v>48321000</v>
      </c>
      <c r="H37079" s="8">
        <v>17927091</v>
      </c>
      <c r="I37079" s="8">
        <v>31215366</v>
      </c>
      <c r="J37079" s="8">
        <v>17105634</v>
      </c>
      <c r="K37079" s="9"/>
      <c r="L37079" s="6"/>
    </row>
    <row r="37080" spans="1:12">
      <c r="A37080" s="6" t="s">
        <v>36797</v>
      </c>
      <c r="B37080" s="6"/>
      <c r="C37080" s="6" t="s">
        <v>32230</v>
      </c>
      <c r="D37080" s="6"/>
      <c r="E37080" s="6" t="s">
        <v>9</v>
      </c>
      <c r="F37080" s="7">
        <v>32963</v>
      </c>
      <c r="G37080" s="8">
        <v>21033000</v>
      </c>
      <c r="H37080" s="8">
        <v>7992540</v>
      </c>
      <c r="I37080" s="8">
        <v>13461120</v>
      </c>
      <c r="J37080" s="8">
        <v>7571880</v>
      </c>
      <c r="K37080" s="9"/>
      <c r="L37080" s="6"/>
    </row>
    <row r="37081" spans="1:12">
      <c r="A37081" s="6" t="s">
        <v>36798</v>
      </c>
      <c r="B37081" s="6"/>
      <c r="C37081" s="6" t="s">
        <v>32230</v>
      </c>
      <c r="D37081" s="6"/>
      <c r="E37081" s="6" t="s">
        <v>9</v>
      </c>
      <c r="F37081" s="7">
        <v>30772</v>
      </c>
      <c r="G37081" s="8">
        <v>45441000</v>
      </c>
      <c r="H37081" s="8">
        <v>11814660</v>
      </c>
      <c r="I37081" s="8">
        <v>34535160</v>
      </c>
      <c r="J37081" s="8">
        <v>10905840</v>
      </c>
      <c r="K37081" s="9"/>
      <c r="L37081" s="6"/>
    </row>
    <row r="37082" spans="1:12">
      <c r="A37082" s="6" t="s">
        <v>36799</v>
      </c>
      <c r="B37082" s="6"/>
      <c r="C37082" s="6" t="s">
        <v>32230</v>
      </c>
      <c r="D37082" s="6"/>
      <c r="E37082" s="6" t="s">
        <v>9</v>
      </c>
      <c r="F37082" s="7">
        <v>32598</v>
      </c>
      <c r="G37082" s="8">
        <v>7587000</v>
      </c>
      <c r="H37082" s="8">
        <v>2731320</v>
      </c>
      <c r="I37082" s="8">
        <v>5007420</v>
      </c>
      <c r="J37082" s="8">
        <v>2579580</v>
      </c>
      <c r="K37082" s="9"/>
      <c r="L37082" s="6"/>
    </row>
    <row r="37083" spans="1:12">
      <c r="A37083" s="6" t="s">
        <v>36800</v>
      </c>
      <c r="B37083" s="6"/>
      <c r="C37083" s="6" t="s">
        <v>32230</v>
      </c>
      <c r="D37083" s="6"/>
      <c r="E37083" s="6" t="s">
        <v>9</v>
      </c>
      <c r="F37083" s="7">
        <v>32963</v>
      </c>
      <c r="G37083" s="8">
        <v>39474000</v>
      </c>
      <c r="H37083" s="8">
        <v>15000120</v>
      </c>
      <c r="I37083" s="8">
        <v>25263360</v>
      </c>
      <c r="J37083" s="8">
        <v>14210640</v>
      </c>
      <c r="K37083" s="9"/>
      <c r="L37083" s="6"/>
    </row>
    <row r="37084" spans="1:12">
      <c r="A37084" s="6" t="s">
        <v>36801</v>
      </c>
      <c r="B37084" s="6"/>
      <c r="C37084" s="6" t="s">
        <v>32230</v>
      </c>
      <c r="D37084" s="6"/>
      <c r="E37084" s="6" t="s">
        <v>9</v>
      </c>
      <c r="F37084" s="7">
        <v>29311</v>
      </c>
      <c r="G37084" s="8">
        <v>10611000</v>
      </c>
      <c r="H37084" s="8">
        <v>1909980</v>
      </c>
      <c r="I37084" s="8">
        <v>8913240</v>
      </c>
      <c r="J37084" s="8">
        <v>1697760</v>
      </c>
      <c r="K37084" s="9"/>
      <c r="L37084" s="6"/>
    </row>
    <row r="37085" spans="1:12">
      <c r="A37085" s="6" t="s">
        <v>36802</v>
      </c>
      <c r="B37085" s="6"/>
      <c r="C37085" s="6" t="s">
        <v>32230</v>
      </c>
      <c r="D37085" s="6"/>
      <c r="E37085" s="6" t="s">
        <v>9</v>
      </c>
      <c r="F37085" s="7">
        <v>32233</v>
      </c>
      <c r="G37085" s="8">
        <v>22167000</v>
      </c>
      <c r="H37085" s="8">
        <v>7536780</v>
      </c>
      <c r="I37085" s="8">
        <v>15073560</v>
      </c>
      <c r="J37085" s="8">
        <v>7093440</v>
      </c>
      <c r="K37085" s="9"/>
      <c r="L37085" s="6"/>
    </row>
    <row r="37086" spans="1:12">
      <c r="A37086" s="6" t="s">
        <v>36803</v>
      </c>
      <c r="B37086" s="6"/>
      <c r="C37086" s="6" t="s">
        <v>32230</v>
      </c>
      <c r="D37086" s="6"/>
      <c r="E37086" s="6" t="s">
        <v>9</v>
      </c>
      <c r="F37086" s="7">
        <v>30772</v>
      </c>
      <c r="G37086" s="8">
        <v>8397000</v>
      </c>
      <c r="H37086" s="8">
        <v>2183220</v>
      </c>
      <c r="I37086" s="8">
        <v>6381720</v>
      </c>
      <c r="J37086" s="8">
        <v>2015280</v>
      </c>
      <c r="K37086" s="9"/>
      <c r="L37086" s="6"/>
    </row>
    <row r="37087" spans="1:12">
      <c r="A37087" s="6" t="s">
        <v>36804</v>
      </c>
      <c r="B37087" s="6"/>
      <c r="C37087" s="6" t="s">
        <v>32230</v>
      </c>
      <c r="D37087" s="6"/>
      <c r="E37087" s="6" t="s">
        <v>9</v>
      </c>
      <c r="F37087" s="7">
        <v>41683</v>
      </c>
      <c r="G37087" s="8">
        <v>55037850</v>
      </c>
      <c r="H37087" s="8">
        <v>45406228</v>
      </c>
      <c r="I37087" s="8">
        <v>11007568</v>
      </c>
      <c r="J37087" s="8">
        <v>44030282</v>
      </c>
      <c r="K37087" s="9"/>
      <c r="L37087" s="6"/>
    </row>
    <row r="37088" spans="1:12">
      <c r="A37088" s="6" t="s">
        <v>36805</v>
      </c>
      <c r="B37088" s="6"/>
      <c r="C37088" s="6" t="s">
        <v>32230</v>
      </c>
      <c r="D37088" s="6"/>
      <c r="E37088" s="6" t="s">
        <v>9</v>
      </c>
      <c r="F37088" s="7">
        <v>33328</v>
      </c>
      <c r="G37088" s="8">
        <v>27270000</v>
      </c>
      <c r="H37088" s="8">
        <v>10908000</v>
      </c>
      <c r="I37088" s="8">
        <v>16907400</v>
      </c>
      <c r="J37088" s="8">
        <v>10362600</v>
      </c>
      <c r="K37088" s="9"/>
      <c r="L37088" s="6"/>
    </row>
    <row r="37089" spans="1:12">
      <c r="A37089" s="6" t="s">
        <v>36806</v>
      </c>
      <c r="B37089" s="6"/>
      <c r="C37089" s="6" t="s">
        <v>32230</v>
      </c>
      <c r="D37089" s="6"/>
      <c r="E37089" s="6" t="s">
        <v>9</v>
      </c>
      <c r="F37089" s="7">
        <v>33694</v>
      </c>
      <c r="G37089" s="8">
        <v>37584000</v>
      </c>
      <c r="H37089" s="8">
        <v>15785280</v>
      </c>
      <c r="I37089" s="8">
        <v>22550400</v>
      </c>
      <c r="J37089" s="8">
        <v>15033600</v>
      </c>
      <c r="K37089" s="9"/>
      <c r="L37089" s="6"/>
    </row>
    <row r="37090" spans="1:12">
      <c r="A37090" s="6" t="s">
        <v>36807</v>
      </c>
      <c r="B37090" s="6"/>
      <c r="C37090" s="6" t="s">
        <v>32230</v>
      </c>
      <c r="D37090" s="6"/>
      <c r="E37090" s="6" t="s">
        <v>9</v>
      </c>
      <c r="F37090" s="7">
        <v>32233</v>
      </c>
      <c r="G37090" s="8">
        <v>12393000</v>
      </c>
      <c r="H37090" s="8">
        <v>4213620</v>
      </c>
      <c r="I37090" s="8">
        <v>8427240</v>
      </c>
      <c r="J37090" s="8">
        <v>3965760</v>
      </c>
      <c r="K37090" s="9"/>
      <c r="L37090" s="6"/>
    </row>
    <row r="37091" spans="1:12">
      <c r="A37091" s="6" t="s">
        <v>36808</v>
      </c>
      <c r="B37091" s="6"/>
      <c r="C37091" s="6" t="s">
        <v>32230</v>
      </c>
      <c r="D37091" s="6"/>
      <c r="E37091" s="6" t="s">
        <v>9</v>
      </c>
      <c r="F37091" s="7">
        <v>32598</v>
      </c>
      <c r="G37091" s="8">
        <v>10368000</v>
      </c>
      <c r="H37091" s="8">
        <v>3732480</v>
      </c>
      <c r="I37091" s="8">
        <v>6842880</v>
      </c>
      <c r="J37091" s="8">
        <v>3525120</v>
      </c>
      <c r="K37091" s="9"/>
      <c r="L37091" s="6"/>
    </row>
    <row r="37092" spans="1:12">
      <c r="A37092" s="6" t="s">
        <v>36809</v>
      </c>
      <c r="B37092" s="6"/>
      <c r="C37092" s="6" t="s">
        <v>32230</v>
      </c>
      <c r="D37092" s="6"/>
      <c r="E37092" s="6" t="s">
        <v>9</v>
      </c>
      <c r="F37092" s="7">
        <v>31867</v>
      </c>
      <c r="G37092" s="8">
        <v>4212000</v>
      </c>
      <c r="H37092" s="8">
        <v>1347840</v>
      </c>
      <c r="I37092" s="8">
        <v>2948400</v>
      </c>
      <c r="J37092" s="8">
        <v>1263600</v>
      </c>
      <c r="K37092" s="9"/>
      <c r="L37092" s="6"/>
    </row>
    <row r="37093" spans="1:12">
      <c r="A37093" s="6" t="s">
        <v>36810</v>
      </c>
      <c r="B37093" s="6"/>
      <c r="C37093" s="6" t="s">
        <v>32230</v>
      </c>
      <c r="D37093" s="6"/>
      <c r="E37093" s="6" t="s">
        <v>9</v>
      </c>
      <c r="F37093" s="7">
        <v>32095</v>
      </c>
      <c r="G37093" s="8">
        <v>135000</v>
      </c>
      <c r="H37093" s="8">
        <v>45900</v>
      </c>
      <c r="I37093" s="8">
        <v>91800</v>
      </c>
      <c r="J37093" s="8">
        <v>43200</v>
      </c>
      <c r="K37093" s="9"/>
      <c r="L37093" s="6"/>
    </row>
    <row r="37094" spans="1:12">
      <c r="A37094" s="6" t="s">
        <v>36811</v>
      </c>
      <c r="B37094" s="6"/>
      <c r="C37094" s="6" t="s">
        <v>32230</v>
      </c>
      <c r="D37094" s="6"/>
      <c r="E37094" s="6" t="s">
        <v>9</v>
      </c>
      <c r="F37094" s="7">
        <v>-1</v>
      </c>
      <c r="G37094" s="8">
        <v>13905000</v>
      </c>
      <c r="H37094" s="8">
        <v>1</v>
      </c>
      <c r="I37094" s="8">
        <v>13904999</v>
      </c>
      <c r="J37094" s="8">
        <v>1</v>
      </c>
      <c r="K37094" s="9"/>
      <c r="L37094" s="6"/>
    </row>
    <row r="37095" spans="1:12">
      <c r="A37095" s="6" t="s">
        <v>36812</v>
      </c>
      <c r="B37095" s="6"/>
      <c r="C37095" s="6" t="s">
        <v>32230</v>
      </c>
      <c r="D37095" s="6"/>
      <c r="E37095" s="6" t="s">
        <v>9</v>
      </c>
      <c r="F37095" s="7">
        <v>29311</v>
      </c>
      <c r="G37095" s="8">
        <v>6399000</v>
      </c>
      <c r="H37095" s="8">
        <v>1151820</v>
      </c>
      <c r="I37095" s="8">
        <v>5375160</v>
      </c>
      <c r="J37095" s="8">
        <v>1023840</v>
      </c>
      <c r="K37095" s="9"/>
      <c r="L37095" s="6"/>
    </row>
    <row r="37096" spans="1:12">
      <c r="A37096" s="6" t="s">
        <v>36813</v>
      </c>
      <c r="B37096" s="6"/>
      <c r="C37096" s="6" t="s">
        <v>32230</v>
      </c>
      <c r="D37096" s="6"/>
      <c r="E37096" s="6" t="s">
        <v>9</v>
      </c>
      <c r="F37096" s="7">
        <v>32095</v>
      </c>
      <c r="G37096" s="8">
        <v>60750000</v>
      </c>
      <c r="H37096" s="8">
        <v>20655000</v>
      </c>
      <c r="I37096" s="8">
        <v>41310000</v>
      </c>
      <c r="J37096" s="8">
        <v>19440000</v>
      </c>
      <c r="K37096" s="9"/>
      <c r="L37096" s="6"/>
    </row>
    <row r="37097" spans="1:12">
      <c r="A37097" s="6" t="s">
        <v>36814</v>
      </c>
      <c r="B37097" s="6"/>
      <c r="C37097" s="6" t="s">
        <v>32230</v>
      </c>
      <c r="D37097" s="6"/>
      <c r="E37097" s="6" t="s">
        <v>9</v>
      </c>
      <c r="F37097" s="7">
        <v>30772</v>
      </c>
      <c r="G37097" s="8">
        <v>81486000</v>
      </c>
      <c r="H37097" s="8">
        <v>21186360</v>
      </c>
      <c r="I37097" s="8">
        <v>61929360</v>
      </c>
      <c r="J37097" s="8">
        <v>19556640</v>
      </c>
      <c r="K37097" s="9"/>
      <c r="L37097" s="6"/>
    </row>
    <row r="37098" spans="1:12">
      <c r="A37098" s="6" t="s">
        <v>36815</v>
      </c>
      <c r="B37098" s="6"/>
      <c r="C37098" s="6" t="s">
        <v>32230</v>
      </c>
      <c r="D37098" s="6"/>
      <c r="E37098" s="6" t="s">
        <v>9</v>
      </c>
      <c r="F37098" s="7">
        <v>30406</v>
      </c>
      <c r="G37098" s="8">
        <v>4104000</v>
      </c>
      <c r="H37098" s="8">
        <v>984960</v>
      </c>
      <c r="I37098" s="8">
        <v>3201120</v>
      </c>
      <c r="J37098" s="8">
        <v>902880</v>
      </c>
      <c r="K37098" s="9"/>
      <c r="L37098" s="6"/>
    </row>
    <row r="37099" spans="1:12">
      <c r="A37099" s="6" t="s">
        <v>36816</v>
      </c>
      <c r="B37099" s="6"/>
      <c r="C37099" s="6" t="s">
        <v>32230</v>
      </c>
      <c r="D37099" s="6"/>
      <c r="E37099" s="6" t="s">
        <v>9</v>
      </c>
      <c r="F37099" s="7">
        <v>31137</v>
      </c>
      <c r="G37099" s="8">
        <v>7290000</v>
      </c>
      <c r="H37099" s="8">
        <v>2041200</v>
      </c>
      <c r="I37099" s="8">
        <v>5394600</v>
      </c>
      <c r="J37099" s="8">
        <v>1895400</v>
      </c>
      <c r="K37099" s="9"/>
      <c r="L37099" s="6"/>
    </row>
    <row r="37100" spans="1:12">
      <c r="A37100" s="6" t="s">
        <v>36817</v>
      </c>
      <c r="B37100" s="6"/>
      <c r="C37100" s="6" t="s">
        <v>32230</v>
      </c>
      <c r="D37100" s="6"/>
      <c r="E37100" s="6" t="s">
        <v>9</v>
      </c>
      <c r="F37100" s="7">
        <v>33694</v>
      </c>
      <c r="G37100" s="8">
        <v>12420000</v>
      </c>
      <c r="H37100" s="8">
        <v>5216400</v>
      </c>
      <c r="I37100" s="8">
        <v>7452000</v>
      </c>
      <c r="J37100" s="8">
        <v>4968000</v>
      </c>
      <c r="K37100" s="9"/>
      <c r="L37100" s="6"/>
    </row>
    <row r="37101" spans="1:12">
      <c r="A37101" s="6" t="s">
        <v>36818</v>
      </c>
      <c r="B37101" s="6"/>
      <c r="C37101" s="6" t="s">
        <v>32230</v>
      </c>
      <c r="D37101" s="6"/>
      <c r="E37101" s="6" t="s">
        <v>9</v>
      </c>
      <c r="F37101" s="7">
        <v>33694</v>
      </c>
      <c r="G37101" s="8">
        <v>5346000</v>
      </c>
      <c r="H37101" s="8">
        <v>2245320</v>
      </c>
      <c r="I37101" s="8">
        <v>3207600</v>
      </c>
      <c r="J37101" s="8">
        <v>2138400</v>
      </c>
      <c r="K37101" s="9"/>
      <c r="L37101" s="6"/>
    </row>
    <row r="37102" spans="1:12">
      <c r="A37102" s="6" t="s">
        <v>36819</v>
      </c>
      <c r="B37102" s="6"/>
      <c r="C37102" s="6" t="s">
        <v>32230</v>
      </c>
      <c r="D37102" s="6"/>
      <c r="E37102" s="6" t="s">
        <v>9</v>
      </c>
      <c r="F37102" s="7">
        <v>39359</v>
      </c>
      <c r="G37102" s="8">
        <v>2184000</v>
      </c>
      <c r="H37102" s="8">
        <v>1474200</v>
      </c>
      <c r="I37102" s="8">
        <v>764400</v>
      </c>
      <c r="J37102" s="8">
        <v>1419600</v>
      </c>
      <c r="K37102" s="9"/>
      <c r="L37102" s="6"/>
    </row>
    <row r="37103" spans="1:12">
      <c r="A37103" s="6" t="s">
        <v>36820</v>
      </c>
      <c r="B37103" s="6"/>
      <c r="C37103" s="6" t="s">
        <v>32230</v>
      </c>
      <c r="D37103" s="6"/>
      <c r="E37103" s="6" t="s">
        <v>9</v>
      </c>
      <c r="F37103" s="7">
        <v>40074</v>
      </c>
      <c r="G37103" s="8">
        <v>992250</v>
      </c>
      <c r="H37103" s="8">
        <v>719384</v>
      </c>
      <c r="I37103" s="8">
        <v>297672</v>
      </c>
      <c r="J37103" s="8">
        <v>694578</v>
      </c>
      <c r="K37103" s="9"/>
      <c r="L37103" s="6"/>
    </row>
    <row r="37104" spans="1:12">
      <c r="A37104" s="6" t="s">
        <v>36821</v>
      </c>
      <c r="B37104" s="6"/>
      <c r="C37104" s="6" t="s">
        <v>32230</v>
      </c>
      <c r="D37104" s="6"/>
      <c r="E37104" s="6" t="s">
        <v>9</v>
      </c>
      <c r="F37104" s="7">
        <v>40612</v>
      </c>
      <c r="G37104" s="8">
        <v>6132000</v>
      </c>
      <c r="H37104" s="8">
        <v>4599000</v>
      </c>
      <c r="I37104" s="8">
        <v>1686300</v>
      </c>
      <c r="J37104" s="8">
        <v>4445700</v>
      </c>
      <c r="K37104" s="9"/>
      <c r="L37104" s="6"/>
    </row>
    <row r="37105" spans="1:12">
      <c r="A37105" s="6" t="s">
        <v>36822</v>
      </c>
      <c r="B37105" s="6"/>
      <c r="C37105" s="6" t="s">
        <v>32230</v>
      </c>
      <c r="D37105" s="6"/>
      <c r="E37105" s="6" t="s">
        <v>9</v>
      </c>
      <c r="F37105" s="7">
        <v>43131</v>
      </c>
      <c r="G37105" s="8">
        <v>17622360</v>
      </c>
      <c r="H37105" s="8">
        <v>12335652</v>
      </c>
      <c r="I37105" s="8">
        <v>7048944</v>
      </c>
      <c r="J37105" s="8">
        <v>10573416</v>
      </c>
      <c r="K37105" s="9"/>
      <c r="L37105" s="6"/>
    </row>
    <row r="37106" spans="1:12">
      <c r="A37106" s="6" t="s">
        <v>36823</v>
      </c>
      <c r="B37106" s="6"/>
      <c r="C37106" s="6" t="s">
        <v>32230</v>
      </c>
      <c r="D37106" s="6"/>
      <c r="E37106" s="6" t="s">
        <v>9</v>
      </c>
      <c r="F37106" s="7">
        <v>43190</v>
      </c>
      <c r="G37106" s="8">
        <v>2435400</v>
      </c>
      <c r="H37106" s="8">
        <v>2186991</v>
      </c>
      <c r="I37106" s="8">
        <v>331212</v>
      </c>
      <c r="J37106" s="8">
        <v>2104188</v>
      </c>
      <c r="K37106" s="9"/>
      <c r="L37106" s="6"/>
    </row>
    <row r="37107" spans="1:12">
      <c r="A37107" s="6" t="s">
        <v>36824</v>
      </c>
      <c r="B37107" s="6"/>
      <c r="C37107" s="6" t="s">
        <v>32230</v>
      </c>
      <c r="D37107" s="6"/>
      <c r="E37107" s="6" t="s">
        <v>9</v>
      </c>
      <c r="F37107" s="7">
        <v>43555</v>
      </c>
      <c r="G37107" s="8">
        <v>9774000</v>
      </c>
      <c r="H37107" s="8">
        <v>7819200</v>
      </c>
      <c r="I37107" s="8">
        <v>2932200</v>
      </c>
      <c r="J37107" s="8">
        <v>6841800</v>
      </c>
      <c r="K37107" s="9"/>
      <c r="L37107" s="6"/>
    </row>
    <row r="37108" spans="1:12">
      <c r="A37108" s="6" t="s">
        <v>36825</v>
      </c>
      <c r="B37108" s="6"/>
      <c r="C37108" s="6" t="s">
        <v>32230</v>
      </c>
      <c r="D37108" s="6"/>
      <c r="E37108" s="6" t="s">
        <v>9</v>
      </c>
      <c r="F37108" s="7">
        <v>43921</v>
      </c>
      <c r="G37108" s="8">
        <v>4755300</v>
      </c>
      <c r="H37108" s="8">
        <v>4636418</v>
      </c>
      <c r="I37108" s="8">
        <v>237764</v>
      </c>
      <c r="J37108" s="8">
        <v>4517536</v>
      </c>
      <c r="K37108" s="9"/>
      <c r="L37108" s="6"/>
    </row>
    <row r="37109" spans="1:12">
      <c r="A37109" s="6" t="s">
        <v>36825</v>
      </c>
      <c r="B37109" s="6"/>
      <c r="C37109" s="6" t="s">
        <v>32230</v>
      </c>
      <c r="D37109" s="6"/>
      <c r="E37109" s="6" t="s">
        <v>9</v>
      </c>
      <c r="F37109" s="7">
        <v>44286</v>
      </c>
      <c r="G37109" s="8">
        <v>9163000</v>
      </c>
      <c r="H37109" s="8">
        <v>9163000</v>
      </c>
      <c r="I37109" s="8">
        <v>613921</v>
      </c>
      <c r="J37109" s="8">
        <v>8549079</v>
      </c>
      <c r="K37109" s="9"/>
      <c r="L37109" s="6"/>
    </row>
    <row r="37110" spans="1:12">
      <c r="A37110" s="6" t="s">
        <v>36826</v>
      </c>
      <c r="B37110" s="6"/>
      <c r="C37110" s="6" t="s">
        <v>32230</v>
      </c>
      <c r="D37110" s="6"/>
      <c r="E37110" s="6" t="s">
        <v>9</v>
      </c>
      <c r="F37110" s="7">
        <v>41361</v>
      </c>
      <c r="G37110" s="8">
        <v>273000</v>
      </c>
      <c r="H37110" s="8">
        <v>218400</v>
      </c>
      <c r="I37110" s="8">
        <v>61425</v>
      </c>
      <c r="J37110" s="8">
        <v>211575</v>
      </c>
      <c r="K37110" s="9"/>
      <c r="L37110" s="6"/>
    </row>
    <row r="37111" spans="1:12">
      <c r="A37111" s="6" t="s">
        <v>36827</v>
      </c>
      <c r="B37111" s="6"/>
      <c r="C37111" s="6" t="s">
        <v>32230</v>
      </c>
      <c r="D37111" s="6"/>
      <c r="E37111" s="6" t="s">
        <v>9</v>
      </c>
      <c r="F37111" s="7">
        <v>39807</v>
      </c>
      <c r="G37111" s="8">
        <v>3409875</v>
      </c>
      <c r="H37111" s="8">
        <v>1363959</v>
      </c>
      <c r="I37111" s="8">
        <v>2216409</v>
      </c>
      <c r="J37111" s="8">
        <v>1193466</v>
      </c>
      <c r="K37111" s="9"/>
      <c r="L37111" s="6"/>
    </row>
    <row r="37112" spans="1:12">
      <c r="A37112" s="6" t="s">
        <v>36828</v>
      </c>
      <c r="B37112" s="6"/>
      <c r="C37112" s="6" t="s">
        <v>32230</v>
      </c>
      <c r="D37112" s="6"/>
      <c r="E37112" s="6" t="s">
        <v>9</v>
      </c>
      <c r="F37112" s="7">
        <v>41218</v>
      </c>
      <c r="G37112" s="8">
        <v>535500</v>
      </c>
      <c r="H37112" s="8">
        <v>321300</v>
      </c>
      <c r="I37112" s="8">
        <v>240975</v>
      </c>
      <c r="J37112" s="8">
        <v>294525</v>
      </c>
      <c r="K37112" s="9"/>
      <c r="L37112" s="6"/>
    </row>
    <row r="37113" spans="1:12">
      <c r="A37113" s="6" t="s">
        <v>36829</v>
      </c>
      <c r="B37113" s="6"/>
      <c r="C37113" s="6" t="s">
        <v>32230</v>
      </c>
      <c r="D37113" s="6"/>
      <c r="E37113" s="6" t="s">
        <v>9</v>
      </c>
      <c r="F37113" s="7">
        <v>40268</v>
      </c>
      <c r="G37113" s="8">
        <v>1802850</v>
      </c>
      <c r="H37113" s="8">
        <v>811288</v>
      </c>
      <c r="I37113" s="8">
        <v>1081704</v>
      </c>
      <c r="J37113" s="8">
        <v>721146</v>
      </c>
      <c r="K37113" s="9"/>
      <c r="L37113" s="6"/>
    </row>
    <row r="37114" spans="1:12">
      <c r="A37114" s="6" t="s">
        <v>36830</v>
      </c>
      <c r="B37114" s="6"/>
      <c r="C37114" s="6" t="s">
        <v>32230</v>
      </c>
      <c r="D37114" s="6"/>
      <c r="E37114" s="6" t="s">
        <v>9</v>
      </c>
      <c r="F37114" s="7">
        <v>40267</v>
      </c>
      <c r="G37114" s="8">
        <v>1215900</v>
      </c>
      <c r="H37114" s="8">
        <v>547155</v>
      </c>
      <c r="I37114" s="8">
        <v>729540</v>
      </c>
      <c r="J37114" s="8">
        <v>486360</v>
      </c>
      <c r="K37114" s="9"/>
      <c r="L37114" s="6"/>
    </row>
    <row r="37115" spans="1:12">
      <c r="A37115" s="6" t="s">
        <v>36831</v>
      </c>
      <c r="B37115" s="6"/>
      <c r="C37115" s="6" t="s">
        <v>32230</v>
      </c>
      <c r="D37115" s="6"/>
      <c r="E37115" s="6" t="s">
        <v>9</v>
      </c>
      <c r="F37115" s="7">
        <v>39889</v>
      </c>
      <c r="G37115" s="8">
        <v>1102500</v>
      </c>
      <c r="H37115" s="8">
        <v>361620</v>
      </c>
      <c r="I37115" s="8">
        <v>802620</v>
      </c>
      <c r="J37115" s="8">
        <v>299880</v>
      </c>
      <c r="K37115" s="9"/>
      <c r="L37115" s="6"/>
    </row>
    <row r="37116" spans="1:12">
      <c r="A37116" s="6" t="s">
        <v>36832</v>
      </c>
      <c r="B37116" s="6"/>
      <c r="C37116" s="6" t="s">
        <v>32230</v>
      </c>
      <c r="D37116" s="6"/>
      <c r="E37116" s="6" t="s">
        <v>9</v>
      </c>
      <c r="F37116" s="7">
        <v>42348</v>
      </c>
      <c r="G37116" s="8">
        <v>11988000</v>
      </c>
      <c r="H37116" s="8">
        <v>8451540</v>
      </c>
      <c r="I37116" s="8">
        <v>4243752</v>
      </c>
      <c r="J37116" s="8">
        <v>7744248</v>
      </c>
      <c r="K37116" s="9"/>
      <c r="L37116" s="6"/>
    </row>
    <row r="37117" spans="1:12">
      <c r="A37117" s="6" t="s">
        <v>36833</v>
      </c>
      <c r="B37117" s="6"/>
      <c r="C37117" s="6" t="s">
        <v>32230</v>
      </c>
      <c r="D37117" s="6"/>
      <c r="E37117" s="6" t="s">
        <v>9</v>
      </c>
      <c r="F37117" s="7">
        <v>42185</v>
      </c>
      <c r="G37117" s="8">
        <v>623376</v>
      </c>
      <c r="H37117" s="8">
        <v>439481</v>
      </c>
      <c r="I37117" s="8">
        <v>220674</v>
      </c>
      <c r="J37117" s="8">
        <v>402702</v>
      </c>
      <c r="K37117" s="9"/>
      <c r="L37117" s="6"/>
    </row>
    <row r="37118" spans="1:12">
      <c r="A37118" s="6" t="s">
        <v>36834</v>
      </c>
      <c r="B37118" s="6"/>
      <c r="C37118" s="6" t="s">
        <v>32230</v>
      </c>
      <c r="D37118" s="6"/>
      <c r="E37118" s="6" t="s">
        <v>9</v>
      </c>
      <c r="F37118" s="7">
        <v>42439</v>
      </c>
      <c r="G37118" s="8">
        <v>1188000</v>
      </c>
      <c r="H37118" s="8">
        <v>855360</v>
      </c>
      <c r="I37118" s="8">
        <v>399168</v>
      </c>
      <c r="J37118" s="8">
        <v>788832</v>
      </c>
      <c r="K37118" s="9"/>
      <c r="L37118" s="6"/>
    </row>
    <row r="37119" spans="1:12">
      <c r="A37119" s="6" t="s">
        <v>36835</v>
      </c>
      <c r="B37119" s="6"/>
      <c r="C37119" s="6" t="s">
        <v>32230</v>
      </c>
      <c r="D37119" s="6"/>
      <c r="E37119" s="6" t="s">
        <v>9</v>
      </c>
      <c r="F37119" s="7">
        <v>42444</v>
      </c>
      <c r="G37119" s="8">
        <v>1222560</v>
      </c>
      <c r="H37119" s="8">
        <v>861905</v>
      </c>
      <c r="I37119" s="8">
        <v>432786</v>
      </c>
      <c r="J37119" s="8">
        <v>789774</v>
      </c>
      <c r="K37119" s="9"/>
      <c r="L37119" s="6"/>
    </row>
    <row r="37120" spans="1:12">
      <c r="A37120" s="6" t="s">
        <v>36836</v>
      </c>
      <c r="B37120" s="6"/>
      <c r="C37120" s="6" t="s">
        <v>32230</v>
      </c>
      <c r="D37120" s="6"/>
      <c r="E37120" s="6" t="s">
        <v>9</v>
      </c>
      <c r="F37120" s="7">
        <v>40828</v>
      </c>
      <c r="G37120" s="8">
        <v>434700</v>
      </c>
      <c r="H37120" s="8">
        <v>203877</v>
      </c>
      <c r="I37120" s="8">
        <v>256470</v>
      </c>
      <c r="J37120" s="8">
        <v>178230</v>
      </c>
      <c r="K37120" s="9"/>
      <c r="L37120" s="6"/>
    </row>
    <row r="37121" spans="1:12">
      <c r="A37121" s="6" t="s">
        <v>36837</v>
      </c>
      <c r="B37121" s="6"/>
      <c r="C37121" s="6" t="s">
        <v>32230</v>
      </c>
      <c r="D37121" s="6"/>
      <c r="E37121" s="6" t="s">
        <v>9</v>
      </c>
      <c r="F37121" s="7">
        <v>40849</v>
      </c>
      <c r="G37121" s="8">
        <v>216300</v>
      </c>
      <c r="H37121" s="8">
        <v>107292</v>
      </c>
      <c r="I37121" s="8">
        <v>121120</v>
      </c>
      <c r="J37121" s="8">
        <v>95180</v>
      </c>
      <c r="K37121" s="9"/>
      <c r="L37121" s="6"/>
    </row>
    <row r="37122" spans="1:12">
      <c r="A37122" s="6" t="s">
        <v>36838</v>
      </c>
      <c r="B37122" s="6"/>
      <c r="C37122" s="6" t="s">
        <v>32230</v>
      </c>
      <c r="D37122" s="6"/>
      <c r="E37122" s="6" t="s">
        <v>9</v>
      </c>
      <c r="F37122" s="7">
        <v>40981</v>
      </c>
      <c r="G37122" s="8">
        <v>594300</v>
      </c>
      <c r="H37122" s="8">
        <v>278733</v>
      </c>
      <c r="I37122" s="8">
        <v>350630</v>
      </c>
      <c r="J37122" s="8">
        <v>243670</v>
      </c>
      <c r="K37122" s="9"/>
      <c r="L37122" s="6"/>
    </row>
    <row r="37123" spans="1:12">
      <c r="A37123" s="6" t="s">
        <v>36839</v>
      </c>
      <c r="B37123" s="6"/>
      <c r="C37123" s="6" t="s">
        <v>32230</v>
      </c>
      <c r="D37123" s="6"/>
      <c r="E37123" s="6" t="s">
        <v>9</v>
      </c>
      <c r="F37123" s="7">
        <v>41177</v>
      </c>
      <c r="G37123" s="8">
        <v>34650000</v>
      </c>
      <c r="H37123" s="8">
        <v>18295200</v>
      </c>
      <c r="I37123" s="8">
        <v>18399150</v>
      </c>
      <c r="J37123" s="8">
        <v>16250850</v>
      </c>
      <c r="K37123" s="9"/>
      <c r="L37123" s="6"/>
    </row>
    <row r="37124" spans="1:12">
      <c r="A37124" s="6" t="s">
        <v>36840</v>
      </c>
      <c r="B37124" s="6"/>
      <c r="C37124" s="6" t="s">
        <v>32230</v>
      </c>
      <c r="D37124" s="6"/>
      <c r="E37124" s="6" t="s">
        <v>9</v>
      </c>
      <c r="F37124" s="7">
        <v>41250</v>
      </c>
      <c r="G37124" s="8">
        <v>594300</v>
      </c>
      <c r="H37124" s="8">
        <v>313796</v>
      </c>
      <c r="I37124" s="8">
        <v>315567</v>
      </c>
      <c r="J37124" s="8">
        <v>278733</v>
      </c>
      <c r="K37124" s="9"/>
      <c r="L37124" s="6"/>
    </row>
    <row r="37125" spans="1:12">
      <c r="A37125" s="6" t="s">
        <v>36841</v>
      </c>
      <c r="B37125" s="6"/>
      <c r="C37125" s="6" t="s">
        <v>32230</v>
      </c>
      <c r="D37125" s="6"/>
      <c r="E37125" s="6" t="s">
        <v>9</v>
      </c>
      <c r="F37125" s="7">
        <v>41687</v>
      </c>
      <c r="G37125" s="8">
        <v>262500</v>
      </c>
      <c r="H37125" s="8">
        <v>154091</v>
      </c>
      <c r="I37125" s="8">
        <v>123896</v>
      </c>
      <c r="J37125" s="8">
        <v>138604</v>
      </c>
      <c r="K37125" s="9"/>
      <c r="L37125" s="6"/>
    </row>
    <row r="37126" spans="1:12">
      <c r="A37126" s="6" t="s">
        <v>36842</v>
      </c>
      <c r="B37126" s="6"/>
      <c r="C37126" s="6" t="s">
        <v>32230</v>
      </c>
      <c r="D37126" s="6"/>
      <c r="E37126" s="6" t="s">
        <v>9</v>
      </c>
      <c r="F37126" s="7">
        <v>42081</v>
      </c>
      <c r="G37126" s="8">
        <v>2040120</v>
      </c>
      <c r="H37126" s="8">
        <v>1317918</v>
      </c>
      <c r="I37126" s="8">
        <v>842569</v>
      </c>
      <c r="J37126" s="8">
        <v>1197551</v>
      </c>
      <c r="K37126" s="9"/>
      <c r="L37126" s="6"/>
    </row>
    <row r="37127" spans="1:12">
      <c r="A37127" s="6" t="s">
        <v>36843</v>
      </c>
      <c r="B37127" s="6"/>
      <c r="C37127" s="6" t="s">
        <v>32230</v>
      </c>
      <c r="D37127" s="6"/>
      <c r="E37127" s="6" t="s">
        <v>9</v>
      </c>
      <c r="F37127" s="7">
        <v>42089</v>
      </c>
      <c r="G37127" s="8">
        <v>588600</v>
      </c>
      <c r="H37127" s="8">
        <v>380238</v>
      </c>
      <c r="I37127" s="8">
        <v>243089</v>
      </c>
      <c r="J37127" s="8">
        <v>345511</v>
      </c>
      <c r="K37127" s="9"/>
      <c r="L37127" s="6"/>
    </row>
    <row r="37128" spans="1:12">
      <c r="A37128" s="6" t="s">
        <v>36844</v>
      </c>
      <c r="B37128" s="6"/>
      <c r="C37128" s="6" t="s">
        <v>32230</v>
      </c>
      <c r="D37128" s="6"/>
      <c r="E37128" s="6" t="s">
        <v>9</v>
      </c>
      <c r="F37128" s="7">
        <v>42957</v>
      </c>
      <c r="G37128" s="8">
        <v>18468</v>
      </c>
      <c r="H37128" s="8">
        <v>12930</v>
      </c>
      <c r="I37128" s="8">
        <v>7384</v>
      </c>
      <c r="J37128" s="8">
        <v>11084</v>
      </c>
      <c r="K37128" s="9"/>
      <c r="L37128" s="6"/>
    </row>
    <row r="37129" spans="1:12">
      <c r="A37129" s="6" t="s">
        <v>36845</v>
      </c>
      <c r="B37129" s="6"/>
      <c r="C37129" s="6" t="s">
        <v>32230</v>
      </c>
      <c r="D37129" s="6"/>
      <c r="E37129" s="6" t="s">
        <v>9</v>
      </c>
      <c r="F37129" s="7">
        <v>42968</v>
      </c>
      <c r="G37129" s="8">
        <v>67000</v>
      </c>
      <c r="H37129" s="8">
        <v>46900</v>
      </c>
      <c r="I37129" s="8">
        <v>26800</v>
      </c>
      <c r="J37129" s="8">
        <v>40200</v>
      </c>
      <c r="K37129" s="9"/>
      <c r="L37129" s="6"/>
    </row>
    <row r="37130" spans="1:12">
      <c r="A37130" s="6" t="s">
        <v>36846</v>
      </c>
      <c r="B37130" s="6"/>
      <c r="C37130" s="6" t="s">
        <v>32230</v>
      </c>
      <c r="D37130" s="6"/>
      <c r="E37130" s="6" t="s">
        <v>9</v>
      </c>
      <c r="F37130" s="7">
        <v>42972</v>
      </c>
      <c r="G37130" s="8">
        <v>4784400</v>
      </c>
      <c r="H37130" s="8">
        <v>3349080</v>
      </c>
      <c r="I37130" s="8">
        <v>1913760</v>
      </c>
      <c r="J37130" s="8">
        <v>2870640</v>
      </c>
      <c r="K37130" s="9"/>
      <c r="L37130" s="6"/>
    </row>
    <row r="37131" spans="1:12">
      <c r="A37131" s="6" t="s">
        <v>36847</v>
      </c>
      <c r="B37131" s="6"/>
      <c r="C37131" s="6" t="s">
        <v>32230</v>
      </c>
      <c r="D37131" s="6"/>
      <c r="E37131" s="6" t="s">
        <v>9</v>
      </c>
      <c r="F37131" s="7">
        <v>38808</v>
      </c>
      <c r="G37131" s="8">
        <v>1900000</v>
      </c>
      <c r="H37131" s="8">
        <v>1368000</v>
      </c>
      <c r="I37131" s="8">
        <v>570000</v>
      </c>
      <c r="J37131" s="8">
        <v>1330000</v>
      </c>
      <c r="K37131" s="9"/>
      <c r="L37131" s="6"/>
    </row>
    <row r="37132" spans="1:12">
      <c r="A37132" s="6" t="s">
        <v>36848</v>
      </c>
      <c r="B37132" s="6"/>
      <c r="C37132" s="6" t="s">
        <v>32230</v>
      </c>
      <c r="D37132" s="6"/>
      <c r="E37132" s="6" t="s">
        <v>9</v>
      </c>
      <c r="F37132" s="7"/>
      <c r="G37132" s="8">
        <v>1</v>
      </c>
      <c r="H37132" s="8">
        <v>1</v>
      </c>
      <c r="I37132" s="8">
        <v>0</v>
      </c>
      <c r="J37132" s="8">
        <v>1</v>
      </c>
      <c r="K37132" s="9"/>
      <c r="L37132" s="6"/>
    </row>
    <row r="37133" spans="1:12">
      <c r="A37133" s="6" t="s">
        <v>33185</v>
      </c>
      <c r="B37133" s="6"/>
      <c r="C37133" s="6" t="s">
        <v>32230</v>
      </c>
      <c r="D37133" s="6"/>
      <c r="E37133" s="6" t="s">
        <v>9</v>
      </c>
      <c r="F37133" s="7">
        <v>25659</v>
      </c>
      <c r="G37133" s="8">
        <v>14742000</v>
      </c>
      <c r="H37133" s="8">
        <v>2211300</v>
      </c>
      <c r="I37133" s="8">
        <v>12781314</v>
      </c>
      <c r="J37133" s="8">
        <v>1960686</v>
      </c>
      <c r="K37133" s="9"/>
      <c r="L37133" s="6"/>
    </row>
    <row r="37134" spans="1:12">
      <c r="A37134" s="6" t="s">
        <v>36849</v>
      </c>
      <c r="B37134" s="6"/>
      <c r="C37134" s="6" t="s">
        <v>32230</v>
      </c>
      <c r="D37134" s="6"/>
      <c r="E37134" s="6" t="s">
        <v>9</v>
      </c>
      <c r="F37134" s="7">
        <v>39904</v>
      </c>
      <c r="G37134" s="8">
        <v>3345295</v>
      </c>
      <c r="H37134" s="8">
        <v>2609340</v>
      </c>
      <c r="I37134" s="8">
        <v>802860</v>
      </c>
      <c r="J37134" s="8">
        <v>2542435</v>
      </c>
      <c r="K37134" s="9"/>
      <c r="L37134" s="6"/>
    </row>
    <row r="37135" spans="1:12">
      <c r="A37135" s="6" t="s">
        <v>33185</v>
      </c>
      <c r="B37135" s="6"/>
      <c r="C37135" s="6" t="s">
        <v>32230</v>
      </c>
      <c r="D37135" s="6"/>
      <c r="E37135" s="6" t="s">
        <v>9</v>
      </c>
      <c r="F37135" s="7">
        <v>28581</v>
      </c>
      <c r="G37135" s="8">
        <v>9609600</v>
      </c>
      <c r="H37135" s="8">
        <v>2748354</v>
      </c>
      <c r="I37135" s="8">
        <v>7024609</v>
      </c>
      <c r="J37135" s="8">
        <v>2584991</v>
      </c>
      <c r="K37135" s="9"/>
      <c r="L37135" s="6"/>
    </row>
    <row r="37136" spans="1:12">
      <c r="A37136" s="6" t="s">
        <v>36850</v>
      </c>
      <c r="B37136" s="6"/>
      <c r="C37136" s="6" t="s">
        <v>32230</v>
      </c>
      <c r="D37136" s="6"/>
      <c r="E37136" s="6" t="s">
        <v>9</v>
      </c>
      <c r="F37136" s="7"/>
      <c r="G37136" s="8">
        <v>1</v>
      </c>
      <c r="H37136" s="8">
        <v>1</v>
      </c>
      <c r="I37136" s="8">
        <v>0</v>
      </c>
      <c r="J37136" s="8">
        <v>1</v>
      </c>
      <c r="K37136" s="9"/>
      <c r="L37136" s="6"/>
    </row>
    <row r="37137" spans="1:12">
      <c r="A37137" s="6" t="s">
        <v>36851</v>
      </c>
      <c r="B37137" s="6"/>
      <c r="C37137" s="6" t="s">
        <v>32230</v>
      </c>
      <c r="D37137" s="6"/>
      <c r="E37137" s="6" t="s">
        <v>9</v>
      </c>
      <c r="F37137" s="7"/>
      <c r="G37137" s="8">
        <v>1</v>
      </c>
      <c r="H37137" s="8">
        <v>1</v>
      </c>
      <c r="I37137" s="8">
        <v>0</v>
      </c>
      <c r="J37137" s="8">
        <v>1</v>
      </c>
      <c r="K37137" s="9"/>
      <c r="L37137" s="6"/>
    </row>
    <row r="37138" spans="1:12">
      <c r="A37138" s="6" t="s">
        <v>36852</v>
      </c>
      <c r="B37138" s="6"/>
      <c r="C37138" s="6" t="s">
        <v>32230</v>
      </c>
      <c r="D37138" s="6"/>
      <c r="E37138" s="6" t="s">
        <v>9</v>
      </c>
      <c r="F37138" s="7"/>
      <c r="G37138" s="8">
        <v>1</v>
      </c>
      <c r="H37138" s="8">
        <v>1</v>
      </c>
      <c r="I37138" s="8">
        <v>0</v>
      </c>
      <c r="J37138" s="8">
        <v>1</v>
      </c>
      <c r="K37138" s="9"/>
      <c r="L37138" s="6"/>
    </row>
    <row r="37139" spans="1:12">
      <c r="A37139" s="6" t="s">
        <v>36853</v>
      </c>
      <c r="B37139" s="6"/>
      <c r="C37139" s="6" t="s">
        <v>32230</v>
      </c>
      <c r="D37139" s="6"/>
      <c r="E37139" s="6" t="s">
        <v>9</v>
      </c>
      <c r="F37139" s="7">
        <v>33695</v>
      </c>
      <c r="G37139" s="8">
        <v>20915200</v>
      </c>
      <c r="H37139" s="8">
        <v>9202688</v>
      </c>
      <c r="I37139" s="8">
        <v>12130816</v>
      </c>
      <c r="J37139" s="8">
        <v>8784384</v>
      </c>
      <c r="K37139" s="9"/>
      <c r="L37139" s="6"/>
    </row>
    <row r="37140" spans="1:12">
      <c r="A37140" s="6" t="s">
        <v>33185</v>
      </c>
      <c r="B37140" s="6"/>
      <c r="C37140" s="6" t="s">
        <v>32230</v>
      </c>
      <c r="D37140" s="6"/>
      <c r="E37140" s="6" t="s">
        <v>9</v>
      </c>
      <c r="F37140" s="7">
        <v>33329</v>
      </c>
      <c r="G37140" s="8">
        <v>9555000</v>
      </c>
      <c r="H37140" s="8">
        <v>4844385</v>
      </c>
      <c r="I37140" s="8">
        <v>4873050</v>
      </c>
      <c r="J37140" s="8">
        <v>4681950</v>
      </c>
      <c r="K37140" s="9"/>
      <c r="L37140" s="6"/>
    </row>
    <row r="37141" spans="1:12">
      <c r="A37141" s="6" t="s">
        <v>33185</v>
      </c>
      <c r="B37141" s="6"/>
      <c r="C37141" s="6" t="s">
        <v>32230</v>
      </c>
      <c r="D37141" s="6"/>
      <c r="E37141" s="6" t="s">
        <v>9</v>
      </c>
      <c r="F37141" s="7">
        <v>33329</v>
      </c>
      <c r="G37141" s="8">
        <v>8190000</v>
      </c>
      <c r="H37141" s="8">
        <v>4152330</v>
      </c>
      <c r="I37141" s="8">
        <v>4176900</v>
      </c>
      <c r="J37141" s="8">
        <v>4013100</v>
      </c>
      <c r="K37141" s="9"/>
      <c r="L37141" s="6"/>
    </row>
    <row r="37142" spans="1:12">
      <c r="A37142" s="6" t="s">
        <v>36854</v>
      </c>
      <c r="B37142" s="6"/>
      <c r="C37142" s="6" t="s">
        <v>32230</v>
      </c>
      <c r="D37142" s="6"/>
      <c r="E37142" s="6" t="s">
        <v>9</v>
      </c>
      <c r="F37142" s="7"/>
      <c r="G37142" s="8">
        <v>1</v>
      </c>
      <c r="H37142" s="8">
        <v>1</v>
      </c>
      <c r="I37142" s="8">
        <v>0</v>
      </c>
      <c r="J37142" s="8">
        <v>1</v>
      </c>
      <c r="K37142" s="9"/>
      <c r="L37142" s="6"/>
    </row>
    <row r="37143" spans="1:12">
      <c r="A37143" s="6" t="s">
        <v>36855</v>
      </c>
      <c r="B37143" s="6"/>
      <c r="C37143" s="6" t="s">
        <v>32230</v>
      </c>
      <c r="D37143" s="6"/>
      <c r="E37143" s="6" t="s">
        <v>9</v>
      </c>
      <c r="F37143" s="7"/>
      <c r="G37143" s="8">
        <v>1</v>
      </c>
      <c r="H37143" s="8">
        <v>1</v>
      </c>
      <c r="I37143" s="8">
        <v>0</v>
      </c>
      <c r="J37143" s="8">
        <v>1</v>
      </c>
      <c r="K37143" s="9"/>
      <c r="L37143" s="6"/>
    </row>
    <row r="37144" spans="1:12">
      <c r="A37144" s="6" t="s">
        <v>36856</v>
      </c>
      <c r="B37144" s="6"/>
      <c r="C37144" s="6" t="s">
        <v>32230</v>
      </c>
      <c r="D37144" s="6"/>
      <c r="E37144" s="6" t="s">
        <v>9</v>
      </c>
      <c r="F37144" s="7"/>
      <c r="G37144" s="8">
        <v>1</v>
      </c>
      <c r="H37144" s="8">
        <v>1</v>
      </c>
      <c r="I37144" s="8">
        <v>0</v>
      </c>
      <c r="J37144" s="8">
        <v>1</v>
      </c>
      <c r="K37144" s="9"/>
      <c r="L37144" s="6"/>
    </row>
    <row r="37145" spans="1:12">
      <c r="A37145" s="6" t="s">
        <v>36857</v>
      </c>
      <c r="B37145" s="6"/>
      <c r="C37145" s="6" t="s">
        <v>32230</v>
      </c>
      <c r="D37145" s="6"/>
      <c r="E37145" s="6" t="s">
        <v>9</v>
      </c>
      <c r="F37145" s="7">
        <v>33695</v>
      </c>
      <c r="G37145" s="8">
        <v>2375000</v>
      </c>
      <c r="H37145" s="8">
        <v>1045000</v>
      </c>
      <c r="I37145" s="8">
        <v>1377500</v>
      </c>
      <c r="J37145" s="8">
        <v>997500</v>
      </c>
      <c r="K37145" s="9"/>
      <c r="L37145" s="6"/>
    </row>
    <row r="37146" spans="1:12">
      <c r="A37146" s="6" t="s">
        <v>36858</v>
      </c>
      <c r="B37146" s="6"/>
      <c r="C37146" s="6" t="s">
        <v>32230</v>
      </c>
      <c r="D37146" s="6"/>
      <c r="E37146" s="6" t="s">
        <v>9</v>
      </c>
      <c r="F37146" s="7">
        <v>39904</v>
      </c>
      <c r="G37146" s="8">
        <v>343955</v>
      </c>
      <c r="H37146" s="8">
        <v>268286</v>
      </c>
      <c r="I37146" s="8">
        <v>82548</v>
      </c>
      <c r="J37146" s="8">
        <v>261407</v>
      </c>
      <c r="K37146" s="9"/>
      <c r="L37146" s="6"/>
    </row>
    <row r="37147" spans="1:12">
      <c r="A37147" s="6" t="s">
        <v>36859</v>
      </c>
      <c r="B37147" s="6"/>
      <c r="C37147" s="6" t="s">
        <v>32230</v>
      </c>
      <c r="D37147" s="6"/>
      <c r="E37147" s="6" t="s">
        <v>9</v>
      </c>
      <c r="F37147" s="7"/>
      <c r="G37147" s="8">
        <v>1</v>
      </c>
      <c r="H37147" s="8">
        <v>1</v>
      </c>
      <c r="I37147" s="8">
        <v>0</v>
      </c>
      <c r="J37147" s="8">
        <v>1</v>
      </c>
      <c r="K37147" s="9"/>
      <c r="L37147" s="6"/>
    </row>
    <row r="37148" spans="1:12">
      <c r="A37148" s="6" t="s">
        <v>36860</v>
      </c>
      <c r="B37148" s="6"/>
      <c r="C37148" s="6" t="s">
        <v>32230</v>
      </c>
      <c r="D37148" s="6"/>
      <c r="E37148" s="6" t="s">
        <v>9</v>
      </c>
      <c r="F37148" s="7">
        <v>33695</v>
      </c>
      <c r="G37148" s="8">
        <v>10070000</v>
      </c>
      <c r="H37148" s="8">
        <v>4430800</v>
      </c>
      <c r="I37148" s="8">
        <v>5840600</v>
      </c>
      <c r="J37148" s="8">
        <v>4229400</v>
      </c>
      <c r="K37148" s="9"/>
      <c r="L37148" s="6"/>
    </row>
    <row r="37149" spans="1:12">
      <c r="A37149" s="6" t="s">
        <v>36861</v>
      </c>
      <c r="B37149" s="6"/>
      <c r="C37149" s="6" t="s">
        <v>32230</v>
      </c>
      <c r="D37149" s="6"/>
      <c r="E37149" s="6" t="s">
        <v>9</v>
      </c>
      <c r="F37149" s="7">
        <v>34790</v>
      </c>
      <c r="G37149" s="8">
        <v>27000000</v>
      </c>
      <c r="H37149" s="8">
        <v>13500000</v>
      </c>
      <c r="I37149" s="8">
        <v>14040000</v>
      </c>
      <c r="J37149" s="8">
        <v>12960000</v>
      </c>
      <c r="K37149" s="9"/>
      <c r="L37149" s="6"/>
    </row>
    <row r="37150" spans="1:12">
      <c r="A37150" s="6" t="s">
        <v>36862</v>
      </c>
      <c r="B37150" s="6"/>
      <c r="C37150" s="6" t="s">
        <v>32230</v>
      </c>
      <c r="D37150" s="6"/>
      <c r="E37150" s="6" t="s">
        <v>9</v>
      </c>
      <c r="F37150" s="7"/>
      <c r="G37150" s="8">
        <v>1</v>
      </c>
      <c r="H37150" s="8">
        <v>1</v>
      </c>
      <c r="I37150" s="8">
        <v>0</v>
      </c>
      <c r="J37150" s="8">
        <v>1</v>
      </c>
      <c r="K37150" s="9"/>
      <c r="L37150" s="6"/>
    </row>
    <row r="37151" spans="1:12">
      <c r="A37151" s="6" t="s">
        <v>36863</v>
      </c>
      <c r="B37151" s="6"/>
      <c r="C37151" s="6" t="s">
        <v>32230</v>
      </c>
      <c r="D37151" s="6"/>
      <c r="E37151" s="6" t="s">
        <v>9</v>
      </c>
      <c r="F37151" s="7"/>
      <c r="G37151" s="8">
        <v>1</v>
      </c>
      <c r="H37151" s="8">
        <v>1</v>
      </c>
      <c r="I37151" s="8">
        <v>0</v>
      </c>
      <c r="J37151" s="8">
        <v>1</v>
      </c>
      <c r="K37151" s="9"/>
      <c r="L37151" s="6"/>
    </row>
    <row r="37152" spans="1:12">
      <c r="A37152" s="6" t="s">
        <v>36864</v>
      </c>
      <c r="B37152" s="6"/>
      <c r="C37152" s="6" t="s">
        <v>32230</v>
      </c>
      <c r="D37152" s="6"/>
      <c r="E37152" s="6" t="s">
        <v>9</v>
      </c>
      <c r="F37152" s="7"/>
      <c r="G37152" s="8">
        <v>1</v>
      </c>
      <c r="H37152" s="8">
        <v>1</v>
      </c>
      <c r="I37152" s="8">
        <v>0</v>
      </c>
      <c r="J37152" s="8">
        <v>1</v>
      </c>
      <c r="K37152" s="9"/>
      <c r="L37152" s="6"/>
    </row>
    <row r="37153" spans="1:12">
      <c r="A37153" s="6" t="s">
        <v>36865</v>
      </c>
      <c r="B37153" s="6"/>
      <c r="C37153" s="6" t="s">
        <v>32230</v>
      </c>
      <c r="D37153" s="6"/>
      <c r="E37153" s="6" t="s">
        <v>9</v>
      </c>
      <c r="F37153" s="7"/>
      <c r="G37153" s="8">
        <v>1</v>
      </c>
      <c r="H37153" s="8">
        <v>1</v>
      </c>
      <c r="I37153" s="8">
        <v>0</v>
      </c>
      <c r="J37153" s="8">
        <v>1</v>
      </c>
      <c r="K37153" s="9"/>
      <c r="L37153" s="6"/>
    </row>
    <row r="37154" spans="1:12">
      <c r="A37154" s="6" t="s">
        <v>36866</v>
      </c>
      <c r="B37154" s="6"/>
      <c r="C37154" s="6" t="s">
        <v>32230</v>
      </c>
      <c r="D37154" s="6"/>
      <c r="E37154" s="6" t="s">
        <v>9</v>
      </c>
      <c r="F37154" s="7"/>
      <c r="G37154" s="8">
        <v>1</v>
      </c>
      <c r="H37154" s="8">
        <v>1</v>
      </c>
      <c r="I37154" s="8">
        <v>0</v>
      </c>
      <c r="J37154" s="8">
        <v>1</v>
      </c>
      <c r="K37154" s="9"/>
      <c r="L37154" s="6"/>
    </row>
    <row r="37155" spans="1:12">
      <c r="A37155" s="6" t="s">
        <v>36867</v>
      </c>
      <c r="B37155" s="6"/>
      <c r="C37155" s="6" t="s">
        <v>32230</v>
      </c>
      <c r="D37155" s="6"/>
      <c r="E37155" s="6" t="s">
        <v>9</v>
      </c>
      <c r="F37155" s="7"/>
      <c r="G37155" s="8">
        <v>1</v>
      </c>
      <c r="H37155" s="8">
        <v>1</v>
      </c>
      <c r="I37155" s="8">
        <v>0</v>
      </c>
      <c r="J37155" s="8">
        <v>1</v>
      </c>
      <c r="K37155" s="9"/>
      <c r="L37155" s="6"/>
    </row>
    <row r="37156" spans="1:12">
      <c r="A37156" s="6" t="s">
        <v>36868</v>
      </c>
      <c r="B37156" s="6"/>
      <c r="C37156" s="6" t="s">
        <v>32230</v>
      </c>
      <c r="D37156" s="6"/>
      <c r="E37156" s="6" t="s">
        <v>9</v>
      </c>
      <c r="F37156" s="7"/>
      <c r="G37156" s="8">
        <v>1</v>
      </c>
      <c r="H37156" s="8">
        <v>1</v>
      </c>
      <c r="I37156" s="8">
        <v>0</v>
      </c>
      <c r="J37156" s="8">
        <v>1</v>
      </c>
      <c r="K37156" s="9"/>
      <c r="L37156" s="6"/>
    </row>
    <row r="37157" spans="1:12">
      <c r="A37157" s="6" t="s">
        <v>36869</v>
      </c>
      <c r="B37157" s="6"/>
      <c r="C37157" s="6" t="s">
        <v>32230</v>
      </c>
      <c r="D37157" s="6"/>
      <c r="E37157" s="6" t="s">
        <v>25121</v>
      </c>
      <c r="F37157" s="7">
        <v>29860</v>
      </c>
      <c r="G37157" s="8">
        <v>7290000</v>
      </c>
      <c r="H37157" s="8">
        <v>1</v>
      </c>
      <c r="I37157" s="8">
        <v>7289999</v>
      </c>
      <c r="J37157" s="8">
        <v>1</v>
      </c>
      <c r="K37157" s="9"/>
      <c r="L37157" s="6"/>
    </row>
    <row r="37158" spans="1:12">
      <c r="A37158" s="6" t="s">
        <v>36870</v>
      </c>
      <c r="B37158" s="6"/>
      <c r="C37158" s="6" t="s">
        <v>32230</v>
      </c>
      <c r="D37158" s="6"/>
      <c r="E37158" s="6" t="s">
        <v>25121</v>
      </c>
      <c r="F37158" s="7">
        <v>30926</v>
      </c>
      <c r="G37158" s="8">
        <v>6642000</v>
      </c>
      <c r="H37158" s="8">
        <v>1</v>
      </c>
      <c r="I37158" s="8">
        <v>6641999</v>
      </c>
      <c r="J37158" s="8">
        <v>1</v>
      </c>
      <c r="K37158" s="9"/>
      <c r="L37158" s="6"/>
    </row>
    <row r="37159" spans="1:12">
      <c r="A37159" s="6" t="s">
        <v>36871</v>
      </c>
      <c r="B37159" s="6"/>
      <c r="C37159" s="6" t="s">
        <v>32230</v>
      </c>
      <c r="D37159" s="6"/>
      <c r="E37159" s="6" t="s">
        <v>25121</v>
      </c>
      <c r="F37159" s="7">
        <v>30256</v>
      </c>
      <c r="G37159" s="8">
        <v>6480000</v>
      </c>
      <c r="H37159" s="8">
        <v>1</v>
      </c>
      <c r="I37159" s="8">
        <v>6479999</v>
      </c>
      <c r="J37159" s="8">
        <v>1</v>
      </c>
      <c r="K37159" s="9"/>
      <c r="L37159" s="6"/>
    </row>
    <row r="37160" spans="1:12">
      <c r="A37160" s="6" t="s">
        <v>36872</v>
      </c>
      <c r="B37160" s="6"/>
      <c r="C37160" s="6" t="s">
        <v>32230</v>
      </c>
      <c r="D37160" s="6"/>
      <c r="E37160" s="6" t="s">
        <v>25121</v>
      </c>
      <c r="F37160" s="7">
        <v>20180</v>
      </c>
      <c r="G37160" s="8">
        <v>6480000</v>
      </c>
      <c r="H37160" s="8">
        <v>1</v>
      </c>
      <c r="I37160" s="8">
        <v>6479999</v>
      </c>
      <c r="J37160" s="8">
        <v>1</v>
      </c>
      <c r="K37160" s="9"/>
      <c r="L37160" s="6"/>
    </row>
    <row r="37161" spans="1:12">
      <c r="A37161" s="6" t="s">
        <v>36873</v>
      </c>
      <c r="B37161" s="6"/>
      <c r="C37161" s="6" t="s">
        <v>32230</v>
      </c>
      <c r="D37161" s="6"/>
      <c r="E37161" s="6" t="s">
        <v>25121</v>
      </c>
      <c r="F37161" s="7">
        <v>32478</v>
      </c>
      <c r="G37161" s="8">
        <v>6480000</v>
      </c>
      <c r="H37161" s="8">
        <v>1</v>
      </c>
      <c r="I37161" s="8">
        <v>6479999</v>
      </c>
      <c r="J37161" s="8">
        <v>1</v>
      </c>
      <c r="K37161" s="9"/>
      <c r="L37161" s="6"/>
    </row>
    <row r="37162" spans="1:12">
      <c r="A37162" s="6" t="s">
        <v>36874</v>
      </c>
      <c r="B37162" s="6"/>
      <c r="C37162" s="6" t="s">
        <v>32230</v>
      </c>
      <c r="D37162" s="6"/>
      <c r="E37162" s="6" t="s">
        <v>25121</v>
      </c>
      <c r="F37162" s="7">
        <v>29190</v>
      </c>
      <c r="G37162" s="8">
        <v>6480000</v>
      </c>
      <c r="H37162" s="8">
        <v>1</v>
      </c>
      <c r="I37162" s="8">
        <v>6479999</v>
      </c>
      <c r="J37162" s="8">
        <v>1</v>
      </c>
      <c r="K37162" s="9"/>
      <c r="L37162" s="6"/>
    </row>
    <row r="37163" spans="1:12">
      <c r="A37163" s="6" t="s">
        <v>36875</v>
      </c>
      <c r="B37163" s="6"/>
      <c r="C37163" s="6" t="s">
        <v>32230</v>
      </c>
      <c r="D37163" s="6"/>
      <c r="E37163" s="6" t="s">
        <v>25121</v>
      </c>
      <c r="F37163" s="7">
        <v>31809</v>
      </c>
      <c r="G37163" s="8">
        <v>8424000</v>
      </c>
      <c r="H37163" s="8">
        <v>1</v>
      </c>
      <c r="I37163" s="8">
        <v>8423999</v>
      </c>
      <c r="J37163" s="8">
        <v>1</v>
      </c>
      <c r="K37163" s="9"/>
      <c r="L37163" s="6"/>
    </row>
    <row r="37164" spans="1:12">
      <c r="A37164" s="6" t="s">
        <v>36876</v>
      </c>
      <c r="B37164" s="6"/>
      <c r="C37164" s="6" t="s">
        <v>32230</v>
      </c>
      <c r="D37164" s="6"/>
      <c r="E37164" s="6" t="s">
        <v>25121</v>
      </c>
      <c r="F37164" s="7">
        <v>28703</v>
      </c>
      <c r="G37164" s="8">
        <v>8100000</v>
      </c>
      <c r="H37164" s="8">
        <v>1</v>
      </c>
      <c r="I37164" s="8">
        <v>8099999</v>
      </c>
      <c r="J37164" s="8">
        <v>1</v>
      </c>
      <c r="K37164" s="9"/>
      <c r="L37164" s="6"/>
    </row>
    <row r="37165" spans="1:12">
      <c r="A37165" s="6" t="s">
        <v>36877</v>
      </c>
      <c r="B37165" s="6"/>
      <c r="C37165" s="6" t="s">
        <v>32230</v>
      </c>
      <c r="D37165" s="6"/>
      <c r="E37165" s="6" t="s">
        <v>25121</v>
      </c>
      <c r="F37165" s="7">
        <v>31686</v>
      </c>
      <c r="G37165" s="8">
        <v>6642000</v>
      </c>
      <c r="H37165" s="8">
        <v>1</v>
      </c>
      <c r="I37165" s="8">
        <v>6641999</v>
      </c>
      <c r="J37165" s="8">
        <v>1</v>
      </c>
      <c r="K37165" s="9"/>
      <c r="L37165" s="6"/>
    </row>
    <row r="37166" spans="1:12">
      <c r="A37166" s="6" t="s">
        <v>36878</v>
      </c>
      <c r="B37166" s="6"/>
      <c r="C37166" s="6" t="s">
        <v>32230</v>
      </c>
      <c r="D37166" s="6"/>
      <c r="E37166" s="6" t="s">
        <v>25121</v>
      </c>
      <c r="F37166" s="7">
        <v>32051</v>
      </c>
      <c r="G37166" s="8">
        <v>6642000</v>
      </c>
      <c r="H37166" s="8">
        <v>1</v>
      </c>
      <c r="I37166" s="8">
        <v>6641999</v>
      </c>
      <c r="J37166" s="8">
        <v>1</v>
      </c>
      <c r="K37166" s="9"/>
      <c r="L37166" s="6"/>
    </row>
    <row r="37167" spans="1:12">
      <c r="A37167" s="6" t="s">
        <v>36879</v>
      </c>
      <c r="B37167" s="6"/>
      <c r="C37167" s="6" t="s">
        <v>32230</v>
      </c>
      <c r="D37167" s="6"/>
      <c r="E37167" s="6" t="s">
        <v>25121</v>
      </c>
      <c r="F37167" s="7">
        <v>32509</v>
      </c>
      <c r="G37167" s="8">
        <v>6480000</v>
      </c>
      <c r="H37167" s="8">
        <v>1</v>
      </c>
      <c r="I37167" s="8">
        <v>6479999</v>
      </c>
      <c r="J37167" s="8">
        <v>1</v>
      </c>
      <c r="K37167" s="9"/>
      <c r="L37167" s="6"/>
    </row>
    <row r="37168" spans="1:12">
      <c r="A37168" s="6" t="s">
        <v>36880</v>
      </c>
      <c r="B37168" s="6"/>
      <c r="C37168" s="6" t="s">
        <v>32230</v>
      </c>
      <c r="D37168" s="6"/>
      <c r="E37168" s="6" t="s">
        <v>25121</v>
      </c>
      <c r="F37168" s="7">
        <v>32690</v>
      </c>
      <c r="G37168" s="8">
        <v>6480000</v>
      </c>
      <c r="H37168" s="8">
        <v>1</v>
      </c>
      <c r="I37168" s="8">
        <v>6479999</v>
      </c>
      <c r="J37168" s="8">
        <v>1</v>
      </c>
      <c r="K37168" s="9"/>
      <c r="L37168" s="6"/>
    </row>
    <row r="37169" spans="1:12">
      <c r="A37169" s="6" t="s">
        <v>36881</v>
      </c>
      <c r="B37169" s="6"/>
      <c r="C37169" s="6" t="s">
        <v>32230</v>
      </c>
      <c r="D37169" s="6"/>
      <c r="E37169" s="6" t="s">
        <v>25121</v>
      </c>
      <c r="F37169" s="7">
        <v>33390</v>
      </c>
      <c r="G37169" s="8">
        <v>6480000</v>
      </c>
      <c r="H37169" s="8">
        <v>90720</v>
      </c>
      <c r="I37169" s="8">
        <v>6479999</v>
      </c>
      <c r="J37169" s="8">
        <v>1</v>
      </c>
      <c r="K37169" s="9"/>
      <c r="L37169" s="6"/>
    </row>
    <row r="37170" spans="1:12">
      <c r="A37170" s="6" t="s">
        <v>36882</v>
      </c>
      <c r="B37170" s="6"/>
      <c r="C37170" s="6" t="s">
        <v>32230</v>
      </c>
      <c r="D37170" s="6"/>
      <c r="E37170" s="6" t="s">
        <v>25121</v>
      </c>
      <c r="F37170" s="7">
        <v>33573</v>
      </c>
      <c r="G37170" s="8">
        <v>6480000</v>
      </c>
      <c r="H37170" s="8">
        <v>90720</v>
      </c>
      <c r="I37170" s="8">
        <v>6479999</v>
      </c>
      <c r="J37170" s="8">
        <v>1</v>
      </c>
      <c r="K37170" s="9"/>
      <c r="L37170" s="6"/>
    </row>
    <row r="37171" spans="1:12">
      <c r="A37171" s="6" t="s">
        <v>36883</v>
      </c>
      <c r="B37171" s="6"/>
      <c r="C37171" s="6" t="s">
        <v>32230</v>
      </c>
      <c r="D37171" s="6"/>
      <c r="E37171" s="6" t="s">
        <v>25121</v>
      </c>
      <c r="F37171" s="7">
        <v>33573</v>
      </c>
      <c r="G37171" s="8">
        <v>6480000</v>
      </c>
      <c r="H37171" s="8">
        <v>90720</v>
      </c>
      <c r="I37171" s="8">
        <v>6479999</v>
      </c>
      <c r="J37171" s="8">
        <v>1</v>
      </c>
      <c r="K37171" s="9"/>
      <c r="L37171" s="6"/>
    </row>
    <row r="37172" spans="1:12">
      <c r="A37172" s="6" t="s">
        <v>36884</v>
      </c>
      <c r="B37172" s="6"/>
      <c r="C37172" s="6" t="s">
        <v>32230</v>
      </c>
      <c r="D37172" s="6"/>
      <c r="E37172" s="6" t="s">
        <v>25121</v>
      </c>
      <c r="F37172" s="7">
        <v>35827</v>
      </c>
      <c r="G37172" s="8">
        <v>6480000</v>
      </c>
      <c r="H37172" s="8">
        <v>1412640</v>
      </c>
      <c r="I37172" s="8">
        <v>5287680</v>
      </c>
      <c r="J37172" s="8">
        <v>1192320</v>
      </c>
      <c r="K37172" s="9"/>
      <c r="L37172" s="6"/>
    </row>
    <row r="37173" spans="1:12">
      <c r="A37173" s="6" t="s">
        <v>36885</v>
      </c>
      <c r="B37173" s="6"/>
      <c r="C37173" s="6" t="s">
        <v>32230</v>
      </c>
      <c r="D37173" s="6"/>
      <c r="E37173" s="6" t="s">
        <v>25121</v>
      </c>
      <c r="F37173" s="7">
        <v>36251</v>
      </c>
      <c r="G37173" s="8">
        <v>6480000</v>
      </c>
      <c r="H37173" s="8">
        <v>1853280</v>
      </c>
      <c r="I37173" s="8">
        <v>4847040</v>
      </c>
      <c r="J37173" s="8">
        <v>1632960</v>
      </c>
      <c r="K37173" s="9"/>
      <c r="L37173" s="6"/>
    </row>
    <row r="37174" spans="1:12">
      <c r="A37174" s="6" t="s">
        <v>36886</v>
      </c>
      <c r="B37174" s="6"/>
      <c r="C37174" s="6" t="s">
        <v>32230</v>
      </c>
      <c r="D37174" s="6"/>
      <c r="E37174" s="6" t="s">
        <v>25121</v>
      </c>
      <c r="F37174" s="7">
        <v>36708</v>
      </c>
      <c r="G37174" s="8">
        <v>19440000</v>
      </c>
      <c r="H37174" s="8">
        <v>6220800</v>
      </c>
      <c r="I37174" s="8">
        <v>13880160</v>
      </c>
      <c r="J37174" s="8">
        <v>5559840</v>
      </c>
      <c r="K37174" s="9"/>
      <c r="L37174" s="6"/>
    </row>
    <row r="37175" spans="1:12">
      <c r="A37175" s="6" t="s">
        <v>36887</v>
      </c>
      <c r="B37175" s="6"/>
      <c r="C37175" s="6" t="s">
        <v>32230</v>
      </c>
      <c r="D37175" s="6"/>
      <c r="E37175" s="6" t="s">
        <v>25121</v>
      </c>
      <c r="F37175" s="7">
        <v>36800</v>
      </c>
      <c r="G37175" s="8">
        <v>6480000</v>
      </c>
      <c r="H37175" s="8">
        <v>2073600</v>
      </c>
      <c r="I37175" s="8">
        <v>4626720</v>
      </c>
      <c r="J37175" s="8">
        <v>1853280</v>
      </c>
      <c r="K37175" s="9"/>
      <c r="L37175" s="6"/>
    </row>
    <row r="37176" spans="1:12">
      <c r="A37176" s="6" t="s">
        <v>36888</v>
      </c>
      <c r="B37176" s="6"/>
      <c r="C37176" s="6" t="s">
        <v>32230</v>
      </c>
      <c r="D37176" s="6"/>
      <c r="E37176" s="6" t="s">
        <v>25121</v>
      </c>
      <c r="F37176" s="7">
        <v>37226</v>
      </c>
      <c r="G37176" s="8">
        <v>16200000</v>
      </c>
      <c r="H37176" s="8">
        <v>5734800</v>
      </c>
      <c r="I37176" s="8">
        <v>11016000</v>
      </c>
      <c r="J37176" s="8">
        <v>5184000</v>
      </c>
      <c r="K37176" s="9"/>
      <c r="L37176" s="6"/>
    </row>
    <row r="37177" spans="1:12">
      <c r="A37177" s="6" t="s">
        <v>36889</v>
      </c>
      <c r="B37177" s="6"/>
      <c r="C37177" s="6" t="s">
        <v>32230</v>
      </c>
      <c r="D37177" s="6"/>
      <c r="E37177" s="6" t="s">
        <v>25121</v>
      </c>
      <c r="F37177" s="7">
        <v>38473</v>
      </c>
      <c r="G37177" s="8">
        <v>6480000</v>
      </c>
      <c r="H37177" s="8">
        <v>3175200</v>
      </c>
      <c r="I37177" s="8">
        <v>3525120</v>
      </c>
      <c r="J37177" s="8">
        <v>2954880</v>
      </c>
      <c r="K37177" s="9"/>
      <c r="L37177" s="6"/>
    </row>
    <row r="37178" spans="1:12">
      <c r="A37178" s="6" t="s">
        <v>36890</v>
      </c>
      <c r="B37178" s="6"/>
      <c r="C37178" s="6" t="s">
        <v>32230</v>
      </c>
      <c r="D37178" s="6"/>
      <c r="E37178" s="6" t="s">
        <v>25121</v>
      </c>
      <c r="F37178" s="7">
        <v>39845</v>
      </c>
      <c r="G37178" s="8">
        <v>6480000</v>
      </c>
      <c r="H37178" s="8">
        <v>3836160</v>
      </c>
      <c r="I37178" s="8">
        <v>2864160</v>
      </c>
      <c r="J37178" s="8">
        <v>3615840</v>
      </c>
      <c r="K37178" s="9"/>
      <c r="L37178" s="6"/>
    </row>
    <row r="37179" spans="1:12">
      <c r="A37179" s="6" t="s">
        <v>36891</v>
      </c>
      <c r="B37179" s="6"/>
      <c r="C37179" s="6" t="s">
        <v>32230</v>
      </c>
      <c r="D37179" s="6"/>
      <c r="E37179" s="6" t="s">
        <v>25121</v>
      </c>
      <c r="F37179" s="7">
        <v>42217</v>
      </c>
      <c r="G37179" s="8">
        <v>1</v>
      </c>
      <c r="H37179" s="8">
        <v>1</v>
      </c>
      <c r="I37179" s="8">
        <v>0</v>
      </c>
      <c r="J37179" s="8">
        <v>1</v>
      </c>
      <c r="K37179" s="9"/>
      <c r="L37179" s="6"/>
    </row>
    <row r="37180" spans="1:12">
      <c r="A37180" s="6" t="s">
        <v>36892</v>
      </c>
      <c r="B37180" s="6"/>
      <c r="C37180" s="6" t="s">
        <v>32230</v>
      </c>
      <c r="D37180" s="6"/>
      <c r="E37180" s="6" t="s">
        <v>25121</v>
      </c>
      <c r="F37180" s="7">
        <v>33298</v>
      </c>
      <c r="G37180" s="8">
        <v>6480000</v>
      </c>
      <c r="H37180" s="8">
        <v>1</v>
      </c>
      <c r="I37180" s="8">
        <v>6479999</v>
      </c>
      <c r="J37180" s="8">
        <v>1</v>
      </c>
      <c r="K37180" s="9"/>
      <c r="L37180" s="6"/>
    </row>
    <row r="37181" spans="1:12">
      <c r="A37181" s="6" t="s">
        <v>36893</v>
      </c>
      <c r="B37181" s="6"/>
      <c r="C37181" s="6" t="s">
        <v>32230</v>
      </c>
      <c r="D37181" s="6"/>
      <c r="E37181" s="6" t="s">
        <v>25121</v>
      </c>
      <c r="F37181" s="7">
        <v>30926</v>
      </c>
      <c r="G37181" s="8">
        <v>7776000</v>
      </c>
      <c r="H37181" s="8">
        <v>1</v>
      </c>
      <c r="I37181" s="8">
        <v>7775999</v>
      </c>
      <c r="J37181" s="8">
        <v>1</v>
      </c>
      <c r="K37181" s="9"/>
      <c r="L37181" s="6"/>
    </row>
    <row r="37182" spans="1:12">
      <c r="A37182" s="6" t="s">
        <v>36894</v>
      </c>
      <c r="B37182" s="6"/>
      <c r="C37182" s="6" t="s">
        <v>32230</v>
      </c>
      <c r="D37182" s="6"/>
      <c r="E37182" s="6" t="s">
        <v>25121</v>
      </c>
      <c r="F37182" s="7">
        <v>29830</v>
      </c>
      <c r="G37182" s="8">
        <v>6480000</v>
      </c>
      <c r="H37182" s="8">
        <v>1</v>
      </c>
      <c r="I37182" s="8">
        <v>6479999</v>
      </c>
      <c r="J37182" s="8">
        <v>1</v>
      </c>
      <c r="K37182" s="9"/>
      <c r="L37182" s="6"/>
    </row>
    <row r="37183" spans="1:12">
      <c r="A37183" s="6" t="s">
        <v>36895</v>
      </c>
      <c r="B37183" s="6"/>
      <c r="C37183" s="6" t="s">
        <v>32230</v>
      </c>
      <c r="D37183" s="6"/>
      <c r="E37183" s="6" t="s">
        <v>25121</v>
      </c>
      <c r="F37183" s="7">
        <v>19450</v>
      </c>
      <c r="G37183" s="8">
        <v>7290000</v>
      </c>
      <c r="H37183" s="8">
        <v>1</v>
      </c>
      <c r="I37183" s="8">
        <v>7289999</v>
      </c>
      <c r="J37183" s="8">
        <v>1</v>
      </c>
      <c r="K37183" s="9"/>
      <c r="L37183" s="6"/>
    </row>
    <row r="37184" spans="1:12">
      <c r="A37184" s="6" t="s">
        <v>36896</v>
      </c>
      <c r="B37184" s="6"/>
      <c r="C37184" s="6" t="s">
        <v>32230</v>
      </c>
      <c r="D37184" s="6"/>
      <c r="E37184" s="6" t="s">
        <v>25121</v>
      </c>
      <c r="F37184" s="7">
        <v>30560</v>
      </c>
      <c r="G37184" s="8">
        <v>7452000</v>
      </c>
      <c r="H37184" s="8">
        <v>1</v>
      </c>
      <c r="I37184" s="8">
        <v>7451999</v>
      </c>
      <c r="J37184" s="8">
        <v>1</v>
      </c>
      <c r="K37184" s="9"/>
      <c r="L37184" s="6"/>
    </row>
    <row r="37185" spans="1:12">
      <c r="A37185" s="6" t="s">
        <v>36897</v>
      </c>
      <c r="B37185" s="6"/>
      <c r="C37185" s="6" t="s">
        <v>32230</v>
      </c>
      <c r="D37185" s="6"/>
      <c r="E37185" s="6" t="s">
        <v>25121</v>
      </c>
      <c r="F37185" s="7">
        <v>30164</v>
      </c>
      <c r="G37185" s="8">
        <v>6480000</v>
      </c>
      <c r="H37185" s="8">
        <v>1</v>
      </c>
      <c r="I37185" s="8">
        <v>6479999</v>
      </c>
      <c r="J37185" s="8">
        <v>1</v>
      </c>
      <c r="K37185" s="9"/>
      <c r="L37185" s="6"/>
    </row>
    <row r="37186" spans="1:12">
      <c r="A37186" s="6" t="s">
        <v>36898</v>
      </c>
      <c r="B37186" s="6"/>
      <c r="C37186" s="6" t="s">
        <v>32230</v>
      </c>
      <c r="D37186" s="6"/>
      <c r="E37186" s="6" t="s">
        <v>25121</v>
      </c>
      <c r="F37186" s="7">
        <v>30195</v>
      </c>
      <c r="G37186" s="8">
        <v>6480000</v>
      </c>
      <c r="H37186" s="8">
        <v>1</v>
      </c>
      <c r="I37186" s="8">
        <v>6479999</v>
      </c>
      <c r="J37186" s="8">
        <v>1</v>
      </c>
      <c r="K37186" s="9"/>
      <c r="L37186" s="6"/>
    </row>
    <row r="37187" spans="1:12">
      <c r="A37187" s="6" t="s">
        <v>36899</v>
      </c>
      <c r="B37187" s="6"/>
      <c r="C37187" s="6" t="s">
        <v>32230</v>
      </c>
      <c r="D37187" s="6"/>
      <c r="E37187" s="6" t="s">
        <v>25121</v>
      </c>
      <c r="F37187" s="7">
        <v>30164</v>
      </c>
      <c r="G37187" s="8">
        <v>6966000</v>
      </c>
      <c r="H37187" s="8">
        <v>1</v>
      </c>
      <c r="I37187" s="8">
        <v>6965999</v>
      </c>
      <c r="J37187" s="8">
        <v>1</v>
      </c>
      <c r="K37187" s="9"/>
      <c r="L37187" s="6"/>
    </row>
    <row r="37188" spans="1:12">
      <c r="A37188" s="6" t="s">
        <v>36900</v>
      </c>
      <c r="B37188" s="6"/>
      <c r="C37188" s="6" t="s">
        <v>32230</v>
      </c>
      <c r="D37188" s="6"/>
      <c r="E37188" s="6" t="s">
        <v>25121</v>
      </c>
      <c r="F37188" s="7">
        <v>30560</v>
      </c>
      <c r="G37188" s="8">
        <v>7290000</v>
      </c>
      <c r="H37188" s="8">
        <v>1</v>
      </c>
      <c r="I37188" s="8">
        <v>7289999</v>
      </c>
      <c r="J37188" s="8">
        <v>1</v>
      </c>
      <c r="K37188" s="9"/>
      <c r="L37188" s="6"/>
    </row>
    <row r="37189" spans="1:12">
      <c r="A37189" s="6" t="s">
        <v>36901</v>
      </c>
      <c r="B37189" s="6"/>
      <c r="C37189" s="6" t="s">
        <v>32230</v>
      </c>
      <c r="D37189" s="6"/>
      <c r="E37189" s="6" t="s">
        <v>25121</v>
      </c>
      <c r="F37189" s="7">
        <v>30560</v>
      </c>
      <c r="G37189" s="8">
        <v>7452000</v>
      </c>
      <c r="H37189" s="8">
        <v>1</v>
      </c>
      <c r="I37189" s="8">
        <v>7451999</v>
      </c>
      <c r="J37189" s="8">
        <v>1</v>
      </c>
      <c r="K37189" s="9"/>
      <c r="L37189" s="6"/>
    </row>
    <row r="37190" spans="1:12">
      <c r="A37190" s="6" t="s">
        <v>36902</v>
      </c>
      <c r="B37190" s="6"/>
      <c r="C37190" s="6" t="s">
        <v>32230</v>
      </c>
      <c r="D37190" s="6"/>
      <c r="E37190" s="6" t="s">
        <v>25121</v>
      </c>
      <c r="F37190" s="7">
        <v>30560</v>
      </c>
      <c r="G37190" s="8">
        <v>7776000</v>
      </c>
      <c r="H37190" s="8">
        <v>1</v>
      </c>
      <c r="I37190" s="8">
        <v>7775999</v>
      </c>
      <c r="J37190" s="8">
        <v>1</v>
      </c>
      <c r="K37190" s="9"/>
      <c r="L37190" s="6"/>
    </row>
    <row r="37191" spans="1:12">
      <c r="A37191" s="6" t="s">
        <v>36903</v>
      </c>
      <c r="B37191" s="6"/>
      <c r="C37191" s="6" t="s">
        <v>32230</v>
      </c>
      <c r="D37191" s="6"/>
      <c r="E37191" s="6" t="s">
        <v>25121</v>
      </c>
      <c r="F37191" s="7">
        <v>30895</v>
      </c>
      <c r="G37191" s="8">
        <v>7938000</v>
      </c>
      <c r="H37191" s="8">
        <v>1</v>
      </c>
      <c r="I37191" s="8">
        <v>7937999</v>
      </c>
      <c r="J37191" s="8">
        <v>1</v>
      </c>
      <c r="K37191" s="9"/>
      <c r="L37191" s="6"/>
    </row>
    <row r="37192" spans="1:12">
      <c r="A37192" s="6" t="s">
        <v>36904</v>
      </c>
      <c r="B37192" s="6"/>
      <c r="C37192" s="6" t="s">
        <v>32230</v>
      </c>
      <c r="D37192" s="6"/>
      <c r="E37192" s="6" t="s">
        <v>25121</v>
      </c>
      <c r="F37192" s="7">
        <v>31291</v>
      </c>
      <c r="G37192" s="8">
        <v>6966000</v>
      </c>
      <c r="H37192" s="8">
        <v>1</v>
      </c>
      <c r="I37192" s="8">
        <v>6965999</v>
      </c>
      <c r="J37192" s="8">
        <v>1</v>
      </c>
      <c r="K37192" s="9"/>
      <c r="L37192" s="6"/>
    </row>
    <row r="37193" spans="1:12">
      <c r="A37193" s="6" t="s">
        <v>36905</v>
      </c>
      <c r="B37193" s="6"/>
      <c r="C37193" s="6" t="s">
        <v>32230</v>
      </c>
      <c r="D37193" s="6"/>
      <c r="E37193" s="6" t="s">
        <v>25121</v>
      </c>
      <c r="F37193" s="7">
        <v>31686</v>
      </c>
      <c r="G37193" s="8">
        <v>6642000</v>
      </c>
      <c r="H37193" s="8">
        <v>1</v>
      </c>
      <c r="I37193" s="8">
        <v>6641999</v>
      </c>
      <c r="J37193" s="8">
        <v>1</v>
      </c>
      <c r="K37193" s="9"/>
      <c r="L37193" s="6"/>
    </row>
    <row r="37194" spans="1:12">
      <c r="A37194" s="6" t="s">
        <v>36906</v>
      </c>
      <c r="B37194" s="6"/>
      <c r="C37194" s="6" t="s">
        <v>32230</v>
      </c>
      <c r="D37194" s="6"/>
      <c r="E37194" s="6" t="s">
        <v>25121</v>
      </c>
      <c r="F37194" s="7">
        <v>31837</v>
      </c>
      <c r="G37194" s="8">
        <v>6642000</v>
      </c>
      <c r="H37194" s="8">
        <v>1</v>
      </c>
      <c r="I37194" s="8">
        <v>6641999</v>
      </c>
      <c r="J37194" s="8">
        <v>1</v>
      </c>
      <c r="K37194" s="9"/>
      <c r="L37194" s="6"/>
    </row>
    <row r="37195" spans="1:12">
      <c r="A37195" s="6" t="s">
        <v>36907</v>
      </c>
      <c r="B37195" s="6"/>
      <c r="C37195" s="6" t="s">
        <v>32230</v>
      </c>
      <c r="D37195" s="6"/>
      <c r="E37195" s="6" t="s">
        <v>25121</v>
      </c>
      <c r="F37195" s="7">
        <v>32143</v>
      </c>
      <c r="G37195" s="8">
        <v>6642000</v>
      </c>
      <c r="H37195" s="8">
        <v>1</v>
      </c>
      <c r="I37195" s="8">
        <v>6641999</v>
      </c>
      <c r="J37195" s="8">
        <v>1</v>
      </c>
      <c r="K37195" s="9"/>
      <c r="L37195" s="6"/>
    </row>
    <row r="37196" spans="1:12">
      <c r="A37196" s="6" t="s">
        <v>36908</v>
      </c>
      <c r="B37196" s="6"/>
      <c r="C37196" s="6" t="s">
        <v>32230</v>
      </c>
      <c r="D37196" s="6"/>
      <c r="E37196" s="6" t="s">
        <v>25121</v>
      </c>
      <c r="F37196" s="7">
        <v>32112</v>
      </c>
      <c r="G37196" s="8">
        <v>6642000</v>
      </c>
      <c r="H37196" s="8">
        <v>1</v>
      </c>
      <c r="I37196" s="8">
        <v>6641999</v>
      </c>
      <c r="J37196" s="8">
        <v>1</v>
      </c>
      <c r="K37196" s="9"/>
      <c r="L37196" s="6"/>
    </row>
    <row r="37197" spans="1:12">
      <c r="A37197" s="6" t="s">
        <v>36909</v>
      </c>
      <c r="B37197" s="6"/>
      <c r="C37197" s="6" t="s">
        <v>32230</v>
      </c>
      <c r="D37197" s="6"/>
      <c r="E37197" s="6" t="s">
        <v>25121</v>
      </c>
      <c r="F37197" s="7">
        <v>32112</v>
      </c>
      <c r="G37197" s="8">
        <v>6804000</v>
      </c>
      <c r="H37197" s="8">
        <v>1</v>
      </c>
      <c r="I37197" s="8">
        <v>6803999</v>
      </c>
      <c r="J37197" s="8">
        <v>1</v>
      </c>
      <c r="K37197" s="9"/>
      <c r="L37197" s="6"/>
    </row>
    <row r="37198" spans="1:12">
      <c r="A37198" s="6" t="s">
        <v>36910</v>
      </c>
      <c r="B37198" s="6"/>
      <c r="C37198" s="6" t="s">
        <v>32230</v>
      </c>
      <c r="D37198" s="6"/>
      <c r="E37198" s="6" t="s">
        <v>25121</v>
      </c>
      <c r="F37198" s="7">
        <v>32994</v>
      </c>
      <c r="G37198" s="8">
        <v>6480000</v>
      </c>
      <c r="H37198" s="8">
        <v>1</v>
      </c>
      <c r="I37198" s="8">
        <v>6479999</v>
      </c>
      <c r="J37198" s="8">
        <v>1</v>
      </c>
      <c r="K37198" s="9"/>
      <c r="L37198" s="6"/>
    </row>
    <row r="37199" spans="1:12">
      <c r="A37199" s="6" t="s">
        <v>36911</v>
      </c>
      <c r="B37199" s="6"/>
      <c r="C37199" s="6" t="s">
        <v>32230</v>
      </c>
      <c r="D37199" s="6"/>
      <c r="E37199" s="6" t="s">
        <v>25121</v>
      </c>
      <c r="F37199" s="7">
        <v>33970</v>
      </c>
      <c r="G37199" s="8">
        <v>6480000</v>
      </c>
      <c r="H37199" s="8">
        <v>311040</v>
      </c>
      <c r="I37199" s="8">
        <v>6389280</v>
      </c>
      <c r="J37199" s="8">
        <v>90720</v>
      </c>
      <c r="K37199" s="9"/>
      <c r="L37199" s="6"/>
    </row>
    <row r="37200" spans="1:12">
      <c r="A37200" s="6" t="s">
        <v>36912</v>
      </c>
      <c r="B37200" s="6"/>
      <c r="C37200" s="6" t="s">
        <v>32230</v>
      </c>
      <c r="D37200" s="6"/>
      <c r="E37200" s="6" t="s">
        <v>25121</v>
      </c>
      <c r="F37200" s="7">
        <v>29860</v>
      </c>
      <c r="G37200" s="8">
        <v>7128000</v>
      </c>
      <c r="H37200" s="8">
        <v>1</v>
      </c>
      <c r="I37200" s="8">
        <v>7127999</v>
      </c>
      <c r="J37200" s="8">
        <v>1</v>
      </c>
      <c r="K37200" s="9"/>
      <c r="L37200" s="6"/>
    </row>
    <row r="37201" spans="1:12">
      <c r="A37201" s="6" t="s">
        <v>36913</v>
      </c>
      <c r="B37201" s="6"/>
      <c r="C37201" s="6" t="s">
        <v>32230</v>
      </c>
      <c r="D37201" s="6"/>
      <c r="E37201" s="6" t="s">
        <v>25121</v>
      </c>
      <c r="F37201" s="7">
        <v>30256</v>
      </c>
      <c r="G37201" s="8">
        <v>7938000</v>
      </c>
      <c r="H37201" s="8">
        <v>1</v>
      </c>
      <c r="I37201" s="8">
        <v>7937999</v>
      </c>
      <c r="J37201" s="8">
        <v>1</v>
      </c>
      <c r="K37201" s="9"/>
      <c r="L37201" s="6"/>
    </row>
    <row r="37202" spans="1:12">
      <c r="A37202" s="6" t="s">
        <v>36914</v>
      </c>
      <c r="B37202" s="6"/>
      <c r="C37202" s="6" t="s">
        <v>32230</v>
      </c>
      <c r="D37202" s="6"/>
      <c r="E37202" s="6" t="s">
        <v>25121</v>
      </c>
      <c r="F37202" s="7">
        <v>31686</v>
      </c>
      <c r="G37202" s="8">
        <v>7938000</v>
      </c>
      <c r="H37202" s="8">
        <v>1</v>
      </c>
      <c r="I37202" s="8">
        <v>7937999</v>
      </c>
      <c r="J37202" s="8">
        <v>1</v>
      </c>
      <c r="K37202" s="9"/>
      <c r="L37202" s="6"/>
    </row>
    <row r="37203" spans="1:12">
      <c r="A37203" s="6" t="s">
        <v>36915</v>
      </c>
      <c r="B37203" s="6"/>
      <c r="C37203" s="6" t="s">
        <v>32230</v>
      </c>
      <c r="D37203" s="6"/>
      <c r="E37203" s="6" t="s">
        <v>25121</v>
      </c>
      <c r="F37203" s="7">
        <v>29465</v>
      </c>
      <c r="G37203" s="8">
        <v>8910000</v>
      </c>
      <c r="H37203" s="8">
        <v>1</v>
      </c>
      <c r="I37203" s="8">
        <v>8909999</v>
      </c>
      <c r="J37203" s="8">
        <v>1</v>
      </c>
      <c r="K37203" s="9"/>
      <c r="L37203" s="6"/>
    </row>
    <row r="37204" spans="1:12">
      <c r="A37204" s="6" t="s">
        <v>36916</v>
      </c>
      <c r="B37204" s="6"/>
      <c r="C37204" s="6" t="s">
        <v>32230</v>
      </c>
      <c r="D37204" s="6"/>
      <c r="E37204" s="6" t="s">
        <v>25121</v>
      </c>
      <c r="F37204" s="7">
        <v>30560</v>
      </c>
      <c r="G37204" s="8">
        <v>6966000</v>
      </c>
      <c r="H37204" s="8">
        <v>1</v>
      </c>
      <c r="I37204" s="8">
        <v>6965999</v>
      </c>
      <c r="J37204" s="8">
        <v>1</v>
      </c>
      <c r="K37204" s="9"/>
      <c r="L37204" s="6"/>
    </row>
    <row r="37205" spans="1:12">
      <c r="A37205" s="6" t="s">
        <v>36917</v>
      </c>
      <c r="B37205" s="6"/>
      <c r="C37205" s="6" t="s">
        <v>32230</v>
      </c>
      <c r="D37205" s="6"/>
      <c r="E37205" s="6" t="s">
        <v>25121</v>
      </c>
      <c r="F37205" s="7">
        <v>32478</v>
      </c>
      <c r="G37205" s="8">
        <v>6480000</v>
      </c>
      <c r="H37205" s="8">
        <v>1</v>
      </c>
      <c r="I37205" s="8">
        <v>6479999</v>
      </c>
      <c r="J37205" s="8">
        <v>1</v>
      </c>
      <c r="K37205" s="9"/>
      <c r="L37205" s="6"/>
    </row>
    <row r="37206" spans="1:12">
      <c r="A37206" s="6" t="s">
        <v>36918</v>
      </c>
      <c r="B37206" s="6"/>
      <c r="C37206" s="6" t="s">
        <v>32230</v>
      </c>
      <c r="D37206" s="6"/>
      <c r="E37206" s="6" t="s">
        <v>25121</v>
      </c>
      <c r="F37206" s="7">
        <v>31291</v>
      </c>
      <c r="G37206" s="8">
        <v>7128000</v>
      </c>
      <c r="H37206" s="8">
        <v>1</v>
      </c>
      <c r="I37206" s="8">
        <v>7127999</v>
      </c>
      <c r="J37206" s="8">
        <v>1</v>
      </c>
      <c r="K37206" s="9"/>
      <c r="L37206" s="6"/>
    </row>
    <row r="37207" spans="1:12">
      <c r="A37207" s="6" t="s">
        <v>36919</v>
      </c>
      <c r="B37207" s="6"/>
      <c r="C37207" s="6" t="s">
        <v>32230</v>
      </c>
      <c r="D37207" s="6"/>
      <c r="E37207" s="6" t="s">
        <v>25121</v>
      </c>
      <c r="F37207" s="7">
        <v>32112</v>
      </c>
      <c r="G37207" s="8">
        <v>7452000</v>
      </c>
      <c r="H37207" s="8">
        <v>1</v>
      </c>
      <c r="I37207" s="8">
        <v>7451999</v>
      </c>
      <c r="J37207" s="8">
        <v>1</v>
      </c>
      <c r="K37207" s="9"/>
      <c r="L37207" s="6"/>
    </row>
    <row r="37208" spans="1:12">
      <c r="A37208" s="6" t="s">
        <v>36920</v>
      </c>
      <c r="B37208" s="6"/>
      <c r="C37208" s="6" t="s">
        <v>32230</v>
      </c>
      <c r="D37208" s="6"/>
      <c r="E37208" s="6" t="s">
        <v>25121</v>
      </c>
      <c r="F37208" s="7">
        <v>29190</v>
      </c>
      <c r="G37208" s="8">
        <v>6480000</v>
      </c>
      <c r="H37208" s="8">
        <v>1</v>
      </c>
      <c r="I37208" s="8">
        <v>6479999</v>
      </c>
      <c r="J37208" s="8">
        <v>1</v>
      </c>
      <c r="K37208" s="9"/>
      <c r="L37208" s="6"/>
    </row>
    <row r="37209" spans="1:12">
      <c r="A37209" s="6" t="s">
        <v>36921</v>
      </c>
      <c r="B37209" s="6"/>
      <c r="C37209" s="6" t="s">
        <v>32230</v>
      </c>
      <c r="D37209" s="6"/>
      <c r="E37209" s="6" t="s">
        <v>25121</v>
      </c>
      <c r="F37209" s="7">
        <v>32964</v>
      </c>
      <c r="G37209" s="8">
        <v>8100000</v>
      </c>
      <c r="H37209" s="8">
        <v>1</v>
      </c>
      <c r="I37209" s="8">
        <v>8099999</v>
      </c>
      <c r="J37209" s="8">
        <v>1</v>
      </c>
      <c r="K37209" s="9"/>
      <c r="L37209" s="6"/>
    </row>
    <row r="37210" spans="1:12">
      <c r="A37210" s="6" t="s">
        <v>36922</v>
      </c>
      <c r="B37210" s="6"/>
      <c r="C37210" s="6" t="s">
        <v>32230</v>
      </c>
      <c r="D37210" s="6"/>
      <c r="E37210" s="6" t="s">
        <v>25121</v>
      </c>
      <c r="F37210" s="7">
        <v>33239</v>
      </c>
      <c r="G37210" s="8">
        <v>6642000</v>
      </c>
      <c r="H37210" s="8">
        <v>1</v>
      </c>
      <c r="I37210" s="8">
        <v>6641999</v>
      </c>
      <c r="J37210" s="8">
        <v>1</v>
      </c>
      <c r="K37210" s="9"/>
      <c r="L37210" s="6"/>
    </row>
    <row r="37211" spans="1:12">
      <c r="A37211" s="6" t="s">
        <v>36923</v>
      </c>
      <c r="B37211" s="6"/>
      <c r="C37211" s="6" t="s">
        <v>32230</v>
      </c>
      <c r="D37211" s="6"/>
      <c r="E37211" s="6" t="s">
        <v>25121</v>
      </c>
      <c r="F37211" s="7">
        <v>31686</v>
      </c>
      <c r="G37211" s="8">
        <v>6642000</v>
      </c>
      <c r="H37211" s="8">
        <v>1</v>
      </c>
      <c r="I37211" s="8">
        <v>6641999</v>
      </c>
      <c r="J37211" s="8">
        <v>1</v>
      </c>
      <c r="K37211" s="9"/>
      <c r="L37211" s="6"/>
    </row>
    <row r="37212" spans="1:12">
      <c r="A37212" s="6" t="s">
        <v>36924</v>
      </c>
      <c r="B37212" s="6"/>
      <c r="C37212" s="6" t="s">
        <v>32230</v>
      </c>
      <c r="D37212" s="6"/>
      <c r="E37212" s="6" t="s">
        <v>25121</v>
      </c>
      <c r="F37212" s="7">
        <v>37712</v>
      </c>
      <c r="G37212" s="8">
        <v>6480000</v>
      </c>
      <c r="H37212" s="8">
        <v>2734560</v>
      </c>
      <c r="I37212" s="8">
        <v>3965760</v>
      </c>
      <c r="J37212" s="8">
        <v>2514240</v>
      </c>
      <c r="K37212" s="9"/>
      <c r="L37212" s="6"/>
    </row>
    <row r="37213" spans="1:12">
      <c r="A37213" s="6" t="s">
        <v>36925</v>
      </c>
      <c r="B37213" s="6"/>
      <c r="C37213" s="6" t="s">
        <v>32230</v>
      </c>
      <c r="D37213" s="6"/>
      <c r="E37213" s="6" t="s">
        <v>25121</v>
      </c>
      <c r="F37213" s="7">
        <v>37712</v>
      </c>
      <c r="G37213" s="8">
        <v>6480000</v>
      </c>
      <c r="H37213" s="8">
        <v>2734560</v>
      </c>
      <c r="I37213" s="8">
        <v>3965760</v>
      </c>
      <c r="J37213" s="8">
        <v>2514240</v>
      </c>
      <c r="K37213" s="9"/>
      <c r="L37213" s="6"/>
    </row>
    <row r="37214" spans="1:12">
      <c r="A37214" s="6" t="s">
        <v>36926</v>
      </c>
      <c r="B37214" s="6"/>
      <c r="C37214" s="6" t="s">
        <v>32230</v>
      </c>
      <c r="D37214" s="6"/>
      <c r="E37214" s="6" t="s">
        <v>25121</v>
      </c>
      <c r="F37214" s="7">
        <v>38261</v>
      </c>
      <c r="G37214" s="8">
        <v>9720000</v>
      </c>
      <c r="H37214" s="8">
        <v>4432320</v>
      </c>
      <c r="I37214" s="8">
        <v>5618160</v>
      </c>
      <c r="J37214" s="8">
        <v>4101840</v>
      </c>
      <c r="K37214" s="9"/>
      <c r="L37214" s="6"/>
    </row>
    <row r="37215" spans="1:12">
      <c r="A37215" s="6" t="s">
        <v>36927</v>
      </c>
      <c r="B37215" s="6"/>
      <c r="C37215" s="6" t="s">
        <v>32230</v>
      </c>
      <c r="D37215" s="6"/>
      <c r="E37215" s="6" t="s">
        <v>25121</v>
      </c>
      <c r="F37215" s="7">
        <v>34790</v>
      </c>
      <c r="G37215" s="8">
        <v>6480000</v>
      </c>
      <c r="H37215" s="8">
        <v>972000</v>
      </c>
      <c r="I37215" s="8">
        <v>5728320</v>
      </c>
      <c r="J37215" s="8">
        <v>751680</v>
      </c>
      <c r="K37215" s="9"/>
      <c r="L37215" s="6"/>
    </row>
    <row r="37216" spans="1:12">
      <c r="A37216" s="6" t="s">
        <v>36928</v>
      </c>
      <c r="B37216" s="6"/>
      <c r="C37216" s="6" t="s">
        <v>32230</v>
      </c>
      <c r="D37216" s="6"/>
      <c r="E37216" s="6" t="s">
        <v>25121</v>
      </c>
      <c r="F37216" s="7">
        <v>29646</v>
      </c>
      <c r="G37216" s="8">
        <v>4050000</v>
      </c>
      <c r="H37216" s="8">
        <v>1</v>
      </c>
      <c r="I37216" s="8">
        <v>4049999</v>
      </c>
      <c r="J37216" s="8">
        <v>1</v>
      </c>
      <c r="K37216" s="9"/>
      <c r="L37216" s="6"/>
    </row>
    <row r="37217" spans="1:12">
      <c r="A37217" s="6" t="s">
        <v>36929</v>
      </c>
      <c r="B37217" s="6"/>
      <c r="C37217" s="6" t="s">
        <v>32230</v>
      </c>
      <c r="D37217" s="6"/>
      <c r="E37217" s="6" t="s">
        <v>25121</v>
      </c>
      <c r="F37217" s="7">
        <v>31686</v>
      </c>
      <c r="G37217" s="8">
        <v>6804000</v>
      </c>
      <c r="H37217" s="8">
        <v>1</v>
      </c>
      <c r="I37217" s="8">
        <v>6803999</v>
      </c>
      <c r="J37217" s="8">
        <v>1</v>
      </c>
      <c r="K37217" s="9"/>
      <c r="L37217" s="6"/>
    </row>
    <row r="37218" spans="1:12">
      <c r="A37218" s="6" t="s">
        <v>36930</v>
      </c>
      <c r="B37218" s="6"/>
      <c r="C37218" s="6" t="s">
        <v>32230</v>
      </c>
      <c r="D37218" s="6"/>
      <c r="E37218" s="6" t="s">
        <v>25121</v>
      </c>
      <c r="F37218" s="7">
        <v>32112</v>
      </c>
      <c r="G37218" s="8">
        <v>6642000</v>
      </c>
      <c r="H37218" s="8">
        <v>1</v>
      </c>
      <c r="I37218" s="8">
        <v>6641999</v>
      </c>
      <c r="J37218" s="8">
        <v>1</v>
      </c>
      <c r="K37218" s="9"/>
      <c r="L37218" s="6"/>
    </row>
    <row r="37219" spans="1:12">
      <c r="A37219" s="6" t="s">
        <v>36931</v>
      </c>
      <c r="B37219" s="6"/>
      <c r="C37219" s="6" t="s">
        <v>32230</v>
      </c>
      <c r="D37219" s="6"/>
      <c r="E37219" s="6" t="s">
        <v>25121</v>
      </c>
      <c r="F37219" s="7">
        <v>32690</v>
      </c>
      <c r="G37219" s="8">
        <v>6480000</v>
      </c>
      <c r="H37219" s="8">
        <v>1</v>
      </c>
      <c r="I37219" s="8">
        <v>6479999</v>
      </c>
      <c r="J37219" s="8">
        <v>1</v>
      </c>
      <c r="K37219" s="9"/>
      <c r="L37219" s="6"/>
    </row>
    <row r="37220" spans="1:12">
      <c r="A37220" s="6" t="s">
        <v>36932</v>
      </c>
      <c r="B37220" s="6"/>
      <c r="C37220" s="6" t="s">
        <v>32230</v>
      </c>
      <c r="D37220" s="6"/>
      <c r="E37220" s="6" t="s">
        <v>25121</v>
      </c>
      <c r="F37220" s="7">
        <v>33664</v>
      </c>
      <c r="G37220" s="8">
        <v>6480000</v>
      </c>
      <c r="H37220" s="8">
        <v>90720</v>
      </c>
      <c r="I37220" s="8">
        <v>6479999</v>
      </c>
      <c r="J37220" s="8">
        <v>1</v>
      </c>
      <c r="K37220" s="9"/>
      <c r="L37220" s="6"/>
    </row>
    <row r="37221" spans="1:12">
      <c r="A37221" s="6" t="s">
        <v>36933</v>
      </c>
      <c r="B37221" s="6"/>
      <c r="C37221" s="6" t="s">
        <v>32230</v>
      </c>
      <c r="D37221" s="6"/>
      <c r="E37221" s="6" t="s">
        <v>25121</v>
      </c>
      <c r="F37221" s="7">
        <v>30317</v>
      </c>
      <c r="G37221" s="8">
        <v>8424000</v>
      </c>
      <c r="H37221" s="8">
        <v>1</v>
      </c>
      <c r="I37221" s="8">
        <v>8423999</v>
      </c>
      <c r="J37221" s="8">
        <v>1</v>
      </c>
      <c r="K37221" s="9"/>
      <c r="L37221" s="6"/>
    </row>
    <row r="37222" spans="1:12">
      <c r="A37222" s="6" t="s">
        <v>36934</v>
      </c>
      <c r="B37222" s="6"/>
      <c r="C37222" s="6" t="s">
        <v>32230</v>
      </c>
      <c r="D37222" s="6"/>
      <c r="E37222" s="6" t="s">
        <v>25121</v>
      </c>
      <c r="F37222" s="7">
        <v>29190</v>
      </c>
      <c r="G37222" s="8">
        <v>6480000</v>
      </c>
      <c r="H37222" s="8">
        <v>1</v>
      </c>
      <c r="I37222" s="8">
        <v>6479999</v>
      </c>
      <c r="J37222" s="8">
        <v>1</v>
      </c>
      <c r="K37222" s="9"/>
      <c r="L37222" s="6"/>
    </row>
    <row r="37223" spans="1:12">
      <c r="A37223" s="6" t="s">
        <v>36935</v>
      </c>
      <c r="B37223" s="6"/>
      <c r="C37223" s="6" t="s">
        <v>32230</v>
      </c>
      <c r="D37223" s="6"/>
      <c r="E37223" s="6" t="s">
        <v>25121</v>
      </c>
      <c r="F37223" s="7">
        <v>34394</v>
      </c>
      <c r="G37223" s="8">
        <v>6480000</v>
      </c>
      <c r="H37223" s="8">
        <v>531360</v>
      </c>
      <c r="I37223" s="8">
        <v>6168960</v>
      </c>
      <c r="J37223" s="8">
        <v>311040</v>
      </c>
      <c r="K37223" s="9"/>
      <c r="L37223" s="6"/>
    </row>
    <row r="37224" spans="1:12">
      <c r="A37224" s="6" t="s">
        <v>36936</v>
      </c>
      <c r="B37224" s="6"/>
      <c r="C37224" s="6" t="s">
        <v>32230</v>
      </c>
      <c r="D37224" s="6"/>
      <c r="E37224" s="6" t="s">
        <v>25121</v>
      </c>
      <c r="F37224" s="7">
        <v>29646</v>
      </c>
      <c r="G37224" s="8">
        <v>6480000</v>
      </c>
      <c r="H37224" s="8">
        <v>1</v>
      </c>
      <c r="I37224" s="8">
        <v>6479999</v>
      </c>
      <c r="J37224" s="8">
        <v>1</v>
      </c>
      <c r="K37224" s="9"/>
      <c r="L37224" s="6"/>
    </row>
    <row r="37225" spans="1:12">
      <c r="A37225" s="6" t="s">
        <v>36937</v>
      </c>
      <c r="B37225" s="6"/>
      <c r="C37225" s="6" t="s">
        <v>32230</v>
      </c>
      <c r="D37225" s="6"/>
      <c r="E37225" s="6" t="s">
        <v>25121</v>
      </c>
      <c r="F37225" s="7">
        <v>29221</v>
      </c>
      <c r="G37225" s="8">
        <v>6480000</v>
      </c>
      <c r="H37225" s="8">
        <v>1</v>
      </c>
      <c r="I37225" s="8">
        <v>6479999</v>
      </c>
      <c r="J37225" s="8">
        <v>1</v>
      </c>
      <c r="K37225" s="9"/>
      <c r="L37225" s="6"/>
    </row>
    <row r="37226" spans="1:12">
      <c r="A37226" s="6" t="s">
        <v>36938</v>
      </c>
      <c r="B37226" s="6"/>
      <c r="C37226" s="6" t="s">
        <v>32230</v>
      </c>
      <c r="D37226" s="6"/>
      <c r="E37226" s="6" t="s">
        <v>25121</v>
      </c>
      <c r="F37226" s="7">
        <v>32599</v>
      </c>
      <c r="G37226" s="8">
        <v>6480000</v>
      </c>
      <c r="H37226" s="8">
        <v>1</v>
      </c>
      <c r="I37226" s="8">
        <v>6479999</v>
      </c>
      <c r="J37226" s="8">
        <v>1</v>
      </c>
      <c r="K37226" s="9"/>
      <c r="L37226" s="6"/>
    </row>
    <row r="37227" spans="1:12">
      <c r="A37227" s="6" t="s">
        <v>36939</v>
      </c>
      <c r="B37227" s="6"/>
      <c r="C37227" s="6" t="s">
        <v>32230</v>
      </c>
      <c r="D37227" s="6"/>
      <c r="E37227" s="6" t="s">
        <v>25121</v>
      </c>
      <c r="F37227" s="7">
        <v>32448</v>
      </c>
      <c r="G37227" s="8">
        <v>6480000</v>
      </c>
      <c r="H37227" s="8">
        <v>1</v>
      </c>
      <c r="I37227" s="8">
        <v>6479999</v>
      </c>
      <c r="J37227" s="8">
        <v>1</v>
      </c>
      <c r="K37227" s="9"/>
      <c r="L37227" s="6"/>
    </row>
    <row r="37228" spans="1:12">
      <c r="A37228" s="6" t="s">
        <v>36940</v>
      </c>
      <c r="B37228" s="6"/>
      <c r="C37228" s="6" t="s">
        <v>32230</v>
      </c>
      <c r="D37228" s="6"/>
      <c r="E37228" s="6" t="s">
        <v>25121</v>
      </c>
      <c r="F37228" s="7">
        <v>33055</v>
      </c>
      <c r="G37228" s="8">
        <v>6480000</v>
      </c>
      <c r="H37228" s="8">
        <v>1</v>
      </c>
      <c r="I37228" s="8">
        <v>6479999</v>
      </c>
      <c r="J37228" s="8">
        <v>1</v>
      </c>
      <c r="K37228" s="9"/>
      <c r="L37228" s="6"/>
    </row>
    <row r="37229" spans="1:12">
      <c r="A37229" s="6" t="s">
        <v>36941</v>
      </c>
      <c r="B37229" s="6"/>
      <c r="C37229" s="6" t="s">
        <v>32230</v>
      </c>
      <c r="D37229" s="6"/>
      <c r="E37229" s="6" t="s">
        <v>25121</v>
      </c>
      <c r="F37229" s="7">
        <v>32568</v>
      </c>
      <c r="G37229" s="8">
        <v>6480000</v>
      </c>
      <c r="H37229" s="8">
        <v>1</v>
      </c>
      <c r="I37229" s="8">
        <v>6479999</v>
      </c>
      <c r="J37229" s="8">
        <v>1</v>
      </c>
      <c r="K37229" s="9"/>
      <c r="L37229" s="6"/>
    </row>
    <row r="37230" spans="1:12">
      <c r="A37230" s="6" t="s">
        <v>36942</v>
      </c>
      <c r="B37230" s="6"/>
      <c r="C37230" s="6" t="s">
        <v>32230</v>
      </c>
      <c r="D37230" s="6"/>
      <c r="E37230" s="6" t="s">
        <v>25121</v>
      </c>
      <c r="F37230" s="7">
        <v>33117</v>
      </c>
      <c r="G37230" s="8">
        <v>6480000</v>
      </c>
      <c r="H37230" s="8">
        <v>1</v>
      </c>
      <c r="I37230" s="8">
        <v>6479999</v>
      </c>
      <c r="J37230" s="8">
        <v>1</v>
      </c>
      <c r="K37230" s="9"/>
      <c r="L37230" s="6"/>
    </row>
    <row r="37231" spans="1:12">
      <c r="A37231" s="6" t="s">
        <v>36943</v>
      </c>
      <c r="B37231" s="6"/>
      <c r="C37231" s="6" t="s">
        <v>32230</v>
      </c>
      <c r="D37231" s="6"/>
      <c r="E37231" s="6" t="s">
        <v>25121</v>
      </c>
      <c r="F37231" s="7">
        <v>32568</v>
      </c>
      <c r="G37231" s="8">
        <v>6480000</v>
      </c>
      <c r="H37231" s="8">
        <v>1</v>
      </c>
      <c r="I37231" s="8">
        <v>6479999</v>
      </c>
      <c r="J37231" s="8">
        <v>1</v>
      </c>
      <c r="K37231" s="9"/>
      <c r="L37231" s="6"/>
    </row>
    <row r="37232" spans="1:12">
      <c r="A37232" s="6" t="s">
        <v>36944</v>
      </c>
      <c r="B37232" s="6"/>
      <c r="C37232" s="6" t="s">
        <v>32230</v>
      </c>
      <c r="D37232" s="6"/>
      <c r="E37232" s="6" t="s">
        <v>25121</v>
      </c>
      <c r="F37232" s="7">
        <v>32752</v>
      </c>
      <c r="G37232" s="8">
        <v>6480000</v>
      </c>
      <c r="H37232" s="8">
        <v>1</v>
      </c>
      <c r="I37232" s="8">
        <v>6479999</v>
      </c>
      <c r="J37232" s="8">
        <v>1</v>
      </c>
      <c r="K37232" s="9"/>
      <c r="L37232" s="6"/>
    </row>
    <row r="37233" spans="1:12">
      <c r="A37233" s="6" t="s">
        <v>36945</v>
      </c>
      <c r="B37233" s="6"/>
      <c r="C37233" s="6" t="s">
        <v>32230</v>
      </c>
      <c r="D37233" s="6"/>
      <c r="E37233" s="6" t="s">
        <v>25121</v>
      </c>
      <c r="F37233" s="7">
        <v>32964</v>
      </c>
      <c r="G37233" s="8">
        <v>6480000</v>
      </c>
      <c r="H37233" s="8">
        <v>1</v>
      </c>
      <c r="I37233" s="8">
        <v>6479999</v>
      </c>
      <c r="J37233" s="8">
        <v>1</v>
      </c>
      <c r="K37233" s="9"/>
      <c r="L37233" s="6"/>
    </row>
    <row r="37234" spans="1:12">
      <c r="A37234" s="6" t="s">
        <v>36946</v>
      </c>
      <c r="B37234" s="6"/>
      <c r="C37234" s="6" t="s">
        <v>32230</v>
      </c>
      <c r="D37234" s="6"/>
      <c r="E37234" s="6" t="s">
        <v>25121</v>
      </c>
      <c r="F37234" s="7">
        <v>32568</v>
      </c>
      <c r="G37234" s="8">
        <v>6480000</v>
      </c>
      <c r="H37234" s="8">
        <v>1</v>
      </c>
      <c r="I37234" s="8">
        <v>6479999</v>
      </c>
      <c r="J37234" s="8">
        <v>1</v>
      </c>
      <c r="K37234" s="9"/>
      <c r="L37234" s="6"/>
    </row>
    <row r="37235" spans="1:12">
      <c r="A37235" s="6" t="s">
        <v>36947</v>
      </c>
      <c r="B37235" s="6"/>
      <c r="C37235" s="6" t="s">
        <v>32230</v>
      </c>
      <c r="D37235" s="6"/>
      <c r="E37235" s="6" t="s">
        <v>25121</v>
      </c>
      <c r="F37235" s="7">
        <v>32964</v>
      </c>
      <c r="G37235" s="8">
        <v>6480000</v>
      </c>
      <c r="H37235" s="8">
        <v>1</v>
      </c>
      <c r="I37235" s="8">
        <v>6479999</v>
      </c>
      <c r="J37235" s="8">
        <v>1</v>
      </c>
      <c r="K37235" s="9"/>
      <c r="L37235" s="6"/>
    </row>
    <row r="37236" spans="1:12">
      <c r="A37236" s="6" t="s">
        <v>36948</v>
      </c>
      <c r="B37236" s="6"/>
      <c r="C37236" s="6" t="s">
        <v>32230</v>
      </c>
      <c r="D37236" s="6"/>
      <c r="E37236" s="6" t="s">
        <v>25121</v>
      </c>
      <c r="F37236" s="7">
        <v>32568</v>
      </c>
      <c r="G37236" s="8">
        <v>6480000</v>
      </c>
      <c r="H37236" s="8">
        <v>1</v>
      </c>
      <c r="I37236" s="8">
        <v>6479999</v>
      </c>
      <c r="J37236" s="8">
        <v>1</v>
      </c>
      <c r="K37236" s="9"/>
      <c r="L37236" s="6"/>
    </row>
    <row r="37237" spans="1:12">
      <c r="A37237" s="6" t="s">
        <v>36949</v>
      </c>
      <c r="B37237" s="6"/>
      <c r="C37237" s="6" t="s">
        <v>32230</v>
      </c>
      <c r="D37237" s="6"/>
      <c r="E37237" s="6" t="s">
        <v>25121</v>
      </c>
      <c r="F37237" s="7">
        <v>33635</v>
      </c>
      <c r="G37237" s="8">
        <v>6480000</v>
      </c>
      <c r="H37237" s="8">
        <v>90720</v>
      </c>
      <c r="I37237" s="8">
        <v>6479999</v>
      </c>
      <c r="J37237" s="8">
        <v>1</v>
      </c>
      <c r="K37237" s="9"/>
      <c r="L37237" s="6"/>
    </row>
    <row r="37238" spans="1:12">
      <c r="A37238" s="6" t="s">
        <v>36950</v>
      </c>
      <c r="B37238" s="6"/>
      <c r="C37238" s="6" t="s">
        <v>32230</v>
      </c>
      <c r="D37238" s="6"/>
      <c r="E37238" s="6" t="s">
        <v>25121</v>
      </c>
      <c r="F37238" s="7">
        <v>34790</v>
      </c>
      <c r="G37238" s="8">
        <v>6480000</v>
      </c>
      <c r="H37238" s="8">
        <v>972000</v>
      </c>
      <c r="I37238" s="8">
        <v>5728320</v>
      </c>
      <c r="J37238" s="8">
        <v>751680</v>
      </c>
      <c r="K37238" s="9"/>
      <c r="L37238" s="6"/>
    </row>
    <row r="37239" spans="1:12">
      <c r="A37239" s="6" t="s">
        <v>36951</v>
      </c>
      <c r="B37239" s="6"/>
      <c r="C37239" s="6" t="s">
        <v>32230</v>
      </c>
      <c r="D37239" s="6"/>
      <c r="E37239" s="6" t="s">
        <v>25121</v>
      </c>
      <c r="F37239" s="7">
        <v>35156</v>
      </c>
      <c r="G37239" s="8">
        <v>6480000</v>
      </c>
      <c r="H37239" s="8">
        <v>1192320</v>
      </c>
      <c r="I37239" s="8">
        <v>5508000</v>
      </c>
      <c r="J37239" s="8">
        <v>972000</v>
      </c>
      <c r="K37239" s="9"/>
      <c r="L37239" s="6"/>
    </row>
    <row r="37240" spans="1:12">
      <c r="A37240" s="6" t="s">
        <v>36952</v>
      </c>
      <c r="B37240" s="6"/>
      <c r="C37240" s="6" t="s">
        <v>32230</v>
      </c>
      <c r="D37240" s="6"/>
      <c r="E37240" s="6" t="s">
        <v>25121</v>
      </c>
      <c r="F37240" s="7">
        <v>36951</v>
      </c>
      <c r="G37240" s="8">
        <v>6480000</v>
      </c>
      <c r="H37240" s="8">
        <v>2073600</v>
      </c>
      <c r="I37240" s="8">
        <v>4626720</v>
      </c>
      <c r="J37240" s="8">
        <v>1853280</v>
      </c>
      <c r="K37240" s="9"/>
      <c r="L37240" s="6"/>
    </row>
    <row r="37241" spans="1:12">
      <c r="A37241" s="6" t="s">
        <v>36953</v>
      </c>
      <c r="B37241" s="6"/>
      <c r="C37241" s="6" t="s">
        <v>32230</v>
      </c>
      <c r="D37241" s="6"/>
      <c r="E37241" s="6" t="s">
        <v>25121</v>
      </c>
      <c r="F37241" s="7"/>
      <c r="G37241" s="8">
        <v>1</v>
      </c>
      <c r="H37241" s="8">
        <v>1</v>
      </c>
      <c r="I37241" s="8">
        <v>0</v>
      </c>
      <c r="J37241" s="8">
        <v>1</v>
      </c>
      <c r="K37241" s="9"/>
      <c r="L37241" s="6"/>
    </row>
    <row r="37242" spans="1:12">
      <c r="A37242" s="6" t="s">
        <v>36954</v>
      </c>
      <c r="B37242" s="6"/>
      <c r="C37242" s="6" t="s">
        <v>32230</v>
      </c>
      <c r="D37242" s="6"/>
      <c r="E37242" s="6" t="s">
        <v>25121</v>
      </c>
      <c r="F37242" s="7">
        <v>42181</v>
      </c>
      <c r="G37242" s="8">
        <v>5211360</v>
      </c>
      <c r="H37242" s="8">
        <v>4325430</v>
      </c>
      <c r="I37242" s="8">
        <v>1063116</v>
      </c>
      <c r="J37242" s="8">
        <v>4148244</v>
      </c>
      <c r="K37242" s="9"/>
      <c r="L37242" s="6"/>
    </row>
    <row r="37243" spans="1:12">
      <c r="A37243" s="6" t="s">
        <v>36955</v>
      </c>
      <c r="B37243" s="6"/>
      <c r="C37243" s="6" t="s">
        <v>32230</v>
      </c>
      <c r="D37243" s="6"/>
      <c r="E37243" s="6" t="s">
        <v>25121</v>
      </c>
      <c r="F37243" s="7">
        <v>42181</v>
      </c>
      <c r="G37243" s="8">
        <v>5211360</v>
      </c>
      <c r="H37243" s="8">
        <v>4325430</v>
      </c>
      <c r="I37243" s="8">
        <v>1063116</v>
      </c>
      <c r="J37243" s="8">
        <v>4148244</v>
      </c>
      <c r="K37243" s="9"/>
      <c r="L37243" s="6"/>
    </row>
    <row r="37244" spans="1:12">
      <c r="A37244" s="6" t="s">
        <v>36956</v>
      </c>
      <c r="B37244" s="6"/>
      <c r="C37244" s="6" t="s">
        <v>32230</v>
      </c>
      <c r="D37244" s="6"/>
      <c r="E37244" s="6" t="s">
        <v>25121</v>
      </c>
      <c r="F37244" s="7">
        <v>42181</v>
      </c>
      <c r="G37244" s="8">
        <v>5211360</v>
      </c>
      <c r="H37244" s="8">
        <v>4325430</v>
      </c>
      <c r="I37244" s="8">
        <v>1063116</v>
      </c>
      <c r="J37244" s="8">
        <v>4148244</v>
      </c>
      <c r="K37244" s="9"/>
      <c r="L37244" s="6"/>
    </row>
    <row r="37245" spans="1:12">
      <c r="A37245" s="6" t="s">
        <v>36957</v>
      </c>
      <c r="B37245" s="6"/>
      <c r="C37245" s="6" t="s">
        <v>32230</v>
      </c>
      <c r="D37245" s="6"/>
      <c r="E37245" s="6" t="s">
        <v>25121</v>
      </c>
      <c r="F37245" s="7">
        <v>42390</v>
      </c>
      <c r="G37245" s="8">
        <v>11772000</v>
      </c>
      <c r="H37245" s="8">
        <v>9770760</v>
      </c>
      <c r="I37245" s="8">
        <v>2401488</v>
      </c>
      <c r="J37245" s="8">
        <v>9370512</v>
      </c>
      <c r="K37245" s="9"/>
      <c r="L37245" s="6"/>
    </row>
    <row r="37246" spans="1:12">
      <c r="A37246" s="6" t="s">
        <v>36958</v>
      </c>
      <c r="B37246" s="6"/>
      <c r="C37246" s="6" t="s">
        <v>32230</v>
      </c>
      <c r="D37246" s="6"/>
      <c r="E37246" s="6" t="s">
        <v>25121</v>
      </c>
      <c r="F37246" s="7">
        <v>29830</v>
      </c>
      <c r="G37246" s="8">
        <v>9720000</v>
      </c>
      <c r="H37246" s="8">
        <v>1</v>
      </c>
      <c r="I37246" s="8">
        <v>9719999</v>
      </c>
      <c r="J37246" s="8">
        <v>1</v>
      </c>
      <c r="K37246" s="9"/>
      <c r="L37246" s="6"/>
    </row>
    <row r="37247" spans="1:12">
      <c r="A37247" s="6" t="s">
        <v>36959</v>
      </c>
      <c r="B37247" s="6"/>
      <c r="C37247" s="6" t="s">
        <v>32230</v>
      </c>
      <c r="D37247" s="6"/>
      <c r="E37247" s="6" t="s">
        <v>25121</v>
      </c>
      <c r="F37247" s="7">
        <v>33664</v>
      </c>
      <c r="G37247" s="8">
        <v>8100000</v>
      </c>
      <c r="H37247" s="8">
        <v>113400</v>
      </c>
      <c r="I37247" s="8">
        <v>8099999</v>
      </c>
      <c r="J37247" s="8">
        <v>1</v>
      </c>
      <c r="K37247" s="9"/>
      <c r="L37247" s="6"/>
    </row>
    <row r="37248" spans="1:12">
      <c r="A37248" s="6" t="s">
        <v>36960</v>
      </c>
      <c r="B37248" s="6"/>
      <c r="C37248" s="6" t="s">
        <v>32230</v>
      </c>
      <c r="D37248" s="6"/>
      <c r="E37248" s="6" t="s">
        <v>25121</v>
      </c>
      <c r="F37248" s="7">
        <v>34001</v>
      </c>
      <c r="G37248" s="8">
        <v>12150000</v>
      </c>
      <c r="H37248" s="8">
        <v>583200</v>
      </c>
      <c r="I37248" s="8">
        <v>11979900</v>
      </c>
      <c r="J37248" s="8">
        <v>170100</v>
      </c>
      <c r="K37248" s="9"/>
      <c r="L37248" s="6"/>
    </row>
    <row r="37249" spans="1:12">
      <c r="A37249" s="6" t="s">
        <v>36961</v>
      </c>
      <c r="B37249" s="6"/>
      <c r="C37249" s="6" t="s">
        <v>32230</v>
      </c>
      <c r="D37249" s="6"/>
      <c r="E37249" s="6" t="s">
        <v>25121</v>
      </c>
      <c r="F37249" s="7">
        <v>30164</v>
      </c>
      <c r="G37249" s="8">
        <v>7290000</v>
      </c>
      <c r="H37249" s="8">
        <v>1</v>
      </c>
      <c r="I37249" s="8">
        <v>7289999</v>
      </c>
      <c r="J37249" s="8">
        <v>1</v>
      </c>
      <c r="K37249" s="9"/>
      <c r="L37249" s="6"/>
    </row>
    <row r="37250" spans="1:12">
      <c r="A37250" s="6" t="s">
        <v>36962</v>
      </c>
      <c r="B37250" s="6"/>
      <c r="C37250" s="6" t="s">
        <v>32230</v>
      </c>
      <c r="D37250" s="6"/>
      <c r="E37250" s="6" t="s">
        <v>25121</v>
      </c>
      <c r="F37250" s="7">
        <v>34001</v>
      </c>
      <c r="G37250" s="8">
        <v>8910000</v>
      </c>
      <c r="H37250" s="8">
        <v>427680</v>
      </c>
      <c r="I37250" s="8">
        <v>8785260</v>
      </c>
      <c r="J37250" s="8">
        <v>124740</v>
      </c>
      <c r="K37250" s="9"/>
      <c r="L37250" s="6"/>
    </row>
    <row r="37251" spans="1:12">
      <c r="A37251" s="6" t="s">
        <v>36963</v>
      </c>
      <c r="B37251" s="6"/>
      <c r="C37251" s="6" t="s">
        <v>32230</v>
      </c>
      <c r="D37251" s="6"/>
      <c r="E37251" s="6" t="s">
        <v>25121</v>
      </c>
      <c r="F37251" s="7">
        <v>32964</v>
      </c>
      <c r="G37251" s="8">
        <v>9396000</v>
      </c>
      <c r="H37251" s="8">
        <v>1</v>
      </c>
      <c r="I37251" s="8">
        <v>9395999</v>
      </c>
      <c r="J37251" s="8">
        <v>1</v>
      </c>
      <c r="K37251" s="9"/>
      <c r="L37251" s="6"/>
    </row>
    <row r="37252" spans="1:12">
      <c r="A37252" s="6" t="s">
        <v>36964</v>
      </c>
      <c r="B37252" s="6"/>
      <c r="C37252" s="6" t="s">
        <v>32230</v>
      </c>
      <c r="D37252" s="6"/>
      <c r="E37252" s="6" t="s">
        <v>25121</v>
      </c>
      <c r="F37252" s="7">
        <v>32143</v>
      </c>
      <c r="G37252" s="8">
        <v>6966000</v>
      </c>
      <c r="H37252" s="8">
        <v>1</v>
      </c>
      <c r="I37252" s="8">
        <v>6965999</v>
      </c>
      <c r="J37252" s="8">
        <v>1</v>
      </c>
      <c r="K37252" s="9"/>
      <c r="L37252" s="6"/>
    </row>
    <row r="37253" spans="1:12">
      <c r="A37253" s="6" t="s">
        <v>36965</v>
      </c>
      <c r="B37253" s="6"/>
      <c r="C37253" s="6" t="s">
        <v>32230</v>
      </c>
      <c r="D37253" s="6"/>
      <c r="E37253" s="6" t="s">
        <v>25121</v>
      </c>
      <c r="F37253" s="7">
        <v>30560</v>
      </c>
      <c r="G37253" s="8">
        <v>7776000</v>
      </c>
      <c r="H37253" s="8">
        <v>1</v>
      </c>
      <c r="I37253" s="8">
        <v>7775999</v>
      </c>
      <c r="J37253" s="8">
        <v>1</v>
      </c>
      <c r="K37253" s="9"/>
      <c r="L37253" s="6"/>
    </row>
    <row r="37254" spans="1:12">
      <c r="A37254" s="6" t="s">
        <v>36966</v>
      </c>
      <c r="B37254" s="6"/>
      <c r="C37254" s="6" t="s">
        <v>32230</v>
      </c>
      <c r="D37254" s="6"/>
      <c r="E37254" s="6" t="s">
        <v>25121</v>
      </c>
      <c r="F37254" s="7">
        <v>32478</v>
      </c>
      <c r="G37254" s="8">
        <v>6480000</v>
      </c>
      <c r="H37254" s="8">
        <v>1</v>
      </c>
      <c r="I37254" s="8">
        <v>6479999</v>
      </c>
      <c r="J37254" s="8">
        <v>1</v>
      </c>
      <c r="K37254" s="9"/>
      <c r="L37254" s="6"/>
    </row>
    <row r="37255" spans="1:12">
      <c r="A37255" s="6" t="s">
        <v>36967</v>
      </c>
      <c r="B37255" s="6"/>
      <c r="C37255" s="6" t="s">
        <v>32230</v>
      </c>
      <c r="D37255" s="6"/>
      <c r="E37255" s="6" t="s">
        <v>25121</v>
      </c>
      <c r="F37255" s="7">
        <v>31686</v>
      </c>
      <c r="G37255" s="8">
        <v>6804000</v>
      </c>
      <c r="H37255" s="8">
        <v>1</v>
      </c>
      <c r="I37255" s="8">
        <v>6803999</v>
      </c>
      <c r="J37255" s="8">
        <v>1</v>
      </c>
      <c r="K37255" s="9"/>
      <c r="L37255" s="6"/>
    </row>
    <row r="37256" spans="1:12">
      <c r="A37256" s="6" t="s">
        <v>36968</v>
      </c>
      <c r="B37256" s="6"/>
      <c r="C37256" s="6" t="s">
        <v>32230</v>
      </c>
      <c r="D37256" s="6"/>
      <c r="E37256" s="6" t="s">
        <v>25121</v>
      </c>
      <c r="F37256" s="7">
        <v>29556</v>
      </c>
      <c r="G37256" s="8">
        <v>8100000</v>
      </c>
      <c r="H37256" s="8">
        <v>1</v>
      </c>
      <c r="I37256" s="8">
        <v>8099999</v>
      </c>
      <c r="J37256" s="8">
        <v>1</v>
      </c>
      <c r="K37256" s="9"/>
      <c r="L37256" s="6"/>
    </row>
    <row r="37257" spans="1:12">
      <c r="A37257" s="6" t="s">
        <v>36969</v>
      </c>
      <c r="B37257" s="6"/>
      <c r="C37257" s="6" t="s">
        <v>32230</v>
      </c>
      <c r="D37257" s="6"/>
      <c r="E37257" s="6" t="s">
        <v>25121</v>
      </c>
      <c r="F37257" s="7">
        <v>33451</v>
      </c>
      <c r="G37257" s="8">
        <v>6480000</v>
      </c>
      <c r="H37257" s="8">
        <v>90720</v>
      </c>
      <c r="I37257" s="8">
        <v>6479999</v>
      </c>
      <c r="J37257" s="8">
        <v>1</v>
      </c>
      <c r="K37257" s="9"/>
      <c r="L37257" s="6"/>
    </row>
    <row r="37258" spans="1:12">
      <c r="A37258" s="6" t="s">
        <v>36970</v>
      </c>
      <c r="B37258" s="6"/>
      <c r="C37258" s="6" t="s">
        <v>32230</v>
      </c>
      <c r="D37258" s="6"/>
      <c r="E37258" s="6" t="s">
        <v>25121</v>
      </c>
      <c r="F37258" s="7">
        <v>31291</v>
      </c>
      <c r="G37258" s="8">
        <v>6804000</v>
      </c>
      <c r="H37258" s="8">
        <v>1</v>
      </c>
      <c r="I37258" s="8">
        <v>6803999</v>
      </c>
      <c r="J37258" s="8">
        <v>1</v>
      </c>
      <c r="K37258" s="9"/>
      <c r="L37258" s="6"/>
    </row>
    <row r="37259" spans="1:12">
      <c r="A37259" s="6" t="s">
        <v>36971</v>
      </c>
      <c r="B37259" s="6"/>
      <c r="C37259" s="6" t="s">
        <v>32230</v>
      </c>
      <c r="D37259" s="6"/>
      <c r="E37259" s="6" t="s">
        <v>25121</v>
      </c>
      <c r="F37259" s="7">
        <v>33239</v>
      </c>
      <c r="G37259" s="8">
        <v>6642000</v>
      </c>
      <c r="H37259" s="8">
        <v>1</v>
      </c>
      <c r="I37259" s="8">
        <v>6641999</v>
      </c>
      <c r="J37259" s="8">
        <v>1</v>
      </c>
      <c r="K37259" s="9"/>
      <c r="L37259" s="6"/>
    </row>
    <row r="37260" spans="1:12">
      <c r="A37260" s="6" t="s">
        <v>36972</v>
      </c>
      <c r="B37260" s="6"/>
      <c r="C37260" s="6" t="s">
        <v>32230</v>
      </c>
      <c r="D37260" s="6"/>
      <c r="E37260" s="6" t="s">
        <v>25121</v>
      </c>
      <c r="F37260" s="7">
        <v>30560</v>
      </c>
      <c r="G37260" s="8">
        <v>6804000</v>
      </c>
      <c r="H37260" s="8">
        <v>1</v>
      </c>
      <c r="I37260" s="8">
        <v>6803999</v>
      </c>
      <c r="J37260" s="8">
        <v>1</v>
      </c>
      <c r="K37260" s="9"/>
      <c r="L37260" s="6"/>
    </row>
    <row r="37261" spans="1:12">
      <c r="A37261" s="6" t="s">
        <v>36973</v>
      </c>
      <c r="B37261" s="6"/>
      <c r="C37261" s="6" t="s">
        <v>32230</v>
      </c>
      <c r="D37261" s="6"/>
      <c r="E37261" s="6" t="s">
        <v>25121</v>
      </c>
      <c r="F37261" s="7">
        <v>34700</v>
      </c>
      <c r="G37261" s="8">
        <v>6480000</v>
      </c>
      <c r="H37261" s="8">
        <v>751680</v>
      </c>
      <c r="I37261" s="8">
        <v>5948640</v>
      </c>
      <c r="J37261" s="8">
        <v>531360</v>
      </c>
      <c r="K37261" s="9"/>
      <c r="L37261" s="6"/>
    </row>
    <row r="37262" spans="1:12">
      <c r="A37262" s="6" t="s">
        <v>36974</v>
      </c>
      <c r="B37262" s="6"/>
      <c r="C37262" s="6" t="s">
        <v>32230</v>
      </c>
      <c r="D37262" s="6"/>
      <c r="E37262" s="6" t="s">
        <v>25121</v>
      </c>
      <c r="F37262" s="7">
        <v>32964</v>
      </c>
      <c r="G37262" s="8">
        <v>6480000</v>
      </c>
      <c r="H37262" s="8">
        <v>1</v>
      </c>
      <c r="I37262" s="8">
        <v>6479999</v>
      </c>
      <c r="J37262" s="8">
        <v>1</v>
      </c>
      <c r="K37262" s="9"/>
      <c r="L37262" s="6"/>
    </row>
    <row r="37263" spans="1:12">
      <c r="A37263" s="6" t="s">
        <v>36975</v>
      </c>
      <c r="B37263" s="6"/>
      <c r="C37263" s="6" t="s">
        <v>32230</v>
      </c>
      <c r="D37263" s="6"/>
      <c r="E37263" s="6" t="s">
        <v>25121</v>
      </c>
      <c r="F37263" s="7">
        <v>31686</v>
      </c>
      <c r="G37263" s="8">
        <v>6966000</v>
      </c>
      <c r="H37263" s="8">
        <v>1</v>
      </c>
      <c r="I37263" s="8">
        <v>6965999</v>
      </c>
      <c r="J37263" s="8">
        <v>1</v>
      </c>
      <c r="K37263" s="9"/>
      <c r="L37263" s="6"/>
    </row>
    <row r="37264" spans="1:12">
      <c r="A37264" s="6" t="s">
        <v>36976</v>
      </c>
      <c r="B37264" s="6"/>
      <c r="C37264" s="6" t="s">
        <v>32230</v>
      </c>
      <c r="D37264" s="6"/>
      <c r="E37264" s="6" t="s">
        <v>25121</v>
      </c>
      <c r="F37264" s="7">
        <v>33635</v>
      </c>
      <c r="G37264" s="8">
        <v>6480000</v>
      </c>
      <c r="H37264" s="8">
        <v>90720</v>
      </c>
      <c r="I37264" s="8">
        <v>6479999</v>
      </c>
      <c r="J37264" s="8">
        <v>1</v>
      </c>
      <c r="K37264" s="9"/>
      <c r="L37264" s="6"/>
    </row>
    <row r="37265" spans="1:12">
      <c r="A37265" s="6" t="s">
        <v>36977</v>
      </c>
      <c r="B37265" s="6"/>
      <c r="C37265" s="6" t="s">
        <v>32230</v>
      </c>
      <c r="D37265" s="6"/>
      <c r="E37265" s="6" t="s">
        <v>25121</v>
      </c>
      <c r="F37265" s="7">
        <v>32478</v>
      </c>
      <c r="G37265" s="8">
        <v>6642000</v>
      </c>
      <c r="H37265" s="8">
        <v>1</v>
      </c>
      <c r="I37265" s="8">
        <v>6641999</v>
      </c>
      <c r="J37265" s="8">
        <v>1</v>
      </c>
      <c r="K37265" s="9"/>
      <c r="L37265" s="6"/>
    </row>
    <row r="37266" spans="1:12">
      <c r="A37266" s="6" t="s">
        <v>36978</v>
      </c>
      <c r="B37266" s="6"/>
      <c r="C37266" s="6" t="s">
        <v>32230</v>
      </c>
      <c r="D37266" s="6"/>
      <c r="E37266" s="6" t="s">
        <v>25121</v>
      </c>
      <c r="F37266" s="7">
        <v>28369</v>
      </c>
      <c r="G37266" s="8">
        <v>6480000</v>
      </c>
      <c r="H37266" s="8">
        <v>1</v>
      </c>
      <c r="I37266" s="8">
        <v>6479999</v>
      </c>
      <c r="J37266" s="8">
        <v>1</v>
      </c>
      <c r="K37266" s="9"/>
      <c r="L37266" s="6"/>
    </row>
    <row r="37267" spans="1:12">
      <c r="A37267" s="6" t="s">
        <v>36979</v>
      </c>
      <c r="B37267" s="6"/>
      <c r="C37267" s="6" t="s">
        <v>32230</v>
      </c>
      <c r="D37267" s="6"/>
      <c r="E37267" s="6" t="s">
        <v>25121</v>
      </c>
      <c r="F37267" s="7">
        <v>28825</v>
      </c>
      <c r="G37267" s="8">
        <v>6480000</v>
      </c>
      <c r="H37267" s="8">
        <v>1</v>
      </c>
      <c r="I37267" s="8">
        <v>6479999</v>
      </c>
      <c r="J37267" s="8">
        <v>1</v>
      </c>
      <c r="K37267" s="9"/>
      <c r="L37267" s="6"/>
    </row>
    <row r="37268" spans="1:12">
      <c r="A37268" s="6" t="s">
        <v>36980</v>
      </c>
      <c r="B37268" s="6"/>
      <c r="C37268" s="6" t="s">
        <v>32230</v>
      </c>
      <c r="D37268" s="6"/>
      <c r="E37268" s="6" t="s">
        <v>25121</v>
      </c>
      <c r="F37268" s="7">
        <v>29068</v>
      </c>
      <c r="G37268" s="8">
        <v>6480000</v>
      </c>
      <c r="H37268" s="8">
        <v>1</v>
      </c>
      <c r="I37268" s="8">
        <v>6479999</v>
      </c>
      <c r="J37268" s="8">
        <v>1</v>
      </c>
      <c r="K37268" s="9"/>
      <c r="L37268" s="6"/>
    </row>
    <row r="37269" spans="1:12">
      <c r="A37269" s="6" t="s">
        <v>36981</v>
      </c>
      <c r="B37269" s="6"/>
      <c r="C37269" s="6" t="s">
        <v>32230</v>
      </c>
      <c r="D37269" s="6"/>
      <c r="E37269" s="6" t="s">
        <v>25121</v>
      </c>
      <c r="F37269" s="7">
        <v>35490</v>
      </c>
      <c r="G37269" s="8">
        <v>6480000</v>
      </c>
      <c r="H37269" s="8">
        <v>1192320</v>
      </c>
      <c r="I37269" s="8">
        <v>5508000</v>
      </c>
      <c r="J37269" s="8">
        <v>972000</v>
      </c>
      <c r="K37269" s="9"/>
      <c r="L37269" s="6"/>
    </row>
    <row r="37270" spans="1:12">
      <c r="A37270" s="6" t="s">
        <v>36982</v>
      </c>
      <c r="B37270" s="6"/>
      <c r="C37270" s="6" t="s">
        <v>32230</v>
      </c>
      <c r="D37270" s="6"/>
      <c r="E37270" s="6" t="s">
        <v>25121</v>
      </c>
      <c r="F37270" s="7">
        <v>36586</v>
      </c>
      <c r="G37270" s="8">
        <v>6480000</v>
      </c>
      <c r="H37270" s="8">
        <v>1853280</v>
      </c>
      <c r="I37270" s="8">
        <v>4847040</v>
      </c>
      <c r="J37270" s="8">
        <v>1632960</v>
      </c>
      <c r="K37270" s="9"/>
      <c r="L37270" s="6"/>
    </row>
    <row r="37271" spans="1:12">
      <c r="A37271" s="6" t="s">
        <v>36983</v>
      </c>
      <c r="B37271" s="6"/>
      <c r="C37271" s="6" t="s">
        <v>32230</v>
      </c>
      <c r="D37271" s="6"/>
      <c r="E37271" s="6" t="s">
        <v>25121</v>
      </c>
      <c r="F37271" s="7">
        <v>33298</v>
      </c>
      <c r="G37271" s="8">
        <v>6480000</v>
      </c>
      <c r="H37271" s="8">
        <v>1</v>
      </c>
      <c r="I37271" s="8">
        <v>6479999</v>
      </c>
      <c r="J37271" s="8">
        <v>1</v>
      </c>
      <c r="K37271" s="9"/>
      <c r="L37271" s="6"/>
    </row>
    <row r="37272" spans="1:12">
      <c r="A37272" s="6" t="s">
        <v>36984</v>
      </c>
      <c r="B37272" s="6"/>
      <c r="C37272" s="6" t="s">
        <v>32230</v>
      </c>
      <c r="D37272" s="6"/>
      <c r="E37272" s="6" t="s">
        <v>25121</v>
      </c>
      <c r="F37272" s="7">
        <v>32933</v>
      </c>
      <c r="G37272" s="8">
        <v>6480000</v>
      </c>
      <c r="H37272" s="8">
        <v>1</v>
      </c>
      <c r="I37272" s="8">
        <v>6479999</v>
      </c>
      <c r="J37272" s="8">
        <v>1</v>
      </c>
      <c r="K37272" s="9"/>
      <c r="L37272" s="6"/>
    </row>
    <row r="37273" spans="1:12">
      <c r="A37273" s="6" t="s">
        <v>36985</v>
      </c>
      <c r="B37273" s="6"/>
      <c r="C37273" s="6" t="s">
        <v>32230</v>
      </c>
      <c r="D37273" s="6"/>
      <c r="E37273" s="6" t="s">
        <v>25121</v>
      </c>
      <c r="F37273" s="7">
        <v>34425</v>
      </c>
      <c r="G37273" s="8">
        <v>6480000</v>
      </c>
      <c r="H37273" s="8">
        <v>751680</v>
      </c>
      <c r="I37273" s="8">
        <v>5948640</v>
      </c>
      <c r="J37273" s="8">
        <v>531360</v>
      </c>
      <c r="K37273" s="9"/>
      <c r="L37273" s="6"/>
    </row>
    <row r="37274" spans="1:12">
      <c r="A37274" s="6" t="s">
        <v>36986</v>
      </c>
      <c r="B37274" s="6"/>
      <c r="C37274" s="6" t="s">
        <v>32230</v>
      </c>
      <c r="D37274" s="6"/>
      <c r="E37274" s="6" t="s">
        <v>25121</v>
      </c>
      <c r="F37274" s="7">
        <v>33664</v>
      </c>
      <c r="G37274" s="8">
        <v>6480000</v>
      </c>
      <c r="H37274" s="8">
        <v>90720</v>
      </c>
      <c r="I37274" s="8">
        <v>6479999</v>
      </c>
      <c r="J37274" s="8">
        <v>1</v>
      </c>
      <c r="K37274" s="9"/>
      <c r="L37274" s="6"/>
    </row>
    <row r="37275" spans="1:12">
      <c r="A37275" s="6" t="s">
        <v>36987</v>
      </c>
      <c r="B37275" s="6"/>
      <c r="C37275" s="6" t="s">
        <v>32230</v>
      </c>
      <c r="D37275" s="6"/>
      <c r="E37275" s="6" t="s">
        <v>25121</v>
      </c>
      <c r="F37275" s="7">
        <v>36586</v>
      </c>
      <c r="G37275" s="8">
        <v>6480000</v>
      </c>
      <c r="H37275" s="8">
        <v>1853280</v>
      </c>
      <c r="I37275" s="8">
        <v>4847040</v>
      </c>
      <c r="J37275" s="8">
        <v>1632960</v>
      </c>
      <c r="K37275" s="9"/>
      <c r="L37275" s="6"/>
    </row>
    <row r="37276" spans="1:12">
      <c r="A37276" s="6" t="s">
        <v>36988</v>
      </c>
      <c r="B37276" s="6"/>
      <c r="C37276" s="6" t="s">
        <v>32230</v>
      </c>
      <c r="D37276" s="6"/>
      <c r="E37276" s="6" t="s">
        <v>25121</v>
      </c>
      <c r="F37276" s="7">
        <v>30926</v>
      </c>
      <c r="G37276" s="8">
        <v>7290000</v>
      </c>
      <c r="H37276" s="8">
        <v>1</v>
      </c>
      <c r="I37276" s="8">
        <v>7289999</v>
      </c>
      <c r="J37276" s="8">
        <v>1</v>
      </c>
      <c r="K37276" s="9"/>
      <c r="L37276" s="6"/>
    </row>
    <row r="37277" spans="1:12">
      <c r="A37277" s="6" t="s">
        <v>36989</v>
      </c>
      <c r="B37277" s="6"/>
      <c r="C37277" s="6" t="s">
        <v>32230</v>
      </c>
      <c r="D37277" s="6"/>
      <c r="E37277" s="6" t="s">
        <v>25121</v>
      </c>
      <c r="F37277" s="7">
        <v>36951</v>
      </c>
      <c r="G37277" s="8">
        <v>6480000</v>
      </c>
      <c r="H37277" s="8">
        <v>2073600</v>
      </c>
      <c r="I37277" s="8">
        <v>4626720</v>
      </c>
      <c r="J37277" s="8">
        <v>1853280</v>
      </c>
      <c r="K37277" s="9"/>
      <c r="L37277" s="6"/>
    </row>
    <row r="37278" spans="1:12">
      <c r="A37278" s="6" t="s">
        <v>36990</v>
      </c>
      <c r="B37278" s="6"/>
      <c r="C37278" s="6" t="s">
        <v>32230</v>
      </c>
      <c r="D37278" s="6"/>
      <c r="E37278" s="6" t="s">
        <v>25121</v>
      </c>
      <c r="F37278" s="7">
        <v>37316</v>
      </c>
      <c r="G37278" s="8">
        <v>6480000</v>
      </c>
      <c r="H37278" s="8">
        <v>2293920</v>
      </c>
      <c r="I37278" s="8">
        <v>4406400</v>
      </c>
      <c r="J37278" s="8">
        <v>2073600</v>
      </c>
      <c r="K37278" s="9"/>
      <c r="L37278" s="6"/>
    </row>
    <row r="37279" spans="1:12">
      <c r="A37279" s="6" t="s">
        <v>36991</v>
      </c>
      <c r="B37279" s="6"/>
      <c r="C37279" s="6" t="s">
        <v>32230</v>
      </c>
      <c r="D37279" s="6"/>
      <c r="E37279" s="6" t="s">
        <v>25121</v>
      </c>
      <c r="F37279" s="7">
        <v>33604</v>
      </c>
      <c r="G37279" s="8">
        <v>6480000</v>
      </c>
      <c r="H37279" s="8">
        <v>90720</v>
      </c>
      <c r="I37279" s="8">
        <v>6479999</v>
      </c>
      <c r="J37279" s="8">
        <v>1</v>
      </c>
      <c r="K37279" s="9"/>
      <c r="L37279" s="6"/>
    </row>
    <row r="37280" spans="1:12">
      <c r="A37280" s="6" t="s">
        <v>36992</v>
      </c>
      <c r="B37280" s="6"/>
      <c r="C37280" s="6" t="s">
        <v>32230</v>
      </c>
      <c r="D37280" s="6"/>
      <c r="E37280" s="6" t="s">
        <v>25121</v>
      </c>
      <c r="F37280" s="7">
        <v>29830</v>
      </c>
      <c r="G37280" s="8">
        <v>7128000</v>
      </c>
      <c r="H37280" s="8">
        <v>1</v>
      </c>
      <c r="I37280" s="8">
        <v>7127999</v>
      </c>
      <c r="J37280" s="8">
        <v>1</v>
      </c>
      <c r="K37280" s="9"/>
      <c r="L37280" s="6"/>
    </row>
    <row r="37281" spans="1:12">
      <c r="A37281" s="6" t="s">
        <v>36993</v>
      </c>
      <c r="B37281" s="6"/>
      <c r="C37281" s="6" t="s">
        <v>32230</v>
      </c>
      <c r="D37281" s="6"/>
      <c r="E37281" s="6" t="s">
        <v>25121</v>
      </c>
      <c r="F37281" s="7">
        <v>30895</v>
      </c>
      <c r="G37281" s="8">
        <v>7128000</v>
      </c>
      <c r="H37281" s="8">
        <v>1</v>
      </c>
      <c r="I37281" s="8">
        <v>7127999</v>
      </c>
      <c r="J37281" s="8">
        <v>1</v>
      </c>
      <c r="K37281" s="9"/>
      <c r="L37281" s="6"/>
    </row>
    <row r="37282" spans="1:12">
      <c r="A37282" s="6" t="s">
        <v>36994</v>
      </c>
      <c r="B37282" s="6"/>
      <c r="C37282" s="6" t="s">
        <v>32230</v>
      </c>
      <c r="D37282" s="6"/>
      <c r="E37282" s="6" t="s">
        <v>25121</v>
      </c>
      <c r="F37282" s="7">
        <v>31260</v>
      </c>
      <c r="G37282" s="8">
        <v>6480000</v>
      </c>
      <c r="H37282" s="8">
        <v>1</v>
      </c>
      <c r="I37282" s="8">
        <v>6479999</v>
      </c>
      <c r="J37282" s="8">
        <v>1</v>
      </c>
      <c r="K37282" s="9"/>
      <c r="L37282" s="6"/>
    </row>
    <row r="37283" spans="1:12">
      <c r="A37283" s="6" t="s">
        <v>36995</v>
      </c>
      <c r="B37283" s="6"/>
      <c r="C37283" s="6" t="s">
        <v>32230</v>
      </c>
      <c r="D37283" s="6"/>
      <c r="E37283" s="6" t="s">
        <v>25121</v>
      </c>
      <c r="F37283" s="7">
        <v>33878</v>
      </c>
      <c r="G37283" s="8">
        <v>6480000</v>
      </c>
      <c r="H37283" s="8">
        <v>311040</v>
      </c>
      <c r="I37283" s="8">
        <v>6389280</v>
      </c>
      <c r="J37283" s="8">
        <v>90720</v>
      </c>
      <c r="K37283" s="9"/>
      <c r="L37283" s="6"/>
    </row>
    <row r="37284" spans="1:12">
      <c r="A37284" s="6" t="s">
        <v>36996</v>
      </c>
      <c r="B37284" s="6"/>
      <c r="C37284" s="6" t="s">
        <v>32230</v>
      </c>
      <c r="D37284" s="6"/>
      <c r="E37284" s="6" t="s">
        <v>25121</v>
      </c>
      <c r="F37284" s="7">
        <v>36100</v>
      </c>
      <c r="G37284" s="8">
        <v>6480000</v>
      </c>
      <c r="H37284" s="8">
        <v>1632960</v>
      </c>
      <c r="I37284" s="8">
        <v>5067360</v>
      </c>
      <c r="J37284" s="8">
        <v>1412640</v>
      </c>
      <c r="K37284" s="9"/>
      <c r="L37284" s="6"/>
    </row>
    <row r="37285" spans="1:12">
      <c r="A37285" s="6" t="s">
        <v>36997</v>
      </c>
      <c r="B37285" s="6"/>
      <c r="C37285" s="6" t="s">
        <v>32230</v>
      </c>
      <c r="D37285" s="6"/>
      <c r="E37285" s="6" t="s">
        <v>25121</v>
      </c>
      <c r="F37285" s="7">
        <v>36100</v>
      </c>
      <c r="G37285" s="8">
        <v>6480000</v>
      </c>
      <c r="H37285" s="8">
        <v>1632960</v>
      </c>
      <c r="I37285" s="8">
        <v>5067360</v>
      </c>
      <c r="J37285" s="8">
        <v>1412640</v>
      </c>
      <c r="K37285" s="9"/>
      <c r="L37285" s="6"/>
    </row>
    <row r="37286" spans="1:12">
      <c r="A37286" s="6" t="s">
        <v>36998</v>
      </c>
      <c r="B37286" s="6"/>
      <c r="C37286" s="6" t="s">
        <v>32230</v>
      </c>
      <c r="D37286" s="6"/>
      <c r="E37286" s="6" t="s">
        <v>25121</v>
      </c>
      <c r="F37286" s="7">
        <v>40525</v>
      </c>
      <c r="G37286" s="8">
        <v>5342400</v>
      </c>
      <c r="H37286" s="8">
        <v>3525990</v>
      </c>
      <c r="I37286" s="8">
        <v>1998051</v>
      </c>
      <c r="J37286" s="8">
        <v>3344349</v>
      </c>
      <c r="K37286" s="9"/>
      <c r="L37286" s="6"/>
    </row>
    <row r="37287" spans="1:12">
      <c r="A37287" s="6" t="s">
        <v>36999</v>
      </c>
      <c r="B37287" s="6"/>
      <c r="C37287" s="6" t="s">
        <v>32230</v>
      </c>
      <c r="D37287" s="6"/>
      <c r="E37287" s="6" t="s">
        <v>25121</v>
      </c>
      <c r="F37287" s="7">
        <v>28856</v>
      </c>
      <c r="G37287" s="8">
        <v>8100000</v>
      </c>
      <c r="H37287" s="8">
        <v>1</v>
      </c>
      <c r="I37287" s="8">
        <v>8099999</v>
      </c>
      <c r="J37287" s="8">
        <v>1</v>
      </c>
      <c r="K37287" s="9"/>
      <c r="L37287" s="6"/>
    </row>
    <row r="37288" spans="1:12">
      <c r="A37288" s="6" t="s">
        <v>37000</v>
      </c>
      <c r="B37288" s="6"/>
      <c r="C37288" s="6" t="s">
        <v>32230</v>
      </c>
      <c r="D37288" s="6"/>
      <c r="E37288" s="6" t="s">
        <v>25121</v>
      </c>
      <c r="F37288" s="7">
        <v>31291</v>
      </c>
      <c r="G37288" s="8">
        <v>6480000</v>
      </c>
      <c r="H37288" s="8">
        <v>1</v>
      </c>
      <c r="I37288" s="8">
        <v>6479999</v>
      </c>
      <c r="J37288" s="8">
        <v>1</v>
      </c>
      <c r="K37288" s="9"/>
      <c r="L37288" s="6"/>
    </row>
    <row r="37289" spans="1:12">
      <c r="A37289" s="6" t="s">
        <v>37001</v>
      </c>
      <c r="B37289" s="6"/>
      <c r="C37289" s="6" t="s">
        <v>32230</v>
      </c>
      <c r="D37289" s="6"/>
      <c r="E37289" s="6" t="s">
        <v>25121</v>
      </c>
      <c r="F37289" s="7">
        <v>32933</v>
      </c>
      <c r="G37289" s="8">
        <v>6480000</v>
      </c>
      <c r="H37289" s="8">
        <v>1</v>
      </c>
      <c r="I37289" s="8">
        <v>6479999</v>
      </c>
      <c r="J37289" s="8">
        <v>1</v>
      </c>
      <c r="K37289" s="9"/>
      <c r="L37289" s="6"/>
    </row>
    <row r="37290" spans="1:12">
      <c r="A37290" s="6" t="s">
        <v>37002</v>
      </c>
      <c r="B37290" s="6"/>
      <c r="C37290" s="6" t="s">
        <v>32230</v>
      </c>
      <c r="D37290" s="6"/>
      <c r="E37290" s="6" t="s">
        <v>25121</v>
      </c>
      <c r="F37290" s="7">
        <v>31686</v>
      </c>
      <c r="G37290" s="8">
        <v>6804000</v>
      </c>
      <c r="H37290" s="8">
        <v>1</v>
      </c>
      <c r="I37290" s="8">
        <v>6803999</v>
      </c>
      <c r="J37290" s="8">
        <v>1</v>
      </c>
      <c r="K37290" s="9"/>
      <c r="L37290" s="6"/>
    </row>
    <row r="37291" spans="1:12">
      <c r="A37291" s="6" t="s">
        <v>37003</v>
      </c>
      <c r="B37291" s="6"/>
      <c r="C37291" s="6" t="s">
        <v>32230</v>
      </c>
      <c r="D37291" s="6"/>
      <c r="E37291" s="6" t="s">
        <v>25121</v>
      </c>
      <c r="F37291" s="7">
        <v>29068</v>
      </c>
      <c r="G37291" s="8">
        <v>6480000</v>
      </c>
      <c r="H37291" s="8">
        <v>1</v>
      </c>
      <c r="I37291" s="8">
        <v>6479999</v>
      </c>
      <c r="J37291" s="8">
        <v>1</v>
      </c>
      <c r="K37291" s="9"/>
      <c r="L37291" s="6"/>
    </row>
    <row r="37292" spans="1:12">
      <c r="A37292" s="6" t="s">
        <v>37004</v>
      </c>
      <c r="B37292" s="6"/>
      <c r="C37292" s="6" t="s">
        <v>32230</v>
      </c>
      <c r="D37292" s="6"/>
      <c r="E37292" s="6" t="s">
        <v>25121</v>
      </c>
      <c r="F37292" s="7">
        <v>29434</v>
      </c>
      <c r="G37292" s="8">
        <v>7776000</v>
      </c>
      <c r="H37292" s="8">
        <v>1</v>
      </c>
      <c r="I37292" s="8">
        <v>7775999</v>
      </c>
      <c r="J37292" s="8">
        <v>1</v>
      </c>
      <c r="K37292" s="9"/>
      <c r="L37292" s="6"/>
    </row>
    <row r="37293" spans="1:12">
      <c r="A37293" s="6" t="s">
        <v>37005</v>
      </c>
      <c r="B37293" s="6"/>
      <c r="C37293" s="6" t="s">
        <v>32230</v>
      </c>
      <c r="D37293" s="6"/>
      <c r="E37293" s="6" t="s">
        <v>25121</v>
      </c>
      <c r="F37293" s="7">
        <v>29830</v>
      </c>
      <c r="G37293" s="8">
        <v>6804000</v>
      </c>
      <c r="H37293" s="8">
        <v>1</v>
      </c>
      <c r="I37293" s="8">
        <v>6803999</v>
      </c>
      <c r="J37293" s="8">
        <v>1</v>
      </c>
      <c r="K37293" s="9"/>
      <c r="L37293" s="6"/>
    </row>
    <row r="37294" spans="1:12">
      <c r="A37294" s="6" t="s">
        <v>37006</v>
      </c>
      <c r="B37294" s="6"/>
      <c r="C37294" s="6" t="s">
        <v>32230</v>
      </c>
      <c r="D37294" s="6"/>
      <c r="E37294" s="6" t="s">
        <v>25121</v>
      </c>
      <c r="F37294" s="7">
        <v>31291</v>
      </c>
      <c r="G37294" s="8">
        <v>7128000</v>
      </c>
      <c r="H37294" s="8">
        <v>1</v>
      </c>
      <c r="I37294" s="8">
        <v>7127999</v>
      </c>
      <c r="J37294" s="8">
        <v>1</v>
      </c>
      <c r="K37294" s="9"/>
      <c r="L37294" s="6"/>
    </row>
    <row r="37295" spans="1:12">
      <c r="A37295" s="6" t="s">
        <v>37007</v>
      </c>
      <c r="B37295" s="6"/>
      <c r="C37295" s="6" t="s">
        <v>32230</v>
      </c>
      <c r="D37295" s="6"/>
      <c r="E37295" s="6" t="s">
        <v>25121</v>
      </c>
      <c r="F37295" s="7">
        <v>37316</v>
      </c>
      <c r="G37295" s="8">
        <v>6480000</v>
      </c>
      <c r="H37295" s="8">
        <v>2293920</v>
      </c>
      <c r="I37295" s="8">
        <v>4406400</v>
      </c>
      <c r="J37295" s="8">
        <v>2073600</v>
      </c>
      <c r="K37295" s="9"/>
      <c r="L37295" s="6"/>
    </row>
    <row r="37296" spans="1:12">
      <c r="A37296" s="6" t="s">
        <v>37008</v>
      </c>
      <c r="B37296" s="6"/>
      <c r="C37296" s="6" t="s">
        <v>32230</v>
      </c>
      <c r="D37296" s="6"/>
      <c r="E37296" s="6" t="s">
        <v>25121</v>
      </c>
      <c r="F37296" s="7">
        <v>40848</v>
      </c>
      <c r="G37296" s="8">
        <v>5433750</v>
      </c>
      <c r="H37296" s="8">
        <v>3771027</v>
      </c>
      <c r="I37296" s="8">
        <v>1847470</v>
      </c>
      <c r="J37296" s="8">
        <v>3586280</v>
      </c>
      <c r="K37296" s="9"/>
      <c r="L37296" s="6"/>
    </row>
    <row r="37297" spans="1:12">
      <c r="A37297" s="6" t="s">
        <v>37009</v>
      </c>
      <c r="B37297" s="6"/>
      <c r="C37297" s="6" t="s">
        <v>32230</v>
      </c>
      <c r="D37297" s="6"/>
      <c r="E37297" s="6" t="s">
        <v>25121</v>
      </c>
      <c r="F37297" s="7">
        <v>27150</v>
      </c>
      <c r="G37297" s="8">
        <v>16200000</v>
      </c>
      <c r="H37297" s="8">
        <v>1</v>
      </c>
      <c r="I37297" s="8">
        <v>16199999</v>
      </c>
      <c r="J37297" s="8">
        <v>1</v>
      </c>
      <c r="K37297" s="9"/>
      <c r="L37297" s="6"/>
    </row>
    <row r="37298" spans="1:12">
      <c r="A37298" s="6" t="s">
        <v>37010</v>
      </c>
      <c r="B37298" s="6"/>
      <c r="C37298" s="6" t="s">
        <v>32230</v>
      </c>
      <c r="D37298" s="6"/>
      <c r="E37298" s="6" t="s">
        <v>25121</v>
      </c>
      <c r="F37298" s="7">
        <v>42962</v>
      </c>
      <c r="G37298" s="8">
        <v>35000</v>
      </c>
      <c r="H37298" s="8">
        <v>24500</v>
      </c>
      <c r="I37298" s="8">
        <v>14000</v>
      </c>
      <c r="J37298" s="8">
        <v>21000</v>
      </c>
      <c r="K37298" s="9"/>
      <c r="L37298" s="6"/>
    </row>
    <row r="37299" spans="1:12">
      <c r="A37299" s="6" t="s">
        <v>37011</v>
      </c>
      <c r="B37299" s="6"/>
      <c r="C37299" s="6" t="s">
        <v>32230</v>
      </c>
      <c r="D37299" s="6"/>
      <c r="E37299" s="6" t="s">
        <v>25121</v>
      </c>
      <c r="F37299" s="7">
        <v>27150</v>
      </c>
      <c r="G37299" s="8">
        <v>12960000</v>
      </c>
      <c r="H37299" s="8">
        <v>1</v>
      </c>
      <c r="I37299" s="8">
        <v>12959999</v>
      </c>
      <c r="J37299" s="8">
        <v>1</v>
      </c>
      <c r="K37299" s="9"/>
      <c r="L37299" s="6"/>
    </row>
    <row r="37300" spans="1:12">
      <c r="A37300" s="6" t="s">
        <v>37012</v>
      </c>
      <c r="B37300" s="6"/>
      <c r="C37300" s="6" t="s">
        <v>32230</v>
      </c>
      <c r="D37300" s="6"/>
      <c r="E37300" s="6" t="s">
        <v>25121</v>
      </c>
      <c r="F37300" s="7">
        <v>27242</v>
      </c>
      <c r="G37300" s="8">
        <v>9720000</v>
      </c>
      <c r="H37300" s="8">
        <v>1</v>
      </c>
      <c r="I37300" s="8">
        <v>9719999</v>
      </c>
      <c r="J37300" s="8">
        <v>1</v>
      </c>
      <c r="K37300" s="9"/>
      <c r="L37300" s="6"/>
    </row>
    <row r="37301" spans="1:12">
      <c r="A37301" s="6" t="s">
        <v>37013</v>
      </c>
      <c r="B37301" s="6"/>
      <c r="C37301" s="6" t="s">
        <v>32230</v>
      </c>
      <c r="D37301" s="6"/>
      <c r="E37301" s="6" t="s">
        <v>25121</v>
      </c>
      <c r="F37301" s="7">
        <v>27242</v>
      </c>
      <c r="G37301" s="8">
        <v>9720000</v>
      </c>
      <c r="H37301" s="8">
        <v>1</v>
      </c>
      <c r="I37301" s="8">
        <v>9719999</v>
      </c>
      <c r="J37301" s="8">
        <v>1</v>
      </c>
      <c r="K37301" s="9"/>
      <c r="L37301" s="6"/>
    </row>
    <row r="37302" spans="1:12">
      <c r="A37302" s="6" t="s">
        <v>37014</v>
      </c>
      <c r="B37302" s="6"/>
      <c r="C37302" s="6" t="s">
        <v>32230</v>
      </c>
      <c r="D37302" s="6"/>
      <c r="E37302" s="6" t="s">
        <v>25121</v>
      </c>
      <c r="F37302" s="7">
        <v>27760</v>
      </c>
      <c r="G37302" s="8">
        <v>9720000</v>
      </c>
      <c r="H37302" s="8">
        <v>1</v>
      </c>
      <c r="I37302" s="8">
        <v>9719999</v>
      </c>
      <c r="J37302" s="8">
        <v>1</v>
      </c>
      <c r="K37302" s="9"/>
      <c r="L37302" s="6"/>
    </row>
    <row r="37303" spans="1:12">
      <c r="A37303" s="6" t="s">
        <v>37015</v>
      </c>
      <c r="B37303" s="6"/>
      <c r="C37303" s="6" t="s">
        <v>32230</v>
      </c>
      <c r="D37303" s="6"/>
      <c r="E37303" s="6" t="s">
        <v>25121</v>
      </c>
      <c r="F37303" s="7">
        <v>27760</v>
      </c>
      <c r="G37303" s="8">
        <v>9720000</v>
      </c>
      <c r="H37303" s="8">
        <v>1</v>
      </c>
      <c r="I37303" s="8">
        <v>9719999</v>
      </c>
      <c r="J37303" s="8">
        <v>1</v>
      </c>
      <c r="K37303" s="9"/>
      <c r="L37303" s="6"/>
    </row>
    <row r="37304" spans="1:12">
      <c r="A37304" s="6" t="s">
        <v>37016</v>
      </c>
      <c r="B37304" s="6"/>
      <c r="C37304" s="6" t="s">
        <v>32230</v>
      </c>
      <c r="D37304" s="6"/>
      <c r="E37304" s="6" t="s">
        <v>25121</v>
      </c>
      <c r="F37304" s="7">
        <v>28034</v>
      </c>
      <c r="G37304" s="8">
        <v>9720000</v>
      </c>
      <c r="H37304" s="8">
        <v>1</v>
      </c>
      <c r="I37304" s="8">
        <v>9719999</v>
      </c>
      <c r="J37304" s="8">
        <v>1</v>
      </c>
      <c r="K37304" s="9"/>
      <c r="L37304" s="6"/>
    </row>
    <row r="37305" spans="1:12">
      <c r="A37305" s="6" t="s">
        <v>37017</v>
      </c>
      <c r="B37305" s="6"/>
      <c r="C37305" s="6" t="s">
        <v>32230</v>
      </c>
      <c r="D37305" s="6"/>
      <c r="E37305" s="6" t="s">
        <v>25121</v>
      </c>
      <c r="F37305" s="7">
        <v>28034</v>
      </c>
      <c r="G37305" s="8">
        <v>9720000</v>
      </c>
      <c r="H37305" s="8">
        <v>1</v>
      </c>
      <c r="I37305" s="8">
        <v>9719999</v>
      </c>
      <c r="J37305" s="8">
        <v>1</v>
      </c>
      <c r="K37305" s="9"/>
      <c r="L37305" s="6"/>
    </row>
    <row r="37306" spans="1:12">
      <c r="A37306" s="6" t="s">
        <v>37018</v>
      </c>
      <c r="B37306" s="6"/>
      <c r="C37306" s="6" t="s">
        <v>32230</v>
      </c>
      <c r="D37306" s="6"/>
      <c r="E37306" s="6" t="s">
        <v>25121</v>
      </c>
      <c r="F37306" s="7">
        <v>28369</v>
      </c>
      <c r="G37306" s="8">
        <v>9720000</v>
      </c>
      <c r="H37306" s="8">
        <v>1</v>
      </c>
      <c r="I37306" s="8">
        <v>9719999</v>
      </c>
      <c r="J37306" s="8">
        <v>1</v>
      </c>
      <c r="K37306" s="9"/>
      <c r="L37306" s="6"/>
    </row>
    <row r="37307" spans="1:12">
      <c r="A37307" s="6" t="s">
        <v>37019</v>
      </c>
      <c r="B37307" s="6"/>
      <c r="C37307" s="6" t="s">
        <v>32230</v>
      </c>
      <c r="D37307" s="6"/>
      <c r="E37307" s="6" t="s">
        <v>25121</v>
      </c>
      <c r="F37307" s="7">
        <v>28369</v>
      </c>
      <c r="G37307" s="8">
        <v>9720000</v>
      </c>
      <c r="H37307" s="8">
        <v>1</v>
      </c>
      <c r="I37307" s="8">
        <v>9719999</v>
      </c>
      <c r="J37307" s="8">
        <v>1</v>
      </c>
      <c r="K37307" s="9"/>
      <c r="L37307" s="6"/>
    </row>
    <row r="37308" spans="1:12">
      <c r="A37308" s="6" t="s">
        <v>37020</v>
      </c>
      <c r="B37308" s="6"/>
      <c r="C37308" s="6" t="s">
        <v>32230</v>
      </c>
      <c r="D37308" s="6"/>
      <c r="E37308" s="6" t="s">
        <v>25121</v>
      </c>
      <c r="F37308" s="7">
        <v>28703</v>
      </c>
      <c r="G37308" s="8">
        <v>9720000</v>
      </c>
      <c r="H37308" s="8">
        <v>1</v>
      </c>
      <c r="I37308" s="8">
        <v>9719999</v>
      </c>
      <c r="J37308" s="8">
        <v>1</v>
      </c>
      <c r="K37308" s="9"/>
      <c r="L37308" s="6"/>
    </row>
    <row r="37309" spans="1:12">
      <c r="A37309" s="6" t="s">
        <v>37021</v>
      </c>
      <c r="B37309" s="6"/>
      <c r="C37309" s="6" t="s">
        <v>32230</v>
      </c>
      <c r="D37309" s="6"/>
      <c r="E37309" s="6" t="s">
        <v>25121</v>
      </c>
      <c r="F37309" s="7">
        <v>28703</v>
      </c>
      <c r="G37309" s="8">
        <v>9720000</v>
      </c>
      <c r="H37309" s="8">
        <v>1</v>
      </c>
      <c r="I37309" s="8">
        <v>9719999</v>
      </c>
      <c r="J37309" s="8">
        <v>1</v>
      </c>
      <c r="K37309" s="9"/>
      <c r="L37309" s="6"/>
    </row>
    <row r="37310" spans="1:12">
      <c r="A37310" s="6" t="s">
        <v>37022</v>
      </c>
      <c r="B37310" s="6"/>
      <c r="C37310" s="6" t="s">
        <v>32230</v>
      </c>
      <c r="D37310" s="6"/>
      <c r="E37310" s="6" t="s">
        <v>25121</v>
      </c>
      <c r="F37310" s="7">
        <v>28703</v>
      </c>
      <c r="G37310" s="8">
        <v>9720000</v>
      </c>
      <c r="H37310" s="8">
        <v>1</v>
      </c>
      <c r="I37310" s="8">
        <v>9719999</v>
      </c>
      <c r="J37310" s="8">
        <v>1</v>
      </c>
      <c r="K37310" s="9"/>
      <c r="L37310" s="6"/>
    </row>
    <row r="37311" spans="1:12">
      <c r="A37311" s="6" t="s">
        <v>37023</v>
      </c>
      <c r="B37311" s="6"/>
      <c r="C37311" s="6" t="s">
        <v>32230</v>
      </c>
      <c r="D37311" s="6"/>
      <c r="E37311" s="6" t="s">
        <v>25121</v>
      </c>
      <c r="F37311" s="7">
        <v>28703</v>
      </c>
      <c r="G37311" s="8">
        <v>9720000</v>
      </c>
      <c r="H37311" s="8">
        <v>1</v>
      </c>
      <c r="I37311" s="8">
        <v>9719999</v>
      </c>
      <c r="J37311" s="8">
        <v>1</v>
      </c>
      <c r="K37311" s="9"/>
      <c r="L37311" s="6"/>
    </row>
    <row r="37312" spans="1:12">
      <c r="A37312" s="6" t="s">
        <v>37024</v>
      </c>
      <c r="B37312" s="6"/>
      <c r="C37312" s="6" t="s">
        <v>32230</v>
      </c>
      <c r="D37312" s="6"/>
      <c r="E37312" s="6" t="s">
        <v>25121</v>
      </c>
      <c r="F37312" s="7">
        <v>28795</v>
      </c>
      <c r="G37312" s="8">
        <v>9720000</v>
      </c>
      <c r="H37312" s="8">
        <v>1</v>
      </c>
      <c r="I37312" s="8">
        <v>9719999</v>
      </c>
      <c r="J37312" s="8">
        <v>1</v>
      </c>
      <c r="K37312" s="9"/>
      <c r="L37312" s="6"/>
    </row>
    <row r="37313" spans="1:12">
      <c r="A37313" s="6" t="s">
        <v>37025</v>
      </c>
      <c r="B37313" s="6"/>
      <c r="C37313" s="6" t="s">
        <v>32230</v>
      </c>
      <c r="D37313" s="6"/>
      <c r="E37313" s="6" t="s">
        <v>25121</v>
      </c>
      <c r="F37313" s="7">
        <v>28825</v>
      </c>
      <c r="G37313" s="8">
        <v>9720000</v>
      </c>
      <c r="H37313" s="8">
        <v>1</v>
      </c>
      <c r="I37313" s="8">
        <v>9719999</v>
      </c>
      <c r="J37313" s="8">
        <v>1</v>
      </c>
      <c r="K37313" s="9"/>
      <c r="L37313" s="6"/>
    </row>
    <row r="37314" spans="1:12">
      <c r="A37314" s="6" t="s">
        <v>37026</v>
      </c>
      <c r="B37314" s="6"/>
      <c r="C37314" s="6" t="s">
        <v>32230</v>
      </c>
      <c r="D37314" s="6"/>
      <c r="E37314" s="6" t="s">
        <v>25121</v>
      </c>
      <c r="F37314" s="7">
        <v>28825</v>
      </c>
      <c r="G37314" s="8">
        <v>9720000</v>
      </c>
      <c r="H37314" s="8">
        <v>1</v>
      </c>
      <c r="I37314" s="8">
        <v>9719999</v>
      </c>
      <c r="J37314" s="8">
        <v>1</v>
      </c>
      <c r="K37314" s="9"/>
      <c r="L37314" s="6"/>
    </row>
    <row r="37315" spans="1:12">
      <c r="A37315" s="6" t="s">
        <v>37027</v>
      </c>
      <c r="B37315" s="6"/>
      <c r="C37315" s="6" t="s">
        <v>32230</v>
      </c>
      <c r="D37315" s="6"/>
      <c r="E37315" s="6" t="s">
        <v>25121</v>
      </c>
      <c r="F37315" s="7">
        <v>36982</v>
      </c>
      <c r="G37315" s="8">
        <v>16200000</v>
      </c>
      <c r="H37315" s="8">
        <v>5734800</v>
      </c>
      <c r="I37315" s="8">
        <v>11016000</v>
      </c>
      <c r="J37315" s="8">
        <v>5184000</v>
      </c>
      <c r="K37315" s="9"/>
      <c r="L37315" s="6"/>
    </row>
    <row r="37316" spans="1:12">
      <c r="A37316" s="6" t="s">
        <v>37028</v>
      </c>
      <c r="B37316" s="6"/>
      <c r="C37316" s="6" t="s">
        <v>32230</v>
      </c>
      <c r="D37316" s="6"/>
      <c r="E37316" s="6" t="s">
        <v>25121</v>
      </c>
      <c r="F37316" s="7">
        <v>40175</v>
      </c>
      <c r="G37316" s="8">
        <v>4928700</v>
      </c>
      <c r="H37316" s="8">
        <v>3085375</v>
      </c>
      <c r="I37316" s="8">
        <v>2010900</v>
      </c>
      <c r="J37316" s="8">
        <v>2917800</v>
      </c>
      <c r="K37316" s="9"/>
      <c r="L37316" s="6"/>
    </row>
    <row r="37317" spans="1:12">
      <c r="A37317" s="6" t="s">
        <v>37029</v>
      </c>
      <c r="B37317" s="6"/>
      <c r="C37317" s="6" t="s">
        <v>32230</v>
      </c>
      <c r="D37317" s="6"/>
      <c r="E37317" s="6" t="s">
        <v>25121</v>
      </c>
      <c r="F37317" s="7">
        <v>29677</v>
      </c>
      <c r="G37317" s="8">
        <v>6480000</v>
      </c>
      <c r="H37317" s="8">
        <v>1</v>
      </c>
      <c r="I37317" s="8">
        <v>6479999</v>
      </c>
      <c r="J37317" s="8">
        <v>1</v>
      </c>
      <c r="K37317" s="9"/>
      <c r="L37317" s="6"/>
    </row>
    <row r="37318" spans="1:12">
      <c r="A37318" s="6" t="s">
        <v>37030</v>
      </c>
      <c r="B37318" s="6"/>
      <c r="C37318" s="6" t="s">
        <v>32230</v>
      </c>
      <c r="D37318" s="6"/>
      <c r="E37318" s="6" t="s">
        <v>25121</v>
      </c>
      <c r="F37318" s="7">
        <v>29677</v>
      </c>
      <c r="G37318" s="8">
        <v>6480000</v>
      </c>
      <c r="H37318" s="8">
        <v>1</v>
      </c>
      <c r="I37318" s="8">
        <v>6479999</v>
      </c>
      <c r="J37318" s="8">
        <v>1</v>
      </c>
      <c r="K37318" s="9"/>
      <c r="L37318" s="6"/>
    </row>
    <row r="37319" spans="1:12">
      <c r="A37319" s="6" t="s">
        <v>37031</v>
      </c>
      <c r="B37319" s="6"/>
      <c r="C37319" s="6" t="s">
        <v>32230</v>
      </c>
      <c r="D37319" s="6"/>
      <c r="E37319" s="6" t="s">
        <v>25121</v>
      </c>
      <c r="F37319" s="7">
        <v>30773</v>
      </c>
      <c r="G37319" s="8">
        <v>6480000</v>
      </c>
      <c r="H37319" s="8">
        <v>1</v>
      </c>
      <c r="I37319" s="8">
        <v>6479999</v>
      </c>
      <c r="J37319" s="8">
        <v>1</v>
      </c>
      <c r="K37319" s="9"/>
      <c r="L37319" s="6"/>
    </row>
    <row r="37320" spans="1:12">
      <c r="A37320" s="6" t="s">
        <v>37032</v>
      </c>
      <c r="B37320" s="6"/>
      <c r="C37320" s="6" t="s">
        <v>32230</v>
      </c>
      <c r="D37320" s="6"/>
      <c r="E37320" s="6" t="s">
        <v>25121</v>
      </c>
      <c r="F37320" s="7">
        <v>31138</v>
      </c>
      <c r="G37320" s="8">
        <v>6480000</v>
      </c>
      <c r="H37320" s="8">
        <v>1</v>
      </c>
      <c r="I37320" s="8">
        <v>6479999</v>
      </c>
      <c r="J37320" s="8">
        <v>1</v>
      </c>
      <c r="K37320" s="9"/>
      <c r="L37320" s="6"/>
    </row>
    <row r="37321" spans="1:12">
      <c r="A37321" s="6" t="s">
        <v>37033</v>
      </c>
      <c r="B37321" s="6"/>
      <c r="C37321" s="6" t="s">
        <v>32230</v>
      </c>
      <c r="D37321" s="6"/>
      <c r="E37321" s="6" t="s">
        <v>25121</v>
      </c>
      <c r="F37321" s="7">
        <v>31503</v>
      </c>
      <c r="G37321" s="8">
        <v>6480000</v>
      </c>
      <c r="H37321" s="8">
        <v>1</v>
      </c>
      <c r="I37321" s="8">
        <v>6479999</v>
      </c>
      <c r="J37321" s="8">
        <v>1</v>
      </c>
      <c r="K37321" s="9"/>
      <c r="L37321" s="6"/>
    </row>
    <row r="37322" spans="1:12">
      <c r="A37322" s="6" t="s">
        <v>37034</v>
      </c>
      <c r="B37322" s="6"/>
      <c r="C37322" s="6" t="s">
        <v>32230</v>
      </c>
      <c r="D37322" s="6"/>
      <c r="E37322" s="6" t="s">
        <v>25121</v>
      </c>
      <c r="F37322" s="7">
        <v>34790</v>
      </c>
      <c r="G37322" s="8">
        <v>6480000</v>
      </c>
      <c r="H37322" s="8">
        <v>972000</v>
      </c>
      <c r="I37322" s="8">
        <v>5728320</v>
      </c>
      <c r="J37322" s="8">
        <v>751680</v>
      </c>
      <c r="K37322" s="9"/>
      <c r="L37322" s="6"/>
    </row>
    <row r="37323" spans="1:12">
      <c r="A37323" s="6" t="s">
        <v>37035</v>
      </c>
      <c r="B37323" s="6"/>
      <c r="C37323" s="6" t="s">
        <v>32230</v>
      </c>
      <c r="D37323" s="6"/>
      <c r="E37323" s="6" t="s">
        <v>25121</v>
      </c>
      <c r="F37323" s="7">
        <v>35521</v>
      </c>
      <c r="G37323" s="8">
        <v>6480000</v>
      </c>
      <c r="H37323" s="8">
        <v>1412640</v>
      </c>
      <c r="I37323" s="8">
        <v>5287680</v>
      </c>
      <c r="J37323" s="8">
        <v>1192320</v>
      </c>
      <c r="K37323" s="9"/>
      <c r="L37323" s="6"/>
    </row>
    <row r="37324" spans="1:12">
      <c r="A37324" s="6" t="s">
        <v>37036</v>
      </c>
      <c r="B37324" s="6"/>
      <c r="C37324" s="6" t="s">
        <v>32230</v>
      </c>
      <c r="D37324" s="6"/>
      <c r="E37324" s="6" t="s">
        <v>25121</v>
      </c>
      <c r="F37324" s="7">
        <v>37347</v>
      </c>
      <c r="G37324" s="8">
        <v>6480000</v>
      </c>
      <c r="H37324" s="8">
        <v>2514240</v>
      </c>
      <c r="I37324" s="8">
        <v>4186080</v>
      </c>
      <c r="J37324" s="8">
        <v>2293920</v>
      </c>
      <c r="K37324" s="9"/>
      <c r="L37324" s="6"/>
    </row>
    <row r="37325" spans="1:12">
      <c r="A37325" s="6" t="s">
        <v>37037</v>
      </c>
      <c r="B37325" s="6"/>
      <c r="C37325" s="6" t="s">
        <v>32230</v>
      </c>
      <c r="D37325" s="6"/>
      <c r="E37325" s="6" t="s">
        <v>25121</v>
      </c>
      <c r="F37325" s="7">
        <v>33695</v>
      </c>
      <c r="G37325" s="8">
        <v>6480000</v>
      </c>
      <c r="H37325" s="8">
        <v>311040</v>
      </c>
      <c r="I37325" s="8">
        <v>6389280</v>
      </c>
      <c r="J37325" s="8">
        <v>90720</v>
      </c>
      <c r="K37325" s="9"/>
      <c r="L37325" s="6"/>
    </row>
    <row r="37326" spans="1:12">
      <c r="A37326" s="6" t="s">
        <v>37038</v>
      </c>
      <c r="B37326" s="6"/>
      <c r="C37326" s="6" t="s">
        <v>32230</v>
      </c>
      <c r="D37326" s="6"/>
      <c r="E37326" s="6" t="s">
        <v>25121</v>
      </c>
      <c r="F37326" s="7">
        <v>29677</v>
      </c>
      <c r="G37326" s="8">
        <v>6480000</v>
      </c>
      <c r="H37326" s="8">
        <v>1</v>
      </c>
      <c r="I37326" s="8">
        <v>6479999</v>
      </c>
      <c r="J37326" s="8">
        <v>1</v>
      </c>
      <c r="K37326" s="9"/>
      <c r="L37326" s="6"/>
    </row>
    <row r="37327" spans="1:12">
      <c r="A37327" s="6" t="s">
        <v>37039</v>
      </c>
      <c r="B37327" s="6"/>
      <c r="C37327" s="6" t="s">
        <v>32230</v>
      </c>
      <c r="D37327" s="6"/>
      <c r="E37327" s="6" t="s">
        <v>25121</v>
      </c>
      <c r="F37327" s="7">
        <v>30773</v>
      </c>
      <c r="G37327" s="8">
        <v>6480000</v>
      </c>
      <c r="H37327" s="8">
        <v>1</v>
      </c>
      <c r="I37327" s="8">
        <v>6479999</v>
      </c>
      <c r="J37327" s="8">
        <v>1</v>
      </c>
      <c r="K37327" s="9"/>
      <c r="L37327" s="6"/>
    </row>
    <row r="37328" spans="1:12">
      <c r="A37328" s="6" t="s">
        <v>37040</v>
      </c>
      <c r="B37328" s="6"/>
      <c r="C37328" s="6" t="s">
        <v>32230</v>
      </c>
      <c r="D37328" s="6"/>
      <c r="E37328" s="6" t="s">
        <v>25121</v>
      </c>
      <c r="F37328" s="7">
        <v>31138</v>
      </c>
      <c r="G37328" s="8">
        <v>6480000</v>
      </c>
      <c r="H37328" s="8">
        <v>1</v>
      </c>
      <c r="I37328" s="8">
        <v>6479999</v>
      </c>
      <c r="J37328" s="8">
        <v>1</v>
      </c>
      <c r="K37328" s="9"/>
      <c r="L37328" s="6"/>
    </row>
    <row r="37329" spans="1:12">
      <c r="A37329" s="6" t="s">
        <v>37041</v>
      </c>
      <c r="B37329" s="6"/>
      <c r="C37329" s="6" t="s">
        <v>32230</v>
      </c>
      <c r="D37329" s="6"/>
      <c r="E37329" s="6" t="s">
        <v>25121</v>
      </c>
      <c r="F37329" s="7"/>
      <c r="G37329" s="8">
        <v>1</v>
      </c>
      <c r="H37329" s="8">
        <v>1</v>
      </c>
      <c r="I37329" s="8">
        <v>0</v>
      </c>
      <c r="J37329" s="8">
        <v>1</v>
      </c>
      <c r="K37329" s="9"/>
      <c r="L37329" s="6"/>
    </row>
    <row r="37330" spans="1:12">
      <c r="A37330" s="6" t="s">
        <v>37042</v>
      </c>
      <c r="B37330" s="6"/>
      <c r="C37330" s="6" t="s">
        <v>32230</v>
      </c>
      <c r="D37330" s="6"/>
      <c r="E37330" s="6" t="s">
        <v>25121</v>
      </c>
      <c r="F37330" s="7">
        <v>33329</v>
      </c>
      <c r="G37330" s="8">
        <v>6480000</v>
      </c>
      <c r="H37330" s="8">
        <v>90720</v>
      </c>
      <c r="I37330" s="8">
        <v>6479999</v>
      </c>
      <c r="J37330" s="8">
        <v>1</v>
      </c>
      <c r="K37330" s="9"/>
      <c r="L37330" s="6"/>
    </row>
    <row r="37331" spans="1:12">
      <c r="A37331" s="6" t="s">
        <v>37043</v>
      </c>
      <c r="B37331" s="6"/>
      <c r="C37331" s="6" t="s">
        <v>32230</v>
      </c>
      <c r="D37331" s="6"/>
      <c r="E37331" s="6" t="s">
        <v>25121</v>
      </c>
      <c r="F37331" s="7">
        <v>33329</v>
      </c>
      <c r="G37331" s="8">
        <v>6480000</v>
      </c>
      <c r="H37331" s="8">
        <v>90720</v>
      </c>
      <c r="I37331" s="8">
        <v>6479999</v>
      </c>
      <c r="J37331" s="8">
        <v>1</v>
      </c>
      <c r="K37331" s="9"/>
      <c r="L37331" s="6"/>
    </row>
    <row r="37332" spans="1:12">
      <c r="A37332" s="6" t="s">
        <v>37044</v>
      </c>
      <c r="B37332" s="6"/>
      <c r="C37332" s="6" t="s">
        <v>32230</v>
      </c>
      <c r="D37332" s="6"/>
      <c r="E37332" s="6" t="s">
        <v>25121</v>
      </c>
      <c r="F37332" s="7">
        <v>33329</v>
      </c>
      <c r="G37332" s="8">
        <v>6480000</v>
      </c>
      <c r="H37332" s="8">
        <v>90720</v>
      </c>
      <c r="I37332" s="8">
        <v>6479999</v>
      </c>
      <c r="J37332" s="8">
        <v>1</v>
      </c>
      <c r="K37332" s="9"/>
      <c r="L37332" s="6"/>
    </row>
    <row r="37333" spans="1:12">
      <c r="A37333" s="6" t="s">
        <v>37045</v>
      </c>
      <c r="B37333" s="6"/>
      <c r="C37333" s="6" t="s">
        <v>32230</v>
      </c>
      <c r="D37333" s="6"/>
      <c r="E37333" s="6" t="s">
        <v>25121</v>
      </c>
      <c r="F37333" s="7">
        <v>33695</v>
      </c>
      <c r="G37333" s="8">
        <v>6480000</v>
      </c>
      <c r="H37333" s="8">
        <v>311040</v>
      </c>
      <c r="I37333" s="8">
        <v>6389280</v>
      </c>
      <c r="J37333" s="8">
        <v>90720</v>
      </c>
      <c r="K37333" s="9"/>
      <c r="L37333" s="6"/>
    </row>
    <row r="37334" spans="1:12">
      <c r="A37334" s="6" t="s">
        <v>37046</v>
      </c>
      <c r="B37334" s="6"/>
      <c r="C37334" s="6" t="s">
        <v>32230</v>
      </c>
      <c r="D37334" s="6"/>
      <c r="E37334" s="6" t="s">
        <v>25121</v>
      </c>
      <c r="F37334" s="7">
        <v>33695</v>
      </c>
      <c r="G37334" s="8">
        <v>6480000</v>
      </c>
      <c r="H37334" s="8">
        <v>311040</v>
      </c>
      <c r="I37334" s="8">
        <v>6389280</v>
      </c>
      <c r="J37334" s="8">
        <v>90720</v>
      </c>
      <c r="K37334" s="9"/>
      <c r="L37334" s="6"/>
    </row>
    <row r="37335" spans="1:12">
      <c r="A37335" s="6" t="s">
        <v>37047</v>
      </c>
      <c r="B37335" s="6"/>
      <c r="C37335" s="6" t="s">
        <v>32230</v>
      </c>
      <c r="D37335" s="6"/>
      <c r="E37335" s="6" t="s">
        <v>25121</v>
      </c>
      <c r="F37335" s="7">
        <v>34425</v>
      </c>
      <c r="G37335" s="8">
        <v>6480000</v>
      </c>
      <c r="H37335" s="8">
        <v>751680</v>
      </c>
      <c r="I37335" s="8">
        <v>5948640</v>
      </c>
      <c r="J37335" s="8">
        <v>531360</v>
      </c>
      <c r="K37335" s="9"/>
      <c r="L37335" s="6"/>
    </row>
    <row r="37336" spans="1:12">
      <c r="A37336" s="6" t="s">
        <v>37048</v>
      </c>
      <c r="B37336" s="6"/>
      <c r="C37336" s="6" t="s">
        <v>32230</v>
      </c>
      <c r="D37336" s="6"/>
      <c r="E37336" s="6" t="s">
        <v>25121</v>
      </c>
      <c r="F37336" s="7">
        <v>34790</v>
      </c>
      <c r="G37336" s="8">
        <v>6480000</v>
      </c>
      <c r="H37336" s="8">
        <v>972000</v>
      </c>
      <c r="I37336" s="8">
        <v>5728320</v>
      </c>
      <c r="J37336" s="8">
        <v>751680</v>
      </c>
      <c r="K37336" s="9"/>
      <c r="L37336" s="6"/>
    </row>
    <row r="37337" spans="1:12">
      <c r="A37337" s="6" t="s">
        <v>37049</v>
      </c>
      <c r="B37337" s="6"/>
      <c r="C37337" s="6" t="s">
        <v>32230</v>
      </c>
      <c r="D37337" s="6"/>
      <c r="E37337" s="6" t="s">
        <v>25121</v>
      </c>
      <c r="F37337" s="7">
        <v>36251</v>
      </c>
      <c r="G37337" s="8">
        <v>6480000</v>
      </c>
      <c r="H37337" s="8">
        <v>1853280</v>
      </c>
      <c r="I37337" s="8">
        <v>4847040</v>
      </c>
      <c r="J37337" s="8">
        <v>1632960</v>
      </c>
      <c r="K37337" s="9"/>
      <c r="L37337" s="6"/>
    </row>
    <row r="37338" spans="1:12">
      <c r="A37338" s="6" t="s">
        <v>37050</v>
      </c>
      <c r="B37338" s="6"/>
      <c r="C37338" s="6" t="s">
        <v>32230</v>
      </c>
      <c r="D37338" s="6"/>
      <c r="E37338" s="6" t="s">
        <v>25121</v>
      </c>
      <c r="F37338" s="7">
        <v>38443</v>
      </c>
      <c r="G37338" s="8">
        <v>6480000</v>
      </c>
      <c r="H37338" s="8">
        <v>3175200</v>
      </c>
      <c r="I37338" s="8">
        <v>3525120</v>
      </c>
      <c r="J37338" s="8">
        <v>2954880</v>
      </c>
      <c r="K37338" s="9"/>
      <c r="L37338" s="6"/>
    </row>
    <row r="37339" spans="1:12">
      <c r="A37339" s="6" t="s">
        <v>37051</v>
      </c>
      <c r="B37339" s="6"/>
      <c r="C37339" s="6" t="s">
        <v>32230</v>
      </c>
      <c r="D37339" s="6"/>
      <c r="E37339" s="6" t="s">
        <v>25121</v>
      </c>
      <c r="F37339" s="7">
        <v>40218</v>
      </c>
      <c r="G37339" s="8">
        <v>8715000</v>
      </c>
      <c r="H37339" s="8">
        <v>5455590</v>
      </c>
      <c r="I37339" s="8">
        <v>3555720</v>
      </c>
      <c r="J37339" s="8">
        <v>5159280</v>
      </c>
      <c r="K37339" s="9"/>
      <c r="L37339" s="6"/>
    </row>
    <row r="37340" spans="1:12">
      <c r="A37340" s="6" t="s">
        <v>37052</v>
      </c>
      <c r="B37340" s="6"/>
      <c r="C37340" s="6" t="s">
        <v>32230</v>
      </c>
      <c r="D37340" s="6"/>
      <c r="E37340" s="6" t="s">
        <v>25121</v>
      </c>
      <c r="F37340" s="7">
        <v>39904</v>
      </c>
      <c r="G37340" s="8">
        <v>6480000</v>
      </c>
      <c r="H37340" s="8">
        <v>4056480</v>
      </c>
      <c r="I37340" s="8">
        <v>2643840</v>
      </c>
      <c r="J37340" s="8">
        <v>3836160</v>
      </c>
      <c r="K37340" s="9"/>
      <c r="L37340" s="6"/>
    </row>
    <row r="37341" spans="1:12">
      <c r="A37341" s="6" t="s">
        <v>37053</v>
      </c>
      <c r="B37341" s="6"/>
      <c r="C37341" s="6" t="s">
        <v>32230</v>
      </c>
      <c r="D37341" s="6"/>
      <c r="E37341" s="6" t="s">
        <v>25121</v>
      </c>
      <c r="F37341" s="7">
        <v>33695</v>
      </c>
      <c r="G37341" s="8">
        <v>6480000</v>
      </c>
      <c r="H37341" s="8">
        <v>311040</v>
      </c>
      <c r="I37341" s="8">
        <v>6389280</v>
      </c>
      <c r="J37341" s="8">
        <v>90720</v>
      </c>
      <c r="K37341" s="9"/>
      <c r="L37341" s="6"/>
    </row>
    <row r="37342" spans="1:12">
      <c r="A37342" s="6" t="s">
        <v>37054</v>
      </c>
      <c r="B37342" s="6"/>
      <c r="C37342" s="6" t="s">
        <v>32230</v>
      </c>
      <c r="D37342" s="6"/>
      <c r="E37342" s="6" t="s">
        <v>25121</v>
      </c>
      <c r="F37342" s="7">
        <v>34425</v>
      </c>
      <c r="G37342" s="8">
        <v>6480000</v>
      </c>
      <c r="H37342" s="8">
        <v>751680</v>
      </c>
      <c r="I37342" s="8">
        <v>5948640</v>
      </c>
      <c r="J37342" s="8">
        <v>531360</v>
      </c>
      <c r="K37342" s="9"/>
      <c r="L37342" s="6"/>
    </row>
    <row r="37343" spans="1:12">
      <c r="A37343" s="6" t="s">
        <v>37055</v>
      </c>
      <c r="B37343" s="6"/>
      <c r="C37343" s="6" t="s">
        <v>32230</v>
      </c>
      <c r="D37343" s="6"/>
      <c r="E37343" s="6" t="s">
        <v>25121</v>
      </c>
      <c r="F37343" s="7">
        <v>34425</v>
      </c>
      <c r="G37343" s="8">
        <v>6480000</v>
      </c>
      <c r="H37343" s="8">
        <v>751680</v>
      </c>
      <c r="I37343" s="8">
        <v>5948640</v>
      </c>
      <c r="J37343" s="8">
        <v>531360</v>
      </c>
      <c r="K37343" s="9"/>
      <c r="L37343" s="6"/>
    </row>
    <row r="37344" spans="1:12">
      <c r="A37344" s="6" t="s">
        <v>37056</v>
      </c>
      <c r="B37344" s="6"/>
      <c r="C37344" s="6" t="s">
        <v>32230</v>
      </c>
      <c r="D37344" s="6"/>
      <c r="E37344" s="6" t="s">
        <v>25121</v>
      </c>
      <c r="F37344" s="7">
        <v>34425</v>
      </c>
      <c r="G37344" s="8">
        <v>6480000</v>
      </c>
      <c r="H37344" s="8">
        <v>751680</v>
      </c>
      <c r="I37344" s="8">
        <v>5948640</v>
      </c>
      <c r="J37344" s="8">
        <v>531360</v>
      </c>
      <c r="K37344" s="9"/>
      <c r="L37344" s="6"/>
    </row>
    <row r="37345" spans="1:12">
      <c r="A37345" s="6" t="s">
        <v>37057</v>
      </c>
      <c r="B37345" s="6"/>
      <c r="C37345" s="6" t="s">
        <v>32230</v>
      </c>
      <c r="D37345" s="6"/>
      <c r="E37345" s="6" t="s">
        <v>25121</v>
      </c>
      <c r="F37345" s="7">
        <v>34425</v>
      </c>
      <c r="G37345" s="8">
        <v>6480000</v>
      </c>
      <c r="H37345" s="8">
        <v>751680</v>
      </c>
      <c r="I37345" s="8">
        <v>5948640</v>
      </c>
      <c r="J37345" s="8">
        <v>531360</v>
      </c>
      <c r="K37345" s="9"/>
      <c r="L37345" s="6"/>
    </row>
    <row r="37346" spans="1:12">
      <c r="A37346" s="6" t="s">
        <v>37058</v>
      </c>
      <c r="B37346" s="6"/>
      <c r="C37346" s="6" t="s">
        <v>32230</v>
      </c>
      <c r="D37346" s="6"/>
      <c r="E37346" s="6" t="s">
        <v>25121</v>
      </c>
      <c r="F37346" s="7">
        <v>34425</v>
      </c>
      <c r="G37346" s="8">
        <v>6480000</v>
      </c>
      <c r="H37346" s="8">
        <v>751680</v>
      </c>
      <c r="I37346" s="8">
        <v>5948640</v>
      </c>
      <c r="J37346" s="8">
        <v>531360</v>
      </c>
      <c r="K37346" s="9"/>
      <c r="L37346" s="6"/>
    </row>
    <row r="37347" spans="1:12">
      <c r="A37347" s="6" t="s">
        <v>37059</v>
      </c>
      <c r="B37347" s="6"/>
      <c r="C37347" s="6" t="s">
        <v>32230</v>
      </c>
      <c r="D37347" s="6"/>
      <c r="E37347" s="6" t="s">
        <v>25121</v>
      </c>
      <c r="F37347" s="7">
        <v>34425</v>
      </c>
      <c r="G37347" s="8">
        <v>6480000</v>
      </c>
      <c r="H37347" s="8">
        <v>751680</v>
      </c>
      <c r="I37347" s="8">
        <v>5948640</v>
      </c>
      <c r="J37347" s="8">
        <v>531360</v>
      </c>
      <c r="K37347" s="9"/>
      <c r="L37347" s="6"/>
    </row>
    <row r="37348" spans="1:12">
      <c r="A37348" s="6" t="s">
        <v>37060</v>
      </c>
      <c r="B37348" s="6"/>
      <c r="C37348" s="6" t="s">
        <v>32230</v>
      </c>
      <c r="D37348" s="6"/>
      <c r="E37348" s="6" t="s">
        <v>25121</v>
      </c>
      <c r="F37348" s="7">
        <v>31503</v>
      </c>
      <c r="G37348" s="8">
        <v>6480000</v>
      </c>
      <c r="H37348" s="8">
        <v>1</v>
      </c>
      <c r="I37348" s="8">
        <v>6479999</v>
      </c>
      <c r="J37348" s="8">
        <v>1</v>
      </c>
      <c r="K37348" s="9"/>
      <c r="L37348" s="6"/>
    </row>
    <row r="37349" spans="1:12">
      <c r="A37349" s="6" t="s">
        <v>37061</v>
      </c>
      <c r="B37349" s="6"/>
      <c r="C37349" s="6" t="s">
        <v>32230</v>
      </c>
      <c r="D37349" s="6"/>
      <c r="E37349" s="6" t="s">
        <v>25121</v>
      </c>
      <c r="F37349" s="7">
        <v>38443</v>
      </c>
      <c r="G37349" s="8">
        <v>6480000</v>
      </c>
      <c r="H37349" s="8">
        <v>3175200</v>
      </c>
      <c r="I37349" s="8">
        <v>3525120</v>
      </c>
      <c r="J37349" s="8">
        <v>2954880</v>
      </c>
      <c r="K37349" s="9"/>
      <c r="L37349" s="6"/>
    </row>
    <row r="37350" spans="1:12">
      <c r="A37350" s="6" t="s">
        <v>37062</v>
      </c>
      <c r="B37350" s="6"/>
      <c r="C37350" s="6" t="s">
        <v>32230</v>
      </c>
      <c r="D37350" s="6"/>
      <c r="E37350" s="6" t="s">
        <v>25121</v>
      </c>
      <c r="F37350" s="7">
        <v>39791</v>
      </c>
      <c r="G37350" s="8">
        <v>8557500</v>
      </c>
      <c r="H37350" s="8">
        <v>5066040</v>
      </c>
      <c r="I37350" s="8">
        <v>3782415</v>
      </c>
      <c r="J37350" s="8">
        <v>4775085</v>
      </c>
      <c r="K37350" s="9"/>
      <c r="L37350" s="6"/>
    </row>
    <row r="37351" spans="1:12">
      <c r="A37351" s="6" t="s">
        <v>37063</v>
      </c>
      <c r="B37351" s="6"/>
      <c r="C37351" s="6" t="s">
        <v>32230</v>
      </c>
      <c r="D37351" s="6"/>
      <c r="E37351" s="6" t="s">
        <v>25121</v>
      </c>
      <c r="F37351" s="7">
        <v>38443</v>
      </c>
      <c r="G37351" s="8">
        <v>6480000</v>
      </c>
      <c r="H37351" s="8">
        <v>3175200</v>
      </c>
      <c r="I37351" s="8">
        <v>3525120</v>
      </c>
      <c r="J37351" s="8">
        <v>2954880</v>
      </c>
      <c r="K37351" s="9"/>
      <c r="L37351" s="6"/>
    </row>
    <row r="37352" spans="1:12">
      <c r="A37352" s="6" t="s">
        <v>37064</v>
      </c>
      <c r="B37352" s="6"/>
      <c r="C37352" s="6" t="s">
        <v>32230</v>
      </c>
      <c r="D37352" s="6"/>
      <c r="E37352" s="6" t="s">
        <v>25121</v>
      </c>
      <c r="F37352" s="7">
        <v>31138</v>
      </c>
      <c r="G37352" s="8">
        <v>4860000</v>
      </c>
      <c r="H37352" s="8">
        <v>1</v>
      </c>
      <c r="I37352" s="8">
        <v>4859999</v>
      </c>
      <c r="J37352" s="8">
        <v>1</v>
      </c>
      <c r="K37352" s="9"/>
      <c r="L37352" s="6"/>
    </row>
    <row r="37353" spans="1:12">
      <c r="A37353" s="6" t="s">
        <v>37065</v>
      </c>
      <c r="B37353" s="6"/>
      <c r="C37353" s="6" t="s">
        <v>32230</v>
      </c>
      <c r="D37353" s="6"/>
      <c r="E37353" s="6" t="s">
        <v>25121</v>
      </c>
      <c r="F37353" s="7">
        <v>31138</v>
      </c>
      <c r="G37353" s="8">
        <v>3402000</v>
      </c>
      <c r="H37353" s="8">
        <v>1</v>
      </c>
      <c r="I37353" s="8">
        <v>3401999</v>
      </c>
      <c r="J37353" s="8">
        <v>1</v>
      </c>
      <c r="K37353" s="9"/>
      <c r="L37353" s="6"/>
    </row>
    <row r="37354" spans="1:12">
      <c r="A37354" s="6" t="s">
        <v>37066</v>
      </c>
      <c r="B37354" s="6"/>
      <c r="C37354" s="6" t="s">
        <v>32230</v>
      </c>
      <c r="D37354" s="6"/>
      <c r="E37354" s="6" t="s">
        <v>25121</v>
      </c>
      <c r="F37354" s="7">
        <v>31138</v>
      </c>
      <c r="G37354" s="8">
        <v>4536000</v>
      </c>
      <c r="H37354" s="8">
        <v>1</v>
      </c>
      <c r="I37354" s="8">
        <v>4535999</v>
      </c>
      <c r="J37354" s="8">
        <v>1</v>
      </c>
      <c r="K37354" s="9"/>
      <c r="L37354" s="6"/>
    </row>
    <row r="37355" spans="1:12">
      <c r="A37355" s="6" t="s">
        <v>37067</v>
      </c>
      <c r="B37355" s="6"/>
      <c r="C37355" s="6" t="s">
        <v>32230</v>
      </c>
      <c r="D37355" s="6"/>
      <c r="E37355" s="6" t="s">
        <v>25121</v>
      </c>
      <c r="F37355" s="7">
        <v>38808</v>
      </c>
      <c r="G37355" s="8">
        <v>6480000</v>
      </c>
      <c r="H37355" s="8">
        <v>3395520</v>
      </c>
      <c r="I37355" s="8">
        <v>3304800</v>
      </c>
      <c r="J37355" s="8">
        <v>3175200</v>
      </c>
      <c r="K37355" s="9"/>
      <c r="L37355" s="6"/>
    </row>
    <row r="37356" spans="1:12">
      <c r="A37356" s="6" t="s">
        <v>37068</v>
      </c>
      <c r="B37356" s="6"/>
      <c r="C37356" s="6" t="s">
        <v>32230</v>
      </c>
      <c r="D37356" s="6"/>
      <c r="E37356" s="6" t="s">
        <v>25121</v>
      </c>
      <c r="F37356" s="7">
        <v>38808</v>
      </c>
      <c r="G37356" s="8">
        <v>6480000</v>
      </c>
      <c r="H37356" s="8">
        <v>3395520</v>
      </c>
      <c r="I37356" s="8">
        <v>3304800</v>
      </c>
      <c r="J37356" s="8">
        <v>3175200</v>
      </c>
      <c r="K37356" s="9"/>
      <c r="L37356" s="6"/>
    </row>
    <row r="37357" spans="1:12">
      <c r="A37357" s="6" t="s">
        <v>37069</v>
      </c>
      <c r="B37357" s="6"/>
      <c r="C37357" s="6" t="s">
        <v>32230</v>
      </c>
      <c r="D37357" s="6"/>
      <c r="E37357" s="6" t="s">
        <v>25121</v>
      </c>
      <c r="F37357" s="7">
        <v>41000</v>
      </c>
      <c r="G37357" s="8">
        <v>6480000</v>
      </c>
      <c r="H37357" s="8">
        <v>4717440</v>
      </c>
      <c r="I37357" s="8">
        <v>1982880</v>
      </c>
      <c r="J37357" s="8">
        <v>4497120</v>
      </c>
      <c r="K37357" s="9"/>
      <c r="L37357" s="6"/>
    </row>
    <row r="37358" spans="1:12">
      <c r="A37358" s="6" t="s">
        <v>37070</v>
      </c>
      <c r="B37358" s="6"/>
      <c r="C37358" s="6" t="s">
        <v>32230</v>
      </c>
      <c r="D37358" s="6"/>
      <c r="E37358" s="6" t="s">
        <v>25121</v>
      </c>
      <c r="F37358" s="7">
        <v>30042</v>
      </c>
      <c r="G37358" s="8">
        <v>6480000</v>
      </c>
      <c r="H37358" s="8">
        <v>1</v>
      </c>
      <c r="I37358" s="8">
        <v>6479999</v>
      </c>
      <c r="J37358" s="8">
        <v>1</v>
      </c>
      <c r="K37358" s="9"/>
      <c r="L37358" s="6"/>
    </row>
    <row r="37359" spans="1:12">
      <c r="A37359" s="6" t="s">
        <v>37071</v>
      </c>
      <c r="B37359" s="6"/>
      <c r="C37359" s="6" t="s">
        <v>32230</v>
      </c>
      <c r="D37359" s="6"/>
      <c r="E37359" s="6" t="s">
        <v>25121</v>
      </c>
      <c r="F37359" s="7">
        <v>31138</v>
      </c>
      <c r="G37359" s="8">
        <v>6480000</v>
      </c>
      <c r="H37359" s="8">
        <v>1</v>
      </c>
      <c r="I37359" s="8">
        <v>6479999</v>
      </c>
      <c r="J37359" s="8">
        <v>1</v>
      </c>
      <c r="K37359" s="9"/>
      <c r="L37359" s="6"/>
    </row>
    <row r="37360" spans="1:12">
      <c r="A37360" s="6" t="s">
        <v>37072</v>
      </c>
      <c r="B37360" s="6"/>
      <c r="C37360" s="6" t="s">
        <v>32230</v>
      </c>
      <c r="D37360" s="6"/>
      <c r="E37360" s="6" t="s">
        <v>25121</v>
      </c>
      <c r="F37360" s="7">
        <v>31138</v>
      </c>
      <c r="G37360" s="8">
        <v>6480000</v>
      </c>
      <c r="H37360" s="8">
        <v>1</v>
      </c>
      <c r="I37360" s="8">
        <v>6479999</v>
      </c>
      <c r="J37360" s="8">
        <v>1</v>
      </c>
      <c r="K37360" s="9"/>
      <c r="L37360" s="6"/>
    </row>
    <row r="37361" spans="1:12">
      <c r="A37361" s="6" t="s">
        <v>37073</v>
      </c>
      <c r="B37361" s="6"/>
      <c r="C37361" s="6" t="s">
        <v>32230</v>
      </c>
      <c r="D37361" s="6"/>
      <c r="E37361" s="6" t="s">
        <v>25121</v>
      </c>
      <c r="F37361" s="7">
        <v>35156</v>
      </c>
      <c r="G37361" s="8">
        <v>6480000</v>
      </c>
      <c r="H37361" s="8">
        <v>1192320</v>
      </c>
      <c r="I37361" s="8">
        <v>5508000</v>
      </c>
      <c r="J37361" s="8">
        <v>972000</v>
      </c>
      <c r="K37361" s="9"/>
      <c r="L37361" s="6"/>
    </row>
    <row r="37362" spans="1:12">
      <c r="A37362" s="6" t="s">
        <v>37074</v>
      </c>
      <c r="B37362" s="6"/>
      <c r="C37362" s="6" t="s">
        <v>32230</v>
      </c>
      <c r="D37362" s="6"/>
      <c r="E37362" s="6" t="s">
        <v>25121</v>
      </c>
      <c r="F37362" s="7">
        <v>31138</v>
      </c>
      <c r="G37362" s="8">
        <v>6480000</v>
      </c>
      <c r="H37362" s="8">
        <v>1</v>
      </c>
      <c r="I37362" s="8">
        <v>6479999</v>
      </c>
      <c r="J37362" s="8">
        <v>1</v>
      </c>
      <c r="K37362" s="9"/>
      <c r="L37362" s="6"/>
    </row>
    <row r="37363" spans="1:12">
      <c r="A37363" s="6" t="s">
        <v>37075</v>
      </c>
      <c r="B37363" s="6"/>
      <c r="C37363" s="6" t="s">
        <v>32230</v>
      </c>
      <c r="D37363" s="6"/>
      <c r="E37363" s="6" t="s">
        <v>25121</v>
      </c>
      <c r="F37363" s="7">
        <v>31503</v>
      </c>
      <c r="G37363" s="8">
        <v>6480000</v>
      </c>
      <c r="H37363" s="8">
        <v>1</v>
      </c>
      <c r="I37363" s="8">
        <v>6479999</v>
      </c>
      <c r="J37363" s="8">
        <v>1</v>
      </c>
      <c r="K37363" s="9"/>
      <c r="L37363" s="6"/>
    </row>
    <row r="37364" spans="1:12">
      <c r="A37364" s="6" t="s">
        <v>37076</v>
      </c>
      <c r="B37364" s="6"/>
      <c r="C37364" s="6" t="s">
        <v>32230</v>
      </c>
      <c r="D37364" s="6"/>
      <c r="E37364" s="6" t="s">
        <v>25121</v>
      </c>
      <c r="F37364" s="7">
        <v>32964</v>
      </c>
      <c r="G37364" s="8">
        <v>6480000</v>
      </c>
      <c r="H37364" s="8">
        <v>1</v>
      </c>
      <c r="I37364" s="8">
        <v>6479999</v>
      </c>
      <c r="J37364" s="8">
        <v>1</v>
      </c>
      <c r="K37364" s="9"/>
      <c r="L37364" s="6"/>
    </row>
    <row r="37365" spans="1:12">
      <c r="A37365" s="6" t="s">
        <v>37077</v>
      </c>
      <c r="B37365" s="6"/>
      <c r="C37365" s="6" t="s">
        <v>32230</v>
      </c>
      <c r="D37365" s="6"/>
      <c r="E37365" s="6" t="s">
        <v>25121</v>
      </c>
      <c r="F37365" s="7">
        <v>36251</v>
      </c>
      <c r="G37365" s="8">
        <v>6480000</v>
      </c>
      <c r="H37365" s="8">
        <v>1853280</v>
      </c>
      <c r="I37365" s="8">
        <v>4847040</v>
      </c>
      <c r="J37365" s="8">
        <v>1632960</v>
      </c>
      <c r="K37365" s="9"/>
      <c r="L37365" s="6"/>
    </row>
    <row r="37366" spans="1:12">
      <c r="A37366" s="6" t="s">
        <v>37078</v>
      </c>
      <c r="B37366" s="6"/>
      <c r="C37366" s="6" t="s">
        <v>32230</v>
      </c>
      <c r="D37366" s="6"/>
      <c r="E37366" s="6" t="s">
        <v>25121</v>
      </c>
      <c r="F37366" s="7">
        <v>40632</v>
      </c>
      <c r="G37366" s="8">
        <v>7875000</v>
      </c>
      <c r="H37366" s="8">
        <v>5197500</v>
      </c>
      <c r="I37366" s="8">
        <v>2945250</v>
      </c>
      <c r="J37366" s="8">
        <v>4929750</v>
      </c>
      <c r="K37366" s="9"/>
      <c r="L37366" s="6"/>
    </row>
    <row r="37367" spans="1:12">
      <c r="A37367" s="6" t="s">
        <v>37079</v>
      </c>
      <c r="B37367" s="6"/>
      <c r="C37367" s="6" t="s">
        <v>32230</v>
      </c>
      <c r="D37367" s="6"/>
      <c r="E37367" s="6" t="s">
        <v>25121</v>
      </c>
      <c r="F37367" s="7">
        <v>41201</v>
      </c>
      <c r="G37367" s="8">
        <v>4882500</v>
      </c>
      <c r="H37367" s="8">
        <v>3554460</v>
      </c>
      <c r="I37367" s="8">
        <v>1494045</v>
      </c>
      <c r="J37367" s="8">
        <v>3388455</v>
      </c>
      <c r="K37367" s="9"/>
      <c r="L37367" s="6"/>
    </row>
    <row r="37368" spans="1:12">
      <c r="A37368" s="6" t="s">
        <v>37080</v>
      </c>
      <c r="B37368" s="6"/>
      <c r="C37368" s="6" t="s">
        <v>32230</v>
      </c>
      <c r="D37368" s="6"/>
      <c r="E37368" s="6" t="s">
        <v>25121</v>
      </c>
      <c r="F37368" s="7">
        <v>30042</v>
      </c>
      <c r="G37368" s="8">
        <v>6480000</v>
      </c>
      <c r="H37368" s="8">
        <v>1</v>
      </c>
      <c r="I37368" s="8">
        <v>6479999</v>
      </c>
      <c r="J37368" s="8">
        <v>1</v>
      </c>
      <c r="K37368" s="9"/>
      <c r="L37368" s="6"/>
    </row>
    <row r="37369" spans="1:12">
      <c r="A37369" s="6" t="s">
        <v>37081</v>
      </c>
      <c r="B37369" s="6"/>
      <c r="C37369" s="6" t="s">
        <v>32230</v>
      </c>
      <c r="D37369" s="6"/>
      <c r="E37369" s="6" t="s">
        <v>25121</v>
      </c>
      <c r="F37369" s="7">
        <v>35886</v>
      </c>
      <c r="G37369" s="8">
        <v>6480000</v>
      </c>
      <c r="H37369" s="8">
        <v>1632960</v>
      </c>
      <c r="I37369" s="8">
        <v>5067360</v>
      </c>
      <c r="J37369" s="8">
        <v>1412640</v>
      </c>
      <c r="K37369" s="9"/>
      <c r="L37369" s="6"/>
    </row>
    <row r="37370" spans="1:12">
      <c r="A37370" s="6" t="s">
        <v>37082</v>
      </c>
      <c r="B37370" s="6"/>
      <c r="C37370" s="6" t="s">
        <v>32230</v>
      </c>
      <c r="D37370" s="6"/>
      <c r="E37370" s="6" t="s">
        <v>25121</v>
      </c>
      <c r="F37370" s="7">
        <v>34060</v>
      </c>
      <c r="G37370" s="8">
        <v>6480000</v>
      </c>
      <c r="H37370" s="8">
        <v>531360</v>
      </c>
      <c r="I37370" s="8">
        <v>6168960</v>
      </c>
      <c r="J37370" s="8">
        <v>311040</v>
      </c>
      <c r="K37370" s="9"/>
      <c r="L37370" s="6"/>
    </row>
    <row r="37371" spans="1:12">
      <c r="A37371" s="6" t="s">
        <v>37083</v>
      </c>
      <c r="B37371" s="6"/>
      <c r="C37371" s="6" t="s">
        <v>32230</v>
      </c>
      <c r="D37371" s="6"/>
      <c r="E37371" s="6" t="s">
        <v>25121</v>
      </c>
      <c r="F37371" s="7">
        <v>34790</v>
      </c>
      <c r="G37371" s="8">
        <v>6480000</v>
      </c>
      <c r="H37371" s="8">
        <v>972000</v>
      </c>
      <c r="I37371" s="8">
        <v>5728320</v>
      </c>
      <c r="J37371" s="8">
        <v>751680</v>
      </c>
      <c r="K37371" s="9"/>
      <c r="L37371" s="6"/>
    </row>
    <row r="37372" spans="1:12">
      <c r="A37372" s="6" t="s">
        <v>37084</v>
      </c>
      <c r="B37372" s="6"/>
      <c r="C37372" s="6" t="s">
        <v>32230</v>
      </c>
      <c r="D37372" s="6"/>
      <c r="E37372" s="6" t="s">
        <v>25121</v>
      </c>
      <c r="F37372" s="7">
        <v>34790</v>
      </c>
      <c r="G37372" s="8">
        <v>6480000</v>
      </c>
      <c r="H37372" s="8">
        <v>972000</v>
      </c>
      <c r="I37372" s="8">
        <v>5728320</v>
      </c>
      <c r="J37372" s="8">
        <v>751680</v>
      </c>
      <c r="K37372" s="9"/>
      <c r="L37372" s="6"/>
    </row>
    <row r="37373" spans="1:12">
      <c r="A37373" s="6" t="s">
        <v>37085</v>
      </c>
      <c r="B37373" s="6"/>
      <c r="C37373" s="6" t="s">
        <v>32230</v>
      </c>
      <c r="D37373" s="6"/>
      <c r="E37373" s="6" t="s">
        <v>25121</v>
      </c>
      <c r="F37373" s="7">
        <v>35886</v>
      </c>
      <c r="G37373" s="8">
        <v>6480000</v>
      </c>
      <c r="H37373" s="8">
        <v>1632960</v>
      </c>
      <c r="I37373" s="8">
        <v>5067360</v>
      </c>
      <c r="J37373" s="8">
        <v>1412640</v>
      </c>
      <c r="K37373" s="9"/>
      <c r="L37373" s="6"/>
    </row>
    <row r="37374" spans="1:12">
      <c r="A37374" s="6" t="s">
        <v>37086</v>
      </c>
      <c r="B37374" s="6"/>
      <c r="C37374" s="6" t="s">
        <v>32230</v>
      </c>
      <c r="D37374" s="6"/>
      <c r="E37374" s="6" t="s">
        <v>25121</v>
      </c>
      <c r="F37374" s="7">
        <v>38808</v>
      </c>
      <c r="G37374" s="8">
        <v>6480000</v>
      </c>
      <c r="H37374" s="8">
        <v>3395520</v>
      </c>
      <c r="I37374" s="8">
        <v>3304800</v>
      </c>
      <c r="J37374" s="8">
        <v>3175200</v>
      </c>
      <c r="K37374" s="9"/>
      <c r="L37374" s="6"/>
    </row>
    <row r="37375" spans="1:12">
      <c r="A37375" s="6" t="s">
        <v>37087</v>
      </c>
      <c r="B37375" s="6"/>
      <c r="C37375" s="6" t="s">
        <v>32230</v>
      </c>
      <c r="D37375" s="6"/>
      <c r="E37375" s="6" t="s">
        <v>25121</v>
      </c>
      <c r="F37375" s="7">
        <v>33329</v>
      </c>
      <c r="G37375" s="8">
        <v>6480000</v>
      </c>
      <c r="H37375" s="8">
        <v>90720</v>
      </c>
      <c r="I37375" s="8">
        <v>6479999</v>
      </c>
      <c r="J37375" s="8">
        <v>1</v>
      </c>
      <c r="K37375" s="9"/>
      <c r="L37375" s="6"/>
    </row>
    <row r="37376" spans="1:12">
      <c r="A37376" s="6" t="s">
        <v>37088</v>
      </c>
      <c r="B37376" s="6"/>
      <c r="C37376" s="6" t="s">
        <v>32230</v>
      </c>
      <c r="D37376" s="6"/>
      <c r="E37376" s="6" t="s">
        <v>25121</v>
      </c>
      <c r="F37376" s="7">
        <v>34425</v>
      </c>
      <c r="G37376" s="8">
        <v>6480000</v>
      </c>
      <c r="H37376" s="8">
        <v>751680</v>
      </c>
      <c r="I37376" s="8">
        <v>5948640</v>
      </c>
      <c r="J37376" s="8">
        <v>531360</v>
      </c>
      <c r="K37376" s="9"/>
      <c r="L37376" s="6"/>
    </row>
    <row r="37377" spans="1:12">
      <c r="A37377" s="6" t="s">
        <v>37089</v>
      </c>
      <c r="B37377" s="6"/>
      <c r="C37377" s="6" t="s">
        <v>32230</v>
      </c>
      <c r="D37377" s="6"/>
      <c r="E37377" s="6" t="s">
        <v>25121</v>
      </c>
      <c r="F37377" s="7">
        <v>34425</v>
      </c>
      <c r="G37377" s="8">
        <v>6480000</v>
      </c>
      <c r="H37377" s="8">
        <v>751680</v>
      </c>
      <c r="I37377" s="8">
        <v>5948640</v>
      </c>
      <c r="J37377" s="8">
        <v>531360</v>
      </c>
      <c r="K37377" s="9"/>
      <c r="L37377" s="6"/>
    </row>
    <row r="37378" spans="1:12">
      <c r="A37378" s="6" t="s">
        <v>37090</v>
      </c>
      <c r="B37378" s="6"/>
      <c r="C37378" s="6" t="s">
        <v>32230</v>
      </c>
      <c r="D37378" s="6"/>
      <c r="E37378" s="6" t="s">
        <v>25121</v>
      </c>
      <c r="F37378" s="7">
        <v>36982</v>
      </c>
      <c r="G37378" s="8">
        <v>6156000</v>
      </c>
      <c r="H37378" s="8">
        <v>2179224</v>
      </c>
      <c r="I37378" s="8">
        <v>4186080</v>
      </c>
      <c r="J37378" s="8">
        <v>1969920</v>
      </c>
      <c r="K37378" s="9"/>
      <c r="L37378" s="6"/>
    </row>
    <row r="37379" spans="1:12">
      <c r="A37379" s="6" t="s">
        <v>37091</v>
      </c>
      <c r="B37379" s="6"/>
      <c r="C37379" s="6" t="s">
        <v>32230</v>
      </c>
      <c r="D37379" s="6"/>
      <c r="E37379" s="6" t="s">
        <v>25121</v>
      </c>
      <c r="F37379" s="7">
        <v>34425</v>
      </c>
      <c r="G37379" s="8">
        <v>6480000</v>
      </c>
      <c r="H37379" s="8">
        <v>751680</v>
      </c>
      <c r="I37379" s="8">
        <v>5948640</v>
      </c>
      <c r="J37379" s="8">
        <v>531360</v>
      </c>
      <c r="K37379" s="9"/>
      <c r="L37379" s="6"/>
    </row>
    <row r="37380" spans="1:12">
      <c r="A37380" s="6" t="s">
        <v>37092</v>
      </c>
      <c r="B37380" s="6"/>
      <c r="C37380" s="6" t="s">
        <v>32230</v>
      </c>
      <c r="D37380" s="6"/>
      <c r="E37380" s="6" t="s">
        <v>25121</v>
      </c>
      <c r="F37380" s="7">
        <v>36251</v>
      </c>
      <c r="G37380" s="8">
        <v>6480000</v>
      </c>
      <c r="H37380" s="8">
        <v>1853280</v>
      </c>
      <c r="I37380" s="8">
        <v>4847040</v>
      </c>
      <c r="J37380" s="8">
        <v>1632960</v>
      </c>
      <c r="K37380" s="9"/>
      <c r="L37380" s="6"/>
    </row>
    <row r="37381" spans="1:12">
      <c r="A37381" s="6" t="s">
        <v>37093</v>
      </c>
      <c r="B37381" s="6"/>
      <c r="C37381" s="6" t="s">
        <v>32230</v>
      </c>
      <c r="D37381" s="6"/>
      <c r="E37381" s="6" t="s">
        <v>25121</v>
      </c>
      <c r="F37381" s="7"/>
      <c r="G37381" s="8">
        <v>1</v>
      </c>
      <c r="H37381" s="8">
        <v>1</v>
      </c>
      <c r="I37381" s="8">
        <v>0</v>
      </c>
      <c r="J37381" s="8">
        <v>1</v>
      </c>
      <c r="K37381" s="9"/>
      <c r="L37381" s="6"/>
    </row>
    <row r="37382" spans="1:12">
      <c r="A37382" s="6" t="s">
        <v>37094</v>
      </c>
      <c r="B37382" s="6"/>
      <c r="C37382" s="6" t="s">
        <v>32230</v>
      </c>
      <c r="D37382" s="6"/>
      <c r="E37382" s="6" t="s">
        <v>25121</v>
      </c>
      <c r="F37382" s="7">
        <v>39539</v>
      </c>
      <c r="G37382" s="8">
        <v>3402000</v>
      </c>
      <c r="H37382" s="8">
        <v>2013984</v>
      </c>
      <c r="I37382" s="8">
        <v>1503684</v>
      </c>
      <c r="J37382" s="8">
        <v>1898316</v>
      </c>
      <c r="K37382" s="9"/>
      <c r="L37382" s="6"/>
    </row>
    <row r="37383" spans="1:12">
      <c r="A37383" s="6" t="s">
        <v>37095</v>
      </c>
      <c r="B37383" s="6"/>
      <c r="C37383" s="6" t="s">
        <v>32230</v>
      </c>
      <c r="D37383" s="6"/>
      <c r="E37383" s="6" t="s">
        <v>25121</v>
      </c>
      <c r="F37383" s="7"/>
      <c r="G37383" s="8">
        <v>1</v>
      </c>
      <c r="H37383" s="8">
        <v>1</v>
      </c>
      <c r="I37383" s="8">
        <v>0</v>
      </c>
      <c r="J37383" s="8">
        <v>1</v>
      </c>
      <c r="K37383" s="9"/>
      <c r="L37383" s="6"/>
    </row>
    <row r="37384" spans="1:12">
      <c r="A37384" s="6" t="s">
        <v>37096</v>
      </c>
      <c r="B37384" s="6"/>
      <c r="C37384" s="6" t="s">
        <v>32230</v>
      </c>
      <c r="D37384" s="6"/>
      <c r="E37384" s="6" t="s">
        <v>25121</v>
      </c>
      <c r="F37384" s="7">
        <v>34425</v>
      </c>
      <c r="G37384" s="8">
        <v>6480000</v>
      </c>
      <c r="H37384" s="8">
        <v>751680</v>
      </c>
      <c r="I37384" s="8">
        <v>5948640</v>
      </c>
      <c r="J37384" s="8">
        <v>531360</v>
      </c>
      <c r="K37384" s="9"/>
      <c r="L37384" s="6"/>
    </row>
    <row r="37385" spans="1:12">
      <c r="A37385" s="6" t="s">
        <v>37097</v>
      </c>
      <c r="B37385" s="6"/>
      <c r="C37385" s="6" t="s">
        <v>32230</v>
      </c>
      <c r="D37385" s="6"/>
      <c r="E37385" s="6" t="s">
        <v>25121</v>
      </c>
      <c r="F37385" s="7">
        <v>33329</v>
      </c>
      <c r="G37385" s="8">
        <v>6480000</v>
      </c>
      <c r="H37385" s="8">
        <v>90720</v>
      </c>
      <c r="I37385" s="8">
        <v>6479999</v>
      </c>
      <c r="J37385" s="8">
        <v>1</v>
      </c>
      <c r="K37385" s="9"/>
      <c r="L37385" s="6"/>
    </row>
    <row r="37386" spans="1:12">
      <c r="A37386" s="6" t="s">
        <v>37098</v>
      </c>
      <c r="B37386" s="6"/>
      <c r="C37386" s="6" t="s">
        <v>32230</v>
      </c>
      <c r="D37386" s="6"/>
      <c r="E37386" s="6" t="s">
        <v>25121</v>
      </c>
      <c r="F37386" s="7">
        <v>34790</v>
      </c>
      <c r="G37386" s="8">
        <v>6480000</v>
      </c>
      <c r="H37386" s="8">
        <v>972000</v>
      </c>
      <c r="I37386" s="8">
        <v>5728320</v>
      </c>
      <c r="J37386" s="8">
        <v>751680</v>
      </c>
      <c r="K37386" s="9"/>
      <c r="L37386" s="6"/>
    </row>
    <row r="37387" spans="1:12">
      <c r="A37387" s="6" t="s">
        <v>37099</v>
      </c>
      <c r="B37387" s="6"/>
      <c r="C37387" s="6" t="s">
        <v>32230</v>
      </c>
      <c r="D37387" s="6"/>
      <c r="E37387" s="6" t="s">
        <v>25121</v>
      </c>
      <c r="F37387" s="7">
        <v>34790</v>
      </c>
      <c r="G37387" s="8">
        <v>6480000</v>
      </c>
      <c r="H37387" s="8">
        <v>972000</v>
      </c>
      <c r="I37387" s="8">
        <v>5728320</v>
      </c>
      <c r="J37387" s="8">
        <v>751680</v>
      </c>
      <c r="K37387" s="9"/>
      <c r="L37387" s="6"/>
    </row>
    <row r="37388" spans="1:12">
      <c r="A37388" s="6" t="s">
        <v>37100</v>
      </c>
      <c r="B37388" s="6"/>
      <c r="C37388" s="6" t="s">
        <v>32230</v>
      </c>
      <c r="D37388" s="6"/>
      <c r="E37388" s="6" t="s">
        <v>25121</v>
      </c>
      <c r="F37388" s="7">
        <v>34790</v>
      </c>
      <c r="G37388" s="8">
        <v>6480000</v>
      </c>
      <c r="H37388" s="8">
        <v>972000</v>
      </c>
      <c r="I37388" s="8">
        <v>5728320</v>
      </c>
      <c r="J37388" s="8">
        <v>751680</v>
      </c>
      <c r="K37388" s="9"/>
      <c r="L37388" s="6"/>
    </row>
    <row r="37389" spans="1:12">
      <c r="A37389" s="6" t="s">
        <v>37101</v>
      </c>
      <c r="B37389" s="6"/>
      <c r="C37389" s="6" t="s">
        <v>32230</v>
      </c>
      <c r="D37389" s="6"/>
      <c r="E37389" s="6" t="s">
        <v>25121</v>
      </c>
      <c r="F37389" s="7">
        <v>34790</v>
      </c>
      <c r="G37389" s="8">
        <v>6480000</v>
      </c>
      <c r="H37389" s="8">
        <v>972000</v>
      </c>
      <c r="I37389" s="8">
        <v>5728320</v>
      </c>
      <c r="J37389" s="8">
        <v>751680</v>
      </c>
      <c r="K37389" s="9"/>
      <c r="L37389" s="6"/>
    </row>
    <row r="37390" spans="1:12">
      <c r="A37390" s="6" t="s">
        <v>37102</v>
      </c>
      <c r="B37390" s="6"/>
      <c r="C37390" s="6" t="s">
        <v>32230</v>
      </c>
      <c r="D37390" s="6"/>
      <c r="E37390" s="6" t="s">
        <v>25121</v>
      </c>
      <c r="F37390" s="7">
        <v>35521</v>
      </c>
      <c r="G37390" s="8">
        <v>6480000</v>
      </c>
      <c r="H37390" s="8">
        <v>1412640</v>
      </c>
      <c r="I37390" s="8">
        <v>5287680</v>
      </c>
      <c r="J37390" s="8">
        <v>1192320</v>
      </c>
      <c r="K37390" s="9"/>
      <c r="L37390" s="6"/>
    </row>
    <row r="37391" spans="1:12">
      <c r="A37391" s="6" t="s">
        <v>37103</v>
      </c>
      <c r="B37391" s="6"/>
      <c r="C37391" s="6" t="s">
        <v>32230</v>
      </c>
      <c r="D37391" s="6"/>
      <c r="E37391" s="6" t="s">
        <v>25121</v>
      </c>
      <c r="F37391" s="7">
        <v>36982</v>
      </c>
      <c r="G37391" s="8">
        <v>6480000</v>
      </c>
      <c r="H37391" s="8">
        <v>2293920</v>
      </c>
      <c r="I37391" s="8">
        <v>4406400</v>
      </c>
      <c r="J37391" s="8">
        <v>2073600</v>
      </c>
      <c r="K37391" s="9"/>
      <c r="L37391" s="6"/>
    </row>
    <row r="37392" spans="1:12">
      <c r="A37392" s="6" t="s">
        <v>37104</v>
      </c>
      <c r="B37392" s="6"/>
      <c r="C37392" s="6" t="s">
        <v>32230</v>
      </c>
      <c r="D37392" s="6"/>
      <c r="E37392" s="6" t="s">
        <v>25121</v>
      </c>
      <c r="F37392" s="7">
        <v>41632</v>
      </c>
      <c r="G37392" s="8">
        <v>7127400</v>
      </c>
      <c r="H37392" s="8">
        <v>5431083</v>
      </c>
      <c r="I37392" s="8">
        <v>1938648</v>
      </c>
      <c r="J37392" s="8">
        <v>5188752</v>
      </c>
      <c r="K37392" s="9"/>
      <c r="L37392" s="6"/>
    </row>
    <row r="37393" spans="1:12">
      <c r="A37393" s="6" t="s">
        <v>37105</v>
      </c>
      <c r="B37393" s="6"/>
      <c r="C37393" s="6" t="s">
        <v>32230</v>
      </c>
      <c r="D37393" s="6"/>
      <c r="E37393" s="6" t="s">
        <v>25121</v>
      </c>
      <c r="F37393" s="7">
        <v>34425</v>
      </c>
      <c r="G37393" s="8">
        <v>6480000</v>
      </c>
      <c r="H37393" s="8">
        <v>751680</v>
      </c>
      <c r="I37393" s="8">
        <v>5948640</v>
      </c>
      <c r="J37393" s="8">
        <v>531360</v>
      </c>
      <c r="K37393" s="9"/>
      <c r="L37393" s="6"/>
    </row>
    <row r="37394" spans="1:12">
      <c r="A37394" s="6" t="s">
        <v>37106</v>
      </c>
      <c r="B37394" s="6"/>
      <c r="C37394" s="6" t="s">
        <v>32230</v>
      </c>
      <c r="D37394" s="6"/>
      <c r="E37394" s="6" t="s">
        <v>25121</v>
      </c>
      <c r="F37394" s="7">
        <v>36982</v>
      </c>
      <c r="G37394" s="8">
        <v>5184000</v>
      </c>
      <c r="H37394" s="8">
        <v>1835136</v>
      </c>
      <c r="I37394" s="8">
        <v>3525120</v>
      </c>
      <c r="J37394" s="8">
        <v>1658880</v>
      </c>
      <c r="K37394" s="9"/>
      <c r="L37394" s="6"/>
    </row>
    <row r="37395" spans="1:12">
      <c r="A37395" s="6" t="s">
        <v>37107</v>
      </c>
      <c r="B37395" s="6"/>
      <c r="C37395" s="6" t="s">
        <v>32230</v>
      </c>
      <c r="D37395" s="6"/>
      <c r="E37395" s="6" t="s">
        <v>25121</v>
      </c>
      <c r="F37395" s="7">
        <v>32964</v>
      </c>
      <c r="G37395" s="8">
        <v>6480000</v>
      </c>
      <c r="H37395" s="8">
        <v>1</v>
      </c>
      <c r="I37395" s="8">
        <v>6479999</v>
      </c>
      <c r="J37395" s="8">
        <v>1</v>
      </c>
      <c r="K37395" s="9"/>
      <c r="L37395" s="6"/>
    </row>
    <row r="37396" spans="1:12">
      <c r="A37396" s="6" t="s">
        <v>37108</v>
      </c>
      <c r="B37396" s="6"/>
      <c r="C37396" s="6" t="s">
        <v>32230</v>
      </c>
      <c r="D37396" s="6"/>
      <c r="E37396" s="6" t="s">
        <v>25121</v>
      </c>
      <c r="F37396" s="7">
        <v>34425</v>
      </c>
      <c r="G37396" s="8">
        <v>6480000</v>
      </c>
      <c r="H37396" s="8">
        <v>751680</v>
      </c>
      <c r="I37396" s="8">
        <v>5948640</v>
      </c>
      <c r="J37396" s="8">
        <v>531360</v>
      </c>
      <c r="K37396" s="9"/>
      <c r="L37396" s="6"/>
    </row>
    <row r="37397" spans="1:12">
      <c r="A37397" s="6" t="s">
        <v>37109</v>
      </c>
      <c r="B37397" s="6"/>
      <c r="C37397" s="6" t="s">
        <v>32230</v>
      </c>
      <c r="D37397" s="6"/>
      <c r="E37397" s="6" t="s">
        <v>25121</v>
      </c>
      <c r="F37397" s="7">
        <v>34790</v>
      </c>
      <c r="G37397" s="8">
        <v>6480000</v>
      </c>
      <c r="H37397" s="8">
        <v>972000</v>
      </c>
      <c r="I37397" s="8">
        <v>5728320</v>
      </c>
      <c r="J37397" s="8">
        <v>751680</v>
      </c>
      <c r="K37397" s="9"/>
      <c r="L37397" s="6"/>
    </row>
    <row r="37398" spans="1:12">
      <c r="A37398" s="6" t="s">
        <v>37110</v>
      </c>
      <c r="B37398" s="6"/>
      <c r="C37398" s="6" t="s">
        <v>32230</v>
      </c>
      <c r="D37398" s="6"/>
      <c r="E37398" s="6" t="s">
        <v>25121</v>
      </c>
      <c r="F37398" s="7">
        <v>35521</v>
      </c>
      <c r="G37398" s="8">
        <v>6480000</v>
      </c>
      <c r="H37398" s="8">
        <v>1412640</v>
      </c>
      <c r="I37398" s="8">
        <v>5287680</v>
      </c>
      <c r="J37398" s="8">
        <v>1192320</v>
      </c>
      <c r="K37398" s="9"/>
      <c r="L37398" s="6"/>
    </row>
    <row r="37399" spans="1:12">
      <c r="A37399" s="6" t="s">
        <v>37111</v>
      </c>
      <c r="B37399" s="6"/>
      <c r="C37399" s="6" t="s">
        <v>32230</v>
      </c>
      <c r="D37399" s="6"/>
      <c r="E37399" s="6" t="s">
        <v>25121</v>
      </c>
      <c r="F37399" s="7">
        <v>33329</v>
      </c>
      <c r="G37399" s="8">
        <v>6480000</v>
      </c>
      <c r="H37399" s="8">
        <v>90720</v>
      </c>
      <c r="I37399" s="8">
        <v>6479999</v>
      </c>
      <c r="J37399" s="8">
        <v>1</v>
      </c>
      <c r="K37399" s="9"/>
      <c r="L37399" s="6"/>
    </row>
    <row r="37400" spans="1:12">
      <c r="A37400" s="6" t="s">
        <v>37112</v>
      </c>
      <c r="B37400" s="6"/>
      <c r="C37400" s="6" t="s">
        <v>32230</v>
      </c>
      <c r="D37400" s="6"/>
      <c r="E37400" s="6" t="s">
        <v>25121</v>
      </c>
      <c r="F37400" s="7"/>
      <c r="G37400" s="8">
        <v>1</v>
      </c>
      <c r="H37400" s="8">
        <v>1</v>
      </c>
      <c r="I37400" s="8">
        <v>0</v>
      </c>
      <c r="J37400" s="8">
        <v>1</v>
      </c>
      <c r="K37400" s="9"/>
      <c r="L37400" s="6"/>
    </row>
    <row r="37401" spans="1:12">
      <c r="A37401" s="6" t="s">
        <v>37113</v>
      </c>
      <c r="B37401" s="6"/>
      <c r="C37401" s="6" t="s">
        <v>32230</v>
      </c>
      <c r="D37401" s="6"/>
      <c r="E37401" s="6" t="s">
        <v>25121</v>
      </c>
      <c r="F37401" s="7">
        <v>39904</v>
      </c>
      <c r="G37401" s="8">
        <v>4212000</v>
      </c>
      <c r="H37401" s="8">
        <v>2636712</v>
      </c>
      <c r="I37401" s="8">
        <v>1718496</v>
      </c>
      <c r="J37401" s="8">
        <v>2493504</v>
      </c>
      <c r="K37401" s="9"/>
      <c r="L37401" s="6"/>
    </row>
    <row r="37402" spans="1:12">
      <c r="A37402" s="6" t="s">
        <v>37114</v>
      </c>
      <c r="B37402" s="6"/>
      <c r="C37402" s="6" t="s">
        <v>32230</v>
      </c>
      <c r="D37402" s="6"/>
      <c r="E37402" s="6" t="s">
        <v>25121</v>
      </c>
      <c r="F37402" s="7">
        <v>39904</v>
      </c>
      <c r="G37402" s="8">
        <v>2916000</v>
      </c>
      <c r="H37402" s="8">
        <v>1825416</v>
      </c>
      <c r="I37402" s="8">
        <v>1189728</v>
      </c>
      <c r="J37402" s="8">
        <v>1726272</v>
      </c>
      <c r="K37402" s="9"/>
      <c r="L37402" s="6"/>
    </row>
    <row r="37403" spans="1:12">
      <c r="A37403" s="6" t="s">
        <v>37115</v>
      </c>
      <c r="B37403" s="6"/>
      <c r="C37403" s="6" t="s">
        <v>32230</v>
      </c>
      <c r="D37403" s="6"/>
      <c r="E37403" s="6" t="s">
        <v>25121</v>
      </c>
      <c r="F37403" s="7">
        <v>33329</v>
      </c>
      <c r="G37403" s="8">
        <v>6480000</v>
      </c>
      <c r="H37403" s="8">
        <v>90720</v>
      </c>
      <c r="I37403" s="8">
        <v>6479999</v>
      </c>
      <c r="J37403" s="8">
        <v>1</v>
      </c>
      <c r="K37403" s="9"/>
      <c r="L37403" s="6"/>
    </row>
    <row r="37404" spans="1:12">
      <c r="A37404" s="6" t="s">
        <v>37116</v>
      </c>
      <c r="B37404" s="6"/>
      <c r="C37404" s="6" t="s">
        <v>32230</v>
      </c>
      <c r="D37404" s="6"/>
      <c r="E37404" s="6" t="s">
        <v>25121</v>
      </c>
      <c r="F37404" s="7">
        <v>33695</v>
      </c>
      <c r="G37404" s="8">
        <v>6480000</v>
      </c>
      <c r="H37404" s="8">
        <v>311040</v>
      </c>
      <c r="I37404" s="8">
        <v>6389280</v>
      </c>
      <c r="J37404" s="8">
        <v>90720</v>
      </c>
      <c r="K37404" s="9"/>
      <c r="L37404" s="6"/>
    </row>
    <row r="37405" spans="1:12">
      <c r="A37405" s="6" t="s">
        <v>37117</v>
      </c>
      <c r="B37405" s="6"/>
      <c r="C37405" s="6" t="s">
        <v>32230</v>
      </c>
      <c r="D37405" s="6"/>
      <c r="E37405" s="6" t="s">
        <v>25121</v>
      </c>
      <c r="F37405" s="7"/>
      <c r="G37405" s="8">
        <v>1</v>
      </c>
      <c r="H37405" s="8">
        <v>1</v>
      </c>
      <c r="I37405" s="8">
        <v>0</v>
      </c>
      <c r="J37405" s="8">
        <v>1</v>
      </c>
      <c r="K37405" s="9"/>
      <c r="L37405" s="6"/>
    </row>
    <row r="37406" spans="1:12">
      <c r="A37406" s="6" t="s">
        <v>37118</v>
      </c>
      <c r="B37406" s="6"/>
      <c r="C37406" s="6" t="s">
        <v>32230</v>
      </c>
      <c r="D37406" s="6"/>
      <c r="E37406" s="6" t="s">
        <v>25121</v>
      </c>
      <c r="F37406" s="7">
        <v>37347</v>
      </c>
      <c r="G37406" s="8">
        <v>6480000</v>
      </c>
      <c r="H37406" s="8">
        <v>2514240</v>
      </c>
      <c r="I37406" s="8">
        <v>4186080</v>
      </c>
      <c r="J37406" s="8">
        <v>2293920</v>
      </c>
      <c r="K37406" s="9"/>
      <c r="L37406" s="6"/>
    </row>
    <row r="37407" spans="1:12">
      <c r="A37407" s="6" t="s">
        <v>37119</v>
      </c>
      <c r="B37407" s="6"/>
      <c r="C37407" s="6" t="s">
        <v>32230</v>
      </c>
      <c r="D37407" s="6"/>
      <c r="E37407" s="6" t="s">
        <v>25121</v>
      </c>
      <c r="F37407" s="7">
        <v>36982</v>
      </c>
      <c r="G37407" s="8">
        <v>5832000</v>
      </c>
      <c r="H37407" s="8">
        <v>2064528</v>
      </c>
      <c r="I37407" s="8">
        <v>3965760</v>
      </c>
      <c r="J37407" s="8">
        <v>1866240</v>
      </c>
      <c r="K37407" s="9"/>
      <c r="L37407" s="6"/>
    </row>
    <row r="37408" spans="1:12">
      <c r="A37408" s="6" t="s">
        <v>37120</v>
      </c>
      <c r="B37408" s="6"/>
      <c r="C37408" s="6" t="s">
        <v>32230</v>
      </c>
      <c r="D37408" s="6"/>
      <c r="E37408" s="6" t="s">
        <v>25121</v>
      </c>
      <c r="F37408" s="7">
        <v>39728</v>
      </c>
      <c r="G37408" s="8">
        <v>6153000</v>
      </c>
      <c r="H37408" s="8">
        <v>3642576</v>
      </c>
      <c r="I37408" s="8">
        <v>2719626</v>
      </c>
      <c r="J37408" s="8">
        <v>3433374</v>
      </c>
      <c r="K37408" s="9"/>
      <c r="L37408" s="6"/>
    </row>
    <row r="37409" spans="1:12">
      <c r="A37409" s="6" t="s">
        <v>37121</v>
      </c>
      <c r="B37409" s="6"/>
      <c r="C37409" s="6" t="s">
        <v>32230</v>
      </c>
      <c r="D37409" s="6"/>
      <c r="E37409" s="6" t="s">
        <v>25121</v>
      </c>
      <c r="F37409" s="7">
        <v>39728</v>
      </c>
      <c r="G37409" s="8">
        <v>6153000</v>
      </c>
      <c r="H37409" s="8">
        <v>3642576</v>
      </c>
      <c r="I37409" s="8">
        <v>2719626</v>
      </c>
      <c r="J37409" s="8">
        <v>3433374</v>
      </c>
      <c r="K37409" s="9"/>
      <c r="L37409" s="6"/>
    </row>
    <row r="37410" spans="1:12">
      <c r="A37410" s="6" t="s">
        <v>37122</v>
      </c>
      <c r="B37410" s="6"/>
      <c r="C37410" s="6" t="s">
        <v>32230</v>
      </c>
      <c r="D37410" s="6"/>
      <c r="E37410" s="6" t="s">
        <v>25121</v>
      </c>
      <c r="F37410" s="7">
        <v>33695</v>
      </c>
      <c r="G37410" s="8">
        <v>6480000</v>
      </c>
      <c r="H37410" s="8">
        <v>311040</v>
      </c>
      <c r="I37410" s="8">
        <v>6389280</v>
      </c>
      <c r="J37410" s="8">
        <v>90720</v>
      </c>
      <c r="K37410" s="9"/>
      <c r="L37410" s="6"/>
    </row>
    <row r="37411" spans="1:12">
      <c r="A37411" s="6" t="s">
        <v>37123</v>
      </c>
      <c r="B37411" s="6"/>
      <c r="C37411" s="6" t="s">
        <v>32230</v>
      </c>
      <c r="D37411" s="6"/>
      <c r="E37411" s="6" t="s">
        <v>25121</v>
      </c>
      <c r="F37411" s="7">
        <v>34790</v>
      </c>
      <c r="G37411" s="8">
        <v>6480000</v>
      </c>
      <c r="H37411" s="8">
        <v>972000</v>
      </c>
      <c r="I37411" s="8">
        <v>5728320</v>
      </c>
      <c r="J37411" s="8">
        <v>751680</v>
      </c>
      <c r="K37411" s="9"/>
      <c r="L37411" s="6"/>
    </row>
    <row r="37412" spans="1:12">
      <c r="A37412" s="6" t="s">
        <v>37124</v>
      </c>
      <c r="B37412" s="6"/>
      <c r="C37412" s="6" t="s">
        <v>32230</v>
      </c>
      <c r="D37412" s="6"/>
      <c r="E37412" s="6" t="s">
        <v>25121</v>
      </c>
      <c r="F37412" s="7">
        <v>36617</v>
      </c>
      <c r="G37412" s="8">
        <v>6480000</v>
      </c>
      <c r="H37412" s="8">
        <v>2073600</v>
      </c>
      <c r="I37412" s="8">
        <v>4626720</v>
      </c>
      <c r="J37412" s="8">
        <v>1853280</v>
      </c>
      <c r="K37412" s="9"/>
      <c r="L37412" s="6"/>
    </row>
    <row r="37413" spans="1:12">
      <c r="A37413" s="6" t="s">
        <v>37125</v>
      </c>
      <c r="B37413" s="6"/>
      <c r="C37413" s="6" t="s">
        <v>32230</v>
      </c>
      <c r="D37413" s="6"/>
      <c r="E37413" s="6" t="s">
        <v>25121</v>
      </c>
      <c r="F37413" s="7">
        <v>38443</v>
      </c>
      <c r="G37413" s="8">
        <v>6480000</v>
      </c>
      <c r="H37413" s="8">
        <v>3175200</v>
      </c>
      <c r="I37413" s="8">
        <v>3525120</v>
      </c>
      <c r="J37413" s="8">
        <v>2954880</v>
      </c>
      <c r="K37413" s="9"/>
      <c r="L37413" s="6"/>
    </row>
    <row r="37414" spans="1:12">
      <c r="A37414" s="6" t="s">
        <v>37126</v>
      </c>
      <c r="B37414" s="6"/>
      <c r="C37414" s="6" t="s">
        <v>32230</v>
      </c>
      <c r="D37414" s="6"/>
      <c r="E37414" s="6" t="s">
        <v>25121</v>
      </c>
      <c r="F37414" s="7">
        <v>39475</v>
      </c>
      <c r="G37414" s="8">
        <v>8111250</v>
      </c>
      <c r="H37414" s="8">
        <v>4526084</v>
      </c>
      <c r="I37414" s="8">
        <v>3860948</v>
      </c>
      <c r="J37414" s="8">
        <v>4250302</v>
      </c>
      <c r="K37414" s="9"/>
      <c r="L37414" s="6"/>
    </row>
    <row r="37415" spans="1:12">
      <c r="A37415" s="6" t="s">
        <v>37127</v>
      </c>
      <c r="B37415" s="6"/>
      <c r="C37415" s="6" t="s">
        <v>32230</v>
      </c>
      <c r="D37415" s="6"/>
      <c r="E37415" s="6" t="s">
        <v>25121</v>
      </c>
      <c r="F37415" s="7"/>
      <c r="G37415" s="8">
        <v>1</v>
      </c>
      <c r="H37415" s="8">
        <v>1</v>
      </c>
      <c r="I37415" s="8">
        <v>0</v>
      </c>
      <c r="J37415" s="8">
        <v>1</v>
      </c>
      <c r="K37415" s="9"/>
      <c r="L37415" s="6"/>
    </row>
    <row r="37416" spans="1:12">
      <c r="A37416" s="6" t="s">
        <v>37128</v>
      </c>
      <c r="B37416" s="6"/>
      <c r="C37416" s="6" t="s">
        <v>32230</v>
      </c>
      <c r="D37416" s="6"/>
      <c r="E37416" s="6" t="s">
        <v>25121</v>
      </c>
      <c r="F37416" s="7"/>
      <c r="G37416" s="8">
        <v>1</v>
      </c>
      <c r="H37416" s="8">
        <v>1</v>
      </c>
      <c r="I37416" s="8">
        <v>0</v>
      </c>
      <c r="J37416" s="8">
        <v>1</v>
      </c>
      <c r="K37416" s="9"/>
      <c r="L37416" s="6"/>
    </row>
    <row r="37417" spans="1:12">
      <c r="A37417" s="6" t="s">
        <v>37129</v>
      </c>
      <c r="B37417" s="6"/>
      <c r="C37417" s="6" t="s">
        <v>32230</v>
      </c>
      <c r="D37417" s="6"/>
      <c r="E37417" s="6" t="s">
        <v>25121</v>
      </c>
      <c r="F37417" s="7">
        <v>33329</v>
      </c>
      <c r="G37417" s="8">
        <v>6480000</v>
      </c>
      <c r="H37417" s="8">
        <v>90720</v>
      </c>
      <c r="I37417" s="8">
        <v>6479999</v>
      </c>
      <c r="J37417" s="8">
        <v>1</v>
      </c>
      <c r="K37417" s="9"/>
      <c r="L37417" s="6"/>
    </row>
    <row r="37418" spans="1:12">
      <c r="A37418" s="6" t="s">
        <v>37130</v>
      </c>
      <c r="B37418" s="6"/>
      <c r="C37418" s="6" t="s">
        <v>32230</v>
      </c>
      <c r="D37418" s="6"/>
      <c r="E37418" s="6" t="s">
        <v>25121</v>
      </c>
      <c r="F37418" s="7">
        <v>34425</v>
      </c>
      <c r="G37418" s="8">
        <v>6480000</v>
      </c>
      <c r="H37418" s="8">
        <v>751680</v>
      </c>
      <c r="I37418" s="8">
        <v>5948640</v>
      </c>
      <c r="J37418" s="8">
        <v>531360</v>
      </c>
      <c r="K37418" s="9"/>
      <c r="L37418" s="6"/>
    </row>
    <row r="37419" spans="1:12">
      <c r="A37419" s="6" t="s">
        <v>37131</v>
      </c>
      <c r="B37419" s="6"/>
      <c r="C37419" s="6" t="s">
        <v>32230</v>
      </c>
      <c r="D37419" s="6"/>
      <c r="E37419" s="6" t="s">
        <v>25121</v>
      </c>
      <c r="F37419" s="7"/>
      <c r="G37419" s="8">
        <v>1</v>
      </c>
      <c r="H37419" s="8">
        <v>1</v>
      </c>
      <c r="I37419" s="8">
        <v>0</v>
      </c>
      <c r="J37419" s="8">
        <v>1</v>
      </c>
      <c r="K37419" s="9"/>
      <c r="L37419" s="6"/>
    </row>
    <row r="37420" spans="1:12">
      <c r="A37420" s="6" t="s">
        <v>37132</v>
      </c>
      <c r="B37420" s="6"/>
      <c r="C37420" s="6" t="s">
        <v>32230</v>
      </c>
      <c r="D37420" s="6"/>
      <c r="E37420" s="6" t="s">
        <v>25121</v>
      </c>
      <c r="F37420" s="7">
        <v>33329</v>
      </c>
      <c r="G37420" s="8">
        <v>6480000</v>
      </c>
      <c r="H37420" s="8">
        <v>90720</v>
      </c>
      <c r="I37420" s="8">
        <v>6479999</v>
      </c>
      <c r="J37420" s="8">
        <v>1</v>
      </c>
      <c r="K37420" s="9"/>
      <c r="L37420" s="6"/>
    </row>
    <row r="37421" spans="1:12">
      <c r="A37421" s="6" t="s">
        <v>37133</v>
      </c>
      <c r="B37421" s="6"/>
      <c r="C37421" s="6" t="s">
        <v>32230</v>
      </c>
      <c r="D37421" s="6"/>
      <c r="E37421" s="6" t="s">
        <v>25121</v>
      </c>
      <c r="F37421" s="7"/>
      <c r="G37421" s="8">
        <v>1</v>
      </c>
      <c r="H37421" s="8">
        <v>1</v>
      </c>
      <c r="I37421" s="8">
        <v>0</v>
      </c>
      <c r="J37421" s="8">
        <v>1</v>
      </c>
      <c r="K37421" s="9"/>
      <c r="L37421" s="6"/>
    </row>
    <row r="37422" spans="1:12">
      <c r="A37422" s="6" t="s">
        <v>37134</v>
      </c>
      <c r="B37422" s="6"/>
      <c r="C37422" s="6" t="s">
        <v>32230</v>
      </c>
      <c r="D37422" s="6"/>
      <c r="E37422" s="6" t="s">
        <v>25121</v>
      </c>
      <c r="F37422" s="7">
        <v>36982</v>
      </c>
      <c r="G37422" s="8">
        <v>6480000</v>
      </c>
      <c r="H37422" s="8">
        <v>2293920</v>
      </c>
      <c r="I37422" s="8">
        <v>4406400</v>
      </c>
      <c r="J37422" s="8">
        <v>2073600</v>
      </c>
      <c r="K37422" s="9"/>
      <c r="L37422" s="6"/>
    </row>
    <row r="37423" spans="1:12">
      <c r="A37423" s="6" t="s">
        <v>37135</v>
      </c>
      <c r="B37423" s="6"/>
      <c r="C37423" s="6" t="s">
        <v>32230</v>
      </c>
      <c r="D37423" s="6"/>
      <c r="E37423" s="6" t="s">
        <v>25121</v>
      </c>
      <c r="F37423" s="7">
        <v>33329</v>
      </c>
      <c r="G37423" s="8">
        <v>6480000</v>
      </c>
      <c r="H37423" s="8">
        <v>90720</v>
      </c>
      <c r="I37423" s="8">
        <v>6479999</v>
      </c>
      <c r="J37423" s="8">
        <v>1</v>
      </c>
      <c r="K37423" s="9"/>
      <c r="L37423" s="6"/>
    </row>
    <row r="37424" spans="1:12">
      <c r="A37424" s="6" t="s">
        <v>37136</v>
      </c>
      <c r="B37424" s="6"/>
      <c r="C37424" s="6" t="s">
        <v>32230</v>
      </c>
      <c r="D37424" s="6"/>
      <c r="E37424" s="6" t="s">
        <v>25121</v>
      </c>
      <c r="F37424" s="7"/>
      <c r="G37424" s="8">
        <v>1</v>
      </c>
      <c r="H37424" s="8">
        <v>1</v>
      </c>
      <c r="I37424" s="8">
        <v>0</v>
      </c>
      <c r="J37424" s="8">
        <v>1</v>
      </c>
      <c r="K37424" s="9"/>
      <c r="L37424" s="6"/>
    </row>
    <row r="37425" spans="1:12">
      <c r="A37425" s="6" t="s">
        <v>37137</v>
      </c>
      <c r="B37425" s="6"/>
      <c r="C37425" s="6" t="s">
        <v>32230</v>
      </c>
      <c r="D37425" s="6"/>
      <c r="E37425" s="6" t="s">
        <v>25121</v>
      </c>
      <c r="F37425" s="7"/>
      <c r="G37425" s="8">
        <v>1</v>
      </c>
      <c r="H37425" s="8">
        <v>1</v>
      </c>
      <c r="I37425" s="8">
        <v>0</v>
      </c>
      <c r="J37425" s="8">
        <v>1</v>
      </c>
      <c r="K37425" s="9"/>
      <c r="L37425" s="6"/>
    </row>
    <row r="37426" spans="1:12">
      <c r="A37426" s="6" t="s">
        <v>37138</v>
      </c>
      <c r="B37426" s="6"/>
      <c r="C37426" s="6" t="s">
        <v>32230</v>
      </c>
      <c r="D37426" s="6"/>
      <c r="E37426" s="6" t="s">
        <v>25121</v>
      </c>
      <c r="F37426" s="7"/>
      <c r="G37426" s="8">
        <v>1</v>
      </c>
      <c r="H37426" s="8">
        <v>1</v>
      </c>
      <c r="I37426" s="8">
        <v>0</v>
      </c>
      <c r="J37426" s="8">
        <v>1</v>
      </c>
      <c r="K37426" s="9"/>
      <c r="L37426" s="6"/>
    </row>
    <row r="37427" spans="1:12">
      <c r="A37427" s="6" t="s">
        <v>37139</v>
      </c>
      <c r="B37427" s="6"/>
      <c r="C37427" s="6" t="s">
        <v>32230</v>
      </c>
      <c r="D37427" s="6"/>
      <c r="E37427" s="6" t="s">
        <v>25121</v>
      </c>
      <c r="F37427" s="7"/>
      <c r="G37427" s="8">
        <v>1</v>
      </c>
      <c r="H37427" s="8">
        <v>1</v>
      </c>
      <c r="I37427" s="8">
        <v>0</v>
      </c>
      <c r="J37427" s="8">
        <v>1</v>
      </c>
      <c r="K37427" s="9"/>
      <c r="L37427" s="6"/>
    </row>
    <row r="37428" spans="1:12">
      <c r="A37428" s="6" t="s">
        <v>37140</v>
      </c>
      <c r="B37428" s="6"/>
      <c r="C37428" s="6" t="s">
        <v>32230</v>
      </c>
      <c r="D37428" s="6"/>
      <c r="E37428" s="6" t="s">
        <v>25121</v>
      </c>
      <c r="F37428" s="7">
        <v>34790</v>
      </c>
      <c r="G37428" s="8">
        <v>6480000</v>
      </c>
      <c r="H37428" s="8">
        <v>972000</v>
      </c>
      <c r="I37428" s="8">
        <v>5728320</v>
      </c>
      <c r="J37428" s="8">
        <v>751680</v>
      </c>
      <c r="K37428" s="9"/>
      <c r="L37428" s="6"/>
    </row>
    <row r="37429" spans="1:12">
      <c r="A37429" s="6" t="s">
        <v>37141</v>
      </c>
      <c r="B37429" s="6"/>
      <c r="C37429" s="6" t="s">
        <v>32230</v>
      </c>
      <c r="D37429" s="6"/>
      <c r="E37429" s="6" t="s">
        <v>25121</v>
      </c>
      <c r="F37429" s="7">
        <v>37712</v>
      </c>
      <c r="G37429" s="8">
        <v>6480000</v>
      </c>
      <c r="H37429" s="8">
        <v>2734560</v>
      </c>
      <c r="I37429" s="8">
        <v>3965760</v>
      </c>
      <c r="J37429" s="8">
        <v>2514240</v>
      </c>
      <c r="K37429" s="9"/>
      <c r="L37429" s="6"/>
    </row>
    <row r="37430" spans="1:12">
      <c r="A37430" s="6" t="s">
        <v>37142</v>
      </c>
      <c r="B37430" s="6"/>
      <c r="C37430" s="6" t="s">
        <v>32230</v>
      </c>
      <c r="D37430" s="6"/>
      <c r="E37430" s="6" t="s">
        <v>25121</v>
      </c>
      <c r="F37430" s="7"/>
      <c r="G37430" s="8">
        <v>1</v>
      </c>
      <c r="H37430" s="8">
        <v>1</v>
      </c>
      <c r="I37430" s="8">
        <v>0</v>
      </c>
      <c r="J37430" s="8">
        <v>1</v>
      </c>
      <c r="K37430" s="9"/>
      <c r="L37430" s="6"/>
    </row>
    <row r="37431" spans="1:12">
      <c r="A37431" s="6" t="s">
        <v>37143</v>
      </c>
      <c r="B37431" s="6"/>
      <c r="C37431" s="6" t="s">
        <v>32230</v>
      </c>
      <c r="D37431" s="6"/>
      <c r="E37431" s="6" t="s">
        <v>25121</v>
      </c>
      <c r="F37431" s="7">
        <v>42076</v>
      </c>
      <c r="G37431" s="8">
        <v>10562400</v>
      </c>
      <c r="H37431" s="8">
        <v>8407674</v>
      </c>
      <c r="I37431" s="8">
        <v>2513847</v>
      </c>
      <c r="J37431" s="8">
        <v>8048553</v>
      </c>
      <c r="K37431" s="9"/>
      <c r="L37431" s="6"/>
    </row>
    <row r="37432" spans="1:12">
      <c r="A37432" s="6" t="s">
        <v>37144</v>
      </c>
      <c r="B37432" s="6"/>
      <c r="C37432" s="6" t="s">
        <v>32230</v>
      </c>
      <c r="D37432" s="6"/>
      <c r="E37432" s="6" t="s">
        <v>25121</v>
      </c>
      <c r="F37432" s="7">
        <v>26390</v>
      </c>
      <c r="G37432" s="8">
        <v>6804000</v>
      </c>
      <c r="H37432" s="8">
        <v>1</v>
      </c>
      <c r="I37432" s="8">
        <v>6803999</v>
      </c>
      <c r="J37432" s="8">
        <v>1</v>
      </c>
      <c r="K37432" s="9"/>
      <c r="L37432" s="6"/>
    </row>
    <row r="37433" spans="1:12">
      <c r="A37433" s="6" t="s">
        <v>37145</v>
      </c>
      <c r="B37433" s="6"/>
      <c r="C37433" s="6" t="s">
        <v>32230</v>
      </c>
      <c r="D37433" s="6"/>
      <c r="E37433" s="6" t="s">
        <v>25121</v>
      </c>
      <c r="F37433" s="7">
        <v>31503</v>
      </c>
      <c r="G37433" s="8">
        <v>7290000</v>
      </c>
      <c r="H37433" s="8">
        <v>1</v>
      </c>
      <c r="I37433" s="8">
        <v>7289999</v>
      </c>
      <c r="J37433" s="8">
        <v>1</v>
      </c>
      <c r="K37433" s="9"/>
      <c r="L37433" s="6"/>
    </row>
    <row r="37434" spans="1:12">
      <c r="A37434" s="6" t="s">
        <v>37146</v>
      </c>
      <c r="B37434" s="6"/>
      <c r="C37434" s="6" t="s">
        <v>32230</v>
      </c>
      <c r="D37434" s="6"/>
      <c r="E37434" s="6" t="s">
        <v>25121</v>
      </c>
      <c r="F37434" s="7">
        <v>30407</v>
      </c>
      <c r="G37434" s="8">
        <v>5346000</v>
      </c>
      <c r="H37434" s="8">
        <v>1</v>
      </c>
      <c r="I37434" s="8">
        <v>5345999</v>
      </c>
      <c r="J37434" s="8">
        <v>1</v>
      </c>
      <c r="K37434" s="9"/>
      <c r="L37434" s="6"/>
    </row>
    <row r="37435" spans="1:12">
      <c r="A37435" s="6" t="s">
        <v>37147</v>
      </c>
      <c r="B37435" s="6"/>
      <c r="C37435" s="6" t="s">
        <v>32230</v>
      </c>
      <c r="D37435" s="6"/>
      <c r="E37435" s="6" t="s">
        <v>25121</v>
      </c>
      <c r="F37435" s="7">
        <v>26390</v>
      </c>
      <c r="G37435" s="8">
        <v>6804000</v>
      </c>
      <c r="H37435" s="8">
        <v>1</v>
      </c>
      <c r="I37435" s="8">
        <v>6803999</v>
      </c>
      <c r="J37435" s="8">
        <v>1</v>
      </c>
      <c r="K37435" s="9"/>
      <c r="L37435" s="6"/>
    </row>
    <row r="37436" spans="1:12">
      <c r="A37436" s="6" t="s">
        <v>37148</v>
      </c>
      <c r="B37436" s="6"/>
      <c r="C37436" s="6" t="s">
        <v>32230</v>
      </c>
      <c r="D37436" s="6"/>
      <c r="E37436" s="6" t="s">
        <v>25121</v>
      </c>
      <c r="F37436" s="7">
        <v>30773</v>
      </c>
      <c r="G37436" s="8">
        <v>7290000</v>
      </c>
      <c r="H37436" s="8">
        <v>1</v>
      </c>
      <c r="I37436" s="8">
        <v>7289999</v>
      </c>
      <c r="J37436" s="8">
        <v>1</v>
      </c>
      <c r="K37436" s="9"/>
      <c r="L37436" s="6"/>
    </row>
    <row r="37437" spans="1:12">
      <c r="A37437" s="6" t="s">
        <v>37149</v>
      </c>
      <c r="B37437" s="6"/>
      <c r="C37437" s="6" t="s">
        <v>32230</v>
      </c>
      <c r="D37437" s="6"/>
      <c r="E37437" s="6" t="s">
        <v>25121</v>
      </c>
      <c r="F37437" s="7">
        <v>25294</v>
      </c>
      <c r="G37437" s="8">
        <v>6804000</v>
      </c>
      <c r="H37437" s="8">
        <v>1</v>
      </c>
      <c r="I37437" s="8">
        <v>6803999</v>
      </c>
      <c r="J37437" s="8">
        <v>1</v>
      </c>
      <c r="K37437" s="9"/>
      <c r="L37437" s="6"/>
    </row>
    <row r="37438" spans="1:12">
      <c r="A37438" s="6" t="s">
        <v>37150</v>
      </c>
      <c r="B37438" s="6"/>
      <c r="C37438" s="6" t="s">
        <v>32230</v>
      </c>
      <c r="D37438" s="6"/>
      <c r="E37438" s="6" t="s">
        <v>25121</v>
      </c>
      <c r="F37438" s="7">
        <v>30773</v>
      </c>
      <c r="G37438" s="8">
        <v>7290000</v>
      </c>
      <c r="H37438" s="8">
        <v>1</v>
      </c>
      <c r="I37438" s="8">
        <v>7289999</v>
      </c>
      <c r="J37438" s="8">
        <v>1</v>
      </c>
      <c r="K37438" s="9"/>
      <c r="L37438" s="6"/>
    </row>
    <row r="37439" spans="1:12">
      <c r="A37439" s="6" t="s">
        <v>37151</v>
      </c>
      <c r="B37439" s="6"/>
      <c r="C37439" s="6" t="s">
        <v>32230</v>
      </c>
      <c r="D37439" s="6"/>
      <c r="E37439" s="6" t="s">
        <v>25121</v>
      </c>
      <c r="F37439" s="7">
        <v>24929</v>
      </c>
      <c r="G37439" s="8">
        <v>6804000</v>
      </c>
      <c r="H37439" s="8">
        <v>1</v>
      </c>
      <c r="I37439" s="8">
        <v>6803999</v>
      </c>
      <c r="J37439" s="8">
        <v>1</v>
      </c>
      <c r="K37439" s="9"/>
      <c r="L37439" s="6"/>
    </row>
    <row r="37440" spans="1:12">
      <c r="A37440" s="6" t="s">
        <v>37152</v>
      </c>
      <c r="B37440" s="6"/>
      <c r="C37440" s="6" t="s">
        <v>32230</v>
      </c>
      <c r="D37440" s="6"/>
      <c r="E37440" s="6" t="s">
        <v>25121</v>
      </c>
      <c r="F37440" s="7">
        <v>30773</v>
      </c>
      <c r="G37440" s="8">
        <v>7290000</v>
      </c>
      <c r="H37440" s="8">
        <v>1</v>
      </c>
      <c r="I37440" s="8">
        <v>7289999</v>
      </c>
      <c r="J37440" s="8">
        <v>1</v>
      </c>
      <c r="K37440" s="9"/>
      <c r="L37440" s="6"/>
    </row>
    <row r="37441" spans="1:12">
      <c r="A37441" s="6" t="s">
        <v>37153</v>
      </c>
      <c r="B37441" s="6"/>
      <c r="C37441" s="6" t="s">
        <v>32230</v>
      </c>
      <c r="D37441" s="6"/>
      <c r="E37441" s="6" t="s">
        <v>25121</v>
      </c>
      <c r="F37441" s="7">
        <v>31868</v>
      </c>
      <c r="G37441" s="8">
        <v>7290000</v>
      </c>
      <c r="H37441" s="8">
        <v>1</v>
      </c>
      <c r="I37441" s="8">
        <v>7289999</v>
      </c>
      <c r="J37441" s="8">
        <v>1</v>
      </c>
      <c r="K37441" s="9"/>
      <c r="L37441" s="6"/>
    </row>
    <row r="37442" spans="1:12">
      <c r="A37442" s="6" t="s">
        <v>37154</v>
      </c>
      <c r="B37442" s="6"/>
      <c r="C37442" s="6" t="s">
        <v>32230</v>
      </c>
      <c r="D37442" s="6"/>
      <c r="E37442" s="6" t="s">
        <v>25121</v>
      </c>
      <c r="F37442" s="7">
        <v>31868</v>
      </c>
      <c r="G37442" s="8">
        <v>7290000</v>
      </c>
      <c r="H37442" s="8">
        <v>1</v>
      </c>
      <c r="I37442" s="8">
        <v>7289999</v>
      </c>
      <c r="J37442" s="8">
        <v>1</v>
      </c>
      <c r="K37442" s="9"/>
      <c r="L37442" s="6"/>
    </row>
    <row r="37443" spans="1:12">
      <c r="A37443" s="6" t="s">
        <v>37155</v>
      </c>
      <c r="B37443" s="6"/>
      <c r="C37443" s="6" t="s">
        <v>32230</v>
      </c>
      <c r="D37443" s="6"/>
      <c r="E37443" s="6" t="s">
        <v>25121</v>
      </c>
      <c r="F37443" s="7">
        <v>30773</v>
      </c>
      <c r="G37443" s="8">
        <v>7290000</v>
      </c>
      <c r="H37443" s="8">
        <v>1</v>
      </c>
      <c r="I37443" s="8">
        <v>7289999</v>
      </c>
      <c r="J37443" s="8">
        <v>1</v>
      </c>
      <c r="K37443" s="9"/>
      <c r="L37443" s="6"/>
    </row>
    <row r="37444" spans="1:12">
      <c r="A37444" s="6" t="s">
        <v>37156</v>
      </c>
      <c r="B37444" s="6"/>
      <c r="C37444" s="6" t="s">
        <v>32230</v>
      </c>
      <c r="D37444" s="6"/>
      <c r="E37444" s="6" t="s">
        <v>25121</v>
      </c>
      <c r="F37444" s="7">
        <v>26755</v>
      </c>
      <c r="G37444" s="8">
        <v>7776000</v>
      </c>
      <c r="H37444" s="8">
        <v>1</v>
      </c>
      <c r="I37444" s="8">
        <v>7775999</v>
      </c>
      <c r="J37444" s="8">
        <v>1</v>
      </c>
      <c r="K37444" s="9"/>
      <c r="L37444" s="6"/>
    </row>
    <row r="37445" spans="1:12">
      <c r="A37445" s="6" t="s">
        <v>37157</v>
      </c>
      <c r="B37445" s="6"/>
      <c r="C37445" s="6" t="s">
        <v>32230</v>
      </c>
      <c r="D37445" s="6"/>
      <c r="E37445" s="6" t="s">
        <v>25121</v>
      </c>
      <c r="F37445" s="7">
        <v>29677</v>
      </c>
      <c r="G37445" s="8">
        <v>7290000</v>
      </c>
      <c r="H37445" s="8">
        <v>1</v>
      </c>
      <c r="I37445" s="8">
        <v>7289999</v>
      </c>
      <c r="J37445" s="8">
        <v>1</v>
      </c>
      <c r="K37445" s="9"/>
      <c r="L37445" s="6"/>
    </row>
    <row r="37446" spans="1:12">
      <c r="A37446" s="6" t="s">
        <v>37158</v>
      </c>
      <c r="B37446" s="6"/>
      <c r="C37446" s="6" t="s">
        <v>32230</v>
      </c>
      <c r="D37446" s="6"/>
      <c r="E37446" s="6" t="s">
        <v>25121</v>
      </c>
      <c r="F37446" s="7"/>
      <c r="G37446" s="8">
        <v>1</v>
      </c>
      <c r="H37446" s="8">
        <v>1</v>
      </c>
      <c r="I37446" s="8">
        <v>0</v>
      </c>
      <c r="J37446" s="8">
        <v>1</v>
      </c>
      <c r="K37446" s="9"/>
      <c r="L37446" s="6"/>
    </row>
    <row r="37447" spans="1:12">
      <c r="A37447" s="6" t="s">
        <v>37159</v>
      </c>
      <c r="B37447" s="6"/>
      <c r="C37447" s="6" t="s">
        <v>32230</v>
      </c>
      <c r="D37447" s="6"/>
      <c r="E37447" s="6" t="s">
        <v>25121</v>
      </c>
      <c r="F37447" s="7"/>
      <c r="G37447" s="8">
        <v>1</v>
      </c>
      <c r="H37447" s="8">
        <v>1</v>
      </c>
      <c r="I37447" s="8">
        <v>0</v>
      </c>
      <c r="J37447" s="8">
        <v>1</v>
      </c>
      <c r="K37447" s="9"/>
      <c r="L37447" s="6"/>
    </row>
    <row r="37448" spans="1:12">
      <c r="A37448" s="6" t="s">
        <v>37160</v>
      </c>
      <c r="B37448" s="6"/>
      <c r="C37448" s="6" t="s">
        <v>32230</v>
      </c>
      <c r="D37448" s="6"/>
      <c r="E37448" s="6" t="s">
        <v>25121</v>
      </c>
      <c r="F37448" s="7">
        <v>25294</v>
      </c>
      <c r="G37448" s="8">
        <v>6804000</v>
      </c>
      <c r="H37448" s="8">
        <v>1</v>
      </c>
      <c r="I37448" s="8">
        <v>6803999</v>
      </c>
      <c r="J37448" s="8">
        <v>1</v>
      </c>
      <c r="K37448" s="9"/>
      <c r="L37448" s="6"/>
    </row>
    <row r="37449" spans="1:12">
      <c r="A37449" s="6" t="s">
        <v>37161</v>
      </c>
      <c r="B37449" s="6"/>
      <c r="C37449" s="6" t="s">
        <v>32230</v>
      </c>
      <c r="D37449" s="6"/>
      <c r="E37449" s="6" t="s">
        <v>25121</v>
      </c>
      <c r="F37449" s="7">
        <v>26755</v>
      </c>
      <c r="G37449" s="8">
        <v>6804000</v>
      </c>
      <c r="H37449" s="8">
        <v>1</v>
      </c>
      <c r="I37449" s="8">
        <v>6803999</v>
      </c>
      <c r="J37449" s="8">
        <v>1</v>
      </c>
      <c r="K37449" s="9"/>
      <c r="L37449" s="6"/>
    </row>
    <row r="37450" spans="1:12">
      <c r="A37450" s="6" t="s">
        <v>37162</v>
      </c>
      <c r="B37450" s="6"/>
      <c r="C37450" s="6" t="s">
        <v>32230</v>
      </c>
      <c r="D37450" s="6"/>
      <c r="E37450" s="6" t="s">
        <v>25121</v>
      </c>
      <c r="F37450" s="7">
        <v>31503</v>
      </c>
      <c r="G37450" s="8">
        <v>7290000</v>
      </c>
      <c r="H37450" s="8">
        <v>1</v>
      </c>
      <c r="I37450" s="8">
        <v>7289999</v>
      </c>
      <c r="J37450" s="8">
        <v>1</v>
      </c>
      <c r="K37450" s="9"/>
      <c r="L37450" s="6"/>
    </row>
    <row r="37451" spans="1:12">
      <c r="A37451" s="6" t="s">
        <v>37163</v>
      </c>
      <c r="B37451" s="6"/>
      <c r="C37451" s="6" t="s">
        <v>32230</v>
      </c>
      <c r="D37451" s="6"/>
      <c r="E37451" s="6" t="s">
        <v>25121</v>
      </c>
      <c r="F37451" s="7">
        <v>25659</v>
      </c>
      <c r="G37451" s="8">
        <v>6804000</v>
      </c>
      <c r="H37451" s="8">
        <v>1</v>
      </c>
      <c r="I37451" s="8">
        <v>6803999</v>
      </c>
      <c r="J37451" s="8">
        <v>1</v>
      </c>
      <c r="K37451" s="9"/>
      <c r="L37451" s="6"/>
    </row>
    <row r="37452" spans="1:12">
      <c r="A37452" s="6" t="s">
        <v>37164</v>
      </c>
      <c r="B37452" s="6"/>
      <c r="C37452" s="6" t="s">
        <v>32230</v>
      </c>
      <c r="D37452" s="6"/>
      <c r="E37452" s="6" t="s">
        <v>25121</v>
      </c>
      <c r="F37452" s="7">
        <v>31868</v>
      </c>
      <c r="G37452" s="8">
        <v>7452000</v>
      </c>
      <c r="H37452" s="8">
        <v>1</v>
      </c>
      <c r="I37452" s="8">
        <v>7451999</v>
      </c>
      <c r="J37452" s="8">
        <v>1</v>
      </c>
      <c r="K37452" s="9"/>
      <c r="L37452" s="6"/>
    </row>
    <row r="37453" spans="1:12">
      <c r="A37453" s="6" t="s">
        <v>37165</v>
      </c>
      <c r="B37453" s="6"/>
      <c r="C37453" s="6" t="s">
        <v>32230</v>
      </c>
      <c r="D37453" s="6"/>
      <c r="E37453" s="6" t="s">
        <v>25121</v>
      </c>
      <c r="F37453" s="7">
        <v>30407</v>
      </c>
      <c r="G37453" s="8">
        <v>6480000</v>
      </c>
      <c r="H37453" s="8">
        <v>1</v>
      </c>
      <c r="I37453" s="8">
        <v>6479999</v>
      </c>
      <c r="J37453" s="8">
        <v>1</v>
      </c>
      <c r="K37453" s="9"/>
      <c r="L37453" s="6"/>
    </row>
    <row r="37454" spans="1:12">
      <c r="A37454" s="6" t="s">
        <v>37166</v>
      </c>
      <c r="B37454" s="6"/>
      <c r="C37454" s="6" t="s">
        <v>32230</v>
      </c>
      <c r="D37454" s="6"/>
      <c r="E37454" s="6" t="s">
        <v>25121</v>
      </c>
      <c r="F37454" s="7">
        <v>31503</v>
      </c>
      <c r="G37454" s="8">
        <v>7290000</v>
      </c>
      <c r="H37454" s="8">
        <v>1</v>
      </c>
      <c r="I37454" s="8">
        <v>7289999</v>
      </c>
      <c r="J37454" s="8">
        <v>1</v>
      </c>
      <c r="K37454" s="9"/>
      <c r="L37454" s="6"/>
    </row>
    <row r="37455" spans="1:12">
      <c r="A37455" s="6" t="s">
        <v>37167</v>
      </c>
      <c r="B37455" s="6"/>
      <c r="C37455" s="6" t="s">
        <v>32230</v>
      </c>
      <c r="D37455" s="6"/>
      <c r="E37455" s="6" t="s">
        <v>25121</v>
      </c>
      <c r="F37455" s="7">
        <v>31503</v>
      </c>
      <c r="G37455" s="8">
        <v>7290000</v>
      </c>
      <c r="H37455" s="8">
        <v>1</v>
      </c>
      <c r="I37455" s="8">
        <v>7289999</v>
      </c>
      <c r="J37455" s="8">
        <v>1</v>
      </c>
      <c r="K37455" s="9"/>
      <c r="L37455" s="6"/>
    </row>
    <row r="37456" spans="1:12">
      <c r="A37456" s="6" t="s">
        <v>37168</v>
      </c>
      <c r="B37456" s="6"/>
      <c r="C37456" s="6" t="s">
        <v>32230</v>
      </c>
      <c r="D37456" s="6"/>
      <c r="E37456" s="6" t="s">
        <v>25121</v>
      </c>
      <c r="F37456" s="7">
        <v>25294</v>
      </c>
      <c r="G37456" s="8">
        <v>6804000</v>
      </c>
      <c r="H37456" s="8">
        <v>1</v>
      </c>
      <c r="I37456" s="8">
        <v>6803999</v>
      </c>
      <c r="J37456" s="8">
        <v>1</v>
      </c>
      <c r="K37456" s="9"/>
      <c r="L37456" s="6"/>
    </row>
    <row r="37457" spans="1:12">
      <c r="A37457" s="6" t="s">
        <v>37169</v>
      </c>
      <c r="B37457" s="6"/>
      <c r="C37457" s="6" t="s">
        <v>32230</v>
      </c>
      <c r="D37457" s="6"/>
      <c r="E37457" s="6" t="s">
        <v>25121</v>
      </c>
      <c r="F37457" s="7">
        <v>30773</v>
      </c>
      <c r="G37457" s="8">
        <v>7290000</v>
      </c>
      <c r="H37457" s="8">
        <v>1</v>
      </c>
      <c r="I37457" s="8">
        <v>7289999</v>
      </c>
      <c r="J37457" s="8">
        <v>1</v>
      </c>
      <c r="K37457" s="9"/>
      <c r="L37457" s="6"/>
    </row>
    <row r="37458" spans="1:12">
      <c r="A37458" s="6" t="s">
        <v>37170</v>
      </c>
      <c r="B37458" s="6"/>
      <c r="C37458" s="6" t="s">
        <v>32230</v>
      </c>
      <c r="D37458" s="6"/>
      <c r="E37458" s="6" t="s">
        <v>25121</v>
      </c>
      <c r="F37458" s="7">
        <v>31868</v>
      </c>
      <c r="G37458" s="8">
        <v>7290000</v>
      </c>
      <c r="H37458" s="8">
        <v>1</v>
      </c>
      <c r="I37458" s="8">
        <v>7289999</v>
      </c>
      <c r="J37458" s="8">
        <v>1</v>
      </c>
      <c r="K37458" s="9"/>
      <c r="L37458" s="6"/>
    </row>
    <row r="37459" spans="1:12">
      <c r="A37459" s="6" t="s">
        <v>37171</v>
      </c>
      <c r="B37459" s="6"/>
      <c r="C37459" s="6" t="s">
        <v>32230</v>
      </c>
      <c r="D37459" s="6"/>
      <c r="E37459" s="6" t="s">
        <v>25121</v>
      </c>
      <c r="F37459" s="7">
        <v>31868</v>
      </c>
      <c r="G37459" s="8">
        <v>7290000</v>
      </c>
      <c r="H37459" s="8">
        <v>1</v>
      </c>
      <c r="I37459" s="8">
        <v>7289999</v>
      </c>
      <c r="J37459" s="8">
        <v>1</v>
      </c>
      <c r="K37459" s="9"/>
      <c r="L37459" s="6"/>
    </row>
    <row r="37460" spans="1:12">
      <c r="A37460" s="6" t="s">
        <v>37172</v>
      </c>
      <c r="B37460" s="6"/>
      <c r="C37460" s="6" t="s">
        <v>32230</v>
      </c>
      <c r="D37460" s="6"/>
      <c r="E37460" s="6" t="s">
        <v>25121</v>
      </c>
      <c r="F37460" s="7">
        <v>25294</v>
      </c>
      <c r="G37460" s="8">
        <v>6480000</v>
      </c>
      <c r="H37460" s="8">
        <v>1</v>
      </c>
      <c r="I37460" s="8">
        <v>6479999</v>
      </c>
      <c r="J37460" s="8">
        <v>1</v>
      </c>
      <c r="K37460" s="9"/>
      <c r="L37460" s="6"/>
    </row>
    <row r="37461" spans="1:12">
      <c r="A37461" s="6" t="s">
        <v>37173</v>
      </c>
      <c r="B37461" s="6"/>
      <c r="C37461" s="6" t="s">
        <v>32230</v>
      </c>
      <c r="D37461" s="6"/>
      <c r="E37461" s="6" t="s">
        <v>25121</v>
      </c>
      <c r="F37461" s="7">
        <v>26982</v>
      </c>
      <c r="G37461" s="8">
        <v>6480000</v>
      </c>
      <c r="H37461" s="8">
        <v>1</v>
      </c>
      <c r="I37461" s="8">
        <v>6479999</v>
      </c>
      <c r="J37461" s="8">
        <v>1</v>
      </c>
      <c r="K37461" s="9"/>
      <c r="L37461" s="6"/>
    </row>
    <row r="37462" spans="1:12">
      <c r="A37462" s="6" t="s">
        <v>37174</v>
      </c>
      <c r="B37462" s="6"/>
      <c r="C37462" s="6" t="s">
        <v>32230</v>
      </c>
      <c r="D37462" s="6"/>
      <c r="E37462" s="6" t="s">
        <v>25121</v>
      </c>
      <c r="F37462" s="7">
        <v>28215</v>
      </c>
      <c r="G37462" s="8">
        <v>6480000</v>
      </c>
      <c r="H37462" s="8">
        <v>1</v>
      </c>
      <c r="I37462" s="8">
        <v>6479999</v>
      </c>
      <c r="J37462" s="8">
        <v>1</v>
      </c>
      <c r="K37462" s="9"/>
      <c r="L37462" s="6"/>
    </row>
    <row r="37463" spans="1:12">
      <c r="A37463" s="6" t="s">
        <v>37175</v>
      </c>
      <c r="B37463" s="6"/>
      <c r="C37463" s="6" t="s">
        <v>32230</v>
      </c>
      <c r="D37463" s="6"/>
      <c r="E37463" s="6" t="s">
        <v>25121</v>
      </c>
      <c r="F37463" s="7">
        <v>13971</v>
      </c>
      <c r="G37463" s="8">
        <v>6480000</v>
      </c>
      <c r="H37463" s="8">
        <v>1</v>
      </c>
      <c r="I37463" s="8">
        <v>6479999</v>
      </c>
      <c r="J37463" s="8">
        <v>1</v>
      </c>
      <c r="K37463" s="9"/>
      <c r="L37463" s="6"/>
    </row>
    <row r="37464" spans="1:12">
      <c r="A37464" s="6" t="s">
        <v>37176</v>
      </c>
      <c r="B37464" s="6"/>
      <c r="C37464" s="6" t="s">
        <v>32230</v>
      </c>
      <c r="D37464" s="6"/>
      <c r="E37464" s="6" t="s">
        <v>25121</v>
      </c>
      <c r="F37464" s="7">
        <v>19511</v>
      </c>
      <c r="G37464" s="8">
        <v>6480000</v>
      </c>
      <c r="H37464" s="8">
        <v>1</v>
      </c>
      <c r="I37464" s="8">
        <v>6479999</v>
      </c>
      <c r="J37464" s="8">
        <v>1</v>
      </c>
      <c r="K37464" s="9"/>
      <c r="L37464" s="6"/>
    </row>
    <row r="37465" spans="1:12">
      <c r="A37465" s="6" t="s">
        <v>37177</v>
      </c>
      <c r="B37465" s="6"/>
      <c r="C37465" s="6" t="s">
        <v>32230</v>
      </c>
      <c r="D37465" s="6"/>
      <c r="E37465" s="6" t="s">
        <v>25121</v>
      </c>
      <c r="F37465" s="7">
        <v>32115</v>
      </c>
      <c r="G37465" s="8">
        <v>6480000</v>
      </c>
      <c r="H37465" s="8">
        <v>1</v>
      </c>
      <c r="I37465" s="8">
        <v>6479999</v>
      </c>
      <c r="J37465" s="8">
        <v>1</v>
      </c>
      <c r="K37465" s="9"/>
      <c r="L37465" s="6"/>
    </row>
    <row r="37466" spans="1:12">
      <c r="A37466" s="6" t="s">
        <v>37178</v>
      </c>
      <c r="B37466" s="6"/>
      <c r="C37466" s="6" t="s">
        <v>32230</v>
      </c>
      <c r="D37466" s="6"/>
      <c r="E37466" s="6" t="s">
        <v>25121</v>
      </c>
      <c r="F37466" s="7">
        <v>20180</v>
      </c>
      <c r="G37466" s="8">
        <v>6480000</v>
      </c>
      <c r="H37466" s="8">
        <v>1</v>
      </c>
      <c r="I37466" s="8">
        <v>6479999</v>
      </c>
      <c r="J37466" s="8">
        <v>1</v>
      </c>
      <c r="K37466" s="9"/>
      <c r="L37466" s="6"/>
    </row>
    <row r="37467" spans="1:12">
      <c r="A37467" s="6" t="s">
        <v>37179</v>
      </c>
      <c r="B37467" s="6"/>
      <c r="C37467" s="6" t="s">
        <v>32230</v>
      </c>
      <c r="D37467" s="6"/>
      <c r="E37467" s="6" t="s">
        <v>25121</v>
      </c>
      <c r="F37467" s="7">
        <v>19815</v>
      </c>
      <c r="G37467" s="8">
        <v>6480000</v>
      </c>
      <c r="H37467" s="8">
        <v>1</v>
      </c>
      <c r="I37467" s="8">
        <v>6479999</v>
      </c>
      <c r="J37467" s="8">
        <v>1</v>
      </c>
      <c r="K37467" s="9"/>
      <c r="L37467" s="6"/>
    </row>
    <row r="37468" spans="1:12">
      <c r="A37468" s="6" t="s">
        <v>37180</v>
      </c>
      <c r="B37468" s="6"/>
      <c r="C37468" s="6" t="s">
        <v>32230</v>
      </c>
      <c r="D37468" s="6"/>
      <c r="E37468" s="6" t="s">
        <v>25121</v>
      </c>
      <c r="F37468" s="7">
        <v>28215</v>
      </c>
      <c r="G37468" s="8">
        <v>3240000</v>
      </c>
      <c r="H37468" s="8">
        <v>1</v>
      </c>
      <c r="I37468" s="8">
        <v>3239999</v>
      </c>
      <c r="J37468" s="8">
        <v>1</v>
      </c>
      <c r="K37468" s="9"/>
      <c r="L37468" s="6"/>
    </row>
    <row r="37469" spans="1:12">
      <c r="A37469" s="6" t="s">
        <v>37181</v>
      </c>
      <c r="B37469" s="6"/>
      <c r="C37469" s="6" t="s">
        <v>32230</v>
      </c>
      <c r="D37469" s="6"/>
      <c r="E37469" s="6" t="s">
        <v>25121</v>
      </c>
      <c r="F37469" s="7">
        <v>33668</v>
      </c>
      <c r="G37469" s="8">
        <v>6480000</v>
      </c>
      <c r="H37469" s="8">
        <v>90720</v>
      </c>
      <c r="I37469" s="8">
        <v>6479999</v>
      </c>
      <c r="J37469" s="8">
        <v>1</v>
      </c>
      <c r="K37469" s="9"/>
      <c r="L37469" s="6"/>
    </row>
    <row r="37470" spans="1:12">
      <c r="A37470" s="6" t="s">
        <v>37182</v>
      </c>
      <c r="B37470" s="6"/>
      <c r="C37470" s="6" t="s">
        <v>32230</v>
      </c>
      <c r="D37470" s="6"/>
      <c r="E37470" s="6" t="s">
        <v>25121</v>
      </c>
      <c r="F37470" s="7">
        <v>29311</v>
      </c>
      <c r="G37470" s="8">
        <v>1</v>
      </c>
      <c r="H37470" s="8">
        <v>1</v>
      </c>
      <c r="I37470" s="8">
        <v>0</v>
      </c>
      <c r="J37470" s="8">
        <v>1</v>
      </c>
      <c r="K37470" s="9"/>
      <c r="L37470" s="6"/>
    </row>
    <row r="37471" spans="1:12">
      <c r="A37471" s="6" t="s">
        <v>37183</v>
      </c>
      <c r="B37471" s="6"/>
      <c r="C37471" s="6" t="s">
        <v>32230</v>
      </c>
      <c r="D37471" s="6"/>
      <c r="E37471" s="6" t="s">
        <v>25121</v>
      </c>
      <c r="F37471" s="7">
        <v>22979</v>
      </c>
      <c r="G37471" s="8">
        <v>6480000</v>
      </c>
      <c r="H37471" s="8">
        <v>1</v>
      </c>
      <c r="I37471" s="8">
        <v>6479999</v>
      </c>
      <c r="J37471" s="8">
        <v>1</v>
      </c>
      <c r="K37471" s="9"/>
      <c r="L37471" s="6"/>
    </row>
    <row r="37472" spans="1:12">
      <c r="A37472" s="6" t="s">
        <v>37184</v>
      </c>
      <c r="B37472" s="6"/>
      <c r="C37472" s="6" t="s">
        <v>32230</v>
      </c>
      <c r="D37472" s="6"/>
      <c r="E37472" s="6" t="s">
        <v>25121</v>
      </c>
      <c r="F37472" s="7">
        <v>22977</v>
      </c>
      <c r="G37472" s="8">
        <v>6480000</v>
      </c>
      <c r="H37472" s="8">
        <v>1</v>
      </c>
      <c r="I37472" s="8">
        <v>6479999</v>
      </c>
      <c r="J37472" s="8">
        <v>1</v>
      </c>
      <c r="K37472" s="9"/>
      <c r="L37472" s="6"/>
    </row>
    <row r="37473" spans="1:12">
      <c r="A37473" s="6" t="s">
        <v>37185</v>
      </c>
      <c r="B37473" s="6"/>
      <c r="C37473" s="6" t="s">
        <v>32230</v>
      </c>
      <c r="D37473" s="6"/>
      <c r="E37473" s="6" t="s">
        <v>25121</v>
      </c>
      <c r="F37473" s="7">
        <v>19450</v>
      </c>
      <c r="G37473" s="8">
        <v>6480000</v>
      </c>
      <c r="H37473" s="8">
        <v>1</v>
      </c>
      <c r="I37473" s="8">
        <v>6479999</v>
      </c>
      <c r="J37473" s="8">
        <v>1</v>
      </c>
      <c r="K37473" s="9"/>
      <c r="L37473" s="6"/>
    </row>
    <row r="37474" spans="1:12">
      <c r="A37474" s="6" t="s">
        <v>37186</v>
      </c>
      <c r="B37474" s="6"/>
      <c r="C37474" s="6" t="s">
        <v>32230</v>
      </c>
      <c r="D37474" s="6"/>
      <c r="E37474" s="6" t="s">
        <v>25121</v>
      </c>
      <c r="F37474" s="7">
        <v>28216</v>
      </c>
      <c r="G37474" s="8">
        <v>4860000</v>
      </c>
      <c r="H37474" s="8">
        <v>1</v>
      </c>
      <c r="I37474" s="8">
        <v>4859999</v>
      </c>
      <c r="J37474" s="8">
        <v>1</v>
      </c>
      <c r="K37474" s="9"/>
      <c r="L37474" s="6"/>
    </row>
    <row r="37475" spans="1:12">
      <c r="A37475" s="6" t="s">
        <v>37187</v>
      </c>
      <c r="B37475" s="6"/>
      <c r="C37475" s="6" t="s">
        <v>32230</v>
      </c>
      <c r="D37475" s="6"/>
      <c r="E37475" s="6" t="s">
        <v>25121</v>
      </c>
      <c r="F37475" s="7">
        <v>15797</v>
      </c>
      <c r="G37475" s="8">
        <v>6480000</v>
      </c>
      <c r="H37475" s="8">
        <v>1</v>
      </c>
      <c r="I37475" s="8">
        <v>6479999</v>
      </c>
      <c r="J37475" s="8">
        <v>1</v>
      </c>
      <c r="K37475" s="9"/>
      <c r="L37475" s="6"/>
    </row>
    <row r="37476" spans="1:12">
      <c r="A37476" s="6" t="s">
        <v>37188</v>
      </c>
      <c r="B37476" s="6"/>
      <c r="C37476" s="6" t="s">
        <v>32230</v>
      </c>
      <c r="D37476" s="6"/>
      <c r="E37476" s="6" t="s">
        <v>25121</v>
      </c>
      <c r="F37476" s="7"/>
      <c r="G37476" s="8">
        <v>1</v>
      </c>
      <c r="H37476" s="8">
        <v>1</v>
      </c>
      <c r="I37476" s="8">
        <v>0</v>
      </c>
      <c r="J37476" s="8">
        <v>1</v>
      </c>
      <c r="K37476" s="9"/>
      <c r="L37476" s="6"/>
    </row>
    <row r="37477" spans="1:12">
      <c r="A37477" s="6" t="s">
        <v>37189</v>
      </c>
      <c r="B37477" s="6"/>
      <c r="C37477" s="6" t="s">
        <v>32230</v>
      </c>
      <c r="D37477" s="6"/>
      <c r="E37477" s="6" t="s">
        <v>25121</v>
      </c>
      <c r="F37477" s="7">
        <v>30540</v>
      </c>
      <c r="G37477" s="8">
        <v>6480000</v>
      </c>
      <c r="H37477" s="8">
        <v>1</v>
      </c>
      <c r="I37477" s="8">
        <v>6479999</v>
      </c>
      <c r="J37477" s="8">
        <v>1</v>
      </c>
      <c r="K37477" s="9"/>
      <c r="L37477" s="6"/>
    </row>
    <row r="37478" spans="1:12">
      <c r="A37478" s="6" t="s">
        <v>37190</v>
      </c>
      <c r="B37478" s="6"/>
      <c r="C37478" s="6" t="s">
        <v>32230</v>
      </c>
      <c r="D37478" s="6"/>
      <c r="E37478" s="6" t="s">
        <v>25121</v>
      </c>
      <c r="F37478" s="7">
        <v>25142</v>
      </c>
      <c r="G37478" s="8">
        <v>6480000</v>
      </c>
      <c r="H37478" s="8">
        <v>1</v>
      </c>
      <c r="I37478" s="8">
        <v>6479999</v>
      </c>
      <c r="J37478" s="8">
        <v>1</v>
      </c>
      <c r="K37478" s="9"/>
      <c r="L37478" s="6"/>
    </row>
    <row r="37479" spans="1:12">
      <c r="A37479" s="6" t="s">
        <v>37191</v>
      </c>
      <c r="B37479" s="6"/>
      <c r="C37479" s="6" t="s">
        <v>32230</v>
      </c>
      <c r="D37479" s="6"/>
      <c r="E37479" s="6" t="s">
        <v>25121</v>
      </c>
      <c r="F37479" s="7">
        <v>26364</v>
      </c>
      <c r="G37479" s="8">
        <v>6480000</v>
      </c>
      <c r="H37479" s="8">
        <v>1</v>
      </c>
      <c r="I37479" s="8">
        <v>6479999</v>
      </c>
      <c r="J37479" s="8">
        <v>1</v>
      </c>
      <c r="K37479" s="9"/>
      <c r="L37479" s="6"/>
    </row>
    <row r="37480" spans="1:12">
      <c r="A37480" s="6" t="s">
        <v>37192</v>
      </c>
      <c r="B37480" s="6"/>
      <c r="C37480" s="6" t="s">
        <v>32230</v>
      </c>
      <c r="D37480" s="6"/>
      <c r="E37480" s="6" t="s">
        <v>25121</v>
      </c>
      <c r="F37480" s="7">
        <v>33668</v>
      </c>
      <c r="G37480" s="8">
        <v>6480000</v>
      </c>
      <c r="H37480" s="8">
        <v>90720</v>
      </c>
      <c r="I37480" s="8">
        <v>6479999</v>
      </c>
      <c r="J37480" s="8">
        <v>1</v>
      </c>
      <c r="K37480" s="9"/>
      <c r="L37480" s="6"/>
    </row>
    <row r="37481" spans="1:12">
      <c r="A37481" s="6" t="s">
        <v>37193</v>
      </c>
      <c r="B37481" s="6"/>
      <c r="C37481" s="6" t="s">
        <v>32230</v>
      </c>
      <c r="D37481" s="6"/>
      <c r="E37481" s="6" t="s">
        <v>25121</v>
      </c>
      <c r="F37481" s="7">
        <v>30540</v>
      </c>
      <c r="G37481" s="8">
        <v>6480000</v>
      </c>
      <c r="H37481" s="8">
        <v>1</v>
      </c>
      <c r="I37481" s="8">
        <v>6479999</v>
      </c>
      <c r="J37481" s="8">
        <v>1</v>
      </c>
      <c r="K37481" s="9"/>
      <c r="L37481" s="6"/>
    </row>
    <row r="37482" spans="1:12">
      <c r="A37482" s="6" t="s">
        <v>37194</v>
      </c>
      <c r="B37482" s="6"/>
      <c r="C37482" s="6" t="s">
        <v>32230</v>
      </c>
      <c r="D37482" s="6"/>
      <c r="E37482" s="6" t="s">
        <v>25121</v>
      </c>
      <c r="F37482" s="7"/>
      <c r="G37482" s="8">
        <v>1</v>
      </c>
      <c r="H37482" s="8">
        <v>1</v>
      </c>
      <c r="I37482" s="8">
        <v>0</v>
      </c>
      <c r="J37482" s="8">
        <v>1</v>
      </c>
      <c r="K37482" s="9"/>
      <c r="L37482" s="6"/>
    </row>
    <row r="37483" spans="1:12">
      <c r="A37483" s="6" t="s">
        <v>37195</v>
      </c>
      <c r="B37483" s="6"/>
      <c r="C37483" s="6" t="s">
        <v>32230</v>
      </c>
      <c r="D37483" s="6"/>
      <c r="E37483" s="6" t="s">
        <v>25121</v>
      </c>
      <c r="F37483" s="7">
        <v>28215</v>
      </c>
      <c r="G37483" s="8">
        <v>6480000</v>
      </c>
      <c r="H37483" s="8">
        <v>1</v>
      </c>
      <c r="I37483" s="8">
        <v>6479999</v>
      </c>
      <c r="J37483" s="8">
        <v>1</v>
      </c>
      <c r="K37483" s="9"/>
      <c r="L37483" s="6"/>
    </row>
    <row r="37484" spans="1:12">
      <c r="A37484" s="6" t="s">
        <v>37196</v>
      </c>
      <c r="B37484" s="6"/>
      <c r="C37484" s="6" t="s">
        <v>32230</v>
      </c>
      <c r="D37484" s="6"/>
      <c r="E37484" s="6" t="s">
        <v>25121</v>
      </c>
      <c r="F37484" s="7">
        <v>24563</v>
      </c>
      <c r="G37484" s="8">
        <v>6480000</v>
      </c>
      <c r="H37484" s="8">
        <v>1</v>
      </c>
      <c r="I37484" s="8">
        <v>6479999</v>
      </c>
      <c r="J37484" s="8">
        <v>1</v>
      </c>
      <c r="K37484" s="9"/>
      <c r="L37484" s="6"/>
    </row>
    <row r="37485" spans="1:12">
      <c r="A37485" s="6" t="s">
        <v>37197</v>
      </c>
      <c r="B37485" s="6"/>
      <c r="C37485" s="6" t="s">
        <v>32230</v>
      </c>
      <c r="D37485" s="6"/>
      <c r="E37485" s="6" t="s">
        <v>25121</v>
      </c>
      <c r="F37485" s="7">
        <v>23102</v>
      </c>
      <c r="G37485" s="8">
        <v>4860000</v>
      </c>
      <c r="H37485" s="8">
        <v>1</v>
      </c>
      <c r="I37485" s="8">
        <v>4859999</v>
      </c>
      <c r="J37485" s="8">
        <v>1</v>
      </c>
      <c r="K37485" s="9"/>
      <c r="L37485" s="6"/>
    </row>
    <row r="37486" spans="1:12">
      <c r="A37486" s="6" t="s">
        <v>37198</v>
      </c>
      <c r="B37486" s="6"/>
      <c r="C37486" s="6" t="s">
        <v>32230</v>
      </c>
      <c r="D37486" s="6"/>
      <c r="E37486" s="6" t="s">
        <v>25121</v>
      </c>
      <c r="F37486" s="7"/>
      <c r="G37486" s="8">
        <v>1</v>
      </c>
      <c r="H37486" s="8">
        <v>1</v>
      </c>
      <c r="I37486" s="8">
        <v>0</v>
      </c>
      <c r="J37486" s="8">
        <v>1</v>
      </c>
      <c r="K37486" s="9"/>
      <c r="L37486" s="6"/>
    </row>
    <row r="37487" spans="1:12">
      <c r="A37487" s="6" t="s">
        <v>37199</v>
      </c>
      <c r="B37487" s="6"/>
      <c r="C37487" s="6" t="s">
        <v>32230</v>
      </c>
      <c r="D37487" s="6"/>
      <c r="E37487" s="6" t="s">
        <v>25121</v>
      </c>
      <c r="F37487" s="7"/>
      <c r="G37487" s="8">
        <v>1</v>
      </c>
      <c r="H37487" s="8">
        <v>1</v>
      </c>
      <c r="I37487" s="8">
        <v>0</v>
      </c>
      <c r="J37487" s="8">
        <v>1</v>
      </c>
      <c r="K37487" s="9"/>
      <c r="L37487" s="6"/>
    </row>
    <row r="37488" spans="1:12">
      <c r="A37488" s="6" t="s">
        <v>37200</v>
      </c>
      <c r="B37488" s="6"/>
      <c r="C37488" s="6" t="s">
        <v>32230</v>
      </c>
      <c r="D37488" s="6"/>
      <c r="E37488" s="6" t="s">
        <v>25121</v>
      </c>
      <c r="F37488" s="7">
        <v>27120</v>
      </c>
      <c r="G37488" s="8">
        <v>6480000</v>
      </c>
      <c r="H37488" s="8">
        <v>1</v>
      </c>
      <c r="I37488" s="8">
        <v>6479999</v>
      </c>
      <c r="J37488" s="8">
        <v>1</v>
      </c>
      <c r="K37488" s="9"/>
      <c r="L37488" s="6"/>
    </row>
    <row r="37489" spans="1:12">
      <c r="A37489" s="6" t="s">
        <v>37201</v>
      </c>
      <c r="B37489" s="6"/>
      <c r="C37489" s="6" t="s">
        <v>32230</v>
      </c>
      <c r="D37489" s="6"/>
      <c r="E37489" s="6" t="s">
        <v>25121</v>
      </c>
      <c r="F37489" s="7"/>
      <c r="G37489" s="8">
        <v>1</v>
      </c>
      <c r="H37489" s="8">
        <v>1</v>
      </c>
      <c r="I37489" s="8">
        <v>0</v>
      </c>
      <c r="J37489" s="8">
        <v>1</v>
      </c>
      <c r="K37489" s="9"/>
      <c r="L37489" s="6"/>
    </row>
    <row r="37490" spans="1:12">
      <c r="A37490" s="6" t="s">
        <v>37202</v>
      </c>
      <c r="B37490" s="6"/>
      <c r="C37490" s="6" t="s">
        <v>32230</v>
      </c>
      <c r="D37490" s="6"/>
      <c r="E37490" s="6" t="s">
        <v>25121</v>
      </c>
      <c r="F37490" s="7">
        <v>25103</v>
      </c>
      <c r="G37490" s="8">
        <v>6480000</v>
      </c>
      <c r="H37490" s="8">
        <v>1</v>
      </c>
      <c r="I37490" s="8">
        <v>6479999</v>
      </c>
      <c r="J37490" s="8">
        <v>1</v>
      </c>
      <c r="K37490" s="9"/>
      <c r="L37490" s="6"/>
    </row>
    <row r="37491" spans="1:12">
      <c r="A37491" s="6" t="s">
        <v>37203</v>
      </c>
      <c r="B37491" s="6"/>
      <c r="C37491" s="6" t="s">
        <v>32230</v>
      </c>
      <c r="D37491" s="6"/>
      <c r="E37491" s="6" t="s">
        <v>25121</v>
      </c>
      <c r="F37491" s="7">
        <v>29569</v>
      </c>
      <c r="G37491" s="8">
        <v>6480000</v>
      </c>
      <c r="H37491" s="8">
        <v>1</v>
      </c>
      <c r="I37491" s="8">
        <v>6479999</v>
      </c>
      <c r="J37491" s="8">
        <v>1</v>
      </c>
      <c r="K37491" s="9"/>
      <c r="L37491" s="6"/>
    </row>
    <row r="37492" spans="1:12">
      <c r="A37492" s="6" t="s">
        <v>37204</v>
      </c>
      <c r="B37492" s="6"/>
      <c r="C37492" s="6" t="s">
        <v>32230</v>
      </c>
      <c r="D37492" s="6"/>
      <c r="E37492" s="6" t="s">
        <v>25121</v>
      </c>
      <c r="F37492" s="7"/>
      <c r="G37492" s="8">
        <v>1</v>
      </c>
      <c r="H37492" s="8">
        <v>1</v>
      </c>
      <c r="I37492" s="8">
        <v>0</v>
      </c>
      <c r="J37492" s="8">
        <v>1</v>
      </c>
      <c r="K37492" s="9"/>
      <c r="L37492" s="6"/>
    </row>
    <row r="37493" spans="1:12">
      <c r="A37493" s="6" t="s">
        <v>37205</v>
      </c>
      <c r="B37493" s="6"/>
      <c r="C37493" s="6" t="s">
        <v>32230</v>
      </c>
      <c r="D37493" s="6"/>
      <c r="E37493" s="6" t="s">
        <v>25121</v>
      </c>
      <c r="F37493" s="7"/>
      <c r="G37493" s="8">
        <v>1</v>
      </c>
      <c r="H37493" s="8">
        <v>1</v>
      </c>
      <c r="I37493" s="8">
        <v>0</v>
      </c>
      <c r="J37493" s="8">
        <v>1</v>
      </c>
      <c r="K37493" s="9"/>
      <c r="L37493" s="6"/>
    </row>
    <row r="37494" spans="1:12">
      <c r="A37494" s="6" t="s">
        <v>37206</v>
      </c>
      <c r="B37494" s="6"/>
      <c r="C37494" s="6" t="s">
        <v>32230</v>
      </c>
      <c r="D37494" s="6"/>
      <c r="E37494" s="6" t="s">
        <v>25121</v>
      </c>
      <c r="F37494" s="7"/>
      <c r="G37494" s="8">
        <v>1</v>
      </c>
      <c r="H37494" s="8">
        <v>1</v>
      </c>
      <c r="I37494" s="8">
        <v>0</v>
      </c>
      <c r="J37494" s="8">
        <v>1</v>
      </c>
      <c r="K37494" s="9"/>
      <c r="L37494" s="6"/>
    </row>
    <row r="37495" spans="1:12">
      <c r="A37495" s="6" t="s">
        <v>37207</v>
      </c>
      <c r="B37495" s="6"/>
      <c r="C37495" s="6" t="s">
        <v>32230</v>
      </c>
      <c r="D37495" s="6"/>
      <c r="E37495" s="6" t="s">
        <v>25121</v>
      </c>
      <c r="F37495" s="7">
        <v>30944</v>
      </c>
      <c r="G37495" s="8">
        <v>6480000</v>
      </c>
      <c r="H37495" s="8">
        <v>1</v>
      </c>
      <c r="I37495" s="8">
        <v>6479999</v>
      </c>
      <c r="J37495" s="8">
        <v>1</v>
      </c>
      <c r="K37495" s="9"/>
      <c r="L37495" s="6"/>
    </row>
    <row r="37496" spans="1:12">
      <c r="A37496" s="6" t="s">
        <v>37208</v>
      </c>
      <c r="B37496" s="6"/>
      <c r="C37496" s="6" t="s">
        <v>32230</v>
      </c>
      <c r="D37496" s="6"/>
      <c r="E37496" s="6" t="s">
        <v>25121</v>
      </c>
      <c r="F37496" s="7"/>
      <c r="G37496" s="8">
        <v>1</v>
      </c>
      <c r="H37496" s="8">
        <v>1</v>
      </c>
      <c r="I37496" s="8">
        <v>0</v>
      </c>
      <c r="J37496" s="8">
        <v>1</v>
      </c>
      <c r="K37496" s="9"/>
      <c r="L37496" s="6"/>
    </row>
    <row r="37497" spans="1:12">
      <c r="A37497" s="6" t="s">
        <v>37209</v>
      </c>
      <c r="B37497" s="6"/>
      <c r="C37497" s="6" t="s">
        <v>32230</v>
      </c>
      <c r="D37497" s="6"/>
      <c r="E37497" s="6" t="s">
        <v>25121</v>
      </c>
      <c r="F37497" s="7">
        <v>38047</v>
      </c>
      <c r="G37497" s="8">
        <v>6480000</v>
      </c>
      <c r="H37497" s="8">
        <v>2734560</v>
      </c>
      <c r="I37497" s="8">
        <v>3965760</v>
      </c>
      <c r="J37497" s="8">
        <v>2514240</v>
      </c>
      <c r="K37497" s="9"/>
      <c r="L37497" s="6"/>
    </row>
    <row r="37498" spans="1:12">
      <c r="A37498" s="6" t="s">
        <v>37210</v>
      </c>
      <c r="B37498" s="6"/>
      <c r="C37498" s="6" t="s">
        <v>32230</v>
      </c>
      <c r="D37498" s="6"/>
      <c r="E37498" s="6" t="s">
        <v>25121</v>
      </c>
      <c r="F37498" s="7"/>
      <c r="G37498" s="8">
        <v>1</v>
      </c>
      <c r="H37498" s="8">
        <v>1</v>
      </c>
      <c r="I37498" s="8">
        <v>0</v>
      </c>
      <c r="J37498" s="8">
        <v>1</v>
      </c>
      <c r="K37498" s="9"/>
      <c r="L37498" s="6"/>
    </row>
    <row r="37499" spans="1:12">
      <c r="A37499" s="6" t="s">
        <v>37211</v>
      </c>
      <c r="B37499" s="6"/>
      <c r="C37499" s="6" t="s">
        <v>32230</v>
      </c>
      <c r="D37499" s="6"/>
      <c r="E37499" s="6" t="s">
        <v>25121</v>
      </c>
      <c r="F37499" s="7">
        <v>28215</v>
      </c>
      <c r="G37499" s="8">
        <v>6480000</v>
      </c>
      <c r="H37499" s="8">
        <v>1</v>
      </c>
      <c r="I37499" s="8">
        <v>6479999</v>
      </c>
      <c r="J37499" s="8">
        <v>1</v>
      </c>
      <c r="K37499" s="9"/>
      <c r="L37499" s="6"/>
    </row>
    <row r="37500" spans="1:12">
      <c r="A37500" s="6" t="s">
        <v>37212</v>
      </c>
      <c r="B37500" s="6"/>
      <c r="C37500" s="6" t="s">
        <v>32230</v>
      </c>
      <c r="D37500" s="6"/>
      <c r="E37500" s="6" t="s">
        <v>25121</v>
      </c>
      <c r="F37500" s="7">
        <v>25467</v>
      </c>
      <c r="G37500" s="8">
        <v>6480000</v>
      </c>
      <c r="H37500" s="8">
        <v>1</v>
      </c>
      <c r="I37500" s="8">
        <v>6479999</v>
      </c>
      <c r="J37500" s="8">
        <v>1</v>
      </c>
      <c r="K37500" s="9"/>
      <c r="L37500" s="6"/>
    </row>
    <row r="37501" spans="1:12">
      <c r="A37501" s="6" t="s">
        <v>37213</v>
      </c>
      <c r="B37501" s="6"/>
      <c r="C37501" s="6" t="s">
        <v>32230</v>
      </c>
      <c r="D37501" s="6"/>
      <c r="E37501" s="6" t="s">
        <v>25121</v>
      </c>
      <c r="F37501" s="7">
        <v>36616</v>
      </c>
      <c r="G37501" s="8">
        <v>6480000</v>
      </c>
      <c r="H37501" s="8">
        <v>1853280</v>
      </c>
      <c r="I37501" s="8">
        <v>4847040</v>
      </c>
      <c r="J37501" s="8">
        <v>1632960</v>
      </c>
      <c r="K37501" s="9"/>
      <c r="L37501" s="6"/>
    </row>
    <row r="37502" spans="1:12">
      <c r="A37502" s="6" t="s">
        <v>37214</v>
      </c>
      <c r="B37502" s="6"/>
      <c r="C37502" s="6" t="s">
        <v>32230</v>
      </c>
      <c r="D37502" s="6"/>
      <c r="E37502" s="6" t="s">
        <v>25121</v>
      </c>
      <c r="F37502" s="7">
        <v>30249</v>
      </c>
      <c r="G37502" s="8">
        <v>6480000</v>
      </c>
      <c r="H37502" s="8">
        <v>1</v>
      </c>
      <c r="I37502" s="8">
        <v>6479999</v>
      </c>
      <c r="J37502" s="8">
        <v>1</v>
      </c>
      <c r="K37502" s="9"/>
      <c r="L37502" s="6"/>
    </row>
    <row r="37503" spans="1:12">
      <c r="A37503" s="6" t="s">
        <v>37215</v>
      </c>
      <c r="B37503" s="6"/>
      <c r="C37503" s="6" t="s">
        <v>32230</v>
      </c>
      <c r="D37503" s="6"/>
      <c r="E37503" s="6" t="s">
        <v>25121</v>
      </c>
      <c r="F37503" s="7">
        <v>30249</v>
      </c>
      <c r="G37503" s="8">
        <v>6480000</v>
      </c>
      <c r="H37503" s="8">
        <v>1</v>
      </c>
      <c r="I37503" s="8">
        <v>6479999</v>
      </c>
      <c r="J37503" s="8">
        <v>1</v>
      </c>
      <c r="K37503" s="9"/>
      <c r="L37503" s="6"/>
    </row>
    <row r="37504" spans="1:12">
      <c r="A37504" s="6" t="s">
        <v>37216</v>
      </c>
      <c r="B37504" s="6"/>
      <c r="C37504" s="6" t="s">
        <v>32230</v>
      </c>
      <c r="D37504" s="6"/>
      <c r="E37504" s="6" t="s">
        <v>25121</v>
      </c>
      <c r="F37504" s="7">
        <v>29965</v>
      </c>
      <c r="G37504" s="8">
        <v>6480000</v>
      </c>
      <c r="H37504" s="8">
        <v>1</v>
      </c>
      <c r="I37504" s="8">
        <v>6479999</v>
      </c>
      <c r="J37504" s="8">
        <v>1</v>
      </c>
      <c r="K37504" s="9"/>
      <c r="L37504" s="6"/>
    </row>
    <row r="37505" spans="1:12">
      <c r="A37505" s="6" t="s">
        <v>37217</v>
      </c>
      <c r="B37505" s="6"/>
      <c r="C37505" s="6" t="s">
        <v>32230</v>
      </c>
      <c r="D37505" s="6"/>
      <c r="E37505" s="6" t="s">
        <v>25121</v>
      </c>
      <c r="F37505" s="7">
        <v>29150</v>
      </c>
      <c r="G37505" s="8">
        <v>6480000</v>
      </c>
      <c r="H37505" s="8">
        <v>1</v>
      </c>
      <c r="I37505" s="8">
        <v>6479999</v>
      </c>
      <c r="J37505" s="8">
        <v>1</v>
      </c>
      <c r="K37505" s="9"/>
      <c r="L37505" s="6"/>
    </row>
    <row r="37506" spans="1:12">
      <c r="A37506" s="6" t="s">
        <v>37218</v>
      </c>
      <c r="B37506" s="6"/>
      <c r="C37506" s="6" t="s">
        <v>32230</v>
      </c>
      <c r="D37506" s="6"/>
      <c r="E37506" s="6" t="s">
        <v>25121</v>
      </c>
      <c r="F37506" s="7">
        <v>29150</v>
      </c>
      <c r="G37506" s="8">
        <v>6480000</v>
      </c>
      <c r="H37506" s="8">
        <v>1</v>
      </c>
      <c r="I37506" s="8">
        <v>6479999</v>
      </c>
      <c r="J37506" s="8">
        <v>1</v>
      </c>
      <c r="K37506" s="9"/>
      <c r="L37506" s="6"/>
    </row>
    <row r="37507" spans="1:12">
      <c r="A37507" s="6" t="s">
        <v>37219</v>
      </c>
      <c r="B37507" s="6"/>
      <c r="C37507" s="6" t="s">
        <v>32230</v>
      </c>
      <c r="D37507" s="6"/>
      <c r="E37507" s="6" t="s">
        <v>25121</v>
      </c>
      <c r="F37507" s="7">
        <v>35543</v>
      </c>
      <c r="G37507" s="8">
        <v>6480000</v>
      </c>
      <c r="H37507" s="8">
        <v>1412640</v>
      </c>
      <c r="I37507" s="8">
        <v>5287680</v>
      </c>
      <c r="J37507" s="8">
        <v>1192320</v>
      </c>
      <c r="K37507" s="9"/>
      <c r="L37507" s="6"/>
    </row>
    <row r="37508" spans="1:12">
      <c r="A37508" s="6" t="s">
        <v>37220</v>
      </c>
      <c r="B37508" s="6"/>
      <c r="C37508" s="6" t="s">
        <v>32230</v>
      </c>
      <c r="D37508" s="6"/>
      <c r="E37508" s="6" t="s">
        <v>25121</v>
      </c>
      <c r="F37508" s="7">
        <v>29965</v>
      </c>
      <c r="G37508" s="8">
        <v>6480000</v>
      </c>
      <c r="H37508" s="8">
        <v>1</v>
      </c>
      <c r="I37508" s="8">
        <v>6479999</v>
      </c>
      <c r="J37508" s="8">
        <v>1</v>
      </c>
      <c r="K37508" s="9"/>
      <c r="L37508" s="6"/>
    </row>
    <row r="37509" spans="1:12">
      <c r="A37509" s="6" t="s">
        <v>37221</v>
      </c>
      <c r="B37509" s="6"/>
      <c r="C37509" s="6" t="s">
        <v>32230</v>
      </c>
      <c r="D37509" s="6"/>
      <c r="E37509" s="6" t="s">
        <v>25121</v>
      </c>
      <c r="F37509" s="7">
        <v>28846</v>
      </c>
      <c r="G37509" s="8">
        <v>6480000</v>
      </c>
      <c r="H37509" s="8">
        <v>1</v>
      </c>
      <c r="I37509" s="8">
        <v>6479999</v>
      </c>
      <c r="J37509" s="8">
        <v>1</v>
      </c>
      <c r="K37509" s="9"/>
      <c r="L37509" s="6"/>
    </row>
    <row r="37510" spans="1:12">
      <c r="A37510" s="6" t="s">
        <v>37222</v>
      </c>
      <c r="B37510" s="6"/>
      <c r="C37510" s="6" t="s">
        <v>32230</v>
      </c>
      <c r="D37510" s="6"/>
      <c r="E37510" s="6" t="s">
        <v>25121</v>
      </c>
      <c r="F37510" s="7">
        <v>29564</v>
      </c>
      <c r="G37510" s="8">
        <v>6480000</v>
      </c>
      <c r="H37510" s="8">
        <v>1</v>
      </c>
      <c r="I37510" s="8">
        <v>6479999</v>
      </c>
      <c r="J37510" s="8">
        <v>1</v>
      </c>
      <c r="K37510" s="9"/>
      <c r="L37510" s="6"/>
    </row>
    <row r="37511" spans="1:12">
      <c r="A37511" s="6" t="s">
        <v>37223</v>
      </c>
      <c r="B37511" s="6"/>
      <c r="C37511" s="6" t="s">
        <v>32230</v>
      </c>
      <c r="D37511" s="6"/>
      <c r="E37511" s="6" t="s">
        <v>25121</v>
      </c>
      <c r="F37511" s="7">
        <v>34100</v>
      </c>
      <c r="G37511" s="8">
        <v>6480000</v>
      </c>
      <c r="H37511" s="8">
        <v>531360</v>
      </c>
      <c r="I37511" s="8">
        <v>6168960</v>
      </c>
      <c r="J37511" s="8">
        <v>311040</v>
      </c>
      <c r="K37511" s="9"/>
      <c r="L37511" s="6"/>
    </row>
    <row r="37512" spans="1:12">
      <c r="A37512" s="6" t="s">
        <v>37224</v>
      </c>
      <c r="B37512" s="6"/>
      <c r="C37512" s="6" t="s">
        <v>32230</v>
      </c>
      <c r="D37512" s="6"/>
      <c r="E37512" s="6" t="s">
        <v>25121</v>
      </c>
      <c r="F37512" s="7">
        <v>23912</v>
      </c>
      <c r="G37512" s="8">
        <v>1</v>
      </c>
      <c r="H37512" s="8">
        <v>1</v>
      </c>
      <c r="I37512" s="8">
        <v>0</v>
      </c>
      <c r="J37512" s="8">
        <v>1</v>
      </c>
      <c r="K37512" s="9"/>
      <c r="L37512" s="6"/>
    </row>
    <row r="37513" spans="1:12">
      <c r="A37513" s="6" t="s">
        <v>37225</v>
      </c>
      <c r="B37513" s="6"/>
      <c r="C37513" s="6" t="s">
        <v>32230</v>
      </c>
      <c r="D37513" s="6"/>
      <c r="E37513" s="6" t="s">
        <v>25121</v>
      </c>
      <c r="F37513" s="7">
        <v>11414</v>
      </c>
      <c r="G37513" s="8">
        <v>1</v>
      </c>
      <c r="H37513" s="8">
        <v>1</v>
      </c>
      <c r="I37513" s="8">
        <v>0</v>
      </c>
      <c r="J37513" s="8">
        <v>1</v>
      </c>
      <c r="K37513" s="9"/>
      <c r="L37513" s="6"/>
    </row>
    <row r="37514" spans="1:12">
      <c r="A37514" s="6" t="s">
        <v>37226</v>
      </c>
      <c r="B37514" s="6"/>
      <c r="C37514" s="6" t="s">
        <v>32230</v>
      </c>
      <c r="D37514" s="6"/>
      <c r="E37514" s="6" t="s">
        <v>25121</v>
      </c>
      <c r="F37514" s="7">
        <v>11414</v>
      </c>
      <c r="G37514" s="8">
        <v>1</v>
      </c>
      <c r="H37514" s="8">
        <v>1</v>
      </c>
      <c r="I37514" s="8">
        <v>0</v>
      </c>
      <c r="J37514" s="8">
        <v>1</v>
      </c>
      <c r="K37514" s="9"/>
      <c r="L37514" s="6"/>
    </row>
    <row r="37515" spans="1:12">
      <c r="A37515" s="6" t="s">
        <v>37227</v>
      </c>
      <c r="B37515" s="6"/>
      <c r="C37515" s="6" t="s">
        <v>32230</v>
      </c>
      <c r="D37515" s="6"/>
      <c r="E37515" s="6" t="s">
        <v>25121</v>
      </c>
      <c r="F37515" s="7">
        <v>11780</v>
      </c>
      <c r="G37515" s="8">
        <v>1</v>
      </c>
      <c r="H37515" s="8">
        <v>1</v>
      </c>
      <c r="I37515" s="8">
        <v>0</v>
      </c>
      <c r="J37515" s="8">
        <v>1</v>
      </c>
      <c r="K37515" s="9"/>
      <c r="L37515" s="6"/>
    </row>
    <row r="37516" spans="1:12">
      <c r="A37516" s="6" t="s">
        <v>37228</v>
      </c>
      <c r="B37516" s="6"/>
      <c r="C37516" s="6" t="s">
        <v>32230</v>
      </c>
      <c r="D37516" s="6"/>
      <c r="E37516" s="6" t="s">
        <v>25121</v>
      </c>
      <c r="F37516" s="7">
        <v>34790</v>
      </c>
      <c r="G37516" s="8">
        <v>1</v>
      </c>
      <c r="H37516" s="8">
        <v>1</v>
      </c>
      <c r="I37516" s="8">
        <v>0</v>
      </c>
      <c r="J37516" s="8">
        <v>1</v>
      </c>
      <c r="K37516" s="9"/>
      <c r="L37516" s="6"/>
    </row>
    <row r="37517" spans="1:12">
      <c r="A37517" s="6" t="s">
        <v>37229</v>
      </c>
      <c r="B37517" s="6"/>
      <c r="C37517" s="6" t="s">
        <v>32230</v>
      </c>
      <c r="D37517" s="6"/>
      <c r="E37517" s="6" t="s">
        <v>25121</v>
      </c>
      <c r="F37517" s="7">
        <v>28216</v>
      </c>
      <c r="G37517" s="8">
        <v>6480000</v>
      </c>
      <c r="H37517" s="8">
        <v>1</v>
      </c>
      <c r="I37517" s="8">
        <v>6479999</v>
      </c>
      <c r="J37517" s="8">
        <v>1</v>
      </c>
      <c r="K37517" s="9"/>
      <c r="L37517" s="6"/>
    </row>
    <row r="37518" spans="1:12">
      <c r="A37518" s="6" t="s">
        <v>37230</v>
      </c>
      <c r="B37518" s="6"/>
      <c r="C37518" s="6" t="s">
        <v>32230</v>
      </c>
      <c r="D37518" s="6"/>
      <c r="E37518" s="6" t="s">
        <v>25121</v>
      </c>
      <c r="F37518" s="7">
        <v>23712</v>
      </c>
      <c r="G37518" s="8">
        <v>6480000</v>
      </c>
      <c r="H37518" s="8">
        <v>1</v>
      </c>
      <c r="I37518" s="8">
        <v>6479999</v>
      </c>
      <c r="J37518" s="8">
        <v>1</v>
      </c>
      <c r="K37518" s="9"/>
      <c r="L37518" s="6"/>
    </row>
    <row r="37519" spans="1:12">
      <c r="A37519" s="6" t="s">
        <v>37231</v>
      </c>
      <c r="B37519" s="6"/>
      <c r="C37519" s="6" t="s">
        <v>32230</v>
      </c>
      <c r="D37519" s="6"/>
      <c r="E37519" s="6" t="s">
        <v>25121</v>
      </c>
      <c r="F37519" s="7">
        <v>32395</v>
      </c>
      <c r="G37519" s="8">
        <v>6480000</v>
      </c>
      <c r="H37519" s="8">
        <v>1</v>
      </c>
      <c r="I37519" s="8">
        <v>6479999</v>
      </c>
      <c r="J37519" s="8">
        <v>1</v>
      </c>
      <c r="K37519" s="9"/>
      <c r="L37519" s="6"/>
    </row>
    <row r="37520" spans="1:12">
      <c r="A37520" s="6" t="s">
        <v>37232</v>
      </c>
      <c r="B37520" s="6"/>
      <c r="C37520" s="6" t="s">
        <v>32230</v>
      </c>
      <c r="D37520" s="6"/>
      <c r="E37520" s="6" t="s">
        <v>25121</v>
      </c>
      <c r="F37520" s="7">
        <v>34661</v>
      </c>
      <c r="G37520" s="8">
        <v>6480000</v>
      </c>
      <c r="H37520" s="8">
        <v>751680</v>
      </c>
      <c r="I37520" s="8">
        <v>5948640</v>
      </c>
      <c r="J37520" s="8">
        <v>531360</v>
      </c>
      <c r="K37520" s="9"/>
      <c r="L37520" s="6"/>
    </row>
    <row r="37521" spans="1:12">
      <c r="A37521" s="6" t="s">
        <v>37233</v>
      </c>
      <c r="B37521" s="6"/>
      <c r="C37521" s="6" t="s">
        <v>32230</v>
      </c>
      <c r="D37521" s="6"/>
      <c r="E37521" s="6" t="s">
        <v>25121</v>
      </c>
      <c r="F37521" s="7"/>
      <c r="G37521" s="8">
        <v>1</v>
      </c>
      <c r="H37521" s="8">
        <v>1</v>
      </c>
      <c r="I37521" s="8">
        <v>0</v>
      </c>
      <c r="J37521" s="8">
        <v>1</v>
      </c>
      <c r="K37521" s="9"/>
      <c r="L37521" s="6"/>
    </row>
    <row r="37522" spans="1:12">
      <c r="A37522" s="6" t="s">
        <v>37234</v>
      </c>
      <c r="B37522" s="6"/>
      <c r="C37522" s="6" t="s">
        <v>32230</v>
      </c>
      <c r="D37522" s="6"/>
      <c r="E37522" s="6" t="s">
        <v>25121</v>
      </c>
      <c r="F37522" s="7"/>
      <c r="G37522" s="8">
        <v>1</v>
      </c>
      <c r="H37522" s="8">
        <v>1</v>
      </c>
      <c r="I37522" s="8">
        <v>0</v>
      </c>
      <c r="J37522" s="8">
        <v>1</v>
      </c>
      <c r="K37522" s="9"/>
      <c r="L37522" s="6"/>
    </row>
    <row r="37523" spans="1:12">
      <c r="A37523" s="6" t="s">
        <v>37235</v>
      </c>
      <c r="B37523" s="6"/>
      <c r="C37523" s="6" t="s">
        <v>32230</v>
      </c>
      <c r="D37523" s="6"/>
      <c r="E37523" s="6" t="s">
        <v>25121</v>
      </c>
      <c r="F37523" s="7">
        <v>30615</v>
      </c>
      <c r="G37523" s="8">
        <v>6480000</v>
      </c>
      <c r="H37523" s="8">
        <v>1</v>
      </c>
      <c r="I37523" s="8">
        <v>6479999</v>
      </c>
      <c r="J37523" s="8">
        <v>1</v>
      </c>
      <c r="K37523" s="9"/>
      <c r="L37523" s="6"/>
    </row>
    <row r="37524" spans="1:12">
      <c r="A37524" s="6" t="s">
        <v>37236</v>
      </c>
      <c r="B37524" s="6"/>
      <c r="C37524" s="6" t="s">
        <v>32230</v>
      </c>
      <c r="D37524" s="6"/>
      <c r="E37524" s="6" t="s">
        <v>25121</v>
      </c>
      <c r="F37524" s="7">
        <v>19815</v>
      </c>
      <c r="G37524" s="8">
        <v>6480000</v>
      </c>
      <c r="H37524" s="8">
        <v>1</v>
      </c>
      <c r="I37524" s="8">
        <v>6479999</v>
      </c>
      <c r="J37524" s="8">
        <v>1</v>
      </c>
      <c r="K37524" s="9"/>
      <c r="L37524" s="6"/>
    </row>
    <row r="37525" spans="1:12">
      <c r="A37525" s="6" t="s">
        <v>37237</v>
      </c>
      <c r="B37525" s="6"/>
      <c r="C37525" s="6" t="s">
        <v>32230</v>
      </c>
      <c r="D37525" s="6"/>
      <c r="E37525" s="6" t="s">
        <v>25121</v>
      </c>
      <c r="F37525" s="7">
        <v>35054</v>
      </c>
      <c r="G37525" s="8">
        <v>6480000</v>
      </c>
      <c r="H37525" s="8">
        <v>972000</v>
      </c>
      <c r="I37525" s="8">
        <v>5728320</v>
      </c>
      <c r="J37525" s="8">
        <v>751680</v>
      </c>
      <c r="K37525" s="9"/>
      <c r="L37525" s="6"/>
    </row>
    <row r="37526" spans="1:12">
      <c r="A37526" s="6" t="s">
        <v>37238</v>
      </c>
      <c r="B37526" s="6"/>
      <c r="C37526" s="6" t="s">
        <v>32230</v>
      </c>
      <c r="D37526" s="6"/>
      <c r="E37526" s="6" t="s">
        <v>25121</v>
      </c>
      <c r="F37526" s="7"/>
      <c r="G37526" s="8">
        <v>1</v>
      </c>
      <c r="H37526" s="8">
        <v>1</v>
      </c>
      <c r="I37526" s="8">
        <v>0</v>
      </c>
      <c r="J37526" s="8">
        <v>1</v>
      </c>
      <c r="K37526" s="9"/>
      <c r="L37526" s="6"/>
    </row>
    <row r="37527" spans="1:12">
      <c r="A37527" s="6" t="s">
        <v>37239</v>
      </c>
      <c r="B37527" s="6"/>
      <c r="C37527" s="6" t="s">
        <v>32230</v>
      </c>
      <c r="D37527" s="6"/>
      <c r="E37527" s="6" t="s">
        <v>25121</v>
      </c>
      <c r="F37527" s="7">
        <v>35885</v>
      </c>
      <c r="G37527" s="8">
        <v>6480000</v>
      </c>
      <c r="H37527" s="8">
        <v>1412640</v>
      </c>
      <c r="I37527" s="8">
        <v>5287680</v>
      </c>
      <c r="J37527" s="8">
        <v>1192320</v>
      </c>
      <c r="K37527" s="9"/>
      <c r="L37527" s="6"/>
    </row>
    <row r="37528" spans="1:12">
      <c r="A37528" s="6" t="s">
        <v>37240</v>
      </c>
      <c r="B37528" s="6"/>
      <c r="C37528" s="6" t="s">
        <v>32230</v>
      </c>
      <c r="D37528" s="6"/>
      <c r="E37528" s="6" t="s">
        <v>25121</v>
      </c>
      <c r="F37528" s="7">
        <v>36854</v>
      </c>
      <c r="G37528" s="8">
        <v>6480000</v>
      </c>
      <c r="H37528" s="8">
        <v>2073600</v>
      </c>
      <c r="I37528" s="8">
        <v>4626720</v>
      </c>
      <c r="J37528" s="8">
        <v>1853280</v>
      </c>
      <c r="K37528" s="9"/>
      <c r="L37528" s="6"/>
    </row>
    <row r="37529" spans="1:12">
      <c r="A37529" s="6" t="s">
        <v>37241</v>
      </c>
      <c r="B37529" s="6"/>
      <c r="C37529" s="6" t="s">
        <v>32230</v>
      </c>
      <c r="D37529" s="6"/>
      <c r="E37529" s="6" t="s">
        <v>25121</v>
      </c>
      <c r="F37529" s="7">
        <v>19450</v>
      </c>
      <c r="G37529" s="8">
        <v>4860000</v>
      </c>
      <c r="H37529" s="8">
        <v>1</v>
      </c>
      <c r="I37529" s="8">
        <v>4859999</v>
      </c>
      <c r="J37529" s="8">
        <v>1</v>
      </c>
      <c r="K37529" s="9"/>
      <c r="L37529" s="6"/>
    </row>
    <row r="37530" spans="1:12">
      <c r="A37530" s="6" t="s">
        <v>37242</v>
      </c>
      <c r="B37530" s="6"/>
      <c r="C37530" s="6" t="s">
        <v>32230</v>
      </c>
      <c r="D37530" s="6"/>
      <c r="E37530" s="6" t="s">
        <v>25121</v>
      </c>
      <c r="F37530" s="7">
        <v>34066</v>
      </c>
      <c r="G37530" s="8">
        <v>6480000</v>
      </c>
      <c r="H37530" s="8">
        <v>531360</v>
      </c>
      <c r="I37530" s="8">
        <v>6168960</v>
      </c>
      <c r="J37530" s="8">
        <v>311040</v>
      </c>
      <c r="K37530" s="9"/>
      <c r="L37530" s="6"/>
    </row>
    <row r="37531" spans="1:12">
      <c r="A37531" s="6" t="s">
        <v>37243</v>
      </c>
      <c r="B37531" s="6"/>
      <c r="C37531" s="6" t="s">
        <v>32230</v>
      </c>
      <c r="D37531" s="6"/>
      <c r="E37531" s="6" t="s">
        <v>25121</v>
      </c>
      <c r="F37531" s="7">
        <v>18111</v>
      </c>
      <c r="G37531" s="8">
        <v>4860000</v>
      </c>
      <c r="H37531" s="8">
        <v>1</v>
      </c>
      <c r="I37531" s="8">
        <v>4859999</v>
      </c>
      <c r="J37531" s="8">
        <v>1</v>
      </c>
      <c r="K37531" s="9"/>
      <c r="L37531" s="6"/>
    </row>
    <row r="37532" spans="1:12">
      <c r="A37532" s="6" t="s">
        <v>37244</v>
      </c>
      <c r="B37532" s="6"/>
      <c r="C37532" s="6" t="s">
        <v>32230</v>
      </c>
      <c r="D37532" s="6"/>
      <c r="E37532" s="6" t="s">
        <v>25121</v>
      </c>
      <c r="F37532" s="7">
        <v>34066</v>
      </c>
      <c r="G37532" s="8">
        <v>6480000</v>
      </c>
      <c r="H37532" s="8">
        <v>531360</v>
      </c>
      <c r="I37532" s="8">
        <v>6168960</v>
      </c>
      <c r="J37532" s="8">
        <v>311040</v>
      </c>
      <c r="K37532" s="9"/>
      <c r="L37532" s="6"/>
    </row>
    <row r="37533" spans="1:12">
      <c r="A37533" s="6" t="s">
        <v>37245</v>
      </c>
      <c r="B37533" s="6"/>
      <c r="C37533" s="6" t="s">
        <v>32230</v>
      </c>
      <c r="D37533" s="6"/>
      <c r="E37533" s="6" t="s">
        <v>25121</v>
      </c>
      <c r="F37533" s="7">
        <v>28064</v>
      </c>
      <c r="G37533" s="8">
        <v>6480000</v>
      </c>
      <c r="H37533" s="8">
        <v>1</v>
      </c>
      <c r="I37533" s="8">
        <v>6479999</v>
      </c>
      <c r="J37533" s="8">
        <v>1</v>
      </c>
      <c r="K37533" s="9"/>
      <c r="L37533" s="6"/>
    </row>
    <row r="37534" spans="1:12">
      <c r="A37534" s="6" t="s">
        <v>37246</v>
      </c>
      <c r="B37534" s="6"/>
      <c r="C37534" s="6" t="s">
        <v>32230</v>
      </c>
      <c r="D37534" s="6"/>
      <c r="E37534" s="6" t="s">
        <v>25121</v>
      </c>
      <c r="F37534" s="7">
        <v>19815</v>
      </c>
      <c r="G37534" s="8">
        <v>6480000</v>
      </c>
      <c r="H37534" s="8">
        <v>1</v>
      </c>
      <c r="I37534" s="8">
        <v>6479999</v>
      </c>
      <c r="J37534" s="8">
        <v>1</v>
      </c>
      <c r="K37534" s="9"/>
      <c r="L37534" s="6"/>
    </row>
    <row r="37535" spans="1:12">
      <c r="A37535" s="6" t="s">
        <v>37247</v>
      </c>
      <c r="B37535" s="6"/>
      <c r="C37535" s="6" t="s">
        <v>32230</v>
      </c>
      <c r="D37535" s="6"/>
      <c r="E37535" s="6" t="s">
        <v>25121</v>
      </c>
      <c r="F37535" s="7">
        <v>28064</v>
      </c>
      <c r="G37535" s="8">
        <v>6480000</v>
      </c>
      <c r="H37535" s="8">
        <v>1</v>
      </c>
      <c r="I37535" s="8">
        <v>6479999</v>
      </c>
      <c r="J37535" s="8">
        <v>1</v>
      </c>
      <c r="K37535" s="9"/>
      <c r="L37535" s="6"/>
    </row>
    <row r="37536" spans="1:12">
      <c r="A37536" s="6" t="s">
        <v>37248</v>
      </c>
      <c r="B37536" s="6"/>
      <c r="C37536" s="6" t="s">
        <v>32230</v>
      </c>
      <c r="D37536" s="6"/>
      <c r="E37536" s="6" t="s">
        <v>25121</v>
      </c>
      <c r="F37536" s="7">
        <v>34661</v>
      </c>
      <c r="G37536" s="8">
        <v>6480000</v>
      </c>
      <c r="H37536" s="8">
        <v>751680</v>
      </c>
      <c r="I37536" s="8">
        <v>5948640</v>
      </c>
      <c r="J37536" s="8">
        <v>531360</v>
      </c>
      <c r="K37536" s="9"/>
      <c r="L37536" s="6"/>
    </row>
    <row r="37537" spans="1:12">
      <c r="A37537" s="6" t="s">
        <v>37249</v>
      </c>
      <c r="B37537" s="6"/>
      <c r="C37537" s="6" t="s">
        <v>32230</v>
      </c>
      <c r="D37537" s="6"/>
      <c r="E37537" s="6" t="s">
        <v>25121</v>
      </c>
      <c r="F37537" s="7"/>
      <c r="G37537" s="8">
        <v>1</v>
      </c>
      <c r="H37537" s="8">
        <v>1</v>
      </c>
      <c r="I37537" s="8">
        <v>0</v>
      </c>
      <c r="J37537" s="8">
        <v>1</v>
      </c>
      <c r="K37537" s="9"/>
      <c r="L37537" s="6"/>
    </row>
    <row r="37538" spans="1:12">
      <c r="A37538" s="6" t="s">
        <v>37250</v>
      </c>
      <c r="B37538" s="6"/>
      <c r="C37538" s="6" t="s">
        <v>32230</v>
      </c>
      <c r="D37538" s="6"/>
      <c r="E37538" s="6" t="s">
        <v>25121</v>
      </c>
      <c r="F37538" s="7">
        <v>29965</v>
      </c>
      <c r="G37538" s="8">
        <v>6480000</v>
      </c>
      <c r="H37538" s="8">
        <v>1</v>
      </c>
      <c r="I37538" s="8">
        <v>6479999</v>
      </c>
      <c r="J37538" s="8">
        <v>1</v>
      </c>
      <c r="K37538" s="9"/>
      <c r="L37538" s="6"/>
    </row>
    <row r="37539" spans="1:12">
      <c r="A37539" s="6" t="s">
        <v>37251</v>
      </c>
      <c r="B37539" s="6"/>
      <c r="C37539" s="6" t="s">
        <v>32230</v>
      </c>
      <c r="D37539" s="6"/>
      <c r="E37539" s="6" t="s">
        <v>25121</v>
      </c>
      <c r="F37539" s="7">
        <v>32783</v>
      </c>
      <c r="G37539" s="8">
        <v>6480000</v>
      </c>
      <c r="H37539" s="8">
        <v>1</v>
      </c>
      <c r="I37539" s="8">
        <v>6479999</v>
      </c>
      <c r="J37539" s="8">
        <v>1</v>
      </c>
      <c r="K37539" s="9"/>
      <c r="L37539" s="6"/>
    </row>
    <row r="37540" spans="1:12">
      <c r="A37540" s="6" t="s">
        <v>37252</v>
      </c>
      <c r="B37540" s="6"/>
      <c r="C37540" s="6" t="s">
        <v>32230</v>
      </c>
      <c r="D37540" s="6"/>
      <c r="E37540" s="6" t="s">
        <v>25121</v>
      </c>
      <c r="F37540" s="7"/>
      <c r="G37540" s="8">
        <v>1</v>
      </c>
      <c r="H37540" s="8">
        <v>1</v>
      </c>
      <c r="I37540" s="8">
        <v>0</v>
      </c>
      <c r="J37540" s="8">
        <v>1</v>
      </c>
      <c r="K37540" s="9"/>
      <c r="L37540" s="6"/>
    </row>
    <row r="37541" spans="1:12">
      <c r="A37541" s="6" t="s">
        <v>37253</v>
      </c>
      <c r="B37541" s="6"/>
      <c r="C37541" s="6" t="s">
        <v>32230</v>
      </c>
      <c r="D37541" s="6"/>
      <c r="E37541" s="6" t="s">
        <v>25121</v>
      </c>
      <c r="F37541" s="7"/>
      <c r="G37541" s="8">
        <v>1</v>
      </c>
      <c r="H37541" s="8">
        <v>1</v>
      </c>
      <c r="I37541" s="8">
        <v>0</v>
      </c>
      <c r="J37541" s="8">
        <v>1</v>
      </c>
      <c r="K37541" s="9"/>
      <c r="L37541" s="6"/>
    </row>
    <row r="37542" spans="1:12">
      <c r="A37542" s="6" t="s">
        <v>37254</v>
      </c>
      <c r="B37542" s="6"/>
      <c r="C37542" s="6" t="s">
        <v>32230</v>
      </c>
      <c r="D37542" s="6"/>
      <c r="E37542" s="6" t="s">
        <v>25121</v>
      </c>
      <c r="F37542" s="7">
        <v>34239</v>
      </c>
      <c r="G37542" s="8">
        <v>6480000</v>
      </c>
      <c r="H37542" s="8">
        <v>531360</v>
      </c>
      <c r="I37542" s="8">
        <v>6168960</v>
      </c>
      <c r="J37542" s="8">
        <v>311040</v>
      </c>
      <c r="K37542" s="9"/>
      <c r="L37542" s="6"/>
    </row>
    <row r="37543" spans="1:12">
      <c r="A37543" s="6" t="s">
        <v>37255</v>
      </c>
      <c r="B37543" s="6"/>
      <c r="C37543" s="6" t="s">
        <v>32230</v>
      </c>
      <c r="D37543" s="6"/>
      <c r="E37543" s="6" t="s">
        <v>25121</v>
      </c>
      <c r="F37543" s="7">
        <v>35054</v>
      </c>
      <c r="G37543" s="8">
        <v>6480000</v>
      </c>
      <c r="H37543" s="8">
        <v>972000</v>
      </c>
      <c r="I37543" s="8">
        <v>5728320</v>
      </c>
      <c r="J37543" s="8">
        <v>751680</v>
      </c>
      <c r="K37543" s="9"/>
      <c r="L37543" s="6"/>
    </row>
    <row r="37544" spans="1:12">
      <c r="A37544" s="6" t="s">
        <v>37256</v>
      </c>
      <c r="B37544" s="6"/>
      <c r="C37544" s="6" t="s">
        <v>32230</v>
      </c>
      <c r="D37544" s="6"/>
      <c r="E37544" s="6" t="s">
        <v>25121</v>
      </c>
      <c r="F37544" s="7">
        <v>35886</v>
      </c>
      <c r="G37544" s="8">
        <v>6480000</v>
      </c>
      <c r="H37544" s="8">
        <v>1632960</v>
      </c>
      <c r="I37544" s="8">
        <v>5067360</v>
      </c>
      <c r="J37544" s="8">
        <v>1412640</v>
      </c>
      <c r="K37544" s="9"/>
      <c r="L37544" s="6"/>
    </row>
    <row r="37545" spans="1:12">
      <c r="A37545" s="6" t="s">
        <v>37257</v>
      </c>
      <c r="B37545" s="6"/>
      <c r="C37545" s="6" t="s">
        <v>32230</v>
      </c>
      <c r="D37545" s="6"/>
      <c r="E37545" s="6" t="s">
        <v>25121</v>
      </c>
      <c r="F37545" s="7">
        <v>35212</v>
      </c>
      <c r="G37545" s="8">
        <v>6480000</v>
      </c>
      <c r="H37545" s="8">
        <v>1192320</v>
      </c>
      <c r="I37545" s="8">
        <v>5508000</v>
      </c>
      <c r="J37545" s="8">
        <v>972000</v>
      </c>
      <c r="K37545" s="9"/>
      <c r="L37545" s="6"/>
    </row>
    <row r="37546" spans="1:12">
      <c r="A37546" s="6" t="s">
        <v>37258</v>
      </c>
      <c r="B37546" s="6"/>
      <c r="C37546" s="6" t="s">
        <v>32230</v>
      </c>
      <c r="D37546" s="6"/>
      <c r="E37546" s="6" t="s">
        <v>25121</v>
      </c>
      <c r="F37546" s="7">
        <v>35212</v>
      </c>
      <c r="G37546" s="8">
        <v>6480000</v>
      </c>
      <c r="H37546" s="8">
        <v>1192320</v>
      </c>
      <c r="I37546" s="8">
        <v>5508000</v>
      </c>
      <c r="J37546" s="8">
        <v>972000</v>
      </c>
      <c r="K37546" s="9"/>
      <c r="L37546" s="6"/>
    </row>
    <row r="37547" spans="1:12">
      <c r="A37547" s="6" t="s">
        <v>37259</v>
      </c>
      <c r="B37547" s="6"/>
      <c r="C37547" s="6" t="s">
        <v>32230</v>
      </c>
      <c r="D37547" s="6"/>
      <c r="E37547" s="6" t="s">
        <v>25121</v>
      </c>
      <c r="F37547" s="7">
        <v>36951</v>
      </c>
      <c r="G37547" s="8">
        <v>6480000</v>
      </c>
      <c r="H37547" s="8">
        <v>2073600</v>
      </c>
      <c r="I37547" s="8">
        <v>4626720</v>
      </c>
      <c r="J37547" s="8">
        <v>1853280</v>
      </c>
      <c r="K37547" s="9"/>
      <c r="L37547" s="6"/>
    </row>
    <row r="37548" spans="1:12">
      <c r="A37548" s="6" t="s">
        <v>37260</v>
      </c>
      <c r="B37548" s="6"/>
      <c r="C37548" s="6" t="s">
        <v>32230</v>
      </c>
      <c r="D37548" s="6"/>
      <c r="E37548" s="6" t="s">
        <v>25121</v>
      </c>
      <c r="F37548" s="7">
        <v>36951</v>
      </c>
      <c r="G37548" s="8">
        <v>6480000</v>
      </c>
      <c r="H37548" s="8">
        <v>2073600</v>
      </c>
      <c r="I37548" s="8">
        <v>4626720</v>
      </c>
      <c r="J37548" s="8">
        <v>1853280</v>
      </c>
      <c r="K37548" s="9"/>
      <c r="L37548" s="6"/>
    </row>
    <row r="37549" spans="1:12">
      <c r="A37549" s="6" t="s">
        <v>37261</v>
      </c>
      <c r="B37549" s="6"/>
      <c r="C37549" s="6" t="s">
        <v>32230</v>
      </c>
      <c r="D37549" s="6"/>
      <c r="E37549" s="6" t="s">
        <v>25121</v>
      </c>
      <c r="F37549" s="7">
        <v>36951</v>
      </c>
      <c r="G37549" s="8">
        <v>6480000</v>
      </c>
      <c r="H37549" s="8">
        <v>2073600</v>
      </c>
      <c r="I37549" s="8">
        <v>4626720</v>
      </c>
      <c r="J37549" s="8">
        <v>1853280</v>
      </c>
      <c r="K37549" s="9"/>
      <c r="L37549" s="6"/>
    </row>
    <row r="37550" spans="1:12">
      <c r="A37550" s="6" t="s">
        <v>37262</v>
      </c>
      <c r="B37550" s="6"/>
      <c r="C37550" s="6" t="s">
        <v>32230</v>
      </c>
      <c r="D37550" s="6"/>
      <c r="E37550" s="6" t="s">
        <v>25121</v>
      </c>
      <c r="F37550" s="7">
        <v>27364</v>
      </c>
      <c r="G37550" s="8">
        <v>6480000</v>
      </c>
      <c r="H37550" s="8">
        <v>1</v>
      </c>
      <c r="I37550" s="8">
        <v>6479999</v>
      </c>
      <c r="J37550" s="8">
        <v>1</v>
      </c>
      <c r="K37550" s="9"/>
      <c r="L37550" s="6"/>
    </row>
    <row r="37551" spans="1:12">
      <c r="A37551" s="6" t="s">
        <v>37263</v>
      </c>
      <c r="B37551" s="6"/>
      <c r="C37551" s="6" t="s">
        <v>32230</v>
      </c>
      <c r="D37551" s="6"/>
      <c r="E37551" s="6" t="s">
        <v>25121</v>
      </c>
      <c r="F37551" s="7"/>
      <c r="G37551" s="8">
        <v>1</v>
      </c>
      <c r="H37551" s="8">
        <v>1</v>
      </c>
      <c r="I37551" s="8">
        <v>0</v>
      </c>
      <c r="J37551" s="8">
        <v>1</v>
      </c>
      <c r="K37551" s="9"/>
      <c r="L37551" s="6"/>
    </row>
    <row r="37552" spans="1:12">
      <c r="A37552" s="6" t="s">
        <v>37264</v>
      </c>
      <c r="B37552" s="6"/>
      <c r="C37552" s="6" t="s">
        <v>32230</v>
      </c>
      <c r="D37552" s="6"/>
      <c r="E37552" s="6" t="s">
        <v>25121</v>
      </c>
      <c r="F37552" s="7">
        <v>29281</v>
      </c>
      <c r="G37552" s="8">
        <v>6480000</v>
      </c>
      <c r="H37552" s="8">
        <v>1</v>
      </c>
      <c r="I37552" s="8">
        <v>6479999</v>
      </c>
      <c r="J37552" s="8">
        <v>1</v>
      </c>
      <c r="K37552" s="9"/>
      <c r="L37552" s="6"/>
    </row>
    <row r="37553" spans="1:12">
      <c r="A37553" s="6" t="s">
        <v>37265</v>
      </c>
      <c r="B37553" s="6"/>
      <c r="C37553" s="6" t="s">
        <v>32230</v>
      </c>
      <c r="D37553" s="6"/>
      <c r="E37553" s="6" t="s">
        <v>9</v>
      </c>
      <c r="F37553" s="7">
        <v>43555</v>
      </c>
      <c r="G37553" s="8">
        <v>99792</v>
      </c>
      <c r="H37553" s="8">
        <v>95202</v>
      </c>
      <c r="I37553" s="8">
        <v>6885</v>
      </c>
      <c r="J37553" s="8">
        <v>92907</v>
      </c>
      <c r="K37553" s="9"/>
      <c r="L37553" s="6"/>
    </row>
    <row r="37554" spans="1:12">
      <c r="A37554" s="6" t="s">
        <v>37266</v>
      </c>
      <c r="B37554" s="6"/>
      <c r="C37554" s="6" t="s">
        <v>32230</v>
      </c>
      <c r="D37554" s="6"/>
      <c r="E37554" s="6" t="s">
        <v>25121</v>
      </c>
      <c r="F37554" s="7">
        <v>29281</v>
      </c>
      <c r="G37554" s="8">
        <v>6480000</v>
      </c>
      <c r="H37554" s="8">
        <v>1</v>
      </c>
      <c r="I37554" s="8">
        <v>6479999</v>
      </c>
      <c r="J37554" s="8">
        <v>1</v>
      </c>
      <c r="K37554" s="9"/>
      <c r="L37554" s="6"/>
    </row>
    <row r="37555" spans="1:12">
      <c r="A37555" s="6" t="s">
        <v>37267</v>
      </c>
      <c r="B37555" s="6"/>
      <c r="C37555" s="6" t="s">
        <v>32230</v>
      </c>
      <c r="D37555" s="6"/>
      <c r="E37555" s="6" t="s">
        <v>25121</v>
      </c>
      <c r="F37555" s="7">
        <v>22221</v>
      </c>
      <c r="G37555" s="8">
        <v>3240000</v>
      </c>
      <c r="H37555" s="8">
        <v>1</v>
      </c>
      <c r="I37555" s="8">
        <v>3239999</v>
      </c>
      <c r="J37555" s="8">
        <v>1</v>
      </c>
      <c r="K37555" s="9"/>
      <c r="L37555" s="6"/>
    </row>
    <row r="37556" spans="1:12">
      <c r="A37556" s="6" t="s">
        <v>37268</v>
      </c>
      <c r="B37556" s="6"/>
      <c r="C37556" s="6" t="s">
        <v>32230</v>
      </c>
      <c r="D37556" s="6"/>
      <c r="E37556" s="6" t="s">
        <v>25121</v>
      </c>
      <c r="F37556" s="7">
        <v>26938</v>
      </c>
      <c r="G37556" s="8">
        <v>6480000</v>
      </c>
      <c r="H37556" s="8">
        <v>1</v>
      </c>
      <c r="I37556" s="8">
        <v>6479999</v>
      </c>
      <c r="J37556" s="8">
        <v>1</v>
      </c>
      <c r="K37556" s="9"/>
      <c r="L37556" s="6"/>
    </row>
    <row r="37557" spans="1:12">
      <c r="A37557" s="6" t="s">
        <v>37269</v>
      </c>
      <c r="B37557" s="6"/>
      <c r="C37557" s="6" t="s">
        <v>32230</v>
      </c>
      <c r="D37557" s="6"/>
      <c r="E37557" s="6" t="s">
        <v>25121</v>
      </c>
      <c r="F37557" s="7">
        <v>31656</v>
      </c>
      <c r="G37557" s="8">
        <v>6480000</v>
      </c>
      <c r="H37557" s="8">
        <v>1</v>
      </c>
      <c r="I37557" s="8">
        <v>6479999</v>
      </c>
      <c r="J37557" s="8">
        <v>1</v>
      </c>
      <c r="K37557" s="9"/>
      <c r="L37557" s="6"/>
    </row>
    <row r="37558" spans="1:12">
      <c r="A37558" s="6" t="s">
        <v>37270</v>
      </c>
      <c r="B37558" s="6"/>
      <c r="C37558" s="6" t="s">
        <v>32230</v>
      </c>
      <c r="D37558" s="6"/>
      <c r="E37558" s="6" t="s">
        <v>25121</v>
      </c>
      <c r="F37558" s="7">
        <v>38991</v>
      </c>
      <c r="G37558" s="8">
        <v>6480000</v>
      </c>
      <c r="H37558" s="8">
        <v>3395520</v>
      </c>
      <c r="I37558" s="8">
        <v>3304800</v>
      </c>
      <c r="J37558" s="8">
        <v>3175200</v>
      </c>
      <c r="K37558" s="9"/>
      <c r="L37558" s="6"/>
    </row>
    <row r="37559" spans="1:12">
      <c r="A37559" s="6" t="s">
        <v>37271</v>
      </c>
      <c r="B37559" s="6"/>
      <c r="C37559" s="6" t="s">
        <v>32230</v>
      </c>
      <c r="D37559" s="6"/>
      <c r="E37559" s="6" t="s">
        <v>25121</v>
      </c>
      <c r="F37559" s="7"/>
      <c r="G37559" s="8">
        <v>1</v>
      </c>
      <c r="H37559" s="8">
        <v>1</v>
      </c>
      <c r="I37559" s="8">
        <v>0</v>
      </c>
      <c r="J37559" s="8">
        <v>1</v>
      </c>
      <c r="K37559" s="9"/>
      <c r="L37559" s="6"/>
    </row>
    <row r="37560" spans="1:12">
      <c r="A37560" s="6" t="s">
        <v>37272</v>
      </c>
      <c r="B37560" s="6"/>
      <c r="C37560" s="6" t="s">
        <v>32230</v>
      </c>
      <c r="D37560" s="6"/>
      <c r="E37560" s="6" t="s">
        <v>25121</v>
      </c>
      <c r="F37560" s="7">
        <v>28095</v>
      </c>
      <c r="G37560" s="8">
        <v>6480000</v>
      </c>
      <c r="H37560" s="8">
        <v>1</v>
      </c>
      <c r="I37560" s="8">
        <v>6479999</v>
      </c>
      <c r="J37560" s="8">
        <v>1</v>
      </c>
      <c r="K37560" s="9"/>
      <c r="L37560" s="6"/>
    </row>
    <row r="37561" spans="1:12">
      <c r="A37561" s="6" t="s">
        <v>37273</v>
      </c>
      <c r="B37561" s="6"/>
      <c r="C37561" s="6" t="s">
        <v>32230</v>
      </c>
      <c r="D37561" s="6"/>
      <c r="E37561" s="6" t="s">
        <v>25121</v>
      </c>
      <c r="F37561" s="7">
        <v>23894</v>
      </c>
      <c r="G37561" s="8">
        <v>3240000</v>
      </c>
      <c r="H37561" s="8">
        <v>1</v>
      </c>
      <c r="I37561" s="8">
        <v>3239999</v>
      </c>
      <c r="J37561" s="8">
        <v>1</v>
      </c>
      <c r="K37561" s="9"/>
      <c r="L37561" s="6"/>
    </row>
    <row r="37562" spans="1:12">
      <c r="A37562" s="6" t="s">
        <v>37274</v>
      </c>
      <c r="B37562" s="6"/>
      <c r="C37562" s="6" t="s">
        <v>32230</v>
      </c>
      <c r="D37562" s="6"/>
      <c r="E37562" s="6" t="s">
        <v>25121</v>
      </c>
      <c r="F37562" s="7">
        <v>26573</v>
      </c>
      <c r="G37562" s="8">
        <v>6480000</v>
      </c>
      <c r="H37562" s="8">
        <v>1</v>
      </c>
      <c r="I37562" s="8">
        <v>6479999</v>
      </c>
      <c r="J37562" s="8">
        <v>1</v>
      </c>
      <c r="K37562" s="9"/>
      <c r="L37562" s="6"/>
    </row>
    <row r="37563" spans="1:12">
      <c r="A37563" s="6" t="s">
        <v>37275</v>
      </c>
      <c r="B37563" s="6"/>
      <c r="C37563" s="6" t="s">
        <v>32230</v>
      </c>
      <c r="D37563" s="6"/>
      <c r="E37563" s="6" t="s">
        <v>25121</v>
      </c>
      <c r="F37563" s="7">
        <v>28795</v>
      </c>
      <c r="G37563" s="8">
        <v>6480000</v>
      </c>
      <c r="H37563" s="8">
        <v>1</v>
      </c>
      <c r="I37563" s="8">
        <v>6479999</v>
      </c>
      <c r="J37563" s="8">
        <v>1</v>
      </c>
      <c r="K37563" s="9"/>
      <c r="L37563" s="6"/>
    </row>
    <row r="37564" spans="1:12">
      <c r="A37564" s="6" t="s">
        <v>37276</v>
      </c>
      <c r="B37564" s="6"/>
      <c r="C37564" s="6" t="s">
        <v>32230</v>
      </c>
      <c r="D37564" s="6"/>
      <c r="E37564" s="6" t="s">
        <v>25121</v>
      </c>
      <c r="F37564" s="7">
        <v>31291</v>
      </c>
      <c r="G37564" s="8">
        <v>6480000</v>
      </c>
      <c r="H37564" s="8">
        <v>1</v>
      </c>
      <c r="I37564" s="8">
        <v>6479999</v>
      </c>
      <c r="J37564" s="8">
        <v>1</v>
      </c>
      <c r="K37564" s="9"/>
      <c r="L37564" s="6"/>
    </row>
    <row r="37565" spans="1:12">
      <c r="A37565" s="6" t="s">
        <v>37277</v>
      </c>
      <c r="B37565" s="6"/>
      <c r="C37565" s="6" t="s">
        <v>32230</v>
      </c>
      <c r="D37565" s="6"/>
      <c r="E37565" s="6" t="s">
        <v>25121</v>
      </c>
      <c r="F37565" s="7">
        <v>32752</v>
      </c>
      <c r="G37565" s="8">
        <v>6480000</v>
      </c>
      <c r="H37565" s="8">
        <v>1</v>
      </c>
      <c r="I37565" s="8">
        <v>6479999</v>
      </c>
      <c r="J37565" s="8">
        <v>1</v>
      </c>
      <c r="K37565" s="9"/>
      <c r="L37565" s="6"/>
    </row>
    <row r="37566" spans="1:12">
      <c r="A37566" s="6" t="s">
        <v>37278</v>
      </c>
      <c r="B37566" s="6"/>
      <c r="C37566" s="6" t="s">
        <v>32230</v>
      </c>
      <c r="D37566" s="6"/>
      <c r="E37566" s="6" t="s">
        <v>25121</v>
      </c>
      <c r="F37566" s="7">
        <v>33664</v>
      </c>
      <c r="G37566" s="8">
        <v>6480000</v>
      </c>
      <c r="H37566" s="8">
        <v>90720</v>
      </c>
      <c r="I37566" s="8">
        <v>6479999</v>
      </c>
      <c r="J37566" s="8">
        <v>1</v>
      </c>
      <c r="K37566" s="9"/>
      <c r="L37566" s="6"/>
    </row>
    <row r="37567" spans="1:12">
      <c r="A37567" s="6" t="s">
        <v>37279</v>
      </c>
      <c r="B37567" s="6"/>
      <c r="C37567" s="6" t="s">
        <v>32230</v>
      </c>
      <c r="D37567" s="6"/>
      <c r="E37567" s="6" t="s">
        <v>25121</v>
      </c>
      <c r="F37567" s="7">
        <v>33970</v>
      </c>
      <c r="G37567" s="8">
        <v>6480000</v>
      </c>
      <c r="H37567" s="8">
        <v>311040</v>
      </c>
      <c r="I37567" s="8">
        <v>6389280</v>
      </c>
      <c r="J37567" s="8">
        <v>90720</v>
      </c>
      <c r="K37567" s="9"/>
      <c r="L37567" s="6"/>
    </row>
    <row r="37568" spans="1:12">
      <c r="A37568" s="6" t="s">
        <v>37280</v>
      </c>
      <c r="B37568" s="6"/>
      <c r="C37568" s="6" t="s">
        <v>32230</v>
      </c>
      <c r="D37568" s="6"/>
      <c r="E37568" s="6" t="s">
        <v>25121</v>
      </c>
      <c r="F37568" s="7"/>
      <c r="G37568" s="8">
        <v>1</v>
      </c>
      <c r="H37568" s="8">
        <v>1</v>
      </c>
      <c r="I37568" s="8">
        <v>0</v>
      </c>
      <c r="J37568" s="8">
        <v>1</v>
      </c>
      <c r="K37568" s="9"/>
      <c r="L37568" s="6"/>
    </row>
    <row r="37569" spans="1:12">
      <c r="A37569" s="6" t="s">
        <v>37281</v>
      </c>
      <c r="B37569" s="6"/>
      <c r="C37569" s="6" t="s">
        <v>32230</v>
      </c>
      <c r="D37569" s="6"/>
      <c r="E37569" s="6" t="s">
        <v>25121</v>
      </c>
      <c r="F37569" s="7">
        <v>27791</v>
      </c>
      <c r="G37569" s="8">
        <v>6480000</v>
      </c>
      <c r="H37569" s="8">
        <v>1</v>
      </c>
      <c r="I37569" s="8">
        <v>6479999</v>
      </c>
      <c r="J37569" s="8">
        <v>1</v>
      </c>
      <c r="K37569" s="9"/>
      <c r="L37569" s="6"/>
    </row>
    <row r="37570" spans="1:12">
      <c r="A37570" s="6" t="s">
        <v>37282</v>
      </c>
      <c r="B37570" s="6"/>
      <c r="C37570" s="6" t="s">
        <v>32230</v>
      </c>
      <c r="D37570" s="6"/>
      <c r="E37570" s="6" t="s">
        <v>25121</v>
      </c>
      <c r="F37570" s="7">
        <v>22981</v>
      </c>
      <c r="G37570" s="8">
        <v>3240000</v>
      </c>
      <c r="H37570" s="8">
        <v>1</v>
      </c>
      <c r="I37570" s="8">
        <v>3239999</v>
      </c>
      <c r="J37570" s="8">
        <v>1</v>
      </c>
      <c r="K37570" s="9"/>
      <c r="L37570" s="6"/>
    </row>
    <row r="37571" spans="1:12">
      <c r="A37571" s="6" t="s">
        <v>37283</v>
      </c>
      <c r="B37571" s="6"/>
      <c r="C37571" s="6" t="s">
        <v>32230</v>
      </c>
      <c r="D37571" s="6"/>
      <c r="E37571" s="6" t="s">
        <v>25121</v>
      </c>
      <c r="F37571" s="7">
        <v>29129</v>
      </c>
      <c r="G37571" s="8">
        <v>6480000</v>
      </c>
      <c r="H37571" s="8">
        <v>1</v>
      </c>
      <c r="I37571" s="8">
        <v>6479999</v>
      </c>
      <c r="J37571" s="8">
        <v>1</v>
      </c>
      <c r="K37571" s="9"/>
      <c r="L37571" s="6"/>
    </row>
    <row r="37572" spans="1:12">
      <c r="A37572" s="6" t="s">
        <v>37284</v>
      </c>
      <c r="B37572" s="6"/>
      <c r="C37572" s="6" t="s">
        <v>32230</v>
      </c>
      <c r="D37572" s="6"/>
      <c r="E37572" s="6" t="s">
        <v>25121</v>
      </c>
      <c r="F37572" s="7">
        <v>32356</v>
      </c>
      <c r="G37572" s="8">
        <v>6480000</v>
      </c>
      <c r="H37572" s="8">
        <v>1</v>
      </c>
      <c r="I37572" s="8">
        <v>6479999</v>
      </c>
      <c r="J37572" s="8">
        <v>1</v>
      </c>
      <c r="K37572" s="9"/>
      <c r="L37572" s="6"/>
    </row>
    <row r="37573" spans="1:12">
      <c r="A37573" s="6" t="s">
        <v>37285</v>
      </c>
      <c r="B37573" s="6"/>
      <c r="C37573" s="6" t="s">
        <v>32230</v>
      </c>
      <c r="D37573" s="6"/>
      <c r="E37573" s="6" t="s">
        <v>25121</v>
      </c>
      <c r="F37573" s="7">
        <v>36251</v>
      </c>
      <c r="G37573" s="8">
        <v>6480000</v>
      </c>
      <c r="H37573" s="8">
        <v>1853280</v>
      </c>
      <c r="I37573" s="8">
        <v>4847040</v>
      </c>
      <c r="J37573" s="8">
        <v>1632960</v>
      </c>
      <c r="K37573" s="9"/>
      <c r="L37573" s="6"/>
    </row>
    <row r="37574" spans="1:12">
      <c r="A37574" s="6" t="s">
        <v>37286</v>
      </c>
      <c r="B37574" s="6"/>
      <c r="C37574" s="6" t="s">
        <v>32230</v>
      </c>
      <c r="D37574" s="6"/>
      <c r="E37574" s="6" t="s">
        <v>25121</v>
      </c>
      <c r="F37574" s="7">
        <v>29556</v>
      </c>
      <c r="G37574" s="8">
        <v>3240000</v>
      </c>
      <c r="H37574" s="8">
        <v>1</v>
      </c>
      <c r="I37574" s="8">
        <v>3239999</v>
      </c>
      <c r="J37574" s="8">
        <v>1</v>
      </c>
      <c r="K37574" s="9"/>
      <c r="L37574" s="6"/>
    </row>
    <row r="37575" spans="1:12">
      <c r="A37575" s="6" t="s">
        <v>37287</v>
      </c>
      <c r="B37575" s="6"/>
      <c r="C37575" s="6" t="s">
        <v>32230</v>
      </c>
      <c r="D37575" s="6"/>
      <c r="E37575" s="6" t="s">
        <v>25121</v>
      </c>
      <c r="F37575" s="7">
        <v>35186</v>
      </c>
      <c r="G37575" s="8">
        <v>6480000</v>
      </c>
      <c r="H37575" s="8">
        <v>1192320</v>
      </c>
      <c r="I37575" s="8">
        <v>5508000</v>
      </c>
      <c r="J37575" s="8">
        <v>972000</v>
      </c>
      <c r="K37575" s="9"/>
      <c r="L37575" s="6"/>
    </row>
    <row r="37576" spans="1:12">
      <c r="A37576" s="6" t="s">
        <v>37288</v>
      </c>
      <c r="B37576" s="6"/>
      <c r="C37576" s="6" t="s">
        <v>32230</v>
      </c>
      <c r="D37576" s="6"/>
      <c r="E37576" s="6" t="s">
        <v>25121</v>
      </c>
      <c r="F37576" s="7">
        <v>26969</v>
      </c>
      <c r="G37576" s="8">
        <v>6480000</v>
      </c>
      <c r="H37576" s="8">
        <v>1</v>
      </c>
      <c r="I37576" s="8">
        <v>6479999</v>
      </c>
      <c r="J37576" s="8">
        <v>1</v>
      </c>
      <c r="K37576" s="9"/>
      <c r="L37576" s="6"/>
    </row>
    <row r="37577" spans="1:12">
      <c r="A37577" s="6" t="s">
        <v>37289</v>
      </c>
      <c r="B37577" s="6"/>
      <c r="C37577" s="6" t="s">
        <v>32230</v>
      </c>
      <c r="D37577" s="6"/>
      <c r="E37577" s="6" t="s">
        <v>25121</v>
      </c>
      <c r="F37577" s="7">
        <v>27364</v>
      </c>
      <c r="G37577" s="8">
        <v>6480000</v>
      </c>
      <c r="H37577" s="8">
        <v>1</v>
      </c>
      <c r="I37577" s="8">
        <v>6479999</v>
      </c>
      <c r="J37577" s="8">
        <v>1</v>
      </c>
      <c r="K37577" s="9"/>
      <c r="L37577" s="6"/>
    </row>
    <row r="37578" spans="1:12">
      <c r="A37578" s="6" t="s">
        <v>37290</v>
      </c>
      <c r="B37578" s="6"/>
      <c r="C37578" s="6" t="s">
        <v>32230</v>
      </c>
      <c r="D37578" s="6"/>
      <c r="E37578" s="6" t="s">
        <v>25121</v>
      </c>
      <c r="F37578" s="7"/>
      <c r="G37578" s="8">
        <v>1</v>
      </c>
      <c r="H37578" s="8">
        <v>1</v>
      </c>
      <c r="I37578" s="8">
        <v>0</v>
      </c>
      <c r="J37578" s="8">
        <v>1</v>
      </c>
      <c r="K37578" s="9"/>
      <c r="L37578" s="6"/>
    </row>
    <row r="37579" spans="1:12">
      <c r="A37579" s="6" t="s">
        <v>37291</v>
      </c>
      <c r="B37579" s="6"/>
      <c r="C37579" s="6" t="s">
        <v>32230</v>
      </c>
      <c r="D37579" s="6"/>
      <c r="E37579" s="6" t="s">
        <v>25121</v>
      </c>
      <c r="F37579" s="7">
        <v>24198</v>
      </c>
      <c r="G37579" s="8">
        <v>3240000</v>
      </c>
      <c r="H37579" s="8">
        <v>1</v>
      </c>
      <c r="I37579" s="8">
        <v>3239999</v>
      </c>
      <c r="J37579" s="8">
        <v>1</v>
      </c>
      <c r="K37579" s="9"/>
      <c r="L37579" s="6"/>
    </row>
    <row r="37580" spans="1:12">
      <c r="A37580" s="6" t="s">
        <v>37292</v>
      </c>
      <c r="B37580" s="6"/>
      <c r="C37580" s="6" t="s">
        <v>32230</v>
      </c>
      <c r="D37580" s="6"/>
      <c r="E37580" s="6" t="s">
        <v>25121</v>
      </c>
      <c r="F37580" s="7">
        <v>29129</v>
      </c>
      <c r="G37580" s="8">
        <v>6480000</v>
      </c>
      <c r="H37580" s="8">
        <v>1</v>
      </c>
      <c r="I37580" s="8">
        <v>6479999</v>
      </c>
      <c r="J37580" s="8">
        <v>1</v>
      </c>
      <c r="K37580" s="9"/>
      <c r="L37580" s="6"/>
    </row>
    <row r="37581" spans="1:12">
      <c r="A37581" s="6" t="s">
        <v>37293</v>
      </c>
      <c r="B37581" s="6"/>
      <c r="C37581" s="6" t="s">
        <v>32230</v>
      </c>
      <c r="D37581" s="6"/>
      <c r="E37581" s="6" t="s">
        <v>25121</v>
      </c>
      <c r="F37581" s="7">
        <v>30926</v>
      </c>
      <c r="G37581" s="8">
        <v>6480000</v>
      </c>
      <c r="H37581" s="8">
        <v>1</v>
      </c>
      <c r="I37581" s="8">
        <v>6479999</v>
      </c>
      <c r="J37581" s="8">
        <v>1</v>
      </c>
      <c r="K37581" s="9"/>
      <c r="L37581" s="6"/>
    </row>
    <row r="37582" spans="1:12">
      <c r="A37582" s="6" t="s">
        <v>37294</v>
      </c>
      <c r="B37582" s="6"/>
      <c r="C37582" s="6" t="s">
        <v>32230</v>
      </c>
      <c r="D37582" s="6"/>
      <c r="E37582" s="6" t="s">
        <v>25121</v>
      </c>
      <c r="F37582" s="7">
        <v>33147</v>
      </c>
      <c r="G37582" s="8">
        <v>6480000</v>
      </c>
      <c r="H37582" s="8">
        <v>1</v>
      </c>
      <c r="I37582" s="8">
        <v>6479999</v>
      </c>
      <c r="J37582" s="8">
        <v>1</v>
      </c>
      <c r="K37582" s="9"/>
      <c r="L37582" s="6"/>
    </row>
    <row r="37583" spans="1:12">
      <c r="A37583" s="6" t="s">
        <v>37295</v>
      </c>
      <c r="B37583" s="6"/>
      <c r="C37583" s="6" t="s">
        <v>32230</v>
      </c>
      <c r="D37583" s="6"/>
      <c r="E37583" s="6" t="s">
        <v>25121</v>
      </c>
      <c r="F37583" s="7">
        <v>35521</v>
      </c>
      <c r="G37583" s="8">
        <v>6480000</v>
      </c>
      <c r="H37583" s="8">
        <v>1412640</v>
      </c>
      <c r="I37583" s="8">
        <v>5287680</v>
      </c>
      <c r="J37583" s="8">
        <v>1192320</v>
      </c>
      <c r="K37583" s="9"/>
      <c r="L37583" s="6"/>
    </row>
    <row r="37584" spans="1:12">
      <c r="A37584" s="6" t="s">
        <v>37296</v>
      </c>
      <c r="B37584" s="6"/>
      <c r="C37584" s="6" t="s">
        <v>32230</v>
      </c>
      <c r="D37584" s="6"/>
      <c r="E37584" s="6" t="s">
        <v>25121</v>
      </c>
      <c r="F37584" s="7">
        <v>36831</v>
      </c>
      <c r="G37584" s="8">
        <v>6480000</v>
      </c>
      <c r="H37584" s="8">
        <v>2073600</v>
      </c>
      <c r="I37584" s="8">
        <v>4626720</v>
      </c>
      <c r="J37584" s="8">
        <v>1853280</v>
      </c>
      <c r="K37584" s="9"/>
      <c r="L37584" s="6"/>
    </row>
    <row r="37585" spans="1:12">
      <c r="A37585" s="6" t="s">
        <v>37297</v>
      </c>
      <c r="B37585" s="6"/>
      <c r="C37585" s="6" t="s">
        <v>32230</v>
      </c>
      <c r="D37585" s="6"/>
      <c r="E37585" s="6" t="s">
        <v>25121</v>
      </c>
      <c r="F37585" s="7">
        <v>29556</v>
      </c>
      <c r="G37585" s="8">
        <v>6480000</v>
      </c>
      <c r="H37585" s="8">
        <v>1</v>
      </c>
      <c r="I37585" s="8">
        <v>6479999</v>
      </c>
      <c r="J37585" s="8">
        <v>1</v>
      </c>
      <c r="K37585" s="9"/>
      <c r="L37585" s="6"/>
    </row>
    <row r="37586" spans="1:12">
      <c r="A37586" s="6" t="s">
        <v>37298</v>
      </c>
      <c r="B37586" s="6"/>
      <c r="C37586" s="6" t="s">
        <v>32230</v>
      </c>
      <c r="D37586" s="6"/>
      <c r="E37586" s="6" t="s">
        <v>25121</v>
      </c>
      <c r="F37586" s="7">
        <v>24198</v>
      </c>
      <c r="G37586" s="8">
        <v>6480000</v>
      </c>
      <c r="H37586" s="8">
        <v>1</v>
      </c>
      <c r="I37586" s="8">
        <v>6479999</v>
      </c>
      <c r="J37586" s="8">
        <v>1</v>
      </c>
      <c r="K37586" s="9"/>
      <c r="L37586" s="6"/>
    </row>
    <row r="37587" spans="1:12">
      <c r="A37587" s="6" t="s">
        <v>37299</v>
      </c>
      <c r="B37587" s="6"/>
      <c r="C37587" s="6" t="s">
        <v>32230</v>
      </c>
      <c r="D37587" s="6"/>
      <c r="E37587" s="6" t="s">
        <v>25121</v>
      </c>
      <c r="F37587" s="7">
        <v>25538</v>
      </c>
      <c r="G37587" s="8">
        <v>6480000</v>
      </c>
      <c r="H37587" s="8">
        <v>1</v>
      </c>
      <c r="I37587" s="8">
        <v>6479999</v>
      </c>
      <c r="J37587" s="8">
        <v>1</v>
      </c>
      <c r="K37587" s="9"/>
      <c r="L37587" s="6"/>
    </row>
    <row r="37588" spans="1:12">
      <c r="A37588" s="6" t="s">
        <v>37300</v>
      </c>
      <c r="B37588" s="6"/>
      <c r="C37588" s="6" t="s">
        <v>32230</v>
      </c>
      <c r="D37588" s="6"/>
      <c r="E37588" s="6" t="s">
        <v>25121</v>
      </c>
      <c r="F37588" s="7">
        <v>31656</v>
      </c>
      <c r="G37588" s="8">
        <v>6480000</v>
      </c>
      <c r="H37588" s="8">
        <v>1</v>
      </c>
      <c r="I37588" s="8">
        <v>6479999</v>
      </c>
      <c r="J37588" s="8">
        <v>1</v>
      </c>
      <c r="K37588" s="9"/>
      <c r="L37588" s="6"/>
    </row>
    <row r="37589" spans="1:12">
      <c r="A37589" s="6" t="s">
        <v>37301</v>
      </c>
      <c r="B37589" s="6"/>
      <c r="C37589" s="6" t="s">
        <v>32230</v>
      </c>
      <c r="D37589" s="6"/>
      <c r="E37589" s="6" t="s">
        <v>25121</v>
      </c>
      <c r="F37589" s="7">
        <v>34213</v>
      </c>
      <c r="G37589" s="8">
        <v>6480000</v>
      </c>
      <c r="H37589" s="8">
        <v>531360</v>
      </c>
      <c r="I37589" s="8">
        <v>6168960</v>
      </c>
      <c r="J37589" s="8">
        <v>311040</v>
      </c>
      <c r="K37589" s="9"/>
      <c r="L37589" s="6"/>
    </row>
    <row r="37590" spans="1:12">
      <c r="A37590" s="6" t="s">
        <v>37302</v>
      </c>
      <c r="B37590" s="6"/>
      <c r="C37590" s="6" t="s">
        <v>32230</v>
      </c>
      <c r="D37590" s="6"/>
      <c r="E37590" s="6" t="s">
        <v>25121</v>
      </c>
      <c r="F37590" s="7">
        <v>30225</v>
      </c>
      <c r="G37590" s="8">
        <v>6480000</v>
      </c>
      <c r="H37590" s="8">
        <v>1</v>
      </c>
      <c r="I37590" s="8">
        <v>6479999</v>
      </c>
      <c r="J37590" s="8">
        <v>1</v>
      </c>
      <c r="K37590" s="9"/>
      <c r="L37590" s="6"/>
    </row>
    <row r="37591" spans="1:12">
      <c r="A37591" s="6" t="s">
        <v>37303</v>
      </c>
      <c r="B37591" s="6"/>
      <c r="C37591" s="6" t="s">
        <v>32230</v>
      </c>
      <c r="D37591" s="6"/>
      <c r="E37591" s="6" t="s">
        <v>25121</v>
      </c>
      <c r="F37591" s="7">
        <v>30468</v>
      </c>
      <c r="G37591" s="8">
        <v>6480000</v>
      </c>
      <c r="H37591" s="8">
        <v>1</v>
      </c>
      <c r="I37591" s="8">
        <v>6479999</v>
      </c>
      <c r="J37591" s="8">
        <v>1</v>
      </c>
      <c r="K37591" s="9"/>
      <c r="L37591" s="6"/>
    </row>
    <row r="37592" spans="1:12">
      <c r="A37592" s="6" t="s">
        <v>37304</v>
      </c>
      <c r="B37592" s="6"/>
      <c r="C37592" s="6" t="s">
        <v>32230</v>
      </c>
      <c r="D37592" s="6"/>
      <c r="E37592" s="6" t="s">
        <v>25121</v>
      </c>
      <c r="F37592" s="7">
        <v>29556</v>
      </c>
      <c r="G37592" s="8">
        <v>6480000</v>
      </c>
      <c r="H37592" s="8">
        <v>1</v>
      </c>
      <c r="I37592" s="8">
        <v>6479999</v>
      </c>
      <c r="J37592" s="8">
        <v>1</v>
      </c>
      <c r="K37592" s="9"/>
      <c r="L37592" s="6"/>
    </row>
    <row r="37593" spans="1:12">
      <c r="A37593" s="6" t="s">
        <v>37305</v>
      </c>
      <c r="B37593" s="6"/>
      <c r="C37593" s="6" t="s">
        <v>32230</v>
      </c>
      <c r="D37593" s="6"/>
      <c r="E37593" s="6" t="s">
        <v>25121</v>
      </c>
      <c r="F37593" s="7">
        <v>36251</v>
      </c>
      <c r="G37593" s="8">
        <v>6480000</v>
      </c>
      <c r="H37593" s="8">
        <v>1853280</v>
      </c>
      <c r="I37593" s="8">
        <v>4847040</v>
      </c>
      <c r="J37593" s="8">
        <v>1632960</v>
      </c>
      <c r="K37593" s="9"/>
      <c r="L37593" s="6"/>
    </row>
    <row r="37594" spans="1:12">
      <c r="A37594" s="6" t="s">
        <v>37306</v>
      </c>
      <c r="B37594" s="6"/>
      <c r="C37594" s="6" t="s">
        <v>32230</v>
      </c>
      <c r="D37594" s="6"/>
      <c r="E37594" s="6" t="s">
        <v>25121</v>
      </c>
      <c r="F37594" s="7">
        <v>25934</v>
      </c>
      <c r="G37594" s="8">
        <v>3240000</v>
      </c>
      <c r="H37594" s="8">
        <v>1</v>
      </c>
      <c r="I37594" s="8">
        <v>3239999</v>
      </c>
      <c r="J37594" s="8">
        <v>1</v>
      </c>
      <c r="K37594" s="9"/>
      <c r="L37594" s="6"/>
    </row>
    <row r="37595" spans="1:12">
      <c r="A37595" s="6" t="s">
        <v>37307</v>
      </c>
      <c r="B37595" s="6"/>
      <c r="C37595" s="6" t="s">
        <v>32230</v>
      </c>
      <c r="D37595" s="6"/>
      <c r="E37595" s="6" t="s">
        <v>25121</v>
      </c>
      <c r="F37595" s="7">
        <v>25934</v>
      </c>
      <c r="G37595" s="8">
        <v>6480000</v>
      </c>
      <c r="H37595" s="8">
        <v>1</v>
      </c>
      <c r="I37595" s="8">
        <v>6479999</v>
      </c>
      <c r="J37595" s="8">
        <v>1</v>
      </c>
      <c r="K37595" s="9"/>
      <c r="L37595" s="6"/>
    </row>
    <row r="37596" spans="1:12">
      <c r="A37596" s="6" t="s">
        <v>37308</v>
      </c>
      <c r="B37596" s="6"/>
      <c r="C37596" s="6" t="s">
        <v>32230</v>
      </c>
      <c r="D37596" s="6"/>
      <c r="E37596" s="6" t="s">
        <v>25121</v>
      </c>
      <c r="F37596" s="7">
        <v>25934</v>
      </c>
      <c r="G37596" s="8">
        <v>6480000</v>
      </c>
      <c r="H37596" s="8">
        <v>1</v>
      </c>
      <c r="I37596" s="8">
        <v>6479999</v>
      </c>
      <c r="J37596" s="8">
        <v>1</v>
      </c>
      <c r="K37596" s="9"/>
      <c r="L37596" s="6"/>
    </row>
    <row r="37597" spans="1:12">
      <c r="A37597" s="6" t="s">
        <v>37309</v>
      </c>
      <c r="B37597" s="6"/>
      <c r="C37597" s="6" t="s">
        <v>32230</v>
      </c>
      <c r="D37597" s="6"/>
      <c r="E37597" s="6" t="s">
        <v>25121</v>
      </c>
      <c r="F37597" s="7">
        <v>25934</v>
      </c>
      <c r="G37597" s="8">
        <v>6480000</v>
      </c>
      <c r="H37597" s="8">
        <v>1</v>
      </c>
      <c r="I37597" s="8">
        <v>6479999</v>
      </c>
      <c r="J37597" s="8">
        <v>1</v>
      </c>
      <c r="K37597" s="9"/>
      <c r="L37597" s="6"/>
    </row>
    <row r="37598" spans="1:12">
      <c r="A37598" s="6" t="s">
        <v>37310</v>
      </c>
      <c r="B37598" s="6"/>
      <c r="C37598" s="6" t="s">
        <v>32230</v>
      </c>
      <c r="D37598" s="6"/>
      <c r="E37598" s="6" t="s">
        <v>25121</v>
      </c>
      <c r="F37598" s="7">
        <v>25934</v>
      </c>
      <c r="G37598" s="8">
        <v>6480000</v>
      </c>
      <c r="H37598" s="8">
        <v>1</v>
      </c>
      <c r="I37598" s="8">
        <v>6479999</v>
      </c>
      <c r="J37598" s="8">
        <v>1</v>
      </c>
      <c r="K37598" s="9"/>
      <c r="L37598" s="6"/>
    </row>
    <row r="37599" spans="1:12">
      <c r="A37599" s="6" t="s">
        <v>37311</v>
      </c>
      <c r="B37599" s="6"/>
      <c r="C37599" s="6" t="s">
        <v>32230</v>
      </c>
      <c r="D37599" s="6"/>
      <c r="E37599" s="6" t="s">
        <v>25121</v>
      </c>
      <c r="F37599" s="7">
        <v>25934</v>
      </c>
      <c r="G37599" s="8">
        <v>6480000</v>
      </c>
      <c r="H37599" s="8">
        <v>1</v>
      </c>
      <c r="I37599" s="8">
        <v>6479999</v>
      </c>
      <c r="J37599" s="8">
        <v>1</v>
      </c>
      <c r="K37599" s="9"/>
      <c r="L37599" s="6"/>
    </row>
    <row r="37600" spans="1:12">
      <c r="A37600" s="6" t="s">
        <v>37312</v>
      </c>
      <c r="B37600" s="6"/>
      <c r="C37600" s="6" t="s">
        <v>32230</v>
      </c>
      <c r="D37600" s="6"/>
      <c r="E37600" s="6" t="s">
        <v>25121</v>
      </c>
      <c r="F37600" s="7">
        <v>31291</v>
      </c>
      <c r="G37600" s="8">
        <v>6480000</v>
      </c>
      <c r="H37600" s="8">
        <v>1</v>
      </c>
      <c r="I37600" s="8">
        <v>6479999</v>
      </c>
      <c r="J37600" s="8">
        <v>1</v>
      </c>
      <c r="K37600" s="9"/>
      <c r="L37600" s="6"/>
    </row>
    <row r="37601" spans="1:12">
      <c r="A37601" s="6" t="s">
        <v>37313</v>
      </c>
      <c r="B37601" s="6"/>
      <c r="C37601" s="6" t="s">
        <v>32230</v>
      </c>
      <c r="D37601" s="6"/>
      <c r="E37601" s="6" t="s">
        <v>25121</v>
      </c>
      <c r="F37601" s="7">
        <v>32478</v>
      </c>
      <c r="G37601" s="8">
        <v>6480000</v>
      </c>
      <c r="H37601" s="8">
        <v>1</v>
      </c>
      <c r="I37601" s="8">
        <v>6479999</v>
      </c>
      <c r="J37601" s="8">
        <v>1</v>
      </c>
      <c r="K37601" s="9"/>
      <c r="L37601" s="6"/>
    </row>
    <row r="37602" spans="1:12">
      <c r="A37602" s="6" t="s">
        <v>37314</v>
      </c>
      <c r="B37602" s="6"/>
      <c r="C37602" s="6" t="s">
        <v>32230</v>
      </c>
      <c r="D37602" s="6"/>
      <c r="E37602" s="6" t="s">
        <v>25121</v>
      </c>
      <c r="F37602" s="7">
        <v>33664</v>
      </c>
      <c r="G37602" s="8">
        <v>6480000</v>
      </c>
      <c r="H37602" s="8">
        <v>90720</v>
      </c>
      <c r="I37602" s="8">
        <v>6479999</v>
      </c>
      <c r="J37602" s="8">
        <v>1</v>
      </c>
      <c r="K37602" s="9"/>
      <c r="L37602" s="6"/>
    </row>
    <row r="37603" spans="1:12">
      <c r="A37603" s="6" t="s">
        <v>37315</v>
      </c>
      <c r="B37603" s="6"/>
      <c r="C37603" s="6" t="s">
        <v>32230</v>
      </c>
      <c r="D37603" s="6"/>
      <c r="E37603" s="6" t="s">
        <v>25121</v>
      </c>
      <c r="F37603" s="7">
        <v>35125</v>
      </c>
      <c r="G37603" s="8">
        <v>6480000</v>
      </c>
      <c r="H37603" s="8">
        <v>972000</v>
      </c>
      <c r="I37603" s="8">
        <v>5728320</v>
      </c>
      <c r="J37603" s="8">
        <v>751680</v>
      </c>
      <c r="K37603" s="9"/>
      <c r="L37603" s="6"/>
    </row>
    <row r="37604" spans="1:12">
      <c r="A37604" s="6" t="s">
        <v>37316</v>
      </c>
      <c r="B37604" s="6"/>
      <c r="C37604" s="6" t="s">
        <v>32230</v>
      </c>
      <c r="D37604" s="6"/>
      <c r="E37604" s="6" t="s">
        <v>25121</v>
      </c>
      <c r="F37604" s="7">
        <v>35125</v>
      </c>
      <c r="G37604" s="8">
        <v>6480000</v>
      </c>
      <c r="H37604" s="8">
        <v>972000</v>
      </c>
      <c r="I37604" s="8">
        <v>5728320</v>
      </c>
      <c r="J37604" s="8">
        <v>751680</v>
      </c>
      <c r="K37604" s="9"/>
      <c r="L37604" s="6"/>
    </row>
    <row r="37605" spans="1:12">
      <c r="A37605" s="6" t="s">
        <v>37317</v>
      </c>
      <c r="B37605" s="6"/>
      <c r="C37605" s="6" t="s">
        <v>32230</v>
      </c>
      <c r="D37605" s="6"/>
      <c r="E37605" s="6" t="s">
        <v>25121</v>
      </c>
      <c r="F37605" s="7">
        <v>25689</v>
      </c>
      <c r="G37605" s="8">
        <v>6480000</v>
      </c>
      <c r="H37605" s="8">
        <v>1</v>
      </c>
      <c r="I37605" s="8">
        <v>6479999</v>
      </c>
      <c r="J37605" s="8">
        <v>1</v>
      </c>
      <c r="K37605" s="9"/>
      <c r="L37605" s="6"/>
    </row>
    <row r="37606" spans="1:12">
      <c r="A37606" s="6" t="s">
        <v>37318</v>
      </c>
      <c r="B37606" s="6"/>
      <c r="C37606" s="6" t="s">
        <v>32230</v>
      </c>
      <c r="D37606" s="6"/>
      <c r="E37606" s="6" t="s">
        <v>25121</v>
      </c>
      <c r="F37606" s="7">
        <v>26390</v>
      </c>
      <c r="G37606" s="8">
        <v>3240000</v>
      </c>
      <c r="H37606" s="8">
        <v>1</v>
      </c>
      <c r="I37606" s="8">
        <v>3239999</v>
      </c>
      <c r="J37606" s="8">
        <v>1</v>
      </c>
      <c r="K37606" s="9"/>
      <c r="L37606" s="6"/>
    </row>
    <row r="37607" spans="1:12">
      <c r="A37607" s="6" t="s">
        <v>37319</v>
      </c>
      <c r="B37607" s="6"/>
      <c r="C37607" s="6" t="s">
        <v>32230</v>
      </c>
      <c r="D37607" s="6"/>
      <c r="E37607" s="6" t="s">
        <v>25121</v>
      </c>
      <c r="F37607" s="7"/>
      <c r="G37607" s="8">
        <v>1</v>
      </c>
      <c r="H37607" s="8">
        <v>1</v>
      </c>
      <c r="I37607" s="8">
        <v>0</v>
      </c>
      <c r="J37607" s="8">
        <v>1</v>
      </c>
      <c r="K37607" s="9"/>
      <c r="L37607" s="6"/>
    </row>
    <row r="37608" spans="1:12">
      <c r="A37608" s="6" t="s">
        <v>37320</v>
      </c>
      <c r="B37608" s="6"/>
      <c r="C37608" s="6" t="s">
        <v>32230</v>
      </c>
      <c r="D37608" s="6"/>
      <c r="E37608" s="6" t="s">
        <v>25121</v>
      </c>
      <c r="F37608" s="7">
        <v>25538</v>
      </c>
      <c r="G37608" s="8">
        <v>6480000</v>
      </c>
      <c r="H37608" s="8">
        <v>1</v>
      </c>
      <c r="I37608" s="8">
        <v>6479999</v>
      </c>
      <c r="J37608" s="8">
        <v>1</v>
      </c>
      <c r="K37608" s="9"/>
      <c r="L37608" s="6"/>
    </row>
    <row r="37609" spans="1:12">
      <c r="A37609" s="6" t="s">
        <v>37321</v>
      </c>
      <c r="B37609" s="6"/>
      <c r="C37609" s="6" t="s">
        <v>32230</v>
      </c>
      <c r="D37609" s="6"/>
      <c r="E37609" s="6" t="s">
        <v>25121</v>
      </c>
      <c r="F37609" s="7">
        <v>25447</v>
      </c>
      <c r="G37609" s="8">
        <v>3240000</v>
      </c>
      <c r="H37609" s="8">
        <v>1</v>
      </c>
      <c r="I37609" s="8">
        <v>3239999</v>
      </c>
      <c r="J37609" s="8">
        <v>1</v>
      </c>
      <c r="K37609" s="9"/>
      <c r="L37609" s="6"/>
    </row>
    <row r="37610" spans="1:12">
      <c r="A37610" s="6" t="s">
        <v>37322</v>
      </c>
      <c r="B37610" s="6"/>
      <c r="C37610" s="6" t="s">
        <v>32230</v>
      </c>
      <c r="D37610" s="6"/>
      <c r="E37610" s="6" t="s">
        <v>25121</v>
      </c>
      <c r="F37610" s="7">
        <v>26390</v>
      </c>
      <c r="G37610" s="8">
        <v>3240000</v>
      </c>
      <c r="H37610" s="8">
        <v>1</v>
      </c>
      <c r="I37610" s="8">
        <v>3239999</v>
      </c>
      <c r="J37610" s="8">
        <v>1</v>
      </c>
      <c r="K37610" s="9"/>
      <c r="L37610" s="6"/>
    </row>
    <row r="37611" spans="1:12">
      <c r="A37611" s="6" t="s">
        <v>37323</v>
      </c>
      <c r="B37611" s="6"/>
      <c r="C37611" s="6" t="s">
        <v>32230</v>
      </c>
      <c r="D37611" s="6"/>
      <c r="E37611" s="6" t="s">
        <v>25121</v>
      </c>
      <c r="F37611" s="7">
        <v>30926</v>
      </c>
      <c r="G37611" s="8">
        <v>6480000</v>
      </c>
      <c r="H37611" s="8">
        <v>1</v>
      </c>
      <c r="I37611" s="8">
        <v>6479999</v>
      </c>
      <c r="J37611" s="8">
        <v>1</v>
      </c>
      <c r="K37611" s="9"/>
      <c r="L37611" s="6"/>
    </row>
    <row r="37612" spans="1:12">
      <c r="A37612" s="6" t="s">
        <v>37324</v>
      </c>
      <c r="B37612" s="6"/>
      <c r="C37612" s="6" t="s">
        <v>32230</v>
      </c>
      <c r="D37612" s="6"/>
      <c r="E37612" s="6" t="s">
        <v>25121</v>
      </c>
      <c r="F37612" s="7">
        <v>32752</v>
      </c>
      <c r="G37612" s="8">
        <v>6480000</v>
      </c>
      <c r="H37612" s="8">
        <v>1</v>
      </c>
      <c r="I37612" s="8">
        <v>6479999</v>
      </c>
      <c r="J37612" s="8">
        <v>1</v>
      </c>
      <c r="K37612" s="9"/>
      <c r="L37612" s="6"/>
    </row>
    <row r="37613" spans="1:12">
      <c r="A37613" s="6" t="s">
        <v>37325</v>
      </c>
      <c r="B37613" s="6"/>
      <c r="C37613" s="6" t="s">
        <v>32230</v>
      </c>
      <c r="D37613" s="6"/>
      <c r="E37613" s="6" t="s">
        <v>25121</v>
      </c>
      <c r="F37613" s="7">
        <v>34394</v>
      </c>
      <c r="G37613" s="8">
        <v>6480000</v>
      </c>
      <c r="H37613" s="8">
        <v>531360</v>
      </c>
      <c r="I37613" s="8">
        <v>6168960</v>
      </c>
      <c r="J37613" s="8">
        <v>311040</v>
      </c>
      <c r="K37613" s="9"/>
      <c r="L37613" s="6"/>
    </row>
    <row r="37614" spans="1:12">
      <c r="A37614" s="6" t="s">
        <v>37326</v>
      </c>
      <c r="B37614" s="6"/>
      <c r="C37614" s="6" t="s">
        <v>32230</v>
      </c>
      <c r="D37614" s="6"/>
      <c r="E37614" s="6" t="s">
        <v>25121</v>
      </c>
      <c r="F37614" s="7">
        <v>35125</v>
      </c>
      <c r="G37614" s="8">
        <v>6480000</v>
      </c>
      <c r="H37614" s="8">
        <v>972000</v>
      </c>
      <c r="I37614" s="8">
        <v>5728320</v>
      </c>
      <c r="J37614" s="8">
        <v>751680</v>
      </c>
      <c r="K37614" s="9"/>
      <c r="L37614" s="6"/>
    </row>
    <row r="37615" spans="1:12">
      <c r="A37615" s="6" t="s">
        <v>37327</v>
      </c>
      <c r="B37615" s="6"/>
      <c r="C37615" s="6" t="s">
        <v>32230</v>
      </c>
      <c r="D37615" s="6"/>
      <c r="E37615" s="6" t="s">
        <v>25121</v>
      </c>
      <c r="F37615" s="7">
        <v>36586</v>
      </c>
      <c r="G37615" s="8">
        <v>6480000</v>
      </c>
      <c r="H37615" s="8">
        <v>1853280</v>
      </c>
      <c r="I37615" s="8">
        <v>4847040</v>
      </c>
      <c r="J37615" s="8">
        <v>1632960</v>
      </c>
      <c r="K37615" s="9"/>
      <c r="L37615" s="6"/>
    </row>
    <row r="37616" spans="1:12">
      <c r="A37616" s="6" t="s">
        <v>37328</v>
      </c>
      <c r="B37616" s="6"/>
      <c r="C37616" s="6" t="s">
        <v>32230</v>
      </c>
      <c r="D37616" s="6"/>
      <c r="E37616" s="6" t="s">
        <v>25121</v>
      </c>
      <c r="F37616" s="7">
        <v>23224</v>
      </c>
      <c r="G37616" s="8">
        <v>3240000</v>
      </c>
      <c r="H37616" s="8">
        <v>1</v>
      </c>
      <c r="I37616" s="8">
        <v>3239999</v>
      </c>
      <c r="J37616" s="8">
        <v>1</v>
      </c>
      <c r="K37616" s="9"/>
      <c r="L37616" s="6"/>
    </row>
    <row r="37617" spans="1:12">
      <c r="A37617" s="6" t="s">
        <v>37329</v>
      </c>
      <c r="B37617" s="6"/>
      <c r="C37617" s="6" t="s">
        <v>32230</v>
      </c>
      <c r="D37617" s="6"/>
      <c r="E37617" s="6" t="s">
        <v>25121</v>
      </c>
      <c r="F37617" s="7">
        <v>26024</v>
      </c>
      <c r="G37617" s="8">
        <v>3240000</v>
      </c>
      <c r="H37617" s="8">
        <v>1</v>
      </c>
      <c r="I37617" s="8">
        <v>3239999</v>
      </c>
      <c r="J37617" s="8">
        <v>1</v>
      </c>
      <c r="K37617" s="9"/>
      <c r="L37617" s="6"/>
    </row>
    <row r="37618" spans="1:12">
      <c r="A37618" s="6" t="s">
        <v>37330</v>
      </c>
      <c r="B37618" s="6"/>
      <c r="C37618" s="6" t="s">
        <v>32230</v>
      </c>
      <c r="D37618" s="6"/>
      <c r="E37618" s="6" t="s">
        <v>25121</v>
      </c>
      <c r="F37618" s="7">
        <v>29952</v>
      </c>
      <c r="G37618" s="8">
        <v>6480000</v>
      </c>
      <c r="H37618" s="8">
        <v>1</v>
      </c>
      <c r="I37618" s="8">
        <v>6479999</v>
      </c>
      <c r="J37618" s="8">
        <v>1</v>
      </c>
      <c r="K37618" s="9"/>
      <c r="L37618" s="6"/>
    </row>
    <row r="37619" spans="1:12">
      <c r="A37619" s="6" t="s">
        <v>37331</v>
      </c>
      <c r="B37619" s="6"/>
      <c r="C37619" s="6" t="s">
        <v>32230</v>
      </c>
      <c r="D37619" s="6"/>
      <c r="E37619" s="6" t="s">
        <v>25121</v>
      </c>
      <c r="F37619" s="7">
        <v>26024</v>
      </c>
      <c r="G37619" s="8">
        <v>6480000</v>
      </c>
      <c r="H37619" s="8">
        <v>1</v>
      </c>
      <c r="I37619" s="8">
        <v>6479999</v>
      </c>
      <c r="J37619" s="8">
        <v>1</v>
      </c>
      <c r="K37619" s="9"/>
      <c r="L37619" s="6"/>
    </row>
    <row r="37620" spans="1:12">
      <c r="A37620" s="6" t="s">
        <v>37332</v>
      </c>
      <c r="B37620" s="6"/>
      <c r="C37620" s="6" t="s">
        <v>32230</v>
      </c>
      <c r="D37620" s="6"/>
      <c r="E37620" s="6" t="s">
        <v>25121</v>
      </c>
      <c r="F37620" s="7">
        <v>26024</v>
      </c>
      <c r="G37620" s="8">
        <v>4860000</v>
      </c>
      <c r="H37620" s="8">
        <v>1</v>
      </c>
      <c r="I37620" s="8">
        <v>4859999</v>
      </c>
      <c r="J37620" s="8">
        <v>1</v>
      </c>
      <c r="K37620" s="9"/>
      <c r="L37620" s="6"/>
    </row>
    <row r="37621" spans="1:12">
      <c r="A37621" s="6" t="s">
        <v>37333</v>
      </c>
      <c r="B37621" s="6"/>
      <c r="C37621" s="6" t="s">
        <v>32230</v>
      </c>
      <c r="D37621" s="6"/>
      <c r="E37621" s="6" t="s">
        <v>25121</v>
      </c>
      <c r="F37621" s="7">
        <v>25294</v>
      </c>
      <c r="G37621" s="8">
        <v>6480000</v>
      </c>
      <c r="H37621" s="8">
        <v>1</v>
      </c>
      <c r="I37621" s="8">
        <v>6479999</v>
      </c>
      <c r="J37621" s="8">
        <v>1</v>
      </c>
      <c r="K37621" s="9"/>
      <c r="L37621" s="6"/>
    </row>
    <row r="37622" spans="1:12">
      <c r="A37622" s="6" t="s">
        <v>37334</v>
      </c>
      <c r="B37622" s="6"/>
      <c r="C37622" s="6" t="s">
        <v>32230</v>
      </c>
      <c r="D37622" s="6"/>
      <c r="E37622" s="6" t="s">
        <v>25121</v>
      </c>
      <c r="F37622" s="7">
        <v>26024</v>
      </c>
      <c r="G37622" s="8">
        <v>3240000</v>
      </c>
      <c r="H37622" s="8">
        <v>1</v>
      </c>
      <c r="I37622" s="8">
        <v>3239999</v>
      </c>
      <c r="J37622" s="8">
        <v>1</v>
      </c>
      <c r="K37622" s="9"/>
      <c r="L37622" s="6"/>
    </row>
    <row r="37623" spans="1:12">
      <c r="A37623" s="6" t="s">
        <v>37335</v>
      </c>
      <c r="B37623" s="6"/>
      <c r="C37623" s="6" t="s">
        <v>32230</v>
      </c>
      <c r="D37623" s="6"/>
      <c r="E37623" s="6" t="s">
        <v>25121</v>
      </c>
      <c r="F37623" s="7">
        <v>30225</v>
      </c>
      <c r="G37623" s="8">
        <v>4860000</v>
      </c>
      <c r="H37623" s="8">
        <v>1</v>
      </c>
      <c r="I37623" s="8">
        <v>4859999</v>
      </c>
      <c r="J37623" s="8">
        <v>1</v>
      </c>
      <c r="K37623" s="9"/>
      <c r="L37623" s="6"/>
    </row>
    <row r="37624" spans="1:12">
      <c r="A37624" s="6" t="s">
        <v>37336</v>
      </c>
      <c r="B37624" s="6"/>
      <c r="C37624" s="6" t="s">
        <v>32230</v>
      </c>
      <c r="D37624" s="6"/>
      <c r="E37624" s="6" t="s">
        <v>25121</v>
      </c>
      <c r="F37624" s="7">
        <v>30225</v>
      </c>
      <c r="G37624" s="8">
        <v>3240000</v>
      </c>
      <c r="H37624" s="8">
        <v>1</v>
      </c>
      <c r="I37624" s="8">
        <v>3239999</v>
      </c>
      <c r="J37624" s="8">
        <v>1</v>
      </c>
      <c r="K37624" s="9"/>
      <c r="L37624" s="6"/>
    </row>
    <row r="37625" spans="1:12">
      <c r="A37625" s="6" t="s">
        <v>37337</v>
      </c>
      <c r="B37625" s="6"/>
      <c r="C37625" s="6" t="s">
        <v>32230</v>
      </c>
      <c r="D37625" s="6"/>
      <c r="E37625" s="6" t="s">
        <v>25121</v>
      </c>
      <c r="F37625" s="7">
        <v>35186</v>
      </c>
      <c r="G37625" s="8">
        <v>6480000</v>
      </c>
      <c r="H37625" s="8">
        <v>1192320</v>
      </c>
      <c r="I37625" s="8">
        <v>5508000</v>
      </c>
      <c r="J37625" s="8">
        <v>972000</v>
      </c>
      <c r="K37625" s="9"/>
      <c r="L37625" s="6"/>
    </row>
    <row r="37626" spans="1:12">
      <c r="A37626" s="6" t="s">
        <v>37338</v>
      </c>
      <c r="B37626" s="6"/>
      <c r="C37626" s="6" t="s">
        <v>32230</v>
      </c>
      <c r="D37626" s="6"/>
      <c r="E37626" s="6" t="s">
        <v>25121</v>
      </c>
      <c r="F37626" s="7">
        <v>30225</v>
      </c>
      <c r="G37626" s="8">
        <v>6480000</v>
      </c>
      <c r="H37626" s="8">
        <v>1</v>
      </c>
      <c r="I37626" s="8">
        <v>6479999</v>
      </c>
      <c r="J37626" s="8">
        <v>1</v>
      </c>
      <c r="K37626" s="9"/>
      <c r="L37626" s="6"/>
    </row>
    <row r="37627" spans="1:12">
      <c r="A37627" s="6" t="s">
        <v>37339</v>
      </c>
      <c r="B37627" s="6"/>
      <c r="C37627" s="6" t="s">
        <v>32230</v>
      </c>
      <c r="D37627" s="6"/>
      <c r="E37627" s="6" t="s">
        <v>25121</v>
      </c>
      <c r="F37627" s="7">
        <v>34731</v>
      </c>
      <c r="G37627" s="8">
        <v>6480000</v>
      </c>
      <c r="H37627" s="8">
        <v>751680</v>
      </c>
      <c r="I37627" s="8">
        <v>5948640</v>
      </c>
      <c r="J37627" s="8">
        <v>531360</v>
      </c>
      <c r="K37627" s="9"/>
      <c r="L37627" s="6"/>
    </row>
    <row r="37628" spans="1:12">
      <c r="A37628" s="6" t="s">
        <v>37340</v>
      </c>
      <c r="B37628" s="6"/>
      <c r="C37628" s="6" t="s">
        <v>32230</v>
      </c>
      <c r="D37628" s="6"/>
      <c r="E37628" s="6" t="s">
        <v>25121</v>
      </c>
      <c r="F37628" s="7"/>
      <c r="G37628" s="8">
        <v>1</v>
      </c>
      <c r="H37628" s="8">
        <v>1</v>
      </c>
      <c r="I37628" s="8">
        <v>0</v>
      </c>
      <c r="J37628" s="8">
        <v>1</v>
      </c>
      <c r="K37628" s="9"/>
      <c r="L37628" s="6"/>
    </row>
    <row r="37629" spans="1:12">
      <c r="A37629" s="6" t="s">
        <v>37341</v>
      </c>
      <c r="B37629" s="6"/>
      <c r="C37629" s="6" t="s">
        <v>32230</v>
      </c>
      <c r="D37629" s="6"/>
      <c r="E37629" s="6" t="s">
        <v>25121</v>
      </c>
      <c r="F37629" s="7">
        <v>29129</v>
      </c>
      <c r="G37629" s="8">
        <v>6480000</v>
      </c>
      <c r="H37629" s="8">
        <v>1</v>
      </c>
      <c r="I37629" s="8">
        <v>6479999</v>
      </c>
      <c r="J37629" s="8">
        <v>1</v>
      </c>
      <c r="K37629" s="9"/>
      <c r="L37629" s="6"/>
    </row>
    <row r="37630" spans="1:12">
      <c r="A37630" s="6" t="s">
        <v>37342</v>
      </c>
      <c r="B37630" s="6"/>
      <c r="C37630" s="6" t="s">
        <v>32230</v>
      </c>
      <c r="D37630" s="6"/>
      <c r="E37630" s="6" t="s">
        <v>25121</v>
      </c>
      <c r="F37630" s="7">
        <v>26390</v>
      </c>
      <c r="G37630" s="8">
        <v>6480000</v>
      </c>
      <c r="H37630" s="8">
        <v>1</v>
      </c>
      <c r="I37630" s="8">
        <v>6479999</v>
      </c>
      <c r="J37630" s="8">
        <v>1</v>
      </c>
      <c r="K37630" s="9"/>
      <c r="L37630" s="6"/>
    </row>
    <row r="37631" spans="1:12">
      <c r="A37631" s="6" t="s">
        <v>37343</v>
      </c>
      <c r="B37631" s="6"/>
      <c r="C37631" s="6" t="s">
        <v>32230</v>
      </c>
      <c r="D37631" s="6"/>
      <c r="E37631" s="6" t="s">
        <v>25121</v>
      </c>
      <c r="F37631" s="7">
        <v>33147</v>
      </c>
      <c r="G37631" s="8">
        <v>6480000</v>
      </c>
      <c r="H37631" s="8">
        <v>1</v>
      </c>
      <c r="I37631" s="8">
        <v>6479999</v>
      </c>
      <c r="J37631" s="8">
        <v>1</v>
      </c>
      <c r="K37631" s="9"/>
      <c r="L37631" s="6"/>
    </row>
    <row r="37632" spans="1:12">
      <c r="A37632" s="6" t="s">
        <v>37344</v>
      </c>
      <c r="B37632" s="6"/>
      <c r="C37632" s="6" t="s">
        <v>32230</v>
      </c>
      <c r="D37632" s="6"/>
      <c r="E37632" s="6" t="s">
        <v>25121</v>
      </c>
      <c r="F37632" s="7">
        <v>38322</v>
      </c>
      <c r="G37632" s="8">
        <v>6480000</v>
      </c>
      <c r="H37632" s="8">
        <v>2954880</v>
      </c>
      <c r="I37632" s="8">
        <v>3745440</v>
      </c>
      <c r="J37632" s="8">
        <v>2734560</v>
      </c>
      <c r="K37632" s="9"/>
      <c r="L37632" s="6"/>
    </row>
    <row r="37633" spans="1:12">
      <c r="A37633" s="6" t="s">
        <v>37345</v>
      </c>
      <c r="B37633" s="6"/>
      <c r="C37633" s="6" t="s">
        <v>32230</v>
      </c>
      <c r="D37633" s="6"/>
      <c r="E37633" s="6" t="s">
        <v>25121</v>
      </c>
      <c r="F37633" s="7">
        <v>27334</v>
      </c>
      <c r="G37633" s="8">
        <v>6480000</v>
      </c>
      <c r="H37633" s="8">
        <v>1</v>
      </c>
      <c r="I37633" s="8">
        <v>6479999</v>
      </c>
      <c r="J37633" s="8">
        <v>1</v>
      </c>
      <c r="K37633" s="9"/>
      <c r="L37633" s="6"/>
    </row>
    <row r="37634" spans="1:12">
      <c r="A37634" s="6" t="s">
        <v>37346</v>
      </c>
      <c r="B37634" s="6"/>
      <c r="C37634" s="6" t="s">
        <v>32230</v>
      </c>
      <c r="D37634" s="6"/>
      <c r="E37634" s="6" t="s">
        <v>25121</v>
      </c>
      <c r="F37634" s="7">
        <v>21276</v>
      </c>
      <c r="G37634" s="8">
        <v>3240000</v>
      </c>
      <c r="H37634" s="8">
        <v>1</v>
      </c>
      <c r="I37634" s="8">
        <v>3239999</v>
      </c>
      <c r="J37634" s="8">
        <v>1</v>
      </c>
      <c r="K37634" s="9"/>
      <c r="L37634" s="6"/>
    </row>
    <row r="37635" spans="1:12">
      <c r="A37635" s="6" t="s">
        <v>37347</v>
      </c>
      <c r="B37635" s="6"/>
      <c r="C37635" s="6" t="s">
        <v>32230</v>
      </c>
      <c r="D37635" s="6"/>
      <c r="E37635" s="6" t="s">
        <v>25121</v>
      </c>
      <c r="F37635" s="7">
        <v>27851</v>
      </c>
      <c r="G37635" s="8">
        <v>6480000</v>
      </c>
      <c r="H37635" s="8">
        <v>1</v>
      </c>
      <c r="I37635" s="8">
        <v>6479999</v>
      </c>
      <c r="J37635" s="8">
        <v>1</v>
      </c>
      <c r="K37635" s="9"/>
      <c r="L37635" s="6"/>
    </row>
    <row r="37636" spans="1:12">
      <c r="A37636" s="6" t="s">
        <v>37348</v>
      </c>
      <c r="B37636" s="6"/>
      <c r="C37636" s="6" t="s">
        <v>32230</v>
      </c>
      <c r="D37636" s="6"/>
      <c r="E37636" s="6" t="s">
        <v>25121</v>
      </c>
      <c r="F37636" s="7">
        <v>27791</v>
      </c>
      <c r="G37636" s="8">
        <v>6480000</v>
      </c>
      <c r="H37636" s="8">
        <v>1</v>
      </c>
      <c r="I37636" s="8">
        <v>6479999</v>
      </c>
      <c r="J37636" s="8">
        <v>1</v>
      </c>
      <c r="K37636" s="9"/>
      <c r="L37636" s="6"/>
    </row>
    <row r="37637" spans="1:12">
      <c r="A37637" s="6" t="s">
        <v>37349</v>
      </c>
      <c r="B37637" s="6"/>
      <c r="C37637" s="6" t="s">
        <v>32230</v>
      </c>
      <c r="D37637" s="6"/>
      <c r="E37637" s="6" t="s">
        <v>25121</v>
      </c>
      <c r="F37637" s="7">
        <v>28550</v>
      </c>
      <c r="G37637" s="8">
        <v>6480000</v>
      </c>
      <c r="H37637" s="8">
        <v>1</v>
      </c>
      <c r="I37637" s="8">
        <v>6479999</v>
      </c>
      <c r="J37637" s="8">
        <v>1</v>
      </c>
      <c r="K37637" s="9"/>
      <c r="L37637" s="6"/>
    </row>
    <row r="37638" spans="1:12">
      <c r="A37638" s="6" t="s">
        <v>37350</v>
      </c>
      <c r="B37638" s="6"/>
      <c r="C37638" s="6" t="s">
        <v>32230</v>
      </c>
      <c r="D37638" s="6"/>
      <c r="E37638" s="6" t="s">
        <v>25121</v>
      </c>
      <c r="F37638" s="7">
        <v>21276</v>
      </c>
      <c r="G37638" s="8">
        <v>3240000</v>
      </c>
      <c r="H37638" s="8">
        <v>1</v>
      </c>
      <c r="I37638" s="8">
        <v>3239999</v>
      </c>
      <c r="J37638" s="8">
        <v>1</v>
      </c>
      <c r="K37638" s="9"/>
      <c r="L37638" s="6"/>
    </row>
    <row r="37639" spans="1:12">
      <c r="A37639" s="6" t="s">
        <v>37351</v>
      </c>
      <c r="B37639" s="6"/>
      <c r="C37639" s="6" t="s">
        <v>32230</v>
      </c>
      <c r="D37639" s="6"/>
      <c r="E37639" s="6" t="s">
        <v>25121</v>
      </c>
      <c r="F37639" s="7">
        <v>30742</v>
      </c>
      <c r="G37639" s="8">
        <v>6480000</v>
      </c>
      <c r="H37639" s="8">
        <v>1</v>
      </c>
      <c r="I37639" s="8">
        <v>6479999</v>
      </c>
      <c r="J37639" s="8">
        <v>1</v>
      </c>
      <c r="K37639" s="9"/>
      <c r="L37639" s="6"/>
    </row>
    <row r="37640" spans="1:12">
      <c r="A37640" s="6" t="s">
        <v>37352</v>
      </c>
      <c r="B37640" s="6"/>
      <c r="C37640" s="6" t="s">
        <v>32230</v>
      </c>
      <c r="D37640" s="6"/>
      <c r="E37640" s="6" t="s">
        <v>25121</v>
      </c>
      <c r="F37640" s="7">
        <v>35886</v>
      </c>
      <c r="G37640" s="8">
        <v>6480000</v>
      </c>
      <c r="H37640" s="8">
        <v>1632960</v>
      </c>
      <c r="I37640" s="8">
        <v>5067360</v>
      </c>
      <c r="J37640" s="8">
        <v>1412640</v>
      </c>
      <c r="K37640" s="9"/>
      <c r="L37640" s="6"/>
    </row>
    <row r="37641" spans="1:12">
      <c r="A37641" s="6" t="s">
        <v>37353</v>
      </c>
      <c r="B37641" s="6"/>
      <c r="C37641" s="6" t="s">
        <v>32230</v>
      </c>
      <c r="D37641" s="6"/>
      <c r="E37641" s="6" t="s">
        <v>25121</v>
      </c>
      <c r="F37641" s="7"/>
      <c r="G37641" s="8">
        <v>1</v>
      </c>
      <c r="H37641" s="8">
        <v>1</v>
      </c>
      <c r="I37641" s="8">
        <v>0</v>
      </c>
      <c r="J37641" s="8">
        <v>1</v>
      </c>
      <c r="K37641" s="9"/>
      <c r="L37641" s="6"/>
    </row>
    <row r="37642" spans="1:12">
      <c r="A37642" s="6" t="s">
        <v>37354</v>
      </c>
      <c r="B37642" s="6"/>
      <c r="C37642" s="6" t="s">
        <v>32230</v>
      </c>
      <c r="D37642" s="6"/>
      <c r="E37642" s="6" t="s">
        <v>25121</v>
      </c>
      <c r="F37642" s="7">
        <v>40952</v>
      </c>
      <c r="G37642" s="8">
        <v>8410500</v>
      </c>
      <c r="H37642" s="8">
        <v>5836887</v>
      </c>
      <c r="I37642" s="8">
        <v>2859570</v>
      </c>
      <c r="J37642" s="8">
        <v>5550930</v>
      </c>
      <c r="K37642" s="9"/>
      <c r="L37642" s="6"/>
    </row>
    <row r="37643" spans="1:12">
      <c r="A37643" s="6" t="s">
        <v>37355</v>
      </c>
      <c r="B37643" s="6"/>
      <c r="C37643" s="6" t="s">
        <v>32230</v>
      </c>
      <c r="D37643" s="6"/>
      <c r="E37643" s="6" t="s">
        <v>25121</v>
      </c>
      <c r="F37643" s="7">
        <v>29129</v>
      </c>
      <c r="G37643" s="8">
        <v>6480000</v>
      </c>
      <c r="H37643" s="8">
        <v>1</v>
      </c>
      <c r="I37643" s="8">
        <v>6479999</v>
      </c>
      <c r="J37643" s="8">
        <v>1</v>
      </c>
      <c r="K37643" s="9"/>
      <c r="L37643" s="6"/>
    </row>
    <row r="37644" spans="1:12">
      <c r="A37644" s="6" t="s">
        <v>37356</v>
      </c>
      <c r="B37644" s="6"/>
      <c r="C37644" s="6" t="s">
        <v>32230</v>
      </c>
      <c r="D37644" s="6"/>
      <c r="E37644" s="6" t="s">
        <v>25121</v>
      </c>
      <c r="F37644" s="7">
        <v>27334</v>
      </c>
      <c r="G37644" s="8">
        <v>6480000</v>
      </c>
      <c r="H37644" s="8">
        <v>1</v>
      </c>
      <c r="I37644" s="8">
        <v>6479999</v>
      </c>
      <c r="J37644" s="8">
        <v>1</v>
      </c>
      <c r="K37644" s="9"/>
      <c r="L37644" s="6"/>
    </row>
    <row r="37645" spans="1:12">
      <c r="A37645" s="6" t="s">
        <v>37357</v>
      </c>
      <c r="B37645" s="6"/>
      <c r="C37645" s="6" t="s">
        <v>32230</v>
      </c>
      <c r="D37645" s="6"/>
      <c r="E37645" s="6" t="s">
        <v>25121</v>
      </c>
      <c r="F37645" s="7">
        <v>31656</v>
      </c>
      <c r="G37645" s="8">
        <v>6480000</v>
      </c>
      <c r="H37645" s="8">
        <v>1</v>
      </c>
      <c r="I37645" s="8">
        <v>6479999</v>
      </c>
      <c r="J37645" s="8">
        <v>1</v>
      </c>
      <c r="K37645" s="9"/>
      <c r="L37645" s="6"/>
    </row>
    <row r="37646" spans="1:12">
      <c r="A37646" s="6" t="s">
        <v>37358</v>
      </c>
      <c r="B37646" s="6"/>
      <c r="C37646" s="6" t="s">
        <v>32230</v>
      </c>
      <c r="D37646" s="6"/>
      <c r="E37646" s="6" t="s">
        <v>25121</v>
      </c>
      <c r="F37646" s="7">
        <v>26359</v>
      </c>
      <c r="G37646" s="8">
        <v>3240000</v>
      </c>
      <c r="H37646" s="8">
        <v>1</v>
      </c>
      <c r="I37646" s="8">
        <v>3239999</v>
      </c>
      <c r="J37646" s="8">
        <v>1</v>
      </c>
      <c r="K37646" s="9"/>
      <c r="L37646" s="6"/>
    </row>
    <row r="37647" spans="1:12">
      <c r="A37647" s="6" t="s">
        <v>37359</v>
      </c>
      <c r="B37647" s="6"/>
      <c r="C37647" s="6" t="s">
        <v>32230</v>
      </c>
      <c r="D37647" s="6"/>
      <c r="E37647" s="6" t="s">
        <v>25121</v>
      </c>
      <c r="F37647" s="7">
        <v>26359</v>
      </c>
      <c r="G37647" s="8">
        <v>3240000</v>
      </c>
      <c r="H37647" s="8">
        <v>1</v>
      </c>
      <c r="I37647" s="8">
        <v>3239999</v>
      </c>
      <c r="J37647" s="8">
        <v>1</v>
      </c>
      <c r="K37647" s="9"/>
      <c r="L37647" s="6"/>
    </row>
    <row r="37648" spans="1:12">
      <c r="A37648" s="6" t="s">
        <v>37360</v>
      </c>
      <c r="B37648" s="6"/>
      <c r="C37648" s="6" t="s">
        <v>32230</v>
      </c>
      <c r="D37648" s="6"/>
      <c r="E37648" s="6" t="s">
        <v>25121</v>
      </c>
      <c r="F37648" s="7">
        <v>26969</v>
      </c>
      <c r="G37648" s="8">
        <v>6480000</v>
      </c>
      <c r="H37648" s="8">
        <v>1</v>
      </c>
      <c r="I37648" s="8">
        <v>6479999</v>
      </c>
      <c r="J37648" s="8">
        <v>1</v>
      </c>
      <c r="K37648" s="9"/>
      <c r="L37648" s="6"/>
    </row>
    <row r="37649" spans="1:12">
      <c r="A37649" s="6" t="s">
        <v>37361</v>
      </c>
      <c r="B37649" s="6"/>
      <c r="C37649" s="6" t="s">
        <v>32230</v>
      </c>
      <c r="D37649" s="6"/>
      <c r="E37649" s="6" t="s">
        <v>25121</v>
      </c>
      <c r="F37649" s="7">
        <v>34912</v>
      </c>
      <c r="G37649" s="8">
        <v>3240000</v>
      </c>
      <c r="H37649" s="8">
        <v>486000</v>
      </c>
      <c r="I37649" s="8">
        <v>2864160</v>
      </c>
      <c r="J37649" s="8">
        <v>375840</v>
      </c>
      <c r="K37649" s="9"/>
      <c r="L37649" s="6"/>
    </row>
    <row r="37650" spans="1:12">
      <c r="A37650" s="6" t="s">
        <v>37362</v>
      </c>
      <c r="B37650" s="6"/>
      <c r="C37650" s="6" t="s">
        <v>32230</v>
      </c>
      <c r="D37650" s="6"/>
      <c r="E37650" s="6" t="s">
        <v>25121</v>
      </c>
      <c r="F37650" s="7">
        <v>26299</v>
      </c>
      <c r="G37650" s="8">
        <v>6480000</v>
      </c>
      <c r="H37650" s="8">
        <v>1</v>
      </c>
      <c r="I37650" s="8">
        <v>6479999</v>
      </c>
      <c r="J37650" s="8">
        <v>1</v>
      </c>
      <c r="K37650" s="9"/>
      <c r="L37650" s="6"/>
    </row>
    <row r="37651" spans="1:12">
      <c r="A37651" s="6" t="s">
        <v>37363</v>
      </c>
      <c r="B37651" s="6"/>
      <c r="C37651" s="6" t="s">
        <v>32230</v>
      </c>
      <c r="D37651" s="6"/>
      <c r="E37651" s="6" t="s">
        <v>25121</v>
      </c>
      <c r="F37651" s="7">
        <v>26299</v>
      </c>
      <c r="G37651" s="8">
        <v>6480000</v>
      </c>
      <c r="H37651" s="8">
        <v>1</v>
      </c>
      <c r="I37651" s="8">
        <v>6479999</v>
      </c>
      <c r="J37651" s="8">
        <v>1</v>
      </c>
      <c r="K37651" s="9"/>
      <c r="L37651" s="6"/>
    </row>
    <row r="37652" spans="1:12">
      <c r="A37652" s="6" t="s">
        <v>37364</v>
      </c>
      <c r="B37652" s="6"/>
      <c r="C37652" s="6" t="s">
        <v>32230</v>
      </c>
      <c r="D37652" s="6"/>
      <c r="E37652" s="6" t="s">
        <v>25121</v>
      </c>
      <c r="F37652" s="7">
        <v>31990</v>
      </c>
      <c r="G37652" s="8">
        <v>6480000</v>
      </c>
      <c r="H37652" s="8">
        <v>1</v>
      </c>
      <c r="I37652" s="8">
        <v>6479999</v>
      </c>
      <c r="J37652" s="8">
        <v>1</v>
      </c>
      <c r="K37652" s="9"/>
      <c r="L37652" s="6"/>
    </row>
    <row r="37653" spans="1:12">
      <c r="A37653" s="6" t="s">
        <v>37365</v>
      </c>
      <c r="B37653" s="6"/>
      <c r="C37653" s="6" t="s">
        <v>32230</v>
      </c>
      <c r="D37653" s="6"/>
      <c r="E37653" s="6" t="s">
        <v>9</v>
      </c>
      <c r="F37653" s="7">
        <v>43555</v>
      </c>
      <c r="G37653" s="8">
        <v>554904</v>
      </c>
      <c r="H37653" s="8">
        <v>499414</v>
      </c>
      <c r="I37653" s="8">
        <v>83235</v>
      </c>
      <c r="J37653" s="8">
        <v>471669</v>
      </c>
      <c r="K37653" s="9"/>
      <c r="L37653" s="6"/>
    </row>
    <row r="37654" spans="1:12">
      <c r="A37654" s="6" t="s">
        <v>37366</v>
      </c>
      <c r="B37654" s="6"/>
      <c r="C37654" s="6" t="s">
        <v>32230</v>
      </c>
      <c r="D37654" s="6"/>
      <c r="E37654" s="6" t="s">
        <v>25121</v>
      </c>
      <c r="F37654" s="7">
        <v>38626</v>
      </c>
      <c r="G37654" s="8">
        <v>6480000</v>
      </c>
      <c r="H37654" s="8">
        <v>3175200</v>
      </c>
      <c r="I37654" s="8">
        <v>3525120</v>
      </c>
      <c r="J37654" s="8">
        <v>2954880</v>
      </c>
      <c r="K37654" s="9"/>
      <c r="L37654" s="6"/>
    </row>
    <row r="37655" spans="1:12">
      <c r="A37655" s="6" t="s">
        <v>37367</v>
      </c>
      <c r="B37655" s="6"/>
      <c r="C37655" s="6" t="s">
        <v>32230</v>
      </c>
      <c r="D37655" s="6"/>
      <c r="E37655" s="6" t="s">
        <v>25121</v>
      </c>
      <c r="F37655" s="7">
        <v>27851</v>
      </c>
      <c r="G37655" s="8">
        <v>6480000</v>
      </c>
      <c r="H37655" s="8">
        <v>1</v>
      </c>
      <c r="I37655" s="8">
        <v>6479999</v>
      </c>
      <c r="J37655" s="8">
        <v>1</v>
      </c>
      <c r="K37655" s="9"/>
      <c r="L37655" s="6"/>
    </row>
    <row r="37656" spans="1:12">
      <c r="A37656" s="6" t="s">
        <v>37368</v>
      </c>
      <c r="B37656" s="6"/>
      <c r="C37656" s="6" t="s">
        <v>32230</v>
      </c>
      <c r="D37656" s="6"/>
      <c r="E37656" s="6" t="s">
        <v>25121</v>
      </c>
      <c r="F37656" s="7">
        <v>26816</v>
      </c>
      <c r="G37656" s="8">
        <v>6480000</v>
      </c>
      <c r="H37656" s="8">
        <v>1</v>
      </c>
      <c r="I37656" s="8">
        <v>6479999</v>
      </c>
      <c r="J37656" s="8">
        <v>1</v>
      </c>
      <c r="K37656" s="9"/>
      <c r="L37656" s="6"/>
    </row>
    <row r="37657" spans="1:12">
      <c r="A37657" s="6" t="s">
        <v>37369</v>
      </c>
      <c r="B37657" s="6"/>
      <c r="C37657" s="6" t="s">
        <v>32230</v>
      </c>
      <c r="D37657" s="6"/>
      <c r="E37657" s="6" t="s">
        <v>25121</v>
      </c>
      <c r="F37657" s="7"/>
      <c r="G37657" s="8">
        <v>1</v>
      </c>
      <c r="H37657" s="8">
        <v>1</v>
      </c>
      <c r="I37657" s="8">
        <v>0</v>
      </c>
      <c r="J37657" s="8">
        <v>1</v>
      </c>
      <c r="K37657" s="9"/>
      <c r="L37657" s="6"/>
    </row>
    <row r="37658" spans="1:12">
      <c r="A37658" s="6" t="s">
        <v>37370</v>
      </c>
      <c r="B37658" s="6"/>
      <c r="C37658" s="6" t="s">
        <v>32230</v>
      </c>
      <c r="D37658" s="6"/>
      <c r="E37658" s="6" t="s">
        <v>25121</v>
      </c>
      <c r="F37658" s="7">
        <v>29556</v>
      </c>
      <c r="G37658" s="8">
        <v>6480000</v>
      </c>
      <c r="H37658" s="8">
        <v>1</v>
      </c>
      <c r="I37658" s="8">
        <v>6479999</v>
      </c>
      <c r="J37658" s="8">
        <v>1</v>
      </c>
      <c r="K37658" s="9"/>
      <c r="L37658" s="6"/>
    </row>
    <row r="37659" spans="1:12">
      <c r="A37659" s="6" t="s">
        <v>37371</v>
      </c>
      <c r="B37659" s="6"/>
      <c r="C37659" s="6" t="s">
        <v>32230</v>
      </c>
      <c r="D37659" s="6"/>
      <c r="E37659" s="6" t="s">
        <v>25121</v>
      </c>
      <c r="F37659" s="7">
        <v>34912</v>
      </c>
      <c r="G37659" s="8">
        <v>6480000</v>
      </c>
      <c r="H37659" s="8">
        <v>972000</v>
      </c>
      <c r="I37659" s="8">
        <v>5728320</v>
      </c>
      <c r="J37659" s="8">
        <v>751680</v>
      </c>
      <c r="K37659" s="9"/>
      <c r="L37659" s="6"/>
    </row>
    <row r="37660" spans="1:12">
      <c r="A37660" s="6" t="s">
        <v>37372</v>
      </c>
      <c r="B37660" s="6"/>
      <c r="C37660" s="6" t="s">
        <v>32230</v>
      </c>
      <c r="D37660" s="6"/>
      <c r="E37660" s="6" t="s">
        <v>25121</v>
      </c>
      <c r="F37660" s="7">
        <v>26573</v>
      </c>
      <c r="G37660" s="8">
        <v>6480000</v>
      </c>
      <c r="H37660" s="8">
        <v>1</v>
      </c>
      <c r="I37660" s="8">
        <v>6479999</v>
      </c>
      <c r="J37660" s="8">
        <v>1</v>
      </c>
      <c r="K37660" s="9"/>
      <c r="L37660" s="6"/>
    </row>
    <row r="37661" spans="1:12">
      <c r="A37661" s="6" t="s">
        <v>37373</v>
      </c>
      <c r="B37661" s="6"/>
      <c r="C37661" s="6" t="s">
        <v>32230</v>
      </c>
      <c r="D37661" s="6"/>
      <c r="E37661" s="6" t="s">
        <v>25121</v>
      </c>
      <c r="F37661" s="7">
        <v>26390</v>
      </c>
      <c r="G37661" s="8">
        <v>4860000</v>
      </c>
      <c r="H37661" s="8">
        <v>1</v>
      </c>
      <c r="I37661" s="8">
        <v>4859999</v>
      </c>
      <c r="J37661" s="8">
        <v>1</v>
      </c>
      <c r="K37661" s="9"/>
      <c r="L37661" s="6"/>
    </row>
    <row r="37662" spans="1:12">
      <c r="A37662" s="6" t="s">
        <v>37374</v>
      </c>
      <c r="B37662" s="6"/>
      <c r="C37662" s="6" t="s">
        <v>32230</v>
      </c>
      <c r="D37662" s="6"/>
      <c r="E37662" s="6" t="s">
        <v>25121</v>
      </c>
      <c r="F37662" s="7">
        <v>31291</v>
      </c>
      <c r="G37662" s="8">
        <v>6480000</v>
      </c>
      <c r="H37662" s="8">
        <v>1</v>
      </c>
      <c r="I37662" s="8">
        <v>6479999</v>
      </c>
      <c r="J37662" s="8">
        <v>1</v>
      </c>
      <c r="K37662" s="9"/>
      <c r="L37662" s="6"/>
    </row>
    <row r="37663" spans="1:12">
      <c r="A37663" s="6" t="s">
        <v>37375</v>
      </c>
      <c r="B37663" s="6"/>
      <c r="C37663" s="6" t="s">
        <v>32230</v>
      </c>
      <c r="D37663" s="6"/>
      <c r="E37663" s="6" t="s">
        <v>25121</v>
      </c>
      <c r="F37663" s="7">
        <v>33970</v>
      </c>
      <c r="G37663" s="8">
        <v>6480000</v>
      </c>
      <c r="H37663" s="8">
        <v>311040</v>
      </c>
      <c r="I37663" s="8">
        <v>6389280</v>
      </c>
      <c r="J37663" s="8">
        <v>90720</v>
      </c>
      <c r="K37663" s="9"/>
      <c r="L37663" s="6"/>
    </row>
    <row r="37664" spans="1:12">
      <c r="A37664" s="6" t="s">
        <v>37376</v>
      </c>
      <c r="B37664" s="6"/>
      <c r="C37664" s="6" t="s">
        <v>32230</v>
      </c>
      <c r="D37664" s="6"/>
      <c r="E37664" s="6" t="s">
        <v>25121</v>
      </c>
      <c r="F37664" s="7">
        <v>35125</v>
      </c>
      <c r="G37664" s="8">
        <v>6480000</v>
      </c>
      <c r="H37664" s="8">
        <v>972000</v>
      </c>
      <c r="I37664" s="8">
        <v>5728320</v>
      </c>
      <c r="J37664" s="8">
        <v>751680</v>
      </c>
      <c r="K37664" s="9"/>
      <c r="L37664" s="6"/>
    </row>
    <row r="37665" spans="1:12">
      <c r="A37665" s="6" t="s">
        <v>37377</v>
      </c>
      <c r="B37665" s="6"/>
      <c r="C37665" s="6" t="s">
        <v>32230</v>
      </c>
      <c r="D37665" s="6"/>
      <c r="E37665" s="6" t="s">
        <v>25121</v>
      </c>
      <c r="F37665" s="7">
        <v>28430</v>
      </c>
      <c r="G37665" s="8">
        <v>6480000</v>
      </c>
      <c r="H37665" s="8">
        <v>1</v>
      </c>
      <c r="I37665" s="8">
        <v>6479999</v>
      </c>
      <c r="J37665" s="8">
        <v>1</v>
      </c>
      <c r="K37665" s="9"/>
      <c r="L37665" s="6"/>
    </row>
    <row r="37666" spans="1:12">
      <c r="A37666" s="6" t="s">
        <v>37378</v>
      </c>
      <c r="B37666" s="6"/>
      <c r="C37666" s="6" t="s">
        <v>32230</v>
      </c>
      <c r="D37666" s="6"/>
      <c r="E37666" s="6" t="s">
        <v>25121</v>
      </c>
      <c r="F37666" s="7">
        <v>22372</v>
      </c>
      <c r="G37666" s="8">
        <v>3240000</v>
      </c>
      <c r="H37666" s="8">
        <v>1</v>
      </c>
      <c r="I37666" s="8">
        <v>3239999</v>
      </c>
      <c r="J37666" s="8">
        <v>1</v>
      </c>
      <c r="K37666" s="9"/>
      <c r="L37666" s="6"/>
    </row>
    <row r="37667" spans="1:12">
      <c r="A37667" s="6" t="s">
        <v>37379</v>
      </c>
      <c r="B37667" s="6"/>
      <c r="C37667" s="6" t="s">
        <v>32230</v>
      </c>
      <c r="D37667" s="6"/>
      <c r="E37667" s="6" t="s">
        <v>25121</v>
      </c>
      <c r="F37667" s="7">
        <v>35125</v>
      </c>
      <c r="G37667" s="8">
        <v>6480000</v>
      </c>
      <c r="H37667" s="8">
        <v>972000</v>
      </c>
      <c r="I37667" s="8">
        <v>5728320</v>
      </c>
      <c r="J37667" s="8">
        <v>751680</v>
      </c>
      <c r="K37667" s="9"/>
      <c r="L37667" s="6"/>
    </row>
    <row r="37668" spans="1:12">
      <c r="A37668" s="6" t="s">
        <v>37380</v>
      </c>
      <c r="B37668" s="6"/>
      <c r="C37668" s="6" t="s">
        <v>32230</v>
      </c>
      <c r="D37668" s="6"/>
      <c r="E37668" s="6" t="s">
        <v>25121</v>
      </c>
      <c r="F37668" s="7">
        <v>33239</v>
      </c>
      <c r="G37668" s="8">
        <v>6480000</v>
      </c>
      <c r="H37668" s="8">
        <v>1</v>
      </c>
      <c r="I37668" s="8">
        <v>6479999</v>
      </c>
      <c r="J37668" s="8">
        <v>1</v>
      </c>
      <c r="K37668" s="9"/>
      <c r="L37668" s="6"/>
    </row>
    <row r="37669" spans="1:12">
      <c r="A37669" s="6" t="s">
        <v>37381</v>
      </c>
      <c r="B37669" s="6"/>
      <c r="C37669" s="6" t="s">
        <v>32230</v>
      </c>
      <c r="D37669" s="6"/>
      <c r="E37669" s="6" t="s">
        <v>25121</v>
      </c>
      <c r="F37669" s="7">
        <v>35521</v>
      </c>
      <c r="G37669" s="8">
        <v>6480000</v>
      </c>
      <c r="H37669" s="8">
        <v>1412640</v>
      </c>
      <c r="I37669" s="8">
        <v>5287680</v>
      </c>
      <c r="J37669" s="8">
        <v>1192320</v>
      </c>
      <c r="K37669" s="9"/>
      <c r="L37669" s="6"/>
    </row>
    <row r="37670" spans="1:12">
      <c r="A37670" s="6" t="s">
        <v>37382</v>
      </c>
      <c r="B37670" s="6"/>
      <c r="C37670" s="6" t="s">
        <v>32230</v>
      </c>
      <c r="D37670" s="6"/>
      <c r="E37670" s="6" t="s">
        <v>25121</v>
      </c>
      <c r="F37670" s="7"/>
      <c r="G37670" s="8">
        <v>1</v>
      </c>
      <c r="H37670" s="8">
        <v>1</v>
      </c>
      <c r="I37670" s="8">
        <v>0</v>
      </c>
      <c r="J37670" s="8">
        <v>1</v>
      </c>
      <c r="K37670" s="9"/>
      <c r="L37670" s="6"/>
    </row>
    <row r="37671" spans="1:12">
      <c r="A37671" s="6" t="s">
        <v>37383</v>
      </c>
      <c r="B37671" s="6"/>
      <c r="C37671" s="6" t="s">
        <v>32230</v>
      </c>
      <c r="D37671" s="6"/>
      <c r="E37671" s="6" t="s">
        <v>25121</v>
      </c>
      <c r="F37671" s="7"/>
      <c r="G37671" s="8">
        <v>1</v>
      </c>
      <c r="H37671" s="8">
        <v>1</v>
      </c>
      <c r="I37671" s="8">
        <v>0</v>
      </c>
      <c r="J37671" s="8">
        <v>1</v>
      </c>
      <c r="K37671" s="9"/>
      <c r="L37671" s="6"/>
    </row>
    <row r="37672" spans="1:12">
      <c r="A37672" s="6" t="s">
        <v>37384</v>
      </c>
      <c r="B37672" s="6"/>
      <c r="C37672" s="6" t="s">
        <v>32230</v>
      </c>
      <c r="D37672" s="6"/>
      <c r="E37672" s="6" t="s">
        <v>25121</v>
      </c>
      <c r="F37672" s="7">
        <v>29560</v>
      </c>
      <c r="G37672" s="8">
        <v>6480000</v>
      </c>
      <c r="H37672" s="8">
        <v>1</v>
      </c>
      <c r="I37672" s="8">
        <v>6479999</v>
      </c>
      <c r="J37672" s="8">
        <v>1</v>
      </c>
      <c r="K37672" s="9"/>
      <c r="L37672" s="6"/>
    </row>
    <row r="37673" spans="1:12">
      <c r="A37673" s="6" t="s">
        <v>37385</v>
      </c>
      <c r="B37673" s="6"/>
      <c r="C37673" s="6" t="s">
        <v>32230</v>
      </c>
      <c r="D37673" s="6"/>
      <c r="E37673" s="6" t="s">
        <v>25121</v>
      </c>
      <c r="F37673" s="7">
        <v>30938</v>
      </c>
      <c r="G37673" s="8">
        <v>6480000</v>
      </c>
      <c r="H37673" s="8">
        <v>1</v>
      </c>
      <c r="I37673" s="8">
        <v>6479999</v>
      </c>
      <c r="J37673" s="8">
        <v>1</v>
      </c>
      <c r="K37673" s="9"/>
      <c r="L37673" s="6"/>
    </row>
    <row r="37674" spans="1:12">
      <c r="A37674" s="6" t="s">
        <v>37386</v>
      </c>
      <c r="B37674" s="6"/>
      <c r="C37674" s="6" t="s">
        <v>32230</v>
      </c>
      <c r="D37674" s="6"/>
      <c r="E37674" s="6" t="s">
        <v>25121</v>
      </c>
      <c r="F37674" s="7">
        <v>35061</v>
      </c>
      <c r="G37674" s="8">
        <v>6480000</v>
      </c>
      <c r="H37674" s="8">
        <v>972000</v>
      </c>
      <c r="I37674" s="8">
        <v>5728320</v>
      </c>
      <c r="J37674" s="8">
        <v>751680</v>
      </c>
      <c r="K37674" s="9"/>
      <c r="L37674" s="6"/>
    </row>
    <row r="37675" spans="1:12">
      <c r="A37675" s="6" t="s">
        <v>37387</v>
      </c>
      <c r="B37675" s="6"/>
      <c r="C37675" s="6" t="s">
        <v>32230</v>
      </c>
      <c r="D37675" s="6"/>
      <c r="E37675" s="6" t="s">
        <v>25121</v>
      </c>
      <c r="F37675" s="7">
        <v>36843</v>
      </c>
      <c r="G37675" s="8">
        <v>6480000</v>
      </c>
      <c r="H37675" s="8">
        <v>2073600</v>
      </c>
      <c r="I37675" s="8">
        <v>4626720</v>
      </c>
      <c r="J37675" s="8">
        <v>1853280</v>
      </c>
      <c r="K37675" s="9"/>
      <c r="L37675" s="6"/>
    </row>
    <row r="37676" spans="1:12">
      <c r="A37676" s="6" t="s">
        <v>37388</v>
      </c>
      <c r="B37676" s="6"/>
      <c r="C37676" s="6" t="s">
        <v>32230</v>
      </c>
      <c r="D37676" s="6"/>
      <c r="E37676" s="6" t="s">
        <v>25121</v>
      </c>
      <c r="F37676" s="7">
        <v>37712</v>
      </c>
      <c r="G37676" s="8">
        <v>6480000</v>
      </c>
      <c r="H37676" s="8">
        <v>2734560</v>
      </c>
      <c r="I37676" s="8">
        <v>3965760</v>
      </c>
      <c r="J37676" s="8">
        <v>2514240</v>
      </c>
      <c r="K37676" s="9"/>
      <c r="L37676" s="6"/>
    </row>
    <row r="37677" spans="1:12">
      <c r="A37677" s="6" t="s">
        <v>37389</v>
      </c>
      <c r="B37677" s="6"/>
      <c r="C37677" s="6" t="s">
        <v>32230</v>
      </c>
      <c r="D37677" s="6"/>
      <c r="E37677" s="6" t="s">
        <v>25121</v>
      </c>
      <c r="F37677" s="7">
        <v>37681</v>
      </c>
      <c r="G37677" s="8">
        <v>6480000</v>
      </c>
      <c r="H37677" s="8">
        <v>2514240</v>
      </c>
      <c r="I37677" s="8">
        <v>4186080</v>
      </c>
      <c r="J37677" s="8">
        <v>2293920</v>
      </c>
      <c r="K37677" s="9"/>
      <c r="L37677" s="6"/>
    </row>
    <row r="37678" spans="1:12">
      <c r="A37678" s="6" t="s">
        <v>37390</v>
      </c>
      <c r="B37678" s="6"/>
      <c r="C37678" s="6" t="s">
        <v>32230</v>
      </c>
      <c r="D37678" s="6"/>
      <c r="E37678" s="6" t="s">
        <v>25121</v>
      </c>
      <c r="F37678" s="7"/>
      <c r="G37678" s="8">
        <v>1</v>
      </c>
      <c r="H37678" s="8">
        <v>1</v>
      </c>
      <c r="I37678" s="8">
        <v>0</v>
      </c>
      <c r="J37678" s="8">
        <v>1</v>
      </c>
      <c r="K37678" s="9"/>
      <c r="L37678" s="6"/>
    </row>
    <row r="37679" spans="1:12">
      <c r="A37679" s="6" t="s">
        <v>37391</v>
      </c>
      <c r="B37679" s="6"/>
      <c r="C37679" s="6" t="s">
        <v>32230</v>
      </c>
      <c r="D37679" s="6"/>
      <c r="E37679" s="6" t="s">
        <v>25121</v>
      </c>
      <c r="F37679" s="7">
        <v>33668</v>
      </c>
      <c r="G37679" s="8">
        <v>6480000</v>
      </c>
      <c r="H37679" s="8">
        <v>90720</v>
      </c>
      <c r="I37679" s="8">
        <v>6479999</v>
      </c>
      <c r="J37679" s="8">
        <v>1</v>
      </c>
      <c r="K37679" s="9"/>
      <c r="L37679" s="6"/>
    </row>
    <row r="37680" spans="1:12">
      <c r="A37680" s="6" t="s">
        <v>37392</v>
      </c>
      <c r="B37680" s="6"/>
      <c r="C37680" s="6" t="s">
        <v>32230</v>
      </c>
      <c r="D37680" s="6"/>
      <c r="E37680" s="6" t="s">
        <v>25121</v>
      </c>
      <c r="F37680" s="7"/>
      <c r="G37680" s="8">
        <v>1</v>
      </c>
      <c r="H37680" s="8">
        <v>1</v>
      </c>
      <c r="I37680" s="8">
        <v>0</v>
      </c>
      <c r="J37680" s="8">
        <v>1</v>
      </c>
      <c r="K37680" s="9"/>
      <c r="L37680" s="6"/>
    </row>
    <row r="37681" spans="1:12">
      <c r="A37681" s="6" t="s">
        <v>37393</v>
      </c>
      <c r="B37681" s="6"/>
      <c r="C37681" s="6" t="s">
        <v>32230</v>
      </c>
      <c r="D37681" s="6"/>
      <c r="E37681" s="6" t="s">
        <v>25121</v>
      </c>
      <c r="F37681" s="7">
        <v>33134</v>
      </c>
      <c r="G37681" s="8">
        <v>6480000</v>
      </c>
      <c r="H37681" s="8">
        <v>1</v>
      </c>
      <c r="I37681" s="8">
        <v>6479999</v>
      </c>
      <c r="J37681" s="8">
        <v>1</v>
      </c>
      <c r="K37681" s="9"/>
      <c r="L37681" s="6"/>
    </row>
    <row r="37682" spans="1:12">
      <c r="A37682" s="6" t="s">
        <v>37394</v>
      </c>
      <c r="B37682" s="6"/>
      <c r="C37682" s="6" t="s">
        <v>32230</v>
      </c>
      <c r="D37682" s="6"/>
      <c r="E37682" s="6" t="s">
        <v>25121</v>
      </c>
      <c r="F37682" s="7"/>
      <c r="G37682" s="8">
        <v>1</v>
      </c>
      <c r="H37682" s="8">
        <v>1</v>
      </c>
      <c r="I37682" s="8">
        <v>0</v>
      </c>
      <c r="J37682" s="8">
        <v>1</v>
      </c>
      <c r="K37682" s="9"/>
      <c r="L37682" s="6"/>
    </row>
    <row r="37683" spans="1:12">
      <c r="A37683" s="6" t="s">
        <v>37395</v>
      </c>
      <c r="B37683" s="6"/>
      <c r="C37683" s="6" t="s">
        <v>32230</v>
      </c>
      <c r="D37683" s="6"/>
      <c r="E37683" s="6" t="s">
        <v>25121</v>
      </c>
      <c r="F37683" s="7">
        <v>26573</v>
      </c>
      <c r="G37683" s="8">
        <v>6480000</v>
      </c>
      <c r="H37683" s="8">
        <v>1</v>
      </c>
      <c r="I37683" s="8">
        <v>6479999</v>
      </c>
      <c r="J37683" s="8">
        <v>1</v>
      </c>
      <c r="K37683" s="9"/>
      <c r="L37683" s="6"/>
    </row>
    <row r="37684" spans="1:12">
      <c r="A37684" s="6" t="s">
        <v>37396</v>
      </c>
      <c r="B37684" s="6"/>
      <c r="C37684" s="6" t="s">
        <v>32230</v>
      </c>
      <c r="D37684" s="6"/>
      <c r="E37684" s="6" t="s">
        <v>25121</v>
      </c>
      <c r="F37684" s="7">
        <v>32764</v>
      </c>
      <c r="G37684" s="8">
        <v>6480000</v>
      </c>
      <c r="H37684" s="8">
        <v>1</v>
      </c>
      <c r="I37684" s="8">
        <v>6479999</v>
      </c>
      <c r="J37684" s="8">
        <v>1</v>
      </c>
      <c r="K37684" s="9"/>
      <c r="L37684" s="6"/>
    </row>
    <row r="37685" spans="1:12">
      <c r="A37685" s="6" t="s">
        <v>37397</v>
      </c>
      <c r="B37685" s="6"/>
      <c r="C37685" s="6" t="s">
        <v>32230</v>
      </c>
      <c r="D37685" s="6"/>
      <c r="E37685" s="6" t="s">
        <v>25121</v>
      </c>
      <c r="F37685" s="7">
        <v>31302</v>
      </c>
      <c r="G37685" s="8">
        <v>6480000</v>
      </c>
      <c r="H37685" s="8">
        <v>1</v>
      </c>
      <c r="I37685" s="8">
        <v>6479999</v>
      </c>
      <c r="J37685" s="8">
        <v>1</v>
      </c>
      <c r="K37685" s="9"/>
      <c r="L37685" s="6"/>
    </row>
    <row r="37686" spans="1:12">
      <c r="A37686" s="6" t="s">
        <v>37398</v>
      </c>
      <c r="B37686" s="6"/>
      <c r="C37686" s="6" t="s">
        <v>32230</v>
      </c>
      <c r="D37686" s="6"/>
      <c r="E37686" s="6" t="s">
        <v>25121</v>
      </c>
      <c r="F37686" s="7">
        <v>34409</v>
      </c>
      <c r="G37686" s="8">
        <v>6480000</v>
      </c>
      <c r="H37686" s="8">
        <v>531360</v>
      </c>
      <c r="I37686" s="8">
        <v>6168960</v>
      </c>
      <c r="J37686" s="8">
        <v>311040</v>
      </c>
      <c r="K37686" s="9"/>
      <c r="L37686" s="6"/>
    </row>
    <row r="37687" spans="1:12">
      <c r="A37687" s="6" t="s">
        <v>37399</v>
      </c>
      <c r="B37687" s="6"/>
      <c r="C37687" s="6" t="s">
        <v>32230</v>
      </c>
      <c r="D37687" s="6"/>
      <c r="E37687" s="6" t="s">
        <v>25121</v>
      </c>
      <c r="F37687" s="7">
        <v>33117</v>
      </c>
      <c r="G37687" s="8">
        <v>6480000</v>
      </c>
      <c r="H37687" s="8">
        <v>1</v>
      </c>
      <c r="I37687" s="8">
        <v>6479999</v>
      </c>
      <c r="J37687" s="8">
        <v>1</v>
      </c>
      <c r="K37687" s="9"/>
      <c r="L37687" s="6"/>
    </row>
    <row r="37688" spans="1:12">
      <c r="A37688" s="6" t="s">
        <v>37400</v>
      </c>
      <c r="B37688" s="6"/>
      <c r="C37688" s="6" t="s">
        <v>32230</v>
      </c>
      <c r="D37688" s="6"/>
      <c r="E37688" s="6" t="s">
        <v>25121</v>
      </c>
      <c r="F37688" s="7">
        <v>36616</v>
      </c>
      <c r="G37688" s="8">
        <v>6480000</v>
      </c>
      <c r="H37688" s="8">
        <v>1853280</v>
      </c>
      <c r="I37688" s="8">
        <v>4847040</v>
      </c>
      <c r="J37688" s="8">
        <v>1632960</v>
      </c>
      <c r="K37688" s="9"/>
      <c r="L37688" s="6"/>
    </row>
    <row r="37689" spans="1:12">
      <c r="A37689" s="6" t="s">
        <v>37401</v>
      </c>
      <c r="B37689" s="6"/>
      <c r="C37689" s="6" t="s">
        <v>32230</v>
      </c>
      <c r="D37689" s="6"/>
      <c r="E37689" s="6" t="s">
        <v>25121</v>
      </c>
      <c r="F37689" s="7"/>
      <c r="G37689" s="8">
        <v>1</v>
      </c>
      <c r="H37689" s="8">
        <v>1</v>
      </c>
      <c r="I37689" s="8">
        <v>0</v>
      </c>
      <c r="J37689" s="8">
        <v>1</v>
      </c>
      <c r="K37689" s="9"/>
      <c r="L37689" s="6"/>
    </row>
    <row r="37690" spans="1:12">
      <c r="A37690" s="6" t="s">
        <v>37402</v>
      </c>
      <c r="B37690" s="6"/>
      <c r="C37690" s="6" t="s">
        <v>32230</v>
      </c>
      <c r="D37690" s="6"/>
      <c r="E37690" s="6" t="s">
        <v>25121</v>
      </c>
      <c r="F37690" s="7"/>
      <c r="G37690" s="8">
        <v>1</v>
      </c>
      <c r="H37690" s="8">
        <v>1</v>
      </c>
      <c r="I37690" s="8">
        <v>0</v>
      </c>
      <c r="J37690" s="8">
        <v>1</v>
      </c>
      <c r="K37690" s="9"/>
      <c r="L37690" s="6"/>
    </row>
    <row r="37691" spans="1:12">
      <c r="A37691" s="6" t="s">
        <v>37403</v>
      </c>
      <c r="B37691" s="6"/>
      <c r="C37691" s="6" t="s">
        <v>32230</v>
      </c>
      <c r="D37691" s="6"/>
      <c r="E37691" s="6" t="s">
        <v>25121</v>
      </c>
      <c r="F37691" s="7"/>
      <c r="G37691" s="8">
        <v>1</v>
      </c>
      <c r="H37691" s="8">
        <v>1</v>
      </c>
      <c r="I37691" s="8">
        <v>0</v>
      </c>
      <c r="J37691" s="8">
        <v>1</v>
      </c>
      <c r="K37691" s="9"/>
      <c r="L37691" s="6"/>
    </row>
    <row r="37692" spans="1:12">
      <c r="A37692" s="6" t="s">
        <v>37404</v>
      </c>
      <c r="B37692" s="6"/>
      <c r="C37692" s="6" t="s">
        <v>32230</v>
      </c>
      <c r="D37692" s="6"/>
      <c r="E37692" s="6" t="s">
        <v>25121</v>
      </c>
      <c r="F37692" s="7">
        <v>30768</v>
      </c>
      <c r="G37692" s="8">
        <v>6480000</v>
      </c>
      <c r="H37692" s="8">
        <v>1</v>
      </c>
      <c r="I37692" s="8">
        <v>6479999</v>
      </c>
      <c r="J37692" s="8">
        <v>1</v>
      </c>
      <c r="K37692" s="9"/>
      <c r="L37692" s="6"/>
    </row>
    <row r="37693" spans="1:12">
      <c r="A37693" s="6" t="s">
        <v>37405</v>
      </c>
      <c r="B37693" s="6"/>
      <c r="C37693" s="6" t="s">
        <v>32230</v>
      </c>
      <c r="D37693" s="6"/>
      <c r="E37693" s="6" t="s">
        <v>25121</v>
      </c>
      <c r="F37693" s="7">
        <v>31656</v>
      </c>
      <c r="G37693" s="8">
        <v>6480000</v>
      </c>
      <c r="H37693" s="8">
        <v>1</v>
      </c>
      <c r="I37693" s="8">
        <v>6479999</v>
      </c>
      <c r="J37693" s="8">
        <v>1</v>
      </c>
      <c r="K37693" s="9"/>
      <c r="L37693" s="6"/>
    </row>
    <row r="37694" spans="1:12">
      <c r="A37694" s="6" t="s">
        <v>37406</v>
      </c>
      <c r="B37694" s="6"/>
      <c r="C37694" s="6" t="s">
        <v>32230</v>
      </c>
      <c r="D37694" s="6"/>
      <c r="E37694" s="6" t="s">
        <v>25121</v>
      </c>
      <c r="F37694" s="7">
        <v>33700</v>
      </c>
      <c r="G37694" s="8">
        <v>6480000</v>
      </c>
      <c r="H37694" s="8">
        <v>311040</v>
      </c>
      <c r="I37694" s="8">
        <v>6389280</v>
      </c>
      <c r="J37694" s="8">
        <v>90720</v>
      </c>
      <c r="K37694" s="9"/>
      <c r="L37694" s="6"/>
    </row>
    <row r="37695" spans="1:12">
      <c r="A37695" s="6" t="s">
        <v>37407</v>
      </c>
      <c r="B37695" s="6"/>
      <c r="C37695" s="6" t="s">
        <v>32230</v>
      </c>
      <c r="D37695" s="6"/>
      <c r="E37695" s="6" t="s">
        <v>25121</v>
      </c>
      <c r="F37695" s="7">
        <v>33990</v>
      </c>
      <c r="G37695" s="8">
        <v>6480000</v>
      </c>
      <c r="H37695" s="8">
        <v>311040</v>
      </c>
      <c r="I37695" s="8">
        <v>6389280</v>
      </c>
      <c r="J37695" s="8">
        <v>90720</v>
      </c>
      <c r="K37695" s="9"/>
      <c r="L37695" s="6"/>
    </row>
    <row r="37696" spans="1:12">
      <c r="A37696" s="6" t="s">
        <v>37408</v>
      </c>
      <c r="B37696" s="6"/>
      <c r="C37696" s="6" t="s">
        <v>32230</v>
      </c>
      <c r="D37696" s="6"/>
      <c r="E37696" s="6" t="s">
        <v>25121</v>
      </c>
      <c r="F37696" s="7">
        <v>33990</v>
      </c>
      <c r="G37696" s="8">
        <v>6480000</v>
      </c>
      <c r="H37696" s="8">
        <v>311040</v>
      </c>
      <c r="I37696" s="8">
        <v>6389280</v>
      </c>
      <c r="J37696" s="8">
        <v>90720</v>
      </c>
      <c r="K37696" s="9"/>
      <c r="L37696" s="6"/>
    </row>
    <row r="37697" spans="1:12">
      <c r="A37697" s="6" t="s">
        <v>37409</v>
      </c>
      <c r="B37697" s="6"/>
      <c r="C37697" s="6" t="s">
        <v>32230</v>
      </c>
      <c r="D37697" s="6"/>
      <c r="E37697" s="6" t="s">
        <v>25121</v>
      </c>
      <c r="F37697" s="7">
        <v>34737</v>
      </c>
      <c r="G37697" s="8">
        <v>6480000</v>
      </c>
      <c r="H37697" s="8">
        <v>751680</v>
      </c>
      <c r="I37697" s="8">
        <v>5948640</v>
      </c>
      <c r="J37697" s="8">
        <v>531360</v>
      </c>
      <c r="K37697" s="9"/>
      <c r="L37697" s="6"/>
    </row>
    <row r="37698" spans="1:12">
      <c r="A37698" s="6" t="s">
        <v>37410</v>
      </c>
      <c r="B37698" s="6"/>
      <c r="C37698" s="6" t="s">
        <v>32230</v>
      </c>
      <c r="D37698" s="6"/>
      <c r="E37698" s="6" t="s">
        <v>25121</v>
      </c>
      <c r="F37698" s="7">
        <v>35886</v>
      </c>
      <c r="G37698" s="8">
        <v>6480000</v>
      </c>
      <c r="H37698" s="8">
        <v>1632960</v>
      </c>
      <c r="I37698" s="8">
        <v>5067360</v>
      </c>
      <c r="J37698" s="8">
        <v>1412640</v>
      </c>
      <c r="K37698" s="9"/>
      <c r="L37698" s="6"/>
    </row>
    <row r="37699" spans="1:12">
      <c r="A37699" s="6" t="s">
        <v>37411</v>
      </c>
      <c r="B37699" s="6"/>
      <c r="C37699" s="6" t="s">
        <v>32230</v>
      </c>
      <c r="D37699" s="6"/>
      <c r="E37699" s="6" t="s">
        <v>25121</v>
      </c>
      <c r="F37699" s="7"/>
      <c r="G37699" s="8">
        <v>1</v>
      </c>
      <c r="H37699" s="8">
        <v>1</v>
      </c>
      <c r="I37699" s="8">
        <v>0</v>
      </c>
      <c r="J37699" s="8">
        <v>1</v>
      </c>
      <c r="K37699" s="9"/>
      <c r="L37699" s="6"/>
    </row>
    <row r="37700" spans="1:12">
      <c r="A37700" s="6" t="s">
        <v>37412</v>
      </c>
      <c r="B37700" s="6"/>
      <c r="C37700" s="6" t="s">
        <v>32230</v>
      </c>
      <c r="D37700" s="6"/>
      <c r="E37700" s="6" t="s">
        <v>25121</v>
      </c>
      <c r="F37700" s="7">
        <v>30694</v>
      </c>
      <c r="G37700" s="8">
        <v>6480000</v>
      </c>
      <c r="H37700" s="8">
        <v>1</v>
      </c>
      <c r="I37700" s="8">
        <v>6479999</v>
      </c>
      <c r="J37700" s="8">
        <v>1</v>
      </c>
      <c r="K37700" s="9"/>
      <c r="L37700" s="6"/>
    </row>
    <row r="37701" spans="1:12">
      <c r="A37701" s="6" t="s">
        <v>37413</v>
      </c>
      <c r="B37701" s="6"/>
      <c r="C37701" s="6" t="s">
        <v>32230</v>
      </c>
      <c r="D37701" s="6"/>
      <c r="E37701" s="6" t="s">
        <v>25121</v>
      </c>
      <c r="F37701" s="7">
        <v>30694</v>
      </c>
      <c r="G37701" s="8">
        <v>6480000</v>
      </c>
      <c r="H37701" s="8">
        <v>1</v>
      </c>
      <c r="I37701" s="8">
        <v>6479999</v>
      </c>
      <c r="J37701" s="8">
        <v>1</v>
      </c>
      <c r="K37701" s="9"/>
      <c r="L37701" s="6"/>
    </row>
    <row r="37702" spans="1:12">
      <c r="A37702" s="6" t="s">
        <v>37414</v>
      </c>
      <c r="B37702" s="6"/>
      <c r="C37702" s="6" t="s">
        <v>32230</v>
      </c>
      <c r="D37702" s="6"/>
      <c r="E37702" s="6" t="s">
        <v>25121</v>
      </c>
      <c r="F37702" s="7">
        <v>30694</v>
      </c>
      <c r="G37702" s="8">
        <v>6480000</v>
      </c>
      <c r="H37702" s="8">
        <v>1</v>
      </c>
      <c r="I37702" s="8">
        <v>6479999</v>
      </c>
      <c r="J37702" s="8">
        <v>1</v>
      </c>
      <c r="K37702" s="9"/>
      <c r="L37702" s="6"/>
    </row>
    <row r="37703" spans="1:12">
      <c r="A37703" s="6" t="s">
        <v>37415</v>
      </c>
      <c r="B37703" s="6"/>
      <c r="C37703" s="6" t="s">
        <v>32230</v>
      </c>
      <c r="D37703" s="6"/>
      <c r="E37703" s="6" t="s">
        <v>25121</v>
      </c>
      <c r="F37703" s="7">
        <v>39506</v>
      </c>
      <c r="G37703" s="8">
        <v>3879750</v>
      </c>
      <c r="H37703" s="8">
        <v>2164907</v>
      </c>
      <c r="I37703" s="8">
        <v>1846754</v>
      </c>
      <c r="J37703" s="8">
        <v>2032996</v>
      </c>
      <c r="K37703" s="9"/>
      <c r="L37703" s="6"/>
    </row>
    <row r="37704" spans="1:12">
      <c r="A37704" s="6" t="s">
        <v>37416</v>
      </c>
      <c r="B37704" s="6"/>
      <c r="C37704" s="6" t="s">
        <v>32230</v>
      </c>
      <c r="D37704" s="6"/>
      <c r="E37704" s="6" t="s">
        <v>25121</v>
      </c>
      <c r="F37704" s="7">
        <v>28094</v>
      </c>
      <c r="G37704" s="8">
        <v>6480000</v>
      </c>
      <c r="H37704" s="8">
        <v>1</v>
      </c>
      <c r="I37704" s="8">
        <v>6479999</v>
      </c>
      <c r="J37704" s="8">
        <v>1</v>
      </c>
      <c r="K37704" s="9"/>
      <c r="L37704" s="6"/>
    </row>
    <row r="37705" spans="1:12">
      <c r="A37705" s="6" t="s">
        <v>37417</v>
      </c>
      <c r="B37705" s="6"/>
      <c r="C37705" s="6" t="s">
        <v>32230</v>
      </c>
      <c r="D37705" s="6"/>
      <c r="E37705" s="6" t="s">
        <v>25121</v>
      </c>
      <c r="F37705" s="7">
        <v>28764</v>
      </c>
      <c r="G37705" s="8">
        <v>6480000</v>
      </c>
      <c r="H37705" s="8">
        <v>1</v>
      </c>
      <c r="I37705" s="8">
        <v>6479999</v>
      </c>
      <c r="J37705" s="8">
        <v>1</v>
      </c>
      <c r="K37705" s="9"/>
      <c r="L37705" s="6"/>
    </row>
    <row r="37706" spans="1:12">
      <c r="A37706" s="6" t="s">
        <v>37418</v>
      </c>
      <c r="B37706" s="6"/>
      <c r="C37706" s="6" t="s">
        <v>32230</v>
      </c>
      <c r="D37706" s="6"/>
      <c r="E37706" s="6" t="s">
        <v>25121</v>
      </c>
      <c r="F37706" s="7">
        <v>26067</v>
      </c>
      <c r="G37706" s="8">
        <v>6480000</v>
      </c>
      <c r="H37706" s="8">
        <v>1</v>
      </c>
      <c r="I37706" s="8">
        <v>6479999</v>
      </c>
      <c r="J37706" s="8">
        <v>1</v>
      </c>
      <c r="K37706" s="9"/>
      <c r="L37706" s="6"/>
    </row>
    <row r="37707" spans="1:12">
      <c r="A37707" s="6" t="s">
        <v>37419</v>
      </c>
      <c r="B37707" s="6"/>
      <c r="C37707" s="6" t="s">
        <v>32230</v>
      </c>
      <c r="D37707" s="6"/>
      <c r="E37707" s="6" t="s">
        <v>25121</v>
      </c>
      <c r="F37707" s="7">
        <v>27659</v>
      </c>
      <c r="G37707" s="8">
        <v>6480000</v>
      </c>
      <c r="H37707" s="8">
        <v>1</v>
      </c>
      <c r="I37707" s="8">
        <v>6479999</v>
      </c>
      <c r="J37707" s="8">
        <v>1</v>
      </c>
      <c r="K37707" s="9"/>
      <c r="L37707" s="6"/>
    </row>
    <row r="37708" spans="1:12">
      <c r="A37708" s="6" t="s">
        <v>37420</v>
      </c>
      <c r="B37708" s="6"/>
      <c r="C37708" s="6" t="s">
        <v>32230</v>
      </c>
      <c r="D37708" s="6"/>
      <c r="E37708" s="6" t="s">
        <v>25121</v>
      </c>
      <c r="F37708" s="7">
        <v>30938</v>
      </c>
      <c r="G37708" s="8">
        <v>6480000</v>
      </c>
      <c r="H37708" s="8">
        <v>1</v>
      </c>
      <c r="I37708" s="8">
        <v>6479999</v>
      </c>
      <c r="J37708" s="8">
        <v>1</v>
      </c>
      <c r="K37708" s="9"/>
      <c r="L37708" s="6"/>
    </row>
    <row r="37709" spans="1:12">
      <c r="A37709" s="6" t="s">
        <v>37421</v>
      </c>
      <c r="B37709" s="6"/>
      <c r="C37709" s="6" t="s">
        <v>32230</v>
      </c>
      <c r="D37709" s="6"/>
      <c r="E37709" s="6" t="s">
        <v>25121</v>
      </c>
      <c r="F37709" s="7">
        <v>35520</v>
      </c>
      <c r="G37709" s="8">
        <v>6480000</v>
      </c>
      <c r="H37709" s="8">
        <v>1192320</v>
      </c>
      <c r="I37709" s="8">
        <v>5508000</v>
      </c>
      <c r="J37709" s="8">
        <v>972000</v>
      </c>
      <c r="K37709" s="9"/>
      <c r="L37709" s="6"/>
    </row>
    <row r="37710" spans="1:12">
      <c r="A37710" s="6" t="s">
        <v>37422</v>
      </c>
      <c r="B37710" s="6"/>
      <c r="C37710" s="6" t="s">
        <v>32230</v>
      </c>
      <c r="D37710" s="6"/>
      <c r="E37710" s="6" t="s">
        <v>25121</v>
      </c>
      <c r="F37710" s="7">
        <v>26343</v>
      </c>
      <c r="G37710" s="8">
        <v>6480000</v>
      </c>
      <c r="H37710" s="8">
        <v>1</v>
      </c>
      <c r="I37710" s="8">
        <v>6479999</v>
      </c>
      <c r="J37710" s="8">
        <v>1</v>
      </c>
      <c r="K37710" s="9"/>
      <c r="L37710" s="6"/>
    </row>
    <row r="37711" spans="1:12">
      <c r="A37711" s="6" t="s">
        <v>37423</v>
      </c>
      <c r="B37711" s="6"/>
      <c r="C37711" s="6" t="s">
        <v>32230</v>
      </c>
      <c r="D37711" s="6"/>
      <c r="E37711" s="6" t="s">
        <v>25121</v>
      </c>
      <c r="F37711" s="7">
        <v>26760</v>
      </c>
      <c r="G37711" s="8">
        <v>6480000</v>
      </c>
      <c r="H37711" s="8">
        <v>1</v>
      </c>
      <c r="I37711" s="8">
        <v>6479999</v>
      </c>
      <c r="J37711" s="8">
        <v>1</v>
      </c>
      <c r="K37711" s="9"/>
      <c r="L37711" s="6"/>
    </row>
    <row r="37712" spans="1:12">
      <c r="A37712" s="6" t="s">
        <v>37424</v>
      </c>
      <c r="B37712" s="6"/>
      <c r="C37712" s="6" t="s">
        <v>32230</v>
      </c>
      <c r="D37712" s="6"/>
      <c r="E37712" s="6" t="s">
        <v>25121</v>
      </c>
      <c r="F37712" s="7">
        <v>26461</v>
      </c>
      <c r="G37712" s="8">
        <v>6480000</v>
      </c>
      <c r="H37712" s="8">
        <v>1</v>
      </c>
      <c r="I37712" s="8">
        <v>6479999</v>
      </c>
      <c r="J37712" s="8">
        <v>1</v>
      </c>
      <c r="K37712" s="9"/>
      <c r="L37712" s="6"/>
    </row>
    <row r="37713" spans="1:12">
      <c r="A37713" s="6" t="s">
        <v>37425</v>
      </c>
      <c r="B37713" s="6"/>
      <c r="C37713" s="6" t="s">
        <v>32230</v>
      </c>
      <c r="D37713" s="6"/>
      <c r="E37713" s="6" t="s">
        <v>25121</v>
      </c>
      <c r="F37713" s="7"/>
      <c r="G37713" s="8">
        <v>1</v>
      </c>
      <c r="H37713" s="8">
        <v>1</v>
      </c>
      <c r="I37713" s="8">
        <v>0</v>
      </c>
      <c r="J37713" s="8">
        <v>1</v>
      </c>
      <c r="K37713" s="9"/>
      <c r="L37713" s="6"/>
    </row>
    <row r="37714" spans="1:12">
      <c r="A37714" s="6" t="s">
        <v>37426</v>
      </c>
      <c r="B37714" s="6"/>
      <c r="C37714" s="6" t="s">
        <v>32230</v>
      </c>
      <c r="D37714" s="6"/>
      <c r="E37714" s="6" t="s">
        <v>25121</v>
      </c>
      <c r="F37714" s="7">
        <v>26330</v>
      </c>
      <c r="G37714" s="8">
        <v>6480000</v>
      </c>
      <c r="H37714" s="8">
        <v>1</v>
      </c>
      <c r="I37714" s="8">
        <v>6479999</v>
      </c>
      <c r="J37714" s="8">
        <v>1</v>
      </c>
      <c r="K37714" s="9"/>
      <c r="L37714" s="6"/>
    </row>
    <row r="37715" spans="1:12">
      <c r="A37715" s="6" t="s">
        <v>37427</v>
      </c>
      <c r="B37715" s="6"/>
      <c r="C37715" s="6" t="s">
        <v>32230</v>
      </c>
      <c r="D37715" s="6"/>
      <c r="E37715" s="6" t="s">
        <v>25121</v>
      </c>
      <c r="F37715" s="7">
        <v>31656</v>
      </c>
      <c r="G37715" s="8">
        <v>6480000</v>
      </c>
      <c r="H37715" s="8">
        <v>1</v>
      </c>
      <c r="I37715" s="8">
        <v>6479999</v>
      </c>
      <c r="J37715" s="8">
        <v>1</v>
      </c>
      <c r="K37715" s="9"/>
      <c r="L37715" s="6"/>
    </row>
    <row r="37716" spans="1:12">
      <c r="A37716" s="6" t="s">
        <v>37428</v>
      </c>
      <c r="B37716" s="6"/>
      <c r="C37716" s="6" t="s">
        <v>32230</v>
      </c>
      <c r="D37716" s="6"/>
      <c r="E37716" s="6" t="s">
        <v>25121</v>
      </c>
      <c r="F37716" s="7">
        <v>33990</v>
      </c>
      <c r="G37716" s="8">
        <v>6480000</v>
      </c>
      <c r="H37716" s="8">
        <v>311040</v>
      </c>
      <c r="I37716" s="8">
        <v>6389280</v>
      </c>
      <c r="J37716" s="8">
        <v>90720</v>
      </c>
      <c r="K37716" s="9"/>
      <c r="L37716" s="6"/>
    </row>
    <row r="37717" spans="1:12">
      <c r="A37717" s="6" t="s">
        <v>37429</v>
      </c>
      <c r="B37717" s="6"/>
      <c r="C37717" s="6" t="s">
        <v>32230</v>
      </c>
      <c r="D37717" s="6"/>
      <c r="E37717" s="6" t="s">
        <v>25121</v>
      </c>
      <c r="F37717" s="7">
        <v>31382</v>
      </c>
      <c r="G37717" s="8">
        <v>6480000</v>
      </c>
      <c r="H37717" s="8">
        <v>1</v>
      </c>
      <c r="I37717" s="8">
        <v>6479999</v>
      </c>
      <c r="J37717" s="8">
        <v>1</v>
      </c>
      <c r="K37717" s="9"/>
      <c r="L37717" s="6"/>
    </row>
    <row r="37718" spans="1:12">
      <c r="A37718" s="6" t="s">
        <v>37430</v>
      </c>
      <c r="B37718" s="6"/>
      <c r="C37718" s="6" t="s">
        <v>32230</v>
      </c>
      <c r="D37718" s="6"/>
      <c r="E37718" s="6" t="s">
        <v>25121</v>
      </c>
      <c r="F37718" s="7">
        <v>26604</v>
      </c>
      <c r="G37718" s="8">
        <v>3240000</v>
      </c>
      <c r="H37718" s="8">
        <v>1</v>
      </c>
      <c r="I37718" s="8">
        <v>3239999</v>
      </c>
      <c r="J37718" s="8">
        <v>1</v>
      </c>
      <c r="K37718" s="9"/>
      <c r="L37718" s="6"/>
    </row>
    <row r="37719" spans="1:12">
      <c r="A37719" s="6" t="s">
        <v>37431</v>
      </c>
      <c r="B37719" s="6"/>
      <c r="C37719" s="6" t="s">
        <v>32230</v>
      </c>
      <c r="D37719" s="6"/>
      <c r="E37719" s="6" t="s">
        <v>25121</v>
      </c>
      <c r="F37719" s="7">
        <v>26982</v>
      </c>
      <c r="G37719" s="8">
        <v>6480000</v>
      </c>
      <c r="H37719" s="8">
        <v>1</v>
      </c>
      <c r="I37719" s="8">
        <v>6479999</v>
      </c>
      <c r="J37719" s="8">
        <v>1</v>
      </c>
      <c r="K37719" s="9"/>
      <c r="L37719" s="6"/>
    </row>
    <row r="37720" spans="1:12">
      <c r="A37720" s="6" t="s">
        <v>37432</v>
      </c>
      <c r="B37720" s="6"/>
      <c r="C37720" s="6" t="s">
        <v>32230</v>
      </c>
      <c r="D37720" s="6"/>
      <c r="E37720" s="6" t="s">
        <v>25121</v>
      </c>
      <c r="F37720" s="7">
        <v>29560</v>
      </c>
      <c r="G37720" s="8">
        <v>6480000</v>
      </c>
      <c r="H37720" s="8">
        <v>1</v>
      </c>
      <c r="I37720" s="8">
        <v>6479999</v>
      </c>
      <c r="J37720" s="8">
        <v>1</v>
      </c>
      <c r="K37720" s="9"/>
      <c r="L37720" s="6"/>
    </row>
    <row r="37721" spans="1:12">
      <c r="A37721" s="6" t="s">
        <v>37433</v>
      </c>
      <c r="B37721" s="6"/>
      <c r="C37721" s="6" t="s">
        <v>32230</v>
      </c>
      <c r="D37721" s="6"/>
      <c r="E37721" s="6" t="s">
        <v>25121</v>
      </c>
      <c r="F37721" s="7">
        <v>31302</v>
      </c>
      <c r="G37721" s="8">
        <v>6480000</v>
      </c>
      <c r="H37721" s="8">
        <v>1</v>
      </c>
      <c r="I37721" s="8">
        <v>6479999</v>
      </c>
      <c r="J37721" s="8">
        <v>1</v>
      </c>
      <c r="K37721" s="9"/>
      <c r="L37721" s="6"/>
    </row>
    <row r="37722" spans="1:12">
      <c r="A37722" s="6" t="s">
        <v>37434</v>
      </c>
      <c r="B37722" s="6"/>
      <c r="C37722" s="6" t="s">
        <v>32230</v>
      </c>
      <c r="D37722" s="6"/>
      <c r="E37722" s="6" t="s">
        <v>25121</v>
      </c>
      <c r="F37722" s="7">
        <v>34661</v>
      </c>
      <c r="G37722" s="8">
        <v>6480000</v>
      </c>
      <c r="H37722" s="8">
        <v>751680</v>
      </c>
      <c r="I37722" s="8">
        <v>5948640</v>
      </c>
      <c r="J37722" s="8">
        <v>531360</v>
      </c>
      <c r="K37722" s="9"/>
      <c r="L37722" s="6"/>
    </row>
    <row r="37723" spans="1:12">
      <c r="A37723" s="6" t="s">
        <v>37435</v>
      </c>
      <c r="B37723" s="6"/>
      <c r="C37723" s="6" t="s">
        <v>32230</v>
      </c>
      <c r="D37723" s="6"/>
      <c r="E37723" s="6" t="s">
        <v>25121</v>
      </c>
      <c r="F37723" s="7">
        <v>27771</v>
      </c>
      <c r="G37723" s="8">
        <v>6480000</v>
      </c>
      <c r="H37723" s="8">
        <v>1</v>
      </c>
      <c r="I37723" s="8">
        <v>6479999</v>
      </c>
      <c r="J37723" s="8">
        <v>1</v>
      </c>
      <c r="K37723" s="9"/>
      <c r="L37723" s="6"/>
    </row>
    <row r="37724" spans="1:12">
      <c r="A37724" s="6" t="s">
        <v>37436</v>
      </c>
      <c r="B37724" s="6"/>
      <c r="C37724" s="6" t="s">
        <v>32230</v>
      </c>
      <c r="D37724" s="6"/>
      <c r="E37724" s="6" t="s">
        <v>25121</v>
      </c>
      <c r="F37724" s="7">
        <v>27771</v>
      </c>
      <c r="G37724" s="8">
        <v>6480000</v>
      </c>
      <c r="H37724" s="8">
        <v>1</v>
      </c>
      <c r="I37724" s="8">
        <v>6479999</v>
      </c>
      <c r="J37724" s="8">
        <v>1</v>
      </c>
      <c r="K37724" s="9"/>
      <c r="L37724" s="6"/>
    </row>
    <row r="37725" spans="1:12">
      <c r="A37725" s="6" t="s">
        <v>37437</v>
      </c>
      <c r="B37725" s="6"/>
      <c r="C37725" s="6" t="s">
        <v>32230</v>
      </c>
      <c r="D37725" s="6"/>
      <c r="E37725" s="6" t="s">
        <v>25121</v>
      </c>
      <c r="F37725" s="7">
        <v>32013</v>
      </c>
      <c r="G37725" s="8">
        <v>6480000</v>
      </c>
      <c r="H37725" s="8">
        <v>1</v>
      </c>
      <c r="I37725" s="8">
        <v>6479999</v>
      </c>
      <c r="J37725" s="8">
        <v>1</v>
      </c>
      <c r="K37725" s="9"/>
      <c r="L37725" s="6"/>
    </row>
    <row r="37726" spans="1:12">
      <c r="A37726" s="6" t="s">
        <v>37438</v>
      </c>
      <c r="B37726" s="6"/>
      <c r="C37726" s="6" t="s">
        <v>32230</v>
      </c>
      <c r="D37726" s="6"/>
      <c r="E37726" s="6" t="s">
        <v>25121</v>
      </c>
      <c r="F37726" s="7">
        <v>34249</v>
      </c>
      <c r="G37726" s="8">
        <v>6480000</v>
      </c>
      <c r="H37726" s="8">
        <v>531360</v>
      </c>
      <c r="I37726" s="8">
        <v>6168960</v>
      </c>
      <c r="J37726" s="8">
        <v>311040</v>
      </c>
      <c r="K37726" s="9"/>
      <c r="L37726" s="6"/>
    </row>
    <row r="37727" spans="1:12">
      <c r="A37727" s="6" t="s">
        <v>37439</v>
      </c>
      <c r="B37727" s="6"/>
      <c r="C37727" s="6" t="s">
        <v>32230</v>
      </c>
      <c r="D37727" s="6"/>
      <c r="E37727" s="6" t="s">
        <v>25121</v>
      </c>
      <c r="F37727" s="7">
        <v>27558</v>
      </c>
      <c r="G37727" s="8">
        <v>6480000</v>
      </c>
      <c r="H37727" s="8">
        <v>1</v>
      </c>
      <c r="I37727" s="8">
        <v>6479999</v>
      </c>
      <c r="J37727" s="8">
        <v>1</v>
      </c>
      <c r="K37727" s="9"/>
      <c r="L37727" s="6"/>
    </row>
    <row r="37728" spans="1:12">
      <c r="A37728" s="6" t="s">
        <v>37440</v>
      </c>
      <c r="B37728" s="6"/>
      <c r="C37728" s="6" t="s">
        <v>32230</v>
      </c>
      <c r="D37728" s="6"/>
      <c r="E37728" s="6" t="s">
        <v>25121</v>
      </c>
      <c r="F37728" s="7">
        <v>23712</v>
      </c>
      <c r="G37728" s="8">
        <v>3240000</v>
      </c>
      <c r="H37728" s="8">
        <v>1</v>
      </c>
      <c r="I37728" s="8">
        <v>3239999</v>
      </c>
      <c r="J37728" s="8">
        <v>1</v>
      </c>
      <c r="K37728" s="9"/>
      <c r="L37728" s="6"/>
    </row>
    <row r="37729" spans="1:12">
      <c r="A37729" s="6" t="s">
        <v>37441</v>
      </c>
      <c r="B37729" s="6"/>
      <c r="C37729" s="6" t="s">
        <v>32230</v>
      </c>
      <c r="D37729" s="6"/>
      <c r="E37729" s="6" t="s">
        <v>25121</v>
      </c>
      <c r="F37729" s="7">
        <v>26982</v>
      </c>
      <c r="G37729" s="8">
        <v>6480000</v>
      </c>
      <c r="H37729" s="8">
        <v>1</v>
      </c>
      <c r="I37729" s="8">
        <v>6479999</v>
      </c>
      <c r="J37729" s="8">
        <v>1</v>
      </c>
      <c r="K37729" s="9"/>
      <c r="L37729" s="6"/>
    </row>
    <row r="37730" spans="1:12">
      <c r="A37730" s="6" t="s">
        <v>37442</v>
      </c>
      <c r="B37730" s="6"/>
      <c r="C37730" s="6" t="s">
        <v>32230</v>
      </c>
      <c r="D37730" s="6"/>
      <c r="E37730" s="6" t="s">
        <v>25121</v>
      </c>
      <c r="F37730" s="7"/>
      <c r="G37730" s="8">
        <v>1</v>
      </c>
      <c r="H37730" s="8">
        <v>1</v>
      </c>
      <c r="I37730" s="8">
        <v>0</v>
      </c>
      <c r="J37730" s="8">
        <v>1</v>
      </c>
      <c r="K37730" s="9"/>
      <c r="L37730" s="6"/>
    </row>
    <row r="37731" spans="1:12">
      <c r="A37731" s="6" t="s">
        <v>37443</v>
      </c>
      <c r="B37731" s="6"/>
      <c r="C37731" s="6" t="s">
        <v>32230</v>
      </c>
      <c r="D37731" s="6"/>
      <c r="E37731" s="6" t="s">
        <v>25121</v>
      </c>
      <c r="F37731" s="7">
        <v>26594</v>
      </c>
      <c r="G37731" s="8">
        <v>6480000</v>
      </c>
      <c r="H37731" s="8">
        <v>1</v>
      </c>
      <c r="I37731" s="8">
        <v>6479999</v>
      </c>
      <c r="J37731" s="8">
        <v>1</v>
      </c>
      <c r="K37731" s="9"/>
      <c r="L37731" s="6"/>
    </row>
    <row r="37732" spans="1:12">
      <c r="A37732" s="6" t="s">
        <v>37444</v>
      </c>
      <c r="B37732" s="6"/>
      <c r="C37732" s="6" t="s">
        <v>32230</v>
      </c>
      <c r="D37732" s="6"/>
      <c r="E37732" s="6" t="s">
        <v>25121</v>
      </c>
      <c r="F37732" s="7">
        <v>30270</v>
      </c>
      <c r="G37732" s="8">
        <v>6480000</v>
      </c>
      <c r="H37732" s="8">
        <v>1</v>
      </c>
      <c r="I37732" s="8">
        <v>6479999</v>
      </c>
      <c r="J37732" s="8">
        <v>1</v>
      </c>
      <c r="K37732" s="9"/>
      <c r="L37732" s="6"/>
    </row>
    <row r="37733" spans="1:12">
      <c r="A37733" s="6" t="s">
        <v>37445</v>
      </c>
      <c r="B37733" s="6"/>
      <c r="C37733" s="6" t="s">
        <v>32230</v>
      </c>
      <c r="D37733" s="6"/>
      <c r="E37733" s="6" t="s">
        <v>25121</v>
      </c>
      <c r="F37733" s="7">
        <v>26982</v>
      </c>
      <c r="G37733" s="8">
        <v>6480000</v>
      </c>
      <c r="H37733" s="8">
        <v>1</v>
      </c>
      <c r="I37733" s="8">
        <v>6479999</v>
      </c>
      <c r="J37733" s="8">
        <v>1</v>
      </c>
      <c r="K37733" s="9"/>
      <c r="L37733" s="6"/>
    </row>
    <row r="37734" spans="1:12">
      <c r="A37734" s="6" t="s">
        <v>37446</v>
      </c>
      <c r="B37734" s="6"/>
      <c r="C37734" s="6" t="s">
        <v>32230</v>
      </c>
      <c r="D37734" s="6"/>
      <c r="E37734" s="6" t="s">
        <v>25121</v>
      </c>
      <c r="F37734" s="7">
        <v>28430</v>
      </c>
      <c r="G37734" s="8">
        <v>6480000</v>
      </c>
      <c r="H37734" s="8">
        <v>1</v>
      </c>
      <c r="I37734" s="8">
        <v>6479999</v>
      </c>
      <c r="J37734" s="8">
        <v>1</v>
      </c>
      <c r="K37734" s="9"/>
      <c r="L37734" s="6"/>
    </row>
    <row r="37735" spans="1:12">
      <c r="A37735" s="6" t="s">
        <v>37447</v>
      </c>
      <c r="B37735" s="6"/>
      <c r="C37735" s="6" t="s">
        <v>32230</v>
      </c>
      <c r="D37735" s="6"/>
      <c r="E37735" s="6" t="s">
        <v>25121</v>
      </c>
      <c r="F37735" s="7">
        <v>22819</v>
      </c>
      <c r="G37735" s="8">
        <v>3240000</v>
      </c>
      <c r="H37735" s="8">
        <v>1</v>
      </c>
      <c r="I37735" s="8">
        <v>3239999</v>
      </c>
      <c r="J37735" s="8">
        <v>1</v>
      </c>
      <c r="K37735" s="9"/>
      <c r="L37735" s="6"/>
    </row>
    <row r="37736" spans="1:12">
      <c r="A37736" s="6" t="s">
        <v>37448</v>
      </c>
      <c r="B37736" s="6"/>
      <c r="C37736" s="6" t="s">
        <v>32230</v>
      </c>
      <c r="D37736" s="6"/>
      <c r="E37736" s="6" t="s">
        <v>25121</v>
      </c>
      <c r="F37736" s="7">
        <v>26024</v>
      </c>
      <c r="G37736" s="8">
        <v>6480000</v>
      </c>
      <c r="H37736" s="8">
        <v>1</v>
      </c>
      <c r="I37736" s="8">
        <v>6479999</v>
      </c>
      <c r="J37736" s="8">
        <v>1</v>
      </c>
      <c r="K37736" s="9"/>
      <c r="L37736" s="6"/>
    </row>
    <row r="37737" spans="1:12">
      <c r="A37737" s="6" t="s">
        <v>37449</v>
      </c>
      <c r="B37737" s="6"/>
      <c r="C37737" s="6" t="s">
        <v>32230</v>
      </c>
      <c r="D37737" s="6"/>
      <c r="E37737" s="6" t="s">
        <v>25121</v>
      </c>
      <c r="F37737" s="7">
        <v>26039</v>
      </c>
      <c r="G37737" s="8">
        <v>3240000</v>
      </c>
      <c r="H37737" s="8">
        <v>1</v>
      </c>
      <c r="I37737" s="8">
        <v>3239999</v>
      </c>
      <c r="J37737" s="8">
        <v>1</v>
      </c>
      <c r="K37737" s="9"/>
      <c r="L37737" s="6"/>
    </row>
    <row r="37738" spans="1:12">
      <c r="A37738" s="6" t="s">
        <v>37450</v>
      </c>
      <c r="B37738" s="6"/>
      <c r="C37738" s="6" t="s">
        <v>32230</v>
      </c>
      <c r="D37738" s="6"/>
      <c r="E37738" s="6" t="s">
        <v>25121</v>
      </c>
      <c r="F37738" s="7">
        <v>35061</v>
      </c>
      <c r="G37738" s="8">
        <v>6480000</v>
      </c>
      <c r="H37738" s="8">
        <v>972000</v>
      </c>
      <c r="I37738" s="8">
        <v>5728320</v>
      </c>
      <c r="J37738" s="8">
        <v>751680</v>
      </c>
      <c r="K37738" s="9"/>
      <c r="L37738" s="6"/>
    </row>
    <row r="37739" spans="1:12">
      <c r="A37739" s="6" t="s">
        <v>37451</v>
      </c>
      <c r="B37739" s="6"/>
      <c r="C37739" s="6" t="s">
        <v>32230</v>
      </c>
      <c r="D37739" s="6"/>
      <c r="E37739" s="6" t="s">
        <v>25121</v>
      </c>
      <c r="F37739" s="7">
        <v>35244</v>
      </c>
      <c r="G37739" s="8">
        <v>6480000</v>
      </c>
      <c r="H37739" s="8">
        <v>1192320</v>
      </c>
      <c r="I37739" s="8">
        <v>5508000</v>
      </c>
      <c r="J37739" s="8">
        <v>972000</v>
      </c>
      <c r="K37739" s="9"/>
      <c r="L37739" s="6"/>
    </row>
    <row r="37740" spans="1:12">
      <c r="A37740" s="6" t="s">
        <v>37452</v>
      </c>
      <c r="B37740" s="6"/>
      <c r="C37740" s="6" t="s">
        <v>32230</v>
      </c>
      <c r="D37740" s="6"/>
      <c r="E37740" s="6" t="s">
        <v>25121</v>
      </c>
      <c r="F37740" s="7">
        <v>23371</v>
      </c>
      <c r="G37740" s="8">
        <v>3240000</v>
      </c>
      <c r="H37740" s="8">
        <v>1</v>
      </c>
      <c r="I37740" s="8">
        <v>3239999</v>
      </c>
      <c r="J37740" s="8">
        <v>1</v>
      </c>
      <c r="K37740" s="9"/>
      <c r="L37740" s="6"/>
    </row>
    <row r="37741" spans="1:12">
      <c r="A37741" s="6" t="s">
        <v>37453</v>
      </c>
      <c r="B37741" s="6"/>
      <c r="C37741" s="6" t="s">
        <v>32230</v>
      </c>
      <c r="D37741" s="6"/>
      <c r="E37741" s="6" t="s">
        <v>25121</v>
      </c>
      <c r="F37741" s="7">
        <v>26481</v>
      </c>
      <c r="G37741" s="8">
        <v>6480000</v>
      </c>
      <c r="H37741" s="8">
        <v>1</v>
      </c>
      <c r="I37741" s="8">
        <v>6479999</v>
      </c>
      <c r="J37741" s="8">
        <v>1</v>
      </c>
      <c r="K37741" s="9"/>
      <c r="L37741" s="6"/>
    </row>
    <row r="37742" spans="1:12">
      <c r="A37742" s="6" t="s">
        <v>37454</v>
      </c>
      <c r="B37742" s="6"/>
      <c r="C37742" s="6" t="s">
        <v>32230</v>
      </c>
      <c r="D37742" s="6"/>
      <c r="E37742" s="6" t="s">
        <v>25121</v>
      </c>
      <c r="F37742" s="7">
        <v>32457</v>
      </c>
      <c r="G37742" s="8">
        <v>6480000</v>
      </c>
      <c r="H37742" s="8">
        <v>1</v>
      </c>
      <c r="I37742" s="8">
        <v>6479999</v>
      </c>
      <c r="J37742" s="8">
        <v>1</v>
      </c>
      <c r="K37742" s="9"/>
      <c r="L37742" s="6"/>
    </row>
    <row r="37743" spans="1:12">
      <c r="A37743" s="6" t="s">
        <v>37455</v>
      </c>
      <c r="B37743" s="6"/>
      <c r="C37743" s="6" t="s">
        <v>32230</v>
      </c>
      <c r="D37743" s="6"/>
      <c r="E37743" s="6" t="s">
        <v>25121</v>
      </c>
      <c r="F37743" s="7">
        <v>26816</v>
      </c>
      <c r="G37743" s="8">
        <v>3240000</v>
      </c>
      <c r="H37743" s="8">
        <v>1</v>
      </c>
      <c r="I37743" s="8">
        <v>3239999</v>
      </c>
      <c r="J37743" s="8">
        <v>1</v>
      </c>
      <c r="K37743" s="9"/>
      <c r="L37743" s="6"/>
    </row>
    <row r="37744" spans="1:12">
      <c r="A37744" s="6" t="s">
        <v>37456</v>
      </c>
      <c r="B37744" s="6"/>
      <c r="C37744" s="6" t="s">
        <v>32230</v>
      </c>
      <c r="D37744" s="6"/>
      <c r="E37744" s="6" t="s">
        <v>25121</v>
      </c>
      <c r="F37744" s="7">
        <v>26499</v>
      </c>
      <c r="G37744" s="8">
        <v>3240000</v>
      </c>
      <c r="H37744" s="8">
        <v>1</v>
      </c>
      <c r="I37744" s="8">
        <v>3239999</v>
      </c>
      <c r="J37744" s="8">
        <v>1</v>
      </c>
      <c r="K37744" s="9"/>
      <c r="L37744" s="6"/>
    </row>
    <row r="37745" spans="1:12">
      <c r="A37745" s="6" t="s">
        <v>37457</v>
      </c>
      <c r="B37745" s="6"/>
      <c r="C37745" s="6" t="s">
        <v>32230</v>
      </c>
      <c r="D37745" s="6"/>
      <c r="E37745" s="6" t="s">
        <v>25121</v>
      </c>
      <c r="F37745" s="7">
        <v>26481</v>
      </c>
      <c r="G37745" s="8">
        <v>6480000</v>
      </c>
      <c r="H37745" s="8">
        <v>1</v>
      </c>
      <c r="I37745" s="8">
        <v>6479999</v>
      </c>
      <c r="J37745" s="8">
        <v>1</v>
      </c>
      <c r="K37745" s="9"/>
      <c r="L37745" s="6"/>
    </row>
    <row r="37746" spans="1:12">
      <c r="A37746" s="6" t="s">
        <v>37458</v>
      </c>
      <c r="B37746" s="6"/>
      <c r="C37746" s="6" t="s">
        <v>32230</v>
      </c>
      <c r="D37746" s="6"/>
      <c r="E37746" s="6" t="s">
        <v>25121</v>
      </c>
      <c r="F37746" s="7">
        <v>30768</v>
      </c>
      <c r="G37746" s="8">
        <v>6480000</v>
      </c>
      <c r="H37746" s="8">
        <v>1</v>
      </c>
      <c r="I37746" s="8">
        <v>6479999</v>
      </c>
      <c r="J37746" s="8">
        <v>1</v>
      </c>
      <c r="K37746" s="9"/>
      <c r="L37746" s="6"/>
    </row>
    <row r="37747" spans="1:12">
      <c r="A37747" s="6" t="s">
        <v>37459</v>
      </c>
      <c r="B37747" s="6"/>
      <c r="C37747" s="6" t="s">
        <v>32230</v>
      </c>
      <c r="D37747" s="6"/>
      <c r="E37747" s="6" t="s">
        <v>25121</v>
      </c>
      <c r="F37747" s="7">
        <v>30938</v>
      </c>
      <c r="G37747" s="8">
        <v>6480000</v>
      </c>
      <c r="H37747" s="8">
        <v>1</v>
      </c>
      <c r="I37747" s="8">
        <v>6479999</v>
      </c>
      <c r="J37747" s="8">
        <v>1</v>
      </c>
      <c r="K37747" s="9"/>
      <c r="L37747" s="6"/>
    </row>
    <row r="37748" spans="1:12">
      <c r="A37748" s="6" t="s">
        <v>37460</v>
      </c>
      <c r="B37748" s="6"/>
      <c r="C37748" s="6" t="s">
        <v>32230</v>
      </c>
      <c r="D37748" s="6"/>
      <c r="E37748" s="6" t="s">
        <v>25121</v>
      </c>
      <c r="F37748" s="7">
        <v>35520</v>
      </c>
      <c r="G37748" s="8">
        <v>6480000</v>
      </c>
      <c r="H37748" s="8">
        <v>1192320</v>
      </c>
      <c r="I37748" s="8">
        <v>5508000</v>
      </c>
      <c r="J37748" s="8">
        <v>972000</v>
      </c>
      <c r="K37748" s="9"/>
      <c r="L37748" s="6"/>
    </row>
    <row r="37749" spans="1:12">
      <c r="A37749" s="6" t="s">
        <v>37461</v>
      </c>
      <c r="B37749" s="6"/>
      <c r="C37749" s="6" t="s">
        <v>32230</v>
      </c>
      <c r="D37749" s="6"/>
      <c r="E37749" s="6" t="s">
        <v>25121</v>
      </c>
      <c r="F37749" s="7">
        <v>41361</v>
      </c>
      <c r="G37749" s="8">
        <v>4788000</v>
      </c>
      <c r="H37749" s="8">
        <v>3485664</v>
      </c>
      <c r="I37749" s="8">
        <v>1465128</v>
      </c>
      <c r="J37749" s="8">
        <v>3322872</v>
      </c>
      <c r="K37749" s="9"/>
      <c r="L37749" s="6"/>
    </row>
    <row r="37750" spans="1:12">
      <c r="A37750" s="6" t="s">
        <v>37462</v>
      </c>
      <c r="B37750" s="6"/>
      <c r="C37750" s="6" t="s">
        <v>32230</v>
      </c>
      <c r="D37750" s="6"/>
      <c r="E37750" s="6" t="s">
        <v>25121</v>
      </c>
      <c r="F37750" s="7">
        <v>23539</v>
      </c>
      <c r="G37750" s="8">
        <v>2430000</v>
      </c>
      <c r="H37750" s="8">
        <v>1</v>
      </c>
      <c r="I37750" s="8">
        <v>2429999</v>
      </c>
      <c r="J37750" s="8">
        <v>1</v>
      </c>
      <c r="K37750" s="9"/>
      <c r="L37750" s="6"/>
    </row>
    <row r="37751" spans="1:12">
      <c r="A37751" s="6" t="s">
        <v>37463</v>
      </c>
      <c r="B37751" s="6"/>
      <c r="C37751" s="6" t="s">
        <v>32230</v>
      </c>
      <c r="D37751" s="6"/>
      <c r="E37751" s="6" t="s">
        <v>25121</v>
      </c>
      <c r="F37751" s="7"/>
      <c r="G37751" s="8">
        <v>1</v>
      </c>
      <c r="H37751" s="8">
        <v>1</v>
      </c>
      <c r="I37751" s="8">
        <v>0</v>
      </c>
      <c r="J37751" s="8">
        <v>1</v>
      </c>
      <c r="K37751" s="9"/>
      <c r="L37751" s="6"/>
    </row>
    <row r="37752" spans="1:12">
      <c r="A37752" s="6" t="s">
        <v>37464</v>
      </c>
      <c r="B37752" s="6"/>
      <c r="C37752" s="6" t="s">
        <v>32230</v>
      </c>
      <c r="D37752" s="6"/>
      <c r="E37752" s="6" t="s">
        <v>25121</v>
      </c>
      <c r="F37752" s="7">
        <v>36251</v>
      </c>
      <c r="G37752" s="8">
        <v>6480000</v>
      </c>
      <c r="H37752" s="8">
        <v>1853280</v>
      </c>
      <c r="I37752" s="8">
        <v>4847040</v>
      </c>
      <c r="J37752" s="8">
        <v>1632960</v>
      </c>
      <c r="K37752" s="9"/>
      <c r="L37752" s="6"/>
    </row>
    <row r="37753" spans="1:12">
      <c r="A37753" s="6" t="s">
        <v>37465</v>
      </c>
      <c r="B37753" s="6"/>
      <c r="C37753" s="6" t="s">
        <v>32230</v>
      </c>
      <c r="D37753" s="6"/>
      <c r="E37753" s="6" t="s">
        <v>25121</v>
      </c>
      <c r="F37753" s="7">
        <v>34929</v>
      </c>
      <c r="G37753" s="8">
        <v>6480000</v>
      </c>
      <c r="H37753" s="8">
        <v>972000</v>
      </c>
      <c r="I37753" s="8">
        <v>5728320</v>
      </c>
      <c r="J37753" s="8">
        <v>751680</v>
      </c>
      <c r="K37753" s="9"/>
      <c r="L37753" s="6"/>
    </row>
    <row r="37754" spans="1:12">
      <c r="A37754" s="6" t="s">
        <v>37466</v>
      </c>
      <c r="B37754" s="6"/>
      <c r="C37754" s="6" t="s">
        <v>32230</v>
      </c>
      <c r="D37754" s="6"/>
      <c r="E37754" s="6" t="s">
        <v>9</v>
      </c>
      <c r="F37754" s="7">
        <v>43555</v>
      </c>
      <c r="G37754" s="8">
        <v>967680</v>
      </c>
      <c r="H37754" s="8">
        <v>870912</v>
      </c>
      <c r="I37754" s="8">
        <v>145152</v>
      </c>
      <c r="J37754" s="8">
        <v>822528</v>
      </c>
      <c r="K37754" s="9"/>
      <c r="L37754" s="6"/>
    </row>
    <row r="37755" spans="1:12">
      <c r="A37755" s="6" t="s">
        <v>37467</v>
      </c>
      <c r="B37755" s="6"/>
      <c r="C37755" s="6" t="s">
        <v>32230</v>
      </c>
      <c r="D37755" s="6"/>
      <c r="E37755" s="6" t="s">
        <v>25121</v>
      </c>
      <c r="F37755" s="7">
        <v>19450</v>
      </c>
      <c r="G37755" s="8">
        <v>6480000</v>
      </c>
      <c r="H37755" s="8">
        <v>1</v>
      </c>
      <c r="I37755" s="8">
        <v>6479999</v>
      </c>
      <c r="J37755" s="8">
        <v>1</v>
      </c>
      <c r="K37755" s="9"/>
      <c r="L37755" s="6"/>
    </row>
    <row r="37756" spans="1:12">
      <c r="A37756" s="6" t="s">
        <v>37468</v>
      </c>
      <c r="B37756" s="6"/>
      <c r="C37756" s="6" t="s">
        <v>32230</v>
      </c>
      <c r="D37756" s="6"/>
      <c r="E37756" s="6" t="s">
        <v>25121</v>
      </c>
      <c r="F37756" s="7">
        <v>11293</v>
      </c>
      <c r="G37756" s="8">
        <v>6480000</v>
      </c>
      <c r="H37756" s="8">
        <v>1</v>
      </c>
      <c r="I37756" s="8">
        <v>6479999</v>
      </c>
      <c r="J37756" s="8">
        <v>1</v>
      </c>
      <c r="K37756" s="9"/>
      <c r="L37756" s="6"/>
    </row>
    <row r="37757" spans="1:12">
      <c r="A37757" s="6" t="s">
        <v>37469</v>
      </c>
      <c r="B37757" s="6"/>
      <c r="C37757" s="6" t="s">
        <v>32230</v>
      </c>
      <c r="D37757" s="6"/>
      <c r="E37757" s="6" t="s">
        <v>25121</v>
      </c>
      <c r="F37757" s="7">
        <v>19815</v>
      </c>
      <c r="G37757" s="8">
        <v>6480000</v>
      </c>
      <c r="H37757" s="8">
        <v>1</v>
      </c>
      <c r="I37757" s="8">
        <v>6479999</v>
      </c>
      <c r="J37757" s="8">
        <v>1</v>
      </c>
      <c r="K37757" s="9"/>
      <c r="L37757" s="6"/>
    </row>
    <row r="37758" spans="1:12">
      <c r="A37758" s="6" t="s">
        <v>37470</v>
      </c>
      <c r="B37758" s="6"/>
      <c r="C37758" s="6" t="s">
        <v>32230</v>
      </c>
      <c r="D37758" s="6"/>
      <c r="E37758" s="6" t="s">
        <v>25121</v>
      </c>
      <c r="F37758" s="7">
        <v>23907</v>
      </c>
      <c r="G37758" s="8">
        <v>3240000</v>
      </c>
      <c r="H37758" s="8">
        <v>1</v>
      </c>
      <c r="I37758" s="8">
        <v>3239999</v>
      </c>
      <c r="J37758" s="8">
        <v>1</v>
      </c>
      <c r="K37758" s="9"/>
      <c r="L37758" s="6"/>
    </row>
    <row r="37759" spans="1:12">
      <c r="A37759" s="6" t="s">
        <v>37471</v>
      </c>
      <c r="B37759" s="6"/>
      <c r="C37759" s="6" t="s">
        <v>32230</v>
      </c>
      <c r="D37759" s="6"/>
      <c r="E37759" s="6" t="s">
        <v>25121</v>
      </c>
      <c r="F37759" s="7"/>
      <c r="G37759" s="8">
        <v>1</v>
      </c>
      <c r="H37759" s="8">
        <v>1</v>
      </c>
      <c r="I37759" s="8">
        <v>0</v>
      </c>
      <c r="J37759" s="8">
        <v>1</v>
      </c>
      <c r="K37759" s="9"/>
      <c r="L37759" s="6"/>
    </row>
    <row r="37760" spans="1:12">
      <c r="A37760" s="6" t="s">
        <v>37472</v>
      </c>
      <c r="B37760" s="6"/>
      <c r="C37760" s="6" t="s">
        <v>32230</v>
      </c>
      <c r="D37760" s="6"/>
      <c r="E37760" s="6" t="s">
        <v>25121</v>
      </c>
      <c r="F37760" s="7">
        <v>29965</v>
      </c>
      <c r="G37760" s="8">
        <v>6480000</v>
      </c>
      <c r="H37760" s="8">
        <v>1</v>
      </c>
      <c r="I37760" s="8">
        <v>6479999</v>
      </c>
      <c r="J37760" s="8">
        <v>1</v>
      </c>
      <c r="K37760" s="9"/>
      <c r="L37760" s="6"/>
    </row>
    <row r="37761" spans="1:12">
      <c r="A37761" s="6" t="s">
        <v>37473</v>
      </c>
      <c r="B37761" s="6"/>
      <c r="C37761" s="6" t="s">
        <v>32230</v>
      </c>
      <c r="D37761" s="6"/>
      <c r="E37761" s="6" t="s">
        <v>25121</v>
      </c>
      <c r="F37761" s="7">
        <v>35912</v>
      </c>
      <c r="G37761" s="8">
        <v>6480000</v>
      </c>
      <c r="H37761" s="8">
        <v>1632960</v>
      </c>
      <c r="I37761" s="8">
        <v>5067360</v>
      </c>
      <c r="J37761" s="8">
        <v>1412640</v>
      </c>
      <c r="K37761" s="9"/>
      <c r="L37761" s="6"/>
    </row>
    <row r="37762" spans="1:12">
      <c r="A37762" s="6" t="s">
        <v>37474</v>
      </c>
      <c r="B37762" s="6"/>
      <c r="C37762" s="6" t="s">
        <v>32230</v>
      </c>
      <c r="D37762" s="6"/>
      <c r="E37762" s="6" t="s">
        <v>25121</v>
      </c>
      <c r="F37762" s="7">
        <v>38653</v>
      </c>
      <c r="G37762" s="8">
        <v>6480000</v>
      </c>
      <c r="H37762" s="8">
        <v>3175200</v>
      </c>
      <c r="I37762" s="8">
        <v>3525120</v>
      </c>
      <c r="J37762" s="8">
        <v>2954880</v>
      </c>
      <c r="K37762" s="9"/>
      <c r="L37762" s="6"/>
    </row>
    <row r="37763" spans="1:12">
      <c r="A37763" s="6" t="s">
        <v>37475</v>
      </c>
      <c r="B37763" s="6"/>
      <c r="C37763" s="6" t="s">
        <v>32230</v>
      </c>
      <c r="D37763" s="6"/>
      <c r="E37763" s="6" t="s">
        <v>25121</v>
      </c>
      <c r="F37763" s="7">
        <v>31107</v>
      </c>
      <c r="G37763" s="8">
        <v>6480000</v>
      </c>
      <c r="H37763" s="8">
        <v>1</v>
      </c>
      <c r="I37763" s="8">
        <v>6479999</v>
      </c>
      <c r="J37763" s="8">
        <v>1</v>
      </c>
      <c r="K37763" s="9"/>
      <c r="L37763" s="6"/>
    </row>
    <row r="37764" spans="1:12">
      <c r="A37764" s="6" t="s">
        <v>37476</v>
      </c>
      <c r="B37764" s="6"/>
      <c r="C37764" s="6" t="s">
        <v>32230</v>
      </c>
      <c r="D37764" s="6"/>
      <c r="E37764" s="6" t="s">
        <v>25121</v>
      </c>
      <c r="F37764" s="7">
        <v>29150</v>
      </c>
      <c r="G37764" s="8">
        <v>6480000</v>
      </c>
      <c r="H37764" s="8">
        <v>1</v>
      </c>
      <c r="I37764" s="8">
        <v>6479999</v>
      </c>
      <c r="J37764" s="8">
        <v>1</v>
      </c>
      <c r="K37764" s="9"/>
      <c r="L37764" s="6"/>
    </row>
    <row r="37765" spans="1:12">
      <c r="A37765" s="6" t="s">
        <v>37477</v>
      </c>
      <c r="B37765" s="6"/>
      <c r="C37765" s="6" t="s">
        <v>32230</v>
      </c>
      <c r="D37765" s="6"/>
      <c r="E37765" s="6" t="s">
        <v>25121</v>
      </c>
      <c r="F37765" s="7">
        <v>29560</v>
      </c>
      <c r="G37765" s="8">
        <v>6480000</v>
      </c>
      <c r="H37765" s="8">
        <v>1</v>
      </c>
      <c r="I37765" s="8">
        <v>6479999</v>
      </c>
      <c r="J37765" s="8">
        <v>1</v>
      </c>
      <c r="K37765" s="9"/>
      <c r="L37765" s="6"/>
    </row>
    <row r="37766" spans="1:12">
      <c r="A37766" s="6" t="s">
        <v>37478</v>
      </c>
      <c r="B37766" s="6"/>
      <c r="C37766" s="6" t="s">
        <v>32230</v>
      </c>
      <c r="D37766" s="6"/>
      <c r="E37766" s="6" t="s">
        <v>25121</v>
      </c>
      <c r="F37766" s="7">
        <v>28390</v>
      </c>
      <c r="G37766" s="8">
        <v>6480000</v>
      </c>
      <c r="H37766" s="8">
        <v>1</v>
      </c>
      <c r="I37766" s="8">
        <v>6479999</v>
      </c>
      <c r="J37766" s="8">
        <v>1</v>
      </c>
      <c r="K37766" s="9"/>
      <c r="L37766" s="6"/>
    </row>
    <row r="37767" spans="1:12">
      <c r="A37767" s="6" t="s">
        <v>37479</v>
      </c>
      <c r="B37767" s="6"/>
      <c r="C37767" s="6" t="s">
        <v>32230</v>
      </c>
      <c r="D37767" s="6"/>
      <c r="E37767" s="6" t="s">
        <v>25121</v>
      </c>
      <c r="F37767" s="7">
        <v>34929</v>
      </c>
      <c r="G37767" s="8">
        <v>6480000</v>
      </c>
      <c r="H37767" s="8">
        <v>972000</v>
      </c>
      <c r="I37767" s="8">
        <v>5728320</v>
      </c>
      <c r="J37767" s="8">
        <v>751680</v>
      </c>
      <c r="K37767" s="9"/>
      <c r="L37767" s="6"/>
    </row>
    <row r="37768" spans="1:12">
      <c r="A37768" s="6" t="s">
        <v>37480</v>
      </c>
      <c r="B37768" s="6"/>
      <c r="C37768" s="6" t="s">
        <v>32230</v>
      </c>
      <c r="D37768" s="6"/>
      <c r="E37768" s="6" t="s">
        <v>25121</v>
      </c>
      <c r="F37768" s="7">
        <v>11232</v>
      </c>
      <c r="G37768" s="8">
        <v>6480000</v>
      </c>
      <c r="H37768" s="8">
        <v>1</v>
      </c>
      <c r="I37768" s="8">
        <v>6479999</v>
      </c>
      <c r="J37768" s="8">
        <v>1</v>
      </c>
      <c r="K37768" s="9"/>
      <c r="L37768" s="6"/>
    </row>
    <row r="37769" spans="1:12">
      <c r="A37769" s="6" t="s">
        <v>37481</v>
      </c>
      <c r="B37769" s="6"/>
      <c r="C37769" s="6" t="s">
        <v>32230</v>
      </c>
      <c r="D37769" s="6"/>
      <c r="E37769" s="6" t="s">
        <v>25121</v>
      </c>
      <c r="F37769" s="7">
        <v>32013</v>
      </c>
      <c r="G37769" s="8">
        <v>6480000</v>
      </c>
      <c r="H37769" s="8">
        <v>1</v>
      </c>
      <c r="I37769" s="8">
        <v>6479999</v>
      </c>
      <c r="J37769" s="8">
        <v>1</v>
      </c>
      <c r="K37769" s="9"/>
      <c r="L37769" s="6"/>
    </row>
    <row r="37770" spans="1:12">
      <c r="A37770" s="6" t="s">
        <v>37482</v>
      </c>
      <c r="B37770" s="6"/>
      <c r="C37770" s="6" t="s">
        <v>32230</v>
      </c>
      <c r="D37770" s="6"/>
      <c r="E37770" s="6" t="s">
        <v>25121</v>
      </c>
      <c r="F37770" s="7">
        <v>33252</v>
      </c>
      <c r="G37770" s="8">
        <v>6480000</v>
      </c>
      <c r="H37770" s="8">
        <v>1</v>
      </c>
      <c r="I37770" s="8">
        <v>6479999</v>
      </c>
      <c r="J37770" s="8">
        <v>1</v>
      </c>
      <c r="K37770" s="9"/>
      <c r="L37770" s="6"/>
    </row>
    <row r="37771" spans="1:12">
      <c r="A37771" s="6" t="s">
        <v>37483</v>
      </c>
      <c r="B37771" s="6"/>
      <c r="C37771" s="6" t="s">
        <v>32230</v>
      </c>
      <c r="D37771" s="6"/>
      <c r="E37771" s="6" t="s">
        <v>25121</v>
      </c>
      <c r="F37771" s="7">
        <v>29307</v>
      </c>
      <c r="G37771" s="8">
        <v>6480000</v>
      </c>
      <c r="H37771" s="8">
        <v>1</v>
      </c>
      <c r="I37771" s="8">
        <v>6479999</v>
      </c>
      <c r="J37771" s="8">
        <v>1</v>
      </c>
      <c r="K37771" s="9"/>
      <c r="L37771" s="6"/>
    </row>
    <row r="37772" spans="1:12">
      <c r="A37772" s="6" t="s">
        <v>37484</v>
      </c>
      <c r="B37772" s="6"/>
      <c r="C37772" s="6" t="s">
        <v>32230</v>
      </c>
      <c r="D37772" s="6"/>
      <c r="E37772" s="6" t="s">
        <v>25121</v>
      </c>
      <c r="F37772" s="7">
        <v>11297</v>
      </c>
      <c r="G37772" s="8">
        <v>6480000</v>
      </c>
      <c r="H37772" s="8">
        <v>1</v>
      </c>
      <c r="I37772" s="8">
        <v>6479999</v>
      </c>
      <c r="J37772" s="8">
        <v>1</v>
      </c>
      <c r="K37772" s="9"/>
      <c r="L37772" s="6"/>
    </row>
    <row r="37773" spans="1:12">
      <c r="A37773" s="6" t="s">
        <v>37485</v>
      </c>
      <c r="B37773" s="6"/>
      <c r="C37773" s="6" t="s">
        <v>32230</v>
      </c>
      <c r="D37773" s="6"/>
      <c r="E37773" s="6" t="s">
        <v>25121</v>
      </c>
      <c r="F37773" s="7">
        <v>35520</v>
      </c>
      <c r="G37773" s="8">
        <v>6480000</v>
      </c>
      <c r="H37773" s="8">
        <v>1192320</v>
      </c>
      <c r="I37773" s="8">
        <v>5508000</v>
      </c>
      <c r="J37773" s="8">
        <v>972000</v>
      </c>
      <c r="K37773" s="9"/>
      <c r="L37773" s="6"/>
    </row>
    <row r="37774" spans="1:12">
      <c r="A37774" s="6" t="s">
        <v>37486</v>
      </c>
      <c r="B37774" s="6"/>
      <c r="C37774" s="6" t="s">
        <v>32230</v>
      </c>
      <c r="D37774" s="6"/>
      <c r="E37774" s="6" t="s">
        <v>25121</v>
      </c>
      <c r="F37774" s="7">
        <v>29309</v>
      </c>
      <c r="G37774" s="8">
        <v>6480000</v>
      </c>
      <c r="H37774" s="8">
        <v>1</v>
      </c>
      <c r="I37774" s="8">
        <v>6479999</v>
      </c>
      <c r="J37774" s="8">
        <v>1</v>
      </c>
      <c r="K37774" s="9"/>
      <c r="L37774" s="6"/>
    </row>
    <row r="37775" spans="1:12">
      <c r="A37775" s="6" t="s">
        <v>37487</v>
      </c>
      <c r="B37775" s="6"/>
      <c r="C37775" s="6" t="s">
        <v>32230</v>
      </c>
      <c r="D37775" s="6"/>
      <c r="E37775" s="6" t="s">
        <v>25121</v>
      </c>
      <c r="F37775" s="7">
        <v>26982</v>
      </c>
      <c r="G37775" s="8">
        <v>6480000</v>
      </c>
      <c r="H37775" s="8">
        <v>1</v>
      </c>
      <c r="I37775" s="8">
        <v>6479999</v>
      </c>
      <c r="J37775" s="8">
        <v>1</v>
      </c>
      <c r="K37775" s="9"/>
      <c r="L37775" s="6"/>
    </row>
    <row r="37776" spans="1:12">
      <c r="A37776" s="6" t="s">
        <v>37488</v>
      </c>
      <c r="B37776" s="6"/>
      <c r="C37776" s="6" t="s">
        <v>32230</v>
      </c>
      <c r="D37776" s="6"/>
      <c r="E37776" s="6" t="s">
        <v>25121</v>
      </c>
      <c r="F37776" s="7">
        <v>29309</v>
      </c>
      <c r="G37776" s="8">
        <v>6480000</v>
      </c>
      <c r="H37776" s="8">
        <v>1</v>
      </c>
      <c r="I37776" s="8">
        <v>6479999</v>
      </c>
      <c r="J37776" s="8">
        <v>1</v>
      </c>
      <c r="K37776" s="9"/>
      <c r="L37776" s="6"/>
    </row>
    <row r="37777" spans="1:12">
      <c r="A37777" s="6" t="s">
        <v>37489</v>
      </c>
      <c r="B37777" s="6"/>
      <c r="C37777" s="6" t="s">
        <v>32230</v>
      </c>
      <c r="D37777" s="6"/>
      <c r="E37777" s="6" t="s">
        <v>25121</v>
      </c>
      <c r="F37777" s="7">
        <v>27567</v>
      </c>
      <c r="G37777" s="8">
        <v>6480000</v>
      </c>
      <c r="H37777" s="8">
        <v>1</v>
      </c>
      <c r="I37777" s="8">
        <v>6479999</v>
      </c>
      <c r="J37777" s="8">
        <v>1</v>
      </c>
      <c r="K37777" s="9"/>
      <c r="L37777" s="6"/>
    </row>
    <row r="37778" spans="1:12">
      <c r="A37778" s="6" t="s">
        <v>37490</v>
      </c>
      <c r="B37778" s="6"/>
      <c r="C37778" s="6" t="s">
        <v>32230</v>
      </c>
      <c r="D37778" s="6"/>
      <c r="E37778" s="6" t="s">
        <v>25121</v>
      </c>
      <c r="F37778" s="7">
        <v>29300</v>
      </c>
      <c r="G37778" s="8">
        <v>6480000</v>
      </c>
      <c r="H37778" s="8">
        <v>1</v>
      </c>
      <c r="I37778" s="8">
        <v>6479999</v>
      </c>
      <c r="J37778" s="8">
        <v>1</v>
      </c>
      <c r="K37778" s="9"/>
      <c r="L37778" s="6"/>
    </row>
    <row r="37779" spans="1:12">
      <c r="A37779" s="6" t="s">
        <v>37491</v>
      </c>
      <c r="B37779" s="6"/>
      <c r="C37779" s="6" t="s">
        <v>32230</v>
      </c>
      <c r="D37779" s="6"/>
      <c r="E37779" s="6" t="s">
        <v>25121</v>
      </c>
      <c r="F37779" s="7">
        <v>37316</v>
      </c>
      <c r="G37779" s="8">
        <v>6480000</v>
      </c>
      <c r="H37779" s="8">
        <v>2293920</v>
      </c>
      <c r="I37779" s="8">
        <v>4406400</v>
      </c>
      <c r="J37779" s="8">
        <v>2073600</v>
      </c>
      <c r="K37779" s="9"/>
      <c r="L37779" s="6"/>
    </row>
    <row r="37780" spans="1:12">
      <c r="A37780" s="6" t="s">
        <v>37492</v>
      </c>
      <c r="B37780" s="6"/>
      <c r="C37780" s="6" t="s">
        <v>32230</v>
      </c>
      <c r="D37780" s="6"/>
      <c r="E37780" s="6" t="s">
        <v>25121</v>
      </c>
      <c r="F37780" s="7">
        <v>37595</v>
      </c>
      <c r="G37780" s="8">
        <v>6480000</v>
      </c>
      <c r="H37780" s="8">
        <v>2514240</v>
      </c>
      <c r="I37780" s="8">
        <v>4186080</v>
      </c>
      <c r="J37780" s="8">
        <v>2293920</v>
      </c>
      <c r="K37780" s="9"/>
      <c r="L37780" s="6"/>
    </row>
    <row r="37781" spans="1:12">
      <c r="A37781" s="6" t="s">
        <v>37493</v>
      </c>
      <c r="B37781" s="6"/>
      <c r="C37781" s="6" t="s">
        <v>32230</v>
      </c>
      <c r="D37781" s="6"/>
      <c r="E37781" s="6" t="s">
        <v>25121</v>
      </c>
      <c r="F37781" s="7">
        <v>38996</v>
      </c>
      <c r="G37781" s="8">
        <v>6480000</v>
      </c>
      <c r="H37781" s="8">
        <v>3395520</v>
      </c>
      <c r="I37781" s="8">
        <v>3304800</v>
      </c>
      <c r="J37781" s="8">
        <v>3175200</v>
      </c>
      <c r="K37781" s="9"/>
      <c r="L37781" s="6"/>
    </row>
    <row r="37782" spans="1:12">
      <c r="A37782" s="6" t="s">
        <v>37494</v>
      </c>
      <c r="B37782" s="6"/>
      <c r="C37782" s="6" t="s">
        <v>32230</v>
      </c>
      <c r="D37782" s="6"/>
      <c r="E37782" s="6" t="s">
        <v>25121</v>
      </c>
      <c r="F37782" s="7">
        <v>40057</v>
      </c>
      <c r="G37782" s="8">
        <v>6480000</v>
      </c>
      <c r="H37782" s="8">
        <v>4056480</v>
      </c>
      <c r="I37782" s="8">
        <v>2643840</v>
      </c>
      <c r="J37782" s="8">
        <v>3836160</v>
      </c>
      <c r="K37782" s="9"/>
      <c r="L37782" s="6"/>
    </row>
    <row r="37783" spans="1:12">
      <c r="A37783" s="6" t="s">
        <v>37495</v>
      </c>
      <c r="B37783" s="6"/>
      <c r="C37783" s="6" t="s">
        <v>32230</v>
      </c>
      <c r="D37783" s="6"/>
      <c r="E37783" s="6" t="s">
        <v>25121</v>
      </c>
      <c r="F37783" s="7">
        <v>40057</v>
      </c>
      <c r="G37783" s="8">
        <v>6480000</v>
      </c>
      <c r="H37783" s="8">
        <v>4056480</v>
      </c>
      <c r="I37783" s="8">
        <v>2643840</v>
      </c>
      <c r="J37783" s="8">
        <v>3836160</v>
      </c>
      <c r="K37783" s="9"/>
      <c r="L37783" s="6"/>
    </row>
    <row r="37784" spans="1:12">
      <c r="A37784" s="6" t="s">
        <v>37496</v>
      </c>
      <c r="B37784" s="6"/>
      <c r="C37784" s="6" t="s">
        <v>32230</v>
      </c>
      <c r="D37784" s="6"/>
      <c r="E37784" s="6" t="s">
        <v>25121</v>
      </c>
      <c r="F37784" s="7">
        <v>29677</v>
      </c>
      <c r="G37784" s="8">
        <v>6480000</v>
      </c>
      <c r="H37784" s="8">
        <v>1</v>
      </c>
      <c r="I37784" s="8">
        <v>6479999</v>
      </c>
      <c r="J37784" s="8">
        <v>1</v>
      </c>
      <c r="K37784" s="9"/>
      <c r="L37784" s="6"/>
    </row>
    <row r="37785" spans="1:12">
      <c r="A37785" s="6" t="s">
        <v>37497</v>
      </c>
      <c r="B37785" s="6"/>
      <c r="C37785" s="6" t="s">
        <v>32230</v>
      </c>
      <c r="D37785" s="6"/>
      <c r="E37785" s="6" t="s">
        <v>25121</v>
      </c>
      <c r="F37785" s="7">
        <v>26598</v>
      </c>
      <c r="G37785" s="8">
        <v>6480000</v>
      </c>
      <c r="H37785" s="8">
        <v>1</v>
      </c>
      <c r="I37785" s="8">
        <v>6479999</v>
      </c>
      <c r="J37785" s="8">
        <v>1</v>
      </c>
      <c r="K37785" s="9"/>
      <c r="L37785" s="6"/>
    </row>
    <row r="37786" spans="1:12">
      <c r="A37786" s="6" t="s">
        <v>37498</v>
      </c>
      <c r="B37786" s="6"/>
      <c r="C37786" s="6" t="s">
        <v>32230</v>
      </c>
      <c r="D37786" s="6"/>
      <c r="E37786" s="6" t="s">
        <v>25121</v>
      </c>
      <c r="F37786" s="7"/>
      <c r="G37786" s="8">
        <v>1</v>
      </c>
      <c r="H37786" s="8">
        <v>1</v>
      </c>
      <c r="I37786" s="8">
        <v>0</v>
      </c>
      <c r="J37786" s="8">
        <v>1</v>
      </c>
      <c r="K37786" s="9"/>
      <c r="L37786" s="6"/>
    </row>
    <row r="37787" spans="1:12">
      <c r="A37787" s="6" t="s">
        <v>37499</v>
      </c>
      <c r="B37787" s="6"/>
      <c r="C37787" s="6" t="s">
        <v>32230</v>
      </c>
      <c r="D37787" s="6"/>
      <c r="E37787" s="6" t="s">
        <v>25121</v>
      </c>
      <c r="F37787" s="7">
        <v>29311</v>
      </c>
      <c r="G37787" s="8">
        <v>6480000</v>
      </c>
      <c r="H37787" s="8">
        <v>1</v>
      </c>
      <c r="I37787" s="8">
        <v>6479999</v>
      </c>
      <c r="J37787" s="8">
        <v>1</v>
      </c>
      <c r="K37787" s="9"/>
      <c r="L37787" s="6"/>
    </row>
    <row r="37788" spans="1:12">
      <c r="A37788" s="6" t="s">
        <v>37500</v>
      </c>
      <c r="B37788" s="6"/>
      <c r="C37788" s="6" t="s">
        <v>32230</v>
      </c>
      <c r="D37788" s="6"/>
      <c r="E37788" s="6" t="s">
        <v>25121</v>
      </c>
      <c r="F37788" s="7">
        <v>29560</v>
      </c>
      <c r="G37788" s="8">
        <v>6480000</v>
      </c>
      <c r="H37788" s="8">
        <v>1</v>
      </c>
      <c r="I37788" s="8">
        <v>6479999</v>
      </c>
      <c r="J37788" s="8">
        <v>1</v>
      </c>
      <c r="K37788" s="9"/>
      <c r="L37788" s="6"/>
    </row>
    <row r="37789" spans="1:12">
      <c r="A37789" s="6" t="s">
        <v>37501</v>
      </c>
      <c r="B37789" s="6"/>
      <c r="C37789" s="6" t="s">
        <v>32230</v>
      </c>
      <c r="D37789" s="6"/>
      <c r="E37789" s="6" t="s">
        <v>25121</v>
      </c>
      <c r="F37789" s="7">
        <v>32457</v>
      </c>
      <c r="G37789" s="8">
        <v>6480000</v>
      </c>
      <c r="H37789" s="8">
        <v>1</v>
      </c>
      <c r="I37789" s="8">
        <v>6479999</v>
      </c>
      <c r="J37789" s="8">
        <v>1</v>
      </c>
      <c r="K37789" s="9"/>
      <c r="L37789" s="6"/>
    </row>
    <row r="37790" spans="1:12">
      <c r="A37790" s="6" t="s">
        <v>37502</v>
      </c>
      <c r="B37790" s="6"/>
      <c r="C37790" s="6" t="s">
        <v>32230</v>
      </c>
      <c r="D37790" s="6"/>
      <c r="E37790" s="6" t="s">
        <v>25121</v>
      </c>
      <c r="F37790" s="7">
        <v>32773</v>
      </c>
      <c r="G37790" s="8">
        <v>6480000</v>
      </c>
      <c r="H37790" s="8">
        <v>1</v>
      </c>
      <c r="I37790" s="8">
        <v>6479999</v>
      </c>
      <c r="J37790" s="8">
        <v>1</v>
      </c>
      <c r="K37790" s="9"/>
      <c r="L37790" s="6"/>
    </row>
    <row r="37791" spans="1:12">
      <c r="A37791" s="6" t="s">
        <v>37503</v>
      </c>
      <c r="B37791" s="6"/>
      <c r="C37791" s="6" t="s">
        <v>32230</v>
      </c>
      <c r="D37791" s="6"/>
      <c r="E37791" s="6" t="s">
        <v>25121</v>
      </c>
      <c r="F37791" s="7"/>
      <c r="G37791" s="8">
        <v>1</v>
      </c>
      <c r="H37791" s="8">
        <v>1</v>
      </c>
      <c r="I37791" s="8">
        <v>0</v>
      </c>
      <c r="J37791" s="8">
        <v>1</v>
      </c>
      <c r="K37791" s="9"/>
      <c r="L37791" s="6"/>
    </row>
    <row r="37792" spans="1:12">
      <c r="A37792" s="6" t="s">
        <v>37504</v>
      </c>
      <c r="B37792" s="6"/>
      <c r="C37792" s="6" t="s">
        <v>32230</v>
      </c>
      <c r="D37792" s="6"/>
      <c r="E37792" s="6" t="s">
        <v>25121</v>
      </c>
      <c r="F37792" s="7">
        <v>25659</v>
      </c>
      <c r="G37792" s="8">
        <v>6480000</v>
      </c>
      <c r="H37792" s="8">
        <v>1</v>
      </c>
      <c r="I37792" s="8">
        <v>6479999</v>
      </c>
      <c r="J37792" s="8">
        <v>1</v>
      </c>
      <c r="K37792" s="9"/>
      <c r="L37792" s="6"/>
    </row>
    <row r="37793" spans="1:12">
      <c r="A37793" s="6" t="s">
        <v>37505</v>
      </c>
      <c r="B37793" s="6"/>
      <c r="C37793" s="6" t="s">
        <v>32230</v>
      </c>
      <c r="D37793" s="6"/>
      <c r="E37793" s="6" t="s">
        <v>25121</v>
      </c>
      <c r="F37793" s="7">
        <v>34249</v>
      </c>
      <c r="G37793" s="8">
        <v>6480000</v>
      </c>
      <c r="H37793" s="8">
        <v>531360</v>
      </c>
      <c r="I37793" s="8">
        <v>6168960</v>
      </c>
      <c r="J37793" s="8">
        <v>311040</v>
      </c>
      <c r="K37793" s="9"/>
      <c r="L37793" s="6"/>
    </row>
    <row r="37794" spans="1:12">
      <c r="A37794" s="6" t="s">
        <v>37506</v>
      </c>
      <c r="B37794" s="6"/>
      <c r="C37794" s="6" t="s">
        <v>32230</v>
      </c>
      <c r="D37794" s="6"/>
      <c r="E37794" s="6" t="s">
        <v>25121</v>
      </c>
      <c r="F37794" s="7">
        <v>29311</v>
      </c>
      <c r="G37794" s="8">
        <v>6480000</v>
      </c>
      <c r="H37794" s="8">
        <v>1</v>
      </c>
      <c r="I37794" s="8">
        <v>6479999</v>
      </c>
      <c r="J37794" s="8">
        <v>1</v>
      </c>
      <c r="K37794" s="9"/>
      <c r="L37794" s="6"/>
    </row>
    <row r="37795" spans="1:12">
      <c r="A37795" s="6" t="s">
        <v>37507</v>
      </c>
      <c r="B37795" s="6"/>
      <c r="C37795" s="6" t="s">
        <v>32230</v>
      </c>
      <c r="D37795" s="6"/>
      <c r="E37795" s="6" t="s">
        <v>25121</v>
      </c>
      <c r="F37795" s="7">
        <v>27942</v>
      </c>
      <c r="G37795" s="8">
        <v>6480000</v>
      </c>
      <c r="H37795" s="8">
        <v>1</v>
      </c>
      <c r="I37795" s="8">
        <v>6479999</v>
      </c>
      <c r="J37795" s="8">
        <v>1</v>
      </c>
      <c r="K37795" s="9"/>
      <c r="L37795" s="6"/>
    </row>
    <row r="37796" spans="1:12">
      <c r="A37796" s="6" t="s">
        <v>37508</v>
      </c>
      <c r="B37796" s="6"/>
      <c r="C37796" s="6" t="s">
        <v>32230</v>
      </c>
      <c r="D37796" s="6"/>
      <c r="E37796" s="6" t="s">
        <v>25121</v>
      </c>
      <c r="F37796" s="7"/>
      <c r="G37796" s="8">
        <v>1</v>
      </c>
      <c r="H37796" s="8">
        <v>1</v>
      </c>
      <c r="I37796" s="8">
        <v>0</v>
      </c>
      <c r="J37796" s="8">
        <v>1</v>
      </c>
      <c r="K37796" s="9"/>
      <c r="L37796" s="6"/>
    </row>
    <row r="37797" spans="1:12">
      <c r="A37797" s="6" t="s">
        <v>37509</v>
      </c>
      <c r="B37797" s="6"/>
      <c r="C37797" s="6" t="s">
        <v>32230</v>
      </c>
      <c r="D37797" s="6"/>
      <c r="E37797" s="6" t="s">
        <v>25121</v>
      </c>
      <c r="F37797" s="7">
        <v>29677</v>
      </c>
      <c r="G37797" s="8">
        <v>6480000</v>
      </c>
      <c r="H37797" s="8">
        <v>1</v>
      </c>
      <c r="I37797" s="8">
        <v>6479999</v>
      </c>
      <c r="J37797" s="8">
        <v>1</v>
      </c>
      <c r="K37797" s="9"/>
      <c r="L37797" s="6"/>
    </row>
    <row r="37798" spans="1:12">
      <c r="A37798" s="6" t="s">
        <v>37510</v>
      </c>
      <c r="B37798" s="6"/>
      <c r="C37798" s="6" t="s">
        <v>32230</v>
      </c>
      <c r="D37798" s="6"/>
      <c r="E37798" s="6" t="s">
        <v>25121</v>
      </c>
      <c r="F37798" s="7">
        <v>26573</v>
      </c>
      <c r="G37798" s="8">
        <v>6480000</v>
      </c>
      <c r="H37798" s="8">
        <v>1</v>
      </c>
      <c r="I37798" s="8">
        <v>6479999</v>
      </c>
      <c r="J37798" s="8">
        <v>1</v>
      </c>
      <c r="K37798" s="9"/>
      <c r="L37798" s="6"/>
    </row>
    <row r="37799" spans="1:12">
      <c r="A37799" s="6" t="s">
        <v>37511</v>
      </c>
      <c r="B37799" s="6"/>
      <c r="C37799" s="6" t="s">
        <v>32230</v>
      </c>
      <c r="D37799" s="6"/>
      <c r="E37799" s="6" t="s">
        <v>25121</v>
      </c>
      <c r="F37799" s="7">
        <v>35061</v>
      </c>
      <c r="G37799" s="8">
        <v>6480000</v>
      </c>
      <c r="H37799" s="8">
        <v>972000</v>
      </c>
      <c r="I37799" s="8">
        <v>5728320</v>
      </c>
      <c r="J37799" s="8">
        <v>751680</v>
      </c>
      <c r="K37799" s="9"/>
      <c r="L37799" s="6"/>
    </row>
    <row r="37800" spans="1:12">
      <c r="A37800" s="6" t="s">
        <v>37512</v>
      </c>
      <c r="B37800" s="6"/>
      <c r="C37800" s="6" t="s">
        <v>32230</v>
      </c>
      <c r="D37800" s="6"/>
      <c r="E37800" s="6" t="s">
        <v>25121</v>
      </c>
      <c r="F37800" s="7">
        <v>29311</v>
      </c>
      <c r="G37800" s="8">
        <v>6480000</v>
      </c>
      <c r="H37800" s="8">
        <v>1</v>
      </c>
      <c r="I37800" s="8">
        <v>6479999</v>
      </c>
      <c r="J37800" s="8">
        <v>1</v>
      </c>
      <c r="K37800" s="9"/>
      <c r="L37800" s="6"/>
    </row>
    <row r="37801" spans="1:12">
      <c r="A37801" s="6" t="s">
        <v>37513</v>
      </c>
      <c r="B37801" s="6"/>
      <c r="C37801" s="6" t="s">
        <v>32230</v>
      </c>
      <c r="D37801" s="6"/>
      <c r="E37801" s="6" t="s">
        <v>25121</v>
      </c>
      <c r="F37801" s="7">
        <v>28946</v>
      </c>
      <c r="G37801" s="8">
        <v>6480000</v>
      </c>
      <c r="H37801" s="8">
        <v>1</v>
      </c>
      <c r="I37801" s="8">
        <v>6479999</v>
      </c>
      <c r="J37801" s="8">
        <v>1</v>
      </c>
      <c r="K37801" s="9"/>
      <c r="L37801" s="6"/>
    </row>
    <row r="37802" spans="1:12">
      <c r="A37802" s="6" t="s">
        <v>37514</v>
      </c>
      <c r="B37802" s="6"/>
      <c r="C37802" s="6" t="s">
        <v>32230</v>
      </c>
      <c r="D37802" s="6"/>
      <c r="E37802" s="6" t="s">
        <v>25121</v>
      </c>
      <c r="F37802" s="7"/>
      <c r="G37802" s="8">
        <v>1</v>
      </c>
      <c r="H37802" s="8">
        <v>1</v>
      </c>
      <c r="I37802" s="8">
        <v>0</v>
      </c>
      <c r="J37802" s="8">
        <v>1</v>
      </c>
      <c r="K37802" s="9"/>
      <c r="L37802" s="6"/>
    </row>
    <row r="37803" spans="1:12">
      <c r="A37803" s="6" t="s">
        <v>37515</v>
      </c>
      <c r="B37803" s="6"/>
      <c r="C37803" s="6" t="s">
        <v>32230</v>
      </c>
      <c r="D37803" s="6"/>
      <c r="E37803" s="6" t="s">
        <v>25121</v>
      </c>
      <c r="F37803" s="7">
        <v>29677</v>
      </c>
      <c r="G37803" s="8">
        <v>6480000</v>
      </c>
      <c r="H37803" s="8">
        <v>1</v>
      </c>
      <c r="I37803" s="8">
        <v>6479999</v>
      </c>
      <c r="J37803" s="8">
        <v>1</v>
      </c>
      <c r="K37803" s="9"/>
      <c r="L37803" s="6"/>
    </row>
    <row r="37804" spans="1:12">
      <c r="A37804" s="6" t="s">
        <v>37516</v>
      </c>
      <c r="B37804" s="6"/>
      <c r="C37804" s="6" t="s">
        <v>32230</v>
      </c>
      <c r="D37804" s="6"/>
      <c r="E37804" s="6" t="s">
        <v>25121</v>
      </c>
      <c r="F37804" s="7"/>
      <c r="G37804" s="8">
        <v>1</v>
      </c>
      <c r="H37804" s="8">
        <v>1</v>
      </c>
      <c r="I37804" s="8">
        <v>0</v>
      </c>
      <c r="J37804" s="8">
        <v>1</v>
      </c>
      <c r="K37804" s="9"/>
      <c r="L37804" s="6"/>
    </row>
    <row r="37805" spans="1:12">
      <c r="A37805" s="6" t="s">
        <v>37517</v>
      </c>
      <c r="B37805" s="6"/>
      <c r="C37805" s="6" t="s">
        <v>32230</v>
      </c>
      <c r="D37805" s="6"/>
      <c r="E37805" s="6" t="s">
        <v>25121</v>
      </c>
      <c r="F37805" s="7">
        <v>29677</v>
      </c>
      <c r="G37805" s="8">
        <v>6480000</v>
      </c>
      <c r="H37805" s="8">
        <v>1</v>
      </c>
      <c r="I37805" s="8">
        <v>6479999</v>
      </c>
      <c r="J37805" s="8">
        <v>1</v>
      </c>
      <c r="K37805" s="9"/>
      <c r="L37805" s="6"/>
    </row>
    <row r="37806" spans="1:12">
      <c r="A37806" s="6" t="s">
        <v>37518</v>
      </c>
      <c r="B37806" s="6"/>
      <c r="C37806" s="6" t="s">
        <v>32230</v>
      </c>
      <c r="D37806" s="6"/>
      <c r="E37806" s="6" t="s">
        <v>25121</v>
      </c>
      <c r="F37806" s="7">
        <v>29311</v>
      </c>
      <c r="G37806" s="8">
        <v>6480000</v>
      </c>
      <c r="H37806" s="8">
        <v>1</v>
      </c>
      <c r="I37806" s="8">
        <v>6479999</v>
      </c>
      <c r="J37806" s="8">
        <v>1</v>
      </c>
      <c r="K37806" s="9"/>
      <c r="L37806" s="6"/>
    </row>
    <row r="37807" spans="1:12">
      <c r="A37807" s="6" t="s">
        <v>37519</v>
      </c>
      <c r="B37807" s="6"/>
      <c r="C37807" s="6" t="s">
        <v>32230</v>
      </c>
      <c r="D37807" s="6"/>
      <c r="E37807" s="6" t="s">
        <v>25121</v>
      </c>
      <c r="F37807" s="7">
        <v>27942</v>
      </c>
      <c r="G37807" s="8">
        <v>6480000</v>
      </c>
      <c r="H37807" s="8">
        <v>1</v>
      </c>
      <c r="I37807" s="8">
        <v>6479999</v>
      </c>
      <c r="J37807" s="8">
        <v>1</v>
      </c>
      <c r="K37807" s="9"/>
      <c r="L37807" s="6"/>
    </row>
    <row r="37808" spans="1:12">
      <c r="A37808" s="6" t="s">
        <v>37520</v>
      </c>
      <c r="B37808" s="6"/>
      <c r="C37808" s="6" t="s">
        <v>32230</v>
      </c>
      <c r="D37808" s="6"/>
      <c r="E37808" s="6" t="s">
        <v>25121</v>
      </c>
      <c r="F37808" s="7"/>
      <c r="G37808" s="8">
        <v>1</v>
      </c>
      <c r="H37808" s="8">
        <v>1</v>
      </c>
      <c r="I37808" s="8">
        <v>0</v>
      </c>
      <c r="J37808" s="8">
        <v>1</v>
      </c>
      <c r="K37808" s="9"/>
      <c r="L37808" s="6"/>
    </row>
    <row r="37809" spans="1:12">
      <c r="A37809" s="6" t="s">
        <v>37521</v>
      </c>
      <c r="B37809" s="6"/>
      <c r="C37809" s="6" t="s">
        <v>32230</v>
      </c>
      <c r="D37809" s="6"/>
      <c r="E37809" s="6" t="s">
        <v>25121</v>
      </c>
      <c r="F37809" s="7">
        <v>27181</v>
      </c>
      <c r="G37809" s="8">
        <v>6480000</v>
      </c>
      <c r="H37809" s="8">
        <v>1</v>
      </c>
      <c r="I37809" s="8">
        <v>6479999</v>
      </c>
      <c r="J37809" s="8">
        <v>1</v>
      </c>
      <c r="K37809" s="9"/>
      <c r="L37809" s="6"/>
    </row>
    <row r="37810" spans="1:12">
      <c r="A37810" s="6" t="s">
        <v>37522</v>
      </c>
      <c r="B37810" s="6"/>
      <c r="C37810" s="6" t="s">
        <v>32230</v>
      </c>
      <c r="D37810" s="6"/>
      <c r="E37810" s="6" t="s">
        <v>25121</v>
      </c>
      <c r="F37810" s="7">
        <v>35212</v>
      </c>
      <c r="G37810" s="8">
        <v>6480000</v>
      </c>
      <c r="H37810" s="8">
        <v>1192320</v>
      </c>
      <c r="I37810" s="8">
        <v>5508000</v>
      </c>
      <c r="J37810" s="8">
        <v>972000</v>
      </c>
      <c r="K37810" s="9"/>
      <c r="L37810" s="6"/>
    </row>
    <row r="37811" spans="1:12">
      <c r="A37811" s="6" t="s">
        <v>37523</v>
      </c>
      <c r="B37811" s="6"/>
      <c r="C37811" s="6" t="s">
        <v>32230</v>
      </c>
      <c r="D37811" s="6"/>
      <c r="E37811" s="6" t="s">
        <v>25121</v>
      </c>
      <c r="F37811" s="7">
        <v>36609</v>
      </c>
      <c r="G37811" s="8">
        <v>6480000</v>
      </c>
      <c r="H37811" s="8">
        <v>1853280</v>
      </c>
      <c r="I37811" s="8">
        <v>4847040</v>
      </c>
      <c r="J37811" s="8">
        <v>1632960</v>
      </c>
      <c r="K37811" s="9"/>
      <c r="L37811" s="6"/>
    </row>
    <row r="37812" spans="1:12">
      <c r="A37812" s="6" t="s">
        <v>37524</v>
      </c>
      <c r="B37812" s="6"/>
      <c r="C37812" s="6" t="s">
        <v>32230</v>
      </c>
      <c r="D37812" s="6"/>
      <c r="E37812" s="6" t="s">
        <v>25121</v>
      </c>
      <c r="F37812" s="7">
        <v>36871</v>
      </c>
      <c r="G37812" s="8">
        <v>6480000</v>
      </c>
      <c r="H37812" s="8">
        <v>2073600</v>
      </c>
      <c r="I37812" s="8">
        <v>4626720</v>
      </c>
      <c r="J37812" s="8">
        <v>1853280</v>
      </c>
      <c r="K37812" s="9"/>
      <c r="L37812" s="6"/>
    </row>
    <row r="37813" spans="1:12">
      <c r="A37813" s="6" t="s">
        <v>37525</v>
      </c>
      <c r="B37813" s="6"/>
      <c r="C37813" s="6" t="s">
        <v>32230</v>
      </c>
      <c r="D37813" s="6"/>
      <c r="E37813" s="6" t="s">
        <v>25121</v>
      </c>
      <c r="F37813" s="7">
        <v>37347</v>
      </c>
      <c r="G37813" s="8">
        <v>6480000</v>
      </c>
      <c r="H37813" s="8">
        <v>2514240</v>
      </c>
      <c r="I37813" s="8">
        <v>4186080</v>
      </c>
      <c r="J37813" s="8">
        <v>2293920</v>
      </c>
      <c r="K37813" s="9"/>
      <c r="L37813" s="6"/>
    </row>
    <row r="37814" spans="1:12">
      <c r="A37814" s="6" t="s">
        <v>37526</v>
      </c>
      <c r="B37814" s="6"/>
      <c r="C37814" s="6" t="s">
        <v>32230</v>
      </c>
      <c r="D37814" s="6"/>
      <c r="E37814" s="6" t="s">
        <v>25121</v>
      </c>
      <c r="F37814" s="7">
        <v>29311</v>
      </c>
      <c r="G37814" s="8">
        <v>6480000</v>
      </c>
      <c r="H37814" s="8">
        <v>1</v>
      </c>
      <c r="I37814" s="8">
        <v>6479999</v>
      </c>
      <c r="J37814" s="8">
        <v>1</v>
      </c>
      <c r="K37814" s="9"/>
      <c r="L37814" s="6"/>
    </row>
    <row r="37815" spans="1:12">
      <c r="A37815" s="6" t="s">
        <v>37527</v>
      </c>
      <c r="B37815" s="6"/>
      <c r="C37815" s="6" t="s">
        <v>32230</v>
      </c>
      <c r="D37815" s="6"/>
      <c r="E37815" s="6" t="s">
        <v>25121</v>
      </c>
      <c r="F37815" s="7">
        <v>30270</v>
      </c>
      <c r="G37815" s="8">
        <v>6480000</v>
      </c>
      <c r="H37815" s="8">
        <v>1</v>
      </c>
      <c r="I37815" s="8">
        <v>6479999</v>
      </c>
      <c r="J37815" s="8">
        <v>1</v>
      </c>
      <c r="K37815" s="9"/>
      <c r="L37815" s="6"/>
    </row>
    <row r="37816" spans="1:12">
      <c r="A37816" s="6" t="s">
        <v>37528</v>
      </c>
      <c r="B37816" s="6"/>
      <c r="C37816" s="6" t="s">
        <v>32230</v>
      </c>
      <c r="D37816" s="6"/>
      <c r="E37816" s="6" t="s">
        <v>25121</v>
      </c>
      <c r="F37816" s="7">
        <v>29560</v>
      </c>
      <c r="G37816" s="8">
        <v>6480000</v>
      </c>
      <c r="H37816" s="8">
        <v>1</v>
      </c>
      <c r="I37816" s="8">
        <v>6479999</v>
      </c>
      <c r="J37816" s="8">
        <v>1</v>
      </c>
      <c r="K37816" s="9"/>
      <c r="L37816" s="6"/>
    </row>
    <row r="37817" spans="1:12">
      <c r="A37817" s="6" t="s">
        <v>37529</v>
      </c>
      <c r="B37817" s="6"/>
      <c r="C37817" s="6" t="s">
        <v>32230</v>
      </c>
      <c r="D37817" s="6"/>
      <c r="E37817" s="6" t="s">
        <v>25121</v>
      </c>
      <c r="F37817" s="7">
        <v>29965</v>
      </c>
      <c r="G37817" s="8">
        <v>6480000</v>
      </c>
      <c r="H37817" s="8">
        <v>1</v>
      </c>
      <c r="I37817" s="8">
        <v>6479999</v>
      </c>
      <c r="J37817" s="8">
        <v>1</v>
      </c>
      <c r="K37817" s="9"/>
      <c r="L37817" s="6"/>
    </row>
    <row r="37818" spans="1:12">
      <c r="A37818" s="6" t="s">
        <v>37530</v>
      </c>
      <c r="B37818" s="6"/>
      <c r="C37818" s="6" t="s">
        <v>32230</v>
      </c>
      <c r="D37818" s="6"/>
      <c r="E37818" s="6" t="s">
        <v>25121</v>
      </c>
      <c r="F37818" s="7"/>
      <c r="G37818" s="8">
        <v>1</v>
      </c>
      <c r="H37818" s="8">
        <v>1</v>
      </c>
      <c r="I37818" s="8">
        <v>0</v>
      </c>
      <c r="J37818" s="8">
        <v>1</v>
      </c>
      <c r="K37818" s="9"/>
      <c r="L37818" s="6"/>
    </row>
    <row r="37819" spans="1:12">
      <c r="A37819" s="6" t="s">
        <v>37531</v>
      </c>
      <c r="B37819" s="6"/>
      <c r="C37819" s="6" t="s">
        <v>32230</v>
      </c>
      <c r="D37819" s="6"/>
      <c r="E37819" s="6" t="s">
        <v>25121</v>
      </c>
      <c r="F37819" s="7">
        <v>27303</v>
      </c>
      <c r="G37819" s="8">
        <v>6480000</v>
      </c>
      <c r="H37819" s="8">
        <v>1</v>
      </c>
      <c r="I37819" s="8">
        <v>6479999</v>
      </c>
      <c r="J37819" s="8">
        <v>1</v>
      </c>
      <c r="K37819" s="9"/>
      <c r="L37819" s="6"/>
    </row>
    <row r="37820" spans="1:12">
      <c r="A37820" s="6" t="s">
        <v>37532</v>
      </c>
      <c r="B37820" s="6"/>
      <c r="C37820" s="6" t="s">
        <v>32230</v>
      </c>
      <c r="D37820" s="6"/>
      <c r="E37820" s="6" t="s">
        <v>25121</v>
      </c>
      <c r="F37820" s="7"/>
      <c r="G37820" s="8">
        <v>1</v>
      </c>
      <c r="H37820" s="8">
        <v>1</v>
      </c>
      <c r="I37820" s="8">
        <v>0</v>
      </c>
      <c r="J37820" s="8">
        <v>1</v>
      </c>
      <c r="K37820" s="9"/>
      <c r="L37820" s="6"/>
    </row>
    <row r="37821" spans="1:12">
      <c r="A37821" s="6" t="s">
        <v>37533</v>
      </c>
      <c r="B37821" s="6"/>
      <c r="C37821" s="6" t="s">
        <v>32230</v>
      </c>
      <c r="D37821" s="6"/>
      <c r="E37821" s="6" t="s">
        <v>25121</v>
      </c>
      <c r="F37821" s="7">
        <v>29311</v>
      </c>
      <c r="G37821" s="8">
        <v>6480000</v>
      </c>
      <c r="H37821" s="8">
        <v>1</v>
      </c>
      <c r="I37821" s="8">
        <v>6479999</v>
      </c>
      <c r="J37821" s="8">
        <v>1</v>
      </c>
      <c r="K37821" s="9"/>
      <c r="L37821" s="6"/>
    </row>
    <row r="37822" spans="1:12">
      <c r="A37822" s="6" t="s">
        <v>37534</v>
      </c>
      <c r="B37822" s="6"/>
      <c r="C37822" s="6" t="s">
        <v>32230</v>
      </c>
      <c r="D37822" s="6"/>
      <c r="E37822" s="6" t="s">
        <v>25121</v>
      </c>
      <c r="F37822" s="7">
        <v>32013</v>
      </c>
      <c r="G37822" s="8">
        <v>6480000</v>
      </c>
      <c r="H37822" s="8">
        <v>1</v>
      </c>
      <c r="I37822" s="8">
        <v>6479999</v>
      </c>
      <c r="J37822" s="8">
        <v>1</v>
      </c>
      <c r="K37822" s="9"/>
      <c r="L37822" s="6"/>
    </row>
    <row r="37823" spans="1:12">
      <c r="A37823" s="6" t="s">
        <v>37535</v>
      </c>
      <c r="B37823" s="6"/>
      <c r="C37823" s="6" t="s">
        <v>32230</v>
      </c>
      <c r="D37823" s="6"/>
      <c r="E37823" s="6" t="s">
        <v>25121</v>
      </c>
      <c r="F37823" s="7">
        <v>33134</v>
      </c>
      <c r="G37823" s="8">
        <v>6480000</v>
      </c>
      <c r="H37823" s="8">
        <v>1</v>
      </c>
      <c r="I37823" s="8">
        <v>6479999</v>
      </c>
      <c r="J37823" s="8">
        <v>1</v>
      </c>
      <c r="K37823" s="9"/>
      <c r="L37823" s="6"/>
    </row>
    <row r="37824" spans="1:12">
      <c r="A37824" s="6" t="s">
        <v>37536</v>
      </c>
      <c r="B37824" s="6"/>
      <c r="C37824" s="6" t="s">
        <v>32230</v>
      </c>
      <c r="D37824" s="6"/>
      <c r="E37824" s="6" t="s">
        <v>25121</v>
      </c>
      <c r="F37824" s="7">
        <v>33668</v>
      </c>
      <c r="G37824" s="8">
        <v>6480000</v>
      </c>
      <c r="H37824" s="8">
        <v>90720</v>
      </c>
      <c r="I37824" s="8">
        <v>6479999</v>
      </c>
      <c r="J37824" s="8">
        <v>1</v>
      </c>
      <c r="K37824" s="9"/>
      <c r="L37824" s="6"/>
    </row>
    <row r="37825" spans="1:12">
      <c r="A37825" s="6" t="s">
        <v>37537</v>
      </c>
      <c r="B37825" s="6"/>
      <c r="C37825" s="6" t="s">
        <v>32230</v>
      </c>
      <c r="D37825" s="6"/>
      <c r="E37825" s="6" t="s">
        <v>25121</v>
      </c>
      <c r="F37825" s="7">
        <v>33990</v>
      </c>
      <c r="G37825" s="8">
        <v>6480000</v>
      </c>
      <c r="H37825" s="8">
        <v>311040</v>
      </c>
      <c r="I37825" s="8">
        <v>6389280</v>
      </c>
      <c r="J37825" s="8">
        <v>90720</v>
      </c>
      <c r="K37825" s="9"/>
      <c r="L37825" s="6"/>
    </row>
    <row r="37826" spans="1:12">
      <c r="A37826" s="6" t="s">
        <v>37538</v>
      </c>
      <c r="B37826" s="6"/>
      <c r="C37826" s="6" t="s">
        <v>32230</v>
      </c>
      <c r="D37826" s="6"/>
      <c r="E37826" s="6" t="s">
        <v>25121</v>
      </c>
      <c r="F37826" s="7">
        <v>35520</v>
      </c>
      <c r="G37826" s="8">
        <v>6480000</v>
      </c>
      <c r="H37826" s="8">
        <v>1192320</v>
      </c>
      <c r="I37826" s="8">
        <v>5508000</v>
      </c>
      <c r="J37826" s="8">
        <v>972000</v>
      </c>
      <c r="K37826" s="9"/>
      <c r="L37826" s="6"/>
    </row>
    <row r="37827" spans="1:12">
      <c r="A37827" s="6" t="s">
        <v>37539</v>
      </c>
      <c r="B37827" s="6"/>
      <c r="C37827" s="6" t="s">
        <v>32230</v>
      </c>
      <c r="D37827" s="6"/>
      <c r="E37827" s="6" t="s">
        <v>25121</v>
      </c>
      <c r="F37827" s="7"/>
      <c r="G37827" s="8">
        <v>1</v>
      </c>
      <c r="H37827" s="8">
        <v>1</v>
      </c>
      <c r="I37827" s="8">
        <v>0</v>
      </c>
      <c r="J37827" s="8">
        <v>1</v>
      </c>
      <c r="K37827" s="9"/>
      <c r="L37827" s="6"/>
    </row>
    <row r="37828" spans="1:12">
      <c r="A37828" s="6" t="s">
        <v>37540</v>
      </c>
      <c r="B37828" s="6"/>
      <c r="C37828" s="6" t="s">
        <v>32230</v>
      </c>
      <c r="D37828" s="6"/>
      <c r="E37828" s="6" t="s">
        <v>25121</v>
      </c>
      <c r="F37828" s="7"/>
      <c r="G37828" s="8">
        <v>1</v>
      </c>
      <c r="H37828" s="8">
        <v>1</v>
      </c>
      <c r="I37828" s="8">
        <v>0</v>
      </c>
      <c r="J37828" s="8">
        <v>1</v>
      </c>
      <c r="K37828" s="9"/>
      <c r="L37828" s="6"/>
    </row>
    <row r="37829" spans="1:12">
      <c r="A37829" s="6" t="s">
        <v>37541</v>
      </c>
      <c r="B37829" s="6"/>
      <c r="C37829" s="6" t="s">
        <v>32230</v>
      </c>
      <c r="D37829" s="6"/>
      <c r="E37829" s="6" t="s">
        <v>25121</v>
      </c>
      <c r="F37829" s="7">
        <v>28550</v>
      </c>
      <c r="G37829" s="8">
        <v>6480000</v>
      </c>
      <c r="H37829" s="8">
        <v>1</v>
      </c>
      <c r="I37829" s="8">
        <v>6479999</v>
      </c>
      <c r="J37829" s="8">
        <v>1</v>
      </c>
      <c r="K37829" s="9"/>
      <c r="L37829" s="6"/>
    </row>
    <row r="37830" spans="1:12">
      <c r="A37830" s="6" t="s">
        <v>37542</v>
      </c>
      <c r="B37830" s="6"/>
      <c r="C37830" s="6" t="s">
        <v>32230</v>
      </c>
      <c r="D37830" s="6"/>
      <c r="E37830" s="6" t="s">
        <v>25121</v>
      </c>
      <c r="F37830" s="7"/>
      <c r="G37830" s="8">
        <v>1</v>
      </c>
      <c r="H37830" s="8">
        <v>1</v>
      </c>
      <c r="I37830" s="8">
        <v>0</v>
      </c>
      <c r="J37830" s="8">
        <v>1</v>
      </c>
      <c r="K37830" s="9"/>
      <c r="L37830" s="6"/>
    </row>
    <row r="37831" spans="1:12">
      <c r="A37831" s="6" t="s">
        <v>37543</v>
      </c>
      <c r="B37831" s="6"/>
      <c r="C37831" s="6" t="s">
        <v>32230</v>
      </c>
      <c r="D37831" s="6"/>
      <c r="E37831" s="6" t="s">
        <v>25121</v>
      </c>
      <c r="F37831" s="7">
        <v>30270</v>
      </c>
      <c r="G37831" s="8">
        <v>6480000</v>
      </c>
      <c r="H37831" s="8">
        <v>1</v>
      </c>
      <c r="I37831" s="8">
        <v>6479999</v>
      </c>
      <c r="J37831" s="8">
        <v>1</v>
      </c>
      <c r="K37831" s="9"/>
      <c r="L37831" s="6"/>
    </row>
    <row r="37832" spans="1:12">
      <c r="A37832" s="6" t="s">
        <v>37544</v>
      </c>
      <c r="B37832" s="6"/>
      <c r="C37832" s="6" t="s">
        <v>32230</v>
      </c>
      <c r="D37832" s="6"/>
      <c r="E37832" s="6" t="s">
        <v>25121</v>
      </c>
      <c r="F37832" s="7"/>
      <c r="G37832" s="8">
        <v>1</v>
      </c>
      <c r="H37832" s="8">
        <v>1</v>
      </c>
      <c r="I37832" s="8">
        <v>0</v>
      </c>
      <c r="J37832" s="8">
        <v>1</v>
      </c>
      <c r="K37832" s="9"/>
      <c r="L37832" s="6"/>
    </row>
    <row r="37833" spans="1:12">
      <c r="A37833" s="6" t="s">
        <v>37545</v>
      </c>
      <c r="B37833" s="6"/>
      <c r="C37833" s="6" t="s">
        <v>32230</v>
      </c>
      <c r="D37833" s="6"/>
      <c r="E37833" s="6" t="s">
        <v>25121</v>
      </c>
      <c r="F37833" s="7">
        <v>29560</v>
      </c>
      <c r="G37833" s="8">
        <v>6480000</v>
      </c>
      <c r="H37833" s="8">
        <v>1</v>
      </c>
      <c r="I37833" s="8">
        <v>6479999</v>
      </c>
      <c r="J37833" s="8">
        <v>1</v>
      </c>
      <c r="K37833" s="9"/>
      <c r="L37833" s="6"/>
    </row>
    <row r="37834" spans="1:12">
      <c r="A37834" s="6" t="s">
        <v>37546</v>
      </c>
      <c r="B37834" s="6"/>
      <c r="C37834" s="6" t="s">
        <v>32230</v>
      </c>
      <c r="D37834" s="6"/>
      <c r="E37834" s="6" t="s">
        <v>25121</v>
      </c>
      <c r="F37834" s="7">
        <v>35061</v>
      </c>
      <c r="G37834" s="8">
        <v>6480000</v>
      </c>
      <c r="H37834" s="8">
        <v>972000</v>
      </c>
      <c r="I37834" s="8">
        <v>5728320</v>
      </c>
      <c r="J37834" s="8">
        <v>751680</v>
      </c>
      <c r="K37834" s="9"/>
      <c r="L37834" s="6"/>
    </row>
    <row r="37835" spans="1:12">
      <c r="A37835" s="6" t="s">
        <v>37547</v>
      </c>
      <c r="B37835" s="6"/>
      <c r="C37835" s="6" t="s">
        <v>32230</v>
      </c>
      <c r="D37835" s="6"/>
      <c r="E37835" s="6" t="s">
        <v>25121</v>
      </c>
      <c r="F37835" s="7"/>
      <c r="G37835" s="8">
        <v>1</v>
      </c>
      <c r="H37835" s="8">
        <v>1</v>
      </c>
      <c r="I37835" s="8">
        <v>0</v>
      </c>
      <c r="J37835" s="8">
        <v>1</v>
      </c>
      <c r="K37835" s="9"/>
      <c r="L37835" s="6"/>
    </row>
    <row r="37836" spans="1:12">
      <c r="A37836" s="6" t="s">
        <v>37548</v>
      </c>
      <c r="B37836" s="6"/>
      <c r="C37836" s="6" t="s">
        <v>32230</v>
      </c>
      <c r="D37836" s="6"/>
      <c r="E37836" s="6" t="s">
        <v>25121</v>
      </c>
      <c r="F37836" s="7">
        <v>26545</v>
      </c>
      <c r="G37836" s="8">
        <v>3240000</v>
      </c>
      <c r="H37836" s="8">
        <v>1</v>
      </c>
      <c r="I37836" s="8">
        <v>3239999</v>
      </c>
      <c r="J37836" s="8">
        <v>1</v>
      </c>
      <c r="K37836" s="9"/>
      <c r="L37836" s="6"/>
    </row>
    <row r="37837" spans="1:12">
      <c r="A37837" s="6" t="s">
        <v>37549</v>
      </c>
      <c r="B37837" s="6"/>
      <c r="C37837" s="6" t="s">
        <v>32230</v>
      </c>
      <c r="D37837" s="6"/>
      <c r="E37837" s="6" t="s">
        <v>25121</v>
      </c>
      <c r="F37837" s="7">
        <v>32457</v>
      </c>
      <c r="G37837" s="8">
        <v>6480000</v>
      </c>
      <c r="H37837" s="8">
        <v>1</v>
      </c>
      <c r="I37837" s="8">
        <v>6479999</v>
      </c>
      <c r="J37837" s="8">
        <v>1</v>
      </c>
      <c r="K37837" s="9"/>
      <c r="L37837" s="6"/>
    </row>
    <row r="37838" spans="1:12">
      <c r="A37838" s="6" t="s">
        <v>37550</v>
      </c>
      <c r="B37838" s="6"/>
      <c r="C37838" s="6" t="s">
        <v>32230</v>
      </c>
      <c r="D37838" s="6"/>
      <c r="E37838" s="6" t="s">
        <v>25121</v>
      </c>
      <c r="F37838" s="7">
        <v>33252</v>
      </c>
      <c r="G37838" s="8">
        <v>6480000</v>
      </c>
      <c r="H37838" s="8">
        <v>1</v>
      </c>
      <c r="I37838" s="8">
        <v>6479999</v>
      </c>
      <c r="J37838" s="8">
        <v>1</v>
      </c>
      <c r="K37838" s="9"/>
      <c r="L37838" s="6"/>
    </row>
    <row r="37839" spans="1:12">
      <c r="A37839" s="6" t="s">
        <v>37551</v>
      </c>
      <c r="B37839" s="6"/>
      <c r="C37839" s="6" t="s">
        <v>32230</v>
      </c>
      <c r="D37839" s="6"/>
      <c r="E37839" s="6" t="s">
        <v>25121</v>
      </c>
      <c r="F37839" s="7">
        <v>33990</v>
      </c>
      <c r="G37839" s="8">
        <v>6480000</v>
      </c>
      <c r="H37839" s="8">
        <v>311040</v>
      </c>
      <c r="I37839" s="8">
        <v>6389280</v>
      </c>
      <c r="J37839" s="8">
        <v>90720</v>
      </c>
      <c r="K37839" s="9"/>
      <c r="L37839" s="6"/>
    </row>
    <row r="37840" spans="1:12">
      <c r="A37840" s="6" t="s">
        <v>37552</v>
      </c>
      <c r="B37840" s="6"/>
      <c r="C37840" s="6" t="s">
        <v>32230</v>
      </c>
      <c r="D37840" s="6"/>
      <c r="E37840" s="6" t="s">
        <v>25121</v>
      </c>
      <c r="F37840" s="7">
        <v>35149</v>
      </c>
      <c r="G37840" s="8">
        <v>6480000</v>
      </c>
      <c r="H37840" s="8">
        <v>972000</v>
      </c>
      <c r="I37840" s="8">
        <v>5728320</v>
      </c>
      <c r="J37840" s="8">
        <v>751680</v>
      </c>
      <c r="K37840" s="9"/>
      <c r="L37840" s="6"/>
    </row>
    <row r="37841" spans="1:12">
      <c r="A37841" s="6" t="s">
        <v>37553</v>
      </c>
      <c r="B37841" s="6"/>
      <c r="C37841" s="6" t="s">
        <v>32230</v>
      </c>
      <c r="D37841" s="6"/>
      <c r="E37841" s="6" t="s">
        <v>25121</v>
      </c>
      <c r="F37841" s="7">
        <v>38322</v>
      </c>
      <c r="G37841" s="8">
        <v>6480000</v>
      </c>
      <c r="H37841" s="8">
        <v>2954880</v>
      </c>
      <c r="I37841" s="8">
        <v>3745440</v>
      </c>
      <c r="J37841" s="8">
        <v>2734560</v>
      </c>
      <c r="K37841" s="9"/>
      <c r="L37841" s="6"/>
    </row>
    <row r="37842" spans="1:12">
      <c r="A37842" s="6" t="s">
        <v>37554</v>
      </c>
      <c r="B37842" s="6"/>
      <c r="C37842" s="6" t="s">
        <v>32230</v>
      </c>
      <c r="D37842" s="6"/>
      <c r="E37842" s="6" t="s">
        <v>25121</v>
      </c>
      <c r="F37842" s="7">
        <v>27303</v>
      </c>
      <c r="G37842" s="8">
        <v>6480000</v>
      </c>
      <c r="H37842" s="8">
        <v>1</v>
      </c>
      <c r="I37842" s="8">
        <v>6479999</v>
      </c>
      <c r="J37842" s="8">
        <v>1</v>
      </c>
      <c r="K37842" s="9"/>
      <c r="L37842" s="6"/>
    </row>
    <row r="37843" spans="1:12">
      <c r="A37843" s="6" t="s">
        <v>37555</v>
      </c>
      <c r="B37843" s="6"/>
      <c r="C37843" s="6" t="s">
        <v>32230</v>
      </c>
      <c r="D37843" s="6"/>
      <c r="E37843" s="6" t="s">
        <v>25121</v>
      </c>
      <c r="F37843" s="7"/>
      <c r="G37843" s="8">
        <v>1</v>
      </c>
      <c r="H37843" s="8">
        <v>1</v>
      </c>
      <c r="I37843" s="8">
        <v>0</v>
      </c>
      <c r="J37843" s="8">
        <v>1</v>
      </c>
      <c r="K37843" s="9"/>
      <c r="L37843" s="6"/>
    </row>
    <row r="37844" spans="1:12">
      <c r="A37844" s="6" t="s">
        <v>37556</v>
      </c>
      <c r="B37844" s="6"/>
      <c r="C37844" s="6" t="s">
        <v>32230</v>
      </c>
      <c r="D37844" s="6"/>
      <c r="E37844" s="6" t="s">
        <v>25121</v>
      </c>
      <c r="F37844" s="7">
        <v>36250</v>
      </c>
      <c r="G37844" s="8">
        <v>6480000</v>
      </c>
      <c r="H37844" s="8">
        <v>1632960</v>
      </c>
      <c r="I37844" s="8">
        <v>5067360</v>
      </c>
      <c r="J37844" s="8">
        <v>1412640</v>
      </c>
      <c r="K37844" s="9"/>
      <c r="L37844" s="6"/>
    </row>
    <row r="37845" spans="1:12">
      <c r="A37845" s="6" t="s">
        <v>37557</v>
      </c>
      <c r="B37845" s="6"/>
      <c r="C37845" s="6" t="s">
        <v>32230</v>
      </c>
      <c r="D37845" s="6"/>
      <c r="E37845" s="6" t="s">
        <v>25121</v>
      </c>
      <c r="F37845" s="7">
        <v>31526</v>
      </c>
      <c r="G37845" s="8">
        <v>6480000</v>
      </c>
      <c r="H37845" s="8">
        <v>1</v>
      </c>
      <c r="I37845" s="8">
        <v>6479999</v>
      </c>
      <c r="J37845" s="8">
        <v>1</v>
      </c>
      <c r="K37845" s="9"/>
      <c r="L37845" s="6"/>
    </row>
    <row r="37846" spans="1:12">
      <c r="A37846" s="6" t="s">
        <v>37558</v>
      </c>
      <c r="B37846" s="6"/>
      <c r="C37846" s="6" t="s">
        <v>32230</v>
      </c>
      <c r="D37846" s="6"/>
      <c r="E37846" s="6" t="s">
        <v>25121</v>
      </c>
      <c r="F37846" s="7"/>
      <c r="G37846" s="8">
        <v>1</v>
      </c>
      <c r="H37846" s="8">
        <v>1</v>
      </c>
      <c r="I37846" s="8">
        <v>0</v>
      </c>
      <c r="J37846" s="8">
        <v>1</v>
      </c>
      <c r="K37846" s="9"/>
      <c r="L37846" s="6"/>
    </row>
    <row r="37847" spans="1:12">
      <c r="A37847" s="6" t="s">
        <v>37559</v>
      </c>
      <c r="B37847" s="6"/>
      <c r="C37847" s="6" t="s">
        <v>32230</v>
      </c>
      <c r="D37847" s="6"/>
      <c r="E37847" s="6" t="s">
        <v>25121</v>
      </c>
      <c r="F37847" s="7">
        <v>30855</v>
      </c>
      <c r="G37847" s="8">
        <v>6480000</v>
      </c>
      <c r="H37847" s="8">
        <v>1</v>
      </c>
      <c r="I37847" s="8">
        <v>6479999</v>
      </c>
      <c r="J37847" s="8">
        <v>1</v>
      </c>
      <c r="K37847" s="9"/>
      <c r="L37847" s="6"/>
    </row>
    <row r="37848" spans="1:12">
      <c r="A37848" s="6" t="s">
        <v>37560</v>
      </c>
      <c r="B37848" s="6"/>
      <c r="C37848" s="6" t="s">
        <v>32230</v>
      </c>
      <c r="D37848" s="6"/>
      <c r="E37848" s="6" t="s">
        <v>25121</v>
      </c>
      <c r="F37848" s="7"/>
      <c r="G37848" s="8">
        <v>1</v>
      </c>
      <c r="H37848" s="8">
        <v>1</v>
      </c>
      <c r="I37848" s="8">
        <v>0</v>
      </c>
      <c r="J37848" s="8">
        <v>1</v>
      </c>
      <c r="K37848" s="9"/>
      <c r="L37848" s="6"/>
    </row>
    <row r="37849" spans="1:12">
      <c r="A37849" s="6" t="s">
        <v>37561</v>
      </c>
      <c r="B37849" s="6"/>
      <c r="C37849" s="6" t="s">
        <v>32230</v>
      </c>
      <c r="D37849" s="6"/>
      <c r="E37849" s="6" t="s">
        <v>25121</v>
      </c>
      <c r="F37849" s="7">
        <v>26573</v>
      </c>
      <c r="G37849" s="8">
        <v>3240000</v>
      </c>
      <c r="H37849" s="8">
        <v>1</v>
      </c>
      <c r="I37849" s="8">
        <v>3239999</v>
      </c>
      <c r="J37849" s="8">
        <v>1</v>
      </c>
      <c r="K37849" s="9"/>
      <c r="L37849" s="6"/>
    </row>
    <row r="37850" spans="1:12">
      <c r="A37850" s="6" t="s">
        <v>37562</v>
      </c>
      <c r="B37850" s="6"/>
      <c r="C37850" s="6" t="s">
        <v>32230</v>
      </c>
      <c r="D37850" s="6"/>
      <c r="E37850" s="6" t="s">
        <v>25121</v>
      </c>
      <c r="F37850" s="7">
        <v>30768</v>
      </c>
      <c r="G37850" s="8">
        <v>6480000</v>
      </c>
      <c r="H37850" s="8">
        <v>1</v>
      </c>
      <c r="I37850" s="8">
        <v>6479999</v>
      </c>
      <c r="J37850" s="8">
        <v>1</v>
      </c>
      <c r="K37850" s="9"/>
      <c r="L37850" s="6"/>
    </row>
    <row r="37851" spans="1:12">
      <c r="A37851" s="6" t="s">
        <v>37563</v>
      </c>
      <c r="B37851" s="6"/>
      <c r="C37851" s="6" t="s">
        <v>32230</v>
      </c>
      <c r="D37851" s="6"/>
      <c r="E37851" s="6" t="s">
        <v>25121</v>
      </c>
      <c r="F37851" s="7">
        <v>33668</v>
      </c>
      <c r="G37851" s="8">
        <v>6480000</v>
      </c>
      <c r="H37851" s="8">
        <v>90720</v>
      </c>
      <c r="I37851" s="8">
        <v>6479999</v>
      </c>
      <c r="J37851" s="8">
        <v>1</v>
      </c>
      <c r="K37851" s="9"/>
      <c r="L37851" s="6"/>
    </row>
    <row r="37852" spans="1:12">
      <c r="A37852" s="6" t="s">
        <v>37564</v>
      </c>
      <c r="B37852" s="6"/>
      <c r="C37852" s="6" t="s">
        <v>32230</v>
      </c>
      <c r="D37852" s="6"/>
      <c r="E37852" s="6" t="s">
        <v>25121</v>
      </c>
      <c r="F37852" s="7">
        <v>35520</v>
      </c>
      <c r="G37852" s="8">
        <v>6480000</v>
      </c>
      <c r="H37852" s="8">
        <v>1192320</v>
      </c>
      <c r="I37852" s="8">
        <v>5508000</v>
      </c>
      <c r="J37852" s="8">
        <v>972000</v>
      </c>
      <c r="K37852" s="9"/>
      <c r="L37852" s="6"/>
    </row>
    <row r="37853" spans="1:12">
      <c r="A37853" s="6" t="s">
        <v>37565</v>
      </c>
      <c r="B37853" s="6"/>
      <c r="C37853" s="6" t="s">
        <v>32230</v>
      </c>
      <c r="D37853" s="6"/>
      <c r="E37853" s="6" t="s">
        <v>25121</v>
      </c>
      <c r="F37853" s="7">
        <v>37347</v>
      </c>
      <c r="G37853" s="8">
        <v>6480000</v>
      </c>
      <c r="H37853" s="8">
        <v>2514240</v>
      </c>
      <c r="I37853" s="8">
        <v>4186080</v>
      </c>
      <c r="J37853" s="8">
        <v>2293920</v>
      </c>
      <c r="K37853" s="9"/>
      <c r="L37853" s="6"/>
    </row>
    <row r="37854" spans="1:12">
      <c r="A37854" s="6" t="s">
        <v>37566</v>
      </c>
      <c r="B37854" s="6"/>
      <c r="C37854" s="6" t="s">
        <v>32230</v>
      </c>
      <c r="D37854" s="6"/>
      <c r="E37854" s="6" t="s">
        <v>25121</v>
      </c>
      <c r="F37854" s="7">
        <v>37712</v>
      </c>
      <c r="G37854" s="8">
        <v>6480000</v>
      </c>
      <c r="H37854" s="8">
        <v>2734560</v>
      </c>
      <c r="I37854" s="8">
        <v>3965760</v>
      </c>
      <c r="J37854" s="8">
        <v>2514240</v>
      </c>
      <c r="K37854" s="9"/>
      <c r="L37854" s="6"/>
    </row>
    <row r="37855" spans="1:12">
      <c r="A37855" s="6" t="s">
        <v>37567</v>
      </c>
      <c r="B37855" s="6"/>
      <c r="C37855" s="6" t="s">
        <v>32230</v>
      </c>
      <c r="D37855" s="6"/>
      <c r="E37855" s="6" t="s">
        <v>25121</v>
      </c>
      <c r="F37855" s="7">
        <v>30768</v>
      </c>
      <c r="G37855" s="8">
        <v>6480000</v>
      </c>
      <c r="H37855" s="8">
        <v>1</v>
      </c>
      <c r="I37855" s="8">
        <v>6479999</v>
      </c>
      <c r="J37855" s="8">
        <v>1</v>
      </c>
      <c r="K37855" s="9"/>
      <c r="L37855" s="6"/>
    </row>
    <row r="37856" spans="1:12">
      <c r="A37856" s="6" t="s">
        <v>37568</v>
      </c>
      <c r="B37856" s="6"/>
      <c r="C37856" s="6" t="s">
        <v>32230</v>
      </c>
      <c r="D37856" s="6"/>
      <c r="E37856" s="6" t="s">
        <v>25121</v>
      </c>
      <c r="F37856" s="7">
        <v>23221</v>
      </c>
      <c r="G37856" s="8">
        <v>3240000</v>
      </c>
      <c r="H37856" s="8">
        <v>1</v>
      </c>
      <c r="I37856" s="8">
        <v>3239999</v>
      </c>
      <c r="J37856" s="8">
        <v>1</v>
      </c>
      <c r="K37856" s="9"/>
      <c r="L37856" s="6"/>
    </row>
    <row r="37857" spans="1:12">
      <c r="A37857" s="6" t="s">
        <v>37569</v>
      </c>
      <c r="B37857" s="6"/>
      <c r="C37857" s="6" t="s">
        <v>32230</v>
      </c>
      <c r="D37857" s="6"/>
      <c r="E37857" s="6" t="s">
        <v>25121</v>
      </c>
      <c r="F37857" s="7">
        <v>27485</v>
      </c>
      <c r="G37857" s="8">
        <v>6480000</v>
      </c>
      <c r="H37857" s="8">
        <v>1</v>
      </c>
      <c r="I37857" s="8">
        <v>6479999</v>
      </c>
      <c r="J37857" s="8">
        <v>1</v>
      </c>
      <c r="K37857" s="9"/>
      <c r="L37857" s="6"/>
    </row>
    <row r="37858" spans="1:12">
      <c r="A37858" s="6" t="s">
        <v>37570</v>
      </c>
      <c r="B37858" s="6"/>
      <c r="C37858" s="6" t="s">
        <v>32230</v>
      </c>
      <c r="D37858" s="6"/>
      <c r="E37858" s="6" t="s">
        <v>25121</v>
      </c>
      <c r="F37858" s="7">
        <v>26982</v>
      </c>
      <c r="G37858" s="8">
        <v>6480000</v>
      </c>
      <c r="H37858" s="8">
        <v>1</v>
      </c>
      <c r="I37858" s="8">
        <v>6479999</v>
      </c>
      <c r="J37858" s="8">
        <v>1</v>
      </c>
      <c r="K37858" s="9"/>
      <c r="L37858" s="6"/>
    </row>
    <row r="37859" spans="1:12">
      <c r="A37859" s="6" t="s">
        <v>37571</v>
      </c>
      <c r="B37859" s="6"/>
      <c r="C37859" s="6" t="s">
        <v>32230</v>
      </c>
      <c r="D37859" s="6"/>
      <c r="E37859" s="6" t="s">
        <v>25121</v>
      </c>
      <c r="F37859" s="7">
        <v>34635</v>
      </c>
      <c r="G37859" s="8">
        <v>6480000</v>
      </c>
      <c r="H37859" s="8">
        <v>751680</v>
      </c>
      <c r="I37859" s="8">
        <v>5948640</v>
      </c>
      <c r="J37859" s="8">
        <v>531360</v>
      </c>
      <c r="K37859" s="9"/>
      <c r="L37859" s="6"/>
    </row>
    <row r="37860" spans="1:12">
      <c r="A37860" s="6" t="s">
        <v>37572</v>
      </c>
      <c r="B37860" s="6"/>
      <c r="C37860" s="6" t="s">
        <v>32230</v>
      </c>
      <c r="D37860" s="6"/>
      <c r="E37860" s="6" t="s">
        <v>25121</v>
      </c>
      <c r="F37860" s="7">
        <v>36251</v>
      </c>
      <c r="G37860" s="8">
        <v>6480000</v>
      </c>
      <c r="H37860" s="8">
        <v>1853280</v>
      </c>
      <c r="I37860" s="8">
        <v>4847040</v>
      </c>
      <c r="J37860" s="8">
        <v>1632960</v>
      </c>
      <c r="K37860" s="9"/>
      <c r="L37860" s="6"/>
    </row>
    <row r="37861" spans="1:12">
      <c r="A37861" s="6" t="s">
        <v>37573</v>
      </c>
      <c r="B37861" s="6"/>
      <c r="C37861" s="6" t="s">
        <v>32230</v>
      </c>
      <c r="D37861" s="6"/>
      <c r="E37861" s="6" t="s">
        <v>25121</v>
      </c>
      <c r="F37861" s="7"/>
      <c r="G37861" s="8">
        <v>1</v>
      </c>
      <c r="H37861" s="8">
        <v>1</v>
      </c>
      <c r="I37861" s="8">
        <v>0</v>
      </c>
      <c r="J37861" s="8">
        <v>1</v>
      </c>
      <c r="K37861" s="9"/>
      <c r="L37861" s="6"/>
    </row>
    <row r="37862" spans="1:12">
      <c r="A37862" s="6" t="s">
        <v>37574</v>
      </c>
      <c r="B37862" s="6"/>
      <c r="C37862" s="6" t="s">
        <v>32230</v>
      </c>
      <c r="D37862" s="6"/>
      <c r="E37862" s="6" t="s">
        <v>25121</v>
      </c>
      <c r="F37862" s="7">
        <v>42726</v>
      </c>
      <c r="G37862" s="8">
        <v>11417760</v>
      </c>
      <c r="H37862" s="8">
        <v>9864948</v>
      </c>
      <c r="I37862" s="8">
        <v>1941015</v>
      </c>
      <c r="J37862" s="8">
        <v>9476745</v>
      </c>
      <c r="K37862" s="9"/>
      <c r="L37862" s="6"/>
    </row>
    <row r="37863" spans="1:12">
      <c r="A37863" s="6" t="s">
        <v>37575</v>
      </c>
      <c r="B37863" s="6"/>
      <c r="C37863" s="6" t="s">
        <v>32230</v>
      </c>
      <c r="D37863" s="6"/>
      <c r="E37863" s="6" t="s">
        <v>9</v>
      </c>
      <c r="F37863" s="7">
        <v>43266</v>
      </c>
      <c r="G37863" s="8">
        <v>245160</v>
      </c>
      <c r="H37863" s="8">
        <v>228490</v>
      </c>
      <c r="I37863" s="8">
        <v>25005</v>
      </c>
      <c r="J37863" s="8">
        <v>220155</v>
      </c>
      <c r="K37863" s="9"/>
      <c r="L37863" s="6"/>
    </row>
    <row r="37864" spans="1:12">
      <c r="A37864" s="6" t="s">
        <v>37576</v>
      </c>
      <c r="B37864" s="6"/>
      <c r="C37864" s="6" t="s">
        <v>32230</v>
      </c>
      <c r="D37864" s="6"/>
      <c r="E37864" s="6" t="s">
        <v>9</v>
      </c>
      <c r="F37864" s="7">
        <v>43280</v>
      </c>
      <c r="G37864" s="8">
        <v>395000</v>
      </c>
      <c r="H37864" s="8">
        <v>342070</v>
      </c>
      <c r="I37864" s="8">
        <v>79395</v>
      </c>
      <c r="J37864" s="8">
        <v>315605</v>
      </c>
      <c r="K37864" s="9"/>
      <c r="L37864" s="6"/>
    </row>
    <row r="37865" spans="1:12">
      <c r="A37865" s="6" t="s">
        <v>37577</v>
      </c>
      <c r="B37865" s="6"/>
      <c r="C37865" s="6" t="s">
        <v>32230</v>
      </c>
      <c r="D37865" s="6"/>
      <c r="E37865" s="6" t="s">
        <v>25121</v>
      </c>
      <c r="F37865" s="7">
        <v>42618</v>
      </c>
      <c r="G37865" s="8">
        <v>1379160</v>
      </c>
      <c r="H37865" s="8">
        <v>1191596</v>
      </c>
      <c r="I37865" s="8">
        <v>234455</v>
      </c>
      <c r="J37865" s="8">
        <v>1144705</v>
      </c>
      <c r="K37865" s="9"/>
      <c r="L37865" s="6"/>
    </row>
    <row r="37866" spans="1:12">
      <c r="A37866" s="6" t="s">
        <v>37578</v>
      </c>
      <c r="B37866" s="6"/>
      <c r="C37866" s="6" t="s">
        <v>32230</v>
      </c>
      <c r="D37866" s="6"/>
      <c r="E37866" s="6" t="s">
        <v>25121</v>
      </c>
      <c r="F37866" s="7">
        <v>43555</v>
      </c>
      <c r="G37866" s="8">
        <v>657720</v>
      </c>
      <c r="H37866" s="8">
        <v>612996</v>
      </c>
      <c r="I37866" s="8">
        <v>67086</v>
      </c>
      <c r="J37866" s="8">
        <v>590634</v>
      </c>
      <c r="K37866" s="9"/>
      <c r="L37866" s="6"/>
    </row>
    <row r="37867" spans="1:12">
      <c r="A37867" s="6" t="s">
        <v>37579</v>
      </c>
      <c r="B37867" s="6"/>
      <c r="C37867" s="6" t="s">
        <v>32230</v>
      </c>
      <c r="D37867" s="6"/>
      <c r="E37867" s="6" t="s">
        <v>25121</v>
      </c>
      <c r="F37867" s="7">
        <v>43555</v>
      </c>
      <c r="G37867" s="8">
        <v>643680</v>
      </c>
      <c r="H37867" s="8">
        <v>599910</v>
      </c>
      <c r="I37867" s="8">
        <v>65655</v>
      </c>
      <c r="J37867" s="8">
        <v>578025</v>
      </c>
      <c r="K37867" s="9"/>
      <c r="L37867" s="6"/>
    </row>
    <row r="37868" spans="1:12">
      <c r="A37868" s="6" t="s">
        <v>37580</v>
      </c>
      <c r="B37868" s="6"/>
      <c r="C37868" s="6" t="s">
        <v>32230</v>
      </c>
      <c r="D37868" s="6"/>
      <c r="E37868" s="6" t="s">
        <v>25121</v>
      </c>
      <c r="F37868" s="7">
        <v>43555</v>
      </c>
      <c r="G37868" s="8">
        <v>1280880</v>
      </c>
      <c r="H37868" s="8">
        <v>1193782</v>
      </c>
      <c r="I37868" s="8">
        <v>130647</v>
      </c>
      <c r="J37868" s="8">
        <v>1150233</v>
      </c>
      <c r="K37868" s="9"/>
      <c r="L37868" s="6"/>
    </row>
    <row r="37869" spans="1:12">
      <c r="A37869" s="6" t="s">
        <v>37581</v>
      </c>
      <c r="B37869" s="6"/>
      <c r="C37869" s="6" t="s">
        <v>32230</v>
      </c>
      <c r="D37869" s="6"/>
      <c r="E37869" s="6" t="s">
        <v>25121</v>
      </c>
      <c r="F37869" s="7">
        <v>43555</v>
      </c>
      <c r="G37869" s="8">
        <v>2094120</v>
      </c>
      <c r="H37869" s="8">
        <v>1951720</v>
      </c>
      <c r="I37869" s="8">
        <v>213600</v>
      </c>
      <c r="J37869" s="8">
        <v>1880520</v>
      </c>
      <c r="K37869" s="9"/>
      <c r="L37869" s="6"/>
    </row>
    <row r="37870" spans="1:12">
      <c r="A37870" s="6" t="s">
        <v>37582</v>
      </c>
      <c r="B37870" s="6"/>
      <c r="C37870" s="6" t="s">
        <v>32230</v>
      </c>
      <c r="D37870" s="6"/>
      <c r="E37870" s="6" t="s">
        <v>25121</v>
      </c>
      <c r="F37870" s="7">
        <v>43555</v>
      </c>
      <c r="G37870" s="8">
        <v>695520</v>
      </c>
      <c r="H37870" s="8">
        <v>648226</v>
      </c>
      <c r="I37870" s="8">
        <v>70941</v>
      </c>
      <c r="J37870" s="8">
        <v>624579</v>
      </c>
      <c r="K37870" s="9"/>
      <c r="L37870" s="6"/>
    </row>
    <row r="37871" spans="1:12">
      <c r="A37871" s="6" t="s">
        <v>37583</v>
      </c>
      <c r="B37871" s="6"/>
      <c r="C37871" s="6" t="s">
        <v>32230</v>
      </c>
      <c r="D37871" s="6"/>
      <c r="E37871" s="6" t="s">
        <v>25121</v>
      </c>
      <c r="F37871" s="7">
        <v>43555</v>
      </c>
      <c r="G37871" s="8">
        <v>656640</v>
      </c>
      <c r="H37871" s="8">
        <v>611990</v>
      </c>
      <c r="I37871" s="8">
        <v>66975</v>
      </c>
      <c r="J37871" s="8">
        <v>589665</v>
      </c>
      <c r="K37871" s="9"/>
      <c r="L37871" s="6"/>
    </row>
    <row r="37872" spans="1:12">
      <c r="A37872" s="6" t="s">
        <v>37584</v>
      </c>
      <c r="B37872" s="6"/>
      <c r="C37872" s="6" t="s">
        <v>32230</v>
      </c>
      <c r="D37872" s="6"/>
      <c r="E37872" s="6" t="s">
        <v>25121</v>
      </c>
      <c r="F37872" s="7">
        <v>43759</v>
      </c>
      <c r="G37872" s="8">
        <v>1380240</v>
      </c>
      <c r="H37872" s="8">
        <v>1333312</v>
      </c>
      <c r="I37872" s="8">
        <v>93856</v>
      </c>
      <c r="J37872" s="8">
        <v>1286384</v>
      </c>
      <c r="K37872" s="9"/>
      <c r="L37872" s="6"/>
    </row>
    <row r="37873" spans="1:12">
      <c r="A37873" s="6" t="s">
        <v>37585</v>
      </c>
      <c r="B37873" s="6"/>
      <c r="C37873" s="6" t="s">
        <v>32230</v>
      </c>
      <c r="D37873" s="6"/>
      <c r="E37873" s="6" t="s">
        <v>25121</v>
      </c>
      <c r="F37873" s="7">
        <v>43769</v>
      </c>
      <c r="G37873" s="8">
        <v>1493640</v>
      </c>
      <c r="H37873" s="8">
        <v>1442857</v>
      </c>
      <c r="I37873" s="8">
        <v>101566</v>
      </c>
      <c r="J37873" s="8">
        <v>1392074</v>
      </c>
      <c r="K37873" s="9"/>
      <c r="L37873" s="6"/>
    </row>
    <row r="37874" spans="1:12">
      <c r="A37874" s="6" t="s">
        <v>37586</v>
      </c>
      <c r="B37874" s="6"/>
      <c r="C37874" s="6" t="s">
        <v>32230</v>
      </c>
      <c r="D37874" s="6"/>
      <c r="E37874" s="6" t="s">
        <v>25121</v>
      </c>
      <c r="F37874" s="7">
        <v>43769</v>
      </c>
      <c r="G37874" s="8">
        <v>1962360</v>
      </c>
      <c r="H37874" s="8">
        <v>1895640</v>
      </c>
      <c r="I37874" s="8">
        <v>133440</v>
      </c>
      <c r="J37874" s="8">
        <v>1828920</v>
      </c>
      <c r="K37874" s="9"/>
      <c r="L37874" s="6"/>
    </row>
    <row r="37875" spans="1:12">
      <c r="A37875" s="6" t="s">
        <v>37587</v>
      </c>
      <c r="B37875" s="6"/>
      <c r="C37875" s="6" t="s">
        <v>32230</v>
      </c>
      <c r="D37875" s="6"/>
      <c r="E37875" s="6" t="s">
        <v>25121</v>
      </c>
      <c r="F37875" s="7">
        <v>43819</v>
      </c>
      <c r="G37875" s="8">
        <v>1078000</v>
      </c>
      <c r="H37875" s="8">
        <v>1041348</v>
      </c>
      <c r="I37875" s="8">
        <v>73304</v>
      </c>
      <c r="J37875" s="8">
        <v>1004696</v>
      </c>
      <c r="K37875" s="9"/>
      <c r="L37875" s="6"/>
    </row>
    <row r="37876" spans="1:12">
      <c r="A37876" s="6" t="s">
        <v>37588</v>
      </c>
      <c r="B37876" s="6"/>
      <c r="C37876" s="6" t="s">
        <v>32230</v>
      </c>
      <c r="D37876" s="6"/>
      <c r="E37876" s="6" t="s">
        <v>25121</v>
      </c>
      <c r="F37876" s="7">
        <v>42825</v>
      </c>
      <c r="G37876" s="8">
        <v>1089720</v>
      </c>
      <c r="H37876" s="8">
        <v>941520</v>
      </c>
      <c r="I37876" s="8">
        <v>185250</v>
      </c>
      <c r="J37876" s="8">
        <v>904470</v>
      </c>
      <c r="K37876" s="9"/>
      <c r="L37876" s="6"/>
    </row>
    <row r="37877" spans="1:12">
      <c r="A37877" s="6" t="s">
        <v>37589</v>
      </c>
      <c r="B37877" s="6"/>
      <c r="C37877" s="6" t="s">
        <v>32230</v>
      </c>
      <c r="D37877" s="6"/>
      <c r="E37877" s="6" t="s">
        <v>25121</v>
      </c>
      <c r="F37877" s="7">
        <v>43804</v>
      </c>
      <c r="G37877" s="8">
        <v>766700</v>
      </c>
      <c r="H37877" s="8">
        <v>740633</v>
      </c>
      <c r="I37877" s="8">
        <v>52134</v>
      </c>
      <c r="J37877" s="8">
        <v>714566</v>
      </c>
      <c r="K37877" s="9"/>
      <c r="L37877" s="6"/>
    </row>
    <row r="37878" spans="1:12">
      <c r="A37878" s="6" t="s">
        <v>37590</v>
      </c>
      <c r="B37878" s="6"/>
      <c r="C37878" s="6" t="s">
        <v>32230</v>
      </c>
      <c r="D37878" s="6"/>
      <c r="E37878" s="6" t="s">
        <v>25121</v>
      </c>
      <c r="F37878" s="7">
        <v>43895</v>
      </c>
      <c r="G37878" s="8">
        <v>1193500</v>
      </c>
      <c r="H37878" s="8">
        <v>1152921</v>
      </c>
      <c r="I37878" s="8">
        <v>81158</v>
      </c>
      <c r="J37878" s="8">
        <v>1112342</v>
      </c>
      <c r="K37878" s="9"/>
      <c r="L37878" s="6"/>
    </row>
    <row r="37879" spans="1:12">
      <c r="A37879" s="6" t="s">
        <v>37591</v>
      </c>
      <c r="B37879" s="6"/>
      <c r="C37879" s="6" t="s">
        <v>32230</v>
      </c>
      <c r="D37879" s="6"/>
      <c r="E37879" s="6" t="s">
        <v>25121</v>
      </c>
      <c r="F37879" s="7">
        <v>43857</v>
      </c>
      <c r="G37879" s="8">
        <v>908600</v>
      </c>
      <c r="H37879" s="8">
        <v>877708</v>
      </c>
      <c r="I37879" s="8">
        <v>61784</v>
      </c>
      <c r="J37879" s="8">
        <v>846816</v>
      </c>
      <c r="K37879" s="9"/>
      <c r="L37879" s="6"/>
    </row>
    <row r="37880" spans="1:12">
      <c r="A37880" s="6" t="s">
        <v>37592</v>
      </c>
      <c r="B37880" s="6"/>
      <c r="C37880" s="6" t="s">
        <v>32230</v>
      </c>
      <c r="D37880" s="6"/>
      <c r="E37880" s="6" t="s">
        <v>25121</v>
      </c>
      <c r="F37880" s="7">
        <v>43845</v>
      </c>
      <c r="G37880" s="8">
        <v>549206</v>
      </c>
      <c r="H37880" s="8">
        <v>530533</v>
      </c>
      <c r="I37880" s="8">
        <v>37346</v>
      </c>
      <c r="J37880" s="8">
        <v>511860</v>
      </c>
      <c r="K37880" s="9"/>
      <c r="L37880" s="6"/>
    </row>
    <row r="37881" spans="1:12">
      <c r="A37881" s="6" t="s">
        <v>37593</v>
      </c>
      <c r="B37881" s="6"/>
      <c r="C37881" s="6" t="s">
        <v>32230</v>
      </c>
      <c r="D37881" s="6"/>
      <c r="E37881" s="6" t="s">
        <v>25121</v>
      </c>
      <c r="F37881" s="7">
        <v>43845</v>
      </c>
      <c r="G37881" s="8">
        <v>876076</v>
      </c>
      <c r="H37881" s="8">
        <v>846290</v>
      </c>
      <c r="I37881" s="8">
        <v>59572</v>
      </c>
      <c r="J37881" s="8">
        <v>816504</v>
      </c>
      <c r="K37881" s="9"/>
      <c r="L37881" s="6"/>
    </row>
    <row r="37882" spans="1:12">
      <c r="A37882" s="6" t="s">
        <v>37594</v>
      </c>
      <c r="B37882" s="6"/>
      <c r="C37882" s="6" t="s">
        <v>32230</v>
      </c>
      <c r="D37882" s="6"/>
      <c r="E37882" s="6" t="s">
        <v>25121</v>
      </c>
      <c r="F37882" s="7">
        <v>43921</v>
      </c>
      <c r="G37882" s="8">
        <v>1997600</v>
      </c>
      <c r="H37882" s="8">
        <v>1929682</v>
      </c>
      <c r="I37882" s="8">
        <v>135836</v>
      </c>
      <c r="J37882" s="8">
        <v>1861764</v>
      </c>
      <c r="K37882" s="9"/>
      <c r="L37882" s="6"/>
    </row>
    <row r="37883" spans="1:12">
      <c r="A37883" s="6" t="s">
        <v>37595</v>
      </c>
      <c r="B37883" s="6"/>
      <c r="C37883" s="6" t="s">
        <v>32230</v>
      </c>
      <c r="D37883" s="6"/>
      <c r="E37883" s="6" t="s">
        <v>25121</v>
      </c>
      <c r="F37883" s="7">
        <v>43921</v>
      </c>
      <c r="G37883" s="8">
        <v>752400</v>
      </c>
      <c r="H37883" s="8">
        <v>726819</v>
      </c>
      <c r="I37883" s="8">
        <v>51162</v>
      </c>
      <c r="J37883" s="8">
        <v>701238</v>
      </c>
      <c r="K37883" s="9"/>
      <c r="L37883" s="6"/>
    </row>
    <row r="37884" spans="1:12">
      <c r="A37884" s="6" t="s">
        <v>37596</v>
      </c>
      <c r="B37884" s="6"/>
      <c r="C37884" s="6" t="s">
        <v>32230</v>
      </c>
      <c r="D37884" s="6"/>
      <c r="E37884" s="6" t="s">
        <v>25121</v>
      </c>
      <c r="F37884" s="7">
        <v>43921</v>
      </c>
      <c r="G37884" s="8">
        <v>732800</v>
      </c>
      <c r="H37884" s="8">
        <v>707885</v>
      </c>
      <c r="I37884" s="8">
        <v>49830</v>
      </c>
      <c r="J37884" s="8">
        <v>682970</v>
      </c>
      <c r="K37884" s="9"/>
      <c r="L37884" s="6"/>
    </row>
    <row r="37885" spans="1:12">
      <c r="A37885" s="6" t="s">
        <v>37597</v>
      </c>
      <c r="B37885" s="6"/>
      <c r="C37885" s="6" t="s">
        <v>32230</v>
      </c>
      <c r="D37885" s="6"/>
      <c r="E37885" s="6" t="s">
        <v>25121</v>
      </c>
      <c r="F37885" s="7">
        <v>42998</v>
      </c>
      <c r="G37885" s="8">
        <v>1237680</v>
      </c>
      <c r="H37885" s="8">
        <v>1111437</v>
      </c>
      <c r="I37885" s="8">
        <v>168324</v>
      </c>
      <c r="J37885" s="8">
        <v>1069356</v>
      </c>
      <c r="K37885" s="9"/>
      <c r="L37885" s="6"/>
    </row>
    <row r="37886" spans="1:12">
      <c r="A37886" s="6" t="s">
        <v>37598</v>
      </c>
      <c r="B37886" s="6"/>
      <c r="C37886" s="6" t="s">
        <v>32230</v>
      </c>
      <c r="D37886" s="6"/>
      <c r="E37886" s="6" t="s">
        <v>25121</v>
      </c>
      <c r="F37886" s="7">
        <v>43190</v>
      </c>
      <c r="G37886" s="8">
        <v>733320</v>
      </c>
      <c r="H37886" s="8">
        <v>658524</v>
      </c>
      <c r="I37886" s="8">
        <v>99728</v>
      </c>
      <c r="J37886" s="8">
        <v>633592</v>
      </c>
      <c r="K37886" s="9"/>
      <c r="L37886" s="6"/>
    </row>
    <row r="37887" spans="1:12">
      <c r="A37887" s="6" t="s">
        <v>37599</v>
      </c>
      <c r="B37887" s="6"/>
      <c r="C37887" s="6" t="s">
        <v>32230</v>
      </c>
      <c r="D37887" s="6"/>
      <c r="E37887" s="6" t="s">
        <v>25121</v>
      </c>
      <c r="F37887" s="7">
        <v>43286</v>
      </c>
      <c r="G37887" s="8">
        <v>1249560</v>
      </c>
      <c r="H37887" s="8">
        <v>1164590</v>
      </c>
      <c r="I37887" s="8">
        <v>127455</v>
      </c>
      <c r="J37887" s="8">
        <v>1122105</v>
      </c>
      <c r="K37887" s="9"/>
      <c r="L37887" s="6"/>
    </row>
    <row r="37888" spans="1:12">
      <c r="A37888" s="6" t="s">
        <v>37600</v>
      </c>
      <c r="B37888" s="6"/>
      <c r="C37888" s="6" t="s">
        <v>32230</v>
      </c>
      <c r="D37888" s="6"/>
      <c r="E37888" s="6" t="s">
        <v>25121</v>
      </c>
      <c r="F37888" s="7">
        <v>43312</v>
      </c>
      <c r="G37888" s="8">
        <v>1273320</v>
      </c>
      <c r="H37888" s="8">
        <v>1186736</v>
      </c>
      <c r="I37888" s="8">
        <v>129876</v>
      </c>
      <c r="J37888" s="8">
        <v>1143444</v>
      </c>
      <c r="K37888" s="9"/>
      <c r="L37888" s="6"/>
    </row>
    <row r="37889" spans="1:12">
      <c r="A37889" s="6" t="s">
        <v>37601</v>
      </c>
      <c r="B37889" s="6"/>
      <c r="C37889" s="6" t="s">
        <v>32230</v>
      </c>
      <c r="D37889" s="6"/>
      <c r="E37889" s="6" t="s">
        <v>25121</v>
      </c>
      <c r="F37889" s="7">
        <v>43409</v>
      </c>
      <c r="G37889" s="8">
        <v>681480</v>
      </c>
      <c r="H37889" s="8">
        <v>545184</v>
      </c>
      <c r="I37889" s="8">
        <v>204444</v>
      </c>
      <c r="J37889" s="8">
        <v>477036</v>
      </c>
      <c r="K37889" s="9"/>
      <c r="L37889" s="6"/>
    </row>
    <row r="37890" spans="1:12">
      <c r="A37890" s="6" t="s">
        <v>37602</v>
      </c>
      <c r="B37890" s="6"/>
      <c r="C37890" s="6" t="s">
        <v>32230</v>
      </c>
      <c r="D37890" s="6"/>
      <c r="E37890" s="6" t="s">
        <v>25121</v>
      </c>
      <c r="F37890" s="7">
        <v>43454</v>
      </c>
      <c r="G37890" s="8">
        <v>1504440</v>
      </c>
      <c r="H37890" s="8">
        <v>1402140</v>
      </c>
      <c r="I37890" s="8">
        <v>153450</v>
      </c>
      <c r="J37890" s="8">
        <v>1350990</v>
      </c>
      <c r="K37890" s="9"/>
      <c r="L37890" s="6"/>
    </row>
    <row r="37891" spans="1:12">
      <c r="A37891" s="6" t="s">
        <v>37603</v>
      </c>
      <c r="B37891" s="6"/>
      <c r="C37891" s="6" t="s">
        <v>32230</v>
      </c>
      <c r="D37891" s="6"/>
      <c r="E37891" s="6" t="s">
        <v>25121</v>
      </c>
      <c r="F37891" s="7">
        <v>43555</v>
      </c>
      <c r="G37891" s="8">
        <v>1974240</v>
      </c>
      <c r="H37891" s="8">
        <v>1839992</v>
      </c>
      <c r="I37891" s="8">
        <v>201372</v>
      </c>
      <c r="J37891" s="8">
        <v>1772868</v>
      </c>
      <c r="K37891" s="9"/>
      <c r="L37891" s="6"/>
    </row>
    <row r="37892" spans="1:12">
      <c r="A37892" s="6" t="s">
        <v>37604</v>
      </c>
      <c r="B37892" s="6"/>
      <c r="C37892" s="6" t="s">
        <v>32230</v>
      </c>
      <c r="D37892" s="6"/>
      <c r="E37892" s="6" t="s">
        <v>9</v>
      </c>
      <c r="F37892" s="7">
        <v>42818</v>
      </c>
      <c r="G37892" s="8">
        <v>1274400</v>
      </c>
      <c r="H37892" s="8">
        <v>1146960</v>
      </c>
      <c r="I37892" s="8">
        <v>159300</v>
      </c>
      <c r="J37892" s="8">
        <v>1115100</v>
      </c>
      <c r="K37892" s="9"/>
      <c r="L37892" s="6"/>
    </row>
    <row r="37893" spans="1:12">
      <c r="A37893" s="6" t="s">
        <v>37605</v>
      </c>
      <c r="B37893" s="6"/>
      <c r="C37893" s="6" t="s">
        <v>32230</v>
      </c>
      <c r="D37893" s="6"/>
      <c r="E37893" s="6" t="s">
        <v>9</v>
      </c>
      <c r="F37893" s="7">
        <v>43677</v>
      </c>
      <c r="G37893" s="8">
        <v>723600</v>
      </c>
      <c r="H37893" s="8">
        <v>709128</v>
      </c>
      <c r="I37893" s="8">
        <v>28944</v>
      </c>
      <c r="J37893" s="8">
        <v>694656</v>
      </c>
      <c r="K37893" s="9"/>
      <c r="L37893" s="6"/>
    </row>
    <row r="37894" spans="1:12">
      <c r="A37894" s="6" t="s">
        <v>37606</v>
      </c>
      <c r="B37894" s="6"/>
      <c r="C37894" s="6" t="s">
        <v>32230</v>
      </c>
      <c r="D37894" s="6"/>
      <c r="E37894" s="6" t="s">
        <v>9</v>
      </c>
      <c r="F37894" s="7">
        <v>44286</v>
      </c>
      <c r="G37894" s="8">
        <v>33487300</v>
      </c>
      <c r="H37894" s="8">
        <v>33487300</v>
      </c>
      <c r="I37894" s="8">
        <v>1138568</v>
      </c>
      <c r="J37894" s="8">
        <v>32348732</v>
      </c>
      <c r="K37894" s="9"/>
      <c r="L37894" s="6"/>
    </row>
    <row r="37895" spans="1:12">
      <c r="A37895" s="6" t="s">
        <v>37607</v>
      </c>
      <c r="B37895" s="6"/>
      <c r="C37895" s="6" t="s">
        <v>32230</v>
      </c>
      <c r="D37895" s="6"/>
      <c r="E37895" s="6" t="s">
        <v>9</v>
      </c>
      <c r="F37895" s="7">
        <v>43555</v>
      </c>
      <c r="G37895" s="8">
        <v>864000</v>
      </c>
      <c r="H37895" s="8">
        <v>805248</v>
      </c>
      <c r="I37895" s="8">
        <v>88128</v>
      </c>
      <c r="J37895" s="8">
        <v>775872</v>
      </c>
      <c r="K37895" s="9"/>
      <c r="L37895" s="6"/>
    </row>
    <row r="37896" spans="1:12">
      <c r="A37896" s="6" t="s">
        <v>37608</v>
      </c>
      <c r="B37896" s="6"/>
      <c r="C37896" s="6" t="s">
        <v>32230</v>
      </c>
      <c r="D37896" s="6"/>
      <c r="E37896" s="6" t="s">
        <v>18740</v>
      </c>
      <c r="F37896" s="7">
        <v>41297</v>
      </c>
      <c r="G37896" s="8">
        <v>535500</v>
      </c>
      <c r="H37896" s="8">
        <v>248476</v>
      </c>
      <c r="I37896" s="8">
        <v>322902</v>
      </c>
      <c r="J37896" s="8">
        <v>212598</v>
      </c>
      <c r="K37896" s="9"/>
      <c r="L37896" s="6"/>
    </row>
    <row r="37897" spans="1:12">
      <c r="A37897" s="6" t="s">
        <v>37609</v>
      </c>
      <c r="B37897" s="6"/>
      <c r="C37897" s="6" t="s">
        <v>32230</v>
      </c>
      <c r="D37897" s="6"/>
      <c r="E37897" s="6" t="s">
        <v>18740</v>
      </c>
      <c r="F37897" s="7">
        <v>41128</v>
      </c>
      <c r="G37897" s="8">
        <v>415800</v>
      </c>
      <c r="H37897" s="8">
        <v>83160</v>
      </c>
      <c r="I37897" s="8">
        <v>374220</v>
      </c>
      <c r="J37897" s="8">
        <v>41580</v>
      </c>
      <c r="K37897" s="9"/>
      <c r="L37897" s="6"/>
    </row>
    <row r="37898" spans="1:12">
      <c r="A37898" s="6" t="s">
        <v>37610</v>
      </c>
      <c r="B37898" s="6"/>
      <c r="C37898" s="6" t="s">
        <v>32230</v>
      </c>
      <c r="D37898" s="6"/>
      <c r="E37898" s="6" t="s">
        <v>9</v>
      </c>
      <c r="F37898" s="7">
        <v>43115</v>
      </c>
      <c r="G37898" s="8">
        <v>1242000</v>
      </c>
      <c r="H37898" s="8">
        <v>992358</v>
      </c>
      <c r="I37898" s="8">
        <v>332856</v>
      </c>
      <c r="J37898" s="8">
        <v>909144</v>
      </c>
      <c r="K37898" s="9"/>
      <c r="L37898" s="6"/>
    </row>
    <row r="37899" spans="1:12">
      <c r="A37899" s="6" t="s">
        <v>37611</v>
      </c>
      <c r="B37899" s="6"/>
      <c r="C37899" s="6" t="s">
        <v>32230</v>
      </c>
      <c r="D37899" s="6"/>
      <c r="E37899" s="6" t="s">
        <v>9</v>
      </c>
      <c r="F37899" s="7">
        <v>43179</v>
      </c>
      <c r="G37899" s="8">
        <v>81000</v>
      </c>
      <c r="H37899" s="8">
        <v>56700</v>
      </c>
      <c r="I37899" s="8">
        <v>32400</v>
      </c>
      <c r="J37899" s="8">
        <v>48600</v>
      </c>
      <c r="K37899" s="9"/>
      <c r="L37899" s="6"/>
    </row>
    <row r="37900" spans="1:12">
      <c r="A37900" s="6" t="s">
        <v>37612</v>
      </c>
      <c r="B37900" s="6"/>
      <c r="C37900" s="6" t="s">
        <v>32230</v>
      </c>
      <c r="D37900" s="6"/>
      <c r="E37900" s="6" t="s">
        <v>9</v>
      </c>
      <c r="F37900" s="7">
        <v>43895</v>
      </c>
      <c r="G37900" s="8">
        <v>95700</v>
      </c>
      <c r="H37900" s="8">
        <v>93786</v>
      </c>
      <c r="I37900" s="8">
        <v>3828</v>
      </c>
      <c r="J37900" s="8">
        <v>91872</v>
      </c>
      <c r="K37900" s="9"/>
      <c r="L37900" s="6"/>
    </row>
    <row r="37901" spans="1:12">
      <c r="A37901" s="6" t="s">
        <v>37613</v>
      </c>
      <c r="B37901" s="6"/>
      <c r="C37901" s="6" t="s">
        <v>32230</v>
      </c>
      <c r="D37901" s="6"/>
      <c r="E37901" s="6" t="s">
        <v>9</v>
      </c>
      <c r="F37901" s="7">
        <v>44018</v>
      </c>
      <c r="G37901" s="8">
        <v>2200000</v>
      </c>
      <c r="H37901" s="8">
        <v>2200000</v>
      </c>
      <c r="I37901" s="8">
        <v>44000</v>
      </c>
      <c r="J37901" s="8">
        <v>2156000</v>
      </c>
      <c r="K37901" s="9"/>
      <c r="L37901" s="6"/>
    </row>
    <row r="37902" spans="1:12">
      <c r="A37902" s="6" t="s">
        <v>37614</v>
      </c>
      <c r="B37902" s="6"/>
      <c r="C37902" s="6" t="s">
        <v>32230</v>
      </c>
      <c r="D37902" s="6"/>
      <c r="E37902" s="6" t="s">
        <v>9</v>
      </c>
      <c r="F37902" s="7">
        <v>44027</v>
      </c>
      <c r="G37902" s="8">
        <v>99000</v>
      </c>
      <c r="H37902" s="8">
        <v>99000</v>
      </c>
      <c r="I37902" s="8">
        <v>1980</v>
      </c>
      <c r="J37902" s="8">
        <v>97020</v>
      </c>
      <c r="K37902" s="9"/>
      <c r="L37902" s="6"/>
    </row>
    <row r="37903" spans="1:12">
      <c r="A37903" s="6" t="s">
        <v>37615</v>
      </c>
      <c r="B37903" s="6"/>
      <c r="C37903" s="6" t="s">
        <v>32230</v>
      </c>
      <c r="D37903" s="6"/>
      <c r="E37903" s="6" t="s">
        <v>9</v>
      </c>
      <c r="F37903" s="7">
        <v>44109</v>
      </c>
      <c r="G37903" s="8">
        <v>2860000</v>
      </c>
      <c r="H37903" s="8">
        <v>2860000</v>
      </c>
      <c r="I37903" s="8">
        <v>57200</v>
      </c>
      <c r="J37903" s="8">
        <v>2802800</v>
      </c>
      <c r="K37903" s="9"/>
      <c r="L37903" s="6"/>
    </row>
    <row r="37904" spans="1:12">
      <c r="A37904" s="6" t="s">
        <v>37616</v>
      </c>
      <c r="B37904" s="6"/>
      <c r="C37904" s="6" t="s">
        <v>32230</v>
      </c>
      <c r="D37904" s="6"/>
      <c r="E37904" s="6" t="s">
        <v>9</v>
      </c>
      <c r="F37904" s="7">
        <v>44172</v>
      </c>
      <c r="G37904" s="8">
        <v>3575000</v>
      </c>
      <c r="H37904" s="8">
        <v>3575000</v>
      </c>
      <c r="I37904" s="8">
        <v>71500</v>
      </c>
      <c r="J37904" s="8">
        <v>3503500</v>
      </c>
      <c r="K37904" s="9"/>
      <c r="L37904" s="6"/>
    </row>
    <row r="37905" spans="1:12">
      <c r="A37905" s="6" t="s">
        <v>37617</v>
      </c>
      <c r="B37905" s="6"/>
      <c r="C37905" s="6" t="s">
        <v>32230</v>
      </c>
      <c r="D37905" s="6"/>
      <c r="E37905" s="6" t="s">
        <v>9</v>
      </c>
      <c r="F37905" s="7">
        <v>44286</v>
      </c>
      <c r="G37905" s="8">
        <v>2310000</v>
      </c>
      <c r="H37905" s="8">
        <v>2310000</v>
      </c>
      <c r="I37905" s="8">
        <v>46200</v>
      </c>
      <c r="J37905" s="8">
        <v>2263800</v>
      </c>
      <c r="K37905" s="9"/>
      <c r="L37905" s="6"/>
    </row>
    <row r="37906" spans="1:12">
      <c r="A37906" s="6" t="s">
        <v>37618</v>
      </c>
      <c r="B37906" s="6"/>
      <c r="C37906" s="6" t="s">
        <v>32230</v>
      </c>
      <c r="D37906" s="6"/>
      <c r="E37906" s="6" t="s">
        <v>9</v>
      </c>
      <c r="F37906" s="7">
        <v>44286</v>
      </c>
      <c r="G37906" s="8">
        <v>1276000</v>
      </c>
      <c r="H37906" s="8">
        <v>1276000</v>
      </c>
      <c r="I37906" s="8">
        <v>25520</v>
      </c>
      <c r="J37906" s="8">
        <v>1250480</v>
      </c>
      <c r="K37906" s="9"/>
      <c r="L37906" s="6"/>
    </row>
    <row r="37907" spans="1:12">
      <c r="A37907" s="6" t="s">
        <v>37619</v>
      </c>
      <c r="B37907" s="6"/>
      <c r="C37907" s="6" t="s">
        <v>32230</v>
      </c>
      <c r="D37907" s="6"/>
      <c r="E37907" s="6" t="s">
        <v>9</v>
      </c>
      <c r="F37907" s="7">
        <v>43028</v>
      </c>
      <c r="G37907" s="8">
        <v>486000</v>
      </c>
      <c r="H37907" s="8">
        <v>413100</v>
      </c>
      <c r="I37907" s="8">
        <v>97200</v>
      </c>
      <c r="J37907" s="8">
        <v>388800</v>
      </c>
      <c r="K37907" s="9"/>
      <c r="L37907" s="6"/>
    </row>
    <row r="37908" spans="1:12">
      <c r="A37908" s="6" t="s">
        <v>37620</v>
      </c>
      <c r="B37908" s="6"/>
      <c r="C37908" s="6" t="s">
        <v>32230</v>
      </c>
      <c r="D37908" s="6"/>
      <c r="E37908" s="6" t="s">
        <v>9</v>
      </c>
      <c r="F37908" s="7">
        <v>43003</v>
      </c>
      <c r="G37908" s="8">
        <v>735480</v>
      </c>
      <c r="H37908" s="8">
        <v>514836</v>
      </c>
      <c r="I37908" s="8">
        <v>294192</v>
      </c>
      <c r="J37908" s="8">
        <v>441288</v>
      </c>
      <c r="K37908" s="9"/>
      <c r="L37908" s="6"/>
    </row>
    <row r="37909" spans="1:12">
      <c r="A37909" s="6" t="s">
        <v>37621</v>
      </c>
      <c r="B37909" s="6"/>
      <c r="C37909" s="6" t="s">
        <v>32230</v>
      </c>
      <c r="D37909" s="6"/>
      <c r="E37909" s="6" t="s">
        <v>9</v>
      </c>
      <c r="F37909" s="7">
        <v>43007</v>
      </c>
      <c r="G37909" s="8">
        <v>2419200</v>
      </c>
      <c r="H37909" s="8">
        <v>2317596</v>
      </c>
      <c r="I37909" s="8">
        <v>135472</v>
      </c>
      <c r="J37909" s="8">
        <v>2283728</v>
      </c>
      <c r="K37909" s="9"/>
      <c r="L37909" s="6"/>
    </row>
    <row r="37910" spans="1:12">
      <c r="A37910" s="6" t="s">
        <v>37622</v>
      </c>
      <c r="B37910" s="6"/>
      <c r="C37910" s="6" t="s">
        <v>32230</v>
      </c>
      <c r="D37910" s="6"/>
      <c r="E37910" s="6" t="s">
        <v>25121</v>
      </c>
      <c r="F37910" s="7">
        <v>43190</v>
      </c>
      <c r="G37910" s="8">
        <v>12214800</v>
      </c>
      <c r="H37910" s="8">
        <v>10968891</v>
      </c>
      <c r="I37910" s="8">
        <v>1661212</v>
      </c>
      <c r="J37910" s="8">
        <v>10553588</v>
      </c>
      <c r="K37910" s="9"/>
      <c r="L37910" s="6"/>
    </row>
    <row r="37911" spans="1:12">
      <c r="A37911" s="6" t="s">
        <v>37623</v>
      </c>
      <c r="B37911" s="6"/>
      <c r="C37911" s="6" t="s">
        <v>32230</v>
      </c>
      <c r="D37911" s="6"/>
      <c r="E37911" s="6" t="s">
        <v>9</v>
      </c>
      <c r="F37911" s="7">
        <v>43190</v>
      </c>
      <c r="G37911" s="8">
        <v>213000</v>
      </c>
      <c r="H37911" s="8">
        <v>175299</v>
      </c>
      <c r="I37911" s="8">
        <v>50268</v>
      </c>
      <c r="J37911" s="8">
        <v>162732</v>
      </c>
      <c r="K37911" s="9"/>
      <c r="L37911" s="6"/>
    </row>
    <row r="37912" spans="1:12">
      <c r="A37912" s="6" t="s">
        <v>37624</v>
      </c>
      <c r="B37912" s="6"/>
      <c r="C37912" s="6" t="s">
        <v>32230</v>
      </c>
      <c r="D37912" s="6"/>
      <c r="E37912" s="6" t="s">
        <v>9</v>
      </c>
      <c r="F37912" s="7">
        <v>39428</v>
      </c>
      <c r="G37912" s="8">
        <v>28350000</v>
      </c>
      <c r="H37912" s="8">
        <v>6605550</v>
      </c>
      <c r="I37912" s="8">
        <v>23417100</v>
      </c>
      <c r="J37912" s="8">
        <v>4932900</v>
      </c>
      <c r="K37912" s="9"/>
      <c r="L37912" s="6"/>
    </row>
    <row r="37913" spans="1:12">
      <c r="A37913" s="6" t="s">
        <v>37625</v>
      </c>
      <c r="B37913" s="6"/>
      <c r="C37913" s="6" t="s">
        <v>32230</v>
      </c>
      <c r="D37913" s="6"/>
      <c r="E37913" s="6" t="s">
        <v>9</v>
      </c>
      <c r="F37913" s="7">
        <v>39428</v>
      </c>
      <c r="G37913" s="8">
        <v>22995000</v>
      </c>
      <c r="H37913" s="8">
        <v>5357835</v>
      </c>
      <c r="I37913" s="8">
        <v>18993870</v>
      </c>
      <c r="J37913" s="8">
        <v>4001130</v>
      </c>
      <c r="K37913" s="9"/>
      <c r="L37913" s="6"/>
    </row>
    <row r="37914" spans="1:12">
      <c r="A37914" s="6" t="s">
        <v>37626</v>
      </c>
      <c r="B37914" s="6"/>
      <c r="C37914" s="6" t="s">
        <v>32230</v>
      </c>
      <c r="D37914" s="6"/>
      <c r="E37914" s="6" t="s">
        <v>9</v>
      </c>
      <c r="F37914" s="7">
        <v>39428</v>
      </c>
      <c r="G37914" s="8">
        <v>2730000</v>
      </c>
      <c r="H37914" s="8">
        <v>636090</v>
      </c>
      <c r="I37914" s="8">
        <v>2254980</v>
      </c>
      <c r="J37914" s="8">
        <v>475020</v>
      </c>
      <c r="K37914" s="9"/>
      <c r="L37914" s="6"/>
    </row>
    <row r="37915" spans="1:12">
      <c r="A37915" s="6" t="s">
        <v>37627</v>
      </c>
      <c r="B37915" s="6"/>
      <c r="C37915" s="6" t="s">
        <v>32230</v>
      </c>
      <c r="D37915" s="6"/>
      <c r="E37915" s="6" t="s">
        <v>9</v>
      </c>
      <c r="F37915" s="7">
        <v>39287</v>
      </c>
      <c r="G37915" s="8">
        <v>1224300</v>
      </c>
      <c r="H37915" s="8">
        <v>157936</v>
      </c>
      <c r="I37915" s="8">
        <v>1148392</v>
      </c>
      <c r="J37915" s="8">
        <v>75908</v>
      </c>
      <c r="K37915" s="9"/>
      <c r="L37915" s="6"/>
    </row>
    <row r="37916" spans="1:12">
      <c r="A37916" s="6" t="s">
        <v>37628</v>
      </c>
      <c r="B37916" s="6"/>
      <c r="C37916" s="6" t="s">
        <v>32230</v>
      </c>
      <c r="D37916" s="6"/>
      <c r="E37916" s="6" t="s">
        <v>9</v>
      </c>
      <c r="F37916" s="7">
        <v>39828</v>
      </c>
      <c r="G37916" s="8">
        <v>15928500</v>
      </c>
      <c r="H37916" s="8">
        <v>4651128</v>
      </c>
      <c r="I37916" s="8">
        <v>12217153</v>
      </c>
      <c r="J37916" s="8">
        <v>3711347</v>
      </c>
      <c r="K37916" s="9"/>
      <c r="L37916" s="6"/>
    </row>
    <row r="37917" spans="1:12">
      <c r="A37917" s="6" t="s">
        <v>37629</v>
      </c>
      <c r="B37917" s="6"/>
      <c r="C37917" s="6" t="s">
        <v>32230</v>
      </c>
      <c r="D37917" s="6"/>
      <c r="E37917" s="6" t="s">
        <v>9</v>
      </c>
      <c r="F37917" s="7">
        <v>40066</v>
      </c>
      <c r="G37917" s="8">
        <v>896700</v>
      </c>
      <c r="H37917" s="8">
        <v>344335</v>
      </c>
      <c r="I37917" s="8">
        <v>602580</v>
      </c>
      <c r="J37917" s="8">
        <v>294120</v>
      </c>
      <c r="K37917" s="9"/>
      <c r="L37917" s="6"/>
    </row>
    <row r="37918" spans="1:12">
      <c r="A37918" s="6" t="s">
        <v>37630</v>
      </c>
      <c r="B37918" s="6"/>
      <c r="C37918" s="6" t="s">
        <v>32230</v>
      </c>
      <c r="D37918" s="6"/>
      <c r="E37918" s="6" t="s">
        <v>9</v>
      </c>
      <c r="F37918" s="7">
        <v>40165</v>
      </c>
      <c r="G37918" s="8">
        <v>19005000</v>
      </c>
      <c r="H37918" s="8">
        <v>6670755</v>
      </c>
      <c r="I37918" s="8">
        <v>13455540</v>
      </c>
      <c r="J37918" s="8">
        <v>5549460</v>
      </c>
      <c r="K37918" s="9"/>
      <c r="L37918" s="6"/>
    </row>
    <row r="37919" spans="1:12">
      <c r="A37919" s="6" t="s">
        <v>37631</v>
      </c>
      <c r="B37919" s="6"/>
      <c r="C37919" s="6" t="s">
        <v>32230</v>
      </c>
      <c r="D37919" s="6"/>
      <c r="E37919" s="6" t="s">
        <v>9</v>
      </c>
      <c r="F37919" s="7">
        <v>40794</v>
      </c>
      <c r="G37919" s="8">
        <v>5512500</v>
      </c>
      <c r="H37919" s="8">
        <v>1</v>
      </c>
      <c r="I37919" s="8">
        <v>5512499</v>
      </c>
      <c r="J37919" s="8">
        <v>1</v>
      </c>
      <c r="K37919" s="9"/>
      <c r="L37919" s="6"/>
    </row>
    <row r="37920" spans="1:12">
      <c r="A37920" s="6" t="s">
        <v>37632</v>
      </c>
      <c r="B37920" s="6"/>
      <c r="C37920" s="6" t="s">
        <v>32230</v>
      </c>
      <c r="D37920" s="6"/>
      <c r="E37920" s="6" t="s">
        <v>9</v>
      </c>
      <c r="F37920" s="7">
        <v>42454</v>
      </c>
      <c r="G37920" s="8">
        <v>10990080</v>
      </c>
      <c r="H37920" s="8">
        <v>7748010</v>
      </c>
      <c r="I37920" s="8">
        <v>3890484</v>
      </c>
      <c r="J37920" s="8">
        <v>7099596</v>
      </c>
      <c r="K37920" s="9"/>
      <c r="L37920" s="6"/>
    </row>
    <row r="37921" spans="1:12">
      <c r="A37921" s="6" t="s">
        <v>37633</v>
      </c>
      <c r="B37921" s="6"/>
      <c r="C37921" s="6" t="s">
        <v>32230</v>
      </c>
      <c r="D37921" s="6"/>
      <c r="E37921" s="6" t="s">
        <v>9</v>
      </c>
      <c r="F37921" s="7">
        <v>40135</v>
      </c>
      <c r="G37921" s="8">
        <v>1050000</v>
      </c>
      <c r="H37921" s="8">
        <v>1</v>
      </c>
      <c r="I37921" s="8">
        <v>1049999</v>
      </c>
      <c r="J37921" s="8">
        <v>1</v>
      </c>
      <c r="K37921" s="9"/>
      <c r="L37921" s="6"/>
    </row>
    <row r="37922" spans="1:12">
      <c r="A37922" s="6" t="s">
        <v>37634</v>
      </c>
      <c r="B37922" s="6"/>
      <c r="C37922" s="6" t="s">
        <v>32230</v>
      </c>
      <c r="D37922" s="6"/>
      <c r="E37922" s="6" t="s">
        <v>9</v>
      </c>
      <c r="F37922" s="7">
        <v>43718</v>
      </c>
      <c r="G37922" s="8">
        <v>24840000</v>
      </c>
      <c r="H37922" s="8">
        <v>23598000</v>
      </c>
      <c r="I37922" s="8">
        <v>2484000</v>
      </c>
      <c r="J37922" s="8">
        <v>22356000</v>
      </c>
      <c r="K37922" s="9"/>
      <c r="L37922" s="6"/>
    </row>
    <row r="37923" spans="1:12">
      <c r="A37923" s="6" t="s">
        <v>37635</v>
      </c>
      <c r="B37923" s="6"/>
      <c r="C37923" s="6" t="s">
        <v>32230</v>
      </c>
      <c r="D37923" s="6"/>
      <c r="E37923" s="6" t="s">
        <v>9</v>
      </c>
      <c r="F37923" s="7">
        <v>39890</v>
      </c>
      <c r="G37923" s="8">
        <v>25426800</v>
      </c>
      <c r="H37923" s="8">
        <v>10170720</v>
      </c>
      <c r="I37923" s="8">
        <v>16527420</v>
      </c>
      <c r="J37923" s="8">
        <v>8899380</v>
      </c>
      <c r="K37923" s="9"/>
      <c r="L37923" s="6"/>
    </row>
    <row r="37924" spans="1:12">
      <c r="A37924" s="6" t="s">
        <v>37636</v>
      </c>
      <c r="B37924" s="6"/>
      <c r="C37924" s="6" t="s">
        <v>32230</v>
      </c>
      <c r="D37924" s="6"/>
      <c r="E37924" s="6" t="s">
        <v>9</v>
      </c>
      <c r="F37924" s="7">
        <v>39525</v>
      </c>
      <c r="G37924" s="8">
        <v>588000</v>
      </c>
      <c r="H37924" s="8">
        <v>205800</v>
      </c>
      <c r="I37924" s="8">
        <v>411600</v>
      </c>
      <c r="J37924" s="8">
        <v>176400</v>
      </c>
      <c r="K37924" s="9"/>
      <c r="L37924" s="6"/>
    </row>
    <row r="37925" spans="1:12">
      <c r="A37925" s="6" t="s">
        <v>37637</v>
      </c>
      <c r="B37925" s="6"/>
      <c r="C37925" s="6" t="s">
        <v>32230</v>
      </c>
      <c r="D37925" s="6"/>
      <c r="E37925" s="6" t="s">
        <v>9</v>
      </c>
      <c r="F37925" s="7">
        <v>43921</v>
      </c>
      <c r="G37925" s="8">
        <v>627000</v>
      </c>
      <c r="H37925" s="8">
        <v>584991</v>
      </c>
      <c r="I37925" s="8">
        <v>84018</v>
      </c>
      <c r="J37925" s="8">
        <v>542982</v>
      </c>
      <c r="K37925" s="9"/>
      <c r="L37925" s="6"/>
    </row>
    <row r="37926" spans="1:12">
      <c r="A37926" s="6" t="s">
        <v>37638</v>
      </c>
      <c r="B37926" s="6"/>
      <c r="C37926" s="6" t="s">
        <v>32230</v>
      </c>
      <c r="D37926" s="6"/>
      <c r="E37926" s="6" t="s">
        <v>9</v>
      </c>
      <c r="F37926" s="7">
        <v>43007</v>
      </c>
      <c r="G37926" s="8">
        <v>1204200</v>
      </c>
      <c r="H37926" s="8">
        <v>962157</v>
      </c>
      <c r="I37926" s="8">
        <v>322724</v>
      </c>
      <c r="J37926" s="8">
        <v>881476</v>
      </c>
      <c r="K37926" s="9"/>
      <c r="L37926" s="6"/>
    </row>
    <row r="37927" spans="1:12">
      <c r="A37927" s="6" t="s">
        <v>37639</v>
      </c>
      <c r="B37927" s="6"/>
      <c r="C37927" s="6" t="s">
        <v>32230</v>
      </c>
      <c r="D37927" s="6"/>
      <c r="E37927" s="6" t="s">
        <v>9</v>
      </c>
      <c r="F37927" s="7">
        <v>41724</v>
      </c>
      <c r="G37927" s="8">
        <v>1176000</v>
      </c>
      <c r="H37927" s="8">
        <v>352800</v>
      </c>
      <c r="I37927" s="8">
        <v>940800</v>
      </c>
      <c r="J37927" s="8">
        <v>235200</v>
      </c>
      <c r="K37927" s="9"/>
      <c r="L37927" s="6"/>
    </row>
    <row r="37928" spans="1:12">
      <c r="A37928" s="6" t="s">
        <v>37640</v>
      </c>
      <c r="B37928" s="6"/>
      <c r="C37928" s="6" t="s">
        <v>32230</v>
      </c>
      <c r="D37928" s="6"/>
      <c r="E37928" s="6" t="s">
        <v>9</v>
      </c>
      <c r="F37928" s="7">
        <v>42080</v>
      </c>
      <c r="G37928" s="8">
        <v>1296000</v>
      </c>
      <c r="H37928" s="8">
        <v>907200</v>
      </c>
      <c r="I37928" s="8">
        <v>453600</v>
      </c>
      <c r="J37928" s="8">
        <v>842400</v>
      </c>
      <c r="K37928" s="9"/>
      <c r="L37928" s="6"/>
    </row>
    <row r="37929" spans="1:12">
      <c r="A37929" s="6" t="s">
        <v>37641</v>
      </c>
      <c r="B37929" s="6"/>
      <c r="C37929" s="6" t="s">
        <v>32230</v>
      </c>
      <c r="D37929" s="6"/>
      <c r="E37929" s="6" t="s">
        <v>9</v>
      </c>
      <c r="F37929" s="7">
        <v>42081</v>
      </c>
      <c r="G37929" s="8">
        <v>1163160</v>
      </c>
      <c r="H37929" s="8">
        <v>814212</v>
      </c>
      <c r="I37929" s="8">
        <v>407106</v>
      </c>
      <c r="J37929" s="8">
        <v>756054</v>
      </c>
      <c r="K37929" s="9"/>
      <c r="L37929" s="6"/>
    </row>
    <row r="37930" spans="1:12">
      <c r="A37930" s="6" t="s">
        <v>37642</v>
      </c>
      <c r="B37930" s="6"/>
      <c r="C37930" s="6" t="s">
        <v>32230</v>
      </c>
      <c r="D37930" s="6"/>
      <c r="E37930" s="6" t="s">
        <v>9</v>
      </c>
      <c r="F37930" s="7">
        <v>44286</v>
      </c>
      <c r="G37930" s="8">
        <v>638000</v>
      </c>
      <c r="H37930" s="8">
        <v>638000</v>
      </c>
      <c r="I37930" s="8">
        <v>37642</v>
      </c>
      <c r="J37930" s="8">
        <v>600358</v>
      </c>
      <c r="K37930" s="9"/>
      <c r="L37930" s="6"/>
    </row>
    <row r="37931" spans="1:12">
      <c r="A37931" s="6" t="s">
        <v>37643</v>
      </c>
      <c r="B37931" s="6"/>
      <c r="C37931" s="6" t="s">
        <v>32230</v>
      </c>
      <c r="D37931" s="6"/>
      <c r="E37931" s="6" t="s">
        <v>9</v>
      </c>
      <c r="F37931" s="7">
        <v>44286</v>
      </c>
      <c r="G37931" s="8">
        <v>55000</v>
      </c>
      <c r="H37931" s="8">
        <v>55000</v>
      </c>
      <c r="I37931" s="8">
        <v>2750</v>
      </c>
      <c r="J37931" s="8">
        <v>52250</v>
      </c>
      <c r="K37931" s="9"/>
      <c r="L37931" s="6"/>
    </row>
    <row r="37932" spans="1:12">
      <c r="A37932" s="6" t="s">
        <v>37644</v>
      </c>
      <c r="B37932" s="6"/>
      <c r="C37932" s="6" t="s">
        <v>32230</v>
      </c>
      <c r="D37932" s="6"/>
      <c r="E37932" s="6" t="s">
        <v>9</v>
      </c>
      <c r="F37932" s="7">
        <v>43327</v>
      </c>
      <c r="G37932" s="8">
        <v>183600</v>
      </c>
      <c r="H37932" s="8">
        <v>165240</v>
      </c>
      <c r="I37932" s="8">
        <v>27540</v>
      </c>
      <c r="J37932" s="8">
        <v>156060</v>
      </c>
      <c r="K37932" s="9"/>
      <c r="L37932" s="6"/>
    </row>
    <row r="37933" spans="1:12">
      <c r="A37933" s="6" t="s">
        <v>37645</v>
      </c>
      <c r="B37933" s="6"/>
      <c r="C37933" s="6" t="s">
        <v>32230</v>
      </c>
      <c r="D37933" s="6"/>
      <c r="E37933" s="6" t="s">
        <v>9</v>
      </c>
      <c r="F37933" s="7">
        <v>42515</v>
      </c>
      <c r="G37933" s="8">
        <v>57240</v>
      </c>
      <c r="H37933" s="8">
        <v>34344</v>
      </c>
      <c r="I37933" s="8">
        <v>28620</v>
      </c>
      <c r="J37933" s="8">
        <v>28620</v>
      </c>
      <c r="K37933" s="9"/>
      <c r="L37933" s="6"/>
    </row>
    <row r="37934" spans="1:12">
      <c r="A37934" s="6" t="s">
        <v>37646</v>
      </c>
      <c r="B37934" s="6"/>
      <c r="C37934" s="6" t="s">
        <v>32230</v>
      </c>
      <c r="D37934" s="6"/>
      <c r="E37934" s="6" t="s">
        <v>9</v>
      </c>
      <c r="F37934" s="7">
        <v>43235</v>
      </c>
      <c r="G37934" s="8">
        <v>45360</v>
      </c>
      <c r="H37934" s="8">
        <v>36288</v>
      </c>
      <c r="I37934" s="8">
        <v>13608</v>
      </c>
      <c r="J37934" s="8">
        <v>31752</v>
      </c>
      <c r="K37934" s="9"/>
      <c r="L37934" s="6"/>
    </row>
    <row r="37935" spans="1:12">
      <c r="A37935" s="6" t="s">
        <v>37647</v>
      </c>
      <c r="B37935" s="6"/>
      <c r="C37935" s="6" t="s">
        <v>32230</v>
      </c>
      <c r="D37935" s="6"/>
      <c r="E37935" s="6" t="s">
        <v>9</v>
      </c>
      <c r="F37935" s="7">
        <v>43262</v>
      </c>
      <c r="G37935" s="8">
        <v>99360</v>
      </c>
      <c r="H37935" s="8">
        <v>79488</v>
      </c>
      <c r="I37935" s="8">
        <v>29808</v>
      </c>
      <c r="J37935" s="8">
        <v>69552</v>
      </c>
      <c r="K37935" s="9"/>
      <c r="L37935" s="6"/>
    </row>
    <row r="37936" spans="1:12">
      <c r="A37936" s="6" t="s">
        <v>37648</v>
      </c>
      <c r="B37936" s="6"/>
      <c r="C37936" s="6" t="s">
        <v>32230</v>
      </c>
      <c r="D37936" s="6"/>
      <c r="E37936" s="6" t="s">
        <v>9</v>
      </c>
      <c r="F37936" s="7">
        <v>43286</v>
      </c>
      <c r="G37936" s="8">
        <v>88560</v>
      </c>
      <c r="H37936" s="8">
        <v>70848</v>
      </c>
      <c r="I37936" s="8">
        <v>26568</v>
      </c>
      <c r="J37936" s="8">
        <v>61992</v>
      </c>
      <c r="K37936" s="9"/>
      <c r="L37936" s="6"/>
    </row>
    <row r="37937" spans="1:12">
      <c r="A37937" s="6" t="s">
        <v>37649</v>
      </c>
      <c r="B37937" s="6"/>
      <c r="C37937" s="6" t="s">
        <v>32230</v>
      </c>
      <c r="D37937" s="6"/>
      <c r="E37937" s="6" t="s">
        <v>9</v>
      </c>
      <c r="F37937" s="7">
        <v>43291</v>
      </c>
      <c r="G37937" s="8">
        <v>153360</v>
      </c>
      <c r="H37937" s="8">
        <v>122688</v>
      </c>
      <c r="I37937" s="8">
        <v>46008</v>
      </c>
      <c r="J37937" s="8">
        <v>107352</v>
      </c>
      <c r="K37937" s="9"/>
      <c r="L37937" s="6"/>
    </row>
    <row r="37938" spans="1:12">
      <c r="A37938" s="6" t="s">
        <v>37650</v>
      </c>
      <c r="B37938" s="6"/>
      <c r="C37938" s="6" t="s">
        <v>32230</v>
      </c>
      <c r="D37938" s="6"/>
      <c r="E37938" s="6" t="s">
        <v>9</v>
      </c>
      <c r="F37938" s="7">
        <v>43298</v>
      </c>
      <c r="G37938" s="8">
        <v>88560</v>
      </c>
      <c r="H37938" s="8">
        <v>70848</v>
      </c>
      <c r="I37938" s="8">
        <v>26568</v>
      </c>
      <c r="J37938" s="8">
        <v>61992</v>
      </c>
      <c r="K37938" s="9"/>
      <c r="L37938" s="6"/>
    </row>
    <row r="37939" spans="1:12">
      <c r="A37939" s="6" t="s">
        <v>37651</v>
      </c>
      <c r="B37939" s="6"/>
      <c r="C37939" s="6" t="s">
        <v>32230</v>
      </c>
      <c r="D37939" s="6"/>
      <c r="E37939" s="6" t="s">
        <v>9</v>
      </c>
      <c r="F37939" s="7">
        <v>43312</v>
      </c>
      <c r="G37939" s="8">
        <v>86400</v>
      </c>
      <c r="H37939" s="8">
        <v>69120</v>
      </c>
      <c r="I37939" s="8">
        <v>25920</v>
      </c>
      <c r="J37939" s="8">
        <v>60480</v>
      </c>
      <c r="K37939" s="9"/>
      <c r="L37939" s="6"/>
    </row>
    <row r="37940" spans="1:12">
      <c r="A37940" s="6" t="s">
        <v>37652</v>
      </c>
      <c r="B37940" s="6"/>
      <c r="C37940" s="6" t="s">
        <v>32230</v>
      </c>
      <c r="D37940" s="6"/>
      <c r="E37940" s="6" t="s">
        <v>9</v>
      </c>
      <c r="F37940" s="7">
        <v>43636</v>
      </c>
      <c r="G37940" s="8">
        <v>88560</v>
      </c>
      <c r="H37940" s="8">
        <v>79704</v>
      </c>
      <c r="I37940" s="8">
        <v>17712</v>
      </c>
      <c r="J37940" s="8">
        <v>70848</v>
      </c>
      <c r="K37940" s="9"/>
      <c r="L37940" s="6"/>
    </row>
    <row r="37941" spans="1:12">
      <c r="A37941" s="6" t="s">
        <v>37653</v>
      </c>
      <c r="B37941" s="6"/>
      <c r="C37941" s="6" t="s">
        <v>32230</v>
      </c>
      <c r="D37941" s="6"/>
      <c r="E37941" s="6" t="s">
        <v>9</v>
      </c>
      <c r="F37941" s="7">
        <v>43703</v>
      </c>
      <c r="G37941" s="8">
        <v>99900</v>
      </c>
      <c r="H37941" s="8">
        <v>89910</v>
      </c>
      <c r="I37941" s="8">
        <v>19980</v>
      </c>
      <c r="J37941" s="8">
        <v>79920</v>
      </c>
      <c r="K37941" s="9"/>
      <c r="L37941" s="6"/>
    </row>
    <row r="37942" spans="1:12">
      <c r="A37942" s="6" t="s">
        <v>33096</v>
      </c>
      <c r="B37942" s="6"/>
      <c r="C37942" s="6" t="s">
        <v>32230</v>
      </c>
      <c r="D37942" s="6"/>
      <c r="E37942" s="6" t="s">
        <v>9</v>
      </c>
      <c r="F37942" s="7">
        <v>43539</v>
      </c>
      <c r="G37942" s="8">
        <v>55158120</v>
      </c>
      <c r="H37942" s="8">
        <v>47766932</v>
      </c>
      <c r="I37942" s="8">
        <v>11086782</v>
      </c>
      <c r="J37942" s="8">
        <v>44071338</v>
      </c>
      <c r="K37942" s="9"/>
      <c r="L37942" s="6"/>
    </row>
    <row r="37943" spans="1:12">
      <c r="A37943" s="6" t="s">
        <v>37654</v>
      </c>
      <c r="B37943" s="6"/>
      <c r="C37943" s="6" t="s">
        <v>32230</v>
      </c>
      <c r="D37943" s="6"/>
      <c r="E37943" s="6" t="s">
        <v>9</v>
      </c>
      <c r="F37943" s="7">
        <v>43763</v>
      </c>
      <c r="G37943" s="8">
        <v>648000</v>
      </c>
      <c r="H37943" s="8">
        <v>609768</v>
      </c>
      <c r="I37943" s="8">
        <v>76464</v>
      </c>
      <c r="J37943" s="8">
        <v>571536</v>
      </c>
      <c r="K37943" s="9"/>
      <c r="L37943" s="6"/>
    </row>
    <row r="37944" spans="1:12">
      <c r="A37944" s="6" t="s">
        <v>37655</v>
      </c>
      <c r="B37944" s="6"/>
      <c r="C37944" s="6" t="s">
        <v>32230</v>
      </c>
      <c r="D37944" s="6"/>
      <c r="E37944" s="6" t="s">
        <v>9</v>
      </c>
      <c r="F37944" s="7">
        <v>43794</v>
      </c>
      <c r="G37944" s="8">
        <v>82448000</v>
      </c>
      <c r="H37944" s="8">
        <v>76923984</v>
      </c>
      <c r="I37944" s="8">
        <v>11048032</v>
      </c>
      <c r="J37944" s="8">
        <v>71399968</v>
      </c>
      <c r="K37944" s="9"/>
      <c r="L37944" s="6"/>
    </row>
    <row r="37945" spans="1:12">
      <c r="A37945" s="6" t="s">
        <v>37656</v>
      </c>
      <c r="B37945" s="6"/>
      <c r="C37945" s="6" t="s">
        <v>32230</v>
      </c>
      <c r="D37945" s="6"/>
      <c r="E37945" s="6" t="s">
        <v>9</v>
      </c>
      <c r="F37945" s="7">
        <v>44004</v>
      </c>
      <c r="G37945" s="8">
        <v>20459400</v>
      </c>
      <c r="H37945" s="8">
        <v>20459400</v>
      </c>
      <c r="I37945" s="8">
        <v>1370779</v>
      </c>
      <c r="J37945" s="8">
        <v>19088621</v>
      </c>
      <c r="K37945" s="9"/>
      <c r="L37945" s="6"/>
    </row>
    <row r="37946" spans="1:12">
      <c r="A37946" s="6" t="s">
        <v>37657</v>
      </c>
      <c r="B37946" s="6"/>
      <c r="C37946" s="6" t="s">
        <v>32230</v>
      </c>
      <c r="D37946" s="6"/>
      <c r="E37946" s="6"/>
      <c r="F37946" s="7">
        <v>43191</v>
      </c>
      <c r="G37946" s="8">
        <v>1274400</v>
      </c>
      <c r="H37946" s="8">
        <v>1223424</v>
      </c>
      <c r="I37946" s="8">
        <v>76464</v>
      </c>
      <c r="J37946" s="8">
        <v>1197936</v>
      </c>
      <c r="K37946" s="9"/>
      <c r="L37946" s="6"/>
    </row>
    <row r="37947" spans="1:12">
      <c r="A37947" s="6" t="s">
        <v>37657</v>
      </c>
      <c r="B37947" s="6"/>
      <c r="C37947" s="6" t="s">
        <v>32230</v>
      </c>
      <c r="D37947" s="6"/>
      <c r="E37947" s="6" t="s">
        <v>9</v>
      </c>
      <c r="F37947" s="7">
        <v>42457</v>
      </c>
      <c r="G37947" s="8">
        <v>25968600</v>
      </c>
      <c r="H37947" s="8">
        <v>23371740</v>
      </c>
      <c r="I37947" s="8">
        <v>3116232</v>
      </c>
      <c r="J37947" s="8">
        <v>22852368</v>
      </c>
      <c r="K37947" s="9"/>
      <c r="L37947" s="6"/>
    </row>
    <row r="37948" spans="1:12">
      <c r="A37948" s="6" t="s">
        <v>37658</v>
      </c>
      <c r="B37948" s="6"/>
      <c r="C37948" s="6" t="s">
        <v>32230</v>
      </c>
      <c r="D37948" s="6"/>
      <c r="E37948" s="6" t="s">
        <v>9</v>
      </c>
      <c r="F37948" s="7">
        <v>43516</v>
      </c>
      <c r="G37948" s="8">
        <v>40366512</v>
      </c>
      <c r="H37948" s="8">
        <v>34957400</v>
      </c>
      <c r="I37948" s="8">
        <v>8113668</v>
      </c>
      <c r="J37948" s="8">
        <v>32252844</v>
      </c>
      <c r="K37948" s="9"/>
      <c r="L37948" s="6"/>
    </row>
    <row r="37949" spans="1:12">
      <c r="A37949" s="6" t="s">
        <v>37659</v>
      </c>
      <c r="B37949" s="6"/>
      <c r="C37949" s="6" t="s">
        <v>32230</v>
      </c>
      <c r="D37949" s="6"/>
      <c r="E37949" s="6" t="s">
        <v>9</v>
      </c>
      <c r="F37949" s="7">
        <v>43555</v>
      </c>
      <c r="G37949" s="8">
        <v>2089800</v>
      </c>
      <c r="H37949" s="8">
        <v>1993670</v>
      </c>
      <c r="I37949" s="8">
        <v>144195</v>
      </c>
      <c r="J37949" s="8">
        <v>1945605</v>
      </c>
      <c r="K37949" s="9"/>
      <c r="L37949" s="6"/>
    </row>
    <row r="37950" spans="1:12">
      <c r="A37950" s="6" t="s">
        <v>37660</v>
      </c>
      <c r="B37950" s="6"/>
      <c r="C37950" s="6" t="s">
        <v>32230</v>
      </c>
      <c r="D37950" s="6"/>
      <c r="E37950" s="6" t="s">
        <v>9</v>
      </c>
      <c r="F37950" s="7">
        <v>42457</v>
      </c>
      <c r="G37950" s="8">
        <v>26201600</v>
      </c>
      <c r="H37950" s="8">
        <v>23581440</v>
      </c>
      <c r="I37950" s="8">
        <v>3144192</v>
      </c>
      <c r="J37950" s="8">
        <v>23057408</v>
      </c>
      <c r="K37950" s="9"/>
      <c r="L37950" s="6"/>
    </row>
    <row r="37951" spans="1:12">
      <c r="A37951" s="6" t="s">
        <v>37661</v>
      </c>
      <c r="B37951" s="6"/>
      <c r="C37951" s="6" t="s">
        <v>32230</v>
      </c>
      <c r="D37951" s="6"/>
      <c r="E37951" s="6" t="s">
        <v>9</v>
      </c>
      <c r="F37951" s="7">
        <v>42457</v>
      </c>
      <c r="G37951" s="8">
        <v>12473400</v>
      </c>
      <c r="H37951" s="8">
        <v>11226060</v>
      </c>
      <c r="I37951" s="8">
        <v>1496808</v>
      </c>
      <c r="J37951" s="8">
        <v>10976592</v>
      </c>
      <c r="K37951" s="9"/>
      <c r="L37951" s="6"/>
    </row>
    <row r="37952" spans="1:12">
      <c r="A37952" s="6" t="s">
        <v>37662</v>
      </c>
      <c r="B37952" s="6"/>
      <c r="C37952" s="6" t="s">
        <v>32230</v>
      </c>
      <c r="D37952" s="6"/>
      <c r="E37952" s="6" t="s">
        <v>9</v>
      </c>
      <c r="F37952" s="7">
        <v>42457</v>
      </c>
      <c r="G37952" s="8">
        <v>4442800</v>
      </c>
      <c r="H37952" s="8">
        <v>3998520</v>
      </c>
      <c r="I37952" s="8">
        <v>533136</v>
      </c>
      <c r="J37952" s="8">
        <v>3909664</v>
      </c>
      <c r="K37952" s="9"/>
      <c r="L37952" s="6"/>
    </row>
    <row r="37953" spans="1:12">
      <c r="A37953" s="6" t="s">
        <v>37663</v>
      </c>
      <c r="B37953" s="6"/>
      <c r="C37953" s="6" t="s">
        <v>32230</v>
      </c>
      <c r="D37953" s="6"/>
      <c r="E37953" s="6" t="s">
        <v>9</v>
      </c>
      <c r="F37953" s="7">
        <v>42457</v>
      </c>
      <c r="G37953" s="8">
        <v>4365400</v>
      </c>
      <c r="H37953" s="8">
        <v>3928860</v>
      </c>
      <c r="I37953" s="8">
        <v>523848</v>
      </c>
      <c r="J37953" s="8">
        <v>3841552</v>
      </c>
      <c r="K37953" s="9"/>
      <c r="L37953" s="6"/>
    </row>
    <row r="37954" spans="1:12">
      <c r="A37954" s="6" t="s">
        <v>37664</v>
      </c>
      <c r="B37954" s="6"/>
      <c r="C37954" s="6" t="s">
        <v>32230</v>
      </c>
      <c r="D37954" s="6"/>
      <c r="E37954" s="6" t="s">
        <v>9</v>
      </c>
      <c r="F37954" s="7">
        <v>42457</v>
      </c>
      <c r="G37954" s="8">
        <v>6366400</v>
      </c>
      <c r="H37954" s="8">
        <v>5729760</v>
      </c>
      <c r="I37954" s="8">
        <v>763968</v>
      </c>
      <c r="J37954" s="8">
        <v>5602432</v>
      </c>
      <c r="K37954" s="9"/>
      <c r="L37954" s="6"/>
    </row>
    <row r="37955" spans="1:12">
      <c r="A37955" s="6" t="s">
        <v>37665</v>
      </c>
      <c r="B37955" s="6"/>
      <c r="C37955" s="6" t="s">
        <v>32230</v>
      </c>
      <c r="D37955" s="6"/>
      <c r="E37955" s="6" t="s">
        <v>9</v>
      </c>
      <c r="F37955" s="7">
        <v>42457</v>
      </c>
      <c r="G37955" s="8">
        <v>4098100</v>
      </c>
      <c r="H37955" s="8">
        <v>3688290</v>
      </c>
      <c r="I37955" s="8">
        <v>491772</v>
      </c>
      <c r="J37955" s="8">
        <v>3606328</v>
      </c>
      <c r="K37955" s="9"/>
      <c r="L37955" s="6"/>
    </row>
    <row r="37956" spans="1:12">
      <c r="A37956" s="6" t="s">
        <v>37666</v>
      </c>
      <c r="B37956" s="6"/>
      <c r="C37956" s="6" t="s">
        <v>32230</v>
      </c>
      <c r="D37956" s="6"/>
      <c r="E37956" s="6" t="s">
        <v>9</v>
      </c>
      <c r="F37956" s="7">
        <v>42457</v>
      </c>
      <c r="G37956" s="8">
        <v>4389300</v>
      </c>
      <c r="H37956" s="8">
        <v>3950370</v>
      </c>
      <c r="I37956" s="8">
        <v>526716</v>
      </c>
      <c r="J37956" s="8">
        <v>3862584</v>
      </c>
      <c r="K37956" s="9"/>
      <c r="L37956" s="6"/>
    </row>
    <row r="37957" spans="1:12">
      <c r="A37957" s="6" t="s">
        <v>36778</v>
      </c>
      <c r="B37957" s="6"/>
      <c r="C37957" s="6" t="s">
        <v>32230</v>
      </c>
      <c r="D37957" s="6"/>
      <c r="E37957" s="6" t="s">
        <v>9</v>
      </c>
      <c r="F37957" s="7">
        <v>42457</v>
      </c>
      <c r="G37957" s="8">
        <v>11499300</v>
      </c>
      <c r="H37957" s="8">
        <v>10349370</v>
      </c>
      <c r="I37957" s="8">
        <v>1379916</v>
      </c>
      <c r="J37957" s="8">
        <v>10119384</v>
      </c>
      <c r="K37957" s="9"/>
      <c r="L37957" s="6"/>
    </row>
    <row r="37958" spans="1:12">
      <c r="A37958" s="6" t="s">
        <v>37667</v>
      </c>
      <c r="B37958" s="6"/>
      <c r="C37958" s="6" t="s">
        <v>32230</v>
      </c>
      <c r="D37958" s="6"/>
      <c r="E37958" s="6" t="s">
        <v>9</v>
      </c>
      <c r="F37958" s="7">
        <v>42457</v>
      </c>
      <c r="G37958" s="8">
        <v>5737500</v>
      </c>
      <c r="H37958" s="8">
        <v>5163750</v>
      </c>
      <c r="I37958" s="8">
        <v>688500</v>
      </c>
      <c r="J37958" s="8">
        <v>5049000</v>
      </c>
      <c r="K37958" s="9"/>
      <c r="L37958" s="6"/>
    </row>
    <row r="37959" spans="1:12">
      <c r="A37959" s="6" t="s">
        <v>37668</v>
      </c>
      <c r="B37959" s="6"/>
      <c r="C37959" s="6" t="s">
        <v>32230</v>
      </c>
      <c r="D37959" s="6"/>
      <c r="E37959" s="6" t="s">
        <v>9</v>
      </c>
      <c r="F37959" s="7">
        <v>42457</v>
      </c>
      <c r="G37959" s="8">
        <v>6011300</v>
      </c>
      <c r="H37959" s="8">
        <v>5410170</v>
      </c>
      <c r="I37959" s="8">
        <v>721356</v>
      </c>
      <c r="J37959" s="8">
        <v>5289944</v>
      </c>
      <c r="K37959" s="9"/>
      <c r="L37959" s="6"/>
    </row>
    <row r="37960" spans="1:12">
      <c r="A37960" s="6" t="s">
        <v>37669</v>
      </c>
      <c r="B37960" s="6"/>
      <c r="C37960" s="6" t="s">
        <v>32230</v>
      </c>
      <c r="D37960" s="6"/>
      <c r="E37960" s="6" t="s">
        <v>9</v>
      </c>
      <c r="F37960" s="7">
        <v>43555</v>
      </c>
      <c r="G37960" s="8">
        <v>9410040</v>
      </c>
      <c r="H37960" s="8">
        <v>8977180</v>
      </c>
      <c r="I37960" s="8">
        <v>649290</v>
      </c>
      <c r="J37960" s="8">
        <v>8760750</v>
      </c>
      <c r="K37960" s="9"/>
      <c r="L37960" s="6"/>
    </row>
    <row r="37961" spans="1:12">
      <c r="A37961" s="6" t="s">
        <v>37670</v>
      </c>
      <c r="B37961" s="6"/>
      <c r="C37961" s="6" t="s">
        <v>32230</v>
      </c>
      <c r="D37961" s="6"/>
      <c r="E37961" s="6" t="s">
        <v>9</v>
      </c>
      <c r="F37961" s="7">
        <v>44022</v>
      </c>
      <c r="G37961" s="8">
        <v>51730100</v>
      </c>
      <c r="H37961" s="8">
        <v>51730100</v>
      </c>
      <c r="I37961" s="8">
        <v>1189792</v>
      </c>
      <c r="J37961" s="8">
        <v>50540308</v>
      </c>
      <c r="K37961" s="9"/>
      <c r="L37961" s="6"/>
    </row>
    <row r="37962" spans="1:12">
      <c r="A37962" s="6" t="s">
        <v>37671</v>
      </c>
      <c r="B37962" s="6"/>
      <c r="C37962" s="6" t="s">
        <v>32230</v>
      </c>
      <c r="D37962" s="6"/>
      <c r="E37962" s="6" t="s">
        <v>25121</v>
      </c>
      <c r="F37962" s="7">
        <v>43555</v>
      </c>
      <c r="G37962" s="8">
        <v>12228300</v>
      </c>
      <c r="H37962" s="8">
        <v>11396776</v>
      </c>
      <c r="I37962" s="8">
        <v>1247286</v>
      </c>
      <c r="J37962" s="8">
        <v>10981014</v>
      </c>
      <c r="K37962" s="9"/>
      <c r="L37962" s="6"/>
    </row>
    <row r="37963" spans="1:12">
      <c r="A37963" s="6" t="s">
        <v>37672</v>
      </c>
      <c r="B37963" s="6"/>
      <c r="C37963" s="6" t="s">
        <v>32230</v>
      </c>
      <c r="D37963" s="6"/>
      <c r="E37963" s="6" t="s">
        <v>18740</v>
      </c>
      <c r="F37963" s="7">
        <v>43725</v>
      </c>
      <c r="G37963" s="8">
        <v>1242000</v>
      </c>
      <c r="H37963" s="8">
        <v>1210950</v>
      </c>
      <c r="I37963" s="8">
        <v>62100</v>
      </c>
      <c r="J37963" s="8">
        <v>1179900</v>
      </c>
      <c r="K37963" s="9"/>
      <c r="L37963" s="6"/>
    </row>
    <row r="37964" spans="1:12">
      <c r="A37964" s="6" t="s">
        <v>37673</v>
      </c>
      <c r="B37964" s="6"/>
      <c r="C37964" s="6" t="s">
        <v>32230</v>
      </c>
      <c r="D37964" s="6"/>
      <c r="E37964" s="6" t="s">
        <v>18740</v>
      </c>
      <c r="F37964" s="7">
        <v>43725</v>
      </c>
      <c r="G37964" s="8">
        <v>806101</v>
      </c>
      <c r="H37964" s="8">
        <v>785949</v>
      </c>
      <c r="I37964" s="8">
        <v>40304</v>
      </c>
      <c r="J37964" s="8">
        <v>765797</v>
      </c>
      <c r="K37964" s="9"/>
      <c r="L37964" s="6"/>
    </row>
    <row r="37965" spans="1:12">
      <c r="A37965" s="6" t="s">
        <v>37674</v>
      </c>
      <c r="B37965" s="6"/>
      <c r="C37965" s="6" t="s">
        <v>32230</v>
      </c>
      <c r="D37965" s="6"/>
      <c r="E37965" s="6" t="s">
        <v>9</v>
      </c>
      <c r="F37965" s="7">
        <v>43906</v>
      </c>
      <c r="G37965" s="8">
        <v>1199000</v>
      </c>
      <c r="H37965" s="8">
        <v>1175020</v>
      </c>
      <c r="I37965" s="8">
        <v>47960</v>
      </c>
      <c r="J37965" s="8">
        <v>1151040</v>
      </c>
      <c r="K37965" s="9"/>
      <c r="L37965" s="6"/>
    </row>
    <row r="37966" spans="1:12">
      <c r="A37966" s="6" t="s">
        <v>37675</v>
      </c>
      <c r="B37966" s="6"/>
      <c r="C37966" s="6" t="s">
        <v>32230</v>
      </c>
      <c r="D37966" s="6"/>
      <c r="E37966" s="6" t="s">
        <v>9</v>
      </c>
      <c r="F37966" s="7">
        <v>43921</v>
      </c>
      <c r="G37966" s="8">
        <v>792000</v>
      </c>
      <c r="H37966" s="8">
        <v>776160</v>
      </c>
      <c r="I37966" s="8">
        <v>31680</v>
      </c>
      <c r="J37966" s="8">
        <v>760320</v>
      </c>
      <c r="K37966" s="9"/>
      <c r="L37966" s="6"/>
    </row>
    <row r="37967" spans="1:12">
      <c r="A37967" s="6" t="s">
        <v>37676</v>
      </c>
      <c r="B37967" s="6"/>
      <c r="C37967" s="6" t="s">
        <v>32230</v>
      </c>
      <c r="D37967" s="6"/>
      <c r="E37967" s="6" t="s">
        <v>9</v>
      </c>
      <c r="F37967" s="7">
        <v>43733</v>
      </c>
      <c r="G37967" s="8">
        <v>486000</v>
      </c>
      <c r="H37967" s="8">
        <v>476280</v>
      </c>
      <c r="I37967" s="8">
        <v>19440</v>
      </c>
      <c r="J37967" s="8">
        <v>466560</v>
      </c>
      <c r="K37967" s="9"/>
      <c r="L37967" s="6"/>
    </row>
    <row r="37968" spans="1:12">
      <c r="A37968" s="6" t="s">
        <v>37677</v>
      </c>
      <c r="B37968" s="6"/>
      <c r="C37968" s="6" t="s">
        <v>32230</v>
      </c>
      <c r="D37968" s="6"/>
      <c r="E37968" s="6" t="s">
        <v>9</v>
      </c>
      <c r="F37968" s="7">
        <v>43921</v>
      </c>
      <c r="G37968" s="8">
        <v>35479400</v>
      </c>
      <c r="H37968" s="8">
        <v>34769812</v>
      </c>
      <c r="I37968" s="8">
        <v>1419176</v>
      </c>
      <c r="J37968" s="8">
        <v>34060224</v>
      </c>
      <c r="K37968" s="9"/>
      <c r="L37968" s="6"/>
    </row>
    <row r="37969" spans="1:12">
      <c r="A37969" s="6" t="s">
        <v>37678</v>
      </c>
      <c r="B37969" s="6"/>
      <c r="C37969" s="6" t="s">
        <v>32230</v>
      </c>
      <c r="D37969" s="6"/>
      <c r="E37969" s="6" t="s">
        <v>9</v>
      </c>
      <c r="F37969" s="7">
        <v>44211</v>
      </c>
      <c r="G37969" s="8">
        <v>61323500</v>
      </c>
      <c r="H37969" s="8">
        <v>61323500</v>
      </c>
      <c r="I37969" s="8">
        <v>1533087</v>
      </c>
      <c r="J37969" s="8">
        <v>59790413</v>
      </c>
      <c r="K37969" s="9"/>
      <c r="L37969" s="6"/>
    </row>
    <row r="37970" spans="1:12">
      <c r="A37970" s="6" t="s">
        <v>37679</v>
      </c>
      <c r="B37970" s="6"/>
      <c r="C37970" s="6" t="s">
        <v>32230</v>
      </c>
      <c r="D37970" s="6"/>
      <c r="E37970" s="6" t="s">
        <v>9</v>
      </c>
      <c r="F37970" s="7">
        <v>44175</v>
      </c>
      <c r="G37970" s="8">
        <v>10720400</v>
      </c>
      <c r="H37970" s="8">
        <v>10720400</v>
      </c>
      <c r="I37970" s="8">
        <v>268010</v>
      </c>
      <c r="J37970" s="8">
        <v>10452390</v>
      </c>
      <c r="K37970" s="9"/>
      <c r="L37970" s="6"/>
    </row>
    <row r="37971" spans="1:12">
      <c r="A37971" s="6" t="s">
        <v>37680</v>
      </c>
      <c r="B37971" s="6"/>
      <c r="C37971" s="6" t="s">
        <v>32230</v>
      </c>
      <c r="D37971" s="6"/>
      <c r="E37971" s="6" t="s">
        <v>9</v>
      </c>
      <c r="F37971" s="7">
        <v>44286</v>
      </c>
      <c r="G37971" s="8">
        <v>16096300</v>
      </c>
      <c r="H37971" s="8">
        <v>16096300</v>
      </c>
      <c r="I37971" s="8">
        <v>402407</v>
      </c>
      <c r="J37971" s="8">
        <v>15693893</v>
      </c>
      <c r="K37971" s="9"/>
      <c r="L37971" s="6"/>
    </row>
    <row r="37972" spans="1:12">
      <c r="A37972" s="6" t="s">
        <v>37681</v>
      </c>
      <c r="B37972" s="6"/>
      <c r="C37972" s="6" t="s">
        <v>32230</v>
      </c>
      <c r="D37972" s="6"/>
      <c r="E37972" s="6" t="s">
        <v>25121</v>
      </c>
      <c r="F37972" s="7">
        <v>44211</v>
      </c>
      <c r="G37972" s="8">
        <v>14443000</v>
      </c>
      <c r="H37972" s="8">
        <v>14443000</v>
      </c>
      <c r="I37972" s="8">
        <v>491062</v>
      </c>
      <c r="J37972" s="8">
        <v>13951938</v>
      </c>
      <c r="K37972" s="9"/>
      <c r="L37972" s="6"/>
    </row>
    <row r="37973" spans="1:12">
      <c r="A37973" s="6" t="s">
        <v>37682</v>
      </c>
      <c r="B37973" s="6"/>
      <c r="C37973" s="6" t="s">
        <v>32230</v>
      </c>
      <c r="D37973" s="6"/>
      <c r="E37973" s="6" t="s">
        <v>9</v>
      </c>
      <c r="F37973" s="7">
        <v>39730</v>
      </c>
      <c r="G37973" s="8">
        <v>3381000</v>
      </c>
      <c r="H37973" s="8">
        <v>987252</v>
      </c>
      <c r="I37973" s="8">
        <v>2593227</v>
      </c>
      <c r="J37973" s="8">
        <v>787773</v>
      </c>
      <c r="K37973" s="9"/>
      <c r="L37973" s="6"/>
    </row>
    <row r="37974" spans="1:12">
      <c r="A37974" s="6" t="s">
        <v>37683</v>
      </c>
      <c r="B37974" s="6"/>
      <c r="C37974" s="6" t="s">
        <v>32230</v>
      </c>
      <c r="D37974" s="6"/>
      <c r="E37974" s="6" t="s">
        <v>9</v>
      </c>
      <c r="F37974" s="7">
        <v>42811</v>
      </c>
      <c r="G37974" s="8">
        <v>4212000</v>
      </c>
      <c r="H37974" s="8">
        <v>3639168</v>
      </c>
      <c r="I37974" s="8">
        <v>716040</v>
      </c>
      <c r="J37974" s="8">
        <v>3495960</v>
      </c>
      <c r="K37974" s="9"/>
      <c r="L37974" s="6"/>
    </row>
    <row r="37975" spans="1:12">
      <c r="A37975" s="6" t="s">
        <v>37684</v>
      </c>
      <c r="B37975" s="6"/>
      <c r="C37975" s="6" t="s">
        <v>32230</v>
      </c>
      <c r="D37975" s="6"/>
      <c r="E37975" s="6" t="s">
        <v>9</v>
      </c>
      <c r="F37975" s="7">
        <v>42391</v>
      </c>
      <c r="G37975" s="8">
        <v>10429560</v>
      </c>
      <c r="H37975" s="8">
        <v>5214780</v>
      </c>
      <c r="I37975" s="8">
        <v>6257736</v>
      </c>
      <c r="J37975" s="8">
        <v>4171824</v>
      </c>
      <c r="K37975" s="9"/>
      <c r="L37975" s="6"/>
    </row>
    <row r="37976" spans="1:12">
      <c r="A37976" s="6" t="s">
        <v>37685</v>
      </c>
      <c r="B37976" s="6"/>
      <c r="C37976" s="6" t="s">
        <v>32230</v>
      </c>
      <c r="D37976" s="6"/>
      <c r="E37976" s="6" t="s">
        <v>25121</v>
      </c>
      <c r="F37976" s="7">
        <v>39793</v>
      </c>
      <c r="G37976" s="8">
        <v>3763200</v>
      </c>
      <c r="H37976" s="8">
        <v>1098864</v>
      </c>
      <c r="I37976" s="8">
        <v>2886364</v>
      </c>
      <c r="J37976" s="8">
        <v>876836</v>
      </c>
      <c r="K37976" s="9"/>
      <c r="L37976" s="6"/>
    </row>
    <row r="37977" spans="1:12">
      <c r="A37977" s="6" t="s">
        <v>32234</v>
      </c>
      <c r="B37977" s="6"/>
      <c r="C37977" s="6" t="s">
        <v>32230</v>
      </c>
      <c r="D37977" s="6"/>
      <c r="E37977" s="6" t="s">
        <v>9</v>
      </c>
      <c r="F37977" s="7">
        <v>44286</v>
      </c>
      <c r="G37977" s="8">
        <v>402610</v>
      </c>
      <c r="H37977" s="8">
        <v>402610</v>
      </c>
      <c r="I37977" s="8">
        <v>23753</v>
      </c>
      <c r="J37977" s="8">
        <v>378857</v>
      </c>
      <c r="K37977" s="9"/>
      <c r="L37977" s="6"/>
    </row>
    <row r="37978" spans="1:12">
      <c r="A37978" s="6" t="s">
        <v>37686</v>
      </c>
      <c r="B37978" s="6"/>
      <c r="C37978" s="6" t="s">
        <v>32230</v>
      </c>
      <c r="D37978" s="6"/>
      <c r="E37978" s="6" t="s">
        <v>18740</v>
      </c>
      <c r="F37978" s="7">
        <v>43555</v>
      </c>
      <c r="G37978" s="8">
        <v>764100</v>
      </c>
      <c r="H37978" s="8">
        <v>712142</v>
      </c>
      <c r="I37978" s="8">
        <v>77937</v>
      </c>
      <c r="J37978" s="8">
        <v>686163</v>
      </c>
      <c r="K37978" s="9"/>
      <c r="L37978" s="6"/>
    </row>
    <row r="37979" spans="1:12">
      <c r="A37979" s="6" t="s">
        <v>37687</v>
      </c>
      <c r="B37979" s="6"/>
      <c r="C37979" s="6" t="s">
        <v>32230</v>
      </c>
      <c r="D37979" s="6"/>
      <c r="E37979" s="6" t="s">
        <v>9</v>
      </c>
      <c r="F37979" s="7">
        <v>43535</v>
      </c>
      <c r="G37979" s="8">
        <v>97740</v>
      </c>
      <c r="H37979" s="8">
        <v>86208</v>
      </c>
      <c r="I37979" s="8">
        <v>17298</v>
      </c>
      <c r="J37979" s="8">
        <v>80442</v>
      </c>
      <c r="K37979" s="9"/>
      <c r="L37979" s="6"/>
    </row>
    <row r="37980" spans="1:12">
      <c r="A37980" s="6" t="s">
        <v>37688</v>
      </c>
      <c r="B37980" s="6"/>
      <c r="C37980" s="6" t="s">
        <v>32230</v>
      </c>
      <c r="D37980" s="6"/>
      <c r="E37980" s="6" t="s">
        <v>9</v>
      </c>
      <c r="F37980" s="7">
        <v>41330</v>
      </c>
      <c r="G37980" s="8">
        <v>1216950</v>
      </c>
      <c r="H37980" s="8">
        <v>973566</v>
      </c>
      <c r="I37980" s="8">
        <v>273807</v>
      </c>
      <c r="J37980" s="8">
        <v>943143</v>
      </c>
      <c r="K37980" s="9"/>
      <c r="L37980" s="6"/>
    </row>
    <row r="37981" spans="1:12">
      <c r="A37981" s="6" t="s">
        <v>37689</v>
      </c>
      <c r="B37981" s="6"/>
      <c r="C37981" s="6" t="s">
        <v>32230</v>
      </c>
      <c r="D37981" s="6"/>
      <c r="E37981" s="6" t="s">
        <v>9</v>
      </c>
      <c r="F37981" s="7">
        <v>41360</v>
      </c>
      <c r="G37981" s="8">
        <v>1239000</v>
      </c>
      <c r="H37981" s="8">
        <v>991200</v>
      </c>
      <c r="I37981" s="8">
        <v>278775</v>
      </c>
      <c r="J37981" s="8">
        <v>960225</v>
      </c>
      <c r="K37981" s="9"/>
      <c r="L37981" s="6"/>
    </row>
    <row r="37982" spans="1:12">
      <c r="A37982" s="6" t="s">
        <v>37690</v>
      </c>
      <c r="B37982" s="6"/>
      <c r="C37982" s="6" t="s">
        <v>32230</v>
      </c>
      <c r="D37982" s="6"/>
      <c r="E37982" s="6" t="s">
        <v>18740</v>
      </c>
      <c r="F37982" s="7">
        <v>43555</v>
      </c>
      <c r="G37982" s="8">
        <v>896400</v>
      </c>
      <c r="H37982" s="8">
        <v>835446</v>
      </c>
      <c r="I37982" s="8">
        <v>91431</v>
      </c>
      <c r="J37982" s="8">
        <v>804969</v>
      </c>
      <c r="K37982" s="9"/>
      <c r="L37982" s="6"/>
    </row>
    <row r="37983" spans="1:12">
      <c r="A37983" s="6" t="s">
        <v>32234</v>
      </c>
      <c r="B37983" s="6"/>
      <c r="C37983" s="6" t="s">
        <v>32230</v>
      </c>
      <c r="D37983" s="6"/>
      <c r="E37983" s="6" t="s">
        <v>9</v>
      </c>
      <c r="F37983" s="7">
        <v>44286</v>
      </c>
      <c r="G37983" s="8">
        <v>402610</v>
      </c>
      <c r="H37983" s="8">
        <v>402610</v>
      </c>
      <c r="I37983" s="8">
        <v>23753</v>
      </c>
      <c r="J37983" s="8">
        <v>378857</v>
      </c>
      <c r="K37983" s="9"/>
      <c r="L37983" s="6"/>
    </row>
    <row r="37984" spans="1:12">
      <c r="A37984" s="6" t="s">
        <v>37691</v>
      </c>
      <c r="B37984" s="6"/>
      <c r="C37984" s="6" t="s">
        <v>32230</v>
      </c>
      <c r="D37984" s="6"/>
      <c r="E37984" s="6" t="s">
        <v>25121</v>
      </c>
      <c r="F37984" s="7">
        <v>41586</v>
      </c>
      <c r="G37984" s="8">
        <v>693000</v>
      </c>
      <c r="H37984" s="8">
        <v>367983</v>
      </c>
      <c r="I37984" s="8">
        <v>371448</v>
      </c>
      <c r="J37984" s="8">
        <v>321552</v>
      </c>
      <c r="K37984" s="9"/>
      <c r="L37984" s="6"/>
    </row>
    <row r="37985" spans="1:12">
      <c r="A37985" s="6" t="s">
        <v>37692</v>
      </c>
      <c r="B37985" s="6"/>
      <c r="C37985" s="6" t="s">
        <v>32230</v>
      </c>
      <c r="D37985" s="6"/>
      <c r="E37985" s="6" t="s">
        <v>25121</v>
      </c>
      <c r="F37985" s="7">
        <v>42745</v>
      </c>
      <c r="G37985" s="8">
        <v>1188000</v>
      </c>
      <c r="H37985" s="8">
        <v>712800</v>
      </c>
      <c r="I37985" s="8">
        <v>594000</v>
      </c>
      <c r="J37985" s="8">
        <v>594000</v>
      </c>
      <c r="K37985" s="9"/>
      <c r="L37985" s="6"/>
    </row>
    <row r="37986" spans="1:12">
      <c r="A37986" s="6" t="s">
        <v>37693</v>
      </c>
      <c r="B37986" s="6"/>
      <c r="C37986" s="6" t="s">
        <v>32230</v>
      </c>
      <c r="D37986" s="6"/>
      <c r="E37986" s="6" t="s">
        <v>25121</v>
      </c>
      <c r="F37986" s="7">
        <v>43600</v>
      </c>
      <c r="G37986" s="8">
        <v>3294000</v>
      </c>
      <c r="H37986" s="8">
        <v>2964600</v>
      </c>
      <c r="I37986" s="8">
        <v>658800</v>
      </c>
      <c r="J37986" s="8">
        <v>2635200</v>
      </c>
      <c r="K37986" s="9"/>
      <c r="L37986" s="6"/>
    </row>
    <row r="37987" spans="1:12">
      <c r="A37987" s="6" t="s">
        <v>37694</v>
      </c>
      <c r="B37987" s="6"/>
      <c r="C37987" s="6" t="s">
        <v>32230</v>
      </c>
      <c r="D37987" s="6"/>
      <c r="E37987" s="6" t="s">
        <v>9</v>
      </c>
      <c r="F37987" s="7">
        <v>41172</v>
      </c>
      <c r="G37987" s="8">
        <v>1260000</v>
      </c>
      <c r="H37987" s="8">
        <v>1008000</v>
      </c>
      <c r="I37987" s="8">
        <v>283500</v>
      </c>
      <c r="J37987" s="8">
        <v>976500</v>
      </c>
      <c r="K37987" s="9"/>
      <c r="L37987" s="6"/>
    </row>
    <row r="37988" spans="1:12">
      <c r="A37988" s="6" t="s">
        <v>37695</v>
      </c>
      <c r="B37988" s="6"/>
      <c r="C37988" s="6" t="s">
        <v>32230</v>
      </c>
      <c r="D37988" s="6"/>
      <c r="E37988" s="6" t="s">
        <v>9</v>
      </c>
      <c r="F37988" s="7">
        <v>40525</v>
      </c>
      <c r="G37988" s="8">
        <v>561750</v>
      </c>
      <c r="H37988" s="8">
        <v>1</v>
      </c>
      <c r="I37988" s="8">
        <v>561749</v>
      </c>
      <c r="J37988" s="8">
        <v>1</v>
      </c>
      <c r="K37988" s="9"/>
      <c r="L37988" s="6"/>
    </row>
    <row r="37989" spans="1:12">
      <c r="A37989" s="6" t="s">
        <v>37696</v>
      </c>
      <c r="B37989" s="6"/>
      <c r="C37989" s="6" t="s">
        <v>32230</v>
      </c>
      <c r="D37989" s="6"/>
      <c r="E37989" s="6" t="s">
        <v>9</v>
      </c>
      <c r="F37989" s="7">
        <v>43190</v>
      </c>
      <c r="G37989" s="8">
        <v>118800</v>
      </c>
      <c r="H37989" s="8">
        <v>83160</v>
      </c>
      <c r="I37989" s="8">
        <v>47520</v>
      </c>
      <c r="J37989" s="8">
        <v>71280</v>
      </c>
      <c r="K37989" s="9"/>
      <c r="L37989" s="6"/>
    </row>
    <row r="37990" spans="1:12">
      <c r="A37990" s="6" t="s">
        <v>32234</v>
      </c>
      <c r="B37990" s="6"/>
      <c r="C37990" s="6" t="s">
        <v>32230</v>
      </c>
      <c r="D37990" s="6"/>
      <c r="E37990" s="6" t="s">
        <v>9</v>
      </c>
      <c r="F37990" s="7">
        <v>44286</v>
      </c>
      <c r="G37990" s="8">
        <v>360813</v>
      </c>
      <c r="H37990" s="8">
        <v>360813</v>
      </c>
      <c r="I37990" s="8">
        <v>21287</v>
      </c>
      <c r="J37990" s="8">
        <v>339526</v>
      </c>
      <c r="K37990" s="9"/>
      <c r="L37990" s="6"/>
    </row>
    <row r="37991" spans="1:12">
      <c r="A37991" s="6" t="s">
        <v>37697</v>
      </c>
      <c r="B37991" s="6"/>
      <c r="C37991" s="6" t="s">
        <v>32230</v>
      </c>
      <c r="D37991" s="6"/>
      <c r="E37991" s="6" t="s">
        <v>9</v>
      </c>
      <c r="F37991" s="7">
        <v>42160</v>
      </c>
      <c r="G37991" s="8">
        <v>1296000</v>
      </c>
      <c r="H37991" s="8">
        <v>648000</v>
      </c>
      <c r="I37991" s="8">
        <v>777600</v>
      </c>
      <c r="J37991" s="8">
        <v>518400</v>
      </c>
      <c r="K37991" s="9"/>
      <c r="L37991" s="6"/>
    </row>
    <row r="37992" spans="1:12">
      <c r="A37992" s="6" t="s">
        <v>37698</v>
      </c>
      <c r="B37992" s="6"/>
      <c r="C37992" s="6" t="s">
        <v>32230</v>
      </c>
      <c r="D37992" s="6"/>
      <c r="E37992" s="6" t="s">
        <v>9</v>
      </c>
      <c r="F37992" s="7">
        <v>39105</v>
      </c>
      <c r="G37992" s="8">
        <v>1207500</v>
      </c>
      <c r="H37992" s="8">
        <v>1</v>
      </c>
      <c r="I37992" s="8">
        <v>1207499</v>
      </c>
      <c r="J37992" s="8">
        <v>1</v>
      </c>
      <c r="K37992" s="9"/>
      <c r="L37992" s="6"/>
    </row>
    <row r="37993" spans="1:12">
      <c r="A37993" s="6" t="s">
        <v>37699</v>
      </c>
      <c r="B37993" s="6"/>
      <c r="C37993" s="6" t="s">
        <v>32230</v>
      </c>
      <c r="D37993" s="6"/>
      <c r="E37993" s="6" t="s">
        <v>9</v>
      </c>
      <c r="F37993" s="7">
        <v>35885</v>
      </c>
      <c r="G37993" s="8">
        <v>35000000</v>
      </c>
      <c r="H37993" s="8">
        <v>7630000</v>
      </c>
      <c r="I37993" s="8">
        <v>28560000</v>
      </c>
      <c r="J37993" s="8">
        <v>6440000</v>
      </c>
      <c r="K37993" s="9"/>
      <c r="L37993" s="6"/>
    </row>
    <row r="37994" spans="1:12">
      <c r="A37994" s="6" t="s">
        <v>37700</v>
      </c>
      <c r="B37994" s="6"/>
      <c r="C37994" s="6" t="s">
        <v>32230</v>
      </c>
      <c r="D37994" s="6"/>
      <c r="E37994" s="6" t="s">
        <v>9</v>
      </c>
      <c r="F37994" s="7">
        <v>40583</v>
      </c>
      <c r="G37994" s="8">
        <v>630000</v>
      </c>
      <c r="H37994" s="8">
        <v>1</v>
      </c>
      <c r="I37994" s="8">
        <v>629999</v>
      </c>
      <c r="J37994" s="8">
        <v>1</v>
      </c>
      <c r="K37994" s="9"/>
      <c r="L37994" s="6"/>
    </row>
    <row r="37995" spans="1:12">
      <c r="A37995" s="6" t="s">
        <v>32234</v>
      </c>
      <c r="B37995" s="6"/>
      <c r="C37995" s="6" t="s">
        <v>32230</v>
      </c>
      <c r="D37995" s="6"/>
      <c r="E37995" s="6" t="s">
        <v>9</v>
      </c>
      <c r="F37995" s="7">
        <v>44286</v>
      </c>
      <c r="G37995" s="8">
        <v>360813</v>
      </c>
      <c r="H37995" s="8">
        <v>360813</v>
      </c>
      <c r="I37995" s="8">
        <v>21287</v>
      </c>
      <c r="J37995" s="8">
        <v>339526</v>
      </c>
      <c r="K37995" s="9"/>
      <c r="L37995" s="6"/>
    </row>
    <row r="37996" spans="1:12">
      <c r="A37996" s="6" t="s">
        <v>37701</v>
      </c>
      <c r="B37996" s="6"/>
      <c r="C37996" s="6" t="s">
        <v>32230</v>
      </c>
      <c r="D37996" s="6"/>
      <c r="E37996" s="6" t="s">
        <v>9</v>
      </c>
      <c r="F37996" s="7">
        <v>43784</v>
      </c>
      <c r="G37996" s="8">
        <v>98000</v>
      </c>
      <c r="H37996" s="8">
        <v>95550</v>
      </c>
      <c r="I37996" s="8">
        <v>4900</v>
      </c>
      <c r="J37996" s="8">
        <v>93100</v>
      </c>
      <c r="K37996" s="9"/>
      <c r="L37996" s="6"/>
    </row>
    <row r="37997" spans="1:12">
      <c r="A37997" s="6" t="s">
        <v>37702</v>
      </c>
      <c r="B37997" s="6"/>
      <c r="C37997" s="6" t="s">
        <v>32230</v>
      </c>
      <c r="D37997" s="6"/>
      <c r="E37997" s="6" t="s">
        <v>9</v>
      </c>
      <c r="F37997" s="7">
        <v>44089</v>
      </c>
      <c r="G37997" s="8">
        <v>165000</v>
      </c>
      <c r="H37997" s="8">
        <v>165000</v>
      </c>
      <c r="I37997" s="8">
        <v>4125</v>
      </c>
      <c r="J37997" s="8">
        <v>160875</v>
      </c>
      <c r="K37997" s="9"/>
      <c r="L37997" s="6"/>
    </row>
    <row r="37998" spans="1:12">
      <c r="A37998" s="6" t="s">
        <v>37703</v>
      </c>
      <c r="B37998" s="6"/>
      <c r="C37998" s="6" t="s">
        <v>32230</v>
      </c>
      <c r="D37998" s="6"/>
      <c r="E37998" s="6" t="s">
        <v>9</v>
      </c>
      <c r="F37998" s="7">
        <v>41570</v>
      </c>
      <c r="G37998" s="8">
        <v>547050</v>
      </c>
      <c r="H37998" s="8">
        <v>451318</v>
      </c>
      <c r="I37998" s="8">
        <v>109408</v>
      </c>
      <c r="J37998" s="8">
        <v>437642</v>
      </c>
      <c r="K37998" s="9"/>
      <c r="L37998" s="6"/>
    </row>
    <row r="37999" spans="1:12">
      <c r="A37999" s="6" t="s">
        <v>37704</v>
      </c>
      <c r="B37999" s="6"/>
      <c r="C37999" s="6" t="s">
        <v>32230</v>
      </c>
      <c r="D37999" s="6"/>
      <c r="E37999" s="6" t="s">
        <v>9</v>
      </c>
      <c r="F37999" s="7">
        <v>42536</v>
      </c>
      <c r="G37999" s="8">
        <v>421200</v>
      </c>
      <c r="H37999" s="8">
        <v>379080</v>
      </c>
      <c r="I37999" s="8">
        <v>52650</v>
      </c>
      <c r="J37999" s="8">
        <v>368550</v>
      </c>
      <c r="K37999" s="9"/>
      <c r="L37999" s="6"/>
    </row>
    <row r="38000" spans="1:12">
      <c r="A38000" s="6" t="s">
        <v>37705</v>
      </c>
      <c r="B38000" s="6"/>
      <c r="C38000" s="6" t="s">
        <v>32230</v>
      </c>
      <c r="D38000" s="6"/>
      <c r="E38000" s="6" t="s">
        <v>9</v>
      </c>
      <c r="F38000" s="7">
        <v>43066</v>
      </c>
      <c r="G38000" s="8">
        <v>3171960</v>
      </c>
      <c r="H38000" s="8">
        <v>2220372</v>
      </c>
      <c r="I38000" s="8">
        <v>1268784</v>
      </c>
      <c r="J38000" s="8">
        <v>1903176</v>
      </c>
      <c r="K38000" s="9"/>
      <c r="L38000" s="6"/>
    </row>
    <row r="38001" spans="1:12">
      <c r="A38001" s="6" t="s">
        <v>37706</v>
      </c>
      <c r="B38001" s="6"/>
      <c r="C38001" s="6" t="s">
        <v>32230</v>
      </c>
      <c r="D38001" s="6"/>
      <c r="E38001" s="6" t="s">
        <v>9</v>
      </c>
      <c r="F38001" s="7">
        <v>40813</v>
      </c>
      <c r="G38001" s="8">
        <v>3412500</v>
      </c>
      <c r="H38001" s="8">
        <v>341250</v>
      </c>
      <c r="I38001" s="8">
        <v>3412499</v>
      </c>
      <c r="J38001" s="8">
        <v>1</v>
      </c>
      <c r="K38001" s="9"/>
      <c r="L38001" s="6"/>
    </row>
    <row r="38002" spans="1:12">
      <c r="A38002" s="6" t="s">
        <v>37707</v>
      </c>
      <c r="B38002" s="6"/>
      <c r="C38002" s="6" t="s">
        <v>32230</v>
      </c>
      <c r="D38002" s="6"/>
      <c r="E38002" s="6" t="s">
        <v>9</v>
      </c>
      <c r="F38002" s="7">
        <v>41726</v>
      </c>
      <c r="G38002" s="8">
        <v>1623300</v>
      </c>
      <c r="H38002" s="8">
        <v>486990</v>
      </c>
      <c r="I38002" s="8">
        <v>1298640</v>
      </c>
      <c r="J38002" s="8">
        <v>324660</v>
      </c>
      <c r="K38002" s="9"/>
      <c r="L38002" s="6"/>
    </row>
    <row r="38003" spans="1:12">
      <c r="A38003" s="6" t="s">
        <v>37708</v>
      </c>
      <c r="B38003" s="6"/>
      <c r="C38003" s="6" t="s">
        <v>32230</v>
      </c>
      <c r="D38003" s="6"/>
      <c r="E38003" s="6" t="s">
        <v>9</v>
      </c>
      <c r="F38003" s="7">
        <v>40100</v>
      </c>
      <c r="G38003" s="8">
        <v>163800</v>
      </c>
      <c r="H38003" s="8">
        <v>91728</v>
      </c>
      <c r="I38003" s="8">
        <v>78624</v>
      </c>
      <c r="J38003" s="8">
        <v>85176</v>
      </c>
      <c r="K38003" s="9"/>
      <c r="L38003" s="6"/>
    </row>
    <row r="38004" spans="1:12">
      <c r="A38004" s="6" t="s">
        <v>37709</v>
      </c>
      <c r="B38004" s="6"/>
      <c r="C38004" s="6" t="s">
        <v>32230</v>
      </c>
      <c r="D38004" s="6"/>
      <c r="E38004" s="6" t="s">
        <v>9</v>
      </c>
      <c r="F38004" s="7">
        <v>40353</v>
      </c>
      <c r="G38004" s="8">
        <v>446250</v>
      </c>
      <c r="H38004" s="8">
        <v>267750</v>
      </c>
      <c r="I38004" s="8">
        <v>196350</v>
      </c>
      <c r="J38004" s="8">
        <v>249900</v>
      </c>
      <c r="K38004" s="9"/>
      <c r="L38004" s="6"/>
    </row>
    <row r="38005" spans="1:12">
      <c r="A38005" s="6" t="s">
        <v>37710</v>
      </c>
      <c r="B38005" s="6"/>
      <c r="C38005" s="6" t="s">
        <v>32230</v>
      </c>
      <c r="D38005" s="6"/>
      <c r="E38005" s="6" t="s">
        <v>9</v>
      </c>
      <c r="F38005" s="7">
        <v>42906</v>
      </c>
      <c r="G38005" s="8">
        <v>1290000</v>
      </c>
      <c r="H38005" s="8">
        <v>856560</v>
      </c>
      <c r="I38005" s="8">
        <v>577920</v>
      </c>
      <c r="J38005" s="8">
        <v>712080</v>
      </c>
      <c r="K38005" s="9"/>
      <c r="L38005" s="6"/>
    </row>
    <row r="38006" spans="1:12">
      <c r="A38006" s="6" t="s">
        <v>37711</v>
      </c>
      <c r="B38006" s="6"/>
      <c r="C38006" s="6" t="s">
        <v>32230</v>
      </c>
      <c r="D38006" s="6"/>
      <c r="E38006" s="6" t="s">
        <v>9</v>
      </c>
      <c r="F38006" s="7">
        <v>41823</v>
      </c>
      <c r="G38006" s="8">
        <v>194400</v>
      </c>
      <c r="H38006" s="8">
        <v>77760</v>
      </c>
      <c r="I38006" s="8">
        <v>136080</v>
      </c>
      <c r="J38006" s="8">
        <v>58320</v>
      </c>
      <c r="K38006" s="9"/>
      <c r="L38006" s="6"/>
    </row>
    <row r="38007" spans="1:12">
      <c r="A38007" s="6" t="s">
        <v>37712</v>
      </c>
      <c r="B38007" s="6"/>
      <c r="C38007" s="6" t="s">
        <v>32230</v>
      </c>
      <c r="D38007" s="6"/>
      <c r="E38007" s="6" t="s">
        <v>9</v>
      </c>
      <c r="F38007" s="7">
        <v>40990</v>
      </c>
      <c r="G38007" s="8">
        <v>21995400</v>
      </c>
      <c r="H38007" s="8">
        <v>8732181</v>
      </c>
      <c r="I38007" s="8">
        <v>14736910</v>
      </c>
      <c r="J38007" s="8">
        <v>7258490</v>
      </c>
      <c r="K38007" s="9"/>
      <c r="L38007" s="6"/>
    </row>
    <row r="38008" spans="1:12">
      <c r="A38008" s="6" t="s">
        <v>37713</v>
      </c>
      <c r="B38008" s="6"/>
      <c r="C38008" s="6" t="s">
        <v>32230</v>
      </c>
      <c r="D38008" s="6"/>
      <c r="E38008" s="6" t="s">
        <v>9</v>
      </c>
      <c r="F38008" s="7">
        <v>41520</v>
      </c>
      <c r="G38008" s="8">
        <v>745500</v>
      </c>
      <c r="H38008" s="8">
        <v>223650</v>
      </c>
      <c r="I38008" s="8">
        <v>596400</v>
      </c>
      <c r="J38008" s="8">
        <v>149100</v>
      </c>
      <c r="K38008" s="9"/>
      <c r="L38008" s="6"/>
    </row>
    <row r="38009" spans="1:12">
      <c r="A38009" s="6" t="s">
        <v>37714</v>
      </c>
      <c r="B38009" s="6"/>
      <c r="C38009" s="6" t="s">
        <v>32230</v>
      </c>
      <c r="D38009" s="6"/>
      <c r="E38009" s="6" t="s">
        <v>9</v>
      </c>
      <c r="F38009" s="7">
        <v>40268</v>
      </c>
      <c r="G38009" s="8">
        <v>7119000</v>
      </c>
      <c r="H38009" s="8">
        <v>1</v>
      </c>
      <c r="I38009" s="8">
        <v>7118999</v>
      </c>
      <c r="J38009" s="8">
        <v>1</v>
      </c>
      <c r="K38009" s="9"/>
      <c r="L38009" s="6"/>
    </row>
    <row r="38010" spans="1:12">
      <c r="A38010" s="6" t="s">
        <v>37715</v>
      </c>
      <c r="B38010" s="6"/>
      <c r="C38010" s="6" t="s">
        <v>32230</v>
      </c>
      <c r="D38010" s="6"/>
      <c r="E38010" s="6" t="s">
        <v>9</v>
      </c>
      <c r="F38010" s="7">
        <v>43404</v>
      </c>
      <c r="G38010" s="8">
        <v>270000</v>
      </c>
      <c r="H38010" s="8">
        <v>251640</v>
      </c>
      <c r="I38010" s="8">
        <v>27540</v>
      </c>
      <c r="J38010" s="8">
        <v>242460</v>
      </c>
      <c r="K38010" s="9"/>
      <c r="L38010" s="6"/>
    </row>
    <row r="38011" spans="1:12">
      <c r="A38011" s="6" t="s">
        <v>37716</v>
      </c>
      <c r="B38011" s="6"/>
      <c r="C38011" s="6" t="s">
        <v>32230</v>
      </c>
      <c r="D38011" s="6"/>
      <c r="E38011" s="6" t="s">
        <v>9</v>
      </c>
      <c r="F38011" s="7">
        <v>42460</v>
      </c>
      <c r="G38011" s="8">
        <v>2408400</v>
      </c>
      <c r="H38011" s="8">
        <v>1806300</v>
      </c>
      <c r="I38011" s="8">
        <v>722520</v>
      </c>
      <c r="J38011" s="8">
        <v>1685880</v>
      </c>
      <c r="K38011" s="9"/>
      <c r="L38011" s="6"/>
    </row>
    <row r="38012" spans="1:12">
      <c r="A38012" s="6" t="s">
        <v>37717</v>
      </c>
      <c r="B38012" s="6"/>
      <c r="C38012" s="6" t="s">
        <v>32230</v>
      </c>
      <c r="D38012" s="6"/>
      <c r="E38012" s="6" t="s">
        <v>9</v>
      </c>
      <c r="F38012" s="7">
        <v>40581</v>
      </c>
      <c r="G38012" s="8">
        <v>5483100</v>
      </c>
      <c r="H38012" s="8">
        <v>1809430</v>
      </c>
      <c r="I38012" s="8">
        <v>4041037</v>
      </c>
      <c r="J38012" s="8">
        <v>1442063</v>
      </c>
      <c r="K38012" s="9"/>
      <c r="L38012" s="6"/>
    </row>
    <row r="38013" spans="1:12">
      <c r="A38013" s="6" t="s">
        <v>37718</v>
      </c>
      <c r="B38013" s="6"/>
      <c r="C38013" s="6" t="s">
        <v>32230</v>
      </c>
      <c r="D38013" s="6"/>
      <c r="E38013" s="6" t="s">
        <v>9</v>
      </c>
      <c r="F38013" s="7">
        <v>42824</v>
      </c>
      <c r="G38013" s="8">
        <v>1296000</v>
      </c>
      <c r="H38013" s="8">
        <v>948672</v>
      </c>
      <c r="I38013" s="8">
        <v>434160</v>
      </c>
      <c r="J38013" s="8">
        <v>861840</v>
      </c>
      <c r="K38013" s="9"/>
      <c r="L38013" s="6"/>
    </row>
    <row r="38014" spans="1:12">
      <c r="A38014" s="6" t="s">
        <v>37719</v>
      </c>
      <c r="B38014" s="6"/>
      <c r="C38014" s="6" t="s">
        <v>32230</v>
      </c>
      <c r="D38014" s="6"/>
      <c r="E38014" s="6" t="s">
        <v>9</v>
      </c>
      <c r="F38014" s="7">
        <v>43190</v>
      </c>
      <c r="G38014" s="8">
        <v>38098080</v>
      </c>
      <c r="H38014" s="8">
        <v>26668656</v>
      </c>
      <c r="I38014" s="8">
        <v>15239232</v>
      </c>
      <c r="J38014" s="8">
        <v>22858848</v>
      </c>
      <c r="K38014" s="9"/>
      <c r="L38014" s="6"/>
    </row>
    <row r="38015" spans="1:12">
      <c r="A38015" s="6" t="s">
        <v>37720</v>
      </c>
      <c r="B38015" s="6"/>
      <c r="C38015" s="6" t="s">
        <v>32230</v>
      </c>
      <c r="D38015" s="6"/>
      <c r="E38015" s="6" t="s">
        <v>9</v>
      </c>
      <c r="F38015" s="7">
        <v>40059</v>
      </c>
      <c r="G38015" s="8">
        <v>1995000</v>
      </c>
      <c r="H38015" s="8">
        <v>1</v>
      </c>
      <c r="I38015" s="8">
        <v>1994999</v>
      </c>
      <c r="J38015" s="8">
        <v>1</v>
      </c>
      <c r="K38015" s="9"/>
      <c r="L38015" s="6"/>
    </row>
    <row r="38016" spans="1:12">
      <c r="A38016" s="6" t="s">
        <v>37721</v>
      </c>
      <c r="B38016" s="6"/>
      <c r="C38016" s="6" t="s">
        <v>32230</v>
      </c>
      <c r="D38016" s="6"/>
      <c r="E38016" s="6" t="s">
        <v>9</v>
      </c>
      <c r="F38016" s="7">
        <v>40603</v>
      </c>
      <c r="G38016" s="8">
        <v>4074000</v>
      </c>
      <c r="H38016" s="8">
        <v>1344420</v>
      </c>
      <c r="I38016" s="8">
        <v>3002538</v>
      </c>
      <c r="J38016" s="8">
        <v>1071462</v>
      </c>
      <c r="K38016" s="9"/>
      <c r="L38016" s="6"/>
    </row>
    <row r="38017" spans="1:12">
      <c r="A38017" s="6" t="s">
        <v>37722</v>
      </c>
      <c r="B38017" s="6"/>
      <c r="C38017" s="6" t="s">
        <v>32230</v>
      </c>
      <c r="D38017" s="6"/>
      <c r="E38017" s="6" t="s">
        <v>9</v>
      </c>
      <c r="F38017" s="7">
        <v>40996</v>
      </c>
      <c r="G38017" s="8">
        <v>745500</v>
      </c>
      <c r="H38017" s="8">
        <v>74550</v>
      </c>
      <c r="I38017" s="8">
        <v>745499</v>
      </c>
      <c r="J38017" s="8">
        <v>1</v>
      </c>
      <c r="K38017" s="9"/>
      <c r="L38017" s="6"/>
    </row>
    <row r="38018" spans="1:12">
      <c r="A38018" s="6" t="s">
        <v>37723</v>
      </c>
      <c r="B38018" s="6"/>
      <c r="C38018" s="6" t="s">
        <v>32230</v>
      </c>
      <c r="D38018" s="6"/>
      <c r="E38018" s="6" t="s">
        <v>9</v>
      </c>
      <c r="F38018" s="7">
        <v>38899</v>
      </c>
      <c r="G38018" s="8">
        <v>122760000</v>
      </c>
      <c r="H38018" s="8">
        <v>64326240</v>
      </c>
      <c r="I38018" s="8">
        <v>62607600</v>
      </c>
      <c r="J38018" s="8">
        <v>60152400</v>
      </c>
      <c r="K38018" s="9"/>
      <c r="L38018" s="6"/>
    </row>
    <row r="38019" spans="1:12">
      <c r="A38019" s="6" t="s">
        <v>32234</v>
      </c>
      <c r="B38019" s="6"/>
      <c r="C38019" s="6" t="s">
        <v>32230</v>
      </c>
      <c r="D38019" s="6"/>
      <c r="E38019" s="6" t="s">
        <v>9</v>
      </c>
      <c r="F38019" s="7">
        <v>44286</v>
      </c>
      <c r="G38019" s="8">
        <v>402614</v>
      </c>
      <c r="H38019" s="8">
        <v>402614</v>
      </c>
      <c r="I38019" s="8">
        <v>23754</v>
      </c>
      <c r="J38019" s="8">
        <v>378860</v>
      </c>
      <c r="K38019" s="9"/>
      <c r="L38019" s="6"/>
    </row>
    <row r="38020" spans="1:12">
      <c r="A38020" s="6" t="s">
        <v>37724</v>
      </c>
      <c r="B38020" s="6"/>
      <c r="C38020" s="6" t="s">
        <v>32230</v>
      </c>
      <c r="D38020" s="6"/>
      <c r="E38020" s="6" t="s">
        <v>25121</v>
      </c>
      <c r="F38020" s="7">
        <v>43881</v>
      </c>
      <c r="G38020" s="8">
        <v>14674000</v>
      </c>
      <c r="H38020" s="8">
        <v>13206600</v>
      </c>
      <c r="I38020" s="8">
        <v>2934800</v>
      </c>
      <c r="J38020" s="8">
        <v>11739200</v>
      </c>
      <c r="K38020" s="9"/>
      <c r="L38020" s="6"/>
    </row>
    <row r="38021" spans="1:12">
      <c r="A38021" s="6" t="s">
        <v>37725</v>
      </c>
      <c r="B38021" s="6"/>
      <c r="C38021" s="6" t="s">
        <v>32230</v>
      </c>
      <c r="D38021" s="6"/>
      <c r="E38021" s="6" t="s">
        <v>9</v>
      </c>
      <c r="F38021" s="7">
        <v>40856</v>
      </c>
      <c r="G38021" s="8">
        <v>6524700</v>
      </c>
      <c r="H38021" s="8">
        <v>5056647</v>
      </c>
      <c r="I38021" s="8">
        <v>1631170</v>
      </c>
      <c r="J38021" s="8">
        <v>4893530</v>
      </c>
      <c r="K38021" s="9"/>
      <c r="L38021" s="6"/>
    </row>
    <row r="38022" spans="1:12">
      <c r="A38022" s="6" t="s">
        <v>37726</v>
      </c>
      <c r="B38022" s="6"/>
      <c r="C38022" s="6" t="s">
        <v>32230</v>
      </c>
      <c r="D38022" s="6"/>
      <c r="E38022" s="6" t="s">
        <v>9</v>
      </c>
      <c r="F38022" s="7">
        <v>40987</v>
      </c>
      <c r="G38022" s="8">
        <v>594300</v>
      </c>
      <c r="H38022" s="8">
        <v>460587</v>
      </c>
      <c r="I38022" s="8">
        <v>148570</v>
      </c>
      <c r="J38022" s="8">
        <v>445730</v>
      </c>
      <c r="K38022" s="9"/>
      <c r="L38022" s="6"/>
    </row>
    <row r="38023" spans="1:12">
      <c r="A38023" s="6" t="s">
        <v>37727</v>
      </c>
      <c r="B38023" s="6"/>
      <c r="C38023" s="6" t="s">
        <v>32230</v>
      </c>
      <c r="D38023" s="6"/>
      <c r="E38023" s="6" t="s">
        <v>9</v>
      </c>
      <c r="F38023" s="7">
        <v>41043</v>
      </c>
      <c r="G38023" s="8">
        <v>11095350</v>
      </c>
      <c r="H38023" s="8">
        <v>8876286</v>
      </c>
      <c r="I38023" s="8">
        <v>2496447</v>
      </c>
      <c r="J38023" s="8">
        <v>8598903</v>
      </c>
      <c r="K38023" s="9"/>
      <c r="L38023" s="6"/>
    </row>
    <row r="38024" spans="1:12">
      <c r="A38024" s="6" t="s">
        <v>37728</v>
      </c>
      <c r="B38024" s="6"/>
      <c r="C38024" s="6" t="s">
        <v>32230</v>
      </c>
      <c r="D38024" s="6"/>
      <c r="E38024" s="6" t="s">
        <v>9</v>
      </c>
      <c r="F38024" s="7">
        <v>42075</v>
      </c>
      <c r="G38024" s="8">
        <v>4374000</v>
      </c>
      <c r="H38024" s="8">
        <v>3717900</v>
      </c>
      <c r="I38024" s="8">
        <v>765450</v>
      </c>
      <c r="J38024" s="8">
        <v>3608550</v>
      </c>
      <c r="K38024" s="9"/>
      <c r="L38024" s="6"/>
    </row>
    <row r="38025" spans="1:12">
      <c r="A38025" s="6" t="s">
        <v>37729</v>
      </c>
      <c r="B38025" s="6"/>
      <c r="C38025" s="6" t="s">
        <v>32230</v>
      </c>
      <c r="D38025" s="6"/>
      <c r="E38025" s="6" t="s">
        <v>9</v>
      </c>
      <c r="F38025" s="7">
        <v>42083</v>
      </c>
      <c r="G38025" s="8">
        <v>1252800</v>
      </c>
      <c r="H38025" s="8">
        <v>1064880</v>
      </c>
      <c r="I38025" s="8">
        <v>219240</v>
      </c>
      <c r="J38025" s="8">
        <v>1033560</v>
      </c>
      <c r="K38025" s="9"/>
      <c r="L38025" s="6"/>
    </row>
    <row r="38026" spans="1:12">
      <c r="A38026" s="6" t="s">
        <v>37730</v>
      </c>
      <c r="B38026" s="6"/>
      <c r="C38026" s="6" t="s">
        <v>32230</v>
      </c>
      <c r="D38026" s="6"/>
      <c r="E38026" s="6" t="s">
        <v>9</v>
      </c>
      <c r="F38026" s="7">
        <v>42083</v>
      </c>
      <c r="G38026" s="8">
        <v>1285200</v>
      </c>
      <c r="H38026" s="8">
        <v>1092420</v>
      </c>
      <c r="I38026" s="8">
        <v>224910</v>
      </c>
      <c r="J38026" s="8">
        <v>1060290</v>
      </c>
      <c r="K38026" s="9"/>
      <c r="L38026" s="6"/>
    </row>
    <row r="38027" spans="1:12">
      <c r="A38027" s="6" t="s">
        <v>37731</v>
      </c>
      <c r="B38027" s="6"/>
      <c r="C38027" s="6" t="s">
        <v>32230</v>
      </c>
      <c r="D38027" s="6"/>
      <c r="E38027" s="6" t="s">
        <v>9</v>
      </c>
      <c r="F38027" s="7">
        <v>42069</v>
      </c>
      <c r="G38027" s="8">
        <v>95040</v>
      </c>
      <c r="H38027" s="8">
        <v>80784</v>
      </c>
      <c r="I38027" s="8">
        <v>16632</v>
      </c>
      <c r="J38027" s="8">
        <v>78408</v>
      </c>
      <c r="K38027" s="9"/>
      <c r="L38027" s="6"/>
    </row>
    <row r="38028" spans="1:12">
      <c r="A38028" s="6" t="s">
        <v>37732</v>
      </c>
      <c r="B38028" s="6"/>
      <c r="C38028" s="6" t="s">
        <v>32230</v>
      </c>
      <c r="D38028" s="6"/>
      <c r="E38028" s="6" t="s">
        <v>9</v>
      </c>
      <c r="F38028" s="7">
        <v>42034</v>
      </c>
      <c r="G38028" s="8">
        <v>46602000</v>
      </c>
      <c r="H38028" s="8">
        <v>39611700</v>
      </c>
      <c r="I38028" s="8">
        <v>8155350</v>
      </c>
      <c r="J38028" s="8">
        <v>38446650</v>
      </c>
      <c r="K38028" s="9"/>
      <c r="L38028" s="6"/>
    </row>
    <row r="38029" spans="1:12">
      <c r="A38029" s="6" t="s">
        <v>37733</v>
      </c>
      <c r="B38029" s="6"/>
      <c r="C38029" s="6" t="s">
        <v>32230</v>
      </c>
      <c r="D38029" s="6"/>
      <c r="E38029" s="6" t="s">
        <v>9</v>
      </c>
      <c r="F38029" s="7">
        <v>41960</v>
      </c>
      <c r="G38029" s="8">
        <v>5745600</v>
      </c>
      <c r="H38029" s="8">
        <v>4883760</v>
      </c>
      <c r="I38029" s="8">
        <v>1005480</v>
      </c>
      <c r="J38029" s="8">
        <v>4740120</v>
      </c>
      <c r="K38029" s="9"/>
      <c r="L38029" s="6"/>
    </row>
    <row r="38030" spans="1:12">
      <c r="A38030" s="6" t="s">
        <v>37734</v>
      </c>
      <c r="B38030" s="6"/>
      <c r="C38030" s="6" t="s">
        <v>32230</v>
      </c>
      <c r="D38030" s="6"/>
      <c r="E38030" s="6" t="s">
        <v>9</v>
      </c>
      <c r="F38030" s="7">
        <v>43501</v>
      </c>
      <c r="G38030" s="8">
        <v>99900</v>
      </c>
      <c r="H38030" s="8">
        <v>94906</v>
      </c>
      <c r="I38030" s="8">
        <v>7491</v>
      </c>
      <c r="J38030" s="8">
        <v>92409</v>
      </c>
      <c r="K38030" s="9"/>
      <c r="L38030" s="6"/>
    </row>
    <row r="38031" spans="1:12">
      <c r="A38031" s="6" t="s">
        <v>37735</v>
      </c>
      <c r="B38031" s="6"/>
      <c r="C38031" s="6" t="s">
        <v>32230</v>
      </c>
      <c r="D38031" s="6"/>
      <c r="E38031" s="6" t="s">
        <v>9</v>
      </c>
      <c r="F38031" s="7">
        <v>43784</v>
      </c>
      <c r="G38031" s="8">
        <v>440000</v>
      </c>
      <c r="H38031" s="8">
        <v>429000</v>
      </c>
      <c r="I38031" s="8">
        <v>22000</v>
      </c>
      <c r="J38031" s="8">
        <v>418000</v>
      </c>
      <c r="K38031" s="9"/>
      <c r="L38031" s="6"/>
    </row>
    <row r="38032" spans="1:12">
      <c r="A38032" s="6" t="s">
        <v>37736</v>
      </c>
      <c r="B38032" s="6"/>
      <c r="C38032" s="6" t="s">
        <v>32230</v>
      </c>
      <c r="D38032" s="6"/>
      <c r="E38032" s="6" t="s">
        <v>9</v>
      </c>
      <c r="F38032" s="7">
        <v>39280</v>
      </c>
      <c r="G38032" s="8">
        <v>651000</v>
      </c>
      <c r="H38032" s="8">
        <v>439425</v>
      </c>
      <c r="I38032" s="8">
        <v>227850</v>
      </c>
      <c r="J38032" s="8">
        <v>423150</v>
      </c>
      <c r="K38032" s="9"/>
      <c r="L38032" s="6"/>
    </row>
    <row r="38033" spans="1:12">
      <c r="A38033" s="6" t="s">
        <v>37737</v>
      </c>
      <c r="B38033" s="6"/>
      <c r="C38033" s="6" t="s">
        <v>32230</v>
      </c>
      <c r="D38033" s="6"/>
      <c r="E38033" s="6" t="s">
        <v>9</v>
      </c>
      <c r="F38033" s="7">
        <v>41362</v>
      </c>
      <c r="G38033" s="8">
        <v>4833150</v>
      </c>
      <c r="H38033" s="8">
        <v>3866526</v>
      </c>
      <c r="I38033" s="8">
        <v>1087452</v>
      </c>
      <c r="J38033" s="8">
        <v>3745698</v>
      </c>
      <c r="K38033" s="9"/>
      <c r="L38033" s="6"/>
    </row>
    <row r="38034" spans="1:12">
      <c r="A38034" s="6" t="s">
        <v>37738</v>
      </c>
      <c r="B38034" s="6"/>
      <c r="C38034" s="6" t="s">
        <v>32230</v>
      </c>
      <c r="D38034" s="6"/>
      <c r="E38034" s="6" t="s">
        <v>9</v>
      </c>
      <c r="F38034" s="7">
        <v>41914</v>
      </c>
      <c r="G38034" s="8">
        <v>4708800</v>
      </c>
      <c r="H38034" s="8">
        <v>4002480</v>
      </c>
      <c r="I38034" s="8">
        <v>824040</v>
      </c>
      <c r="J38034" s="8">
        <v>3884760</v>
      </c>
      <c r="K38034" s="9"/>
      <c r="L38034" s="6"/>
    </row>
    <row r="38035" spans="1:12">
      <c r="A38035" s="6" t="s">
        <v>37739</v>
      </c>
      <c r="B38035" s="6"/>
      <c r="C38035" s="6" t="s">
        <v>32230</v>
      </c>
      <c r="D38035" s="6"/>
      <c r="E38035" s="6" t="s">
        <v>9</v>
      </c>
      <c r="F38035" s="7">
        <v>40998</v>
      </c>
      <c r="G38035" s="8">
        <v>8990100</v>
      </c>
      <c r="H38035" s="8">
        <v>6967332</v>
      </c>
      <c r="I38035" s="8">
        <v>2247520</v>
      </c>
      <c r="J38035" s="8">
        <v>6742580</v>
      </c>
      <c r="K38035" s="9"/>
      <c r="L38035" s="6"/>
    </row>
    <row r="38036" spans="1:12">
      <c r="A38036" s="6" t="s">
        <v>37740</v>
      </c>
      <c r="B38036" s="6"/>
      <c r="C38036" s="6" t="s">
        <v>32230</v>
      </c>
      <c r="D38036" s="6"/>
      <c r="E38036" s="6" t="s">
        <v>9</v>
      </c>
      <c r="F38036" s="7">
        <v>41934</v>
      </c>
      <c r="G38036" s="8">
        <v>1188000</v>
      </c>
      <c r="H38036" s="8">
        <v>1009800</v>
      </c>
      <c r="I38036" s="8">
        <v>207900</v>
      </c>
      <c r="J38036" s="8">
        <v>980100</v>
      </c>
      <c r="K38036" s="9"/>
      <c r="L38036" s="6"/>
    </row>
    <row r="38037" spans="1:12">
      <c r="A38037" s="6" t="s">
        <v>37741</v>
      </c>
      <c r="B38037" s="6"/>
      <c r="C38037" s="6" t="s">
        <v>32230</v>
      </c>
      <c r="D38037" s="6"/>
      <c r="E38037" s="6" t="s">
        <v>9</v>
      </c>
      <c r="F38037" s="7">
        <v>41943</v>
      </c>
      <c r="G38037" s="8">
        <v>1242000</v>
      </c>
      <c r="H38037" s="8">
        <v>1055700</v>
      </c>
      <c r="I38037" s="8">
        <v>217350</v>
      </c>
      <c r="J38037" s="8">
        <v>1024650</v>
      </c>
      <c r="K38037" s="9"/>
      <c r="L38037" s="6"/>
    </row>
    <row r="38038" spans="1:12">
      <c r="A38038" s="6" t="s">
        <v>37742</v>
      </c>
      <c r="B38038" s="6"/>
      <c r="C38038" s="6" t="s">
        <v>32230</v>
      </c>
      <c r="D38038" s="6"/>
      <c r="E38038" s="6" t="s">
        <v>9</v>
      </c>
      <c r="F38038" s="7">
        <v>41995</v>
      </c>
      <c r="G38038" s="8">
        <v>810000</v>
      </c>
      <c r="H38038" s="8">
        <v>688500</v>
      </c>
      <c r="I38038" s="8">
        <v>141750</v>
      </c>
      <c r="J38038" s="8">
        <v>668250</v>
      </c>
      <c r="K38038" s="9"/>
      <c r="L38038" s="6"/>
    </row>
    <row r="38039" spans="1:12">
      <c r="A38039" s="6" t="s">
        <v>37743</v>
      </c>
      <c r="B38039" s="6"/>
      <c r="C38039" s="6" t="s">
        <v>32230</v>
      </c>
      <c r="D38039" s="6"/>
      <c r="E38039" s="6" t="s">
        <v>9</v>
      </c>
      <c r="F38039" s="7">
        <v>41995</v>
      </c>
      <c r="G38039" s="8">
        <v>270000</v>
      </c>
      <c r="H38039" s="8">
        <v>229500</v>
      </c>
      <c r="I38039" s="8">
        <v>47250</v>
      </c>
      <c r="J38039" s="8">
        <v>222750</v>
      </c>
      <c r="K38039" s="9"/>
      <c r="L38039" s="6"/>
    </row>
    <row r="38040" spans="1:12">
      <c r="A38040" s="6" t="s">
        <v>37744</v>
      </c>
      <c r="B38040" s="6"/>
      <c r="C38040" s="6" t="s">
        <v>32230</v>
      </c>
      <c r="D38040" s="6"/>
      <c r="E38040" s="6" t="s">
        <v>9</v>
      </c>
      <c r="F38040" s="7">
        <v>42083</v>
      </c>
      <c r="G38040" s="8">
        <v>194400</v>
      </c>
      <c r="H38040" s="8">
        <v>165240</v>
      </c>
      <c r="I38040" s="8">
        <v>34020</v>
      </c>
      <c r="J38040" s="8">
        <v>160380</v>
      </c>
      <c r="K38040" s="9"/>
      <c r="L38040" s="6"/>
    </row>
    <row r="38041" spans="1:12">
      <c r="A38041" s="6" t="s">
        <v>37745</v>
      </c>
      <c r="B38041" s="6"/>
      <c r="C38041" s="6" t="s">
        <v>32230</v>
      </c>
      <c r="D38041" s="6"/>
      <c r="E38041" s="6" t="s">
        <v>9</v>
      </c>
      <c r="F38041" s="7">
        <v>42083</v>
      </c>
      <c r="G38041" s="8">
        <v>6610680</v>
      </c>
      <c r="H38041" s="8">
        <v>5619078</v>
      </c>
      <c r="I38041" s="8">
        <v>1156869</v>
      </c>
      <c r="J38041" s="8">
        <v>5453811</v>
      </c>
      <c r="K38041" s="9"/>
      <c r="L38041" s="6"/>
    </row>
    <row r="38042" spans="1:12">
      <c r="A38042" s="6" t="s">
        <v>37746</v>
      </c>
      <c r="B38042" s="6"/>
      <c r="C38042" s="6" t="s">
        <v>32230</v>
      </c>
      <c r="D38042" s="6"/>
      <c r="E38042" s="6" t="s">
        <v>9</v>
      </c>
      <c r="F38042" s="7">
        <v>42643</v>
      </c>
      <c r="G38042" s="8">
        <v>1782000</v>
      </c>
      <c r="H38042" s="8">
        <v>1304424</v>
      </c>
      <c r="I38042" s="8">
        <v>596970</v>
      </c>
      <c r="J38042" s="8">
        <v>1185030</v>
      </c>
      <c r="K38042" s="9"/>
      <c r="L38042" s="6"/>
    </row>
    <row r="38043" spans="1:12">
      <c r="A38043" s="6" t="s">
        <v>37747</v>
      </c>
      <c r="B38043" s="6"/>
      <c r="C38043" s="6" t="s">
        <v>32230</v>
      </c>
      <c r="D38043" s="6"/>
      <c r="E38043" s="6" t="s">
        <v>9</v>
      </c>
      <c r="F38043" s="7">
        <v>43501</v>
      </c>
      <c r="G38043" s="8">
        <v>864000</v>
      </c>
      <c r="H38043" s="8">
        <v>820800</v>
      </c>
      <c r="I38043" s="8">
        <v>64800</v>
      </c>
      <c r="J38043" s="8">
        <v>799200</v>
      </c>
      <c r="K38043" s="9"/>
      <c r="L38043" s="6"/>
    </row>
    <row r="38044" spans="1:12">
      <c r="A38044" s="6" t="s">
        <v>37739</v>
      </c>
      <c r="B38044" s="6"/>
      <c r="C38044" s="6" t="s">
        <v>32230</v>
      </c>
      <c r="D38044" s="6"/>
      <c r="E38044" s="6" t="s">
        <v>9</v>
      </c>
      <c r="F38044" s="7">
        <v>41607</v>
      </c>
      <c r="G38044" s="8">
        <v>25069800</v>
      </c>
      <c r="H38044" s="8">
        <v>20682585</v>
      </c>
      <c r="I38044" s="8">
        <v>5013960</v>
      </c>
      <c r="J38044" s="8">
        <v>20055840</v>
      </c>
      <c r="K38044" s="9"/>
      <c r="L38044" s="6"/>
    </row>
    <row r="38045" spans="1:12">
      <c r="A38045" s="6" t="s">
        <v>37748</v>
      </c>
      <c r="B38045" s="6"/>
      <c r="C38045" s="6" t="s">
        <v>32230</v>
      </c>
      <c r="D38045" s="6"/>
      <c r="E38045" s="6" t="s">
        <v>9</v>
      </c>
      <c r="F38045" s="7">
        <v>41724</v>
      </c>
      <c r="G38045" s="8">
        <v>95883900</v>
      </c>
      <c r="H38045" s="8">
        <v>79104221</v>
      </c>
      <c r="I38045" s="8">
        <v>19176776</v>
      </c>
      <c r="J38045" s="8">
        <v>76707124</v>
      </c>
      <c r="K38045" s="9"/>
      <c r="L38045" s="6"/>
    </row>
    <row r="38046" spans="1:12">
      <c r="A38046" s="6" t="s">
        <v>37749</v>
      </c>
      <c r="B38046" s="6"/>
      <c r="C38046" s="6" t="s">
        <v>32230</v>
      </c>
      <c r="D38046" s="6"/>
      <c r="E38046" s="6" t="s">
        <v>9</v>
      </c>
      <c r="F38046" s="7">
        <v>41698</v>
      </c>
      <c r="G38046" s="8">
        <v>420000</v>
      </c>
      <c r="H38046" s="8">
        <v>346500</v>
      </c>
      <c r="I38046" s="8">
        <v>84000</v>
      </c>
      <c r="J38046" s="8">
        <v>336000</v>
      </c>
      <c r="K38046" s="9"/>
      <c r="L38046" s="6"/>
    </row>
    <row r="38047" spans="1:12">
      <c r="A38047" s="6" t="s">
        <v>37750</v>
      </c>
      <c r="B38047" s="6"/>
      <c r="C38047" s="6" t="s">
        <v>32230</v>
      </c>
      <c r="D38047" s="6"/>
      <c r="E38047" s="6" t="s">
        <v>9</v>
      </c>
      <c r="F38047" s="7">
        <v>41800</v>
      </c>
      <c r="G38047" s="8">
        <v>299160</v>
      </c>
      <c r="H38047" s="8">
        <v>254286</v>
      </c>
      <c r="I38047" s="8">
        <v>52353</v>
      </c>
      <c r="J38047" s="8">
        <v>246807</v>
      </c>
      <c r="K38047" s="9"/>
      <c r="L38047" s="6"/>
    </row>
    <row r="38048" spans="1:12">
      <c r="A38048" s="6" t="s">
        <v>37739</v>
      </c>
      <c r="B38048" s="6"/>
      <c r="C38048" s="6" t="s">
        <v>32230</v>
      </c>
      <c r="D38048" s="6"/>
      <c r="E38048" s="6" t="s">
        <v>9</v>
      </c>
      <c r="F38048" s="7">
        <v>41969</v>
      </c>
      <c r="G38048" s="8">
        <v>13770000</v>
      </c>
      <c r="H38048" s="8">
        <v>11704500</v>
      </c>
      <c r="I38048" s="8">
        <v>2409750</v>
      </c>
      <c r="J38048" s="8">
        <v>11360250</v>
      </c>
      <c r="K38048" s="9"/>
      <c r="L38048" s="6"/>
    </row>
    <row r="38049" spans="1:12">
      <c r="A38049" s="6" t="s">
        <v>37748</v>
      </c>
      <c r="B38049" s="6"/>
      <c r="C38049" s="6" t="s">
        <v>32230</v>
      </c>
      <c r="D38049" s="6"/>
      <c r="E38049" s="6" t="s">
        <v>9</v>
      </c>
      <c r="F38049" s="7">
        <v>41941</v>
      </c>
      <c r="G38049" s="8">
        <v>8704800</v>
      </c>
      <c r="H38049" s="8">
        <v>7399080</v>
      </c>
      <c r="I38049" s="8">
        <v>1523340</v>
      </c>
      <c r="J38049" s="8">
        <v>7181460</v>
      </c>
      <c r="K38049" s="9"/>
      <c r="L38049" s="6"/>
    </row>
    <row r="38050" spans="1:12">
      <c r="A38050" s="6" t="s">
        <v>37751</v>
      </c>
      <c r="B38050" s="6"/>
      <c r="C38050" s="6" t="s">
        <v>32230</v>
      </c>
      <c r="D38050" s="6"/>
      <c r="E38050" s="6" t="s">
        <v>9</v>
      </c>
      <c r="F38050" s="7">
        <v>41950</v>
      </c>
      <c r="G38050" s="8">
        <v>5030100</v>
      </c>
      <c r="H38050" s="8">
        <v>4275588</v>
      </c>
      <c r="I38050" s="8">
        <v>880264</v>
      </c>
      <c r="J38050" s="8">
        <v>4149836</v>
      </c>
      <c r="K38050" s="9"/>
      <c r="L38050" s="6"/>
    </row>
    <row r="38051" spans="1:12">
      <c r="A38051" s="6" t="s">
        <v>37752</v>
      </c>
      <c r="B38051" s="6"/>
      <c r="C38051" s="6" t="s">
        <v>32230</v>
      </c>
      <c r="D38051" s="6"/>
      <c r="E38051" s="6" t="s">
        <v>9</v>
      </c>
      <c r="F38051" s="7">
        <v>41954</v>
      </c>
      <c r="G38051" s="8">
        <v>11466360</v>
      </c>
      <c r="H38051" s="8">
        <v>9746406</v>
      </c>
      <c r="I38051" s="8">
        <v>2006613</v>
      </c>
      <c r="J38051" s="8">
        <v>9459747</v>
      </c>
      <c r="K38051" s="9"/>
      <c r="L38051" s="6"/>
    </row>
    <row r="38052" spans="1:12">
      <c r="A38052" s="6" t="s">
        <v>37753</v>
      </c>
      <c r="B38052" s="6"/>
      <c r="C38052" s="6" t="s">
        <v>32230</v>
      </c>
      <c r="D38052" s="6"/>
      <c r="E38052" s="6" t="s">
        <v>9</v>
      </c>
      <c r="F38052" s="7">
        <v>41718</v>
      </c>
      <c r="G38052" s="8">
        <v>4725000</v>
      </c>
      <c r="H38052" s="8">
        <v>3898125</v>
      </c>
      <c r="I38052" s="8">
        <v>945000</v>
      </c>
      <c r="J38052" s="8">
        <v>3780000</v>
      </c>
      <c r="K38052" s="9"/>
      <c r="L38052" s="6"/>
    </row>
    <row r="38053" spans="1:12">
      <c r="A38053" s="6" t="s">
        <v>37754</v>
      </c>
      <c r="B38053" s="6"/>
      <c r="C38053" s="6" t="s">
        <v>32230</v>
      </c>
      <c r="D38053" s="6"/>
      <c r="E38053" s="6" t="s">
        <v>9</v>
      </c>
      <c r="F38053" s="7">
        <v>42587</v>
      </c>
      <c r="G38053" s="8">
        <v>9631440</v>
      </c>
      <c r="H38053" s="8">
        <v>8668296</v>
      </c>
      <c r="I38053" s="8">
        <v>1203930</v>
      </c>
      <c r="J38053" s="8">
        <v>8427510</v>
      </c>
      <c r="K38053" s="9"/>
      <c r="L38053" s="6"/>
    </row>
    <row r="38054" spans="1:12">
      <c r="A38054" s="6" t="s">
        <v>37755</v>
      </c>
      <c r="B38054" s="6"/>
      <c r="C38054" s="6" t="s">
        <v>32230</v>
      </c>
      <c r="D38054" s="6"/>
      <c r="E38054" s="6" t="s">
        <v>9</v>
      </c>
      <c r="F38054" s="7">
        <v>42612</v>
      </c>
      <c r="G38054" s="8">
        <v>34749000</v>
      </c>
      <c r="H38054" s="8">
        <v>31274100</v>
      </c>
      <c r="I38054" s="8">
        <v>4343625</v>
      </c>
      <c r="J38054" s="8">
        <v>30405375</v>
      </c>
      <c r="K38054" s="9"/>
      <c r="L38054" s="6"/>
    </row>
    <row r="38055" spans="1:12">
      <c r="A38055" s="6" t="s">
        <v>37756</v>
      </c>
      <c r="B38055" s="6"/>
      <c r="C38055" s="6" t="s">
        <v>32230</v>
      </c>
      <c r="D38055" s="6"/>
      <c r="E38055" s="6" t="s">
        <v>9</v>
      </c>
      <c r="F38055" s="7">
        <v>42612</v>
      </c>
      <c r="G38055" s="8">
        <v>59138640</v>
      </c>
      <c r="H38055" s="8">
        <v>53224776</v>
      </c>
      <c r="I38055" s="8">
        <v>7392330</v>
      </c>
      <c r="J38055" s="8">
        <v>51746310</v>
      </c>
      <c r="K38055" s="9"/>
      <c r="L38055" s="6"/>
    </row>
    <row r="38056" spans="1:12">
      <c r="A38056" s="6" t="s">
        <v>37757</v>
      </c>
      <c r="B38056" s="6"/>
      <c r="C38056" s="6" t="s">
        <v>32230</v>
      </c>
      <c r="D38056" s="6"/>
      <c r="E38056" s="6" t="s">
        <v>9</v>
      </c>
      <c r="F38056" s="7">
        <v>42654</v>
      </c>
      <c r="G38056" s="8">
        <v>439020</v>
      </c>
      <c r="H38056" s="8">
        <v>395120</v>
      </c>
      <c r="I38056" s="8">
        <v>54875</v>
      </c>
      <c r="J38056" s="8">
        <v>384145</v>
      </c>
      <c r="K38056" s="9"/>
      <c r="L38056" s="6"/>
    </row>
    <row r="38057" spans="1:12">
      <c r="A38057" s="6" t="s">
        <v>37758</v>
      </c>
      <c r="B38057" s="6"/>
      <c r="C38057" s="6" t="s">
        <v>32230</v>
      </c>
      <c r="D38057" s="6"/>
      <c r="E38057" s="6" t="s">
        <v>9</v>
      </c>
      <c r="F38057" s="7">
        <v>42704</v>
      </c>
      <c r="G38057" s="8">
        <v>26106840</v>
      </c>
      <c r="H38057" s="8">
        <v>23496156</v>
      </c>
      <c r="I38057" s="8">
        <v>3263355</v>
      </c>
      <c r="J38057" s="8">
        <v>22843485</v>
      </c>
      <c r="K38057" s="9"/>
      <c r="L38057" s="6"/>
    </row>
    <row r="38058" spans="1:12">
      <c r="A38058" s="6" t="s">
        <v>37759</v>
      </c>
      <c r="B38058" s="6"/>
      <c r="C38058" s="6" t="s">
        <v>32230</v>
      </c>
      <c r="D38058" s="6"/>
      <c r="E38058" s="6" t="s">
        <v>9</v>
      </c>
      <c r="F38058" s="7">
        <v>42668</v>
      </c>
      <c r="G38058" s="8">
        <v>8424000</v>
      </c>
      <c r="H38058" s="8">
        <v>7581600</v>
      </c>
      <c r="I38058" s="8">
        <v>1053000</v>
      </c>
      <c r="J38058" s="8">
        <v>7371000</v>
      </c>
      <c r="K38058" s="9"/>
      <c r="L38058" s="6"/>
    </row>
    <row r="38059" spans="1:12">
      <c r="A38059" s="6" t="s">
        <v>37760</v>
      </c>
      <c r="B38059" s="6"/>
      <c r="C38059" s="6" t="s">
        <v>32230</v>
      </c>
      <c r="D38059" s="6"/>
      <c r="E38059" s="6" t="s">
        <v>9</v>
      </c>
      <c r="F38059" s="7">
        <v>42689</v>
      </c>
      <c r="G38059" s="8">
        <v>861840</v>
      </c>
      <c r="H38059" s="8">
        <v>430920</v>
      </c>
      <c r="I38059" s="8">
        <v>538650</v>
      </c>
      <c r="J38059" s="8">
        <v>323190</v>
      </c>
      <c r="K38059" s="9"/>
      <c r="L38059" s="6"/>
    </row>
    <row r="38060" spans="1:12">
      <c r="A38060" s="6" t="s">
        <v>37761</v>
      </c>
      <c r="B38060" s="6"/>
      <c r="C38060" s="6" t="s">
        <v>32230</v>
      </c>
      <c r="D38060" s="6"/>
      <c r="E38060" s="6" t="s">
        <v>9</v>
      </c>
      <c r="F38060" s="7">
        <v>42689</v>
      </c>
      <c r="G38060" s="8">
        <v>1285200</v>
      </c>
      <c r="H38060" s="8">
        <v>642600</v>
      </c>
      <c r="I38060" s="8">
        <v>803250</v>
      </c>
      <c r="J38060" s="8">
        <v>481950</v>
      </c>
      <c r="K38060" s="9"/>
      <c r="L38060" s="6"/>
    </row>
    <row r="38061" spans="1:12">
      <c r="A38061" s="6" t="s">
        <v>37762</v>
      </c>
      <c r="B38061" s="6"/>
      <c r="C38061" s="6" t="s">
        <v>32230</v>
      </c>
      <c r="D38061" s="6"/>
      <c r="E38061" s="6" t="s">
        <v>9</v>
      </c>
      <c r="F38061" s="7">
        <v>42674</v>
      </c>
      <c r="G38061" s="8">
        <v>491400</v>
      </c>
      <c r="H38061" s="8">
        <v>245700</v>
      </c>
      <c r="I38061" s="8">
        <v>307125</v>
      </c>
      <c r="J38061" s="8">
        <v>184275</v>
      </c>
      <c r="K38061" s="9"/>
      <c r="L38061" s="6"/>
    </row>
    <row r="38062" spans="1:12">
      <c r="A38062" s="6" t="s">
        <v>37763</v>
      </c>
      <c r="B38062" s="6"/>
      <c r="C38062" s="6" t="s">
        <v>32230</v>
      </c>
      <c r="D38062" s="6"/>
      <c r="E38062" s="6" t="s">
        <v>9</v>
      </c>
      <c r="F38062" s="7">
        <v>42809</v>
      </c>
      <c r="G38062" s="8">
        <v>21063240</v>
      </c>
      <c r="H38062" s="8">
        <v>18956916</v>
      </c>
      <c r="I38062" s="8">
        <v>2632905</v>
      </c>
      <c r="J38062" s="8">
        <v>18430335</v>
      </c>
      <c r="K38062" s="9"/>
      <c r="L38062" s="6"/>
    </row>
    <row r="38063" spans="1:12">
      <c r="A38063" s="6" t="s">
        <v>37764</v>
      </c>
      <c r="B38063" s="6"/>
      <c r="C38063" s="6" t="s">
        <v>32230</v>
      </c>
      <c r="D38063" s="6"/>
      <c r="E38063" s="6" t="s">
        <v>9</v>
      </c>
      <c r="F38063" s="7">
        <v>42809</v>
      </c>
      <c r="G38063" s="8">
        <v>35225280</v>
      </c>
      <c r="H38063" s="8">
        <v>31702752</v>
      </c>
      <c r="I38063" s="8">
        <v>4403160</v>
      </c>
      <c r="J38063" s="8">
        <v>30822120</v>
      </c>
      <c r="K38063" s="9"/>
      <c r="L38063" s="6"/>
    </row>
    <row r="38064" spans="1:12">
      <c r="A38064" s="6" t="s">
        <v>37765</v>
      </c>
      <c r="B38064" s="6"/>
      <c r="C38064" s="6" t="s">
        <v>32230</v>
      </c>
      <c r="D38064" s="6"/>
      <c r="E38064" s="6" t="s">
        <v>9</v>
      </c>
      <c r="F38064" s="7">
        <v>42809</v>
      </c>
      <c r="G38064" s="8">
        <v>7635600</v>
      </c>
      <c r="H38064" s="8">
        <v>6872040</v>
      </c>
      <c r="I38064" s="8">
        <v>954450</v>
      </c>
      <c r="J38064" s="8">
        <v>6681150</v>
      </c>
      <c r="K38064" s="9"/>
      <c r="L38064" s="6"/>
    </row>
    <row r="38065" spans="1:12">
      <c r="A38065" s="6" t="s">
        <v>37766</v>
      </c>
      <c r="B38065" s="6"/>
      <c r="C38065" s="6" t="s">
        <v>32230</v>
      </c>
      <c r="D38065" s="6"/>
      <c r="E38065" s="6" t="s">
        <v>9</v>
      </c>
      <c r="F38065" s="7">
        <v>42824</v>
      </c>
      <c r="G38065" s="8">
        <v>270000</v>
      </c>
      <c r="H38065" s="8">
        <v>243000</v>
      </c>
      <c r="I38065" s="8">
        <v>33750</v>
      </c>
      <c r="J38065" s="8">
        <v>236250</v>
      </c>
      <c r="K38065" s="9"/>
      <c r="L38065" s="6"/>
    </row>
    <row r="38066" spans="1:12">
      <c r="A38066" s="6" t="s">
        <v>37767</v>
      </c>
      <c r="B38066" s="6"/>
      <c r="C38066" s="6" t="s">
        <v>32230</v>
      </c>
      <c r="D38066" s="6"/>
      <c r="E38066" s="6" t="s">
        <v>9</v>
      </c>
      <c r="F38066" s="7">
        <v>42880</v>
      </c>
      <c r="G38066" s="8">
        <v>15566040</v>
      </c>
      <c r="H38066" s="8">
        <v>14398587</v>
      </c>
      <c r="I38066" s="8">
        <v>1556604</v>
      </c>
      <c r="J38066" s="8">
        <v>14009436</v>
      </c>
      <c r="K38066" s="9"/>
      <c r="L38066" s="6"/>
    </row>
    <row r="38067" spans="1:12">
      <c r="A38067" s="6" t="s">
        <v>37768</v>
      </c>
      <c r="B38067" s="6"/>
      <c r="C38067" s="6" t="s">
        <v>32230</v>
      </c>
      <c r="D38067" s="6"/>
      <c r="E38067" s="6" t="s">
        <v>9</v>
      </c>
      <c r="F38067" s="7">
        <v>42993</v>
      </c>
      <c r="G38067" s="8">
        <v>307800</v>
      </c>
      <c r="H38067" s="8">
        <v>284715</v>
      </c>
      <c r="I38067" s="8">
        <v>30780</v>
      </c>
      <c r="J38067" s="8">
        <v>277020</v>
      </c>
      <c r="K38067" s="9"/>
      <c r="L38067" s="6"/>
    </row>
    <row r="38068" spans="1:12">
      <c r="A38068" s="6" t="s">
        <v>37769</v>
      </c>
      <c r="B38068" s="6"/>
      <c r="C38068" s="6" t="s">
        <v>32230</v>
      </c>
      <c r="D38068" s="6"/>
      <c r="E38068" s="6" t="s">
        <v>9</v>
      </c>
      <c r="F38068" s="7">
        <v>43555</v>
      </c>
      <c r="G38068" s="8">
        <v>6940080</v>
      </c>
      <c r="H38068" s="8">
        <v>5552064</v>
      </c>
      <c r="I38068" s="8">
        <v>2082024</v>
      </c>
      <c r="J38068" s="8">
        <v>4858056</v>
      </c>
      <c r="K38068" s="9"/>
      <c r="L38068" s="6"/>
    </row>
    <row r="38069" spans="1:12">
      <c r="A38069" s="6" t="s">
        <v>37770</v>
      </c>
      <c r="B38069" s="6"/>
      <c r="C38069" s="6" t="s">
        <v>32230</v>
      </c>
      <c r="D38069" s="6"/>
      <c r="E38069" s="6" t="s">
        <v>9</v>
      </c>
      <c r="F38069" s="7">
        <v>42227</v>
      </c>
      <c r="G38069" s="8">
        <v>57511080</v>
      </c>
      <c r="H38069" s="8">
        <v>50322195</v>
      </c>
      <c r="I38069" s="8">
        <v>8626662</v>
      </c>
      <c r="J38069" s="8">
        <v>48884418</v>
      </c>
      <c r="K38069" s="9"/>
      <c r="L38069" s="6"/>
    </row>
    <row r="38070" spans="1:12">
      <c r="A38070" s="6" t="s">
        <v>37770</v>
      </c>
      <c r="B38070" s="6"/>
      <c r="C38070" s="6" t="s">
        <v>32230</v>
      </c>
      <c r="D38070" s="6"/>
      <c r="E38070" s="6" t="s">
        <v>9</v>
      </c>
      <c r="F38070" s="7">
        <v>42444</v>
      </c>
      <c r="G38070" s="8">
        <v>127168920</v>
      </c>
      <c r="H38070" s="8">
        <v>111272805</v>
      </c>
      <c r="I38070" s="8">
        <v>19075338</v>
      </c>
      <c r="J38070" s="8">
        <v>108093582</v>
      </c>
      <c r="K38070" s="9"/>
      <c r="L38070" s="6"/>
    </row>
    <row r="38071" spans="1:12">
      <c r="A38071" s="6" t="s">
        <v>37771</v>
      </c>
      <c r="B38071" s="6"/>
      <c r="C38071" s="6" t="s">
        <v>32230</v>
      </c>
      <c r="D38071" s="6"/>
      <c r="E38071" s="6" t="s">
        <v>9</v>
      </c>
      <c r="F38071" s="7">
        <v>42444</v>
      </c>
      <c r="G38071" s="8">
        <v>20714400</v>
      </c>
      <c r="H38071" s="8">
        <v>7767900</v>
      </c>
      <c r="I38071" s="8">
        <v>15535800</v>
      </c>
      <c r="J38071" s="8">
        <v>5178600</v>
      </c>
      <c r="K38071" s="9"/>
      <c r="L38071" s="6"/>
    </row>
    <row r="38072" spans="1:12">
      <c r="A38072" s="6" t="s">
        <v>37772</v>
      </c>
      <c r="B38072" s="6"/>
      <c r="C38072" s="6" t="s">
        <v>32230</v>
      </c>
      <c r="D38072" s="6"/>
      <c r="E38072" s="6" t="s">
        <v>9</v>
      </c>
      <c r="F38072" s="7">
        <v>42556</v>
      </c>
      <c r="G38072" s="8">
        <v>6102000</v>
      </c>
      <c r="H38072" s="8">
        <v>5491800</v>
      </c>
      <c r="I38072" s="8">
        <v>762750</v>
      </c>
      <c r="J38072" s="8">
        <v>5339250</v>
      </c>
      <c r="K38072" s="9"/>
      <c r="L38072" s="6"/>
    </row>
    <row r="38073" spans="1:12">
      <c r="A38073" s="6" t="s">
        <v>37773</v>
      </c>
      <c r="B38073" s="6"/>
      <c r="C38073" s="6" t="s">
        <v>32230</v>
      </c>
      <c r="D38073" s="6"/>
      <c r="E38073" s="6" t="s">
        <v>9</v>
      </c>
      <c r="F38073" s="7">
        <v>42185</v>
      </c>
      <c r="G38073" s="8">
        <v>549720</v>
      </c>
      <c r="H38073" s="8">
        <v>481005</v>
      </c>
      <c r="I38073" s="8">
        <v>82458</v>
      </c>
      <c r="J38073" s="8">
        <v>467262</v>
      </c>
      <c r="K38073" s="9"/>
      <c r="L38073" s="6"/>
    </row>
    <row r="38074" spans="1:12">
      <c r="A38074" s="6" t="s">
        <v>37773</v>
      </c>
      <c r="B38074" s="6"/>
      <c r="C38074" s="6" t="s">
        <v>32230</v>
      </c>
      <c r="D38074" s="6"/>
      <c r="E38074" s="6" t="s">
        <v>9</v>
      </c>
      <c r="F38074" s="7">
        <v>42580</v>
      </c>
      <c r="G38074" s="8">
        <v>291600</v>
      </c>
      <c r="H38074" s="8">
        <v>262440</v>
      </c>
      <c r="I38074" s="8">
        <v>36450</v>
      </c>
      <c r="J38074" s="8">
        <v>255150</v>
      </c>
      <c r="K38074" s="9"/>
      <c r="L38074" s="6"/>
    </row>
    <row r="38075" spans="1:12">
      <c r="A38075" s="6" t="s">
        <v>37774</v>
      </c>
      <c r="B38075" s="6"/>
      <c r="C38075" s="6" t="s">
        <v>32230</v>
      </c>
      <c r="D38075" s="6"/>
      <c r="E38075" s="6" t="s">
        <v>9</v>
      </c>
      <c r="F38075" s="7">
        <v>43784</v>
      </c>
      <c r="G38075" s="8">
        <v>341000</v>
      </c>
      <c r="H38075" s="8">
        <v>332475</v>
      </c>
      <c r="I38075" s="8">
        <v>17050</v>
      </c>
      <c r="J38075" s="8">
        <v>323950</v>
      </c>
      <c r="K38075" s="9"/>
      <c r="L38075" s="6"/>
    </row>
    <row r="38076" spans="1:12">
      <c r="A38076" s="6" t="s">
        <v>37775</v>
      </c>
      <c r="B38076" s="6"/>
      <c r="C38076" s="6" t="s">
        <v>32230</v>
      </c>
      <c r="D38076" s="6"/>
      <c r="E38076" s="6" t="s">
        <v>9</v>
      </c>
      <c r="F38076" s="7">
        <v>41857</v>
      </c>
      <c r="G38076" s="8">
        <v>999000</v>
      </c>
      <c r="H38076" s="8">
        <v>849150</v>
      </c>
      <c r="I38076" s="8">
        <v>174825</v>
      </c>
      <c r="J38076" s="8">
        <v>824175</v>
      </c>
      <c r="K38076" s="9"/>
      <c r="L38076" s="6"/>
    </row>
    <row r="38077" spans="1:12">
      <c r="A38077" s="6" t="s">
        <v>37776</v>
      </c>
      <c r="B38077" s="6"/>
      <c r="C38077" s="6" t="s">
        <v>32230</v>
      </c>
      <c r="D38077" s="6"/>
      <c r="E38077" s="6" t="s">
        <v>9</v>
      </c>
      <c r="F38077" s="7">
        <v>34789</v>
      </c>
      <c r="G38077" s="8">
        <v>65000000</v>
      </c>
      <c r="H38077" s="8">
        <v>7540000</v>
      </c>
      <c r="I38077" s="8">
        <v>59670000</v>
      </c>
      <c r="J38077" s="8">
        <v>5330000</v>
      </c>
      <c r="K38077" s="9"/>
      <c r="L38077" s="6"/>
    </row>
    <row r="38078" spans="1:12">
      <c r="A38078" s="6" t="s">
        <v>7</v>
      </c>
      <c r="B38078" s="6" t="s">
        <v>7</v>
      </c>
      <c r="C38078" s="6" t="s">
        <v>32230</v>
      </c>
      <c r="D38078" s="6" t="s">
        <v>37777</v>
      </c>
      <c r="E38078" s="6" t="s">
        <v>9</v>
      </c>
      <c r="F38078" s="7">
        <v>43521</v>
      </c>
      <c r="G38078" s="8">
        <v>1296000</v>
      </c>
      <c r="H38078" s="8">
        <v>1122336</v>
      </c>
      <c r="I38078" s="8">
        <v>260496</v>
      </c>
      <c r="J38078" s="8">
        <v>1035504</v>
      </c>
      <c r="K38078" s="9"/>
      <c r="L38078" s="6"/>
    </row>
    <row r="38079" spans="1:12">
      <c r="A38079" s="6" t="s">
        <v>7</v>
      </c>
      <c r="B38079" s="6" t="s">
        <v>7</v>
      </c>
      <c r="C38079" s="6" t="s">
        <v>32230</v>
      </c>
      <c r="D38079" s="6" t="s">
        <v>37777</v>
      </c>
      <c r="E38079" s="6" t="s">
        <v>9</v>
      </c>
      <c r="F38079" s="7">
        <v>42825</v>
      </c>
      <c r="G38079" s="8">
        <v>126268906</v>
      </c>
      <c r="H38079" s="8">
        <v>116167394</v>
      </c>
      <c r="I38079" s="8">
        <v>12626890</v>
      </c>
      <c r="J38079" s="8">
        <v>113642016</v>
      </c>
      <c r="K38079" s="9"/>
      <c r="L38079" s="6"/>
    </row>
    <row r="38080" spans="1:12">
      <c r="A38080" s="6" t="s">
        <v>7</v>
      </c>
      <c r="B38080" s="6" t="s">
        <v>7</v>
      </c>
      <c r="C38080" s="6" t="s">
        <v>32230</v>
      </c>
      <c r="D38080" s="6" t="s">
        <v>37777</v>
      </c>
      <c r="E38080" s="6" t="s">
        <v>9</v>
      </c>
      <c r="F38080" s="7">
        <v>43555</v>
      </c>
      <c r="G38080" s="8">
        <v>1296000</v>
      </c>
      <c r="H38080" s="8">
        <v>1244160</v>
      </c>
      <c r="I38080" s="8">
        <v>77760</v>
      </c>
      <c r="J38080" s="8">
        <v>1218240</v>
      </c>
      <c r="K38080" s="9"/>
      <c r="L38080" s="6"/>
    </row>
    <row r="38081" spans="1:12">
      <c r="A38081" s="6" t="s">
        <v>7</v>
      </c>
      <c r="B38081" s="6" t="s">
        <v>7</v>
      </c>
      <c r="C38081" s="6" t="s">
        <v>32230</v>
      </c>
      <c r="D38081" s="6" t="s">
        <v>37777</v>
      </c>
      <c r="E38081" s="6" t="s">
        <v>9</v>
      </c>
      <c r="F38081" s="7">
        <v>30102</v>
      </c>
      <c r="G38081" s="8">
        <v>676175400</v>
      </c>
      <c r="H38081" s="8">
        <v>162282096</v>
      </c>
      <c r="I38081" s="8">
        <v>527416812</v>
      </c>
      <c r="J38081" s="8">
        <v>148758588</v>
      </c>
      <c r="K38081" s="9">
        <v>3756.53</v>
      </c>
      <c r="L38081" s="6"/>
    </row>
    <row r="38082" spans="1:12">
      <c r="A38082" s="6" t="s">
        <v>7</v>
      </c>
      <c r="B38082" s="6" t="s">
        <v>7</v>
      </c>
      <c r="C38082" s="6" t="s">
        <v>32230</v>
      </c>
      <c r="D38082" s="6" t="s">
        <v>37777</v>
      </c>
      <c r="E38082" s="6" t="s">
        <v>9</v>
      </c>
      <c r="F38082" s="7">
        <v>42811</v>
      </c>
      <c r="G38082" s="8">
        <v>41150135</v>
      </c>
      <c r="H38082" s="8">
        <v>30121899</v>
      </c>
      <c r="I38082" s="8">
        <v>13785295</v>
      </c>
      <c r="J38082" s="8">
        <v>27364840</v>
      </c>
      <c r="K38082" s="9"/>
      <c r="L38082" s="6"/>
    </row>
    <row r="38083" spans="1:12">
      <c r="A38083" s="6" t="s">
        <v>7</v>
      </c>
      <c r="B38083" s="6" t="s">
        <v>7</v>
      </c>
      <c r="C38083" s="6" t="s">
        <v>32230</v>
      </c>
      <c r="D38083" s="6" t="s">
        <v>37777</v>
      </c>
      <c r="E38083" s="6" t="s">
        <v>9</v>
      </c>
      <c r="F38083" s="7">
        <v>43544</v>
      </c>
      <c r="G38083" s="8">
        <v>37800</v>
      </c>
      <c r="H38083" s="8">
        <v>32736</v>
      </c>
      <c r="I38083" s="8">
        <v>7596</v>
      </c>
      <c r="J38083" s="8">
        <v>30204</v>
      </c>
      <c r="K38083" s="9"/>
      <c r="L38083" s="6"/>
    </row>
    <row r="38084" spans="1:12">
      <c r="A38084" s="6" t="s">
        <v>7</v>
      </c>
      <c r="B38084" s="6" t="s">
        <v>7</v>
      </c>
      <c r="C38084" s="6" t="s">
        <v>32230</v>
      </c>
      <c r="D38084" s="6" t="s">
        <v>37777</v>
      </c>
      <c r="E38084" s="6" t="s">
        <v>9</v>
      </c>
      <c r="F38084" s="7">
        <v>42824</v>
      </c>
      <c r="G38084" s="8">
        <v>498960</v>
      </c>
      <c r="H38084" s="8">
        <v>365240</v>
      </c>
      <c r="I38084" s="8">
        <v>167150</v>
      </c>
      <c r="J38084" s="8">
        <v>331810</v>
      </c>
      <c r="K38084" s="9"/>
      <c r="L38084" s="6"/>
    </row>
    <row r="38085" spans="1:12">
      <c r="A38085" s="6" t="s">
        <v>7</v>
      </c>
      <c r="B38085" s="6" t="s">
        <v>7</v>
      </c>
      <c r="C38085" s="6" t="s">
        <v>32230</v>
      </c>
      <c r="D38085" s="6" t="s">
        <v>37777</v>
      </c>
      <c r="E38085" s="6" t="s">
        <v>9</v>
      </c>
      <c r="F38085" s="7">
        <v>42811</v>
      </c>
      <c r="G38085" s="8">
        <v>5994000</v>
      </c>
      <c r="H38085" s="8">
        <v>4387608</v>
      </c>
      <c r="I38085" s="8">
        <v>2007990</v>
      </c>
      <c r="J38085" s="8">
        <v>3986010</v>
      </c>
      <c r="K38085" s="9"/>
      <c r="L38085" s="6"/>
    </row>
    <row r="38086" spans="1:12">
      <c r="A38086" s="6" t="s">
        <v>7</v>
      </c>
      <c r="B38086" s="6" t="s">
        <v>7</v>
      </c>
      <c r="C38086" s="6" t="s">
        <v>32230</v>
      </c>
      <c r="D38086" s="6" t="s">
        <v>37777</v>
      </c>
      <c r="E38086" s="6" t="s">
        <v>9</v>
      </c>
      <c r="F38086" s="7">
        <v>42811</v>
      </c>
      <c r="G38086" s="8">
        <v>71995825</v>
      </c>
      <c r="H38086" s="8">
        <v>55868761</v>
      </c>
      <c r="I38086" s="8">
        <v>20158830</v>
      </c>
      <c r="J38086" s="8">
        <v>51836995</v>
      </c>
      <c r="K38086" s="9"/>
      <c r="L38086" s="6"/>
    </row>
    <row r="38087" spans="1:12">
      <c r="A38087" s="6" t="s">
        <v>7</v>
      </c>
      <c r="B38087" s="6" t="s">
        <v>37778</v>
      </c>
      <c r="C38087" s="6" t="s">
        <v>32230</v>
      </c>
      <c r="D38087" s="6" t="s">
        <v>37777</v>
      </c>
      <c r="E38087" s="6" t="s">
        <v>9</v>
      </c>
      <c r="F38087" s="7">
        <v>30102</v>
      </c>
      <c r="G38087" s="8">
        <v>83959200</v>
      </c>
      <c r="H38087" s="8">
        <v>1</v>
      </c>
      <c r="I38087" s="8">
        <v>83959199</v>
      </c>
      <c r="J38087" s="8">
        <v>1</v>
      </c>
      <c r="K38087" s="9">
        <v>645.84</v>
      </c>
      <c r="L38087" s="6"/>
    </row>
    <row r="38088" spans="1:12">
      <c r="A38088" s="6" t="s">
        <v>7</v>
      </c>
      <c r="B38088" s="6" t="s">
        <v>37779</v>
      </c>
      <c r="C38088" s="6" t="s">
        <v>32230</v>
      </c>
      <c r="D38088" s="6" t="s">
        <v>37777</v>
      </c>
      <c r="E38088" s="6" t="s">
        <v>9</v>
      </c>
      <c r="F38088" s="7">
        <v>33025</v>
      </c>
      <c r="G38088" s="8">
        <v>8142000</v>
      </c>
      <c r="H38088" s="8">
        <v>81420</v>
      </c>
      <c r="I38088" s="8">
        <v>8141999</v>
      </c>
      <c r="J38088" s="8">
        <v>1</v>
      </c>
      <c r="K38088" s="9">
        <v>135.69999999999899</v>
      </c>
      <c r="L38088" s="6"/>
    </row>
    <row r="38089" spans="1:12">
      <c r="A38089" s="6" t="s">
        <v>7</v>
      </c>
      <c r="B38089" s="6" t="s">
        <v>37780</v>
      </c>
      <c r="C38089" s="6" t="s">
        <v>32230</v>
      </c>
      <c r="D38089" s="6" t="s">
        <v>37777</v>
      </c>
      <c r="E38089" s="6" t="s">
        <v>9</v>
      </c>
      <c r="F38089" s="7">
        <v>36281</v>
      </c>
      <c r="G38089" s="8">
        <v>8280000</v>
      </c>
      <c r="H38089" s="8">
        <v>2541960</v>
      </c>
      <c r="I38089" s="8">
        <v>6011280</v>
      </c>
      <c r="J38089" s="8">
        <v>2268720</v>
      </c>
      <c r="K38089" s="9">
        <v>138</v>
      </c>
      <c r="L38089" s="6"/>
    </row>
    <row r="38090" spans="1:12">
      <c r="A38090" s="6" t="s">
        <v>7</v>
      </c>
      <c r="B38090" s="6" t="s">
        <v>37781</v>
      </c>
      <c r="C38090" s="6" t="s">
        <v>32230</v>
      </c>
      <c r="D38090" s="6" t="s">
        <v>37777</v>
      </c>
      <c r="E38090" s="6" t="s">
        <v>9</v>
      </c>
      <c r="F38090" s="7">
        <v>30102</v>
      </c>
      <c r="G38090" s="8">
        <v>1690000</v>
      </c>
      <c r="H38090" s="8">
        <v>1</v>
      </c>
      <c r="I38090" s="8">
        <v>1689999</v>
      </c>
      <c r="J38090" s="8">
        <v>1</v>
      </c>
      <c r="K38090" s="9">
        <v>13</v>
      </c>
      <c r="L38090" s="6"/>
    </row>
    <row r="38091" spans="1:12">
      <c r="A38091" s="6" t="s">
        <v>12</v>
      </c>
      <c r="B38091" s="6" t="s">
        <v>37782</v>
      </c>
      <c r="C38091" s="6" t="s">
        <v>32230</v>
      </c>
      <c r="D38091" s="6" t="s">
        <v>37783</v>
      </c>
      <c r="E38091" s="6" t="s">
        <v>9</v>
      </c>
      <c r="F38091" s="7">
        <v>38687</v>
      </c>
      <c r="G38091" s="8">
        <v>840000</v>
      </c>
      <c r="H38091" s="8">
        <v>424200</v>
      </c>
      <c r="I38091" s="8">
        <v>443520</v>
      </c>
      <c r="J38091" s="8">
        <v>396480</v>
      </c>
      <c r="K38091" s="9">
        <v>12</v>
      </c>
      <c r="L38091" s="6"/>
    </row>
    <row r="38092" spans="1:12">
      <c r="A38092" s="6" t="s">
        <v>21</v>
      </c>
      <c r="B38092" s="6" t="s">
        <v>37784</v>
      </c>
      <c r="C38092" s="6" t="s">
        <v>32230</v>
      </c>
      <c r="D38092" s="6" t="s">
        <v>37785</v>
      </c>
      <c r="E38092" s="6" t="s">
        <v>9</v>
      </c>
      <c r="F38092" s="7">
        <v>38534</v>
      </c>
      <c r="G38092" s="8">
        <v>5890000</v>
      </c>
      <c r="H38092" s="8">
        <v>1</v>
      </c>
      <c r="I38092" s="8">
        <v>5889999</v>
      </c>
      <c r="J38092" s="8">
        <v>1</v>
      </c>
      <c r="K38092" s="9">
        <v>62</v>
      </c>
      <c r="L38092" s="6"/>
    </row>
    <row r="38093" spans="1:12">
      <c r="A38093" s="6" t="s">
        <v>25119</v>
      </c>
      <c r="B38093" s="6" t="s">
        <v>37786</v>
      </c>
      <c r="C38093" s="6" t="s">
        <v>32230</v>
      </c>
      <c r="D38093" s="6" t="s">
        <v>37787</v>
      </c>
      <c r="E38093" s="6" t="s">
        <v>25121</v>
      </c>
      <c r="F38093" s="7">
        <v>41234</v>
      </c>
      <c r="G38093" s="8">
        <v>2520000</v>
      </c>
      <c r="H38093" s="8">
        <v>1169280</v>
      </c>
      <c r="I38093" s="8">
        <v>1519560</v>
      </c>
      <c r="J38093" s="8">
        <v>1000440</v>
      </c>
      <c r="K38093" s="9"/>
      <c r="L38093" s="6"/>
    </row>
    <row r="38094" spans="1:12">
      <c r="A38094" s="6" t="s">
        <v>25119</v>
      </c>
      <c r="B38094" s="6" t="s">
        <v>37786</v>
      </c>
      <c r="C38094" s="6" t="s">
        <v>32230</v>
      </c>
      <c r="D38094" s="6" t="s">
        <v>37787</v>
      </c>
      <c r="E38094" s="6" t="s">
        <v>25121</v>
      </c>
      <c r="F38094" s="7">
        <v>41234</v>
      </c>
      <c r="G38094" s="8">
        <v>3090150</v>
      </c>
      <c r="H38094" s="8">
        <v>1705766</v>
      </c>
      <c r="I38094" s="8">
        <v>1557432</v>
      </c>
      <c r="J38094" s="8">
        <v>1532718</v>
      </c>
      <c r="K38094" s="9"/>
      <c r="L38094" s="6"/>
    </row>
    <row r="38095" spans="1:12">
      <c r="A38095" s="6" t="s">
        <v>25119</v>
      </c>
      <c r="B38095" s="6" t="s">
        <v>37786</v>
      </c>
      <c r="C38095" s="6" t="s">
        <v>32230</v>
      </c>
      <c r="D38095" s="6" t="s">
        <v>37787</v>
      </c>
      <c r="E38095" s="6" t="s">
        <v>25121</v>
      </c>
      <c r="F38095" s="7">
        <v>41234</v>
      </c>
      <c r="G38095" s="8">
        <v>30851200</v>
      </c>
      <c r="H38095" s="8">
        <v>22706488</v>
      </c>
      <c r="I38095" s="8">
        <v>9162801</v>
      </c>
      <c r="J38095" s="8">
        <v>21688399</v>
      </c>
      <c r="K38095" s="9">
        <v>143.479999999999</v>
      </c>
      <c r="L38095" s="6"/>
    </row>
    <row r="38096" spans="1:12">
      <c r="A38096" s="6" t="s">
        <v>37788</v>
      </c>
      <c r="B38096" s="6" t="s">
        <v>37788</v>
      </c>
      <c r="C38096" s="6" t="s">
        <v>32230</v>
      </c>
      <c r="D38096" s="6" t="s">
        <v>37789</v>
      </c>
      <c r="E38096" s="6" t="s">
        <v>9</v>
      </c>
      <c r="F38096" s="7">
        <v>41355</v>
      </c>
      <c r="G38096" s="8">
        <v>4956000</v>
      </c>
      <c r="H38096" s="8">
        <v>2299584</v>
      </c>
      <c r="I38096" s="8">
        <v>2988468</v>
      </c>
      <c r="J38096" s="8">
        <v>1967532</v>
      </c>
      <c r="K38096" s="9">
        <v>9.1</v>
      </c>
      <c r="L38096" s="6"/>
    </row>
    <row r="38097" spans="1:12">
      <c r="A38097" s="6" t="s">
        <v>25129</v>
      </c>
      <c r="B38097" s="6" t="s">
        <v>25129</v>
      </c>
      <c r="C38097" s="6" t="s">
        <v>32230</v>
      </c>
      <c r="D38097" s="6" t="s">
        <v>37790</v>
      </c>
      <c r="E38097" s="6" t="s">
        <v>9</v>
      </c>
      <c r="F38097" s="7">
        <v>41990</v>
      </c>
      <c r="G38097" s="8">
        <v>21708000</v>
      </c>
      <c r="H38097" s="8">
        <v>12981384</v>
      </c>
      <c r="I38097" s="8">
        <v>10181052</v>
      </c>
      <c r="J38097" s="8">
        <v>11526948</v>
      </c>
      <c r="K38097" s="9"/>
      <c r="L38097" s="6"/>
    </row>
    <row r="38098" spans="1:12">
      <c r="A38098" s="6" t="s">
        <v>25129</v>
      </c>
      <c r="B38098" s="6" t="s">
        <v>25129</v>
      </c>
      <c r="C38098" s="6" t="s">
        <v>32230</v>
      </c>
      <c r="D38098" s="6" t="s">
        <v>37790</v>
      </c>
      <c r="E38098" s="6" t="s">
        <v>9</v>
      </c>
      <c r="F38098" s="7">
        <v>41990</v>
      </c>
      <c r="G38098" s="8">
        <v>30456000</v>
      </c>
      <c r="H38098" s="8">
        <v>20222784</v>
      </c>
      <c r="I38098" s="8">
        <v>11938752</v>
      </c>
      <c r="J38098" s="8">
        <v>18517248</v>
      </c>
      <c r="K38098" s="9"/>
      <c r="L38098" s="6"/>
    </row>
    <row r="38099" spans="1:12">
      <c r="A38099" s="6" t="s">
        <v>25129</v>
      </c>
      <c r="B38099" s="6" t="s">
        <v>25129</v>
      </c>
      <c r="C38099" s="6" t="s">
        <v>32230</v>
      </c>
      <c r="D38099" s="6" t="s">
        <v>37790</v>
      </c>
      <c r="E38099" s="6" t="s">
        <v>9</v>
      </c>
      <c r="F38099" s="7">
        <v>42005</v>
      </c>
      <c r="G38099" s="8">
        <v>287920000</v>
      </c>
      <c r="H38099" s="8">
        <v>241276960</v>
      </c>
      <c r="I38099" s="8">
        <v>54416880</v>
      </c>
      <c r="J38099" s="8">
        <v>233503120</v>
      </c>
      <c r="K38099" s="9">
        <v>845.93</v>
      </c>
      <c r="L38099" s="6"/>
    </row>
    <row r="38100" spans="1:12">
      <c r="A38100" s="6" t="s">
        <v>25134</v>
      </c>
      <c r="B38100" s="6" t="s">
        <v>25134</v>
      </c>
      <c r="C38100" s="6" t="s">
        <v>32230</v>
      </c>
      <c r="D38100" s="6" t="s">
        <v>37791</v>
      </c>
      <c r="E38100" s="6" t="s">
        <v>9</v>
      </c>
      <c r="F38100" s="7">
        <v>41730</v>
      </c>
      <c r="G38100" s="8">
        <v>28930000</v>
      </c>
      <c r="H38100" s="8">
        <v>23722600</v>
      </c>
      <c r="I38100" s="8">
        <v>6075300</v>
      </c>
      <c r="J38100" s="8">
        <v>22854700</v>
      </c>
      <c r="K38100" s="9">
        <v>153</v>
      </c>
      <c r="L38100" s="6"/>
    </row>
    <row r="38101" spans="1:12">
      <c r="A38101" s="6" t="s">
        <v>25142</v>
      </c>
      <c r="B38101" s="6" t="s">
        <v>37792</v>
      </c>
      <c r="C38101" s="6" t="s">
        <v>32230</v>
      </c>
      <c r="D38101" s="6" t="s">
        <v>37793</v>
      </c>
      <c r="E38101" s="6" t="s">
        <v>9</v>
      </c>
      <c r="F38101" s="7">
        <v>39417</v>
      </c>
      <c r="G38101" s="8">
        <v>67070000</v>
      </c>
      <c r="H38101" s="8">
        <v>8652030</v>
      </c>
      <c r="I38101" s="8">
        <v>62911660</v>
      </c>
      <c r="J38101" s="8">
        <v>4158340</v>
      </c>
      <c r="K38101" s="9">
        <v>250.09</v>
      </c>
      <c r="L38101" s="6"/>
    </row>
    <row r="38102" spans="1:12">
      <c r="A38102" s="6" t="s">
        <v>25142</v>
      </c>
      <c r="B38102" s="6" t="s">
        <v>37794</v>
      </c>
      <c r="C38102" s="6" t="s">
        <v>32230</v>
      </c>
      <c r="D38102" s="6" t="s">
        <v>37793</v>
      </c>
      <c r="E38102" s="6" t="s">
        <v>9</v>
      </c>
      <c r="F38102" s="7">
        <v>41333</v>
      </c>
      <c r="G38102" s="8">
        <v>1659000</v>
      </c>
      <c r="H38102" s="8">
        <v>1101576</v>
      </c>
      <c r="I38102" s="8">
        <v>627102</v>
      </c>
      <c r="J38102" s="8">
        <v>1031898</v>
      </c>
      <c r="K38102" s="9">
        <v>36.299999999999898</v>
      </c>
      <c r="L38102" s="6"/>
    </row>
    <row r="38103" spans="1:12">
      <c r="A38103" s="6" t="s">
        <v>37795</v>
      </c>
      <c r="B38103" s="6" t="s">
        <v>37796</v>
      </c>
      <c r="C38103" s="6" t="s">
        <v>32230</v>
      </c>
      <c r="D38103" s="6" t="s">
        <v>37777</v>
      </c>
      <c r="E38103" s="6" t="s">
        <v>25121</v>
      </c>
      <c r="F38103" s="7">
        <v>39052</v>
      </c>
      <c r="G38103" s="8">
        <v>51816600</v>
      </c>
      <c r="H38103" s="8">
        <v>32229928</v>
      </c>
      <c r="I38103" s="8">
        <v>20985720</v>
      </c>
      <c r="J38103" s="8">
        <v>30830880</v>
      </c>
      <c r="K38103" s="9">
        <v>575.74</v>
      </c>
      <c r="L38103" s="6"/>
    </row>
    <row r="38104" spans="1:12">
      <c r="A38104" s="6" t="s">
        <v>25223</v>
      </c>
      <c r="B38104" s="6" t="s">
        <v>37797</v>
      </c>
      <c r="C38104" s="6" t="s">
        <v>32230</v>
      </c>
      <c r="D38104" s="6" t="s">
        <v>37798</v>
      </c>
      <c r="E38104" s="6" t="s">
        <v>9</v>
      </c>
      <c r="F38104" s="7">
        <v>39167</v>
      </c>
      <c r="G38104" s="8">
        <v>204645000</v>
      </c>
      <c r="H38104" s="8">
        <v>127289190</v>
      </c>
      <c r="I38104" s="8">
        <v>82881225</v>
      </c>
      <c r="J38104" s="8">
        <v>121763775</v>
      </c>
      <c r="K38104" s="9">
        <v>838.66</v>
      </c>
      <c r="L38104" s="6"/>
    </row>
    <row r="38105" spans="1:12">
      <c r="A38105" s="6" t="s">
        <v>25223</v>
      </c>
      <c r="B38105" s="6" t="s">
        <v>37797</v>
      </c>
      <c r="C38105" s="6" t="s">
        <v>32230</v>
      </c>
      <c r="D38105" s="6" t="s">
        <v>37798</v>
      </c>
      <c r="E38105" s="6" t="s">
        <v>9</v>
      </c>
      <c r="F38105" s="7">
        <v>43784</v>
      </c>
      <c r="G38105" s="8">
        <v>54000</v>
      </c>
      <c r="H38105" s="8">
        <v>50382</v>
      </c>
      <c r="I38105" s="8">
        <v>7236</v>
      </c>
      <c r="J38105" s="8">
        <v>46764</v>
      </c>
      <c r="K38105" s="9"/>
      <c r="L38105" s="6"/>
    </row>
    <row r="38106" spans="1:12">
      <c r="A38106" s="6" t="s">
        <v>25239</v>
      </c>
      <c r="B38106" s="6" t="s">
        <v>25239</v>
      </c>
      <c r="C38106" s="6" t="s">
        <v>32230</v>
      </c>
      <c r="D38106" s="6" t="s">
        <v>37799</v>
      </c>
      <c r="E38106" s="6" t="s">
        <v>9</v>
      </c>
      <c r="F38106" s="7">
        <v>32599</v>
      </c>
      <c r="G38106" s="8">
        <v>244700000</v>
      </c>
      <c r="H38106" s="8">
        <v>77814600</v>
      </c>
      <c r="I38106" s="8">
        <v>172268800</v>
      </c>
      <c r="J38106" s="8">
        <v>72431200</v>
      </c>
      <c r="K38106" s="9">
        <v>999</v>
      </c>
      <c r="L38106" s="6"/>
    </row>
    <row r="38107" spans="1:12">
      <c r="A38107" s="6" t="s">
        <v>25263</v>
      </c>
      <c r="B38107" s="6" t="s">
        <v>37800</v>
      </c>
      <c r="C38107" s="6" t="s">
        <v>32230</v>
      </c>
      <c r="D38107" s="6" t="s">
        <v>37801</v>
      </c>
      <c r="E38107" s="6" t="s">
        <v>9</v>
      </c>
      <c r="F38107" s="7">
        <v>29676</v>
      </c>
      <c r="G38107" s="8">
        <v>2965150</v>
      </c>
      <c r="H38107" s="8">
        <v>1</v>
      </c>
      <c r="I38107" s="8">
        <v>2965149</v>
      </c>
      <c r="J38107" s="8">
        <v>1</v>
      </c>
      <c r="K38107" s="9">
        <v>19.13</v>
      </c>
      <c r="L38107" s="6"/>
    </row>
    <row r="38108" spans="1:12">
      <c r="A38108" s="6" t="s">
        <v>25393</v>
      </c>
      <c r="B38108" s="6" t="s">
        <v>25393</v>
      </c>
      <c r="C38108" s="6" t="s">
        <v>32230</v>
      </c>
      <c r="D38108" s="6" t="s">
        <v>37802</v>
      </c>
      <c r="E38108" s="6" t="s">
        <v>9</v>
      </c>
      <c r="F38108" s="7">
        <v>35886</v>
      </c>
      <c r="G38108" s="8">
        <v>280355000</v>
      </c>
      <c r="H38108" s="8">
        <v>144663180</v>
      </c>
      <c r="I38108" s="8">
        <v>141859630</v>
      </c>
      <c r="J38108" s="8">
        <v>138495370</v>
      </c>
      <c r="K38108" s="9">
        <v>1193</v>
      </c>
      <c r="L38108" s="6"/>
    </row>
    <row r="38109" spans="1:12">
      <c r="A38109" s="6" t="s">
        <v>25427</v>
      </c>
      <c r="B38109" s="6" t="s">
        <v>37803</v>
      </c>
      <c r="C38109" s="6" t="s">
        <v>32230</v>
      </c>
      <c r="D38109" s="6" t="s">
        <v>37804</v>
      </c>
      <c r="E38109" s="6" t="s">
        <v>9</v>
      </c>
      <c r="F38109" s="7">
        <v>26390</v>
      </c>
      <c r="G38109" s="8">
        <v>268515000</v>
      </c>
      <c r="H38109" s="8">
        <v>1</v>
      </c>
      <c r="I38109" s="8">
        <v>268514999</v>
      </c>
      <c r="J38109" s="8">
        <v>1</v>
      </c>
      <c r="K38109" s="9">
        <v>1989</v>
      </c>
      <c r="L38109" s="6"/>
    </row>
    <row r="38110" spans="1:12">
      <c r="A38110" s="6" t="s">
        <v>25427</v>
      </c>
      <c r="B38110" s="6"/>
      <c r="C38110" s="6" t="s">
        <v>32230</v>
      </c>
      <c r="D38110" s="6"/>
      <c r="E38110" s="6"/>
      <c r="F38110" s="7">
        <v>40141</v>
      </c>
      <c r="G38110" s="8">
        <v>19462258</v>
      </c>
      <c r="H38110" s="8">
        <v>5118577</v>
      </c>
      <c r="I38110" s="8">
        <v>15647652</v>
      </c>
      <c r="J38110" s="8">
        <v>3814606</v>
      </c>
      <c r="K38110" s="9"/>
      <c r="L38110" s="6"/>
    </row>
    <row r="38111" spans="1:12">
      <c r="A38111" s="6" t="s">
        <v>25427</v>
      </c>
      <c r="B38111" s="6"/>
      <c r="C38111" s="6" t="s">
        <v>32230</v>
      </c>
      <c r="D38111" s="6"/>
      <c r="E38111" s="6"/>
      <c r="F38111" s="7">
        <v>39864</v>
      </c>
      <c r="G38111" s="8">
        <v>6706993</v>
      </c>
      <c r="H38111" s="8">
        <v>4936357</v>
      </c>
      <c r="I38111" s="8">
        <v>1918189</v>
      </c>
      <c r="J38111" s="8">
        <v>4788804</v>
      </c>
      <c r="K38111" s="9"/>
      <c r="L38111" s="6"/>
    </row>
    <row r="38112" spans="1:12">
      <c r="A38112" s="6" t="s">
        <v>25427</v>
      </c>
      <c r="B38112" s="6"/>
      <c r="C38112" s="6" t="s">
        <v>32230</v>
      </c>
      <c r="D38112" s="6"/>
      <c r="E38112" s="6"/>
      <c r="F38112" s="7">
        <v>40147</v>
      </c>
      <c r="G38112" s="8">
        <v>81142645</v>
      </c>
      <c r="H38112" s="8">
        <v>59720989</v>
      </c>
      <c r="I38112" s="8">
        <v>23206794</v>
      </c>
      <c r="J38112" s="8">
        <v>57935851</v>
      </c>
      <c r="K38112" s="9"/>
      <c r="L38112" s="6"/>
    </row>
    <row r="38113" spans="1:12">
      <c r="A38113" s="6" t="s">
        <v>25427</v>
      </c>
      <c r="B38113" s="6"/>
      <c r="C38113" s="6" t="s">
        <v>32230</v>
      </c>
      <c r="D38113" s="6"/>
      <c r="E38113" s="6"/>
      <c r="F38113" s="7">
        <v>40147</v>
      </c>
      <c r="G38113" s="8">
        <v>57787935</v>
      </c>
      <c r="H38113" s="8">
        <v>42531927</v>
      </c>
      <c r="I38113" s="8">
        <v>16527342</v>
      </c>
      <c r="J38113" s="8">
        <v>41260593</v>
      </c>
      <c r="K38113" s="9"/>
      <c r="L38113" s="6"/>
    </row>
    <row r="38114" spans="1:12">
      <c r="A38114" s="6" t="s">
        <v>25427</v>
      </c>
      <c r="B38114" s="6"/>
      <c r="C38114" s="6" t="s">
        <v>32230</v>
      </c>
      <c r="D38114" s="6"/>
      <c r="E38114" s="6"/>
      <c r="F38114" s="7">
        <v>40147</v>
      </c>
      <c r="G38114" s="8">
        <v>3308583</v>
      </c>
      <c r="H38114" s="8">
        <v>2435127</v>
      </c>
      <c r="I38114" s="8">
        <v>946244</v>
      </c>
      <c r="J38114" s="8">
        <v>2362339</v>
      </c>
      <c r="K38114" s="9"/>
      <c r="L38114" s="6"/>
    </row>
    <row r="38115" spans="1:12">
      <c r="A38115" s="6" t="s">
        <v>25427</v>
      </c>
      <c r="B38115" s="6"/>
      <c r="C38115" s="6" t="s">
        <v>32230</v>
      </c>
      <c r="D38115" s="6"/>
      <c r="E38115" s="6"/>
      <c r="F38115" s="7">
        <v>40497</v>
      </c>
      <c r="G38115" s="8">
        <v>65572838</v>
      </c>
      <c r="H38115" s="8">
        <v>49704216</v>
      </c>
      <c r="I38115" s="8">
        <v>17311224</v>
      </c>
      <c r="J38115" s="8">
        <v>48261614</v>
      </c>
      <c r="K38115" s="9"/>
      <c r="L38115" s="6"/>
    </row>
    <row r="38116" spans="1:12">
      <c r="A38116" s="6" t="s">
        <v>25427</v>
      </c>
      <c r="B38116" s="6"/>
      <c r="C38116" s="6" t="s">
        <v>32230</v>
      </c>
      <c r="D38116" s="6"/>
      <c r="E38116" s="6"/>
      <c r="F38116" s="7">
        <v>40497</v>
      </c>
      <c r="G38116" s="8">
        <v>60931838</v>
      </c>
      <c r="H38116" s="8">
        <v>46186338</v>
      </c>
      <c r="I38116" s="8">
        <v>16086000</v>
      </c>
      <c r="J38116" s="8">
        <v>44845838</v>
      </c>
      <c r="K38116" s="9"/>
      <c r="L38116" s="6"/>
    </row>
    <row r="38117" spans="1:12">
      <c r="A38117" s="6" t="s">
        <v>25427</v>
      </c>
      <c r="B38117" s="6"/>
      <c r="C38117" s="6" t="s">
        <v>32230</v>
      </c>
      <c r="D38117" s="6"/>
      <c r="E38117" s="6"/>
      <c r="F38117" s="7">
        <v>40497</v>
      </c>
      <c r="G38117" s="8">
        <v>3308583</v>
      </c>
      <c r="H38117" s="8">
        <v>2507915</v>
      </c>
      <c r="I38117" s="8">
        <v>873456</v>
      </c>
      <c r="J38117" s="8">
        <v>2435127</v>
      </c>
      <c r="K38117" s="9"/>
      <c r="L38117" s="6"/>
    </row>
    <row r="38118" spans="1:12">
      <c r="A38118" s="6" t="s">
        <v>25427</v>
      </c>
      <c r="B38118" s="6"/>
      <c r="C38118" s="6" t="s">
        <v>32230</v>
      </c>
      <c r="D38118" s="6"/>
      <c r="E38118" s="6"/>
      <c r="F38118" s="7">
        <v>40137</v>
      </c>
      <c r="G38118" s="8">
        <v>356309</v>
      </c>
      <c r="H38118" s="8">
        <v>270091</v>
      </c>
      <c r="I38118" s="8">
        <v>94056</v>
      </c>
      <c r="J38118" s="8">
        <v>262253</v>
      </c>
      <c r="K38118" s="9"/>
      <c r="L38118" s="6"/>
    </row>
    <row r="38119" spans="1:12">
      <c r="A38119" s="6" t="s">
        <v>25427</v>
      </c>
      <c r="B38119" s="6"/>
      <c r="C38119" s="6" t="s">
        <v>32230</v>
      </c>
      <c r="D38119" s="6"/>
      <c r="E38119" s="6"/>
      <c r="F38119" s="7">
        <v>40137</v>
      </c>
      <c r="G38119" s="8">
        <v>341338</v>
      </c>
      <c r="H38119" s="8">
        <v>258739</v>
      </c>
      <c r="I38119" s="8">
        <v>90108</v>
      </c>
      <c r="J38119" s="8">
        <v>251230</v>
      </c>
      <c r="K38119" s="9"/>
      <c r="L38119" s="6"/>
    </row>
    <row r="38120" spans="1:12">
      <c r="A38120" s="6" t="s">
        <v>25427</v>
      </c>
      <c r="B38120" s="6"/>
      <c r="C38120" s="6" t="s">
        <v>32230</v>
      </c>
      <c r="D38120" s="6"/>
      <c r="E38120" s="6"/>
      <c r="F38120" s="7">
        <v>40141</v>
      </c>
      <c r="G38120" s="8">
        <v>29043677</v>
      </c>
      <c r="H38120" s="8">
        <v>11152782</v>
      </c>
      <c r="I38120" s="8">
        <v>19517340</v>
      </c>
      <c r="J38120" s="8">
        <v>9526337</v>
      </c>
      <c r="K38120" s="9"/>
      <c r="L38120" s="6"/>
    </row>
    <row r="38121" spans="1:12">
      <c r="A38121" s="6" t="s">
        <v>25427</v>
      </c>
      <c r="B38121" s="6"/>
      <c r="C38121" s="6" t="s">
        <v>32230</v>
      </c>
      <c r="D38121" s="6"/>
      <c r="E38121" s="6"/>
      <c r="F38121" s="7">
        <v>40506</v>
      </c>
      <c r="G38121" s="8">
        <v>26947741</v>
      </c>
      <c r="H38121" s="8">
        <v>8892761</v>
      </c>
      <c r="I38121" s="8">
        <v>19860478</v>
      </c>
      <c r="J38121" s="8">
        <v>7087263</v>
      </c>
      <c r="K38121" s="9"/>
      <c r="L38121" s="6"/>
    </row>
    <row r="38122" spans="1:12">
      <c r="A38122" s="6" t="s">
        <v>25427</v>
      </c>
      <c r="B38122" s="6"/>
      <c r="C38122" s="6" t="s">
        <v>32230</v>
      </c>
      <c r="D38122" s="6"/>
      <c r="E38122" s="6"/>
      <c r="F38122" s="7">
        <v>40504</v>
      </c>
      <c r="G38122" s="8">
        <v>24552387</v>
      </c>
      <c r="H38122" s="8">
        <v>10803057</v>
      </c>
      <c r="I38122" s="8">
        <v>15124263</v>
      </c>
      <c r="J38122" s="8">
        <v>9428124</v>
      </c>
      <c r="K38122" s="9"/>
      <c r="L38122" s="6"/>
    </row>
    <row r="38123" spans="1:12">
      <c r="A38123" s="6" t="s">
        <v>25427</v>
      </c>
      <c r="B38123" s="6"/>
      <c r="C38123" s="6" t="s">
        <v>32230</v>
      </c>
      <c r="D38123" s="6"/>
      <c r="E38123" s="6"/>
      <c r="F38123" s="7">
        <v>40402</v>
      </c>
      <c r="G38123" s="8">
        <v>523983</v>
      </c>
      <c r="H38123" s="8">
        <v>1</v>
      </c>
      <c r="I38123" s="8">
        <v>523982</v>
      </c>
      <c r="J38123" s="8">
        <v>1</v>
      </c>
      <c r="K38123" s="9"/>
      <c r="L38123" s="6"/>
    </row>
    <row r="38124" spans="1:12">
      <c r="A38124" s="6" t="s">
        <v>25427</v>
      </c>
      <c r="B38124" s="6" t="s">
        <v>37805</v>
      </c>
      <c r="C38124" s="6" t="s">
        <v>32230</v>
      </c>
      <c r="D38124" s="6" t="s">
        <v>37804</v>
      </c>
      <c r="E38124" s="6" t="s">
        <v>9</v>
      </c>
      <c r="F38124" s="7">
        <v>26390</v>
      </c>
      <c r="G38124" s="8">
        <v>193185000</v>
      </c>
      <c r="H38124" s="8">
        <v>1</v>
      </c>
      <c r="I38124" s="8">
        <v>193184999</v>
      </c>
      <c r="J38124" s="8">
        <v>1</v>
      </c>
      <c r="K38124" s="9">
        <v>1431</v>
      </c>
      <c r="L38124" s="6"/>
    </row>
    <row r="38125" spans="1:12">
      <c r="A38125" s="6" t="s">
        <v>25427</v>
      </c>
      <c r="B38125" s="6"/>
      <c r="C38125" s="6" t="s">
        <v>32230</v>
      </c>
      <c r="D38125" s="6"/>
      <c r="E38125" s="6"/>
      <c r="F38125" s="7">
        <v>40141</v>
      </c>
      <c r="G38125" s="8">
        <v>14002258</v>
      </c>
      <c r="H38125" s="8">
        <v>3682597</v>
      </c>
      <c r="I38125" s="8">
        <v>11257812</v>
      </c>
      <c r="J38125" s="8">
        <v>2744446</v>
      </c>
      <c r="K38125" s="9"/>
      <c r="L38125" s="6"/>
    </row>
    <row r="38126" spans="1:12">
      <c r="A38126" s="6" t="s">
        <v>25427</v>
      </c>
      <c r="B38126" s="6"/>
      <c r="C38126" s="6" t="s">
        <v>32230</v>
      </c>
      <c r="D38126" s="6"/>
      <c r="E38126" s="6"/>
      <c r="F38126" s="7">
        <v>39864</v>
      </c>
      <c r="G38126" s="8">
        <v>4825393</v>
      </c>
      <c r="H38126" s="8">
        <v>3551497</v>
      </c>
      <c r="I38126" s="8">
        <v>1380054</v>
      </c>
      <c r="J38126" s="8">
        <v>3445339</v>
      </c>
      <c r="K38126" s="9"/>
      <c r="L38126" s="6"/>
    </row>
    <row r="38127" spans="1:12">
      <c r="A38127" s="6" t="s">
        <v>25427</v>
      </c>
      <c r="B38127" s="6"/>
      <c r="C38127" s="6" t="s">
        <v>32230</v>
      </c>
      <c r="D38127" s="6"/>
      <c r="E38127" s="6"/>
      <c r="F38127" s="7">
        <v>40147</v>
      </c>
      <c r="G38127" s="8">
        <v>58378645</v>
      </c>
      <c r="H38127" s="8">
        <v>42966685</v>
      </c>
      <c r="I38127" s="8">
        <v>16696290</v>
      </c>
      <c r="J38127" s="8">
        <v>41682355</v>
      </c>
      <c r="K38127" s="9"/>
      <c r="L38127" s="6"/>
    </row>
    <row r="38128" spans="1:12">
      <c r="A38128" s="6" t="s">
        <v>25427</v>
      </c>
      <c r="B38128" s="6"/>
      <c r="C38128" s="6" t="s">
        <v>32230</v>
      </c>
      <c r="D38128" s="6"/>
      <c r="E38128" s="6"/>
      <c r="F38128" s="7">
        <v>40147</v>
      </c>
      <c r="G38128" s="8">
        <v>41575935</v>
      </c>
      <c r="H38128" s="8">
        <v>30599895</v>
      </c>
      <c r="I38128" s="8">
        <v>11890710</v>
      </c>
      <c r="J38128" s="8">
        <v>29685225</v>
      </c>
      <c r="K38128" s="9"/>
      <c r="L38128" s="6"/>
    </row>
    <row r="38129" spans="1:12">
      <c r="A38129" s="6" t="s">
        <v>25427</v>
      </c>
      <c r="B38129" s="6"/>
      <c r="C38129" s="6" t="s">
        <v>32230</v>
      </c>
      <c r="D38129" s="6"/>
      <c r="E38129" s="6"/>
      <c r="F38129" s="7">
        <v>40147</v>
      </c>
      <c r="G38129" s="8">
        <v>2380383</v>
      </c>
      <c r="H38129" s="8">
        <v>1751967</v>
      </c>
      <c r="I38129" s="8">
        <v>680784</v>
      </c>
      <c r="J38129" s="8">
        <v>1699599</v>
      </c>
      <c r="K38129" s="9"/>
      <c r="L38129" s="6"/>
    </row>
    <row r="38130" spans="1:12">
      <c r="A38130" s="6" t="s">
        <v>25427</v>
      </c>
      <c r="B38130" s="6"/>
      <c r="C38130" s="6" t="s">
        <v>32230</v>
      </c>
      <c r="D38130" s="6"/>
      <c r="E38130" s="6"/>
      <c r="F38130" s="7">
        <v>40497</v>
      </c>
      <c r="G38130" s="8">
        <v>47176838</v>
      </c>
      <c r="H38130" s="8">
        <v>35760048</v>
      </c>
      <c r="I38130" s="8">
        <v>12454680</v>
      </c>
      <c r="J38130" s="8">
        <v>34722158</v>
      </c>
      <c r="K38130" s="9"/>
      <c r="L38130" s="6"/>
    </row>
    <row r="38131" spans="1:12">
      <c r="A38131" s="6" t="s">
        <v>25427</v>
      </c>
      <c r="B38131" s="6"/>
      <c r="C38131" s="6" t="s">
        <v>32230</v>
      </c>
      <c r="D38131" s="6"/>
      <c r="E38131" s="6"/>
      <c r="F38131" s="7">
        <v>40497</v>
      </c>
      <c r="G38131" s="8">
        <v>43837838</v>
      </c>
      <c r="H38131" s="8">
        <v>33229086</v>
      </c>
      <c r="I38131" s="8">
        <v>11573184</v>
      </c>
      <c r="J38131" s="8">
        <v>32264654</v>
      </c>
      <c r="K38131" s="9"/>
      <c r="L38131" s="6"/>
    </row>
    <row r="38132" spans="1:12">
      <c r="A38132" s="6" t="s">
        <v>25427</v>
      </c>
      <c r="B38132" s="6"/>
      <c r="C38132" s="6" t="s">
        <v>32230</v>
      </c>
      <c r="D38132" s="6"/>
      <c r="E38132" s="6"/>
      <c r="F38132" s="7">
        <v>40497</v>
      </c>
      <c r="G38132" s="8">
        <v>2380383</v>
      </c>
      <c r="H38132" s="8">
        <v>1804335</v>
      </c>
      <c r="I38132" s="8">
        <v>628416</v>
      </c>
      <c r="J38132" s="8">
        <v>1751967</v>
      </c>
      <c r="K38132" s="9"/>
      <c r="L38132" s="6"/>
    </row>
    <row r="38133" spans="1:12">
      <c r="A38133" s="6" t="s">
        <v>25427</v>
      </c>
      <c r="B38133" s="6"/>
      <c r="C38133" s="6" t="s">
        <v>32230</v>
      </c>
      <c r="D38133" s="6"/>
      <c r="E38133" s="6"/>
      <c r="F38133" s="7">
        <v>40137</v>
      </c>
      <c r="G38133" s="8">
        <v>256349</v>
      </c>
      <c r="H38133" s="8">
        <v>194320</v>
      </c>
      <c r="I38133" s="8">
        <v>67668</v>
      </c>
      <c r="J38133" s="8">
        <v>188681</v>
      </c>
      <c r="K38133" s="9"/>
      <c r="L38133" s="6"/>
    </row>
    <row r="38134" spans="1:12">
      <c r="A38134" s="6" t="s">
        <v>25427</v>
      </c>
      <c r="B38134" s="6"/>
      <c r="C38134" s="6" t="s">
        <v>32230</v>
      </c>
      <c r="D38134" s="6"/>
      <c r="E38134" s="6"/>
      <c r="F38134" s="7">
        <v>40137</v>
      </c>
      <c r="G38134" s="8">
        <v>245578</v>
      </c>
      <c r="H38134" s="8">
        <v>186156</v>
      </c>
      <c r="I38134" s="8">
        <v>64824</v>
      </c>
      <c r="J38134" s="8">
        <v>180754</v>
      </c>
      <c r="K38134" s="9"/>
      <c r="L38134" s="6"/>
    </row>
    <row r="38135" spans="1:12">
      <c r="A38135" s="6" t="s">
        <v>25427</v>
      </c>
      <c r="B38135" s="6"/>
      <c r="C38135" s="6" t="s">
        <v>32230</v>
      </c>
      <c r="D38135" s="6"/>
      <c r="E38135" s="6"/>
      <c r="F38135" s="7">
        <v>40141</v>
      </c>
      <c r="G38135" s="8">
        <v>20895677</v>
      </c>
      <c r="H38135" s="8">
        <v>8023950</v>
      </c>
      <c r="I38135" s="8">
        <v>14041884</v>
      </c>
      <c r="J38135" s="8">
        <v>6853793</v>
      </c>
      <c r="K38135" s="9"/>
      <c r="L38135" s="6"/>
    </row>
    <row r="38136" spans="1:12">
      <c r="A38136" s="6" t="s">
        <v>25427</v>
      </c>
      <c r="B38136" s="6"/>
      <c r="C38136" s="6" t="s">
        <v>32230</v>
      </c>
      <c r="D38136" s="6"/>
      <c r="E38136" s="6"/>
      <c r="F38136" s="7">
        <v>40506</v>
      </c>
      <c r="G38136" s="8">
        <v>19387741</v>
      </c>
      <c r="H38136" s="8">
        <v>6397961</v>
      </c>
      <c r="I38136" s="8">
        <v>14288758</v>
      </c>
      <c r="J38136" s="8">
        <v>5098983</v>
      </c>
      <c r="K38136" s="9"/>
      <c r="L38136" s="6"/>
    </row>
    <row r="38137" spans="1:12">
      <c r="A38137" s="6" t="s">
        <v>25427</v>
      </c>
      <c r="B38137" s="6"/>
      <c r="C38137" s="6" t="s">
        <v>32230</v>
      </c>
      <c r="D38137" s="6"/>
      <c r="E38137" s="6"/>
      <c r="F38137" s="7">
        <v>40504</v>
      </c>
      <c r="G38137" s="8">
        <v>17664387</v>
      </c>
      <c r="H38137" s="8">
        <v>7772337</v>
      </c>
      <c r="I38137" s="8">
        <v>10881255</v>
      </c>
      <c r="J38137" s="8">
        <v>6783132</v>
      </c>
      <c r="K38137" s="9"/>
      <c r="L38137" s="6"/>
    </row>
    <row r="38138" spans="1:12">
      <c r="A38138" s="6" t="s">
        <v>25427</v>
      </c>
      <c r="B38138" s="6"/>
      <c r="C38138" s="6" t="s">
        <v>32230</v>
      </c>
      <c r="D38138" s="6"/>
      <c r="E38138" s="6"/>
      <c r="F38138" s="7">
        <v>40402</v>
      </c>
      <c r="G38138" s="8">
        <v>376983</v>
      </c>
      <c r="H38138" s="8">
        <v>1</v>
      </c>
      <c r="I38138" s="8">
        <v>376982</v>
      </c>
      <c r="J38138" s="8">
        <v>1</v>
      </c>
      <c r="K38138" s="9"/>
      <c r="L38138" s="6"/>
    </row>
    <row r="38139" spans="1:12">
      <c r="A38139" s="6" t="s">
        <v>25427</v>
      </c>
      <c r="B38139" s="6" t="s">
        <v>37806</v>
      </c>
      <c r="C38139" s="6" t="s">
        <v>32230</v>
      </c>
      <c r="D38139" s="6" t="s">
        <v>37804</v>
      </c>
      <c r="E38139" s="6" t="s">
        <v>9</v>
      </c>
      <c r="F38139" s="7">
        <v>40118</v>
      </c>
      <c r="G38139" s="8">
        <v>2960000</v>
      </c>
      <c r="H38139" s="8">
        <v>1983200</v>
      </c>
      <c r="I38139" s="8">
        <v>1065600</v>
      </c>
      <c r="J38139" s="8">
        <v>1894400</v>
      </c>
      <c r="K38139" s="9">
        <v>37</v>
      </c>
      <c r="L38139" s="6"/>
    </row>
    <row r="38140" spans="1:12">
      <c r="A38140" s="6" t="s">
        <v>25427</v>
      </c>
      <c r="B38140" s="6" t="s">
        <v>37807</v>
      </c>
      <c r="C38140" s="6" t="s">
        <v>32230</v>
      </c>
      <c r="D38140" s="6" t="s">
        <v>37804</v>
      </c>
      <c r="E38140" s="6" t="s">
        <v>9</v>
      </c>
      <c r="F38140" s="7">
        <v>40787</v>
      </c>
      <c r="G38140" s="8">
        <v>2960000</v>
      </c>
      <c r="H38140" s="8">
        <v>2160800</v>
      </c>
      <c r="I38140" s="8">
        <v>888000</v>
      </c>
      <c r="J38140" s="8">
        <v>2072000</v>
      </c>
      <c r="K38140" s="9">
        <v>37</v>
      </c>
      <c r="L38140" s="6"/>
    </row>
    <row r="38141" spans="1:12">
      <c r="A38141" s="6" t="s">
        <v>25427</v>
      </c>
      <c r="B38141" s="6" t="s">
        <v>37808</v>
      </c>
      <c r="C38141" s="6" t="s">
        <v>32230</v>
      </c>
      <c r="D38141" s="6" t="s">
        <v>37804</v>
      </c>
      <c r="E38141" s="6" t="s">
        <v>9</v>
      </c>
      <c r="F38141" s="7">
        <v>27515</v>
      </c>
      <c r="G38141" s="8">
        <v>11340000</v>
      </c>
      <c r="H38141" s="8">
        <v>1</v>
      </c>
      <c r="I38141" s="8">
        <v>11339999</v>
      </c>
      <c r="J38141" s="8">
        <v>1</v>
      </c>
      <c r="K38141" s="9">
        <v>162</v>
      </c>
      <c r="L38141" s="6"/>
    </row>
    <row r="38142" spans="1:12">
      <c r="A38142" s="6" t="s">
        <v>25427</v>
      </c>
      <c r="B38142" s="6" t="s">
        <v>37809</v>
      </c>
      <c r="C38142" s="6" t="s">
        <v>32230</v>
      </c>
      <c r="D38142" s="6" t="s">
        <v>37804</v>
      </c>
      <c r="E38142" s="6" t="s">
        <v>9</v>
      </c>
      <c r="F38142" s="7">
        <v>25993</v>
      </c>
      <c r="G38142" s="8">
        <v>191700000</v>
      </c>
      <c r="H38142" s="8">
        <v>1</v>
      </c>
      <c r="I38142" s="8">
        <v>191699999</v>
      </c>
      <c r="J38142" s="8">
        <v>1</v>
      </c>
      <c r="K38142" s="9">
        <v>1420</v>
      </c>
      <c r="L38142" s="6"/>
    </row>
    <row r="38143" spans="1:12">
      <c r="A38143" s="6" t="s">
        <v>25427</v>
      </c>
      <c r="B38143" s="6"/>
      <c r="C38143" s="6" t="s">
        <v>32230</v>
      </c>
      <c r="D38143" s="6"/>
      <c r="E38143" s="6"/>
      <c r="F38143" s="7">
        <v>39864</v>
      </c>
      <c r="G38143" s="8">
        <v>4788301</v>
      </c>
      <c r="H38143" s="8">
        <v>3524197</v>
      </c>
      <c r="I38143" s="8">
        <v>1369446</v>
      </c>
      <c r="J38143" s="8">
        <v>3418855</v>
      </c>
      <c r="K38143" s="9"/>
      <c r="L38143" s="6"/>
    </row>
    <row r="38144" spans="1:12">
      <c r="A38144" s="6" t="s">
        <v>25427</v>
      </c>
      <c r="B38144" s="6"/>
      <c r="C38144" s="6" t="s">
        <v>32230</v>
      </c>
      <c r="D38144" s="6"/>
      <c r="E38144" s="6"/>
      <c r="F38144" s="7">
        <v>40141</v>
      </c>
      <c r="G38144" s="8">
        <v>13894623</v>
      </c>
      <c r="H38144" s="8">
        <v>3654294</v>
      </c>
      <c r="I38144" s="8">
        <v>11171268</v>
      </c>
      <c r="J38144" s="8">
        <v>2723355</v>
      </c>
      <c r="K38144" s="9"/>
      <c r="L38144" s="6"/>
    </row>
    <row r="38145" spans="1:12">
      <c r="A38145" s="6" t="s">
        <v>25427</v>
      </c>
      <c r="B38145" s="6"/>
      <c r="C38145" s="6" t="s">
        <v>32230</v>
      </c>
      <c r="D38145" s="6"/>
      <c r="E38145" s="6"/>
      <c r="F38145" s="7">
        <v>40147</v>
      </c>
      <c r="G38145" s="8">
        <v>57929892</v>
      </c>
      <c r="H38145" s="8">
        <v>42636408</v>
      </c>
      <c r="I38145" s="8">
        <v>16567941</v>
      </c>
      <c r="J38145" s="8">
        <v>41361951</v>
      </c>
      <c r="K38145" s="9"/>
      <c r="L38145" s="6"/>
    </row>
    <row r="38146" spans="1:12">
      <c r="A38146" s="6" t="s">
        <v>25427</v>
      </c>
      <c r="B38146" s="6"/>
      <c r="C38146" s="6" t="s">
        <v>32230</v>
      </c>
      <c r="D38146" s="6"/>
      <c r="E38146" s="6"/>
      <c r="F38146" s="7">
        <v>40141</v>
      </c>
      <c r="G38146" s="8">
        <v>20735053</v>
      </c>
      <c r="H38146" s="8">
        <v>7962271</v>
      </c>
      <c r="I38146" s="8">
        <v>13933944</v>
      </c>
      <c r="J38146" s="8">
        <v>6801109</v>
      </c>
      <c r="K38146" s="9"/>
      <c r="L38146" s="6"/>
    </row>
    <row r="38147" spans="1:12">
      <c r="A38147" s="6" t="s">
        <v>25427</v>
      </c>
      <c r="B38147" s="6"/>
      <c r="C38147" s="6" t="s">
        <v>32230</v>
      </c>
      <c r="D38147" s="6"/>
      <c r="E38147" s="6"/>
      <c r="F38147" s="7">
        <v>40147</v>
      </c>
      <c r="G38147" s="8">
        <v>41256344</v>
      </c>
      <c r="H38147" s="8">
        <v>30364676</v>
      </c>
      <c r="I38147" s="8">
        <v>11799307</v>
      </c>
      <c r="J38147" s="8">
        <v>29457037</v>
      </c>
      <c r="K38147" s="9"/>
      <c r="L38147" s="6"/>
    </row>
    <row r="38148" spans="1:12">
      <c r="A38148" s="6" t="s">
        <v>25427</v>
      </c>
      <c r="B38148" s="6"/>
      <c r="C38148" s="6" t="s">
        <v>32230</v>
      </c>
      <c r="D38148" s="6"/>
      <c r="E38148" s="6"/>
      <c r="F38148" s="7">
        <v>40506</v>
      </c>
      <c r="G38148" s="8">
        <v>19238709</v>
      </c>
      <c r="H38148" s="8">
        <v>6348779</v>
      </c>
      <c r="I38148" s="8">
        <v>14178923</v>
      </c>
      <c r="J38148" s="8">
        <v>5059786</v>
      </c>
      <c r="K38148" s="9"/>
      <c r="L38148" s="6"/>
    </row>
    <row r="38149" spans="1:12">
      <c r="A38149" s="6" t="s">
        <v>25427</v>
      </c>
      <c r="B38149" s="6"/>
      <c r="C38149" s="6" t="s">
        <v>32230</v>
      </c>
      <c r="D38149" s="6"/>
      <c r="E38149" s="6"/>
      <c r="F38149" s="7">
        <v>40147</v>
      </c>
      <c r="G38149" s="8">
        <v>2362086</v>
      </c>
      <c r="H38149" s="8">
        <v>1738506</v>
      </c>
      <c r="I38149" s="8">
        <v>675545</v>
      </c>
      <c r="J38149" s="8">
        <v>1686541</v>
      </c>
      <c r="K38149" s="9"/>
      <c r="L38149" s="6"/>
    </row>
    <row r="38150" spans="1:12">
      <c r="A38150" s="6" t="s">
        <v>25427</v>
      </c>
      <c r="B38150" s="6"/>
      <c r="C38150" s="6" t="s">
        <v>32230</v>
      </c>
      <c r="D38150" s="6"/>
      <c r="E38150" s="6"/>
      <c r="F38150" s="7">
        <v>40504</v>
      </c>
      <c r="G38150" s="8">
        <v>17528602</v>
      </c>
      <c r="H38150" s="8">
        <v>7712592</v>
      </c>
      <c r="I38150" s="8">
        <v>10797611</v>
      </c>
      <c r="J38150" s="8">
        <v>6730991</v>
      </c>
      <c r="K38150" s="9"/>
      <c r="L38150" s="6"/>
    </row>
    <row r="38151" spans="1:12">
      <c r="A38151" s="6" t="s">
        <v>25427</v>
      </c>
      <c r="B38151" s="6"/>
      <c r="C38151" s="6" t="s">
        <v>32230</v>
      </c>
      <c r="D38151" s="6"/>
      <c r="E38151" s="6"/>
      <c r="F38151" s="7">
        <v>40402</v>
      </c>
      <c r="G38151" s="8">
        <v>374086</v>
      </c>
      <c r="H38151" s="8">
        <v>1</v>
      </c>
      <c r="I38151" s="8">
        <v>374085</v>
      </c>
      <c r="J38151" s="8">
        <v>1</v>
      </c>
      <c r="K38151" s="9"/>
      <c r="L38151" s="6"/>
    </row>
    <row r="38152" spans="1:12">
      <c r="A38152" s="6" t="s">
        <v>25427</v>
      </c>
      <c r="B38152" s="6"/>
      <c r="C38152" s="6" t="s">
        <v>32230</v>
      </c>
      <c r="D38152" s="6"/>
      <c r="E38152" s="6"/>
      <c r="F38152" s="7">
        <v>40497</v>
      </c>
      <c r="G38152" s="8">
        <v>46814193</v>
      </c>
      <c r="H38152" s="8">
        <v>35485161</v>
      </c>
      <c r="I38152" s="8">
        <v>12358944</v>
      </c>
      <c r="J38152" s="8">
        <v>34455249</v>
      </c>
      <c r="K38152" s="9"/>
      <c r="L38152" s="6"/>
    </row>
    <row r="38153" spans="1:12">
      <c r="A38153" s="6" t="s">
        <v>25427</v>
      </c>
      <c r="B38153" s="6"/>
      <c r="C38153" s="6" t="s">
        <v>32230</v>
      </c>
      <c r="D38153" s="6"/>
      <c r="E38153" s="6"/>
      <c r="F38153" s="7">
        <v>43555</v>
      </c>
      <c r="G38153" s="8">
        <v>3787200</v>
      </c>
      <c r="H38153" s="8">
        <v>3279716</v>
      </c>
      <c r="I38153" s="8">
        <v>761226</v>
      </c>
      <c r="J38153" s="8">
        <v>3025974</v>
      </c>
      <c r="K38153" s="9"/>
      <c r="L38153" s="6"/>
    </row>
    <row r="38154" spans="1:12">
      <c r="A38154" s="6" t="s">
        <v>25427</v>
      </c>
      <c r="B38154" s="6"/>
      <c r="C38154" s="6" t="s">
        <v>32230</v>
      </c>
      <c r="D38154" s="6"/>
      <c r="E38154" s="6"/>
      <c r="F38154" s="7">
        <v>40497</v>
      </c>
      <c r="G38154" s="8">
        <v>43500860</v>
      </c>
      <c r="H38154" s="8">
        <v>32973662</v>
      </c>
      <c r="I38154" s="8">
        <v>11484216</v>
      </c>
      <c r="J38154" s="8">
        <v>32016644</v>
      </c>
      <c r="K38154" s="9"/>
      <c r="L38154" s="6"/>
    </row>
    <row r="38155" spans="1:12">
      <c r="A38155" s="6" t="s">
        <v>25427</v>
      </c>
      <c r="B38155" s="6"/>
      <c r="C38155" s="6" t="s">
        <v>32230</v>
      </c>
      <c r="D38155" s="6"/>
      <c r="E38155" s="6"/>
      <c r="F38155" s="7">
        <v>40497</v>
      </c>
      <c r="G38155" s="8">
        <v>2362086</v>
      </c>
      <c r="H38155" s="8">
        <v>1790471</v>
      </c>
      <c r="I38155" s="8">
        <v>623580</v>
      </c>
      <c r="J38155" s="8">
        <v>1738506</v>
      </c>
      <c r="K38155" s="9"/>
      <c r="L38155" s="6"/>
    </row>
    <row r="38156" spans="1:12">
      <c r="A38156" s="6" t="s">
        <v>25427</v>
      </c>
      <c r="B38156" s="6"/>
      <c r="C38156" s="6" t="s">
        <v>32230</v>
      </c>
      <c r="D38156" s="6"/>
      <c r="E38156" s="6"/>
      <c r="F38156" s="7">
        <v>40137</v>
      </c>
      <c r="G38156" s="8">
        <v>254378</v>
      </c>
      <c r="H38156" s="8">
        <v>192822</v>
      </c>
      <c r="I38156" s="8">
        <v>67152</v>
      </c>
      <c r="J38156" s="8">
        <v>187226</v>
      </c>
      <c r="K38156" s="9"/>
      <c r="L38156" s="6"/>
    </row>
    <row r="38157" spans="1:12">
      <c r="A38157" s="6" t="s">
        <v>25427</v>
      </c>
      <c r="B38157" s="6"/>
      <c r="C38157" s="6" t="s">
        <v>32230</v>
      </c>
      <c r="D38157" s="6"/>
      <c r="E38157" s="6"/>
      <c r="F38157" s="7">
        <v>40137</v>
      </c>
      <c r="G38157" s="8">
        <v>243690</v>
      </c>
      <c r="H38157" s="8">
        <v>184719</v>
      </c>
      <c r="I38157" s="8">
        <v>64332</v>
      </c>
      <c r="J38157" s="8">
        <v>179358</v>
      </c>
      <c r="K38157" s="9"/>
      <c r="L38157" s="6"/>
    </row>
    <row r="38158" spans="1:12">
      <c r="A38158" s="6" t="s">
        <v>25427</v>
      </c>
      <c r="B38158" s="6" t="s">
        <v>37810</v>
      </c>
      <c r="C38158" s="6" t="s">
        <v>32230</v>
      </c>
      <c r="D38158" s="6" t="s">
        <v>37804</v>
      </c>
      <c r="E38158" s="6" t="s">
        <v>9</v>
      </c>
      <c r="F38158" s="7">
        <v>26390</v>
      </c>
      <c r="G38158" s="8">
        <v>169290000</v>
      </c>
      <c r="H38158" s="8">
        <v>1</v>
      </c>
      <c r="I38158" s="8">
        <v>169289999</v>
      </c>
      <c r="J38158" s="8">
        <v>1</v>
      </c>
      <c r="K38158" s="9">
        <v>1254</v>
      </c>
      <c r="L38158" s="6"/>
    </row>
    <row r="38159" spans="1:12">
      <c r="A38159" s="6" t="s">
        <v>25427</v>
      </c>
      <c r="B38159" s="6" t="s">
        <v>37810</v>
      </c>
      <c r="C38159" s="6" t="s">
        <v>32230</v>
      </c>
      <c r="D38159" s="6" t="s">
        <v>37804</v>
      </c>
      <c r="E38159" s="6" t="s">
        <v>9</v>
      </c>
      <c r="F38159" s="7">
        <v>40827</v>
      </c>
      <c r="G38159" s="8">
        <v>181440000</v>
      </c>
      <c r="H38159" s="8">
        <v>141523200</v>
      </c>
      <c r="I38159" s="8">
        <v>43908480</v>
      </c>
      <c r="J38159" s="8">
        <v>137531520</v>
      </c>
      <c r="K38159" s="9"/>
      <c r="L38159" s="6"/>
    </row>
    <row r="38160" spans="1:12">
      <c r="A38160" s="6" t="s">
        <v>25427</v>
      </c>
      <c r="B38160" s="6" t="s">
        <v>37810</v>
      </c>
      <c r="C38160" s="6" t="s">
        <v>32230</v>
      </c>
      <c r="D38160" s="6" t="s">
        <v>37804</v>
      </c>
      <c r="E38160" s="6" t="s">
        <v>9</v>
      </c>
      <c r="F38160" s="7">
        <v>40821</v>
      </c>
      <c r="G38160" s="8">
        <v>6457500</v>
      </c>
      <c r="H38160" s="8">
        <v>3202920</v>
      </c>
      <c r="I38160" s="8">
        <v>3616200</v>
      </c>
      <c r="J38160" s="8">
        <v>2841300</v>
      </c>
      <c r="K38160" s="9"/>
      <c r="L38160" s="6"/>
    </row>
    <row r="38161" spans="1:12">
      <c r="A38161" s="6" t="s">
        <v>25427</v>
      </c>
      <c r="B38161" s="6" t="s">
        <v>37810</v>
      </c>
      <c r="C38161" s="6" t="s">
        <v>32230</v>
      </c>
      <c r="D38161" s="6" t="s">
        <v>37804</v>
      </c>
      <c r="E38161" s="6" t="s">
        <v>9</v>
      </c>
      <c r="F38161" s="7">
        <v>40827</v>
      </c>
      <c r="G38161" s="8">
        <v>6195000</v>
      </c>
      <c r="H38161" s="8">
        <v>4832100</v>
      </c>
      <c r="I38161" s="8">
        <v>1499190</v>
      </c>
      <c r="J38161" s="8">
        <v>4695810</v>
      </c>
      <c r="K38161" s="9"/>
      <c r="L38161" s="6"/>
    </row>
    <row r="38162" spans="1:12">
      <c r="A38162" s="6" t="s">
        <v>25427</v>
      </c>
      <c r="B38162" s="6" t="s">
        <v>37810</v>
      </c>
      <c r="C38162" s="6" t="s">
        <v>32230</v>
      </c>
      <c r="D38162" s="6" t="s">
        <v>37804</v>
      </c>
      <c r="E38162" s="6" t="s">
        <v>9</v>
      </c>
      <c r="F38162" s="7">
        <v>40820</v>
      </c>
      <c r="G38162" s="8">
        <v>21787500</v>
      </c>
      <c r="H38162" s="8">
        <v>8649642</v>
      </c>
      <c r="I38162" s="8">
        <v>14597620</v>
      </c>
      <c r="J38162" s="8">
        <v>7189880</v>
      </c>
      <c r="K38162" s="9"/>
      <c r="L38162" s="6"/>
    </row>
    <row r="38163" spans="1:12">
      <c r="A38163" s="6" t="s">
        <v>25427</v>
      </c>
      <c r="B38163" s="6" t="s">
        <v>37811</v>
      </c>
      <c r="C38163" s="6" t="s">
        <v>32230</v>
      </c>
      <c r="D38163" s="6" t="s">
        <v>37804</v>
      </c>
      <c r="E38163" s="6" t="s">
        <v>9</v>
      </c>
      <c r="F38163" s="7">
        <v>26390</v>
      </c>
      <c r="G38163" s="8">
        <v>3720000</v>
      </c>
      <c r="H38163" s="8">
        <v>1</v>
      </c>
      <c r="I38163" s="8">
        <v>3719999</v>
      </c>
      <c r="J38163" s="8">
        <v>1</v>
      </c>
      <c r="K38163" s="9">
        <v>62</v>
      </c>
      <c r="L38163" s="6"/>
    </row>
    <row r="38164" spans="1:12">
      <c r="A38164" s="6" t="s">
        <v>25427</v>
      </c>
      <c r="B38164" s="6" t="s">
        <v>37812</v>
      </c>
      <c r="C38164" s="6" t="s">
        <v>32230</v>
      </c>
      <c r="D38164" s="6" t="s">
        <v>37804</v>
      </c>
      <c r="E38164" s="6" t="s">
        <v>9</v>
      </c>
      <c r="F38164" s="7">
        <v>26755</v>
      </c>
      <c r="G38164" s="8">
        <v>1550000</v>
      </c>
      <c r="H38164" s="8">
        <v>1</v>
      </c>
      <c r="I38164" s="8">
        <v>1549999</v>
      </c>
      <c r="J38164" s="8">
        <v>1</v>
      </c>
      <c r="K38164" s="9">
        <v>10</v>
      </c>
      <c r="L38164" s="6"/>
    </row>
    <row r="38165" spans="1:12">
      <c r="A38165" s="6" t="s">
        <v>25427</v>
      </c>
      <c r="B38165" s="6" t="s">
        <v>37813</v>
      </c>
      <c r="C38165" s="6" t="s">
        <v>32230</v>
      </c>
      <c r="D38165" s="6" t="s">
        <v>37804</v>
      </c>
      <c r="E38165" s="6" t="s">
        <v>9</v>
      </c>
      <c r="F38165" s="7">
        <v>26390</v>
      </c>
      <c r="G38165" s="8">
        <v>3240000</v>
      </c>
      <c r="H38165" s="8">
        <v>1</v>
      </c>
      <c r="I38165" s="8">
        <v>3239999</v>
      </c>
      <c r="J38165" s="8">
        <v>1</v>
      </c>
      <c r="K38165" s="9">
        <v>24</v>
      </c>
      <c r="L38165" s="6"/>
    </row>
    <row r="38166" spans="1:12">
      <c r="A38166" s="6" t="s">
        <v>25427</v>
      </c>
      <c r="B38166" s="6"/>
      <c r="C38166" s="6" t="s">
        <v>32230</v>
      </c>
      <c r="D38166" s="6"/>
      <c r="E38166" s="6"/>
      <c r="F38166" s="7">
        <v>39864</v>
      </c>
      <c r="G38166" s="8">
        <v>80929</v>
      </c>
      <c r="H38166" s="8">
        <v>59569</v>
      </c>
      <c r="I38166" s="8">
        <v>23140</v>
      </c>
      <c r="J38166" s="8">
        <v>57789</v>
      </c>
      <c r="K38166" s="9"/>
      <c r="L38166" s="6"/>
    </row>
    <row r="38167" spans="1:12">
      <c r="A38167" s="6" t="s">
        <v>25427</v>
      </c>
      <c r="B38167" s="6"/>
      <c r="C38167" s="6" t="s">
        <v>32230</v>
      </c>
      <c r="D38167" s="6"/>
      <c r="E38167" s="6"/>
      <c r="F38167" s="7">
        <v>40141</v>
      </c>
      <c r="G38167" s="8">
        <v>234838</v>
      </c>
      <c r="H38167" s="8">
        <v>61764</v>
      </c>
      <c r="I38167" s="8">
        <v>188808</v>
      </c>
      <c r="J38167" s="8">
        <v>46030</v>
      </c>
      <c r="K38167" s="9"/>
      <c r="L38167" s="6"/>
    </row>
    <row r="38168" spans="1:12">
      <c r="A38168" s="6" t="s">
        <v>25427</v>
      </c>
      <c r="B38168" s="6"/>
      <c r="C38168" s="6" t="s">
        <v>32230</v>
      </c>
      <c r="D38168" s="6"/>
      <c r="E38168" s="6"/>
      <c r="F38168" s="7">
        <v>40141</v>
      </c>
      <c r="G38168" s="8">
        <v>350451</v>
      </c>
      <c r="H38168" s="8">
        <v>134576</v>
      </c>
      <c r="I38168" s="8">
        <v>235500</v>
      </c>
      <c r="J38168" s="8">
        <v>114951</v>
      </c>
      <c r="K38168" s="9"/>
      <c r="L38168" s="6"/>
    </row>
    <row r="38169" spans="1:12">
      <c r="A38169" s="6" t="s">
        <v>25427</v>
      </c>
      <c r="B38169" s="6"/>
      <c r="C38169" s="6" t="s">
        <v>32230</v>
      </c>
      <c r="D38169" s="6"/>
      <c r="E38169" s="6"/>
      <c r="F38169" s="7">
        <v>40147</v>
      </c>
      <c r="G38169" s="8">
        <v>979096</v>
      </c>
      <c r="H38169" s="8">
        <v>720616</v>
      </c>
      <c r="I38169" s="8">
        <v>280020</v>
      </c>
      <c r="J38169" s="8">
        <v>699076</v>
      </c>
      <c r="K38169" s="9"/>
      <c r="L38169" s="6"/>
    </row>
    <row r="38170" spans="1:12">
      <c r="A38170" s="6" t="s">
        <v>25427</v>
      </c>
      <c r="B38170" s="6"/>
      <c r="C38170" s="6" t="s">
        <v>32230</v>
      </c>
      <c r="D38170" s="6"/>
      <c r="E38170" s="6"/>
      <c r="F38170" s="7">
        <v>40506</v>
      </c>
      <c r="G38170" s="8">
        <v>325161</v>
      </c>
      <c r="H38170" s="8">
        <v>107311</v>
      </c>
      <c r="I38170" s="8">
        <v>239635</v>
      </c>
      <c r="J38170" s="8">
        <v>85526</v>
      </c>
      <c r="K38170" s="9"/>
      <c r="L38170" s="6"/>
    </row>
    <row r="38171" spans="1:12">
      <c r="A38171" s="6" t="s">
        <v>25427</v>
      </c>
      <c r="B38171" s="6"/>
      <c r="C38171" s="6" t="s">
        <v>32230</v>
      </c>
      <c r="D38171" s="6"/>
      <c r="E38171" s="6"/>
      <c r="F38171" s="7">
        <v>40147</v>
      </c>
      <c r="G38171" s="8">
        <v>697290</v>
      </c>
      <c r="H38171" s="8">
        <v>513210</v>
      </c>
      <c r="I38171" s="8">
        <v>199420</v>
      </c>
      <c r="J38171" s="8">
        <v>497870</v>
      </c>
      <c r="K38171" s="9"/>
      <c r="L38171" s="6"/>
    </row>
    <row r="38172" spans="1:12">
      <c r="A38172" s="6" t="s">
        <v>25427</v>
      </c>
      <c r="B38172" s="6"/>
      <c r="C38172" s="6" t="s">
        <v>32230</v>
      </c>
      <c r="D38172" s="6"/>
      <c r="E38172" s="6"/>
      <c r="F38172" s="7">
        <v>40504</v>
      </c>
      <c r="G38172" s="8">
        <v>296258</v>
      </c>
      <c r="H38172" s="8">
        <v>130358</v>
      </c>
      <c r="I38172" s="8">
        <v>182490</v>
      </c>
      <c r="J38172" s="8">
        <v>113768</v>
      </c>
      <c r="K38172" s="9"/>
      <c r="L38172" s="6"/>
    </row>
    <row r="38173" spans="1:12">
      <c r="A38173" s="6" t="s">
        <v>25427</v>
      </c>
      <c r="B38173" s="6"/>
      <c r="C38173" s="6" t="s">
        <v>32230</v>
      </c>
      <c r="D38173" s="6"/>
      <c r="E38173" s="6"/>
      <c r="F38173" s="7">
        <v>40147</v>
      </c>
      <c r="G38173" s="8">
        <v>39922</v>
      </c>
      <c r="H38173" s="8">
        <v>29386</v>
      </c>
      <c r="I38173" s="8">
        <v>11414</v>
      </c>
      <c r="J38173" s="8">
        <v>28508</v>
      </c>
      <c r="K38173" s="9"/>
      <c r="L38173" s="6"/>
    </row>
    <row r="38174" spans="1:12">
      <c r="A38174" s="6" t="s">
        <v>25427</v>
      </c>
      <c r="B38174" s="6"/>
      <c r="C38174" s="6" t="s">
        <v>32230</v>
      </c>
      <c r="D38174" s="6"/>
      <c r="E38174" s="6"/>
      <c r="F38174" s="7">
        <v>40402</v>
      </c>
      <c r="G38174" s="8">
        <v>6322</v>
      </c>
      <c r="H38174" s="8">
        <v>1</v>
      </c>
      <c r="I38174" s="8">
        <v>6321</v>
      </c>
      <c r="J38174" s="8">
        <v>1</v>
      </c>
      <c r="K38174" s="9"/>
      <c r="L38174" s="6"/>
    </row>
    <row r="38175" spans="1:12">
      <c r="A38175" s="6" t="s">
        <v>25427</v>
      </c>
      <c r="B38175" s="6"/>
      <c r="C38175" s="6" t="s">
        <v>32230</v>
      </c>
      <c r="D38175" s="6"/>
      <c r="E38175" s="6"/>
      <c r="F38175" s="7">
        <v>40497</v>
      </c>
      <c r="G38175" s="8">
        <v>791225</v>
      </c>
      <c r="H38175" s="8">
        <v>599759</v>
      </c>
      <c r="I38175" s="8">
        <v>208872</v>
      </c>
      <c r="J38175" s="8">
        <v>582353</v>
      </c>
      <c r="K38175" s="9"/>
      <c r="L38175" s="6"/>
    </row>
    <row r="38176" spans="1:12">
      <c r="A38176" s="6" t="s">
        <v>25427</v>
      </c>
      <c r="B38176" s="6"/>
      <c r="C38176" s="6" t="s">
        <v>32230</v>
      </c>
      <c r="D38176" s="6"/>
      <c r="E38176" s="6"/>
      <c r="F38176" s="7">
        <v>40497</v>
      </c>
      <c r="G38176" s="8">
        <v>735225</v>
      </c>
      <c r="H38176" s="8">
        <v>557311</v>
      </c>
      <c r="I38176" s="8">
        <v>194088</v>
      </c>
      <c r="J38176" s="8">
        <v>541137</v>
      </c>
      <c r="K38176" s="9"/>
      <c r="L38176" s="6"/>
    </row>
    <row r="38177" spans="1:12">
      <c r="A38177" s="6" t="s">
        <v>25427</v>
      </c>
      <c r="B38177" s="6"/>
      <c r="C38177" s="6" t="s">
        <v>32230</v>
      </c>
      <c r="D38177" s="6"/>
      <c r="E38177" s="6"/>
      <c r="F38177" s="7">
        <v>40497</v>
      </c>
      <c r="G38177" s="8">
        <v>39922</v>
      </c>
      <c r="H38177" s="8">
        <v>30264</v>
      </c>
      <c r="I38177" s="8">
        <v>10536</v>
      </c>
      <c r="J38177" s="8">
        <v>29386</v>
      </c>
      <c r="K38177" s="9"/>
      <c r="L38177" s="6"/>
    </row>
    <row r="38178" spans="1:12">
      <c r="A38178" s="6" t="s">
        <v>25427</v>
      </c>
      <c r="B38178" s="6"/>
      <c r="C38178" s="6" t="s">
        <v>32230</v>
      </c>
      <c r="D38178" s="6"/>
      <c r="E38178" s="6"/>
      <c r="F38178" s="7">
        <v>40137</v>
      </c>
      <c r="G38178" s="8">
        <v>4299</v>
      </c>
      <c r="H38178" s="8">
        <v>3265</v>
      </c>
      <c r="I38178" s="8">
        <v>1128</v>
      </c>
      <c r="J38178" s="8">
        <v>3171</v>
      </c>
      <c r="K38178" s="9"/>
      <c r="L38178" s="6"/>
    </row>
    <row r="38179" spans="1:12">
      <c r="A38179" s="6" t="s">
        <v>25427</v>
      </c>
      <c r="B38179" s="6"/>
      <c r="C38179" s="6" t="s">
        <v>32230</v>
      </c>
      <c r="D38179" s="6"/>
      <c r="E38179" s="6"/>
      <c r="F38179" s="7">
        <v>40137</v>
      </c>
      <c r="G38179" s="8">
        <v>4118</v>
      </c>
      <c r="H38179" s="8">
        <v>3128</v>
      </c>
      <c r="I38179" s="8">
        <v>1080</v>
      </c>
      <c r="J38179" s="8">
        <v>3038</v>
      </c>
      <c r="K38179" s="9"/>
      <c r="L38179" s="6"/>
    </row>
    <row r="38180" spans="1:12">
      <c r="A38180" s="6" t="s">
        <v>25427</v>
      </c>
      <c r="B38180" s="6" t="s">
        <v>37814</v>
      </c>
      <c r="C38180" s="6" t="s">
        <v>32230</v>
      </c>
      <c r="D38180" s="6" t="s">
        <v>37804</v>
      </c>
      <c r="E38180" s="6" t="s">
        <v>9</v>
      </c>
      <c r="F38180" s="7">
        <v>26390</v>
      </c>
      <c r="G38180" s="8">
        <v>92880000</v>
      </c>
      <c r="H38180" s="8">
        <v>1</v>
      </c>
      <c r="I38180" s="8">
        <v>92879999</v>
      </c>
      <c r="J38180" s="8">
        <v>1</v>
      </c>
      <c r="K38180" s="9">
        <v>688</v>
      </c>
      <c r="L38180" s="6"/>
    </row>
    <row r="38181" spans="1:12">
      <c r="A38181" s="6" t="s">
        <v>25427</v>
      </c>
      <c r="B38181" s="6"/>
      <c r="C38181" s="6" t="s">
        <v>32230</v>
      </c>
      <c r="D38181" s="6"/>
      <c r="E38181" s="6"/>
      <c r="F38181" s="7">
        <v>39864</v>
      </c>
      <c r="G38181" s="8">
        <v>2319965</v>
      </c>
      <c r="H38181" s="8">
        <v>1707497</v>
      </c>
      <c r="I38181" s="8">
        <v>663507</v>
      </c>
      <c r="J38181" s="8">
        <v>1656458</v>
      </c>
      <c r="K38181" s="9"/>
      <c r="L38181" s="6"/>
    </row>
    <row r="38182" spans="1:12">
      <c r="A38182" s="6" t="s">
        <v>25427</v>
      </c>
      <c r="B38182" s="6"/>
      <c r="C38182" s="6" t="s">
        <v>32230</v>
      </c>
      <c r="D38182" s="6"/>
      <c r="E38182" s="6"/>
      <c r="F38182" s="7">
        <v>40141</v>
      </c>
      <c r="G38182" s="8">
        <v>6732043</v>
      </c>
      <c r="H38182" s="8">
        <v>1770537</v>
      </c>
      <c r="I38182" s="8">
        <v>5412552</v>
      </c>
      <c r="J38182" s="8">
        <v>1319491</v>
      </c>
      <c r="K38182" s="9"/>
      <c r="L38182" s="6"/>
    </row>
    <row r="38183" spans="1:12">
      <c r="A38183" s="6" t="s">
        <v>25427</v>
      </c>
      <c r="B38183" s="6"/>
      <c r="C38183" s="6" t="s">
        <v>32230</v>
      </c>
      <c r="D38183" s="6"/>
      <c r="E38183" s="6"/>
      <c r="F38183" s="7">
        <v>40147</v>
      </c>
      <c r="G38183" s="8">
        <v>28067440</v>
      </c>
      <c r="H38183" s="8">
        <v>20657644</v>
      </c>
      <c r="I38183" s="8">
        <v>8027279</v>
      </c>
      <c r="J38183" s="8">
        <v>20040161</v>
      </c>
      <c r="K38183" s="9"/>
      <c r="L38183" s="6"/>
    </row>
    <row r="38184" spans="1:12">
      <c r="A38184" s="6" t="s">
        <v>25427</v>
      </c>
      <c r="B38184" s="6"/>
      <c r="C38184" s="6" t="s">
        <v>32230</v>
      </c>
      <c r="D38184" s="6"/>
      <c r="E38184" s="6"/>
      <c r="F38184" s="7">
        <v>40141</v>
      </c>
      <c r="G38184" s="8">
        <v>10046279</v>
      </c>
      <c r="H38184" s="8">
        <v>3857778</v>
      </c>
      <c r="I38184" s="8">
        <v>6751092</v>
      </c>
      <c r="J38184" s="8">
        <v>3295187</v>
      </c>
      <c r="K38184" s="9"/>
      <c r="L38184" s="6"/>
    </row>
    <row r="38185" spans="1:12">
      <c r="A38185" s="6" t="s">
        <v>25427</v>
      </c>
      <c r="B38185" s="6"/>
      <c r="C38185" s="6" t="s">
        <v>32230</v>
      </c>
      <c r="D38185" s="6"/>
      <c r="E38185" s="6"/>
      <c r="F38185" s="7">
        <v>40147</v>
      </c>
      <c r="G38185" s="8">
        <v>19988989</v>
      </c>
      <c r="H38185" s="8">
        <v>14711905</v>
      </c>
      <c r="I38185" s="8">
        <v>5716841</v>
      </c>
      <c r="J38185" s="8">
        <v>14272148</v>
      </c>
      <c r="K38185" s="9"/>
      <c r="L38185" s="6"/>
    </row>
    <row r="38186" spans="1:12">
      <c r="A38186" s="6" t="s">
        <v>25427</v>
      </c>
      <c r="B38186" s="6"/>
      <c r="C38186" s="6" t="s">
        <v>32230</v>
      </c>
      <c r="D38186" s="6"/>
      <c r="E38186" s="6"/>
      <c r="F38186" s="7">
        <v>40506</v>
      </c>
      <c r="G38186" s="8">
        <v>9321290</v>
      </c>
      <c r="H38186" s="8">
        <v>3076030</v>
      </c>
      <c r="I38186" s="8">
        <v>6869786</v>
      </c>
      <c r="J38186" s="8">
        <v>2451504</v>
      </c>
      <c r="K38186" s="9"/>
      <c r="L38186" s="6"/>
    </row>
    <row r="38187" spans="1:12">
      <c r="A38187" s="6" t="s">
        <v>25427</v>
      </c>
      <c r="B38187" s="6"/>
      <c r="C38187" s="6" t="s">
        <v>32230</v>
      </c>
      <c r="D38187" s="6"/>
      <c r="E38187" s="6"/>
      <c r="F38187" s="7">
        <v>40504</v>
      </c>
      <c r="G38187" s="8">
        <v>8492731</v>
      </c>
      <c r="H38187" s="8">
        <v>3736811</v>
      </c>
      <c r="I38187" s="8">
        <v>5231512</v>
      </c>
      <c r="J38187" s="8">
        <v>3261219</v>
      </c>
      <c r="K38187" s="9"/>
      <c r="L38187" s="6"/>
    </row>
    <row r="38188" spans="1:12">
      <c r="A38188" s="6" t="s">
        <v>25427</v>
      </c>
      <c r="B38188" s="6"/>
      <c r="C38188" s="6" t="s">
        <v>32230</v>
      </c>
      <c r="D38188" s="6"/>
      <c r="E38188" s="6"/>
      <c r="F38188" s="7">
        <v>40147</v>
      </c>
      <c r="G38188" s="8">
        <v>1144447</v>
      </c>
      <c r="H38188" s="8">
        <v>842323</v>
      </c>
      <c r="I38188" s="8">
        <v>327301</v>
      </c>
      <c r="J38188" s="8">
        <v>817146</v>
      </c>
      <c r="K38188" s="9"/>
      <c r="L38188" s="6"/>
    </row>
    <row r="38189" spans="1:12">
      <c r="A38189" s="6" t="s">
        <v>25427</v>
      </c>
      <c r="B38189" s="6"/>
      <c r="C38189" s="6" t="s">
        <v>32230</v>
      </c>
      <c r="D38189" s="6"/>
      <c r="E38189" s="6"/>
      <c r="F38189" s="7">
        <v>40402</v>
      </c>
      <c r="G38189" s="8">
        <v>181247</v>
      </c>
      <c r="H38189" s="8">
        <v>1</v>
      </c>
      <c r="I38189" s="8">
        <v>181246</v>
      </c>
      <c r="J38189" s="8">
        <v>1</v>
      </c>
      <c r="K38189" s="9"/>
      <c r="L38189" s="6"/>
    </row>
    <row r="38190" spans="1:12">
      <c r="A38190" s="6" t="s">
        <v>25427</v>
      </c>
      <c r="B38190" s="6"/>
      <c r="C38190" s="6" t="s">
        <v>32230</v>
      </c>
      <c r="D38190" s="6"/>
      <c r="E38190" s="6"/>
      <c r="F38190" s="7">
        <v>40497</v>
      </c>
      <c r="G38190" s="8">
        <v>22681806</v>
      </c>
      <c r="H38190" s="8">
        <v>17192817</v>
      </c>
      <c r="I38190" s="8">
        <v>5987988</v>
      </c>
      <c r="J38190" s="8">
        <v>16693818</v>
      </c>
      <c r="K38190" s="9"/>
      <c r="L38190" s="6"/>
    </row>
    <row r="38191" spans="1:12">
      <c r="A38191" s="6" t="s">
        <v>25427</v>
      </c>
      <c r="B38191" s="6"/>
      <c r="C38191" s="6" t="s">
        <v>32230</v>
      </c>
      <c r="D38191" s="6"/>
      <c r="E38191" s="6"/>
      <c r="F38191" s="7">
        <v>40497</v>
      </c>
      <c r="G38191" s="8">
        <v>21076473</v>
      </c>
      <c r="H38191" s="8">
        <v>15975971</v>
      </c>
      <c r="I38191" s="8">
        <v>5564184</v>
      </c>
      <c r="J38191" s="8">
        <v>15512289</v>
      </c>
      <c r="K38191" s="9"/>
      <c r="L38191" s="6"/>
    </row>
    <row r="38192" spans="1:12">
      <c r="A38192" s="6" t="s">
        <v>25427</v>
      </c>
      <c r="B38192" s="6"/>
      <c r="C38192" s="6" t="s">
        <v>32230</v>
      </c>
      <c r="D38192" s="6"/>
      <c r="E38192" s="6"/>
      <c r="F38192" s="7">
        <v>40497</v>
      </c>
      <c r="G38192" s="8">
        <v>1144447</v>
      </c>
      <c r="H38192" s="8">
        <v>867500</v>
      </c>
      <c r="I38192" s="8">
        <v>302124</v>
      </c>
      <c r="J38192" s="8">
        <v>842323</v>
      </c>
      <c r="K38192" s="9"/>
      <c r="L38192" s="6"/>
    </row>
    <row r="38193" spans="1:12">
      <c r="A38193" s="6" t="s">
        <v>25427</v>
      </c>
      <c r="B38193" s="6"/>
      <c r="C38193" s="6" t="s">
        <v>32230</v>
      </c>
      <c r="D38193" s="6"/>
      <c r="E38193" s="6"/>
      <c r="F38193" s="7">
        <v>40137</v>
      </c>
      <c r="G38193" s="8">
        <v>123248</v>
      </c>
      <c r="H38193" s="8">
        <v>93427</v>
      </c>
      <c r="I38193" s="8">
        <v>32532</v>
      </c>
      <c r="J38193" s="8">
        <v>90716</v>
      </c>
      <c r="K38193" s="9"/>
      <c r="L38193" s="6"/>
    </row>
    <row r="38194" spans="1:12">
      <c r="A38194" s="6" t="s">
        <v>25427</v>
      </c>
      <c r="B38194" s="6"/>
      <c r="C38194" s="6" t="s">
        <v>32230</v>
      </c>
      <c r="D38194" s="6"/>
      <c r="E38194" s="6"/>
      <c r="F38194" s="7">
        <v>40137</v>
      </c>
      <c r="G38194" s="8">
        <v>118069</v>
      </c>
      <c r="H38194" s="8">
        <v>89502</v>
      </c>
      <c r="I38194" s="8">
        <v>31164</v>
      </c>
      <c r="J38194" s="8">
        <v>86905</v>
      </c>
      <c r="K38194" s="9"/>
      <c r="L38194" s="6"/>
    </row>
    <row r="38195" spans="1:12">
      <c r="A38195" s="6" t="s">
        <v>25427</v>
      </c>
      <c r="B38195" s="6" t="s">
        <v>37815</v>
      </c>
      <c r="C38195" s="6" t="s">
        <v>32230</v>
      </c>
      <c r="D38195" s="6" t="s">
        <v>37804</v>
      </c>
      <c r="E38195" s="6" t="s">
        <v>9</v>
      </c>
      <c r="F38195" s="7">
        <v>26390</v>
      </c>
      <c r="G38195" s="8">
        <v>192105000</v>
      </c>
      <c r="H38195" s="8">
        <v>1</v>
      </c>
      <c r="I38195" s="8">
        <v>192104999</v>
      </c>
      <c r="J38195" s="8">
        <v>1</v>
      </c>
      <c r="K38195" s="9">
        <v>1423</v>
      </c>
      <c r="L38195" s="6"/>
    </row>
    <row r="38196" spans="1:12">
      <c r="A38196" s="6" t="s">
        <v>25427</v>
      </c>
      <c r="B38196" s="6"/>
      <c r="C38196" s="6" t="s">
        <v>32230</v>
      </c>
      <c r="D38196" s="6"/>
      <c r="E38196" s="6"/>
      <c r="F38196" s="7">
        <v>39864</v>
      </c>
      <c r="G38196" s="8">
        <v>4798417</v>
      </c>
      <c r="H38196" s="8">
        <v>3531637</v>
      </c>
      <c r="I38196" s="8">
        <v>1372345</v>
      </c>
      <c r="J38196" s="8">
        <v>3426072</v>
      </c>
      <c r="K38196" s="9"/>
      <c r="L38196" s="6"/>
    </row>
    <row r="38197" spans="1:12">
      <c r="A38197" s="6" t="s">
        <v>25427</v>
      </c>
      <c r="B38197" s="6"/>
      <c r="C38197" s="6" t="s">
        <v>32230</v>
      </c>
      <c r="D38197" s="6"/>
      <c r="E38197" s="6"/>
      <c r="F38197" s="7">
        <v>40141</v>
      </c>
      <c r="G38197" s="8">
        <v>13923978</v>
      </c>
      <c r="H38197" s="8">
        <v>3662012</v>
      </c>
      <c r="I38197" s="8">
        <v>11194872</v>
      </c>
      <c r="J38197" s="8">
        <v>2729106</v>
      </c>
      <c r="K38197" s="9"/>
      <c r="L38197" s="6"/>
    </row>
    <row r="38198" spans="1:12">
      <c r="A38198" s="6" t="s">
        <v>25427</v>
      </c>
      <c r="B38198" s="6"/>
      <c r="C38198" s="6" t="s">
        <v>32230</v>
      </c>
      <c r="D38198" s="6"/>
      <c r="E38198" s="6"/>
      <c r="F38198" s="7">
        <v>40147</v>
      </c>
      <c r="G38198" s="8">
        <v>58052279</v>
      </c>
      <c r="H38198" s="8">
        <v>42726479</v>
      </c>
      <c r="I38198" s="8">
        <v>16602950</v>
      </c>
      <c r="J38198" s="8">
        <v>41449329</v>
      </c>
      <c r="K38198" s="9"/>
      <c r="L38198" s="6"/>
    </row>
    <row r="38199" spans="1:12">
      <c r="A38199" s="6" t="s">
        <v>25427</v>
      </c>
      <c r="B38199" s="6"/>
      <c r="C38199" s="6" t="s">
        <v>32230</v>
      </c>
      <c r="D38199" s="6"/>
      <c r="E38199" s="6"/>
      <c r="F38199" s="7">
        <v>40141</v>
      </c>
      <c r="G38199" s="8">
        <v>20778860</v>
      </c>
      <c r="H38199" s="8">
        <v>7979084</v>
      </c>
      <c r="I38199" s="8">
        <v>13963392</v>
      </c>
      <c r="J38199" s="8">
        <v>6815468</v>
      </c>
      <c r="K38199" s="9"/>
      <c r="L38199" s="6"/>
    </row>
    <row r="38200" spans="1:12">
      <c r="A38200" s="6" t="s">
        <v>25427</v>
      </c>
      <c r="B38200" s="6"/>
      <c r="C38200" s="6" t="s">
        <v>32230</v>
      </c>
      <c r="D38200" s="6"/>
      <c r="E38200" s="6"/>
      <c r="F38200" s="7">
        <v>40147</v>
      </c>
      <c r="G38200" s="8">
        <v>41343505</v>
      </c>
      <c r="H38200" s="8">
        <v>30428821</v>
      </c>
      <c r="I38200" s="8">
        <v>11824241</v>
      </c>
      <c r="J38200" s="8">
        <v>29519264</v>
      </c>
      <c r="K38200" s="9"/>
      <c r="L38200" s="6"/>
    </row>
    <row r="38201" spans="1:12">
      <c r="A38201" s="6" t="s">
        <v>25427</v>
      </c>
      <c r="B38201" s="6"/>
      <c r="C38201" s="6" t="s">
        <v>32230</v>
      </c>
      <c r="D38201" s="6"/>
      <c r="E38201" s="6"/>
      <c r="F38201" s="7">
        <v>40506</v>
      </c>
      <c r="G38201" s="8">
        <v>19279354</v>
      </c>
      <c r="H38201" s="8">
        <v>6362194</v>
      </c>
      <c r="I38201" s="8">
        <v>14208876</v>
      </c>
      <c r="J38201" s="8">
        <v>5070478</v>
      </c>
      <c r="K38201" s="9"/>
      <c r="L38201" s="6"/>
    </row>
    <row r="38202" spans="1:12">
      <c r="A38202" s="6" t="s">
        <v>25427</v>
      </c>
      <c r="B38202" s="6"/>
      <c r="C38202" s="6" t="s">
        <v>32230</v>
      </c>
      <c r="D38202" s="6"/>
      <c r="E38202" s="6"/>
      <c r="F38202" s="7">
        <v>40147</v>
      </c>
      <c r="G38202" s="8">
        <v>2367076</v>
      </c>
      <c r="H38202" s="8">
        <v>1742176</v>
      </c>
      <c r="I38202" s="8">
        <v>676975</v>
      </c>
      <c r="J38202" s="8">
        <v>1690101</v>
      </c>
      <c r="K38202" s="9"/>
      <c r="L38202" s="6"/>
    </row>
    <row r="38203" spans="1:12">
      <c r="A38203" s="6" t="s">
        <v>25427</v>
      </c>
      <c r="B38203" s="6"/>
      <c r="C38203" s="6" t="s">
        <v>32230</v>
      </c>
      <c r="D38203" s="6"/>
      <c r="E38203" s="6"/>
      <c r="F38203" s="7">
        <v>40504</v>
      </c>
      <c r="G38203" s="8">
        <v>17565634</v>
      </c>
      <c r="H38203" s="8">
        <v>7728884</v>
      </c>
      <c r="I38203" s="8">
        <v>10820425</v>
      </c>
      <c r="J38203" s="8">
        <v>6745209</v>
      </c>
      <c r="K38203" s="9"/>
      <c r="L38203" s="6"/>
    </row>
    <row r="38204" spans="1:12">
      <c r="A38204" s="6" t="s">
        <v>25427</v>
      </c>
      <c r="B38204" s="6"/>
      <c r="C38204" s="6" t="s">
        <v>32230</v>
      </c>
      <c r="D38204" s="6"/>
      <c r="E38204" s="6"/>
      <c r="F38204" s="7">
        <v>40402</v>
      </c>
      <c r="G38204" s="8">
        <v>374876</v>
      </c>
      <c r="H38204" s="8">
        <v>1</v>
      </c>
      <c r="I38204" s="8">
        <v>374875</v>
      </c>
      <c r="J38204" s="8">
        <v>1</v>
      </c>
      <c r="K38204" s="9"/>
      <c r="L38204" s="6"/>
    </row>
    <row r="38205" spans="1:12">
      <c r="A38205" s="6" t="s">
        <v>25427</v>
      </c>
      <c r="B38205" s="6"/>
      <c r="C38205" s="6" t="s">
        <v>32230</v>
      </c>
      <c r="D38205" s="6"/>
      <c r="E38205" s="6"/>
      <c r="F38205" s="7">
        <v>40497</v>
      </c>
      <c r="G38205" s="8">
        <v>46913096</v>
      </c>
      <c r="H38205" s="8">
        <v>35560128</v>
      </c>
      <c r="I38205" s="8">
        <v>12385056</v>
      </c>
      <c r="J38205" s="8">
        <v>34528040</v>
      </c>
      <c r="K38205" s="9"/>
      <c r="L38205" s="6"/>
    </row>
    <row r="38206" spans="1:12">
      <c r="A38206" s="6" t="s">
        <v>25427</v>
      </c>
      <c r="B38206" s="6"/>
      <c r="C38206" s="6" t="s">
        <v>32230</v>
      </c>
      <c r="D38206" s="6"/>
      <c r="E38206" s="6"/>
      <c r="F38206" s="7">
        <v>40497</v>
      </c>
      <c r="G38206" s="8">
        <v>43592763</v>
      </c>
      <c r="H38206" s="8">
        <v>33043323</v>
      </c>
      <c r="I38206" s="8">
        <v>11508480</v>
      </c>
      <c r="J38206" s="8">
        <v>32084283</v>
      </c>
      <c r="K38206" s="9"/>
      <c r="L38206" s="6"/>
    </row>
    <row r="38207" spans="1:12">
      <c r="A38207" s="6" t="s">
        <v>25427</v>
      </c>
      <c r="B38207" s="6"/>
      <c r="C38207" s="6" t="s">
        <v>32230</v>
      </c>
      <c r="D38207" s="6"/>
      <c r="E38207" s="6"/>
      <c r="F38207" s="7">
        <v>43850</v>
      </c>
      <c r="G38207" s="8">
        <v>935660</v>
      </c>
      <c r="H38207" s="8">
        <v>872971</v>
      </c>
      <c r="I38207" s="8">
        <v>125378</v>
      </c>
      <c r="J38207" s="8">
        <v>810282</v>
      </c>
      <c r="K38207" s="9"/>
      <c r="L38207" s="6"/>
    </row>
    <row r="38208" spans="1:12">
      <c r="A38208" s="6" t="s">
        <v>25427</v>
      </c>
      <c r="B38208" s="6"/>
      <c r="C38208" s="6" t="s">
        <v>32230</v>
      </c>
      <c r="D38208" s="6"/>
      <c r="E38208" s="6"/>
      <c r="F38208" s="7">
        <v>40497</v>
      </c>
      <c r="G38208" s="8">
        <v>2367076</v>
      </c>
      <c r="H38208" s="8">
        <v>1794251</v>
      </c>
      <c r="I38208" s="8">
        <v>624900</v>
      </c>
      <c r="J38208" s="8">
        <v>1742176</v>
      </c>
      <c r="K38208" s="9"/>
      <c r="L38208" s="6"/>
    </row>
    <row r="38209" spans="1:12">
      <c r="A38209" s="6" t="s">
        <v>25427</v>
      </c>
      <c r="B38209" s="6"/>
      <c r="C38209" s="6" t="s">
        <v>32230</v>
      </c>
      <c r="D38209" s="6"/>
      <c r="E38209" s="6"/>
      <c r="F38209" s="7">
        <v>40137</v>
      </c>
      <c r="G38209" s="8">
        <v>254915</v>
      </c>
      <c r="H38209" s="8">
        <v>193227</v>
      </c>
      <c r="I38209" s="8">
        <v>67296</v>
      </c>
      <c r="J38209" s="8">
        <v>187619</v>
      </c>
      <c r="K38209" s="9"/>
      <c r="L38209" s="6"/>
    </row>
    <row r="38210" spans="1:12">
      <c r="A38210" s="6" t="s">
        <v>25427</v>
      </c>
      <c r="B38210" s="6"/>
      <c r="C38210" s="6" t="s">
        <v>32230</v>
      </c>
      <c r="D38210" s="6"/>
      <c r="E38210" s="6"/>
      <c r="F38210" s="7">
        <v>40137</v>
      </c>
      <c r="G38210" s="8">
        <v>244205</v>
      </c>
      <c r="H38210" s="8">
        <v>185113</v>
      </c>
      <c r="I38210" s="8">
        <v>64464</v>
      </c>
      <c r="J38210" s="8">
        <v>179741</v>
      </c>
      <c r="K38210" s="9"/>
      <c r="L38210" s="6"/>
    </row>
    <row r="38211" spans="1:12">
      <c r="A38211" s="6" t="s">
        <v>25452</v>
      </c>
      <c r="B38211" s="6" t="s">
        <v>37816</v>
      </c>
      <c r="C38211" s="6" t="s">
        <v>32230</v>
      </c>
      <c r="D38211" s="6" t="s">
        <v>37817</v>
      </c>
      <c r="E38211" s="6" t="s">
        <v>9</v>
      </c>
      <c r="F38211" s="7">
        <v>27515</v>
      </c>
      <c r="G38211" s="8">
        <v>185760000</v>
      </c>
      <c r="H38211" s="8">
        <v>1857600</v>
      </c>
      <c r="I38211" s="8">
        <v>185759999</v>
      </c>
      <c r="J38211" s="8">
        <v>1</v>
      </c>
      <c r="K38211" s="9">
        <v>1376</v>
      </c>
      <c r="L38211" s="6"/>
    </row>
    <row r="38212" spans="1:12">
      <c r="A38212" s="6" t="s">
        <v>25452</v>
      </c>
      <c r="B38212" s="6" t="s">
        <v>37816</v>
      </c>
      <c r="C38212" s="6" t="s">
        <v>32230</v>
      </c>
      <c r="D38212" s="6" t="s">
        <v>37817</v>
      </c>
      <c r="E38212" s="6" t="s">
        <v>9</v>
      </c>
      <c r="F38212" s="7">
        <v>40036</v>
      </c>
      <c r="G38212" s="8">
        <v>787500</v>
      </c>
      <c r="H38212" s="8">
        <v>207118</v>
      </c>
      <c r="I38212" s="8">
        <v>633144</v>
      </c>
      <c r="J38212" s="8">
        <v>154356</v>
      </c>
      <c r="K38212" s="9"/>
      <c r="L38212" s="6"/>
    </row>
    <row r="38213" spans="1:12">
      <c r="A38213" s="6" t="s">
        <v>25452</v>
      </c>
      <c r="B38213" s="6" t="s">
        <v>37816</v>
      </c>
      <c r="C38213" s="6" t="s">
        <v>32230</v>
      </c>
      <c r="D38213" s="6" t="s">
        <v>37817</v>
      </c>
      <c r="E38213" s="6" t="s">
        <v>9</v>
      </c>
      <c r="F38213" s="7">
        <v>41550</v>
      </c>
      <c r="G38213" s="8">
        <v>1050000</v>
      </c>
      <c r="H38213" s="8">
        <v>315000</v>
      </c>
      <c r="I38213" s="8">
        <v>840000</v>
      </c>
      <c r="J38213" s="8">
        <v>210000</v>
      </c>
      <c r="K38213" s="9"/>
      <c r="L38213" s="6"/>
    </row>
    <row r="38214" spans="1:12">
      <c r="A38214" s="6" t="s">
        <v>25452</v>
      </c>
      <c r="B38214" s="6" t="s">
        <v>37816</v>
      </c>
      <c r="C38214" s="6" t="s">
        <v>32230</v>
      </c>
      <c r="D38214" s="6" t="s">
        <v>37817</v>
      </c>
      <c r="E38214" s="6" t="s">
        <v>9</v>
      </c>
      <c r="F38214" s="7">
        <v>43555</v>
      </c>
      <c r="G38214" s="8">
        <v>3787200</v>
      </c>
      <c r="H38214" s="8">
        <v>3279716</v>
      </c>
      <c r="I38214" s="8">
        <v>761226</v>
      </c>
      <c r="J38214" s="8">
        <v>3025974</v>
      </c>
      <c r="K38214" s="9"/>
      <c r="L38214" s="6"/>
    </row>
    <row r="38215" spans="1:12">
      <c r="A38215" s="6" t="s">
        <v>25452</v>
      </c>
      <c r="B38215" s="6" t="s">
        <v>37816</v>
      </c>
      <c r="C38215" s="6" t="s">
        <v>32230</v>
      </c>
      <c r="D38215" s="6" t="s">
        <v>37817</v>
      </c>
      <c r="E38215" s="6" t="s">
        <v>9</v>
      </c>
      <c r="F38215" s="7">
        <v>40036</v>
      </c>
      <c r="G38215" s="8">
        <v>1260000</v>
      </c>
      <c r="H38215" s="8">
        <v>331380</v>
      </c>
      <c r="I38215" s="8">
        <v>1013040</v>
      </c>
      <c r="J38215" s="8">
        <v>246960</v>
      </c>
      <c r="K38215" s="9"/>
      <c r="L38215" s="6"/>
    </row>
    <row r="38216" spans="1:12">
      <c r="A38216" s="6" t="s">
        <v>25452</v>
      </c>
      <c r="B38216" s="6" t="s">
        <v>37816</v>
      </c>
      <c r="C38216" s="6" t="s">
        <v>32230</v>
      </c>
      <c r="D38216" s="6" t="s">
        <v>37817</v>
      </c>
      <c r="E38216" s="6" t="s">
        <v>9</v>
      </c>
      <c r="F38216" s="7">
        <v>43461</v>
      </c>
      <c r="G38216" s="8">
        <v>83160</v>
      </c>
      <c r="H38216" s="8">
        <v>73848</v>
      </c>
      <c r="I38216" s="8">
        <v>13968</v>
      </c>
      <c r="J38216" s="8">
        <v>69192</v>
      </c>
      <c r="K38216" s="9"/>
      <c r="L38216" s="6"/>
    </row>
    <row r="38217" spans="1:12">
      <c r="A38217" s="6" t="s">
        <v>25452</v>
      </c>
      <c r="B38217" s="6" t="s">
        <v>37818</v>
      </c>
      <c r="C38217" s="6" t="s">
        <v>32230</v>
      </c>
      <c r="D38217" s="6" t="s">
        <v>37817</v>
      </c>
      <c r="E38217" s="6" t="s">
        <v>9</v>
      </c>
      <c r="F38217" s="7">
        <v>35462</v>
      </c>
      <c r="G38217" s="8">
        <v>19035000</v>
      </c>
      <c r="H38217" s="8">
        <v>8984520</v>
      </c>
      <c r="I38217" s="8">
        <v>10469250</v>
      </c>
      <c r="J38217" s="8">
        <v>8565750</v>
      </c>
      <c r="K38217" s="9">
        <v>141</v>
      </c>
      <c r="L38217" s="6"/>
    </row>
    <row r="38218" spans="1:12">
      <c r="A38218" s="6" t="s">
        <v>25452</v>
      </c>
      <c r="B38218" s="6" t="s">
        <v>37819</v>
      </c>
      <c r="C38218" s="6" t="s">
        <v>32230</v>
      </c>
      <c r="D38218" s="6" t="s">
        <v>37817</v>
      </c>
      <c r="E38218" s="6" t="s">
        <v>9</v>
      </c>
      <c r="F38218" s="7">
        <v>35462</v>
      </c>
      <c r="G38218" s="8">
        <v>112050000</v>
      </c>
      <c r="H38218" s="8">
        <v>52887600</v>
      </c>
      <c r="I38218" s="8">
        <v>61627500</v>
      </c>
      <c r="J38218" s="8">
        <v>50422500</v>
      </c>
      <c r="K38218" s="9">
        <v>830</v>
      </c>
      <c r="L38218" s="6"/>
    </row>
    <row r="38219" spans="1:12">
      <c r="A38219" s="6" t="s">
        <v>25452</v>
      </c>
      <c r="B38219" s="6" t="s">
        <v>37820</v>
      </c>
      <c r="C38219" s="6" t="s">
        <v>32230</v>
      </c>
      <c r="D38219" s="6" t="s">
        <v>37817</v>
      </c>
      <c r="E38219" s="6" t="s">
        <v>9</v>
      </c>
      <c r="F38219" s="7">
        <v>32325</v>
      </c>
      <c r="G38219" s="8">
        <v>8120000</v>
      </c>
      <c r="H38219" s="8">
        <v>324800</v>
      </c>
      <c r="I38219" s="8">
        <v>8038800</v>
      </c>
      <c r="J38219" s="8">
        <v>81200</v>
      </c>
      <c r="K38219" s="9">
        <v>116</v>
      </c>
      <c r="L38219" s="6"/>
    </row>
    <row r="38220" spans="1:12">
      <c r="A38220" s="6" t="s">
        <v>25452</v>
      </c>
      <c r="B38220" s="6" t="s">
        <v>37821</v>
      </c>
      <c r="C38220" s="6" t="s">
        <v>32230</v>
      </c>
      <c r="D38220" s="6" t="s">
        <v>37817</v>
      </c>
      <c r="E38220" s="6" t="s">
        <v>9</v>
      </c>
      <c r="F38220" s="7">
        <v>27638</v>
      </c>
      <c r="G38220" s="8">
        <v>85050000</v>
      </c>
      <c r="H38220" s="8">
        <v>850500</v>
      </c>
      <c r="I38220" s="8">
        <v>85049999</v>
      </c>
      <c r="J38220" s="8">
        <v>1</v>
      </c>
      <c r="K38220" s="9">
        <v>630</v>
      </c>
      <c r="L38220" s="6"/>
    </row>
    <row r="38221" spans="1:12">
      <c r="A38221" s="6" t="s">
        <v>25452</v>
      </c>
      <c r="B38221" s="6" t="s">
        <v>37822</v>
      </c>
      <c r="C38221" s="6" t="s">
        <v>32230</v>
      </c>
      <c r="D38221" s="6" t="s">
        <v>37817</v>
      </c>
      <c r="E38221" s="6" t="s">
        <v>9</v>
      </c>
      <c r="F38221" s="7">
        <v>35462</v>
      </c>
      <c r="G38221" s="8">
        <v>1080000</v>
      </c>
      <c r="H38221" s="8">
        <v>509760</v>
      </c>
      <c r="I38221" s="8">
        <v>594000</v>
      </c>
      <c r="J38221" s="8">
        <v>486000</v>
      </c>
      <c r="K38221" s="9">
        <v>8</v>
      </c>
      <c r="L38221" s="6"/>
    </row>
    <row r="38222" spans="1:12">
      <c r="A38222" s="6" t="s">
        <v>25545</v>
      </c>
      <c r="B38222" s="6" t="s">
        <v>37823</v>
      </c>
      <c r="C38222" s="6" t="s">
        <v>32230</v>
      </c>
      <c r="D38222" s="6" t="s">
        <v>37824</v>
      </c>
      <c r="E38222" s="6" t="s">
        <v>9</v>
      </c>
      <c r="F38222" s="7">
        <v>40280</v>
      </c>
      <c r="G38222" s="8">
        <v>7192500</v>
      </c>
      <c r="H38222" s="8">
        <v>1</v>
      </c>
      <c r="I38222" s="8">
        <v>7192499</v>
      </c>
      <c r="J38222" s="8">
        <v>1</v>
      </c>
      <c r="K38222" s="9"/>
      <c r="L38222" s="6"/>
    </row>
    <row r="38223" spans="1:12">
      <c r="A38223" s="6" t="s">
        <v>25545</v>
      </c>
      <c r="B38223" s="6" t="s">
        <v>37823</v>
      </c>
      <c r="C38223" s="6" t="s">
        <v>32230</v>
      </c>
      <c r="D38223" s="6" t="s">
        <v>37824</v>
      </c>
      <c r="E38223" s="6" t="s">
        <v>9</v>
      </c>
      <c r="F38223" s="7">
        <v>44286</v>
      </c>
      <c r="G38223" s="8">
        <v>1059537697</v>
      </c>
      <c r="H38223" s="8">
        <v>1059537697</v>
      </c>
      <c r="I38223" s="8">
        <v>23309829</v>
      </c>
      <c r="J38223" s="8">
        <v>1036227868</v>
      </c>
      <c r="K38223" s="9"/>
      <c r="L38223" s="6"/>
    </row>
    <row r="38224" spans="1:12">
      <c r="A38224" s="6" t="s">
        <v>25545</v>
      </c>
      <c r="B38224" s="6" t="s">
        <v>37823</v>
      </c>
      <c r="C38224" s="6" t="s">
        <v>32230</v>
      </c>
      <c r="D38224" s="6" t="s">
        <v>37824</v>
      </c>
      <c r="E38224" s="6" t="s">
        <v>9</v>
      </c>
      <c r="F38224" s="7">
        <v>41240</v>
      </c>
      <c r="G38224" s="8">
        <v>336000</v>
      </c>
      <c r="H38224" s="8">
        <v>155904</v>
      </c>
      <c r="I38224" s="8">
        <v>202608</v>
      </c>
      <c r="J38224" s="8">
        <v>133392</v>
      </c>
      <c r="K38224" s="9"/>
      <c r="L38224" s="6"/>
    </row>
    <row r="38225" spans="1:12">
      <c r="A38225" s="6" t="s">
        <v>25545</v>
      </c>
      <c r="B38225" s="6" t="s">
        <v>37823</v>
      </c>
      <c r="C38225" s="6" t="s">
        <v>32230</v>
      </c>
      <c r="D38225" s="6" t="s">
        <v>37824</v>
      </c>
      <c r="E38225" s="6" t="s">
        <v>9</v>
      </c>
      <c r="F38225" s="7">
        <v>44277</v>
      </c>
      <c r="G38225" s="8">
        <v>188837047</v>
      </c>
      <c r="H38225" s="8">
        <v>188837047</v>
      </c>
      <c r="I38225" s="8">
        <v>12652082</v>
      </c>
      <c r="J38225" s="8">
        <v>176184965</v>
      </c>
      <c r="K38225" s="9"/>
      <c r="L38225" s="6"/>
    </row>
    <row r="38226" spans="1:12">
      <c r="A38226" s="6" t="s">
        <v>25545</v>
      </c>
      <c r="B38226" s="6" t="s">
        <v>37823</v>
      </c>
      <c r="C38226" s="6" t="s">
        <v>32230</v>
      </c>
      <c r="D38226" s="6" t="s">
        <v>37824</v>
      </c>
      <c r="E38226" s="6" t="s">
        <v>9</v>
      </c>
      <c r="F38226" s="7">
        <v>44277</v>
      </c>
      <c r="G38226" s="8">
        <v>244475916</v>
      </c>
      <c r="H38226" s="8">
        <v>244475916</v>
      </c>
      <c r="I38226" s="8">
        <v>16379886</v>
      </c>
      <c r="J38226" s="8">
        <v>228096030</v>
      </c>
      <c r="K38226" s="9"/>
      <c r="L38226" s="6"/>
    </row>
    <row r="38227" spans="1:12">
      <c r="A38227" s="6" t="s">
        <v>25545</v>
      </c>
      <c r="B38227" s="6" t="s">
        <v>37823</v>
      </c>
      <c r="C38227" s="6" t="s">
        <v>32230</v>
      </c>
      <c r="D38227" s="6" t="s">
        <v>37824</v>
      </c>
      <c r="E38227" s="6" t="s">
        <v>9</v>
      </c>
      <c r="F38227" s="7">
        <v>39983</v>
      </c>
      <c r="G38227" s="8">
        <v>1155000</v>
      </c>
      <c r="H38227" s="8">
        <v>303765</v>
      </c>
      <c r="I38227" s="8">
        <v>928620</v>
      </c>
      <c r="J38227" s="8">
        <v>226380</v>
      </c>
      <c r="K38227" s="9"/>
      <c r="L38227" s="6"/>
    </row>
    <row r="38228" spans="1:12">
      <c r="A38228" s="6" t="s">
        <v>25545</v>
      </c>
      <c r="B38228" s="6" t="s">
        <v>37823</v>
      </c>
      <c r="C38228" s="6" t="s">
        <v>32230</v>
      </c>
      <c r="D38228" s="6" t="s">
        <v>37824</v>
      </c>
      <c r="E38228" s="6" t="s">
        <v>9</v>
      </c>
      <c r="F38228" s="7">
        <v>43555</v>
      </c>
      <c r="G38228" s="8">
        <v>3787200</v>
      </c>
      <c r="H38228" s="8">
        <v>3279716</v>
      </c>
      <c r="I38228" s="8">
        <v>761226</v>
      </c>
      <c r="J38228" s="8">
        <v>3025974</v>
      </c>
      <c r="K38228" s="9"/>
      <c r="L38228" s="6"/>
    </row>
    <row r="38229" spans="1:12">
      <c r="A38229" s="6" t="s">
        <v>25545</v>
      </c>
      <c r="B38229" s="6" t="s">
        <v>37823</v>
      </c>
      <c r="C38229" s="6" t="s">
        <v>32230</v>
      </c>
      <c r="D38229" s="6" t="s">
        <v>37824</v>
      </c>
      <c r="E38229" s="6" t="s">
        <v>9</v>
      </c>
      <c r="F38229" s="7">
        <v>30376</v>
      </c>
      <c r="G38229" s="8">
        <v>250425000</v>
      </c>
      <c r="H38229" s="8">
        <v>41069700</v>
      </c>
      <c r="I38229" s="8">
        <v>214864650</v>
      </c>
      <c r="J38229" s="8">
        <v>35560350</v>
      </c>
      <c r="K38229" s="9">
        <v>1855</v>
      </c>
      <c r="L38229" s="6"/>
    </row>
    <row r="38230" spans="1:12">
      <c r="A38230" s="6" t="s">
        <v>25545</v>
      </c>
      <c r="B38230" s="6" t="s">
        <v>37823</v>
      </c>
      <c r="C38230" s="6" t="s">
        <v>32230</v>
      </c>
      <c r="D38230" s="6" t="s">
        <v>37824</v>
      </c>
      <c r="E38230" s="6" t="s">
        <v>9</v>
      </c>
      <c r="F38230" s="7">
        <v>41528</v>
      </c>
      <c r="G38230" s="8">
        <v>1953000</v>
      </c>
      <c r="H38230" s="8">
        <v>585900</v>
      </c>
      <c r="I38230" s="8">
        <v>1562400</v>
      </c>
      <c r="J38230" s="8">
        <v>390600</v>
      </c>
      <c r="K38230" s="9"/>
      <c r="L38230" s="6"/>
    </row>
    <row r="38231" spans="1:12">
      <c r="A38231" s="6" t="s">
        <v>25545</v>
      </c>
      <c r="B38231" s="6" t="s">
        <v>37825</v>
      </c>
      <c r="C38231" s="6" t="s">
        <v>32230</v>
      </c>
      <c r="D38231" s="6" t="s">
        <v>37824</v>
      </c>
      <c r="E38231" s="6" t="s">
        <v>9</v>
      </c>
      <c r="F38231" s="7">
        <v>42783</v>
      </c>
      <c r="G38231" s="8">
        <v>2954736</v>
      </c>
      <c r="H38231" s="8">
        <v>2162868</v>
      </c>
      <c r="I38231" s="8">
        <v>989835</v>
      </c>
      <c r="J38231" s="8">
        <v>1964901</v>
      </c>
      <c r="K38231" s="9"/>
      <c r="L38231" s="6"/>
    </row>
    <row r="38232" spans="1:12">
      <c r="A38232" s="6" t="s">
        <v>25545</v>
      </c>
      <c r="B38232" s="6" t="s">
        <v>37825</v>
      </c>
      <c r="C38232" s="6" t="s">
        <v>32230</v>
      </c>
      <c r="D38232" s="6" t="s">
        <v>37824</v>
      </c>
      <c r="E38232" s="6" t="s">
        <v>9</v>
      </c>
      <c r="F38232" s="7">
        <v>42783</v>
      </c>
      <c r="G38232" s="8">
        <v>3793881</v>
      </c>
      <c r="H38232" s="8">
        <v>2898529</v>
      </c>
      <c r="I38232" s="8">
        <v>1119190</v>
      </c>
      <c r="J38232" s="8">
        <v>2674691</v>
      </c>
      <c r="K38232" s="9"/>
      <c r="L38232" s="6"/>
    </row>
    <row r="38233" spans="1:12">
      <c r="A38233" s="6" t="s">
        <v>25545</v>
      </c>
      <c r="B38233" s="6" t="s">
        <v>37825</v>
      </c>
      <c r="C38233" s="6" t="s">
        <v>32230</v>
      </c>
      <c r="D38233" s="6" t="s">
        <v>37824</v>
      </c>
      <c r="E38233" s="6" t="s">
        <v>9</v>
      </c>
      <c r="F38233" s="7">
        <v>42783</v>
      </c>
      <c r="G38233" s="8">
        <v>60631183</v>
      </c>
      <c r="H38233" s="8">
        <v>55295639</v>
      </c>
      <c r="I38233" s="8">
        <v>6669430</v>
      </c>
      <c r="J38233" s="8">
        <v>53961753</v>
      </c>
      <c r="K38233" s="9">
        <v>133</v>
      </c>
      <c r="L38233" s="6"/>
    </row>
    <row r="38234" spans="1:12">
      <c r="A38234" s="6" t="s">
        <v>25545</v>
      </c>
      <c r="B38234" s="6" t="s">
        <v>37826</v>
      </c>
      <c r="C38234" s="6" t="s">
        <v>32230</v>
      </c>
      <c r="D38234" s="6" t="s">
        <v>37824</v>
      </c>
      <c r="E38234" s="6" t="s">
        <v>9</v>
      </c>
      <c r="F38234" s="7">
        <v>30376</v>
      </c>
      <c r="G38234" s="8">
        <v>143705000</v>
      </c>
      <c r="H38234" s="8">
        <v>7185250</v>
      </c>
      <c r="I38234" s="8">
        <v>140112375</v>
      </c>
      <c r="J38234" s="8">
        <v>3592625</v>
      </c>
      <c r="K38234" s="9">
        <v>701</v>
      </c>
      <c r="L38234" s="6"/>
    </row>
    <row r="38235" spans="1:12">
      <c r="A38235" s="6" t="s">
        <v>25545</v>
      </c>
      <c r="B38235" s="6" t="s">
        <v>37827</v>
      </c>
      <c r="C38235" s="6" t="s">
        <v>32230</v>
      </c>
      <c r="D38235" s="6" t="s">
        <v>37824</v>
      </c>
      <c r="E38235" s="6" t="s">
        <v>9</v>
      </c>
      <c r="F38235" s="7">
        <v>38808</v>
      </c>
      <c r="G38235" s="8">
        <v>52245000</v>
      </c>
      <c r="H38235" s="8">
        <v>36153540</v>
      </c>
      <c r="I38235" s="8">
        <v>17240850</v>
      </c>
      <c r="J38235" s="8">
        <v>35004150</v>
      </c>
      <c r="K38235" s="9">
        <v>387</v>
      </c>
      <c r="L38235" s="6"/>
    </row>
    <row r="38236" spans="1:12">
      <c r="A38236" s="6" t="s">
        <v>25545</v>
      </c>
      <c r="B38236" s="6" t="s">
        <v>37828</v>
      </c>
      <c r="C38236" s="6" t="s">
        <v>32230</v>
      </c>
      <c r="D38236" s="6" t="s">
        <v>37824</v>
      </c>
      <c r="E38236" s="6" t="s">
        <v>9</v>
      </c>
      <c r="F38236" s="7">
        <v>30376</v>
      </c>
      <c r="G38236" s="8">
        <v>143235000</v>
      </c>
      <c r="H38236" s="8">
        <v>23490540</v>
      </c>
      <c r="I38236" s="8">
        <v>122895630</v>
      </c>
      <c r="J38236" s="8">
        <v>20339370</v>
      </c>
      <c r="K38236" s="9">
        <v>1061</v>
      </c>
      <c r="L38236" s="6"/>
    </row>
    <row r="38237" spans="1:12">
      <c r="A38237" s="6" t="s">
        <v>25545</v>
      </c>
      <c r="B38237" s="6" t="s">
        <v>37829</v>
      </c>
      <c r="C38237" s="6" t="s">
        <v>32230</v>
      </c>
      <c r="D38237" s="6" t="s">
        <v>37824</v>
      </c>
      <c r="E38237" s="6" t="s">
        <v>9</v>
      </c>
      <c r="F38237" s="7">
        <v>30437</v>
      </c>
      <c r="G38237" s="8">
        <v>8260000</v>
      </c>
      <c r="H38237" s="8">
        <v>1</v>
      </c>
      <c r="I38237" s="8">
        <v>8259999</v>
      </c>
      <c r="J38237" s="8">
        <v>1</v>
      </c>
      <c r="K38237" s="9">
        <v>118</v>
      </c>
      <c r="L38237" s="6"/>
    </row>
    <row r="38238" spans="1:12">
      <c r="A38238" s="6" t="s">
        <v>25545</v>
      </c>
      <c r="B38238" s="6" t="s">
        <v>37830</v>
      </c>
      <c r="C38238" s="6" t="s">
        <v>32230</v>
      </c>
      <c r="D38238" s="6" t="s">
        <v>37824</v>
      </c>
      <c r="E38238" s="6" t="s">
        <v>9</v>
      </c>
      <c r="F38238" s="7">
        <v>43784</v>
      </c>
      <c r="G38238" s="8">
        <v>216000</v>
      </c>
      <c r="H38238" s="8">
        <v>201528</v>
      </c>
      <c r="I38238" s="8">
        <v>28944</v>
      </c>
      <c r="J38238" s="8">
        <v>187056</v>
      </c>
      <c r="K38238" s="9"/>
      <c r="L38238" s="6"/>
    </row>
    <row r="38239" spans="1:12">
      <c r="A38239" s="6" t="s">
        <v>25545</v>
      </c>
      <c r="B38239" s="6" t="s">
        <v>37830</v>
      </c>
      <c r="C38239" s="6" t="s">
        <v>32230</v>
      </c>
      <c r="D38239" s="6" t="s">
        <v>37824</v>
      </c>
      <c r="E38239" s="6" t="s">
        <v>9</v>
      </c>
      <c r="F38239" s="7">
        <v>30376</v>
      </c>
      <c r="G38239" s="8">
        <v>171990000</v>
      </c>
      <c r="H38239" s="8">
        <v>28206360</v>
      </c>
      <c r="I38239" s="8">
        <v>147567420</v>
      </c>
      <c r="J38239" s="8">
        <v>24422580</v>
      </c>
      <c r="K38239" s="9">
        <v>1274</v>
      </c>
      <c r="L38239" s="6"/>
    </row>
    <row r="38240" spans="1:12">
      <c r="A38240" s="6" t="s">
        <v>25545</v>
      </c>
      <c r="B38240" s="6" t="s">
        <v>37830</v>
      </c>
      <c r="C38240" s="6" t="s">
        <v>32230</v>
      </c>
      <c r="D38240" s="6" t="s">
        <v>37824</v>
      </c>
      <c r="E38240" s="6" t="s">
        <v>9</v>
      </c>
      <c r="F38240" s="7">
        <v>43003</v>
      </c>
      <c r="G38240" s="8">
        <v>648000</v>
      </c>
      <c r="H38240" s="8">
        <v>453600</v>
      </c>
      <c r="I38240" s="8">
        <v>259200</v>
      </c>
      <c r="J38240" s="8">
        <v>388800</v>
      </c>
      <c r="K38240" s="9"/>
      <c r="L38240" s="6"/>
    </row>
    <row r="38241" spans="1:12">
      <c r="A38241" s="6" t="s">
        <v>25545</v>
      </c>
      <c r="B38241" s="6" t="s">
        <v>37831</v>
      </c>
      <c r="C38241" s="6" t="s">
        <v>32230</v>
      </c>
      <c r="D38241" s="6" t="s">
        <v>37824</v>
      </c>
      <c r="E38241" s="6" t="s">
        <v>9</v>
      </c>
      <c r="F38241" s="7">
        <v>30376</v>
      </c>
      <c r="G38241" s="8">
        <v>24705000</v>
      </c>
      <c r="H38241" s="8">
        <v>4051620</v>
      </c>
      <c r="I38241" s="8">
        <v>21196890</v>
      </c>
      <c r="J38241" s="8">
        <v>3508110</v>
      </c>
      <c r="K38241" s="9">
        <v>183</v>
      </c>
      <c r="L38241" s="6"/>
    </row>
    <row r="38242" spans="1:12">
      <c r="A38242" s="6" t="s">
        <v>25545</v>
      </c>
      <c r="B38242" s="6" t="s">
        <v>37832</v>
      </c>
      <c r="C38242" s="6" t="s">
        <v>32230</v>
      </c>
      <c r="D38242" s="6" t="s">
        <v>37824</v>
      </c>
      <c r="E38242" s="6" t="s">
        <v>9</v>
      </c>
      <c r="F38242" s="7">
        <v>37288</v>
      </c>
      <c r="G38242" s="8">
        <v>49815000</v>
      </c>
      <c r="H38242" s="8">
        <v>28992330</v>
      </c>
      <c r="I38242" s="8">
        <v>21918600</v>
      </c>
      <c r="J38242" s="8">
        <v>27896400</v>
      </c>
      <c r="K38242" s="9">
        <v>369</v>
      </c>
      <c r="L38242" s="6"/>
    </row>
    <row r="38243" spans="1:12">
      <c r="A38243" s="6" t="s">
        <v>37833</v>
      </c>
      <c r="B38243" s="6" t="s">
        <v>37786</v>
      </c>
      <c r="C38243" s="6" t="s">
        <v>32230</v>
      </c>
      <c r="D38243" s="6" t="s">
        <v>37834</v>
      </c>
      <c r="E38243" s="6" t="s">
        <v>25121</v>
      </c>
      <c r="F38243" s="7">
        <v>32752</v>
      </c>
      <c r="G38243" s="8">
        <v>8736000</v>
      </c>
      <c r="H38243" s="8">
        <v>1</v>
      </c>
      <c r="I38243" s="8">
        <v>8735999</v>
      </c>
      <c r="J38243" s="8">
        <v>1</v>
      </c>
      <c r="K38243" s="9">
        <v>124.8</v>
      </c>
      <c r="L38243" s="6"/>
    </row>
    <row r="38244" spans="1:12">
      <c r="A38244" s="6" t="s">
        <v>25618</v>
      </c>
      <c r="B38244" s="6" t="s">
        <v>37835</v>
      </c>
      <c r="C38244" s="6" t="s">
        <v>32230</v>
      </c>
      <c r="D38244" s="6" t="s">
        <v>37836</v>
      </c>
      <c r="E38244" s="6" t="s">
        <v>9</v>
      </c>
      <c r="F38244" s="7">
        <v>28672</v>
      </c>
      <c r="G38244" s="8">
        <v>9520000</v>
      </c>
      <c r="H38244" s="8">
        <v>1</v>
      </c>
      <c r="I38244" s="8">
        <v>9519999</v>
      </c>
      <c r="J38244" s="8">
        <v>1</v>
      </c>
      <c r="K38244" s="9">
        <v>136</v>
      </c>
      <c r="L38244" s="6"/>
    </row>
    <row r="38245" spans="1:12">
      <c r="A38245" s="6" t="s">
        <v>25618</v>
      </c>
      <c r="B38245" s="6" t="s">
        <v>37837</v>
      </c>
      <c r="C38245" s="6" t="s">
        <v>32230</v>
      </c>
      <c r="D38245" s="6" t="s">
        <v>37836</v>
      </c>
      <c r="E38245" s="6" t="s">
        <v>9</v>
      </c>
      <c r="F38245" s="7">
        <v>39295</v>
      </c>
      <c r="G38245" s="8">
        <v>720000</v>
      </c>
      <c r="H38245" s="8">
        <v>439200</v>
      </c>
      <c r="I38245" s="8">
        <v>302400</v>
      </c>
      <c r="J38245" s="8">
        <v>417600</v>
      </c>
      <c r="K38245" s="9">
        <v>9</v>
      </c>
      <c r="L38245" s="6"/>
    </row>
    <row r="38246" spans="1:12">
      <c r="A38246" s="6" t="s">
        <v>25618</v>
      </c>
      <c r="B38246" s="6" t="s">
        <v>37838</v>
      </c>
      <c r="C38246" s="6" t="s">
        <v>32230</v>
      </c>
      <c r="D38246" s="6" t="s">
        <v>37836</v>
      </c>
      <c r="E38246" s="6" t="s">
        <v>9</v>
      </c>
      <c r="F38246" s="7">
        <v>39400</v>
      </c>
      <c r="G38246" s="8">
        <v>424085</v>
      </c>
      <c r="H38246" s="8">
        <v>1</v>
      </c>
      <c r="I38246" s="8">
        <v>424084</v>
      </c>
      <c r="J38246" s="8">
        <v>1</v>
      </c>
      <c r="K38246" s="9"/>
      <c r="L38246" s="6"/>
    </row>
    <row r="38247" spans="1:12">
      <c r="A38247" s="6" t="s">
        <v>25618</v>
      </c>
      <c r="B38247" s="6" t="s">
        <v>37838</v>
      </c>
      <c r="C38247" s="6" t="s">
        <v>32230</v>
      </c>
      <c r="D38247" s="6" t="s">
        <v>37836</v>
      </c>
      <c r="E38247" s="6" t="s">
        <v>9</v>
      </c>
      <c r="F38247" s="7">
        <v>28550</v>
      </c>
      <c r="G38247" s="8">
        <v>312930000</v>
      </c>
      <c r="H38247" s="8">
        <v>16898220</v>
      </c>
      <c r="I38247" s="8">
        <v>302916240</v>
      </c>
      <c r="J38247" s="8">
        <v>10013760</v>
      </c>
      <c r="K38247" s="9">
        <v>2318</v>
      </c>
      <c r="L38247" s="6"/>
    </row>
    <row r="38248" spans="1:12">
      <c r="A38248" s="6" t="s">
        <v>25618</v>
      </c>
      <c r="B38248" s="6" t="s">
        <v>37838</v>
      </c>
      <c r="C38248" s="6" t="s">
        <v>32230</v>
      </c>
      <c r="D38248" s="6" t="s">
        <v>37836</v>
      </c>
      <c r="E38248" s="6" t="s">
        <v>9</v>
      </c>
      <c r="F38248" s="7">
        <v>39766</v>
      </c>
      <c r="G38248" s="8">
        <v>2586217</v>
      </c>
      <c r="H38248" s="8">
        <v>1846569</v>
      </c>
      <c r="I38248" s="8">
        <v>796544</v>
      </c>
      <c r="J38248" s="8">
        <v>1789673</v>
      </c>
      <c r="K38248" s="9"/>
      <c r="L38248" s="6"/>
    </row>
    <row r="38249" spans="1:12">
      <c r="A38249" s="6" t="s">
        <v>25618</v>
      </c>
      <c r="B38249" s="6" t="s">
        <v>37838</v>
      </c>
      <c r="C38249" s="6" t="s">
        <v>32230</v>
      </c>
      <c r="D38249" s="6" t="s">
        <v>37836</v>
      </c>
      <c r="E38249" s="6" t="s">
        <v>9</v>
      </c>
      <c r="F38249" s="7">
        <v>39758</v>
      </c>
      <c r="G38249" s="8">
        <v>12722578</v>
      </c>
      <c r="H38249" s="8">
        <v>2493634</v>
      </c>
      <c r="I38249" s="8">
        <v>11081356</v>
      </c>
      <c r="J38249" s="8">
        <v>1641222</v>
      </c>
      <c r="K38249" s="9"/>
      <c r="L38249" s="6"/>
    </row>
    <row r="38250" spans="1:12">
      <c r="A38250" s="6" t="s">
        <v>25618</v>
      </c>
      <c r="B38250" s="6" t="s">
        <v>37838</v>
      </c>
      <c r="C38250" s="6" t="s">
        <v>32230</v>
      </c>
      <c r="D38250" s="6" t="s">
        <v>37836</v>
      </c>
      <c r="E38250" s="6" t="s">
        <v>9</v>
      </c>
      <c r="F38250" s="7">
        <v>43555</v>
      </c>
      <c r="G38250" s="8">
        <v>3787200</v>
      </c>
      <c r="H38250" s="8">
        <v>3279716</v>
      </c>
      <c r="I38250" s="8">
        <v>761226</v>
      </c>
      <c r="J38250" s="8">
        <v>3025974</v>
      </c>
      <c r="K38250" s="9"/>
      <c r="L38250" s="6"/>
    </row>
    <row r="38251" spans="1:12">
      <c r="A38251" s="6" t="s">
        <v>25618</v>
      </c>
      <c r="B38251" s="6" t="s">
        <v>37838</v>
      </c>
      <c r="C38251" s="6" t="s">
        <v>32230</v>
      </c>
      <c r="D38251" s="6" t="s">
        <v>37836</v>
      </c>
      <c r="E38251" s="6" t="s">
        <v>9</v>
      </c>
      <c r="F38251" s="7">
        <v>39766</v>
      </c>
      <c r="G38251" s="8">
        <v>93652315</v>
      </c>
      <c r="H38251" s="8">
        <v>66867765</v>
      </c>
      <c r="I38251" s="8">
        <v>28844900</v>
      </c>
      <c r="J38251" s="8">
        <v>64807415</v>
      </c>
      <c r="K38251" s="9"/>
      <c r="L38251" s="6"/>
    </row>
    <row r="38252" spans="1:12">
      <c r="A38252" s="6" t="s">
        <v>25618</v>
      </c>
      <c r="B38252" s="6" t="s">
        <v>37838</v>
      </c>
      <c r="C38252" s="6" t="s">
        <v>32230</v>
      </c>
      <c r="D38252" s="6" t="s">
        <v>37836</v>
      </c>
      <c r="E38252" s="6" t="s">
        <v>9</v>
      </c>
      <c r="F38252" s="7">
        <v>39752</v>
      </c>
      <c r="G38252" s="8">
        <v>1218000</v>
      </c>
      <c r="H38252" s="8">
        <v>896448</v>
      </c>
      <c r="I38252" s="8">
        <v>348348</v>
      </c>
      <c r="J38252" s="8">
        <v>869652</v>
      </c>
      <c r="K38252" s="9"/>
      <c r="L38252" s="6"/>
    </row>
    <row r="38253" spans="1:12">
      <c r="A38253" s="6" t="s">
        <v>25618</v>
      </c>
      <c r="B38253" s="6" t="s">
        <v>37838</v>
      </c>
      <c r="C38253" s="6" t="s">
        <v>32230</v>
      </c>
      <c r="D38253" s="6" t="s">
        <v>37836</v>
      </c>
      <c r="E38253" s="6" t="s">
        <v>9</v>
      </c>
      <c r="F38253" s="7">
        <v>39758</v>
      </c>
      <c r="G38253" s="8">
        <v>30357486</v>
      </c>
      <c r="H38253" s="8">
        <v>9957258</v>
      </c>
      <c r="I38253" s="8">
        <v>22100247</v>
      </c>
      <c r="J38253" s="8">
        <v>8257239</v>
      </c>
      <c r="K38253" s="9"/>
      <c r="L38253" s="6"/>
    </row>
    <row r="38254" spans="1:12">
      <c r="A38254" s="6" t="s">
        <v>25618</v>
      </c>
      <c r="B38254" s="6" t="s">
        <v>37839</v>
      </c>
      <c r="C38254" s="6" t="s">
        <v>32230</v>
      </c>
      <c r="D38254" s="6" t="s">
        <v>37836</v>
      </c>
      <c r="E38254" s="6" t="s">
        <v>9</v>
      </c>
      <c r="F38254" s="7">
        <v>39400</v>
      </c>
      <c r="G38254" s="8">
        <v>239120</v>
      </c>
      <c r="H38254" s="8">
        <v>1</v>
      </c>
      <c r="I38254" s="8">
        <v>239119</v>
      </c>
      <c r="J38254" s="8">
        <v>1</v>
      </c>
      <c r="K38254" s="9"/>
      <c r="L38254" s="6"/>
    </row>
    <row r="38255" spans="1:12">
      <c r="A38255" s="6" t="s">
        <v>25618</v>
      </c>
      <c r="B38255" s="6" t="s">
        <v>37839</v>
      </c>
      <c r="C38255" s="6" t="s">
        <v>32230</v>
      </c>
      <c r="D38255" s="6" t="s">
        <v>37836</v>
      </c>
      <c r="E38255" s="6" t="s">
        <v>9</v>
      </c>
      <c r="F38255" s="7">
        <v>39766</v>
      </c>
      <c r="G38255" s="8">
        <v>1458233</v>
      </c>
      <c r="H38255" s="8">
        <v>1041180</v>
      </c>
      <c r="I38255" s="8">
        <v>449134</v>
      </c>
      <c r="J38255" s="8">
        <v>1009099</v>
      </c>
      <c r="K38255" s="9"/>
      <c r="L38255" s="6"/>
    </row>
    <row r="38256" spans="1:12">
      <c r="A38256" s="6" t="s">
        <v>25618</v>
      </c>
      <c r="B38256" s="6" t="s">
        <v>37839</v>
      </c>
      <c r="C38256" s="6" t="s">
        <v>32230</v>
      </c>
      <c r="D38256" s="6" t="s">
        <v>37836</v>
      </c>
      <c r="E38256" s="6" t="s">
        <v>9</v>
      </c>
      <c r="F38256" s="7">
        <v>39758</v>
      </c>
      <c r="G38256" s="8">
        <v>7173602</v>
      </c>
      <c r="H38256" s="8">
        <v>1406030</v>
      </c>
      <c r="I38256" s="8">
        <v>6248203</v>
      </c>
      <c r="J38256" s="8">
        <v>925399</v>
      </c>
      <c r="K38256" s="9"/>
      <c r="L38256" s="6"/>
    </row>
    <row r="38257" spans="1:12">
      <c r="A38257" s="6" t="s">
        <v>25618</v>
      </c>
      <c r="B38257" s="6" t="s">
        <v>37839</v>
      </c>
      <c r="C38257" s="6" t="s">
        <v>32230</v>
      </c>
      <c r="D38257" s="6" t="s">
        <v>37836</v>
      </c>
      <c r="E38257" s="6" t="s">
        <v>9</v>
      </c>
      <c r="F38257" s="7">
        <v>29281</v>
      </c>
      <c r="G38257" s="8">
        <v>176445000</v>
      </c>
      <c r="H38257" s="8">
        <v>17291610</v>
      </c>
      <c r="I38257" s="8">
        <v>163035180</v>
      </c>
      <c r="J38257" s="8">
        <v>13409820</v>
      </c>
      <c r="K38257" s="9">
        <v>1307</v>
      </c>
      <c r="L38257" s="6"/>
    </row>
    <row r="38258" spans="1:12">
      <c r="A38258" s="6" t="s">
        <v>25618</v>
      </c>
      <c r="B38258" s="6" t="s">
        <v>37839</v>
      </c>
      <c r="C38258" s="6" t="s">
        <v>32230</v>
      </c>
      <c r="D38258" s="6" t="s">
        <v>37836</v>
      </c>
      <c r="E38258" s="6" t="s">
        <v>9</v>
      </c>
      <c r="F38258" s="7">
        <v>39766</v>
      </c>
      <c r="G38258" s="8">
        <v>52805684</v>
      </c>
      <c r="H38258" s="8">
        <v>37703259</v>
      </c>
      <c r="I38258" s="8">
        <v>16264150</v>
      </c>
      <c r="J38258" s="8">
        <v>36541534</v>
      </c>
      <c r="K38258" s="9"/>
      <c r="L38258" s="6"/>
    </row>
    <row r="38259" spans="1:12">
      <c r="A38259" s="6" t="s">
        <v>25618</v>
      </c>
      <c r="B38259" s="6" t="s">
        <v>37839</v>
      </c>
      <c r="C38259" s="6" t="s">
        <v>32230</v>
      </c>
      <c r="D38259" s="6" t="s">
        <v>37836</v>
      </c>
      <c r="E38259" s="6" t="s">
        <v>9</v>
      </c>
      <c r="F38259" s="7">
        <v>39758</v>
      </c>
      <c r="G38259" s="8">
        <v>17117012</v>
      </c>
      <c r="H38259" s="8">
        <v>5614388</v>
      </c>
      <c r="I38259" s="8">
        <v>12461176</v>
      </c>
      <c r="J38259" s="8">
        <v>4655836</v>
      </c>
      <c r="K38259" s="9"/>
      <c r="L38259" s="6"/>
    </row>
    <row r="38260" spans="1:12">
      <c r="A38260" s="6" t="s">
        <v>25618</v>
      </c>
      <c r="B38260" s="6" t="s">
        <v>37840</v>
      </c>
      <c r="C38260" s="6" t="s">
        <v>32230</v>
      </c>
      <c r="D38260" s="6" t="s">
        <v>37836</v>
      </c>
      <c r="E38260" s="6" t="s">
        <v>9</v>
      </c>
      <c r="F38260" s="7">
        <v>28550</v>
      </c>
      <c r="G38260" s="8">
        <v>94880000</v>
      </c>
      <c r="H38260" s="8">
        <v>1</v>
      </c>
      <c r="I38260" s="8">
        <v>94879999</v>
      </c>
      <c r="J38260" s="8">
        <v>1</v>
      </c>
      <c r="K38260" s="9">
        <v>1186</v>
      </c>
      <c r="L38260" s="6"/>
    </row>
    <row r="38261" spans="1:12">
      <c r="A38261" s="6" t="s">
        <v>25618</v>
      </c>
      <c r="B38261" s="6" t="s">
        <v>37840</v>
      </c>
      <c r="C38261" s="6" t="s">
        <v>32230</v>
      </c>
      <c r="D38261" s="6" t="s">
        <v>37836</v>
      </c>
      <c r="E38261" s="6" t="s">
        <v>9</v>
      </c>
      <c r="F38261" s="7">
        <v>39325</v>
      </c>
      <c r="G38261" s="8">
        <v>5759250</v>
      </c>
      <c r="H38261" s="8">
        <v>3513149</v>
      </c>
      <c r="I38261" s="8">
        <v>2418878</v>
      </c>
      <c r="J38261" s="8">
        <v>3340372</v>
      </c>
      <c r="K38261" s="9"/>
      <c r="L38261" s="6"/>
    </row>
    <row r="38262" spans="1:12">
      <c r="A38262" s="6" t="s">
        <v>25618</v>
      </c>
      <c r="B38262" s="6" t="s">
        <v>37841</v>
      </c>
      <c r="C38262" s="6" t="s">
        <v>32230</v>
      </c>
      <c r="D38262" s="6" t="s">
        <v>37836</v>
      </c>
      <c r="E38262" s="6" t="s">
        <v>9</v>
      </c>
      <c r="F38262" s="7">
        <v>30042</v>
      </c>
      <c r="G38262" s="8">
        <v>1550000</v>
      </c>
      <c r="H38262" s="8">
        <v>1</v>
      </c>
      <c r="I38262" s="8">
        <v>1549999</v>
      </c>
      <c r="J38262" s="8">
        <v>1</v>
      </c>
      <c r="K38262" s="9">
        <v>10</v>
      </c>
      <c r="L38262" s="6"/>
    </row>
    <row r="38263" spans="1:12">
      <c r="A38263" s="6" t="s">
        <v>25618</v>
      </c>
      <c r="B38263" s="6" t="s">
        <v>37842</v>
      </c>
      <c r="C38263" s="6" t="s">
        <v>32230</v>
      </c>
      <c r="D38263" s="21" t="s">
        <v>39173</v>
      </c>
      <c r="E38263" s="6" t="s">
        <v>9</v>
      </c>
      <c r="F38263" s="7">
        <v>39400</v>
      </c>
      <c r="G38263" s="8">
        <v>343403</v>
      </c>
      <c r="H38263" s="8">
        <v>1</v>
      </c>
      <c r="I38263" s="8">
        <v>343402</v>
      </c>
      <c r="J38263" s="8">
        <v>1</v>
      </c>
      <c r="K38263" s="9"/>
      <c r="L38263" s="6"/>
    </row>
    <row r="38264" spans="1:12">
      <c r="A38264" s="6" t="s">
        <v>25618</v>
      </c>
      <c r="B38264" s="6" t="s">
        <v>37842</v>
      </c>
      <c r="C38264" s="6" t="s">
        <v>32230</v>
      </c>
      <c r="D38264" s="21" t="s">
        <v>39173</v>
      </c>
      <c r="E38264" s="6" t="s">
        <v>9</v>
      </c>
      <c r="F38264" s="7">
        <v>43784</v>
      </c>
      <c r="G38264" s="8">
        <v>129600</v>
      </c>
      <c r="H38264" s="8">
        <v>120917</v>
      </c>
      <c r="I38264" s="8">
        <v>17366</v>
      </c>
      <c r="J38264" s="8">
        <v>112234</v>
      </c>
      <c r="K38264" s="9"/>
      <c r="L38264" s="6"/>
    </row>
    <row r="38265" spans="1:12">
      <c r="A38265" s="6" t="s">
        <v>25618</v>
      </c>
      <c r="B38265" s="6" t="s">
        <v>37842</v>
      </c>
      <c r="C38265" s="6" t="s">
        <v>32230</v>
      </c>
      <c r="D38265" s="21" t="s">
        <v>39173</v>
      </c>
      <c r="E38265" s="6" t="s">
        <v>9</v>
      </c>
      <c r="F38265" s="7">
        <v>28550</v>
      </c>
      <c r="G38265" s="8">
        <v>253395000</v>
      </c>
      <c r="H38265" s="8">
        <v>13683330</v>
      </c>
      <c r="I38265" s="8">
        <v>245286360</v>
      </c>
      <c r="J38265" s="8">
        <v>8108640</v>
      </c>
      <c r="K38265" s="9">
        <v>1877</v>
      </c>
      <c r="L38265" s="6"/>
    </row>
    <row r="38266" spans="1:12">
      <c r="A38266" s="6" t="s">
        <v>25618</v>
      </c>
      <c r="B38266" s="6" t="s">
        <v>37842</v>
      </c>
      <c r="C38266" s="6" t="s">
        <v>32230</v>
      </c>
      <c r="D38266" s="21" t="s">
        <v>39173</v>
      </c>
      <c r="E38266" s="6" t="s">
        <v>9</v>
      </c>
      <c r="F38266" s="7">
        <v>39766</v>
      </c>
      <c r="G38266" s="8">
        <v>2094189</v>
      </c>
      <c r="H38266" s="8">
        <v>1495253</v>
      </c>
      <c r="I38266" s="8">
        <v>645008</v>
      </c>
      <c r="J38266" s="8">
        <v>1449181</v>
      </c>
      <c r="K38266" s="9"/>
      <c r="L38266" s="6"/>
    </row>
    <row r="38267" spans="1:12">
      <c r="A38267" s="6" t="s">
        <v>25618</v>
      </c>
      <c r="B38267" s="6" t="s">
        <v>37842</v>
      </c>
      <c r="C38267" s="6" t="s">
        <v>32230</v>
      </c>
      <c r="D38267" s="21" t="s">
        <v>39173</v>
      </c>
      <c r="E38267" s="6" t="s">
        <v>9</v>
      </c>
      <c r="F38267" s="7">
        <v>39758</v>
      </c>
      <c r="G38267" s="8">
        <v>10302105</v>
      </c>
      <c r="H38267" s="8">
        <v>2019213</v>
      </c>
      <c r="I38267" s="8">
        <v>8973133</v>
      </c>
      <c r="J38267" s="8">
        <v>1328972</v>
      </c>
      <c r="K38267" s="9"/>
      <c r="L38267" s="6"/>
    </row>
    <row r="38268" spans="1:12">
      <c r="A38268" s="6" t="s">
        <v>25618</v>
      </c>
      <c r="B38268" s="6" t="s">
        <v>37842</v>
      </c>
      <c r="C38268" s="6" t="s">
        <v>32230</v>
      </c>
      <c r="D38268" s="21" t="s">
        <v>39173</v>
      </c>
      <c r="E38268" s="6" t="s">
        <v>9</v>
      </c>
      <c r="F38268" s="7">
        <v>39766</v>
      </c>
      <c r="G38268" s="8">
        <v>75834942</v>
      </c>
      <c r="H38268" s="8">
        <v>54146158</v>
      </c>
      <c r="I38268" s="8">
        <v>23357152</v>
      </c>
      <c r="J38268" s="8">
        <v>52477790</v>
      </c>
      <c r="K38268" s="9"/>
      <c r="L38268" s="6"/>
    </row>
    <row r="38269" spans="1:12">
      <c r="A38269" s="6" t="s">
        <v>25618</v>
      </c>
      <c r="B38269" s="6" t="s">
        <v>37842</v>
      </c>
      <c r="C38269" s="6" t="s">
        <v>32230</v>
      </c>
      <c r="D38269" s="21" t="s">
        <v>39173</v>
      </c>
      <c r="E38269" s="6" t="s">
        <v>9</v>
      </c>
      <c r="F38269" s="7">
        <v>39758</v>
      </c>
      <c r="G38269" s="8">
        <v>24581968</v>
      </c>
      <c r="H38269" s="8">
        <v>8062888</v>
      </c>
      <c r="I38269" s="8">
        <v>17895670</v>
      </c>
      <c r="J38269" s="8">
        <v>6686298</v>
      </c>
      <c r="K38269" s="9"/>
      <c r="L38269" s="6"/>
    </row>
    <row r="38270" spans="1:12">
      <c r="A38270" s="6" t="s">
        <v>25618</v>
      </c>
      <c r="B38270" s="6" t="s">
        <v>37843</v>
      </c>
      <c r="C38270" s="6" t="s">
        <v>32230</v>
      </c>
      <c r="D38270" s="6" t="s">
        <v>37836</v>
      </c>
      <c r="E38270" s="6" t="s">
        <v>9</v>
      </c>
      <c r="F38270" s="7">
        <v>39400</v>
      </c>
      <c r="G38270" s="8">
        <v>253390</v>
      </c>
      <c r="H38270" s="8">
        <v>1</v>
      </c>
      <c r="I38270" s="8">
        <v>253389</v>
      </c>
      <c r="J38270" s="8">
        <v>1</v>
      </c>
      <c r="K38270" s="9"/>
      <c r="L38270" s="6"/>
    </row>
    <row r="38271" spans="1:12">
      <c r="A38271" s="6" t="s">
        <v>25618</v>
      </c>
      <c r="B38271" s="6" t="s">
        <v>37843</v>
      </c>
      <c r="C38271" s="6" t="s">
        <v>32230</v>
      </c>
      <c r="D38271" s="6" t="s">
        <v>37836</v>
      </c>
      <c r="E38271" s="6" t="s">
        <v>9</v>
      </c>
      <c r="F38271" s="7">
        <v>39766</v>
      </c>
      <c r="G38271" s="8">
        <v>1545259</v>
      </c>
      <c r="H38271" s="8">
        <v>1103324</v>
      </c>
      <c r="I38271" s="8">
        <v>475930</v>
      </c>
      <c r="J38271" s="8">
        <v>1069329</v>
      </c>
      <c r="K38271" s="9"/>
      <c r="L38271" s="6"/>
    </row>
    <row r="38272" spans="1:12">
      <c r="A38272" s="6" t="s">
        <v>25618</v>
      </c>
      <c r="B38272" s="6" t="s">
        <v>37843</v>
      </c>
      <c r="C38272" s="6" t="s">
        <v>32230</v>
      </c>
      <c r="D38272" s="6" t="s">
        <v>37836</v>
      </c>
      <c r="E38272" s="6" t="s">
        <v>9</v>
      </c>
      <c r="F38272" s="7">
        <v>39758</v>
      </c>
      <c r="G38272" s="8">
        <v>7601713</v>
      </c>
      <c r="H38272" s="8">
        <v>1489945</v>
      </c>
      <c r="I38272" s="8">
        <v>6621082</v>
      </c>
      <c r="J38272" s="8">
        <v>980631</v>
      </c>
      <c r="K38272" s="9"/>
      <c r="L38272" s="6"/>
    </row>
    <row r="38273" spans="1:12">
      <c r="A38273" s="6" t="s">
        <v>25618</v>
      </c>
      <c r="B38273" s="6" t="s">
        <v>37843</v>
      </c>
      <c r="C38273" s="6" t="s">
        <v>32230</v>
      </c>
      <c r="D38273" s="6" t="s">
        <v>37836</v>
      </c>
      <c r="E38273" s="6" t="s">
        <v>9</v>
      </c>
      <c r="F38273" s="7">
        <v>29281</v>
      </c>
      <c r="G38273" s="8">
        <v>186975000</v>
      </c>
      <c r="H38273" s="8">
        <v>18323550</v>
      </c>
      <c r="I38273" s="8">
        <v>172764899</v>
      </c>
      <c r="J38273" s="8">
        <v>14210101</v>
      </c>
      <c r="K38273" s="9">
        <v>1385</v>
      </c>
      <c r="L38273" s="6"/>
    </row>
    <row r="38274" spans="1:12">
      <c r="A38274" s="6" t="s">
        <v>25618</v>
      </c>
      <c r="B38274" s="6" t="s">
        <v>37843</v>
      </c>
      <c r="C38274" s="6" t="s">
        <v>32230</v>
      </c>
      <c r="D38274" s="6" t="s">
        <v>37836</v>
      </c>
      <c r="E38274" s="6" t="s">
        <v>9</v>
      </c>
      <c r="F38274" s="7">
        <v>39766</v>
      </c>
      <c r="G38274" s="8">
        <v>55957056</v>
      </c>
      <c r="H38274" s="8">
        <v>39953341</v>
      </c>
      <c r="I38274" s="8">
        <v>17234770</v>
      </c>
      <c r="J38274" s="8">
        <v>38722286</v>
      </c>
      <c r="K38274" s="9"/>
      <c r="L38274" s="6"/>
    </row>
    <row r="38275" spans="1:12">
      <c r="A38275" s="6" t="s">
        <v>25618</v>
      </c>
      <c r="B38275" s="6" t="s">
        <v>37843</v>
      </c>
      <c r="C38275" s="6" t="s">
        <v>32230</v>
      </c>
      <c r="D38275" s="6" t="s">
        <v>37836</v>
      </c>
      <c r="E38275" s="6" t="s">
        <v>9</v>
      </c>
      <c r="F38275" s="7">
        <v>39758</v>
      </c>
      <c r="G38275" s="8">
        <v>18138532</v>
      </c>
      <c r="H38275" s="8">
        <v>5949448</v>
      </c>
      <c r="I38275" s="8">
        <v>13204841</v>
      </c>
      <c r="J38275" s="8">
        <v>4933691</v>
      </c>
      <c r="K38275" s="9"/>
      <c r="L38275" s="6"/>
    </row>
    <row r="38276" spans="1:12">
      <c r="A38276" s="6" t="s">
        <v>25618</v>
      </c>
      <c r="B38276" s="6" t="s">
        <v>37844</v>
      </c>
      <c r="C38276" s="6" t="s">
        <v>32230</v>
      </c>
      <c r="D38276" s="6" t="s">
        <v>37836</v>
      </c>
      <c r="E38276" s="6" t="s">
        <v>9</v>
      </c>
      <c r="F38276" s="7">
        <v>28550</v>
      </c>
      <c r="G38276" s="8">
        <v>2720000</v>
      </c>
      <c r="H38276" s="8">
        <v>1</v>
      </c>
      <c r="I38276" s="8">
        <v>2719999</v>
      </c>
      <c r="J38276" s="8">
        <v>1</v>
      </c>
      <c r="K38276" s="9">
        <v>34</v>
      </c>
      <c r="L38276" s="6"/>
    </row>
    <row r="38277" spans="1:12">
      <c r="A38277" s="6" t="s">
        <v>25618</v>
      </c>
      <c r="B38277" s="6" t="s">
        <v>37845</v>
      </c>
      <c r="C38277" s="6" t="s">
        <v>32230</v>
      </c>
      <c r="D38277" s="6" t="s">
        <v>37836</v>
      </c>
      <c r="E38277" s="6" t="s">
        <v>9</v>
      </c>
      <c r="F38277" s="7">
        <v>39295</v>
      </c>
      <c r="G38277" s="8">
        <v>720000</v>
      </c>
      <c r="H38277" s="8">
        <v>439200</v>
      </c>
      <c r="I38277" s="8">
        <v>302400</v>
      </c>
      <c r="J38277" s="8">
        <v>417600</v>
      </c>
      <c r="K38277" s="9">
        <v>9</v>
      </c>
      <c r="L38277" s="6"/>
    </row>
    <row r="38278" spans="1:12">
      <c r="A38278" s="6" t="s">
        <v>25643</v>
      </c>
      <c r="B38278" s="6" t="s">
        <v>37846</v>
      </c>
      <c r="C38278" s="6" t="s">
        <v>32230</v>
      </c>
      <c r="D38278" s="6" t="s">
        <v>37847</v>
      </c>
      <c r="E38278" s="6" t="s">
        <v>9</v>
      </c>
      <c r="F38278" s="7">
        <v>29312</v>
      </c>
      <c r="G38278" s="8">
        <v>4047050</v>
      </c>
      <c r="H38278" s="8">
        <v>1</v>
      </c>
      <c r="I38278" s="8">
        <v>4047049</v>
      </c>
      <c r="J38278" s="8">
        <v>1</v>
      </c>
      <c r="K38278" s="9">
        <v>26.11</v>
      </c>
      <c r="L38278" s="6"/>
    </row>
    <row r="38279" spans="1:12">
      <c r="A38279" s="6" t="s">
        <v>25665</v>
      </c>
      <c r="B38279" s="6" t="s">
        <v>37848</v>
      </c>
      <c r="C38279" s="6" t="s">
        <v>32230</v>
      </c>
      <c r="D38279" s="6" t="s">
        <v>37849</v>
      </c>
      <c r="E38279" s="6" t="s">
        <v>9</v>
      </c>
      <c r="F38279" s="7">
        <v>29160</v>
      </c>
      <c r="G38279" s="8">
        <v>9920000</v>
      </c>
      <c r="H38279" s="8">
        <v>1</v>
      </c>
      <c r="I38279" s="8">
        <v>9919999</v>
      </c>
      <c r="J38279" s="8">
        <v>1</v>
      </c>
      <c r="K38279" s="9">
        <v>64</v>
      </c>
      <c r="L38279" s="6"/>
    </row>
    <row r="38280" spans="1:12">
      <c r="A38280" s="6" t="s">
        <v>25665</v>
      </c>
      <c r="B38280" s="6" t="s">
        <v>37848</v>
      </c>
      <c r="C38280" s="6" t="s">
        <v>32230</v>
      </c>
      <c r="D38280" s="6" t="s">
        <v>37849</v>
      </c>
      <c r="E38280" s="6" t="s">
        <v>9</v>
      </c>
      <c r="F38280" s="7">
        <v>40268</v>
      </c>
      <c r="G38280" s="8">
        <v>745500</v>
      </c>
      <c r="H38280" s="8">
        <v>196072</v>
      </c>
      <c r="I38280" s="8">
        <v>599376</v>
      </c>
      <c r="J38280" s="8">
        <v>146124</v>
      </c>
      <c r="K38280" s="9"/>
      <c r="L38280" s="6"/>
    </row>
    <row r="38281" spans="1:12">
      <c r="A38281" s="6" t="s">
        <v>25665</v>
      </c>
      <c r="B38281" s="6" t="s">
        <v>37848</v>
      </c>
      <c r="C38281" s="6" t="s">
        <v>32230</v>
      </c>
      <c r="D38281" s="6" t="s">
        <v>37849</v>
      </c>
      <c r="E38281" s="6" t="s">
        <v>9</v>
      </c>
      <c r="F38281" s="7">
        <v>40260</v>
      </c>
      <c r="G38281" s="8">
        <v>1260000</v>
      </c>
      <c r="H38281" s="8">
        <v>331380</v>
      </c>
      <c r="I38281" s="8">
        <v>1013040</v>
      </c>
      <c r="J38281" s="8">
        <v>246960</v>
      </c>
      <c r="K38281" s="9"/>
      <c r="L38281" s="6"/>
    </row>
    <row r="38282" spans="1:12">
      <c r="A38282" s="6" t="s">
        <v>25665</v>
      </c>
      <c r="B38282" s="6" t="s">
        <v>37850</v>
      </c>
      <c r="C38282" s="6" t="s">
        <v>32230</v>
      </c>
      <c r="D38282" s="6" t="s">
        <v>37849</v>
      </c>
      <c r="E38282" s="6" t="s">
        <v>9</v>
      </c>
      <c r="F38282" s="7">
        <v>41997</v>
      </c>
      <c r="G38282" s="8">
        <v>17540297</v>
      </c>
      <c r="H38282" s="8">
        <v>10489103</v>
      </c>
      <c r="I38282" s="8">
        <v>8226393</v>
      </c>
      <c r="J38282" s="8">
        <v>9313904</v>
      </c>
      <c r="K38282" s="9"/>
      <c r="L38282" s="6"/>
    </row>
    <row r="38283" spans="1:12">
      <c r="A38283" s="6" t="s">
        <v>25665</v>
      </c>
      <c r="B38283" s="6" t="s">
        <v>37850</v>
      </c>
      <c r="C38283" s="6" t="s">
        <v>32230</v>
      </c>
      <c r="D38283" s="6" t="s">
        <v>37849</v>
      </c>
      <c r="E38283" s="6" t="s">
        <v>9</v>
      </c>
      <c r="F38283" s="7">
        <v>42083</v>
      </c>
      <c r="G38283" s="8">
        <v>1315522</v>
      </c>
      <c r="H38283" s="8">
        <v>1141876</v>
      </c>
      <c r="I38283" s="8">
        <v>202587</v>
      </c>
      <c r="J38283" s="8">
        <v>1112935</v>
      </c>
      <c r="K38283" s="9"/>
      <c r="L38283" s="6"/>
    </row>
    <row r="38284" spans="1:12">
      <c r="A38284" s="6" t="s">
        <v>25665</v>
      </c>
      <c r="B38284" s="6" t="s">
        <v>37850</v>
      </c>
      <c r="C38284" s="6" t="s">
        <v>32230</v>
      </c>
      <c r="D38284" s="6" t="s">
        <v>37849</v>
      </c>
      <c r="E38284" s="6" t="s">
        <v>9</v>
      </c>
      <c r="F38284" s="7">
        <v>41705</v>
      </c>
      <c r="G38284" s="8">
        <v>152474482</v>
      </c>
      <c r="H38284" s="8">
        <v>125638978</v>
      </c>
      <c r="I38284" s="8">
        <v>30189942</v>
      </c>
      <c r="J38284" s="8">
        <v>122284540</v>
      </c>
      <c r="K38284" s="9"/>
      <c r="L38284" s="6"/>
    </row>
    <row r="38285" spans="1:12">
      <c r="A38285" s="6" t="s">
        <v>25665</v>
      </c>
      <c r="B38285" s="6" t="s">
        <v>37850</v>
      </c>
      <c r="C38285" s="6" t="s">
        <v>32230</v>
      </c>
      <c r="D38285" s="6" t="s">
        <v>37849</v>
      </c>
      <c r="E38285" s="6" t="s">
        <v>9</v>
      </c>
      <c r="F38285" s="7">
        <v>41997</v>
      </c>
      <c r="G38285" s="8">
        <v>21925372</v>
      </c>
      <c r="H38285" s="8">
        <v>13111378</v>
      </c>
      <c r="I38285" s="8">
        <v>10282993</v>
      </c>
      <c r="J38285" s="8">
        <v>11642379</v>
      </c>
      <c r="K38285" s="9"/>
      <c r="L38285" s="6"/>
    </row>
    <row r="38286" spans="1:12">
      <c r="A38286" s="6" t="s">
        <v>25665</v>
      </c>
      <c r="B38286" s="6" t="s">
        <v>37850</v>
      </c>
      <c r="C38286" s="6" t="s">
        <v>32230</v>
      </c>
      <c r="D38286" s="6" t="s">
        <v>37849</v>
      </c>
      <c r="E38286" s="6" t="s">
        <v>9</v>
      </c>
      <c r="F38286" s="7">
        <v>41688</v>
      </c>
      <c r="G38286" s="8">
        <v>24701869</v>
      </c>
      <c r="H38286" s="8">
        <v>13116694</v>
      </c>
      <c r="I38286" s="8">
        <v>13240200</v>
      </c>
      <c r="J38286" s="8">
        <v>11461669</v>
      </c>
      <c r="K38286" s="9"/>
      <c r="L38286" s="6"/>
    </row>
    <row r="38287" spans="1:12">
      <c r="A38287" s="6" t="s">
        <v>25665</v>
      </c>
      <c r="B38287" s="6" t="s">
        <v>37850</v>
      </c>
      <c r="C38287" s="6" t="s">
        <v>32230</v>
      </c>
      <c r="D38287" s="6" t="s">
        <v>37849</v>
      </c>
      <c r="E38287" s="6" t="s">
        <v>9</v>
      </c>
      <c r="F38287" s="7">
        <v>42083</v>
      </c>
      <c r="G38287" s="8">
        <v>173339411</v>
      </c>
      <c r="H38287" s="8">
        <v>146645142</v>
      </c>
      <c r="I38287" s="8">
        <v>30507736</v>
      </c>
      <c r="J38287" s="8">
        <v>142831675</v>
      </c>
      <c r="K38287" s="9"/>
      <c r="L38287" s="6"/>
    </row>
    <row r="38288" spans="1:12">
      <c r="A38288" s="6" t="s">
        <v>25665</v>
      </c>
      <c r="B38288" s="6" t="s">
        <v>37850</v>
      </c>
      <c r="C38288" s="6" t="s">
        <v>32230</v>
      </c>
      <c r="D38288" s="6" t="s">
        <v>37849</v>
      </c>
      <c r="E38288" s="6" t="s">
        <v>9</v>
      </c>
      <c r="F38288" s="7">
        <v>41712</v>
      </c>
      <c r="G38288" s="8">
        <v>1868313</v>
      </c>
      <c r="H38288" s="8">
        <v>1580599</v>
      </c>
      <c r="I38288" s="8">
        <v>328816</v>
      </c>
      <c r="J38288" s="8">
        <v>1539497</v>
      </c>
      <c r="K38288" s="9"/>
      <c r="L38288" s="6"/>
    </row>
    <row r="38289" spans="1:12">
      <c r="A38289" s="6" t="s">
        <v>25665</v>
      </c>
      <c r="B38289" s="6" t="s">
        <v>37850</v>
      </c>
      <c r="C38289" s="6" t="s">
        <v>32230</v>
      </c>
      <c r="D38289" s="6" t="s">
        <v>37849</v>
      </c>
      <c r="E38289" s="6" t="s">
        <v>9</v>
      </c>
      <c r="F38289" s="7">
        <v>41718</v>
      </c>
      <c r="G38289" s="8">
        <v>2909052</v>
      </c>
      <c r="H38289" s="8">
        <v>2397060</v>
      </c>
      <c r="I38289" s="8">
        <v>575991</v>
      </c>
      <c r="J38289" s="8">
        <v>2333061</v>
      </c>
      <c r="K38289" s="9"/>
      <c r="L38289" s="6"/>
    </row>
    <row r="38290" spans="1:12">
      <c r="A38290" s="6" t="s">
        <v>25665</v>
      </c>
      <c r="B38290" s="6" t="s">
        <v>37850</v>
      </c>
      <c r="C38290" s="6" t="s">
        <v>32230</v>
      </c>
      <c r="D38290" s="6" t="s">
        <v>37849</v>
      </c>
      <c r="E38290" s="6" t="s">
        <v>9</v>
      </c>
      <c r="F38290" s="7">
        <v>29160</v>
      </c>
      <c r="G38290" s="8">
        <v>266490000</v>
      </c>
      <c r="H38290" s="8">
        <v>26116020</v>
      </c>
      <c r="I38290" s="8">
        <v>246236760</v>
      </c>
      <c r="J38290" s="8">
        <v>20253240</v>
      </c>
      <c r="K38290" s="9">
        <v>1974</v>
      </c>
      <c r="L38290" s="6"/>
    </row>
    <row r="38291" spans="1:12">
      <c r="A38291" s="6" t="s">
        <v>25665</v>
      </c>
      <c r="B38291" s="6" t="s">
        <v>37850</v>
      </c>
      <c r="C38291" s="6" t="s">
        <v>32230</v>
      </c>
      <c r="D38291" s="6" t="s">
        <v>37849</v>
      </c>
      <c r="E38291" s="6" t="s">
        <v>9</v>
      </c>
      <c r="F38291" s="7">
        <v>42083</v>
      </c>
      <c r="G38291" s="8">
        <v>3327497</v>
      </c>
      <c r="H38291" s="8">
        <v>2815069</v>
      </c>
      <c r="I38291" s="8">
        <v>585632</v>
      </c>
      <c r="J38291" s="8">
        <v>2741865</v>
      </c>
      <c r="K38291" s="9"/>
      <c r="L38291" s="6"/>
    </row>
    <row r="38292" spans="1:12">
      <c r="A38292" s="6" t="s">
        <v>25665</v>
      </c>
      <c r="B38292" s="6" t="s">
        <v>37850</v>
      </c>
      <c r="C38292" s="6" t="s">
        <v>32230</v>
      </c>
      <c r="D38292" s="6" t="s">
        <v>37849</v>
      </c>
      <c r="E38292" s="6" t="s">
        <v>9</v>
      </c>
      <c r="F38292" s="7">
        <v>41333</v>
      </c>
      <c r="G38292" s="8">
        <v>7523411</v>
      </c>
      <c r="H38292" s="8">
        <v>6199291</v>
      </c>
      <c r="I38292" s="8">
        <v>1489635</v>
      </c>
      <c r="J38292" s="8">
        <v>6033776</v>
      </c>
      <c r="K38292" s="9"/>
      <c r="L38292" s="6"/>
    </row>
    <row r="38293" spans="1:12">
      <c r="A38293" s="6" t="s">
        <v>25665</v>
      </c>
      <c r="B38293" s="6" t="s">
        <v>37850</v>
      </c>
      <c r="C38293" s="6" t="s">
        <v>32230</v>
      </c>
      <c r="D38293" s="6" t="s">
        <v>37849</v>
      </c>
      <c r="E38293" s="6" t="s">
        <v>9</v>
      </c>
      <c r="F38293" s="7">
        <v>41997</v>
      </c>
      <c r="G38293" s="8">
        <v>11060705</v>
      </c>
      <c r="H38293" s="8">
        <v>6614303</v>
      </c>
      <c r="I38293" s="8">
        <v>5187469</v>
      </c>
      <c r="J38293" s="8">
        <v>5873236</v>
      </c>
      <c r="K38293" s="9"/>
      <c r="L38293" s="6"/>
    </row>
    <row r="38294" spans="1:12">
      <c r="A38294" s="6" t="s">
        <v>25665</v>
      </c>
      <c r="B38294" s="6" t="s">
        <v>37850</v>
      </c>
      <c r="C38294" s="6" t="s">
        <v>32230</v>
      </c>
      <c r="D38294" s="6" t="s">
        <v>37849</v>
      </c>
      <c r="E38294" s="6" t="s">
        <v>9</v>
      </c>
      <c r="F38294" s="7">
        <v>41688</v>
      </c>
      <c r="G38294" s="8">
        <v>13667531</v>
      </c>
      <c r="H38294" s="8">
        <v>7257463</v>
      </c>
      <c r="I38294" s="8">
        <v>7325792</v>
      </c>
      <c r="J38294" s="8">
        <v>6341739</v>
      </c>
      <c r="K38294" s="9"/>
      <c r="L38294" s="6"/>
    </row>
    <row r="38295" spans="1:12">
      <c r="A38295" s="6" t="s">
        <v>25665</v>
      </c>
      <c r="B38295" s="6" t="s">
        <v>37850</v>
      </c>
      <c r="C38295" s="6" t="s">
        <v>32230</v>
      </c>
      <c r="D38295" s="6" t="s">
        <v>37849</v>
      </c>
      <c r="E38295" s="6" t="s">
        <v>9</v>
      </c>
      <c r="F38295" s="7">
        <v>41688</v>
      </c>
      <c r="G38295" s="8">
        <v>14043702</v>
      </c>
      <c r="H38295" s="8">
        <v>7457206</v>
      </c>
      <c r="I38295" s="8">
        <v>7527424</v>
      </c>
      <c r="J38295" s="8">
        <v>6516278</v>
      </c>
      <c r="K38295" s="9"/>
      <c r="L38295" s="6"/>
    </row>
    <row r="38296" spans="1:12">
      <c r="A38296" s="6" t="s">
        <v>25665</v>
      </c>
      <c r="B38296" s="6" t="s">
        <v>37851</v>
      </c>
      <c r="C38296" s="6" t="s">
        <v>32230</v>
      </c>
      <c r="D38296" s="6" t="s">
        <v>37849</v>
      </c>
      <c r="E38296" s="6" t="s">
        <v>9</v>
      </c>
      <c r="F38296" s="7">
        <v>41997</v>
      </c>
      <c r="G38296" s="8">
        <v>20783564</v>
      </c>
      <c r="H38296" s="8">
        <v>12428576</v>
      </c>
      <c r="I38296" s="8">
        <v>9747486</v>
      </c>
      <c r="J38296" s="8">
        <v>11036078</v>
      </c>
      <c r="K38296" s="9"/>
      <c r="L38296" s="6"/>
    </row>
    <row r="38297" spans="1:12">
      <c r="A38297" s="6" t="s">
        <v>25665</v>
      </c>
      <c r="B38297" s="6" t="s">
        <v>37851</v>
      </c>
      <c r="C38297" s="6" t="s">
        <v>32230</v>
      </c>
      <c r="D38297" s="6" t="s">
        <v>37849</v>
      </c>
      <c r="E38297" s="6" t="s">
        <v>9</v>
      </c>
      <c r="F38297" s="7">
        <v>42083</v>
      </c>
      <c r="G38297" s="8">
        <v>1558767</v>
      </c>
      <c r="H38297" s="8">
        <v>1353015</v>
      </c>
      <c r="I38297" s="8">
        <v>240044</v>
      </c>
      <c r="J38297" s="8">
        <v>1318723</v>
      </c>
      <c r="K38297" s="9"/>
      <c r="L38297" s="6"/>
    </row>
    <row r="38298" spans="1:12">
      <c r="A38298" s="6" t="s">
        <v>25665</v>
      </c>
      <c r="B38298" s="6" t="s">
        <v>37851</v>
      </c>
      <c r="C38298" s="6" t="s">
        <v>32230</v>
      </c>
      <c r="D38298" s="6" t="s">
        <v>37849</v>
      </c>
      <c r="E38298" s="6" t="s">
        <v>9</v>
      </c>
      <c r="F38298" s="7">
        <v>41705</v>
      </c>
      <c r="G38298" s="8">
        <v>180667586</v>
      </c>
      <c r="H38298" s="8">
        <v>148870098</v>
      </c>
      <c r="I38298" s="8">
        <v>35772174</v>
      </c>
      <c r="J38298" s="8">
        <v>144895412</v>
      </c>
      <c r="K38298" s="9"/>
      <c r="L38298" s="6"/>
    </row>
    <row r="38299" spans="1:12">
      <c r="A38299" s="6" t="s">
        <v>25665</v>
      </c>
      <c r="B38299" s="6" t="s">
        <v>37851</v>
      </c>
      <c r="C38299" s="6" t="s">
        <v>32230</v>
      </c>
      <c r="D38299" s="6" t="s">
        <v>37849</v>
      </c>
      <c r="E38299" s="6" t="s">
        <v>9</v>
      </c>
      <c r="F38299" s="7">
        <v>41997</v>
      </c>
      <c r="G38299" s="8">
        <v>25979455</v>
      </c>
      <c r="H38299" s="8">
        <v>15535717</v>
      </c>
      <c r="I38299" s="8">
        <v>12184361</v>
      </c>
      <c r="J38299" s="8">
        <v>13795094</v>
      </c>
      <c r="K38299" s="9"/>
      <c r="L38299" s="6"/>
    </row>
    <row r="38300" spans="1:12">
      <c r="A38300" s="6" t="s">
        <v>25665</v>
      </c>
      <c r="B38300" s="6" t="s">
        <v>37851</v>
      </c>
      <c r="C38300" s="6" t="s">
        <v>32230</v>
      </c>
      <c r="D38300" s="6" t="s">
        <v>37849</v>
      </c>
      <c r="E38300" s="6" t="s">
        <v>9</v>
      </c>
      <c r="F38300" s="7">
        <v>41688</v>
      </c>
      <c r="G38300" s="8">
        <v>29269337</v>
      </c>
      <c r="H38300" s="8">
        <v>15542022</v>
      </c>
      <c r="I38300" s="8">
        <v>15688360</v>
      </c>
      <c r="J38300" s="8">
        <v>13580977</v>
      </c>
      <c r="K38300" s="9"/>
      <c r="L38300" s="6"/>
    </row>
    <row r="38301" spans="1:12">
      <c r="A38301" s="6" t="s">
        <v>25665</v>
      </c>
      <c r="B38301" s="6" t="s">
        <v>37851</v>
      </c>
      <c r="C38301" s="6" t="s">
        <v>32230</v>
      </c>
      <c r="D38301" s="6" t="s">
        <v>37849</v>
      </c>
      <c r="E38301" s="6" t="s">
        <v>9</v>
      </c>
      <c r="F38301" s="7">
        <v>42083</v>
      </c>
      <c r="G38301" s="8">
        <v>205390519</v>
      </c>
      <c r="H38301" s="8">
        <v>173760382</v>
      </c>
      <c r="I38301" s="8">
        <v>36148728</v>
      </c>
      <c r="J38301" s="8">
        <v>169241791</v>
      </c>
      <c r="K38301" s="9"/>
      <c r="L38301" s="6"/>
    </row>
    <row r="38302" spans="1:12">
      <c r="A38302" s="6" t="s">
        <v>25665</v>
      </c>
      <c r="B38302" s="6" t="s">
        <v>37851</v>
      </c>
      <c r="C38302" s="6" t="s">
        <v>32230</v>
      </c>
      <c r="D38302" s="6" t="s">
        <v>37849</v>
      </c>
      <c r="E38302" s="6" t="s">
        <v>9</v>
      </c>
      <c r="F38302" s="7">
        <v>41712</v>
      </c>
      <c r="G38302" s="8">
        <v>2213772</v>
      </c>
      <c r="H38302" s="8">
        <v>1872858</v>
      </c>
      <c r="I38302" s="8">
        <v>389616</v>
      </c>
      <c r="J38302" s="8">
        <v>1824156</v>
      </c>
      <c r="K38302" s="9"/>
      <c r="L38302" s="6"/>
    </row>
    <row r="38303" spans="1:12">
      <c r="A38303" s="6" t="s">
        <v>25665</v>
      </c>
      <c r="B38303" s="6" t="s">
        <v>37851</v>
      </c>
      <c r="C38303" s="6" t="s">
        <v>32230</v>
      </c>
      <c r="D38303" s="6" t="s">
        <v>37849</v>
      </c>
      <c r="E38303" s="6" t="s">
        <v>9</v>
      </c>
      <c r="F38303" s="7">
        <v>41718</v>
      </c>
      <c r="G38303" s="8">
        <v>3446947</v>
      </c>
      <c r="H38303" s="8">
        <v>2840291</v>
      </c>
      <c r="I38303" s="8">
        <v>682488</v>
      </c>
      <c r="J38303" s="8">
        <v>2764459</v>
      </c>
      <c r="K38303" s="9"/>
      <c r="L38303" s="6"/>
    </row>
    <row r="38304" spans="1:12">
      <c r="A38304" s="6" t="s">
        <v>25665</v>
      </c>
      <c r="B38304" s="6" t="s">
        <v>37851</v>
      </c>
      <c r="C38304" s="6" t="s">
        <v>32230</v>
      </c>
      <c r="D38304" s="6" t="s">
        <v>37849</v>
      </c>
      <c r="E38304" s="6" t="s">
        <v>9</v>
      </c>
      <c r="F38304" s="7">
        <v>29160</v>
      </c>
      <c r="G38304" s="8">
        <v>315765000</v>
      </c>
      <c r="H38304" s="8">
        <v>30944970</v>
      </c>
      <c r="I38304" s="8">
        <v>291766860</v>
      </c>
      <c r="J38304" s="8">
        <v>23998140</v>
      </c>
      <c r="K38304" s="9">
        <v>2339</v>
      </c>
      <c r="L38304" s="6"/>
    </row>
    <row r="38305" spans="1:12">
      <c r="A38305" s="6" t="s">
        <v>25665</v>
      </c>
      <c r="B38305" s="6" t="s">
        <v>37851</v>
      </c>
      <c r="C38305" s="6" t="s">
        <v>32230</v>
      </c>
      <c r="D38305" s="6" t="s">
        <v>37849</v>
      </c>
      <c r="E38305" s="6" t="s">
        <v>9</v>
      </c>
      <c r="F38305" s="7">
        <v>42083</v>
      </c>
      <c r="G38305" s="8">
        <v>3942764</v>
      </c>
      <c r="H38305" s="8">
        <v>3335584</v>
      </c>
      <c r="I38305" s="8">
        <v>693920</v>
      </c>
      <c r="J38305" s="8">
        <v>3248844</v>
      </c>
      <c r="K38305" s="9"/>
      <c r="L38305" s="6"/>
    </row>
    <row r="38306" spans="1:12">
      <c r="A38306" s="6" t="s">
        <v>25665</v>
      </c>
      <c r="B38306" s="6" t="s">
        <v>37851</v>
      </c>
      <c r="C38306" s="6" t="s">
        <v>32230</v>
      </c>
      <c r="D38306" s="6" t="s">
        <v>37849</v>
      </c>
      <c r="E38306" s="6" t="s">
        <v>9</v>
      </c>
      <c r="F38306" s="7">
        <v>41333</v>
      </c>
      <c r="G38306" s="8">
        <v>8914519</v>
      </c>
      <c r="H38306" s="8">
        <v>7345567</v>
      </c>
      <c r="I38306" s="8">
        <v>1765071</v>
      </c>
      <c r="J38306" s="8">
        <v>7149448</v>
      </c>
      <c r="K38306" s="9"/>
      <c r="L38306" s="6"/>
    </row>
    <row r="38307" spans="1:12">
      <c r="A38307" s="6" t="s">
        <v>25665</v>
      </c>
      <c r="B38307" s="6" t="s">
        <v>37851</v>
      </c>
      <c r="C38307" s="6" t="s">
        <v>32230</v>
      </c>
      <c r="D38307" s="6" t="s">
        <v>37849</v>
      </c>
      <c r="E38307" s="6" t="s">
        <v>9</v>
      </c>
      <c r="F38307" s="7">
        <v>41997</v>
      </c>
      <c r="G38307" s="8">
        <v>13105871</v>
      </c>
      <c r="H38307" s="8">
        <v>7837313</v>
      </c>
      <c r="I38307" s="8">
        <v>6146651</v>
      </c>
      <c r="J38307" s="8">
        <v>6959220</v>
      </c>
      <c r="K38307" s="9"/>
      <c r="L38307" s="6"/>
    </row>
    <row r="38308" spans="1:12">
      <c r="A38308" s="6" t="s">
        <v>25665</v>
      </c>
      <c r="B38308" s="6" t="s">
        <v>37851</v>
      </c>
      <c r="C38308" s="6" t="s">
        <v>32230</v>
      </c>
      <c r="D38308" s="6" t="s">
        <v>37849</v>
      </c>
      <c r="E38308" s="6" t="s">
        <v>9</v>
      </c>
      <c r="F38308" s="7">
        <v>41688</v>
      </c>
      <c r="G38308" s="8">
        <v>16194709</v>
      </c>
      <c r="H38308" s="8">
        <v>8599394</v>
      </c>
      <c r="I38308" s="8">
        <v>8680360</v>
      </c>
      <c r="J38308" s="8">
        <v>7514349</v>
      </c>
      <c r="K38308" s="9"/>
      <c r="L38308" s="6"/>
    </row>
    <row r="38309" spans="1:12">
      <c r="A38309" s="6" t="s">
        <v>25665</v>
      </c>
      <c r="B38309" s="6" t="s">
        <v>37851</v>
      </c>
      <c r="C38309" s="6" t="s">
        <v>32230</v>
      </c>
      <c r="D38309" s="6" t="s">
        <v>37849</v>
      </c>
      <c r="E38309" s="6" t="s">
        <v>9</v>
      </c>
      <c r="F38309" s="7">
        <v>41688</v>
      </c>
      <c r="G38309" s="8">
        <v>16640435</v>
      </c>
      <c r="H38309" s="8">
        <v>8836072</v>
      </c>
      <c r="I38309" s="8">
        <v>8919272</v>
      </c>
      <c r="J38309" s="8">
        <v>7721163</v>
      </c>
      <c r="K38309" s="9"/>
      <c r="L38309" s="6"/>
    </row>
    <row r="38310" spans="1:12">
      <c r="A38310" s="6" t="s">
        <v>25665</v>
      </c>
      <c r="B38310" s="6" t="s">
        <v>37852</v>
      </c>
      <c r="C38310" s="6" t="s">
        <v>32230</v>
      </c>
      <c r="D38310" s="6" t="s">
        <v>37849</v>
      </c>
      <c r="E38310" s="6" t="s">
        <v>9</v>
      </c>
      <c r="F38310" s="7">
        <v>36434</v>
      </c>
      <c r="G38310" s="8">
        <v>38340000</v>
      </c>
      <c r="H38310" s="8">
        <v>20626920</v>
      </c>
      <c r="I38310" s="8">
        <v>18556560</v>
      </c>
      <c r="J38310" s="8">
        <v>19783440</v>
      </c>
      <c r="K38310" s="9">
        <v>284</v>
      </c>
      <c r="L38310" s="6"/>
    </row>
    <row r="38311" spans="1:12">
      <c r="A38311" s="6" t="s">
        <v>25665</v>
      </c>
      <c r="B38311" s="6" t="s">
        <v>37853</v>
      </c>
      <c r="C38311" s="6" t="s">
        <v>32230</v>
      </c>
      <c r="D38311" s="6" t="s">
        <v>37849</v>
      </c>
      <c r="E38311" s="6" t="s">
        <v>9</v>
      </c>
      <c r="F38311" s="7">
        <v>36434</v>
      </c>
      <c r="G38311" s="8">
        <v>34560000</v>
      </c>
      <c r="H38311" s="8">
        <v>18593280</v>
      </c>
      <c r="I38311" s="8">
        <v>16727040</v>
      </c>
      <c r="J38311" s="8">
        <v>17832960</v>
      </c>
      <c r="K38311" s="9">
        <v>256</v>
      </c>
      <c r="L38311" s="6"/>
    </row>
    <row r="38312" spans="1:12">
      <c r="A38312" s="6" t="s">
        <v>25665</v>
      </c>
      <c r="B38312" s="6" t="s">
        <v>37854</v>
      </c>
      <c r="C38312" s="6" t="s">
        <v>32230</v>
      </c>
      <c r="D38312" s="6" t="s">
        <v>37849</v>
      </c>
      <c r="E38312" s="6" t="s">
        <v>9</v>
      </c>
      <c r="F38312" s="7">
        <v>36434</v>
      </c>
      <c r="G38312" s="8">
        <v>92340000</v>
      </c>
      <c r="H38312" s="8">
        <v>49678920</v>
      </c>
      <c r="I38312" s="8">
        <v>44692559</v>
      </c>
      <c r="J38312" s="8">
        <v>47647441</v>
      </c>
      <c r="K38312" s="9">
        <v>684</v>
      </c>
      <c r="L38312" s="6"/>
    </row>
    <row r="38313" spans="1:12">
      <c r="A38313" s="6" t="s">
        <v>25665</v>
      </c>
      <c r="B38313" s="6" t="s">
        <v>37855</v>
      </c>
      <c r="C38313" s="6" t="s">
        <v>32230</v>
      </c>
      <c r="D38313" s="6" t="s">
        <v>37849</v>
      </c>
      <c r="E38313" s="6" t="s">
        <v>9</v>
      </c>
      <c r="F38313" s="7">
        <v>41997</v>
      </c>
      <c r="G38313" s="8">
        <v>16722816</v>
      </c>
      <c r="H38313" s="8">
        <v>10000248</v>
      </c>
      <c r="I38313" s="8">
        <v>7842996</v>
      </c>
      <c r="J38313" s="8">
        <v>8879820</v>
      </c>
      <c r="K38313" s="9"/>
      <c r="L38313" s="6"/>
    </row>
    <row r="38314" spans="1:12">
      <c r="A38314" s="6" t="s">
        <v>25665</v>
      </c>
      <c r="B38314" s="6" t="s">
        <v>37855</v>
      </c>
      <c r="C38314" s="6" t="s">
        <v>32230</v>
      </c>
      <c r="D38314" s="6" t="s">
        <v>37849</v>
      </c>
      <c r="E38314" s="6" t="s">
        <v>9</v>
      </c>
      <c r="F38314" s="7">
        <v>42083</v>
      </c>
      <c r="G38314" s="8">
        <v>1254211</v>
      </c>
      <c r="H38314" s="8">
        <v>1088659</v>
      </c>
      <c r="I38314" s="8">
        <v>193144</v>
      </c>
      <c r="J38314" s="8">
        <v>1061067</v>
      </c>
      <c r="K38314" s="9"/>
      <c r="L38314" s="6"/>
    </row>
    <row r="38315" spans="1:12">
      <c r="A38315" s="6" t="s">
        <v>25665</v>
      </c>
      <c r="B38315" s="6" t="s">
        <v>37855</v>
      </c>
      <c r="C38315" s="6" t="s">
        <v>32230</v>
      </c>
      <c r="D38315" s="6" t="s">
        <v>37849</v>
      </c>
      <c r="E38315" s="6" t="s">
        <v>9</v>
      </c>
      <c r="F38315" s="7">
        <v>41705</v>
      </c>
      <c r="G38315" s="8">
        <v>145368275</v>
      </c>
      <c r="H38315" s="8">
        <v>119783459</v>
      </c>
      <c r="I38315" s="8">
        <v>28782918</v>
      </c>
      <c r="J38315" s="8">
        <v>116585357</v>
      </c>
      <c r="K38315" s="9"/>
      <c r="L38315" s="6"/>
    </row>
    <row r="38316" spans="1:12">
      <c r="A38316" s="6" t="s">
        <v>25665</v>
      </c>
      <c r="B38316" s="6" t="s">
        <v>37855</v>
      </c>
      <c r="C38316" s="6" t="s">
        <v>32230</v>
      </c>
      <c r="D38316" s="6" t="s">
        <v>37849</v>
      </c>
      <c r="E38316" s="6" t="s">
        <v>9</v>
      </c>
      <c r="F38316" s="7">
        <v>41997</v>
      </c>
      <c r="G38316" s="8">
        <v>20903520</v>
      </c>
      <c r="H38316" s="8">
        <v>12500310</v>
      </c>
      <c r="I38316" s="8">
        <v>9803745</v>
      </c>
      <c r="J38316" s="8">
        <v>11099775</v>
      </c>
      <c r="K38316" s="9"/>
      <c r="L38316" s="6"/>
    </row>
    <row r="38317" spans="1:12">
      <c r="A38317" s="6" t="s">
        <v>25665</v>
      </c>
      <c r="B38317" s="6" t="s">
        <v>37855</v>
      </c>
      <c r="C38317" s="6" t="s">
        <v>32230</v>
      </c>
      <c r="D38317" s="6" t="s">
        <v>37849</v>
      </c>
      <c r="E38317" s="6" t="s">
        <v>9</v>
      </c>
      <c r="F38317" s="7">
        <v>41688</v>
      </c>
      <c r="G38317" s="8">
        <v>23550617</v>
      </c>
      <c r="H38317" s="8">
        <v>12505380</v>
      </c>
      <c r="I38317" s="8">
        <v>12623128</v>
      </c>
      <c r="J38317" s="8">
        <v>10927489</v>
      </c>
      <c r="K38317" s="9"/>
      <c r="L38317" s="6"/>
    </row>
    <row r="38318" spans="1:12">
      <c r="A38318" s="6" t="s">
        <v>25665</v>
      </c>
      <c r="B38318" s="6" t="s">
        <v>37855</v>
      </c>
      <c r="C38318" s="6" t="s">
        <v>32230</v>
      </c>
      <c r="D38318" s="6" t="s">
        <v>37849</v>
      </c>
      <c r="E38318" s="6" t="s">
        <v>9</v>
      </c>
      <c r="F38318" s="7">
        <v>42083</v>
      </c>
      <c r="G38318" s="8">
        <v>165260776</v>
      </c>
      <c r="H38318" s="8">
        <v>139810617</v>
      </c>
      <c r="I38318" s="8">
        <v>29085896</v>
      </c>
      <c r="J38318" s="8">
        <v>136174880</v>
      </c>
      <c r="K38318" s="9"/>
      <c r="L38318" s="6"/>
    </row>
    <row r="38319" spans="1:12">
      <c r="A38319" s="6" t="s">
        <v>25665</v>
      </c>
      <c r="B38319" s="6" t="s">
        <v>37855</v>
      </c>
      <c r="C38319" s="6" t="s">
        <v>32230</v>
      </c>
      <c r="D38319" s="6" t="s">
        <v>37849</v>
      </c>
      <c r="E38319" s="6" t="s">
        <v>9</v>
      </c>
      <c r="F38319" s="7">
        <v>41712</v>
      </c>
      <c r="G38319" s="8">
        <v>1781239</v>
      </c>
      <c r="H38319" s="8">
        <v>1506930</v>
      </c>
      <c r="I38319" s="8">
        <v>313496</v>
      </c>
      <c r="J38319" s="8">
        <v>1467743</v>
      </c>
      <c r="K38319" s="9"/>
      <c r="L38319" s="6"/>
    </row>
    <row r="38320" spans="1:12">
      <c r="A38320" s="6" t="s">
        <v>25665</v>
      </c>
      <c r="B38320" s="6" t="s">
        <v>37855</v>
      </c>
      <c r="C38320" s="6" t="s">
        <v>32230</v>
      </c>
      <c r="D38320" s="6" t="s">
        <v>37849</v>
      </c>
      <c r="E38320" s="6" t="s">
        <v>9</v>
      </c>
      <c r="F38320" s="7">
        <v>43881</v>
      </c>
      <c r="G38320" s="8">
        <v>22770000</v>
      </c>
      <c r="H38320" s="8">
        <v>21244410</v>
      </c>
      <c r="I38320" s="8">
        <v>3051180</v>
      </c>
      <c r="J38320" s="8">
        <v>19718820</v>
      </c>
      <c r="K38320" s="9"/>
      <c r="L38320" s="6"/>
    </row>
    <row r="38321" spans="1:12">
      <c r="A38321" s="6" t="s">
        <v>25665</v>
      </c>
      <c r="B38321" s="6" t="s">
        <v>37855</v>
      </c>
      <c r="C38321" s="6" t="s">
        <v>32230</v>
      </c>
      <c r="D38321" s="6" t="s">
        <v>37849</v>
      </c>
      <c r="E38321" s="6" t="s">
        <v>9</v>
      </c>
      <c r="F38321" s="7">
        <v>41718</v>
      </c>
      <c r="G38321" s="8">
        <v>2773473</v>
      </c>
      <c r="H38321" s="8">
        <v>2285345</v>
      </c>
      <c r="I38321" s="8">
        <v>549144</v>
      </c>
      <c r="J38321" s="8">
        <v>2224329</v>
      </c>
      <c r="K38321" s="9"/>
      <c r="L38321" s="6"/>
    </row>
    <row r="38322" spans="1:12">
      <c r="A38322" s="6" t="s">
        <v>25665</v>
      </c>
      <c r="B38322" s="6" t="s">
        <v>37855</v>
      </c>
      <c r="C38322" s="6" t="s">
        <v>32230</v>
      </c>
      <c r="D38322" s="6" t="s">
        <v>37849</v>
      </c>
      <c r="E38322" s="6" t="s">
        <v>9</v>
      </c>
      <c r="F38322" s="7">
        <v>29160</v>
      </c>
      <c r="G38322" s="8">
        <v>254070000</v>
      </c>
      <c r="H38322" s="8">
        <v>24898860</v>
      </c>
      <c r="I38322" s="8">
        <v>234760680</v>
      </c>
      <c r="J38322" s="8">
        <v>19309320</v>
      </c>
      <c r="K38322" s="9">
        <v>1882</v>
      </c>
      <c r="L38322" s="6"/>
    </row>
    <row r="38323" spans="1:12">
      <c r="A38323" s="6" t="s">
        <v>25665</v>
      </c>
      <c r="B38323" s="6" t="s">
        <v>37855</v>
      </c>
      <c r="C38323" s="6" t="s">
        <v>32230</v>
      </c>
      <c r="D38323" s="6" t="s">
        <v>37849</v>
      </c>
      <c r="E38323" s="6" t="s">
        <v>9</v>
      </c>
      <c r="F38323" s="7">
        <v>42083</v>
      </c>
      <c r="G38323" s="8">
        <v>3172416</v>
      </c>
      <c r="H38323" s="8">
        <v>2683865</v>
      </c>
      <c r="I38323" s="8">
        <v>558344</v>
      </c>
      <c r="J38323" s="8">
        <v>2614072</v>
      </c>
      <c r="K38323" s="9"/>
      <c r="L38323" s="6"/>
    </row>
    <row r="38324" spans="1:12">
      <c r="A38324" s="6" t="s">
        <v>25665</v>
      </c>
      <c r="B38324" s="6" t="s">
        <v>37855</v>
      </c>
      <c r="C38324" s="6" t="s">
        <v>32230</v>
      </c>
      <c r="D38324" s="6" t="s">
        <v>37849</v>
      </c>
      <c r="E38324" s="6" t="s">
        <v>9</v>
      </c>
      <c r="F38324" s="7">
        <v>41333</v>
      </c>
      <c r="G38324" s="8">
        <v>7172776</v>
      </c>
      <c r="H38324" s="8">
        <v>5910368</v>
      </c>
      <c r="I38324" s="8">
        <v>1420209</v>
      </c>
      <c r="J38324" s="8">
        <v>5752567</v>
      </c>
      <c r="K38324" s="9"/>
      <c r="L38324" s="6"/>
    </row>
    <row r="38325" spans="1:12">
      <c r="A38325" s="6" t="s">
        <v>25665</v>
      </c>
      <c r="B38325" s="6" t="s">
        <v>37855</v>
      </c>
      <c r="C38325" s="6" t="s">
        <v>32230</v>
      </c>
      <c r="D38325" s="6" t="s">
        <v>37849</v>
      </c>
      <c r="E38325" s="6" t="s">
        <v>9</v>
      </c>
      <c r="F38325" s="7">
        <v>41997</v>
      </c>
      <c r="G38325" s="8">
        <v>10545211</v>
      </c>
      <c r="H38325" s="8">
        <v>6306037</v>
      </c>
      <c r="I38325" s="8">
        <v>4945703</v>
      </c>
      <c r="J38325" s="8">
        <v>5599508</v>
      </c>
      <c r="K38325" s="9"/>
      <c r="L38325" s="6"/>
    </row>
    <row r="38326" spans="1:12">
      <c r="A38326" s="6" t="s">
        <v>25665</v>
      </c>
      <c r="B38326" s="6" t="s">
        <v>37855</v>
      </c>
      <c r="C38326" s="6" t="s">
        <v>32230</v>
      </c>
      <c r="D38326" s="6" t="s">
        <v>37849</v>
      </c>
      <c r="E38326" s="6" t="s">
        <v>9</v>
      </c>
      <c r="F38326" s="7">
        <v>41688</v>
      </c>
      <c r="G38326" s="8">
        <v>13030544</v>
      </c>
      <c r="H38326" s="8">
        <v>6919222</v>
      </c>
      <c r="I38326" s="8">
        <v>6984368</v>
      </c>
      <c r="J38326" s="8">
        <v>6046176</v>
      </c>
      <c r="K38326" s="9"/>
      <c r="L38326" s="6"/>
    </row>
    <row r="38327" spans="1:12">
      <c r="A38327" s="6" t="s">
        <v>25665</v>
      </c>
      <c r="B38327" s="6" t="s">
        <v>37855</v>
      </c>
      <c r="C38327" s="6" t="s">
        <v>32230</v>
      </c>
      <c r="D38327" s="6" t="s">
        <v>37849</v>
      </c>
      <c r="E38327" s="6" t="s">
        <v>9</v>
      </c>
      <c r="F38327" s="7">
        <v>41688</v>
      </c>
      <c r="G38327" s="8">
        <v>13389183</v>
      </c>
      <c r="H38327" s="8">
        <v>7109658</v>
      </c>
      <c r="I38327" s="8">
        <v>7176600</v>
      </c>
      <c r="J38327" s="8">
        <v>6212583</v>
      </c>
      <c r="K38327" s="9"/>
      <c r="L38327" s="6"/>
    </row>
    <row r="38328" spans="1:12">
      <c r="A38328" s="6" t="s">
        <v>25665</v>
      </c>
      <c r="B38328" s="6" t="s">
        <v>37855</v>
      </c>
      <c r="C38328" s="6" t="s">
        <v>32230</v>
      </c>
      <c r="D38328" s="6" t="s">
        <v>37849</v>
      </c>
      <c r="E38328" s="6" t="s">
        <v>9</v>
      </c>
      <c r="F38328" s="7">
        <v>43633</v>
      </c>
      <c r="G38328" s="8">
        <v>972000</v>
      </c>
      <c r="H38328" s="8">
        <v>906876</v>
      </c>
      <c r="I38328" s="8">
        <v>130248</v>
      </c>
      <c r="J38328" s="8">
        <v>841752</v>
      </c>
      <c r="K38328" s="9"/>
      <c r="L38328" s="6"/>
    </row>
    <row r="38329" spans="1:12">
      <c r="A38329" s="6" t="s">
        <v>25665</v>
      </c>
      <c r="B38329" s="6" t="s">
        <v>37856</v>
      </c>
      <c r="C38329" s="6" t="s">
        <v>32230</v>
      </c>
      <c r="D38329" s="6" t="s">
        <v>37849</v>
      </c>
      <c r="E38329" s="6" t="s">
        <v>9</v>
      </c>
      <c r="F38329" s="7">
        <v>36434</v>
      </c>
      <c r="G38329" s="8">
        <v>7020000</v>
      </c>
      <c r="H38329" s="8">
        <v>3039660</v>
      </c>
      <c r="I38329" s="8">
        <v>4169880</v>
      </c>
      <c r="J38329" s="8">
        <v>2850120</v>
      </c>
      <c r="K38329" s="9">
        <v>54</v>
      </c>
      <c r="L38329" s="6"/>
    </row>
    <row r="38330" spans="1:12">
      <c r="A38330" s="6" t="s">
        <v>25665</v>
      </c>
      <c r="B38330" s="6" t="s">
        <v>37857</v>
      </c>
      <c r="C38330" s="6" t="s">
        <v>32230</v>
      </c>
      <c r="D38330" s="6" t="s">
        <v>37849</v>
      </c>
      <c r="E38330" s="6" t="s">
        <v>9</v>
      </c>
      <c r="F38330" s="7">
        <v>36434</v>
      </c>
      <c r="G38330" s="8">
        <v>3640000</v>
      </c>
      <c r="H38330" s="8">
        <v>1576120</v>
      </c>
      <c r="I38330" s="8">
        <v>2162160</v>
      </c>
      <c r="J38330" s="8">
        <v>1477840</v>
      </c>
      <c r="K38330" s="9">
        <v>28</v>
      </c>
      <c r="L38330" s="6"/>
    </row>
    <row r="38331" spans="1:12">
      <c r="A38331" s="6" t="s">
        <v>25665</v>
      </c>
      <c r="B38331" s="6" t="s">
        <v>37858</v>
      </c>
      <c r="C38331" s="6" t="s">
        <v>32230</v>
      </c>
      <c r="D38331" s="6" t="s">
        <v>37849</v>
      </c>
      <c r="E38331" s="6" t="s">
        <v>9</v>
      </c>
      <c r="F38331" s="7">
        <v>36434</v>
      </c>
      <c r="G38331" s="8">
        <v>285255000</v>
      </c>
      <c r="H38331" s="8">
        <v>153467190</v>
      </c>
      <c r="I38331" s="8">
        <v>138063420</v>
      </c>
      <c r="J38331" s="8">
        <v>147191580</v>
      </c>
      <c r="K38331" s="9">
        <v>2113</v>
      </c>
      <c r="L38331" s="6"/>
    </row>
    <row r="38332" spans="1:12">
      <c r="A38332" s="6" t="s">
        <v>25665</v>
      </c>
      <c r="B38332" s="6" t="s">
        <v>37858</v>
      </c>
      <c r="C38332" s="6" t="s">
        <v>32230</v>
      </c>
      <c r="D38332" s="6" t="s">
        <v>37849</v>
      </c>
      <c r="E38332" s="6" t="s">
        <v>9</v>
      </c>
      <c r="F38332" s="7">
        <v>43190</v>
      </c>
      <c r="G38332" s="8">
        <v>45684000</v>
      </c>
      <c r="H38332" s="8">
        <v>42668856</v>
      </c>
      <c r="I38332" s="8">
        <v>4020191</v>
      </c>
      <c r="J38332" s="8">
        <v>41663809</v>
      </c>
      <c r="K38332" s="9"/>
      <c r="L38332" s="6"/>
    </row>
    <row r="38333" spans="1:12">
      <c r="A38333" s="6" t="s">
        <v>25665</v>
      </c>
      <c r="B38333" s="6" t="s">
        <v>37858</v>
      </c>
      <c r="C38333" s="6" t="s">
        <v>32230</v>
      </c>
      <c r="D38333" s="6" t="s">
        <v>37849</v>
      </c>
      <c r="E38333" s="6" t="s">
        <v>9</v>
      </c>
      <c r="F38333" s="7">
        <v>43555</v>
      </c>
      <c r="G38333" s="8">
        <v>4806000</v>
      </c>
      <c r="H38333" s="8">
        <v>4594536</v>
      </c>
      <c r="I38333" s="8">
        <v>317196</v>
      </c>
      <c r="J38333" s="8">
        <v>4488804</v>
      </c>
      <c r="K38333" s="9"/>
      <c r="L38333" s="6"/>
    </row>
    <row r="38334" spans="1:12">
      <c r="A38334" s="6" t="s">
        <v>25665</v>
      </c>
      <c r="B38334" s="6" t="s">
        <v>37859</v>
      </c>
      <c r="C38334" s="6" t="s">
        <v>32230</v>
      </c>
      <c r="D38334" s="6" t="s">
        <v>37849</v>
      </c>
      <c r="E38334" s="6" t="s">
        <v>9</v>
      </c>
      <c r="F38334" s="7">
        <v>29677</v>
      </c>
      <c r="G38334" s="8">
        <v>720000</v>
      </c>
      <c r="H38334" s="8">
        <v>1</v>
      </c>
      <c r="I38334" s="8">
        <v>719999</v>
      </c>
      <c r="J38334" s="8">
        <v>1</v>
      </c>
      <c r="K38334" s="9">
        <v>12</v>
      </c>
      <c r="L38334" s="6"/>
    </row>
    <row r="38335" spans="1:12">
      <c r="A38335" s="6" t="s">
        <v>25665</v>
      </c>
      <c r="B38335" s="6" t="s">
        <v>37860</v>
      </c>
      <c r="C38335" s="6" t="s">
        <v>32230</v>
      </c>
      <c r="D38335" s="6" t="s">
        <v>37849</v>
      </c>
      <c r="E38335" s="6" t="s">
        <v>9</v>
      </c>
      <c r="F38335" s="7">
        <v>41997</v>
      </c>
      <c r="G38335" s="8">
        <v>18393321</v>
      </c>
      <c r="H38335" s="8">
        <v>10999209</v>
      </c>
      <c r="I38335" s="8">
        <v>8626464</v>
      </c>
      <c r="J38335" s="8">
        <v>9766857</v>
      </c>
      <c r="K38335" s="9"/>
      <c r="L38335" s="6"/>
    </row>
    <row r="38336" spans="1:12">
      <c r="A38336" s="6" t="s">
        <v>25665</v>
      </c>
      <c r="B38336" s="6" t="s">
        <v>37860</v>
      </c>
      <c r="C38336" s="6" t="s">
        <v>32230</v>
      </c>
      <c r="D38336" s="6" t="s">
        <v>37849</v>
      </c>
      <c r="E38336" s="6" t="s">
        <v>9</v>
      </c>
      <c r="F38336" s="7">
        <v>42083</v>
      </c>
      <c r="G38336" s="8">
        <v>1379499</v>
      </c>
      <c r="H38336" s="8">
        <v>1197411</v>
      </c>
      <c r="I38336" s="8">
        <v>212436</v>
      </c>
      <c r="J38336" s="8">
        <v>1167063</v>
      </c>
      <c r="K38336" s="9"/>
      <c r="L38336" s="6"/>
    </row>
    <row r="38337" spans="1:12">
      <c r="A38337" s="6" t="s">
        <v>25665</v>
      </c>
      <c r="B38337" s="6" t="s">
        <v>37860</v>
      </c>
      <c r="C38337" s="6" t="s">
        <v>32230</v>
      </c>
      <c r="D38337" s="6" t="s">
        <v>37849</v>
      </c>
      <c r="E38337" s="6" t="s">
        <v>9</v>
      </c>
      <c r="F38337" s="7">
        <v>41705</v>
      </c>
      <c r="G38337" s="8">
        <v>159889655</v>
      </c>
      <c r="H38337" s="8">
        <v>131749079</v>
      </c>
      <c r="I38337" s="8">
        <v>31658148</v>
      </c>
      <c r="J38337" s="8">
        <v>128231507</v>
      </c>
      <c r="K38337" s="9"/>
      <c r="L38337" s="6"/>
    </row>
    <row r="38338" spans="1:12">
      <c r="A38338" s="6" t="s">
        <v>25665</v>
      </c>
      <c r="B38338" s="6" t="s">
        <v>37860</v>
      </c>
      <c r="C38338" s="6" t="s">
        <v>32230</v>
      </c>
      <c r="D38338" s="6" t="s">
        <v>37849</v>
      </c>
      <c r="E38338" s="6" t="s">
        <v>9</v>
      </c>
      <c r="F38338" s="7">
        <v>41997</v>
      </c>
      <c r="G38338" s="8">
        <v>22991651</v>
      </c>
      <c r="H38338" s="8">
        <v>13749011</v>
      </c>
      <c r="I38338" s="8">
        <v>10783080</v>
      </c>
      <c r="J38338" s="8">
        <v>12208571</v>
      </c>
      <c r="K38338" s="9"/>
      <c r="L38338" s="6"/>
    </row>
    <row r="38339" spans="1:12">
      <c r="A38339" s="6" t="s">
        <v>25665</v>
      </c>
      <c r="B38339" s="6" t="s">
        <v>37860</v>
      </c>
      <c r="C38339" s="6" t="s">
        <v>32230</v>
      </c>
      <c r="D38339" s="6" t="s">
        <v>37849</v>
      </c>
      <c r="E38339" s="6" t="s">
        <v>9</v>
      </c>
      <c r="F38339" s="7">
        <v>41688</v>
      </c>
      <c r="G38339" s="8">
        <v>25903176</v>
      </c>
      <c r="H38339" s="8">
        <v>13754592</v>
      </c>
      <c r="I38339" s="8">
        <v>13884096</v>
      </c>
      <c r="J38339" s="8">
        <v>12019080</v>
      </c>
      <c r="K38339" s="9"/>
      <c r="L38339" s="6"/>
    </row>
    <row r="38340" spans="1:12">
      <c r="A38340" s="6" t="s">
        <v>25665</v>
      </c>
      <c r="B38340" s="6" t="s">
        <v>37860</v>
      </c>
      <c r="C38340" s="6" t="s">
        <v>32230</v>
      </c>
      <c r="D38340" s="6" t="s">
        <v>37849</v>
      </c>
      <c r="E38340" s="6" t="s">
        <v>9</v>
      </c>
      <c r="F38340" s="7">
        <v>42083</v>
      </c>
      <c r="G38340" s="8">
        <v>181769292</v>
      </c>
      <c r="H38340" s="8">
        <v>153776824</v>
      </c>
      <c r="I38340" s="8">
        <v>31991392</v>
      </c>
      <c r="J38340" s="8">
        <v>149777900</v>
      </c>
      <c r="K38340" s="9"/>
      <c r="L38340" s="6"/>
    </row>
    <row r="38341" spans="1:12">
      <c r="A38341" s="6" t="s">
        <v>25665</v>
      </c>
      <c r="B38341" s="6" t="s">
        <v>37860</v>
      </c>
      <c r="C38341" s="6" t="s">
        <v>32230</v>
      </c>
      <c r="D38341" s="6" t="s">
        <v>37849</v>
      </c>
      <c r="E38341" s="6" t="s">
        <v>9</v>
      </c>
      <c r="F38341" s="7">
        <v>41712</v>
      </c>
      <c r="G38341" s="8">
        <v>1959174</v>
      </c>
      <c r="H38341" s="8">
        <v>1657467</v>
      </c>
      <c r="I38341" s="8">
        <v>344808</v>
      </c>
      <c r="J38341" s="8">
        <v>1614366</v>
      </c>
      <c r="K38341" s="9"/>
      <c r="L38341" s="6"/>
    </row>
    <row r="38342" spans="1:12">
      <c r="A38342" s="6" t="s">
        <v>25665</v>
      </c>
      <c r="B38342" s="6" t="s">
        <v>37860</v>
      </c>
      <c r="C38342" s="6" t="s">
        <v>32230</v>
      </c>
      <c r="D38342" s="6" t="s">
        <v>37849</v>
      </c>
      <c r="E38342" s="6" t="s">
        <v>9</v>
      </c>
      <c r="F38342" s="7">
        <v>41718</v>
      </c>
      <c r="G38342" s="8">
        <v>3050526</v>
      </c>
      <c r="H38342" s="8">
        <v>2513638</v>
      </c>
      <c r="I38342" s="8">
        <v>603999</v>
      </c>
      <c r="J38342" s="8">
        <v>2446527</v>
      </c>
      <c r="K38342" s="9"/>
      <c r="L38342" s="6"/>
    </row>
    <row r="38343" spans="1:12">
      <c r="A38343" s="6" t="s">
        <v>25665</v>
      </c>
      <c r="B38343" s="6" t="s">
        <v>37860</v>
      </c>
      <c r="C38343" s="6" t="s">
        <v>32230</v>
      </c>
      <c r="D38343" s="6" t="s">
        <v>37849</v>
      </c>
      <c r="E38343" s="6" t="s">
        <v>9</v>
      </c>
      <c r="F38343" s="7">
        <v>29160</v>
      </c>
      <c r="G38343" s="8">
        <v>279450000</v>
      </c>
      <c r="H38343" s="8">
        <v>27386100</v>
      </c>
      <c r="I38343" s="8">
        <v>258211800</v>
      </c>
      <c r="J38343" s="8">
        <v>21238200</v>
      </c>
      <c r="K38343" s="9">
        <v>2070</v>
      </c>
      <c r="L38343" s="6"/>
    </row>
    <row r="38344" spans="1:12">
      <c r="A38344" s="6" t="s">
        <v>25665</v>
      </c>
      <c r="B38344" s="6" t="s">
        <v>37860</v>
      </c>
      <c r="C38344" s="6" t="s">
        <v>32230</v>
      </c>
      <c r="D38344" s="6" t="s">
        <v>37849</v>
      </c>
      <c r="E38344" s="6" t="s">
        <v>9</v>
      </c>
      <c r="F38344" s="7">
        <v>42083</v>
      </c>
      <c r="G38344" s="8">
        <v>3489321</v>
      </c>
      <c r="H38344" s="8">
        <v>2951966</v>
      </c>
      <c r="I38344" s="8">
        <v>614120</v>
      </c>
      <c r="J38344" s="8">
        <v>2875201</v>
      </c>
      <c r="K38344" s="9"/>
      <c r="L38344" s="6"/>
    </row>
    <row r="38345" spans="1:12">
      <c r="A38345" s="6" t="s">
        <v>25665</v>
      </c>
      <c r="B38345" s="6" t="s">
        <v>37860</v>
      </c>
      <c r="C38345" s="6" t="s">
        <v>32230</v>
      </c>
      <c r="D38345" s="6" t="s">
        <v>37849</v>
      </c>
      <c r="E38345" s="6" t="s">
        <v>9</v>
      </c>
      <c r="F38345" s="7">
        <v>41333</v>
      </c>
      <c r="G38345" s="8">
        <v>7889292</v>
      </c>
      <c r="H38345" s="8">
        <v>6500780</v>
      </c>
      <c r="I38345" s="8">
        <v>1562076</v>
      </c>
      <c r="J38345" s="8">
        <v>6327216</v>
      </c>
      <c r="K38345" s="9"/>
      <c r="L38345" s="6"/>
    </row>
    <row r="38346" spans="1:12">
      <c r="A38346" s="6" t="s">
        <v>25665</v>
      </c>
      <c r="B38346" s="6" t="s">
        <v>37860</v>
      </c>
      <c r="C38346" s="6" t="s">
        <v>32230</v>
      </c>
      <c r="D38346" s="6" t="s">
        <v>37849</v>
      </c>
      <c r="E38346" s="6" t="s">
        <v>9</v>
      </c>
      <c r="F38346" s="7">
        <v>41997</v>
      </c>
      <c r="G38346" s="8">
        <v>11598611</v>
      </c>
      <c r="H38346" s="8">
        <v>6935975</v>
      </c>
      <c r="I38346" s="8">
        <v>5439742</v>
      </c>
      <c r="J38346" s="8">
        <v>6158869</v>
      </c>
      <c r="K38346" s="9"/>
      <c r="L38346" s="6"/>
    </row>
    <row r="38347" spans="1:12">
      <c r="A38347" s="6" t="s">
        <v>25665</v>
      </c>
      <c r="B38347" s="6" t="s">
        <v>37860</v>
      </c>
      <c r="C38347" s="6" t="s">
        <v>32230</v>
      </c>
      <c r="D38347" s="6" t="s">
        <v>37849</v>
      </c>
      <c r="E38347" s="6" t="s">
        <v>9</v>
      </c>
      <c r="F38347" s="7">
        <v>41688</v>
      </c>
      <c r="G38347" s="8">
        <v>14332214</v>
      </c>
      <c r="H38347" s="8">
        <v>7610408</v>
      </c>
      <c r="I38347" s="8">
        <v>7682064</v>
      </c>
      <c r="J38347" s="8">
        <v>6650150</v>
      </c>
      <c r="K38347" s="9"/>
      <c r="L38347" s="6"/>
    </row>
    <row r="38348" spans="1:12">
      <c r="A38348" s="6" t="s">
        <v>25665</v>
      </c>
      <c r="B38348" s="6" t="s">
        <v>37860</v>
      </c>
      <c r="C38348" s="6" t="s">
        <v>32230</v>
      </c>
      <c r="D38348" s="6" t="s">
        <v>37849</v>
      </c>
      <c r="E38348" s="6" t="s">
        <v>9</v>
      </c>
      <c r="F38348" s="7">
        <v>41688</v>
      </c>
      <c r="G38348" s="8">
        <v>14726678</v>
      </c>
      <c r="H38348" s="8">
        <v>7819869</v>
      </c>
      <c r="I38348" s="8">
        <v>7893496</v>
      </c>
      <c r="J38348" s="8">
        <v>6833182</v>
      </c>
      <c r="K38348" s="9"/>
      <c r="L38348" s="6"/>
    </row>
    <row r="38349" spans="1:12">
      <c r="A38349" s="6" t="s">
        <v>25693</v>
      </c>
      <c r="B38349" s="6" t="s">
        <v>37861</v>
      </c>
      <c r="C38349" s="6" t="s">
        <v>32230</v>
      </c>
      <c r="D38349" s="6" t="s">
        <v>37862</v>
      </c>
      <c r="E38349" s="6" t="s">
        <v>9</v>
      </c>
      <c r="F38349" s="7">
        <v>41906</v>
      </c>
      <c r="G38349" s="8">
        <v>1978326</v>
      </c>
      <c r="H38349" s="8">
        <v>1183044</v>
      </c>
      <c r="I38349" s="8">
        <v>927829</v>
      </c>
      <c r="J38349" s="8">
        <v>1050497</v>
      </c>
      <c r="K38349" s="9"/>
      <c r="L38349" s="6"/>
    </row>
    <row r="38350" spans="1:12">
      <c r="A38350" s="6" t="s">
        <v>25693</v>
      </c>
      <c r="B38350" s="6" t="s">
        <v>37861</v>
      </c>
      <c r="C38350" s="6" t="s">
        <v>32230</v>
      </c>
      <c r="D38350" s="6" t="s">
        <v>37862</v>
      </c>
      <c r="E38350" s="6" t="s">
        <v>9</v>
      </c>
      <c r="F38350" s="7">
        <v>30742</v>
      </c>
      <c r="G38350" s="8">
        <v>65880000</v>
      </c>
      <c r="H38350" s="8">
        <v>12253680</v>
      </c>
      <c r="I38350" s="8">
        <v>55075680</v>
      </c>
      <c r="J38350" s="8">
        <v>10804320</v>
      </c>
      <c r="K38350" s="9">
        <v>488</v>
      </c>
      <c r="L38350" s="6"/>
    </row>
    <row r="38351" spans="1:12">
      <c r="A38351" s="6" t="s">
        <v>25693</v>
      </c>
      <c r="B38351" s="6" t="s">
        <v>37861</v>
      </c>
      <c r="C38351" s="6" t="s">
        <v>32230</v>
      </c>
      <c r="D38351" s="6" t="s">
        <v>37862</v>
      </c>
      <c r="E38351" s="6" t="s">
        <v>9</v>
      </c>
      <c r="F38351" s="7">
        <v>41505</v>
      </c>
      <c r="G38351" s="8">
        <v>2425500</v>
      </c>
      <c r="H38351" s="8">
        <v>727650</v>
      </c>
      <c r="I38351" s="8">
        <v>1940400</v>
      </c>
      <c r="J38351" s="8">
        <v>485100</v>
      </c>
      <c r="K38351" s="9"/>
      <c r="L38351" s="6"/>
    </row>
    <row r="38352" spans="1:12">
      <c r="A38352" s="6" t="s">
        <v>25693</v>
      </c>
      <c r="B38352" s="6" t="s">
        <v>37863</v>
      </c>
      <c r="C38352" s="6" t="s">
        <v>32230</v>
      </c>
      <c r="D38352" s="6" t="s">
        <v>37862</v>
      </c>
      <c r="E38352" s="6" t="s">
        <v>9</v>
      </c>
      <c r="F38352" s="7">
        <v>41906</v>
      </c>
      <c r="G38352" s="8">
        <v>8452480</v>
      </c>
      <c r="H38352" s="8">
        <v>5054584</v>
      </c>
      <c r="I38352" s="8">
        <v>3964212</v>
      </c>
      <c r="J38352" s="8">
        <v>4488268</v>
      </c>
      <c r="K38352" s="9"/>
      <c r="L38352" s="6"/>
    </row>
    <row r="38353" spans="1:12">
      <c r="A38353" s="6" t="s">
        <v>25693</v>
      </c>
      <c r="B38353" s="6" t="s">
        <v>37863</v>
      </c>
      <c r="C38353" s="6" t="s">
        <v>32230</v>
      </c>
      <c r="D38353" s="6" t="s">
        <v>37862</v>
      </c>
      <c r="E38353" s="6" t="s">
        <v>9</v>
      </c>
      <c r="F38353" s="7">
        <v>30742</v>
      </c>
      <c r="G38353" s="8">
        <v>281475000</v>
      </c>
      <c r="H38353" s="8">
        <v>52354350</v>
      </c>
      <c r="I38353" s="8">
        <v>235313100</v>
      </c>
      <c r="J38353" s="8">
        <v>46161900</v>
      </c>
      <c r="K38353" s="9">
        <v>2085</v>
      </c>
      <c r="L38353" s="6"/>
    </row>
    <row r="38354" spans="1:12">
      <c r="A38354" s="6" t="s">
        <v>25693</v>
      </c>
      <c r="B38354" s="6" t="s">
        <v>37864</v>
      </c>
      <c r="C38354" s="6" t="s">
        <v>32230</v>
      </c>
      <c r="D38354" s="6" t="s">
        <v>37862</v>
      </c>
      <c r="E38354" s="6" t="s">
        <v>9</v>
      </c>
      <c r="F38354" s="7">
        <v>31837</v>
      </c>
      <c r="G38354" s="8">
        <v>12015000</v>
      </c>
      <c r="H38354" s="8">
        <v>3027780</v>
      </c>
      <c r="I38354" s="8">
        <v>9251550</v>
      </c>
      <c r="J38354" s="8">
        <v>2763450</v>
      </c>
      <c r="K38354" s="9">
        <v>89</v>
      </c>
      <c r="L38354" s="6"/>
    </row>
    <row r="38355" spans="1:12">
      <c r="A38355" s="6" t="s">
        <v>25693</v>
      </c>
      <c r="B38355" s="6" t="s">
        <v>37865</v>
      </c>
      <c r="C38355" s="6" t="s">
        <v>32230</v>
      </c>
      <c r="D38355" s="6" t="s">
        <v>37862</v>
      </c>
      <c r="E38355" s="6" t="s">
        <v>9</v>
      </c>
      <c r="F38355" s="7">
        <v>31837</v>
      </c>
      <c r="G38355" s="8">
        <v>1215000</v>
      </c>
      <c r="H38355" s="8">
        <v>306180</v>
      </c>
      <c r="I38355" s="8">
        <v>935550</v>
      </c>
      <c r="J38355" s="8">
        <v>279450</v>
      </c>
      <c r="K38355" s="9">
        <v>9</v>
      </c>
      <c r="L38355" s="6"/>
    </row>
    <row r="38356" spans="1:12">
      <c r="A38356" s="6" t="s">
        <v>25693</v>
      </c>
      <c r="B38356" s="6" t="s">
        <v>37866</v>
      </c>
      <c r="C38356" s="6" t="s">
        <v>32230</v>
      </c>
      <c r="D38356" s="6" t="s">
        <v>37862</v>
      </c>
      <c r="E38356" s="6" t="s">
        <v>9</v>
      </c>
      <c r="F38356" s="7">
        <v>30742</v>
      </c>
      <c r="G38356" s="8">
        <v>16160000</v>
      </c>
      <c r="H38356" s="8">
        <v>1</v>
      </c>
      <c r="I38356" s="8">
        <v>16159999</v>
      </c>
      <c r="J38356" s="8">
        <v>1</v>
      </c>
      <c r="K38356" s="9">
        <v>202</v>
      </c>
      <c r="L38356" s="6"/>
    </row>
    <row r="38357" spans="1:12">
      <c r="A38357" s="6" t="s">
        <v>25693</v>
      </c>
      <c r="B38357" s="6" t="s">
        <v>37867</v>
      </c>
      <c r="C38357" s="6" t="s">
        <v>32230</v>
      </c>
      <c r="D38357" s="6" t="s">
        <v>37862</v>
      </c>
      <c r="E38357" s="6" t="s">
        <v>9</v>
      </c>
      <c r="F38357" s="7">
        <v>31837</v>
      </c>
      <c r="G38357" s="8">
        <v>141480000</v>
      </c>
      <c r="H38357" s="8">
        <v>35652960</v>
      </c>
      <c r="I38357" s="8">
        <v>108939600</v>
      </c>
      <c r="J38357" s="8">
        <v>32540400</v>
      </c>
      <c r="K38357" s="9">
        <v>1048</v>
      </c>
      <c r="L38357" s="6"/>
    </row>
    <row r="38358" spans="1:12">
      <c r="A38358" s="6" t="s">
        <v>25693</v>
      </c>
      <c r="B38358" s="6" t="s">
        <v>37867</v>
      </c>
      <c r="C38358" s="6" t="s">
        <v>32230</v>
      </c>
      <c r="D38358" s="6" t="s">
        <v>37862</v>
      </c>
      <c r="E38358" s="6" t="s">
        <v>9</v>
      </c>
      <c r="F38358" s="7">
        <v>43878</v>
      </c>
      <c r="G38358" s="8">
        <v>4048000</v>
      </c>
      <c r="H38358" s="8">
        <v>3776784</v>
      </c>
      <c r="I38358" s="8">
        <v>542432</v>
      </c>
      <c r="J38358" s="8">
        <v>3505568</v>
      </c>
      <c r="K38358" s="9"/>
      <c r="L38358" s="6"/>
    </row>
    <row r="38359" spans="1:12">
      <c r="A38359" s="6" t="s">
        <v>25693</v>
      </c>
      <c r="B38359" s="6" t="s">
        <v>37867</v>
      </c>
      <c r="C38359" s="6" t="s">
        <v>32230</v>
      </c>
      <c r="D38359" s="6" t="s">
        <v>37862</v>
      </c>
      <c r="E38359" s="6" t="s">
        <v>9</v>
      </c>
      <c r="F38359" s="7">
        <v>43633</v>
      </c>
      <c r="G38359" s="8">
        <v>972000</v>
      </c>
      <c r="H38359" s="8">
        <v>906876</v>
      </c>
      <c r="I38359" s="8">
        <v>130248</v>
      </c>
      <c r="J38359" s="8">
        <v>841752</v>
      </c>
      <c r="K38359" s="9"/>
      <c r="L38359" s="6"/>
    </row>
    <row r="38360" spans="1:12">
      <c r="A38360" s="6" t="s">
        <v>25693</v>
      </c>
      <c r="B38360" s="6" t="s">
        <v>37868</v>
      </c>
      <c r="C38360" s="6" t="s">
        <v>32230</v>
      </c>
      <c r="D38360" s="6" t="s">
        <v>37862</v>
      </c>
      <c r="E38360" s="6" t="s">
        <v>9</v>
      </c>
      <c r="F38360" s="7">
        <v>30742</v>
      </c>
      <c r="G38360" s="8">
        <v>97920000</v>
      </c>
      <c r="H38360" s="8">
        <v>1</v>
      </c>
      <c r="I38360" s="8">
        <v>97919999</v>
      </c>
      <c r="J38360" s="8">
        <v>1</v>
      </c>
      <c r="K38360" s="9">
        <v>1224</v>
      </c>
      <c r="L38360" s="6"/>
    </row>
    <row r="38361" spans="1:12">
      <c r="A38361" s="6" t="s">
        <v>25693</v>
      </c>
      <c r="B38361" s="6" t="s">
        <v>37868</v>
      </c>
      <c r="C38361" s="6" t="s">
        <v>32230</v>
      </c>
      <c r="D38361" s="6" t="s">
        <v>37862</v>
      </c>
      <c r="E38361" s="6" t="s">
        <v>9</v>
      </c>
      <c r="F38361" s="7">
        <v>41718</v>
      </c>
      <c r="G38361" s="8">
        <v>2721456</v>
      </c>
      <c r="H38361" s="8">
        <v>2149955</v>
      </c>
      <c r="I38361" s="8">
        <v>653144</v>
      </c>
      <c r="J38361" s="8">
        <v>2068312</v>
      </c>
      <c r="K38361" s="9"/>
      <c r="L38361" s="6"/>
    </row>
    <row r="38362" spans="1:12">
      <c r="A38362" s="6" t="s">
        <v>25693</v>
      </c>
      <c r="B38362" s="6" t="s">
        <v>37868</v>
      </c>
      <c r="C38362" s="6" t="s">
        <v>32230</v>
      </c>
      <c r="D38362" s="6" t="s">
        <v>37862</v>
      </c>
      <c r="E38362" s="6" t="s">
        <v>9</v>
      </c>
      <c r="F38362" s="7">
        <v>41912</v>
      </c>
      <c r="G38362" s="8">
        <v>77760000</v>
      </c>
      <c r="H38362" s="8">
        <v>63763200</v>
      </c>
      <c r="I38362" s="8">
        <v>16329600</v>
      </c>
      <c r="J38362" s="8">
        <v>61430400</v>
      </c>
      <c r="K38362" s="9"/>
      <c r="L38362" s="6"/>
    </row>
    <row r="38363" spans="1:12">
      <c r="A38363" s="6" t="s">
        <v>25693</v>
      </c>
      <c r="B38363" s="6" t="s">
        <v>37869</v>
      </c>
      <c r="C38363" s="6" t="s">
        <v>32230</v>
      </c>
      <c r="D38363" s="6" t="s">
        <v>37862</v>
      </c>
      <c r="E38363" s="6" t="s">
        <v>9</v>
      </c>
      <c r="F38363" s="7">
        <v>31382</v>
      </c>
      <c r="G38363" s="8">
        <v>77760000</v>
      </c>
      <c r="H38363" s="8">
        <v>17884800</v>
      </c>
      <c r="I38363" s="8">
        <v>61585920</v>
      </c>
      <c r="J38363" s="8">
        <v>16174080</v>
      </c>
      <c r="K38363" s="9">
        <v>576</v>
      </c>
      <c r="L38363" s="6"/>
    </row>
    <row r="38364" spans="1:12">
      <c r="A38364" s="6" t="s">
        <v>25693</v>
      </c>
      <c r="B38364" s="6" t="s">
        <v>37870</v>
      </c>
      <c r="C38364" s="6" t="s">
        <v>32230</v>
      </c>
      <c r="D38364" s="6" t="s">
        <v>37862</v>
      </c>
      <c r="E38364" s="6" t="s">
        <v>9</v>
      </c>
      <c r="F38364" s="7">
        <v>30864</v>
      </c>
      <c r="G38364" s="8">
        <v>10560000</v>
      </c>
      <c r="H38364" s="8">
        <v>1</v>
      </c>
      <c r="I38364" s="8">
        <v>10559999</v>
      </c>
      <c r="J38364" s="8">
        <v>1</v>
      </c>
      <c r="K38364" s="9">
        <v>132</v>
      </c>
      <c r="L38364" s="6"/>
    </row>
    <row r="38365" spans="1:12">
      <c r="A38365" s="6" t="s">
        <v>25693</v>
      </c>
      <c r="B38365" s="6" t="s">
        <v>37871</v>
      </c>
      <c r="C38365" s="6" t="s">
        <v>32230</v>
      </c>
      <c r="D38365" s="6" t="s">
        <v>37862</v>
      </c>
      <c r="E38365" s="6" t="s">
        <v>9</v>
      </c>
      <c r="F38365" s="7">
        <v>30895</v>
      </c>
      <c r="G38365" s="8">
        <v>15520000</v>
      </c>
      <c r="H38365" s="8">
        <v>1</v>
      </c>
      <c r="I38365" s="8">
        <v>15519999</v>
      </c>
      <c r="J38365" s="8">
        <v>1</v>
      </c>
      <c r="K38365" s="9">
        <v>194</v>
      </c>
      <c r="L38365" s="6"/>
    </row>
    <row r="38366" spans="1:12">
      <c r="A38366" s="6" t="s">
        <v>25693</v>
      </c>
      <c r="B38366" s="6" t="s">
        <v>37872</v>
      </c>
      <c r="C38366" s="6" t="s">
        <v>32230</v>
      </c>
      <c r="D38366" s="6" t="s">
        <v>37862</v>
      </c>
      <c r="E38366" s="6" t="s">
        <v>9</v>
      </c>
      <c r="F38366" s="7">
        <v>43921</v>
      </c>
      <c r="G38366" s="8">
        <v>1534330409</v>
      </c>
      <c r="H38366" s="8">
        <v>1500575141</v>
      </c>
      <c r="I38366" s="8">
        <v>67510536</v>
      </c>
      <c r="J38366" s="8">
        <v>1466819873</v>
      </c>
      <c r="K38366" s="9"/>
      <c r="L38366" s="6"/>
    </row>
    <row r="38367" spans="1:12">
      <c r="A38367" s="6" t="s">
        <v>25693</v>
      </c>
      <c r="B38367" s="6" t="s">
        <v>37872</v>
      </c>
      <c r="C38367" s="6" t="s">
        <v>32230</v>
      </c>
      <c r="D38367" s="6" t="s">
        <v>37862</v>
      </c>
      <c r="E38367" s="6" t="s">
        <v>9</v>
      </c>
      <c r="F38367" s="7">
        <v>43915</v>
      </c>
      <c r="G38367" s="8">
        <v>244804384</v>
      </c>
      <c r="H38367" s="8">
        <v>228402491</v>
      </c>
      <c r="I38367" s="8">
        <v>32803786</v>
      </c>
      <c r="J38367" s="8">
        <v>212000598</v>
      </c>
      <c r="K38367" s="9"/>
      <c r="L38367" s="6"/>
    </row>
    <row r="38368" spans="1:12">
      <c r="A38368" s="6" t="s">
        <v>25693</v>
      </c>
      <c r="B38368" s="6" t="s">
        <v>37872</v>
      </c>
      <c r="C38368" s="6" t="s">
        <v>32230</v>
      </c>
      <c r="D38368" s="6" t="s">
        <v>37862</v>
      </c>
      <c r="E38368" s="6" t="s">
        <v>9</v>
      </c>
      <c r="F38368" s="7">
        <v>43915</v>
      </c>
      <c r="G38368" s="8">
        <v>243629167</v>
      </c>
      <c r="H38368" s="8">
        <v>229985934</v>
      </c>
      <c r="I38368" s="8">
        <v>27286466</v>
      </c>
      <c r="J38368" s="8">
        <v>216342701</v>
      </c>
      <c r="K38368" s="9"/>
      <c r="L38368" s="6"/>
    </row>
    <row r="38369" spans="1:12">
      <c r="A38369" s="6" t="s">
        <v>25693</v>
      </c>
      <c r="B38369" s="6" t="s">
        <v>37872</v>
      </c>
      <c r="C38369" s="6" t="s">
        <v>32230</v>
      </c>
      <c r="D38369" s="6" t="s">
        <v>37862</v>
      </c>
      <c r="E38369" s="6" t="s">
        <v>9</v>
      </c>
      <c r="F38369" s="7">
        <v>41906</v>
      </c>
      <c r="G38369" s="8">
        <v>9174082</v>
      </c>
      <c r="H38369" s="8">
        <v>5486104</v>
      </c>
      <c r="I38369" s="8">
        <v>4302641</v>
      </c>
      <c r="J38369" s="8">
        <v>4871441</v>
      </c>
      <c r="K38369" s="9"/>
      <c r="L38369" s="6"/>
    </row>
    <row r="38370" spans="1:12">
      <c r="A38370" s="6" t="s">
        <v>25693</v>
      </c>
      <c r="B38370" s="6" t="s">
        <v>37872</v>
      </c>
      <c r="C38370" s="6" t="s">
        <v>32230</v>
      </c>
      <c r="D38370" s="6" t="s">
        <v>37862</v>
      </c>
      <c r="E38370" s="6" t="s">
        <v>9</v>
      </c>
      <c r="F38370" s="7">
        <v>30742</v>
      </c>
      <c r="G38370" s="8">
        <v>305505000</v>
      </c>
      <c r="H38370" s="8">
        <v>56823930</v>
      </c>
      <c r="I38370" s="8">
        <v>255402180</v>
      </c>
      <c r="J38370" s="8">
        <v>50102820</v>
      </c>
      <c r="K38370" s="9">
        <v>2263</v>
      </c>
      <c r="L38370" s="6"/>
    </row>
    <row r="38371" spans="1:12">
      <c r="A38371" s="6" t="s">
        <v>25693</v>
      </c>
      <c r="B38371" s="6" t="s">
        <v>37872</v>
      </c>
      <c r="C38371" s="6" t="s">
        <v>32230</v>
      </c>
      <c r="D38371" s="6" t="s">
        <v>37862</v>
      </c>
      <c r="E38371" s="6" t="s">
        <v>9</v>
      </c>
      <c r="F38371" s="7">
        <v>41891</v>
      </c>
      <c r="G38371" s="8">
        <v>1688040</v>
      </c>
      <c r="H38371" s="8">
        <v>675216</v>
      </c>
      <c r="I38371" s="8">
        <v>1181628</v>
      </c>
      <c r="J38371" s="8">
        <v>506412</v>
      </c>
      <c r="K38371" s="9"/>
      <c r="L38371" s="6"/>
    </row>
    <row r="38372" spans="1:12">
      <c r="A38372" s="6" t="s">
        <v>25693</v>
      </c>
      <c r="B38372" s="6" t="s">
        <v>37872</v>
      </c>
      <c r="C38372" s="6" t="s">
        <v>32230</v>
      </c>
      <c r="D38372" s="6" t="s">
        <v>37862</v>
      </c>
      <c r="E38372" s="6" t="s">
        <v>9</v>
      </c>
      <c r="F38372" s="7">
        <v>43539</v>
      </c>
      <c r="G38372" s="8">
        <v>843480</v>
      </c>
      <c r="H38372" s="8">
        <v>730454</v>
      </c>
      <c r="I38372" s="8">
        <v>169539</v>
      </c>
      <c r="J38372" s="8">
        <v>673941</v>
      </c>
      <c r="K38372" s="9"/>
      <c r="L38372" s="6"/>
    </row>
    <row r="38373" spans="1:12">
      <c r="A38373" s="6" t="s">
        <v>25693</v>
      </c>
      <c r="B38373" s="6" t="s">
        <v>37873</v>
      </c>
      <c r="C38373" s="6" t="s">
        <v>32230</v>
      </c>
      <c r="D38373" s="6" t="s">
        <v>37862</v>
      </c>
      <c r="E38373" s="6" t="s">
        <v>9</v>
      </c>
      <c r="F38373" s="7">
        <v>41906</v>
      </c>
      <c r="G38373" s="8">
        <v>2578310</v>
      </c>
      <c r="H38373" s="8">
        <v>1541834</v>
      </c>
      <c r="I38373" s="8">
        <v>1209222</v>
      </c>
      <c r="J38373" s="8">
        <v>1369088</v>
      </c>
      <c r="K38373" s="9"/>
      <c r="L38373" s="6"/>
    </row>
    <row r="38374" spans="1:12">
      <c r="A38374" s="6" t="s">
        <v>25693</v>
      </c>
      <c r="B38374" s="6" t="s">
        <v>37873</v>
      </c>
      <c r="C38374" s="6" t="s">
        <v>32230</v>
      </c>
      <c r="D38374" s="6" t="s">
        <v>37862</v>
      </c>
      <c r="E38374" s="6" t="s">
        <v>9</v>
      </c>
      <c r="F38374" s="7">
        <v>30742</v>
      </c>
      <c r="G38374" s="8">
        <v>85860000</v>
      </c>
      <c r="H38374" s="8">
        <v>15969960</v>
      </c>
      <c r="I38374" s="8">
        <v>71778960</v>
      </c>
      <c r="J38374" s="8">
        <v>14081040</v>
      </c>
      <c r="K38374" s="9">
        <v>636</v>
      </c>
      <c r="L38374" s="6"/>
    </row>
    <row r="38375" spans="1:12">
      <c r="A38375" s="6" t="s">
        <v>25695</v>
      </c>
      <c r="B38375" s="6" t="s">
        <v>37874</v>
      </c>
      <c r="C38375" s="6" t="s">
        <v>32230</v>
      </c>
      <c r="D38375" s="6" t="s">
        <v>37875</v>
      </c>
      <c r="E38375" s="6" t="s">
        <v>9</v>
      </c>
      <c r="F38375" s="7">
        <v>42094</v>
      </c>
      <c r="G38375" s="8">
        <v>3207600</v>
      </c>
      <c r="H38375" s="8">
        <v>1283040</v>
      </c>
      <c r="I38375" s="8">
        <v>2245320</v>
      </c>
      <c r="J38375" s="8">
        <v>962280</v>
      </c>
      <c r="K38375" s="9"/>
      <c r="L38375" s="6"/>
    </row>
    <row r="38376" spans="1:12">
      <c r="A38376" s="6" t="s">
        <v>25695</v>
      </c>
      <c r="B38376" s="6" t="s">
        <v>37874</v>
      </c>
      <c r="C38376" s="6" t="s">
        <v>32230</v>
      </c>
      <c r="D38376" s="6" t="s">
        <v>37875</v>
      </c>
      <c r="E38376" s="6" t="s">
        <v>9</v>
      </c>
      <c r="F38376" s="7">
        <v>43878</v>
      </c>
      <c r="G38376" s="8">
        <v>15290000</v>
      </c>
      <c r="H38376" s="8">
        <v>14265570</v>
      </c>
      <c r="I38376" s="8">
        <v>2048860</v>
      </c>
      <c r="J38376" s="8">
        <v>13241140</v>
      </c>
      <c r="K38376" s="9"/>
      <c r="L38376" s="6"/>
    </row>
    <row r="38377" spans="1:12">
      <c r="A38377" s="6" t="s">
        <v>25695</v>
      </c>
      <c r="B38377" s="6" t="s">
        <v>37874</v>
      </c>
      <c r="C38377" s="6" t="s">
        <v>32230</v>
      </c>
      <c r="D38377" s="6" t="s">
        <v>37875</v>
      </c>
      <c r="E38377" s="6" t="s">
        <v>9</v>
      </c>
      <c r="F38377" s="7">
        <v>42094</v>
      </c>
      <c r="G38377" s="8">
        <v>1004164</v>
      </c>
      <c r="H38377" s="8">
        <v>401668</v>
      </c>
      <c r="I38377" s="8">
        <v>702912</v>
      </c>
      <c r="J38377" s="8">
        <v>301252</v>
      </c>
      <c r="K38377" s="9"/>
      <c r="L38377" s="6"/>
    </row>
    <row r="38378" spans="1:12">
      <c r="A38378" s="6" t="s">
        <v>25695</v>
      </c>
      <c r="B38378" s="6" t="s">
        <v>37874</v>
      </c>
      <c r="C38378" s="6" t="s">
        <v>32230</v>
      </c>
      <c r="D38378" s="6" t="s">
        <v>37875</v>
      </c>
      <c r="E38378" s="6" t="s">
        <v>9</v>
      </c>
      <c r="F38378" s="7">
        <v>42036</v>
      </c>
      <c r="G38378" s="8">
        <v>748440000</v>
      </c>
      <c r="H38378" s="8">
        <v>649645920</v>
      </c>
      <c r="I38378" s="8">
        <v>115259759</v>
      </c>
      <c r="J38378" s="8">
        <v>633180241</v>
      </c>
      <c r="K38378" s="9">
        <v>5544</v>
      </c>
      <c r="L38378" s="6"/>
    </row>
    <row r="38379" spans="1:12">
      <c r="A38379" s="6" t="s">
        <v>25695</v>
      </c>
      <c r="B38379" s="6" t="s">
        <v>37874</v>
      </c>
      <c r="C38379" s="6" t="s">
        <v>32230</v>
      </c>
      <c r="D38379" s="6" t="s">
        <v>37875</v>
      </c>
      <c r="E38379" s="6" t="s">
        <v>9</v>
      </c>
      <c r="F38379" s="7">
        <v>42074</v>
      </c>
      <c r="G38379" s="8">
        <v>131140926</v>
      </c>
      <c r="H38379" s="8">
        <v>78422274</v>
      </c>
      <c r="I38379" s="8">
        <v>61505094</v>
      </c>
      <c r="J38379" s="8">
        <v>69635832</v>
      </c>
      <c r="K38379" s="9"/>
      <c r="L38379" s="6"/>
    </row>
    <row r="38380" spans="1:12">
      <c r="A38380" s="6" t="s">
        <v>25695</v>
      </c>
      <c r="B38380" s="6" t="s">
        <v>37874</v>
      </c>
      <c r="C38380" s="6" t="s">
        <v>32230</v>
      </c>
      <c r="D38380" s="6" t="s">
        <v>37875</v>
      </c>
      <c r="E38380" s="6" t="s">
        <v>9</v>
      </c>
      <c r="F38380" s="7">
        <v>42074</v>
      </c>
      <c r="G38380" s="8">
        <v>126769561</v>
      </c>
      <c r="H38380" s="8">
        <v>84174991</v>
      </c>
      <c r="I38380" s="8">
        <v>49693665</v>
      </c>
      <c r="J38380" s="8">
        <v>77075896</v>
      </c>
      <c r="K38380" s="9"/>
      <c r="L38380" s="6"/>
    </row>
    <row r="38381" spans="1:12">
      <c r="A38381" s="6" t="s">
        <v>25695</v>
      </c>
      <c r="B38381" s="6" t="s">
        <v>37874</v>
      </c>
      <c r="C38381" s="6" t="s">
        <v>32230</v>
      </c>
      <c r="D38381" s="6" t="s">
        <v>37875</v>
      </c>
      <c r="E38381" s="6" t="s">
        <v>9</v>
      </c>
      <c r="F38381" s="7">
        <v>43633</v>
      </c>
      <c r="G38381" s="8">
        <v>972000</v>
      </c>
      <c r="H38381" s="8">
        <v>906876</v>
      </c>
      <c r="I38381" s="8">
        <v>130248</v>
      </c>
      <c r="J38381" s="8">
        <v>841752</v>
      </c>
      <c r="K38381" s="9"/>
      <c r="L38381" s="6"/>
    </row>
    <row r="38382" spans="1:12">
      <c r="A38382" s="6" t="s">
        <v>25695</v>
      </c>
      <c r="B38382" s="6" t="s">
        <v>37876</v>
      </c>
      <c r="C38382" s="6" t="s">
        <v>32230</v>
      </c>
      <c r="D38382" s="6" t="s">
        <v>37875</v>
      </c>
      <c r="E38382" s="6" t="s">
        <v>9</v>
      </c>
      <c r="F38382" s="7">
        <v>42094</v>
      </c>
      <c r="G38382" s="8">
        <v>115377</v>
      </c>
      <c r="H38382" s="8">
        <v>46155</v>
      </c>
      <c r="I38382" s="8">
        <v>80759</v>
      </c>
      <c r="J38382" s="8">
        <v>34618</v>
      </c>
      <c r="K38382" s="9"/>
      <c r="L38382" s="6"/>
    </row>
    <row r="38383" spans="1:12">
      <c r="A38383" s="6" t="s">
        <v>25695</v>
      </c>
      <c r="B38383" s="6" t="s">
        <v>37876</v>
      </c>
      <c r="C38383" s="6" t="s">
        <v>32230</v>
      </c>
      <c r="D38383" s="6" t="s">
        <v>37875</v>
      </c>
      <c r="E38383" s="6" t="s">
        <v>9</v>
      </c>
      <c r="F38383" s="7">
        <v>42036</v>
      </c>
      <c r="G38383" s="8">
        <v>85995000</v>
      </c>
      <c r="H38383" s="8">
        <v>74643660</v>
      </c>
      <c r="I38383" s="8">
        <v>13243230</v>
      </c>
      <c r="J38383" s="8">
        <v>72751770</v>
      </c>
      <c r="K38383" s="9">
        <v>637</v>
      </c>
      <c r="L38383" s="6"/>
    </row>
    <row r="38384" spans="1:12">
      <c r="A38384" s="6" t="s">
        <v>25695</v>
      </c>
      <c r="B38384" s="6" t="s">
        <v>37876</v>
      </c>
      <c r="C38384" s="6" t="s">
        <v>32230</v>
      </c>
      <c r="D38384" s="6" t="s">
        <v>37875</v>
      </c>
      <c r="E38384" s="6" t="s">
        <v>9</v>
      </c>
      <c r="F38384" s="7">
        <v>42074</v>
      </c>
      <c r="G38384" s="8">
        <v>15067959</v>
      </c>
      <c r="H38384" s="8">
        <v>9010641</v>
      </c>
      <c r="I38384" s="8">
        <v>7066871</v>
      </c>
      <c r="J38384" s="8">
        <v>8001088</v>
      </c>
      <c r="K38384" s="9"/>
      <c r="L38384" s="6"/>
    </row>
    <row r="38385" spans="1:12">
      <c r="A38385" s="6" t="s">
        <v>25695</v>
      </c>
      <c r="B38385" s="6" t="s">
        <v>37876</v>
      </c>
      <c r="C38385" s="6" t="s">
        <v>32230</v>
      </c>
      <c r="D38385" s="6" t="s">
        <v>37875</v>
      </c>
      <c r="E38385" s="6" t="s">
        <v>9</v>
      </c>
      <c r="F38385" s="7">
        <v>42074</v>
      </c>
      <c r="G38385" s="8">
        <v>14565694</v>
      </c>
      <c r="H38385" s="8">
        <v>9671626</v>
      </c>
      <c r="I38385" s="8">
        <v>5709746</v>
      </c>
      <c r="J38385" s="8">
        <v>8855948</v>
      </c>
      <c r="K38385" s="9"/>
      <c r="L38385" s="6"/>
    </row>
    <row r="38386" spans="1:12">
      <c r="A38386" s="6" t="s">
        <v>25695</v>
      </c>
      <c r="B38386" s="6" t="s">
        <v>37877</v>
      </c>
      <c r="C38386" s="6" t="s">
        <v>32230</v>
      </c>
      <c r="D38386" s="6" t="s">
        <v>37875</v>
      </c>
      <c r="E38386" s="6" t="s">
        <v>9</v>
      </c>
      <c r="F38386" s="7">
        <v>42094</v>
      </c>
      <c r="G38386" s="8">
        <v>327657</v>
      </c>
      <c r="H38386" s="8">
        <v>131067</v>
      </c>
      <c r="I38386" s="8">
        <v>229355</v>
      </c>
      <c r="J38386" s="8">
        <v>98302</v>
      </c>
      <c r="K38386" s="9"/>
      <c r="L38386" s="6"/>
    </row>
    <row r="38387" spans="1:12">
      <c r="A38387" s="6" t="s">
        <v>25695</v>
      </c>
      <c r="B38387" s="6" t="s">
        <v>37877</v>
      </c>
      <c r="C38387" s="6" t="s">
        <v>32230</v>
      </c>
      <c r="D38387" s="6" t="s">
        <v>37875</v>
      </c>
      <c r="E38387" s="6" t="s">
        <v>9</v>
      </c>
      <c r="F38387" s="7">
        <v>42036</v>
      </c>
      <c r="G38387" s="8">
        <v>244215000</v>
      </c>
      <c r="H38387" s="8">
        <v>211978620</v>
      </c>
      <c r="I38387" s="8">
        <v>37609110</v>
      </c>
      <c r="J38387" s="8">
        <v>206605890</v>
      </c>
      <c r="K38387" s="9">
        <v>1809</v>
      </c>
      <c r="L38387" s="6"/>
    </row>
    <row r="38388" spans="1:12">
      <c r="A38388" s="6" t="s">
        <v>25695</v>
      </c>
      <c r="B38388" s="6" t="s">
        <v>37877</v>
      </c>
      <c r="C38388" s="6" t="s">
        <v>32230</v>
      </c>
      <c r="D38388" s="6" t="s">
        <v>37875</v>
      </c>
      <c r="E38388" s="6" t="s">
        <v>9</v>
      </c>
      <c r="F38388" s="7">
        <v>42074</v>
      </c>
      <c r="G38388" s="8">
        <v>42791113</v>
      </c>
      <c r="H38388" s="8">
        <v>25589089</v>
      </c>
      <c r="I38388" s="8">
        <v>20069028</v>
      </c>
      <c r="J38388" s="8">
        <v>22722085</v>
      </c>
      <c r="K38388" s="9"/>
      <c r="L38388" s="6"/>
    </row>
    <row r="38389" spans="1:12">
      <c r="A38389" s="6" t="s">
        <v>25695</v>
      </c>
      <c r="B38389" s="6" t="s">
        <v>37877</v>
      </c>
      <c r="C38389" s="6" t="s">
        <v>32230</v>
      </c>
      <c r="D38389" s="6" t="s">
        <v>37875</v>
      </c>
      <c r="E38389" s="6" t="s">
        <v>9</v>
      </c>
      <c r="F38389" s="7">
        <v>42074</v>
      </c>
      <c r="G38389" s="8">
        <v>41364743</v>
      </c>
      <c r="H38389" s="8">
        <v>27466193</v>
      </c>
      <c r="I38389" s="8">
        <v>16214975</v>
      </c>
      <c r="J38389" s="8">
        <v>25149768</v>
      </c>
      <c r="K38389" s="9"/>
      <c r="L38389" s="6"/>
    </row>
    <row r="38390" spans="1:12">
      <c r="A38390" s="6" t="s">
        <v>25695</v>
      </c>
      <c r="B38390" s="6" t="s">
        <v>37878</v>
      </c>
      <c r="C38390" s="6" t="s">
        <v>32230</v>
      </c>
      <c r="D38390" s="6" t="s">
        <v>37875</v>
      </c>
      <c r="E38390" s="6" t="s">
        <v>9</v>
      </c>
      <c r="F38390" s="7">
        <v>42036</v>
      </c>
      <c r="G38390" s="8">
        <v>2470000</v>
      </c>
      <c r="H38390" s="8">
        <v>2069860</v>
      </c>
      <c r="I38390" s="8">
        <v>466830</v>
      </c>
      <c r="J38390" s="8">
        <v>2003170</v>
      </c>
      <c r="K38390" s="9">
        <v>19</v>
      </c>
      <c r="L38390" s="6"/>
    </row>
    <row r="38391" spans="1:12">
      <c r="A38391" s="6" t="s">
        <v>25710</v>
      </c>
      <c r="B38391" s="6" t="s">
        <v>37879</v>
      </c>
      <c r="C38391" s="6" t="s">
        <v>32230</v>
      </c>
      <c r="D38391" s="6" t="s">
        <v>37880</v>
      </c>
      <c r="E38391" s="6" t="s">
        <v>9</v>
      </c>
      <c r="F38391" s="7">
        <v>38777</v>
      </c>
      <c r="G38391" s="8">
        <v>780000</v>
      </c>
      <c r="H38391" s="8">
        <v>464100</v>
      </c>
      <c r="I38391" s="8">
        <v>336960</v>
      </c>
      <c r="J38391" s="8">
        <v>443040</v>
      </c>
      <c r="K38391" s="9">
        <v>6</v>
      </c>
      <c r="L38391" s="6"/>
    </row>
    <row r="38392" spans="1:12">
      <c r="A38392" s="6" t="s">
        <v>25710</v>
      </c>
      <c r="B38392" s="6" t="s">
        <v>37881</v>
      </c>
      <c r="C38392" s="6" t="s">
        <v>32230</v>
      </c>
      <c r="D38392" s="6" t="s">
        <v>37880</v>
      </c>
      <c r="E38392" s="6" t="s">
        <v>9</v>
      </c>
      <c r="F38392" s="7">
        <v>38777</v>
      </c>
      <c r="G38392" s="8">
        <v>600000</v>
      </c>
      <c r="H38392" s="8">
        <v>222000</v>
      </c>
      <c r="I38392" s="8">
        <v>403200</v>
      </c>
      <c r="J38392" s="8">
        <v>196800</v>
      </c>
      <c r="K38392" s="9">
        <v>10</v>
      </c>
      <c r="L38392" s="6"/>
    </row>
    <row r="38393" spans="1:12">
      <c r="A38393" s="6" t="s">
        <v>25710</v>
      </c>
      <c r="B38393" s="6" t="s">
        <v>37882</v>
      </c>
      <c r="C38393" s="6" t="s">
        <v>32230</v>
      </c>
      <c r="D38393" s="6" t="s">
        <v>37880</v>
      </c>
      <c r="E38393" s="6" t="s">
        <v>9</v>
      </c>
      <c r="F38393" s="7">
        <v>43784</v>
      </c>
      <c r="G38393" s="8">
        <v>21600</v>
      </c>
      <c r="H38393" s="8">
        <v>20153</v>
      </c>
      <c r="I38393" s="8">
        <v>2894</v>
      </c>
      <c r="J38393" s="8">
        <v>18706</v>
      </c>
      <c r="K38393" s="9"/>
      <c r="L38393" s="6"/>
    </row>
    <row r="38394" spans="1:12">
      <c r="A38394" s="6" t="s">
        <v>25710</v>
      </c>
      <c r="B38394" s="6" t="s">
        <v>37882</v>
      </c>
      <c r="C38394" s="6" t="s">
        <v>32230</v>
      </c>
      <c r="D38394" s="6" t="s">
        <v>37880</v>
      </c>
      <c r="E38394" s="6" t="s">
        <v>9</v>
      </c>
      <c r="F38394" s="7">
        <v>38777</v>
      </c>
      <c r="G38394" s="8">
        <v>390420000</v>
      </c>
      <c r="H38394" s="8">
        <v>261581400</v>
      </c>
      <c r="I38394" s="8">
        <v>137427840</v>
      </c>
      <c r="J38394" s="8">
        <v>252992160</v>
      </c>
      <c r="K38394" s="9">
        <v>2892</v>
      </c>
      <c r="L38394" s="6"/>
    </row>
    <row r="38395" spans="1:12">
      <c r="A38395" s="6" t="s">
        <v>25710</v>
      </c>
      <c r="B38395" s="6" t="s">
        <v>37882</v>
      </c>
      <c r="C38395" s="6" t="s">
        <v>32230</v>
      </c>
      <c r="D38395" s="6" t="s">
        <v>37880</v>
      </c>
      <c r="E38395" s="6" t="s">
        <v>9</v>
      </c>
      <c r="F38395" s="7">
        <v>43555</v>
      </c>
      <c r="G38395" s="8">
        <v>3787200</v>
      </c>
      <c r="H38395" s="8">
        <v>3279716</v>
      </c>
      <c r="I38395" s="8">
        <v>761226</v>
      </c>
      <c r="J38395" s="8">
        <v>3025974</v>
      </c>
      <c r="K38395" s="9"/>
      <c r="L38395" s="6"/>
    </row>
    <row r="38396" spans="1:12">
      <c r="A38396" s="6" t="s">
        <v>25710</v>
      </c>
      <c r="B38396" s="6" t="s">
        <v>37883</v>
      </c>
      <c r="C38396" s="6" t="s">
        <v>32230</v>
      </c>
      <c r="D38396" s="6" t="s">
        <v>37880</v>
      </c>
      <c r="E38396" s="6" t="s">
        <v>9</v>
      </c>
      <c r="F38396" s="7">
        <v>38777</v>
      </c>
      <c r="G38396" s="8">
        <v>190755000</v>
      </c>
      <c r="H38396" s="8">
        <v>127805850</v>
      </c>
      <c r="I38396" s="8">
        <v>67145760</v>
      </c>
      <c r="J38396" s="8">
        <v>123609240</v>
      </c>
      <c r="K38396" s="9">
        <v>1413</v>
      </c>
      <c r="L38396" s="6"/>
    </row>
    <row r="38397" spans="1:12">
      <c r="A38397" s="6" t="s">
        <v>25710</v>
      </c>
      <c r="B38397" s="6" t="s">
        <v>37884</v>
      </c>
      <c r="C38397" s="6" t="s">
        <v>32230</v>
      </c>
      <c r="D38397" s="6" t="s">
        <v>37880</v>
      </c>
      <c r="E38397" s="6" t="s">
        <v>9</v>
      </c>
      <c r="F38397" s="7">
        <v>38838</v>
      </c>
      <c r="G38397" s="8">
        <v>6975000</v>
      </c>
      <c r="H38397" s="8">
        <v>4826700</v>
      </c>
      <c r="I38397" s="8">
        <v>2301750</v>
      </c>
      <c r="J38397" s="8">
        <v>4673250</v>
      </c>
      <c r="K38397" s="9">
        <v>45</v>
      </c>
      <c r="L38397" s="6"/>
    </row>
    <row r="38398" spans="1:12">
      <c r="A38398" s="6" t="s">
        <v>25710</v>
      </c>
      <c r="B38398" s="6" t="s">
        <v>37885</v>
      </c>
      <c r="C38398" s="6" t="s">
        <v>32230</v>
      </c>
      <c r="D38398" s="6" t="s">
        <v>37880</v>
      </c>
      <c r="E38398" s="6" t="s">
        <v>9</v>
      </c>
      <c r="F38398" s="7">
        <v>38777</v>
      </c>
      <c r="G38398" s="8">
        <v>5580000</v>
      </c>
      <c r="H38398" s="8">
        <v>3320100</v>
      </c>
      <c r="I38398" s="8">
        <v>2410560</v>
      </c>
      <c r="J38398" s="8">
        <v>3169440</v>
      </c>
      <c r="K38398" s="9">
        <v>36</v>
      </c>
      <c r="L38398" s="6"/>
    </row>
    <row r="38399" spans="1:12">
      <c r="A38399" s="6" t="s">
        <v>25710</v>
      </c>
      <c r="B38399" s="6" t="s">
        <v>37886</v>
      </c>
      <c r="C38399" s="6" t="s">
        <v>32230</v>
      </c>
      <c r="D38399" s="6" t="s">
        <v>37880</v>
      </c>
      <c r="E38399" s="6" t="s">
        <v>9</v>
      </c>
      <c r="F38399" s="7">
        <v>38777</v>
      </c>
      <c r="G38399" s="8">
        <v>1950000</v>
      </c>
      <c r="H38399" s="8">
        <v>1160250</v>
      </c>
      <c r="I38399" s="8">
        <v>842400</v>
      </c>
      <c r="J38399" s="8">
        <v>1107600</v>
      </c>
      <c r="K38399" s="9">
        <v>15</v>
      </c>
      <c r="L38399" s="6"/>
    </row>
    <row r="38400" spans="1:12">
      <c r="A38400" s="6" t="s">
        <v>25710</v>
      </c>
      <c r="B38400" s="6" t="s">
        <v>37887</v>
      </c>
      <c r="C38400" s="6" t="s">
        <v>32230</v>
      </c>
      <c r="D38400" s="6" t="s">
        <v>37880</v>
      </c>
      <c r="E38400" s="6" t="s">
        <v>9</v>
      </c>
      <c r="F38400" s="7">
        <v>38777</v>
      </c>
      <c r="G38400" s="8">
        <v>596295000</v>
      </c>
      <c r="H38400" s="8">
        <v>399517650</v>
      </c>
      <c r="I38400" s="8">
        <v>209895840</v>
      </c>
      <c r="J38400" s="8">
        <v>386399160</v>
      </c>
      <c r="K38400" s="9">
        <v>4417</v>
      </c>
      <c r="L38400" s="6"/>
    </row>
    <row r="38401" spans="1:12">
      <c r="A38401" s="6" t="s">
        <v>25710</v>
      </c>
      <c r="B38401" s="6" t="s">
        <v>37888</v>
      </c>
      <c r="C38401" s="6" t="s">
        <v>32230</v>
      </c>
      <c r="D38401" s="6" t="s">
        <v>37880</v>
      </c>
      <c r="E38401" s="6" t="s">
        <v>9</v>
      </c>
      <c r="F38401" s="7">
        <v>38777</v>
      </c>
      <c r="G38401" s="8">
        <v>31725000</v>
      </c>
      <c r="H38401" s="8">
        <v>21255750</v>
      </c>
      <c r="I38401" s="8">
        <v>11167200</v>
      </c>
      <c r="J38401" s="8">
        <v>20557800</v>
      </c>
      <c r="K38401" s="9">
        <v>235</v>
      </c>
      <c r="L38401" s="6"/>
    </row>
    <row r="38402" spans="1:12">
      <c r="A38402" s="6" t="s">
        <v>25759</v>
      </c>
      <c r="B38402" s="6" t="s">
        <v>37786</v>
      </c>
      <c r="C38402" s="6" t="s">
        <v>32230</v>
      </c>
      <c r="D38402" s="6" t="s">
        <v>37889</v>
      </c>
      <c r="E38402" s="6" t="s">
        <v>25121</v>
      </c>
      <c r="F38402" s="7">
        <v>33178</v>
      </c>
      <c r="G38402" s="8">
        <v>9738400</v>
      </c>
      <c r="H38402" s="8">
        <v>97390</v>
      </c>
      <c r="I38402" s="8">
        <v>9738399</v>
      </c>
      <c r="J38402" s="8">
        <v>1</v>
      </c>
      <c r="K38402" s="9">
        <v>139.12</v>
      </c>
      <c r="L38402" s="6"/>
    </row>
    <row r="38403" spans="1:12">
      <c r="A38403" s="6" t="s">
        <v>25783</v>
      </c>
      <c r="B38403" s="6" t="s">
        <v>37786</v>
      </c>
      <c r="C38403" s="6" t="s">
        <v>32230</v>
      </c>
      <c r="D38403" s="6" t="s">
        <v>37890</v>
      </c>
      <c r="E38403" s="6" t="s">
        <v>25121</v>
      </c>
      <c r="F38403" s="7">
        <v>34060</v>
      </c>
      <c r="G38403" s="8">
        <v>9817500</v>
      </c>
      <c r="H38403" s="8">
        <v>1070121</v>
      </c>
      <c r="I38403" s="8">
        <v>9071356</v>
      </c>
      <c r="J38403" s="8">
        <v>746144</v>
      </c>
      <c r="K38403" s="9">
        <v>140.25</v>
      </c>
      <c r="L38403" s="6"/>
    </row>
    <row r="38404" spans="1:12">
      <c r="A38404" s="6" t="s">
        <v>37891</v>
      </c>
      <c r="B38404" s="6" t="s">
        <v>37786</v>
      </c>
      <c r="C38404" s="6" t="s">
        <v>32230</v>
      </c>
      <c r="D38404" s="6" t="s">
        <v>37892</v>
      </c>
      <c r="E38404" s="6" t="s">
        <v>25121</v>
      </c>
      <c r="F38404" s="7">
        <v>38322</v>
      </c>
      <c r="G38404" s="8">
        <v>9817500</v>
      </c>
      <c r="H38404" s="8">
        <v>4633868</v>
      </c>
      <c r="I38404" s="8">
        <v>5507609</v>
      </c>
      <c r="J38404" s="8">
        <v>4309891</v>
      </c>
      <c r="K38404" s="9">
        <v>140.25</v>
      </c>
      <c r="L38404" s="6"/>
    </row>
    <row r="38405" spans="1:12">
      <c r="A38405" s="6" t="s">
        <v>37893</v>
      </c>
      <c r="B38405" s="6" t="s">
        <v>37786</v>
      </c>
      <c r="C38405" s="6" t="s">
        <v>32230</v>
      </c>
      <c r="D38405" s="6" t="s">
        <v>37894</v>
      </c>
      <c r="E38405" s="6" t="s">
        <v>25121</v>
      </c>
      <c r="F38405" s="7">
        <v>31990</v>
      </c>
      <c r="G38405" s="8">
        <v>21752700</v>
      </c>
      <c r="H38405" s="8">
        <v>3806739</v>
      </c>
      <c r="I38405" s="8">
        <v>18489778</v>
      </c>
      <c r="J38405" s="8">
        <v>3262922</v>
      </c>
      <c r="K38405" s="9">
        <v>140.34</v>
      </c>
      <c r="L38405" s="6"/>
    </row>
    <row r="38406" spans="1:12">
      <c r="A38406" s="6" t="s">
        <v>25850</v>
      </c>
      <c r="B38406" s="6" t="s">
        <v>37786</v>
      </c>
      <c r="C38406" s="6" t="s">
        <v>32230</v>
      </c>
      <c r="D38406" s="6" t="s">
        <v>37895</v>
      </c>
      <c r="E38406" s="6" t="s">
        <v>25121</v>
      </c>
      <c r="F38406" s="7">
        <v>36130</v>
      </c>
      <c r="G38406" s="8">
        <v>10134600</v>
      </c>
      <c r="H38406" s="8">
        <v>2776898</v>
      </c>
      <c r="I38406" s="8">
        <v>7692143</v>
      </c>
      <c r="J38406" s="8">
        <v>2442457</v>
      </c>
      <c r="K38406" s="9">
        <v>144.78</v>
      </c>
      <c r="L38406" s="6"/>
    </row>
    <row r="38407" spans="1:12">
      <c r="A38407" s="6" t="s">
        <v>25866</v>
      </c>
      <c r="B38407" s="6" t="s">
        <v>37786</v>
      </c>
      <c r="C38407" s="6" t="s">
        <v>32230</v>
      </c>
      <c r="D38407" s="6" t="s">
        <v>37896</v>
      </c>
      <c r="E38407" s="6" t="s">
        <v>25121</v>
      </c>
      <c r="F38407" s="7">
        <v>30956</v>
      </c>
      <c r="G38407" s="8">
        <v>6804000</v>
      </c>
      <c r="H38407" s="8">
        <v>1</v>
      </c>
      <c r="I38407" s="8">
        <v>6803999</v>
      </c>
      <c r="J38407" s="8">
        <v>1</v>
      </c>
      <c r="K38407" s="9">
        <v>97.2</v>
      </c>
      <c r="L38407" s="6"/>
    </row>
    <row r="38408" spans="1:12">
      <c r="A38408" s="6" t="s">
        <v>25883</v>
      </c>
      <c r="B38408" s="6" t="s">
        <v>37897</v>
      </c>
      <c r="C38408" s="6" t="s">
        <v>32230</v>
      </c>
      <c r="D38408" s="6" t="s">
        <v>37898</v>
      </c>
      <c r="E38408" s="6" t="s">
        <v>9</v>
      </c>
      <c r="F38408" s="7">
        <v>25993</v>
      </c>
      <c r="G38408" s="8">
        <v>204930000</v>
      </c>
      <c r="H38408" s="8">
        <v>1</v>
      </c>
      <c r="I38408" s="8">
        <v>204929999</v>
      </c>
      <c r="J38408" s="8">
        <v>1</v>
      </c>
      <c r="K38408" s="9">
        <v>1518</v>
      </c>
      <c r="L38408" s="6"/>
    </row>
    <row r="38409" spans="1:12">
      <c r="A38409" s="6" t="s">
        <v>25883</v>
      </c>
      <c r="B38409" s="6" t="s">
        <v>37897</v>
      </c>
      <c r="C38409" s="6" t="s">
        <v>32230</v>
      </c>
      <c r="D38409" s="6" t="s">
        <v>37898</v>
      </c>
      <c r="E38409" s="6" t="s">
        <v>9</v>
      </c>
      <c r="F38409" s="7">
        <v>40822</v>
      </c>
      <c r="G38409" s="8">
        <v>28329000</v>
      </c>
      <c r="H38409" s="8">
        <v>11246613</v>
      </c>
      <c r="I38409" s="8">
        <v>18980430</v>
      </c>
      <c r="J38409" s="8">
        <v>9348570</v>
      </c>
      <c r="K38409" s="9"/>
      <c r="L38409" s="6"/>
    </row>
    <row r="38410" spans="1:12">
      <c r="A38410" s="6" t="s">
        <v>25883</v>
      </c>
      <c r="B38410" s="6" t="s">
        <v>37897</v>
      </c>
      <c r="C38410" s="6" t="s">
        <v>32230</v>
      </c>
      <c r="D38410" s="6" t="s">
        <v>37898</v>
      </c>
      <c r="E38410" s="6" t="s">
        <v>9</v>
      </c>
      <c r="F38410" s="7">
        <v>40840</v>
      </c>
      <c r="G38410" s="8">
        <v>1260000</v>
      </c>
      <c r="H38410" s="8">
        <v>126000</v>
      </c>
      <c r="I38410" s="8">
        <v>1259999</v>
      </c>
      <c r="J38410" s="8">
        <v>1</v>
      </c>
      <c r="K38410" s="9"/>
      <c r="L38410" s="6"/>
    </row>
    <row r="38411" spans="1:12">
      <c r="A38411" s="6" t="s">
        <v>25883</v>
      </c>
      <c r="B38411" s="6" t="s">
        <v>37897</v>
      </c>
      <c r="C38411" s="6" t="s">
        <v>32230</v>
      </c>
      <c r="D38411" s="6" t="s">
        <v>37898</v>
      </c>
      <c r="E38411" s="6" t="s">
        <v>9</v>
      </c>
      <c r="F38411" s="7">
        <v>39751</v>
      </c>
      <c r="G38411" s="8">
        <v>1092000</v>
      </c>
      <c r="H38411" s="8">
        <v>214032</v>
      </c>
      <c r="I38411" s="8">
        <v>951132</v>
      </c>
      <c r="J38411" s="8">
        <v>140868</v>
      </c>
      <c r="K38411" s="9"/>
      <c r="L38411" s="6"/>
    </row>
    <row r="38412" spans="1:12">
      <c r="A38412" s="6" t="s">
        <v>25883</v>
      </c>
      <c r="B38412" s="6" t="s">
        <v>37897</v>
      </c>
      <c r="C38412" s="6" t="s">
        <v>32230</v>
      </c>
      <c r="D38412" s="6" t="s">
        <v>37898</v>
      </c>
      <c r="E38412" s="6" t="s">
        <v>9</v>
      </c>
      <c r="F38412" s="7">
        <v>40823</v>
      </c>
      <c r="G38412" s="8">
        <v>44814000</v>
      </c>
      <c r="H38412" s="8">
        <v>22227744</v>
      </c>
      <c r="I38412" s="8">
        <v>25095840</v>
      </c>
      <c r="J38412" s="8">
        <v>19718160</v>
      </c>
      <c r="K38412" s="9"/>
      <c r="L38412" s="6"/>
    </row>
    <row r="38413" spans="1:12">
      <c r="A38413" s="6" t="s">
        <v>25883</v>
      </c>
      <c r="B38413" s="6" t="s">
        <v>37897</v>
      </c>
      <c r="C38413" s="6" t="s">
        <v>32230</v>
      </c>
      <c r="D38413" s="6" t="s">
        <v>37898</v>
      </c>
      <c r="E38413" s="6" t="s">
        <v>9</v>
      </c>
      <c r="F38413" s="7">
        <v>43555</v>
      </c>
      <c r="G38413" s="8">
        <v>3787200</v>
      </c>
      <c r="H38413" s="8">
        <v>3279716</v>
      </c>
      <c r="I38413" s="8">
        <v>761226</v>
      </c>
      <c r="J38413" s="8">
        <v>3025974</v>
      </c>
      <c r="K38413" s="9"/>
      <c r="L38413" s="6"/>
    </row>
    <row r="38414" spans="1:12">
      <c r="A38414" s="6" t="s">
        <v>25883</v>
      </c>
      <c r="B38414" s="6" t="s">
        <v>37897</v>
      </c>
      <c r="C38414" s="6" t="s">
        <v>32230</v>
      </c>
      <c r="D38414" s="6" t="s">
        <v>37898</v>
      </c>
      <c r="E38414" s="6" t="s">
        <v>9</v>
      </c>
      <c r="F38414" s="7">
        <v>40899</v>
      </c>
      <c r="G38414" s="8">
        <v>36120000</v>
      </c>
      <c r="H38414" s="8">
        <v>3612000</v>
      </c>
      <c r="I38414" s="8">
        <v>36119999</v>
      </c>
      <c r="J38414" s="8">
        <v>1</v>
      </c>
      <c r="K38414" s="9"/>
      <c r="L38414" s="6"/>
    </row>
    <row r="38415" spans="1:12">
      <c r="A38415" s="6" t="s">
        <v>25883</v>
      </c>
      <c r="B38415" s="6" t="s">
        <v>37899</v>
      </c>
      <c r="C38415" s="6" t="s">
        <v>32230</v>
      </c>
      <c r="D38415" s="6" t="s">
        <v>37898</v>
      </c>
      <c r="E38415" s="6" t="s">
        <v>9</v>
      </c>
      <c r="F38415" s="7">
        <v>30042</v>
      </c>
      <c r="G38415" s="8">
        <v>114800000</v>
      </c>
      <c r="H38415" s="8">
        <v>1</v>
      </c>
      <c r="I38415" s="8">
        <v>114799999</v>
      </c>
      <c r="J38415" s="8">
        <v>1</v>
      </c>
      <c r="K38415" s="9">
        <v>1148</v>
      </c>
      <c r="L38415" s="6"/>
    </row>
    <row r="38416" spans="1:12">
      <c r="A38416" s="6" t="s">
        <v>25883</v>
      </c>
      <c r="B38416" s="6" t="s">
        <v>37899</v>
      </c>
      <c r="C38416" s="6" t="s">
        <v>32230</v>
      </c>
      <c r="D38416" s="6" t="s">
        <v>37898</v>
      </c>
      <c r="E38416" s="6" t="s">
        <v>9</v>
      </c>
      <c r="F38416" s="7">
        <v>40360</v>
      </c>
      <c r="G38416" s="8">
        <v>12950700</v>
      </c>
      <c r="H38416" s="8">
        <v>5698310</v>
      </c>
      <c r="I38416" s="8">
        <v>7977629</v>
      </c>
      <c r="J38416" s="8">
        <v>4973071</v>
      </c>
      <c r="K38416" s="9"/>
      <c r="L38416" s="6"/>
    </row>
    <row r="38417" spans="1:12">
      <c r="A38417" s="6" t="s">
        <v>25883</v>
      </c>
      <c r="B38417" s="6" t="s">
        <v>37900</v>
      </c>
      <c r="C38417" s="6" t="s">
        <v>32230</v>
      </c>
      <c r="D38417" s="6" t="s">
        <v>37898</v>
      </c>
      <c r="E38417" s="6" t="s">
        <v>9</v>
      </c>
      <c r="F38417" s="7">
        <v>26755</v>
      </c>
      <c r="G38417" s="8">
        <v>350000</v>
      </c>
      <c r="H38417" s="8">
        <v>1</v>
      </c>
      <c r="I38417" s="8">
        <v>349999</v>
      </c>
      <c r="J38417" s="8">
        <v>1</v>
      </c>
      <c r="K38417" s="9">
        <v>5</v>
      </c>
      <c r="L38417" s="6"/>
    </row>
    <row r="38418" spans="1:12">
      <c r="A38418" s="6" t="s">
        <v>25883</v>
      </c>
      <c r="B38418" s="6" t="s">
        <v>37901</v>
      </c>
      <c r="C38418" s="6" t="s">
        <v>32230</v>
      </c>
      <c r="D38418" s="6" t="s">
        <v>37898</v>
      </c>
      <c r="E38418" s="6" t="s">
        <v>9</v>
      </c>
      <c r="F38418" s="7">
        <v>40626</v>
      </c>
      <c r="G38418" s="8">
        <v>381351</v>
      </c>
      <c r="H38418" s="8">
        <v>1</v>
      </c>
      <c r="I38418" s="8">
        <v>381350</v>
      </c>
      <c r="J38418" s="8">
        <v>1</v>
      </c>
      <c r="K38418" s="9"/>
      <c r="L38418" s="6"/>
    </row>
    <row r="38419" spans="1:12">
      <c r="A38419" s="6" t="s">
        <v>25883</v>
      </c>
      <c r="B38419" s="6" t="s">
        <v>37901</v>
      </c>
      <c r="C38419" s="6" t="s">
        <v>32230</v>
      </c>
      <c r="D38419" s="6" t="s">
        <v>37898</v>
      </c>
      <c r="E38419" s="6" t="s">
        <v>9</v>
      </c>
      <c r="F38419" s="7">
        <v>40606</v>
      </c>
      <c r="G38419" s="8">
        <v>198372318</v>
      </c>
      <c r="H38419" s="8">
        <v>154730418</v>
      </c>
      <c r="I38419" s="8">
        <v>48006090</v>
      </c>
      <c r="J38419" s="8">
        <v>150366228</v>
      </c>
      <c r="K38419" s="9">
        <v>732</v>
      </c>
      <c r="L38419" s="6"/>
    </row>
    <row r="38420" spans="1:12">
      <c r="A38420" s="6" t="s">
        <v>25883</v>
      </c>
      <c r="B38420" s="6" t="s">
        <v>37901</v>
      </c>
      <c r="C38420" s="6" t="s">
        <v>32230</v>
      </c>
      <c r="D38420" s="6" t="s">
        <v>37898</v>
      </c>
      <c r="E38420" s="6" t="s">
        <v>9</v>
      </c>
      <c r="F38420" s="7">
        <v>40606</v>
      </c>
      <c r="G38420" s="8">
        <v>20789548</v>
      </c>
      <c r="H38420" s="8">
        <v>6860558</v>
      </c>
      <c r="I38420" s="8">
        <v>15321889</v>
      </c>
      <c r="J38420" s="8">
        <v>5467659</v>
      </c>
      <c r="K38420" s="9"/>
      <c r="L38420" s="6"/>
    </row>
    <row r="38421" spans="1:12">
      <c r="A38421" s="6" t="s">
        <v>25883</v>
      </c>
      <c r="B38421" s="6" t="s">
        <v>37901</v>
      </c>
      <c r="C38421" s="6" t="s">
        <v>32230</v>
      </c>
      <c r="D38421" s="6" t="s">
        <v>37898</v>
      </c>
      <c r="E38421" s="6" t="s">
        <v>9</v>
      </c>
      <c r="F38421" s="7">
        <v>40605</v>
      </c>
      <c r="G38421" s="8">
        <v>16392999</v>
      </c>
      <c r="H38421" s="8">
        <v>7212929</v>
      </c>
      <c r="I38421" s="8">
        <v>10098077</v>
      </c>
      <c r="J38421" s="8">
        <v>6294922</v>
      </c>
      <c r="K38421" s="9"/>
      <c r="L38421" s="6"/>
    </row>
    <row r="38422" spans="1:12">
      <c r="A38422" s="6" t="s">
        <v>25883</v>
      </c>
      <c r="B38422" s="6" t="s">
        <v>37902</v>
      </c>
      <c r="C38422" s="6" t="s">
        <v>32230</v>
      </c>
      <c r="D38422" s="6" t="s">
        <v>37898</v>
      </c>
      <c r="E38422" s="6" t="s">
        <v>9</v>
      </c>
      <c r="F38422" s="7">
        <v>40626</v>
      </c>
      <c r="G38422" s="8">
        <v>143267</v>
      </c>
      <c r="H38422" s="8">
        <v>1</v>
      </c>
      <c r="I38422" s="8">
        <v>143266</v>
      </c>
      <c r="J38422" s="8">
        <v>1</v>
      </c>
      <c r="K38422" s="9"/>
      <c r="L38422" s="6"/>
    </row>
    <row r="38423" spans="1:12">
      <c r="A38423" s="6" t="s">
        <v>25883</v>
      </c>
      <c r="B38423" s="6" t="s">
        <v>37902</v>
      </c>
      <c r="C38423" s="6" t="s">
        <v>32230</v>
      </c>
      <c r="D38423" s="6" t="s">
        <v>37898</v>
      </c>
      <c r="E38423" s="6" t="s">
        <v>9</v>
      </c>
      <c r="F38423" s="7">
        <v>40606</v>
      </c>
      <c r="G38423" s="8">
        <v>7810281</v>
      </c>
      <c r="H38423" s="8">
        <v>2577401</v>
      </c>
      <c r="I38423" s="8">
        <v>5756168</v>
      </c>
      <c r="J38423" s="8">
        <v>2054113</v>
      </c>
      <c r="K38423" s="9"/>
      <c r="L38423" s="6"/>
    </row>
    <row r="38424" spans="1:12">
      <c r="A38424" s="6" t="s">
        <v>25883</v>
      </c>
      <c r="B38424" s="6" t="s">
        <v>37902</v>
      </c>
      <c r="C38424" s="6" t="s">
        <v>32230</v>
      </c>
      <c r="D38424" s="6" t="s">
        <v>37898</v>
      </c>
      <c r="E38424" s="6" t="s">
        <v>9</v>
      </c>
      <c r="F38424" s="7">
        <v>40605</v>
      </c>
      <c r="G38424" s="8">
        <v>6158572</v>
      </c>
      <c r="H38424" s="8">
        <v>2709772</v>
      </c>
      <c r="I38424" s="8">
        <v>3793680</v>
      </c>
      <c r="J38424" s="8">
        <v>2364892</v>
      </c>
      <c r="K38424" s="9"/>
      <c r="L38424" s="6"/>
    </row>
    <row r="38425" spans="1:12">
      <c r="A38425" s="6" t="s">
        <v>25883</v>
      </c>
      <c r="B38425" s="6" t="s">
        <v>37902</v>
      </c>
      <c r="C38425" s="6" t="s">
        <v>32230</v>
      </c>
      <c r="D38425" s="6" t="s">
        <v>37898</v>
      </c>
      <c r="E38425" s="6" t="s">
        <v>9</v>
      </c>
      <c r="F38425" s="7">
        <v>40606</v>
      </c>
      <c r="G38425" s="8">
        <v>74525119</v>
      </c>
      <c r="H38425" s="8">
        <v>58129599</v>
      </c>
      <c r="I38425" s="8">
        <v>18035072</v>
      </c>
      <c r="J38425" s="8">
        <v>56490047</v>
      </c>
      <c r="K38425" s="9">
        <v>275</v>
      </c>
      <c r="L38425" s="6"/>
    </row>
    <row r="38426" spans="1:12">
      <c r="A38426" s="6" t="s">
        <v>25883</v>
      </c>
      <c r="B38426" s="6" t="s">
        <v>37903</v>
      </c>
      <c r="C38426" s="6" t="s">
        <v>32230</v>
      </c>
      <c r="D38426" s="6" t="s">
        <v>37898</v>
      </c>
      <c r="E38426" s="6" t="s">
        <v>9</v>
      </c>
      <c r="F38426" s="7">
        <v>40626</v>
      </c>
      <c r="G38426" s="8">
        <v>493881</v>
      </c>
      <c r="H38426" s="8">
        <v>1</v>
      </c>
      <c r="I38426" s="8">
        <v>493880</v>
      </c>
      <c r="J38426" s="8">
        <v>1</v>
      </c>
      <c r="K38426" s="9"/>
      <c r="L38426" s="6"/>
    </row>
    <row r="38427" spans="1:12">
      <c r="A38427" s="6" t="s">
        <v>25883</v>
      </c>
      <c r="B38427" s="6" t="s">
        <v>37903</v>
      </c>
      <c r="C38427" s="6" t="s">
        <v>32230</v>
      </c>
      <c r="D38427" s="6" t="s">
        <v>37898</v>
      </c>
      <c r="E38427" s="6" t="s">
        <v>9</v>
      </c>
      <c r="F38427" s="7">
        <v>40606</v>
      </c>
      <c r="G38427" s="8">
        <v>256908412</v>
      </c>
      <c r="H38427" s="8">
        <v>200388562</v>
      </c>
      <c r="I38427" s="8">
        <v>62171835</v>
      </c>
      <c r="J38427" s="8">
        <v>194736577</v>
      </c>
      <c r="K38427" s="9">
        <v>948</v>
      </c>
      <c r="L38427" s="6"/>
    </row>
    <row r="38428" spans="1:12">
      <c r="A38428" s="6" t="s">
        <v>25883</v>
      </c>
      <c r="B38428" s="6" t="s">
        <v>37903</v>
      </c>
      <c r="C38428" s="6" t="s">
        <v>32230</v>
      </c>
      <c r="D38428" s="6" t="s">
        <v>37898</v>
      </c>
      <c r="E38428" s="6" t="s">
        <v>9</v>
      </c>
      <c r="F38428" s="7">
        <v>40606</v>
      </c>
      <c r="G38428" s="8">
        <v>26924169</v>
      </c>
      <c r="H38428" s="8">
        <v>8884979</v>
      </c>
      <c r="I38428" s="8">
        <v>19843109</v>
      </c>
      <c r="J38428" s="8">
        <v>7081060</v>
      </c>
      <c r="K38428" s="9"/>
      <c r="L38428" s="6"/>
    </row>
    <row r="38429" spans="1:12">
      <c r="A38429" s="6" t="s">
        <v>25883</v>
      </c>
      <c r="B38429" s="6" t="s">
        <v>37903</v>
      </c>
      <c r="C38429" s="6" t="s">
        <v>32230</v>
      </c>
      <c r="D38429" s="6" t="s">
        <v>37898</v>
      </c>
      <c r="E38429" s="6" t="s">
        <v>9</v>
      </c>
      <c r="F38429" s="7">
        <v>40605</v>
      </c>
      <c r="G38429" s="8">
        <v>21230278</v>
      </c>
      <c r="H38429" s="8">
        <v>9341328</v>
      </c>
      <c r="I38429" s="8">
        <v>13077845</v>
      </c>
      <c r="J38429" s="8">
        <v>8152433</v>
      </c>
      <c r="K38429" s="9"/>
      <c r="L38429" s="6"/>
    </row>
    <row r="38430" spans="1:12">
      <c r="A38430" s="6" t="s">
        <v>25883</v>
      </c>
      <c r="B38430" s="6" t="s">
        <v>37904</v>
      </c>
      <c r="C38430" s="6" t="s">
        <v>32230</v>
      </c>
      <c r="D38430" s="6" t="s">
        <v>37898</v>
      </c>
      <c r="E38430" s="6" t="s">
        <v>9</v>
      </c>
      <c r="F38430" s="7">
        <v>29281</v>
      </c>
      <c r="G38430" s="8">
        <v>36045000</v>
      </c>
      <c r="H38430" s="8">
        <v>3532410</v>
      </c>
      <c r="I38430" s="8">
        <v>33305580</v>
      </c>
      <c r="J38430" s="8">
        <v>2739420</v>
      </c>
      <c r="K38430" s="9">
        <v>267</v>
      </c>
      <c r="L38430" s="6"/>
    </row>
    <row r="38431" spans="1:12">
      <c r="A38431" s="6" t="s">
        <v>25883</v>
      </c>
      <c r="B38431" s="6" t="s">
        <v>37905</v>
      </c>
      <c r="C38431" s="6" t="s">
        <v>32230</v>
      </c>
      <c r="D38431" s="6" t="s">
        <v>37898</v>
      </c>
      <c r="E38431" s="6" t="s">
        <v>9</v>
      </c>
      <c r="F38431" s="7">
        <v>40787</v>
      </c>
      <c r="G38431" s="8">
        <v>1485000</v>
      </c>
      <c r="H38431" s="8">
        <v>1190970</v>
      </c>
      <c r="I38431" s="8">
        <v>326699</v>
      </c>
      <c r="J38431" s="8">
        <v>1158301</v>
      </c>
      <c r="K38431" s="9">
        <v>11</v>
      </c>
      <c r="L38431" s="6"/>
    </row>
    <row r="38432" spans="1:12">
      <c r="A38432" s="6" t="s">
        <v>25883</v>
      </c>
      <c r="B38432" s="6" t="s">
        <v>37906</v>
      </c>
      <c r="C38432" s="6" t="s">
        <v>32230</v>
      </c>
      <c r="D38432" s="6" t="s">
        <v>37898</v>
      </c>
      <c r="E38432" s="6" t="s">
        <v>9</v>
      </c>
      <c r="F38432" s="7">
        <v>40787</v>
      </c>
      <c r="G38432" s="8">
        <v>540000</v>
      </c>
      <c r="H38432" s="8">
        <v>433080</v>
      </c>
      <c r="I38432" s="8">
        <v>118800</v>
      </c>
      <c r="J38432" s="8">
        <v>421200</v>
      </c>
      <c r="K38432" s="9">
        <v>4</v>
      </c>
      <c r="L38432" s="6"/>
    </row>
    <row r="38433" spans="1:12">
      <c r="A38433" s="6" t="s">
        <v>37907</v>
      </c>
      <c r="B38433" s="6" t="s">
        <v>37786</v>
      </c>
      <c r="C38433" s="6" t="s">
        <v>32230</v>
      </c>
      <c r="D38433" s="6" t="s">
        <v>37908</v>
      </c>
      <c r="E38433" s="6" t="s">
        <v>25121</v>
      </c>
      <c r="F38433" s="7">
        <v>43190</v>
      </c>
      <c r="G38433" s="8">
        <v>1252800</v>
      </c>
      <c r="H38433" s="8">
        <v>1128774</v>
      </c>
      <c r="I38433" s="8">
        <v>165368</v>
      </c>
      <c r="J38433" s="8">
        <v>1087432</v>
      </c>
      <c r="K38433" s="9"/>
      <c r="L38433" s="6"/>
    </row>
    <row r="38434" spans="1:12">
      <c r="A38434" s="6" t="s">
        <v>37907</v>
      </c>
      <c r="B38434" s="6" t="s">
        <v>37786</v>
      </c>
      <c r="C38434" s="6" t="s">
        <v>32230</v>
      </c>
      <c r="D38434" s="6" t="s">
        <v>37908</v>
      </c>
      <c r="E38434" s="6" t="s">
        <v>25121</v>
      </c>
      <c r="F38434" s="7">
        <v>35827</v>
      </c>
      <c r="G38434" s="8">
        <v>9738400</v>
      </c>
      <c r="H38434" s="8">
        <v>2346959</v>
      </c>
      <c r="I38434" s="8">
        <v>7712808</v>
      </c>
      <c r="J38434" s="8">
        <v>2025592</v>
      </c>
      <c r="K38434" s="9">
        <v>139.12</v>
      </c>
      <c r="L38434" s="6"/>
    </row>
    <row r="38435" spans="1:12">
      <c r="A38435" s="6" t="s">
        <v>25958</v>
      </c>
      <c r="B38435" s="6" t="s">
        <v>25958</v>
      </c>
      <c r="C38435" s="6" t="s">
        <v>32230</v>
      </c>
      <c r="D38435" s="6" t="s">
        <v>37909</v>
      </c>
      <c r="E38435" s="6" t="s">
        <v>9</v>
      </c>
      <c r="F38435" s="7">
        <v>43190</v>
      </c>
      <c r="G38435" s="8">
        <v>10756800</v>
      </c>
      <c r="H38435" s="8">
        <v>10046853</v>
      </c>
      <c r="I38435" s="8">
        <v>946596</v>
      </c>
      <c r="J38435" s="8">
        <v>9810204</v>
      </c>
      <c r="K38435" s="9"/>
      <c r="L38435" s="6"/>
    </row>
    <row r="38436" spans="1:12">
      <c r="A38436" s="6" t="s">
        <v>25958</v>
      </c>
      <c r="B38436" s="6" t="s">
        <v>25958</v>
      </c>
      <c r="C38436" s="6" t="s">
        <v>32230</v>
      </c>
      <c r="D38436" s="6" t="s">
        <v>37909</v>
      </c>
      <c r="E38436" s="6" t="s">
        <v>9</v>
      </c>
      <c r="F38436" s="7">
        <v>31107</v>
      </c>
      <c r="G38436" s="8">
        <v>60401700</v>
      </c>
      <c r="H38436" s="8">
        <v>12563568</v>
      </c>
      <c r="I38436" s="8">
        <v>49166969</v>
      </c>
      <c r="J38436" s="8">
        <v>11234731</v>
      </c>
      <c r="K38436" s="9">
        <v>447.42</v>
      </c>
      <c r="L38436" s="6"/>
    </row>
    <row r="38437" spans="1:12">
      <c r="A38437" s="6" t="s">
        <v>25958</v>
      </c>
      <c r="B38437" s="6" t="s">
        <v>25958</v>
      </c>
      <c r="C38437" s="6" t="s">
        <v>32230</v>
      </c>
      <c r="D38437" s="6" t="s">
        <v>37909</v>
      </c>
      <c r="E38437" s="6" t="s">
        <v>9</v>
      </c>
      <c r="F38437" s="7">
        <v>42433</v>
      </c>
      <c r="G38437" s="8">
        <v>264600</v>
      </c>
      <c r="H38437" s="8">
        <v>175960</v>
      </c>
      <c r="I38437" s="8">
        <v>106368</v>
      </c>
      <c r="J38437" s="8">
        <v>158232</v>
      </c>
      <c r="K38437" s="9"/>
      <c r="L38437" s="6"/>
    </row>
    <row r="38438" spans="1:12">
      <c r="A38438" s="6" t="s">
        <v>25958</v>
      </c>
      <c r="B38438" s="6" t="s">
        <v>37910</v>
      </c>
      <c r="C38438" s="6" t="s">
        <v>32230</v>
      </c>
      <c r="D38438" s="6" t="s">
        <v>37909</v>
      </c>
      <c r="E38438" s="6" t="s">
        <v>9</v>
      </c>
      <c r="F38438" s="7">
        <v>31107</v>
      </c>
      <c r="G38438" s="8">
        <v>631800</v>
      </c>
      <c r="H38438" s="8">
        <v>1</v>
      </c>
      <c r="I38438" s="8">
        <v>631799</v>
      </c>
      <c r="J38438" s="8">
        <v>1</v>
      </c>
      <c r="K38438" s="9">
        <v>10.53</v>
      </c>
      <c r="L38438" s="6"/>
    </row>
    <row r="38439" spans="1:12">
      <c r="A38439" s="6" t="s">
        <v>25982</v>
      </c>
      <c r="B38439" s="6" t="s">
        <v>25982</v>
      </c>
      <c r="C38439" s="6" t="s">
        <v>32230</v>
      </c>
      <c r="D38439" s="6" t="s">
        <v>37911</v>
      </c>
      <c r="E38439" s="6" t="s">
        <v>9</v>
      </c>
      <c r="F38439" s="7">
        <v>42180</v>
      </c>
      <c r="G38439" s="8">
        <v>171450</v>
      </c>
      <c r="H38439" s="8">
        <v>114015</v>
      </c>
      <c r="I38439" s="8">
        <v>68922</v>
      </c>
      <c r="J38439" s="8">
        <v>102528</v>
      </c>
      <c r="K38439" s="9"/>
      <c r="L38439" s="6"/>
    </row>
    <row r="38440" spans="1:12">
      <c r="A38440" s="6" t="s">
        <v>25982</v>
      </c>
      <c r="B38440" s="6" t="s">
        <v>25982</v>
      </c>
      <c r="C38440" s="6" t="s">
        <v>32230</v>
      </c>
      <c r="D38440" s="6" t="s">
        <v>37911</v>
      </c>
      <c r="E38440" s="6" t="s">
        <v>9</v>
      </c>
      <c r="F38440" s="7">
        <v>31472</v>
      </c>
      <c r="G38440" s="8">
        <v>70345800</v>
      </c>
      <c r="H38440" s="8">
        <v>16179555</v>
      </c>
      <c r="I38440" s="8">
        <v>55713852</v>
      </c>
      <c r="J38440" s="8">
        <v>14631948</v>
      </c>
      <c r="K38440" s="9">
        <v>521.08000000000004</v>
      </c>
      <c r="L38440" s="6"/>
    </row>
    <row r="38441" spans="1:12">
      <c r="A38441" s="6" t="s">
        <v>25982</v>
      </c>
      <c r="B38441" s="6" t="s">
        <v>25982</v>
      </c>
      <c r="C38441" s="6" t="s">
        <v>32230</v>
      </c>
      <c r="D38441" s="6" t="s">
        <v>37911</v>
      </c>
      <c r="E38441" s="6" t="s">
        <v>9</v>
      </c>
      <c r="F38441" s="7">
        <v>43921</v>
      </c>
      <c r="G38441" s="8">
        <v>550000</v>
      </c>
      <c r="H38441" s="8">
        <v>537900</v>
      </c>
      <c r="I38441" s="8">
        <v>24200</v>
      </c>
      <c r="J38441" s="8">
        <v>525800</v>
      </c>
      <c r="K38441" s="9"/>
      <c r="L38441" s="6"/>
    </row>
    <row r="38442" spans="1:12">
      <c r="A38442" s="6" t="s">
        <v>25982</v>
      </c>
      <c r="B38442" s="6" t="s">
        <v>37912</v>
      </c>
      <c r="C38442" s="6" t="s">
        <v>32230</v>
      </c>
      <c r="D38442" s="6" t="s">
        <v>37911</v>
      </c>
      <c r="E38442" s="6" t="s">
        <v>9</v>
      </c>
      <c r="F38442" s="7">
        <v>43190</v>
      </c>
      <c r="G38442" s="8">
        <v>23349600</v>
      </c>
      <c r="H38442" s="8">
        <v>20127357</v>
      </c>
      <c r="I38442" s="8">
        <v>4296324</v>
      </c>
      <c r="J38442" s="8">
        <v>19053276</v>
      </c>
      <c r="K38442" s="9">
        <v>56.95</v>
      </c>
      <c r="L38442" s="6"/>
    </row>
    <row r="38443" spans="1:12">
      <c r="A38443" s="6" t="s">
        <v>26014</v>
      </c>
      <c r="B38443" s="6" t="s">
        <v>37913</v>
      </c>
      <c r="C38443" s="6" t="s">
        <v>32230</v>
      </c>
      <c r="D38443" s="6" t="s">
        <v>37914</v>
      </c>
      <c r="E38443" s="6" t="s">
        <v>9</v>
      </c>
      <c r="F38443" s="7">
        <v>39538</v>
      </c>
      <c r="G38443" s="8">
        <v>1522500</v>
      </c>
      <c r="H38443" s="8">
        <v>196409</v>
      </c>
      <c r="I38443" s="8">
        <v>1428098</v>
      </c>
      <c r="J38443" s="8">
        <v>94402</v>
      </c>
      <c r="K38443" s="9"/>
      <c r="L38443" s="6"/>
    </row>
    <row r="38444" spans="1:12">
      <c r="A38444" s="6" t="s">
        <v>26014</v>
      </c>
      <c r="B38444" s="6" t="s">
        <v>37913</v>
      </c>
      <c r="C38444" s="6" t="s">
        <v>32230</v>
      </c>
      <c r="D38444" s="6" t="s">
        <v>37914</v>
      </c>
      <c r="E38444" s="6" t="s">
        <v>9</v>
      </c>
      <c r="F38444" s="7">
        <v>39692</v>
      </c>
      <c r="G38444" s="8">
        <v>3150000</v>
      </c>
      <c r="H38444" s="8">
        <v>2205000</v>
      </c>
      <c r="I38444" s="8">
        <v>1023750</v>
      </c>
      <c r="J38444" s="8">
        <v>2126250</v>
      </c>
      <c r="K38444" s="9">
        <v>6</v>
      </c>
      <c r="L38444" s="6"/>
    </row>
    <row r="38445" spans="1:12">
      <c r="A38445" s="6" t="s">
        <v>26014</v>
      </c>
      <c r="B38445" s="6" t="s">
        <v>26014</v>
      </c>
      <c r="C38445" s="6" t="s">
        <v>32230</v>
      </c>
      <c r="D38445" s="6" t="s">
        <v>37914</v>
      </c>
      <c r="E38445" s="6" t="s">
        <v>9</v>
      </c>
      <c r="F38445" s="7">
        <v>42433</v>
      </c>
      <c r="G38445" s="8">
        <v>264600</v>
      </c>
      <c r="H38445" s="8">
        <v>175960</v>
      </c>
      <c r="I38445" s="8">
        <v>106368</v>
      </c>
      <c r="J38445" s="8">
        <v>158232</v>
      </c>
      <c r="K38445" s="9"/>
      <c r="L38445" s="6"/>
    </row>
    <row r="38446" spans="1:12">
      <c r="A38446" s="6" t="s">
        <v>26014</v>
      </c>
      <c r="B38446" s="6" t="s">
        <v>26014</v>
      </c>
      <c r="C38446" s="6" t="s">
        <v>32230</v>
      </c>
      <c r="D38446" s="6" t="s">
        <v>37914</v>
      </c>
      <c r="E38446" s="6" t="s">
        <v>9</v>
      </c>
      <c r="F38446" s="7">
        <v>28430</v>
      </c>
      <c r="G38446" s="8">
        <v>40347450</v>
      </c>
      <c r="H38446" s="8">
        <v>2178801</v>
      </c>
      <c r="I38446" s="8">
        <v>39056292</v>
      </c>
      <c r="J38446" s="8">
        <v>1291158</v>
      </c>
      <c r="K38446" s="9">
        <v>298.87</v>
      </c>
      <c r="L38446" s="6"/>
    </row>
    <row r="38447" spans="1:12">
      <c r="A38447" s="6" t="s">
        <v>26014</v>
      </c>
      <c r="B38447" s="6"/>
      <c r="C38447" s="6" t="s">
        <v>32230</v>
      </c>
      <c r="D38447" s="6"/>
      <c r="E38447" s="6"/>
      <c r="F38447" s="7">
        <v>41757</v>
      </c>
      <c r="G38447" s="8">
        <v>486000</v>
      </c>
      <c r="H38447" s="8">
        <v>421848</v>
      </c>
      <c r="I38447" s="8">
        <v>74844</v>
      </c>
      <c r="J38447" s="8">
        <v>411156</v>
      </c>
      <c r="K38447" s="9"/>
      <c r="L38447" s="6"/>
    </row>
    <row r="38448" spans="1:12">
      <c r="A38448" s="6" t="s">
        <v>26014</v>
      </c>
      <c r="B38448" s="6"/>
      <c r="C38448" s="6" t="s">
        <v>32230</v>
      </c>
      <c r="D38448" s="6"/>
      <c r="E38448" s="6"/>
      <c r="F38448" s="7">
        <v>41871</v>
      </c>
      <c r="G38448" s="8">
        <v>6404400</v>
      </c>
      <c r="H38448" s="8">
        <v>5559024</v>
      </c>
      <c r="I38448" s="8">
        <v>986272</v>
      </c>
      <c r="J38448" s="8">
        <v>5418128</v>
      </c>
      <c r="K38448" s="9"/>
      <c r="L38448" s="6"/>
    </row>
    <row r="38449" spans="1:12">
      <c r="A38449" s="6" t="s">
        <v>26014</v>
      </c>
      <c r="B38449" s="6"/>
      <c r="C38449" s="6" t="s">
        <v>32230</v>
      </c>
      <c r="D38449" s="6"/>
      <c r="E38449" s="6"/>
      <c r="F38449" s="7">
        <v>41884</v>
      </c>
      <c r="G38449" s="8">
        <v>486000</v>
      </c>
      <c r="H38449" s="8">
        <v>421848</v>
      </c>
      <c r="I38449" s="8">
        <v>74844</v>
      </c>
      <c r="J38449" s="8">
        <v>411156</v>
      </c>
      <c r="K38449" s="9"/>
      <c r="L38449" s="6"/>
    </row>
    <row r="38450" spans="1:12">
      <c r="A38450" s="6" t="s">
        <v>26014</v>
      </c>
      <c r="B38450" s="6" t="s">
        <v>37915</v>
      </c>
      <c r="C38450" s="6" t="s">
        <v>32230</v>
      </c>
      <c r="D38450" s="6" t="s">
        <v>37914</v>
      </c>
      <c r="E38450" s="6" t="s">
        <v>9</v>
      </c>
      <c r="F38450" s="7">
        <v>28430</v>
      </c>
      <c r="G38450" s="8">
        <v>974400</v>
      </c>
      <c r="H38450" s="8">
        <v>1</v>
      </c>
      <c r="I38450" s="8">
        <v>974399</v>
      </c>
      <c r="J38450" s="8">
        <v>1</v>
      </c>
      <c r="K38450" s="9">
        <v>16.239999999999899</v>
      </c>
      <c r="L38450" s="6"/>
    </row>
    <row r="38451" spans="1:12">
      <c r="A38451" s="6" t="s">
        <v>26014</v>
      </c>
      <c r="B38451" s="6" t="s">
        <v>37916</v>
      </c>
      <c r="C38451" s="6" t="s">
        <v>32230</v>
      </c>
      <c r="D38451" s="6" t="s">
        <v>37914</v>
      </c>
      <c r="E38451" s="6" t="s">
        <v>9</v>
      </c>
      <c r="F38451" s="7">
        <v>43185</v>
      </c>
      <c r="G38451" s="8">
        <v>19872000</v>
      </c>
      <c r="H38451" s="8">
        <v>18083520</v>
      </c>
      <c r="I38451" s="8">
        <v>2384640</v>
      </c>
      <c r="J38451" s="8">
        <v>17487360</v>
      </c>
      <c r="K38451" s="9">
        <v>44.1</v>
      </c>
      <c r="L38451" s="6"/>
    </row>
    <row r="38452" spans="1:12">
      <c r="A38452" s="6" t="s">
        <v>26066</v>
      </c>
      <c r="B38452" s="6" t="s">
        <v>26066</v>
      </c>
      <c r="C38452" s="6" t="s">
        <v>32230</v>
      </c>
      <c r="D38452" s="6" t="s">
        <v>37917</v>
      </c>
      <c r="E38452" s="6" t="s">
        <v>9</v>
      </c>
      <c r="F38452" s="7">
        <v>26755</v>
      </c>
      <c r="G38452" s="8">
        <v>144424350</v>
      </c>
      <c r="H38452" s="8">
        <v>1</v>
      </c>
      <c r="I38452" s="8">
        <v>144424349</v>
      </c>
      <c r="J38452" s="8">
        <v>1</v>
      </c>
      <c r="K38452" s="9">
        <v>1069.81</v>
      </c>
      <c r="L38452" s="6"/>
    </row>
    <row r="38453" spans="1:12">
      <c r="A38453" s="6" t="s">
        <v>26066</v>
      </c>
      <c r="B38453" s="6" t="s">
        <v>26066</v>
      </c>
      <c r="C38453" s="6" t="s">
        <v>32230</v>
      </c>
      <c r="D38453" s="6" t="s">
        <v>37917</v>
      </c>
      <c r="E38453" s="6" t="s">
        <v>9</v>
      </c>
      <c r="F38453" s="7">
        <v>41960</v>
      </c>
      <c r="G38453" s="8">
        <v>2451600</v>
      </c>
      <c r="H38453" s="8">
        <v>2127990</v>
      </c>
      <c r="I38453" s="8">
        <v>377545</v>
      </c>
      <c r="J38453" s="8">
        <v>2074055</v>
      </c>
      <c r="K38453" s="9"/>
      <c r="L38453" s="6"/>
    </row>
    <row r="38454" spans="1:12">
      <c r="A38454" s="6" t="s">
        <v>26066</v>
      </c>
      <c r="B38454" s="6" t="s">
        <v>26066</v>
      </c>
      <c r="C38454" s="6" t="s">
        <v>32230</v>
      </c>
      <c r="D38454" s="6" t="s">
        <v>37917</v>
      </c>
      <c r="E38454" s="6" t="s">
        <v>9</v>
      </c>
      <c r="F38454" s="7">
        <v>41628</v>
      </c>
      <c r="G38454" s="8">
        <v>2940000</v>
      </c>
      <c r="H38454" s="8">
        <v>2487240</v>
      </c>
      <c r="I38454" s="8">
        <v>517439</v>
      </c>
      <c r="J38454" s="8">
        <v>2422561</v>
      </c>
      <c r="K38454" s="9"/>
      <c r="L38454" s="6"/>
    </row>
    <row r="38455" spans="1:12">
      <c r="A38455" s="6" t="s">
        <v>26066</v>
      </c>
      <c r="B38455" s="6" t="s">
        <v>26066</v>
      </c>
      <c r="C38455" s="6" t="s">
        <v>32230</v>
      </c>
      <c r="D38455" s="6" t="s">
        <v>37917</v>
      </c>
      <c r="E38455" s="6" t="s">
        <v>9</v>
      </c>
      <c r="F38455" s="7">
        <v>41943</v>
      </c>
      <c r="G38455" s="8">
        <v>40824000</v>
      </c>
      <c r="H38455" s="8">
        <v>35435232</v>
      </c>
      <c r="I38455" s="8">
        <v>6286896</v>
      </c>
      <c r="J38455" s="8">
        <v>34537104</v>
      </c>
      <c r="K38455" s="9"/>
      <c r="L38455" s="6"/>
    </row>
    <row r="38456" spans="1:12">
      <c r="A38456" s="6" t="s">
        <v>26066</v>
      </c>
      <c r="B38456" s="6" t="s">
        <v>26066</v>
      </c>
      <c r="C38456" s="6" t="s">
        <v>32230</v>
      </c>
      <c r="D38456" s="6" t="s">
        <v>37917</v>
      </c>
      <c r="E38456" s="6" t="s">
        <v>9</v>
      </c>
      <c r="F38456" s="7">
        <v>41927</v>
      </c>
      <c r="G38456" s="8">
        <v>9612000</v>
      </c>
      <c r="H38456" s="8">
        <v>5747976</v>
      </c>
      <c r="I38456" s="8">
        <v>4508028</v>
      </c>
      <c r="J38456" s="8">
        <v>5103972</v>
      </c>
      <c r="K38456" s="9"/>
      <c r="L38456" s="6"/>
    </row>
    <row r="38457" spans="1:12">
      <c r="A38457" s="6" t="s">
        <v>37918</v>
      </c>
      <c r="B38457" s="6" t="s">
        <v>37786</v>
      </c>
      <c r="C38457" s="6" t="s">
        <v>32230</v>
      </c>
      <c r="D38457" s="6" t="s">
        <v>37919</v>
      </c>
      <c r="E38457" s="6" t="s">
        <v>25121</v>
      </c>
      <c r="F38457" s="7">
        <v>33086</v>
      </c>
      <c r="G38457" s="8">
        <v>7882000</v>
      </c>
      <c r="H38457" s="8">
        <v>78820</v>
      </c>
      <c r="I38457" s="8">
        <v>7881999</v>
      </c>
      <c r="J38457" s="8">
        <v>1</v>
      </c>
      <c r="K38457" s="9">
        <v>112.6</v>
      </c>
      <c r="L38457" s="6"/>
    </row>
    <row r="38458" spans="1:12">
      <c r="A38458" s="6" t="s">
        <v>26115</v>
      </c>
      <c r="B38458" s="6" t="s">
        <v>26115</v>
      </c>
      <c r="C38458" s="6" t="s">
        <v>32230</v>
      </c>
      <c r="D38458" s="21" t="s">
        <v>39174</v>
      </c>
      <c r="E38458" s="6" t="s">
        <v>9</v>
      </c>
      <c r="F38458" s="7"/>
      <c r="G38458" s="8">
        <v>2160000</v>
      </c>
      <c r="H38458" s="8">
        <v>2017440</v>
      </c>
      <c r="I38458" s="8">
        <v>190080</v>
      </c>
      <c r="J38458" s="8">
        <v>1969920</v>
      </c>
      <c r="K38458" s="9"/>
      <c r="L38458" s="6"/>
    </row>
    <row r="38459" spans="1:12">
      <c r="A38459" s="6" t="s">
        <v>26115</v>
      </c>
      <c r="B38459" s="6" t="s">
        <v>26115</v>
      </c>
      <c r="C38459" s="6" t="s">
        <v>32230</v>
      </c>
      <c r="D38459" s="21" t="s">
        <v>39174</v>
      </c>
      <c r="E38459" s="6" t="s">
        <v>9</v>
      </c>
      <c r="F38459" s="7">
        <v>30742</v>
      </c>
      <c r="G38459" s="8">
        <v>26426250</v>
      </c>
      <c r="H38459" s="8">
        <v>4915301</v>
      </c>
      <c r="I38459" s="8">
        <v>22092326</v>
      </c>
      <c r="J38459" s="8">
        <v>4333924</v>
      </c>
      <c r="K38459" s="9">
        <v>195.75</v>
      </c>
      <c r="L38459" s="6"/>
    </row>
    <row r="38460" spans="1:12">
      <c r="A38460" s="6" t="s">
        <v>26115</v>
      </c>
      <c r="B38460" s="6" t="s">
        <v>26115</v>
      </c>
      <c r="C38460" s="6" t="s">
        <v>32230</v>
      </c>
      <c r="D38460" s="21" t="s">
        <v>39174</v>
      </c>
      <c r="E38460" s="6" t="s">
        <v>9</v>
      </c>
      <c r="F38460" s="7">
        <v>41319</v>
      </c>
      <c r="G38460" s="8">
        <v>199500</v>
      </c>
      <c r="H38460" s="8">
        <v>92572</v>
      </c>
      <c r="I38460" s="8">
        <v>120294</v>
      </c>
      <c r="J38460" s="8">
        <v>79206</v>
      </c>
      <c r="K38460" s="9"/>
      <c r="L38460" s="6"/>
    </row>
    <row r="38461" spans="1:12" ht="18.75">
      <c r="A38461" s="19" t="s">
        <v>39170</v>
      </c>
      <c r="B38461" s="19" t="s">
        <v>39170</v>
      </c>
      <c r="C38461" s="6" t="s">
        <v>32230</v>
      </c>
      <c r="D38461" s="6" t="s">
        <v>37920</v>
      </c>
      <c r="E38461" s="6" t="s">
        <v>9</v>
      </c>
      <c r="F38461" s="7">
        <v>28590</v>
      </c>
      <c r="G38461" s="8">
        <v>726815050</v>
      </c>
      <c r="H38461" s="8">
        <v>116290408</v>
      </c>
      <c r="I38461" s="8">
        <v>625060943</v>
      </c>
      <c r="J38461" s="8">
        <v>101754107</v>
      </c>
      <c r="K38461" s="9">
        <v>3092.83</v>
      </c>
      <c r="L38461" s="6"/>
    </row>
    <row r="38462" spans="1:12" ht="18.75">
      <c r="A38462" s="19" t="s">
        <v>39170</v>
      </c>
      <c r="B38462" s="19" t="s">
        <v>39170</v>
      </c>
      <c r="C38462" s="6" t="s">
        <v>32230</v>
      </c>
      <c r="D38462" s="6" t="s">
        <v>37920</v>
      </c>
      <c r="E38462" s="6" t="s">
        <v>9</v>
      </c>
      <c r="F38462" s="7">
        <v>43774</v>
      </c>
      <c r="G38462" s="8">
        <v>139666393</v>
      </c>
      <c r="H38462" s="8">
        <v>130308745</v>
      </c>
      <c r="I38462" s="8">
        <v>18715296</v>
      </c>
      <c r="J38462" s="8">
        <v>120951097</v>
      </c>
      <c r="K38462" s="9"/>
      <c r="L38462" s="6"/>
    </row>
    <row r="38463" spans="1:12" ht="18.75">
      <c r="A38463" s="19" t="s">
        <v>39170</v>
      </c>
      <c r="B38463" s="19" t="s">
        <v>39170</v>
      </c>
      <c r="C38463" s="6" t="s">
        <v>32230</v>
      </c>
      <c r="D38463" s="6" t="s">
        <v>37920</v>
      </c>
      <c r="E38463" s="6" t="s">
        <v>9</v>
      </c>
      <c r="F38463" s="7">
        <v>43774</v>
      </c>
      <c r="G38463" s="8">
        <v>193592177</v>
      </c>
      <c r="H38463" s="8">
        <v>180621502</v>
      </c>
      <c r="I38463" s="8">
        <v>25941350</v>
      </c>
      <c r="J38463" s="8">
        <v>167650827</v>
      </c>
      <c r="K38463" s="9"/>
      <c r="L38463" s="6"/>
    </row>
    <row r="38464" spans="1:12" ht="18.75">
      <c r="A38464" s="19" t="s">
        <v>39170</v>
      </c>
      <c r="B38464" s="19" t="s">
        <v>39170</v>
      </c>
      <c r="C38464" s="6" t="s">
        <v>32230</v>
      </c>
      <c r="D38464" s="6" t="s">
        <v>37920</v>
      </c>
      <c r="E38464" s="6" t="s">
        <v>9</v>
      </c>
      <c r="F38464" s="7">
        <v>39647</v>
      </c>
      <c r="G38464" s="8">
        <v>9702000</v>
      </c>
      <c r="H38464" s="8">
        <v>1901592</v>
      </c>
      <c r="I38464" s="8">
        <v>8450442</v>
      </c>
      <c r="J38464" s="8">
        <v>1251558</v>
      </c>
      <c r="K38464" s="9"/>
      <c r="L38464" s="6"/>
    </row>
    <row r="38465" spans="1:12" ht="18.75">
      <c r="A38465" s="19" t="s">
        <v>39170</v>
      </c>
      <c r="B38465" s="19" t="s">
        <v>39170</v>
      </c>
      <c r="C38465" s="6" t="s">
        <v>32230</v>
      </c>
      <c r="D38465" s="6" t="s">
        <v>37920</v>
      </c>
      <c r="E38465" s="6" t="s">
        <v>9</v>
      </c>
      <c r="F38465" s="7">
        <v>43921</v>
      </c>
      <c r="G38465" s="8">
        <v>25630</v>
      </c>
      <c r="H38465" s="8">
        <v>23913</v>
      </c>
      <c r="I38465" s="8">
        <v>3434</v>
      </c>
      <c r="J38465" s="8">
        <v>22196</v>
      </c>
      <c r="K38465" s="9"/>
      <c r="L38465" s="6"/>
    </row>
    <row r="38466" spans="1:12" ht="18.75">
      <c r="A38466" s="19" t="s">
        <v>39170</v>
      </c>
      <c r="B38466" s="19" t="s">
        <v>39170</v>
      </c>
      <c r="C38466" s="6" t="s">
        <v>32230</v>
      </c>
      <c r="D38466" s="6" t="s">
        <v>37920</v>
      </c>
      <c r="E38466" s="6" t="s">
        <v>9</v>
      </c>
      <c r="F38466" s="7">
        <v>43921</v>
      </c>
      <c r="G38466" s="8">
        <v>311300</v>
      </c>
      <c r="H38466" s="8">
        <v>293868</v>
      </c>
      <c r="I38466" s="8">
        <v>34864</v>
      </c>
      <c r="J38466" s="8">
        <v>276436</v>
      </c>
      <c r="K38466" s="9"/>
      <c r="L38466" s="6"/>
    </row>
    <row r="38467" spans="1:12" ht="18.75">
      <c r="A38467" s="19" t="s">
        <v>39170</v>
      </c>
      <c r="B38467" s="19" t="s">
        <v>39170</v>
      </c>
      <c r="C38467" s="6" t="s">
        <v>32230</v>
      </c>
      <c r="D38467" s="6" t="s">
        <v>37920</v>
      </c>
      <c r="E38467" s="6" t="s">
        <v>9</v>
      </c>
      <c r="F38467" s="7">
        <v>43921</v>
      </c>
      <c r="G38467" s="8">
        <v>385000</v>
      </c>
      <c r="H38467" s="8">
        <v>359205</v>
      </c>
      <c r="I38467" s="8">
        <v>51590</v>
      </c>
      <c r="J38467" s="8">
        <v>333410</v>
      </c>
      <c r="K38467" s="9"/>
      <c r="L38467" s="6"/>
    </row>
    <row r="38468" spans="1:12" ht="18.75">
      <c r="A38468" s="19" t="s">
        <v>39170</v>
      </c>
      <c r="B38468" s="19" t="s">
        <v>39170</v>
      </c>
      <c r="C38468" s="6" t="s">
        <v>32230</v>
      </c>
      <c r="D38468" s="6" t="s">
        <v>37920</v>
      </c>
      <c r="E38468" s="6" t="s">
        <v>9</v>
      </c>
      <c r="F38468" s="7">
        <v>43921</v>
      </c>
      <c r="G38468" s="8">
        <v>427900</v>
      </c>
      <c r="H38468" s="8">
        <v>399231</v>
      </c>
      <c r="I38468" s="8">
        <v>57338</v>
      </c>
      <c r="J38468" s="8">
        <v>370562</v>
      </c>
      <c r="K38468" s="9"/>
      <c r="L38468" s="6"/>
    </row>
    <row r="38469" spans="1:12" ht="18.75">
      <c r="A38469" s="19" t="s">
        <v>39170</v>
      </c>
      <c r="B38469" s="19" t="s">
        <v>39170</v>
      </c>
      <c r="C38469" s="6" t="s">
        <v>32230</v>
      </c>
      <c r="D38469" s="6" t="s">
        <v>37920</v>
      </c>
      <c r="E38469" s="6" t="s">
        <v>9</v>
      </c>
      <c r="F38469" s="7">
        <v>43921</v>
      </c>
      <c r="G38469" s="8">
        <v>4753316</v>
      </c>
      <c r="H38469" s="8">
        <v>4487131</v>
      </c>
      <c r="I38469" s="8">
        <v>532370</v>
      </c>
      <c r="J38469" s="8">
        <v>4220946</v>
      </c>
      <c r="K38469" s="9"/>
      <c r="L38469" s="6"/>
    </row>
    <row r="38470" spans="1:12" ht="18.75">
      <c r="A38470" s="19" t="s">
        <v>39170</v>
      </c>
      <c r="B38470" s="19" t="s">
        <v>39170</v>
      </c>
      <c r="C38470" s="6" t="s">
        <v>32230</v>
      </c>
      <c r="D38470" s="6" t="s">
        <v>37920</v>
      </c>
      <c r="E38470" s="6" t="s">
        <v>9</v>
      </c>
      <c r="F38470" s="7">
        <v>42643</v>
      </c>
      <c r="G38470" s="8">
        <v>5940000</v>
      </c>
      <c r="H38470" s="8">
        <v>4538160</v>
      </c>
      <c r="I38470" s="8">
        <v>1752300</v>
      </c>
      <c r="J38470" s="8">
        <v>4187700</v>
      </c>
      <c r="K38470" s="9"/>
      <c r="L38470" s="6"/>
    </row>
    <row r="38471" spans="1:12" ht="18.75">
      <c r="A38471" s="19" t="s">
        <v>39170</v>
      </c>
      <c r="B38471" s="19" t="s">
        <v>39170</v>
      </c>
      <c r="C38471" s="6" t="s">
        <v>32230</v>
      </c>
      <c r="D38471" s="6" t="s">
        <v>37920</v>
      </c>
      <c r="E38471" s="6" t="s">
        <v>9</v>
      </c>
      <c r="F38471" s="7">
        <v>43921</v>
      </c>
      <c r="G38471" s="8">
        <v>80264</v>
      </c>
      <c r="H38471" s="8">
        <v>72238</v>
      </c>
      <c r="I38471" s="8">
        <v>16052</v>
      </c>
      <c r="J38471" s="8">
        <v>64212</v>
      </c>
      <c r="K38471" s="9"/>
      <c r="L38471" s="6"/>
    </row>
    <row r="38472" spans="1:12" ht="18.75">
      <c r="A38472" s="19" t="s">
        <v>39170</v>
      </c>
      <c r="B38472" s="19" t="s">
        <v>39170</v>
      </c>
      <c r="C38472" s="6" t="s">
        <v>32230</v>
      </c>
      <c r="D38472" s="6" t="s">
        <v>37920</v>
      </c>
      <c r="E38472" s="6" t="s">
        <v>9</v>
      </c>
      <c r="F38472" s="7">
        <v>43921</v>
      </c>
      <c r="G38472" s="8">
        <v>92191</v>
      </c>
      <c r="H38472" s="8">
        <v>82972</v>
      </c>
      <c r="I38472" s="8">
        <v>18438</v>
      </c>
      <c r="J38472" s="8">
        <v>73753</v>
      </c>
      <c r="K38472" s="9"/>
      <c r="L38472" s="6"/>
    </row>
    <row r="38473" spans="1:12" ht="18.75">
      <c r="A38473" s="19" t="s">
        <v>39170</v>
      </c>
      <c r="B38473" s="19" t="s">
        <v>39170</v>
      </c>
      <c r="C38473" s="6" t="s">
        <v>32230</v>
      </c>
      <c r="D38473" s="6" t="s">
        <v>37920</v>
      </c>
      <c r="E38473" s="6" t="s">
        <v>9</v>
      </c>
      <c r="F38473" s="7">
        <v>43921</v>
      </c>
      <c r="G38473" s="8">
        <v>876525030</v>
      </c>
      <c r="H38473" s="8">
        <v>858994530</v>
      </c>
      <c r="I38473" s="8">
        <v>35061000</v>
      </c>
      <c r="J38473" s="8">
        <v>841464030</v>
      </c>
      <c r="K38473" s="9"/>
      <c r="L38473" s="6"/>
    </row>
    <row r="38474" spans="1:12" ht="18.75">
      <c r="A38474" s="19" t="s">
        <v>39170</v>
      </c>
      <c r="B38474" s="19" t="s">
        <v>39170</v>
      </c>
      <c r="C38474" s="6" t="s">
        <v>32230</v>
      </c>
      <c r="D38474" s="6" t="s">
        <v>37920</v>
      </c>
      <c r="E38474" s="6" t="s">
        <v>9</v>
      </c>
      <c r="F38474" s="7">
        <v>39647</v>
      </c>
      <c r="G38474" s="8">
        <v>4607400</v>
      </c>
      <c r="H38474" s="8">
        <v>903060</v>
      </c>
      <c r="I38474" s="8">
        <v>4013035</v>
      </c>
      <c r="J38474" s="8">
        <v>594365</v>
      </c>
      <c r="K38474" s="9"/>
      <c r="L38474" s="6"/>
    </row>
    <row r="38475" spans="1:12" ht="18.75">
      <c r="A38475" s="19" t="s">
        <v>39170</v>
      </c>
      <c r="B38475" s="19" t="s">
        <v>39170</v>
      </c>
      <c r="C38475" s="6" t="s">
        <v>32230</v>
      </c>
      <c r="D38475" s="6" t="s">
        <v>37920</v>
      </c>
      <c r="E38475" s="6" t="s">
        <v>9</v>
      </c>
      <c r="F38475" s="7">
        <v>43921</v>
      </c>
      <c r="G38475" s="8">
        <v>99000</v>
      </c>
      <c r="H38475" s="8">
        <v>92367</v>
      </c>
      <c r="I38475" s="8">
        <v>13266</v>
      </c>
      <c r="J38475" s="8">
        <v>85734</v>
      </c>
      <c r="K38475" s="9"/>
      <c r="L38475" s="6"/>
    </row>
    <row r="38476" spans="1:12" ht="18.75">
      <c r="A38476" s="19" t="s">
        <v>39170</v>
      </c>
      <c r="B38476" s="19" t="s">
        <v>39170</v>
      </c>
      <c r="C38476" s="6" t="s">
        <v>32230</v>
      </c>
      <c r="D38476" s="6" t="s">
        <v>37920</v>
      </c>
      <c r="E38476" s="6" t="s">
        <v>9</v>
      </c>
      <c r="F38476" s="7">
        <v>36433</v>
      </c>
      <c r="G38476" s="8">
        <v>32000000</v>
      </c>
      <c r="H38476" s="8">
        <v>1088000</v>
      </c>
      <c r="I38476" s="8">
        <v>31999999</v>
      </c>
      <c r="J38476" s="8">
        <v>1</v>
      </c>
      <c r="K38476" s="9">
        <v>163.11000000000001</v>
      </c>
      <c r="L38476" s="6"/>
    </row>
    <row r="38477" spans="1:12" ht="18.75">
      <c r="A38477" s="19" t="s">
        <v>39170</v>
      </c>
      <c r="B38477" s="19" t="s">
        <v>39170</v>
      </c>
      <c r="C38477" s="6" t="s">
        <v>32230</v>
      </c>
      <c r="D38477" s="6" t="s">
        <v>37920</v>
      </c>
      <c r="E38477" s="6" t="s">
        <v>9</v>
      </c>
      <c r="F38477" s="7">
        <v>43921</v>
      </c>
      <c r="G38477" s="8">
        <v>1237500</v>
      </c>
      <c r="H38477" s="8">
        <v>1154588</v>
      </c>
      <c r="I38477" s="8">
        <v>165824</v>
      </c>
      <c r="J38477" s="8">
        <v>1071676</v>
      </c>
      <c r="K38477" s="9"/>
      <c r="L38477" s="6"/>
    </row>
    <row r="38478" spans="1:12" ht="18.75">
      <c r="A38478" s="19" t="s">
        <v>39170</v>
      </c>
      <c r="B38478" s="19" t="s">
        <v>39170</v>
      </c>
      <c r="C38478" s="6" t="s">
        <v>32230</v>
      </c>
      <c r="D38478" s="6" t="s">
        <v>37920</v>
      </c>
      <c r="E38478" s="6" t="s">
        <v>9</v>
      </c>
      <c r="F38478" s="7">
        <v>43921</v>
      </c>
      <c r="G38478" s="8">
        <v>1290300</v>
      </c>
      <c r="H38478" s="8">
        <v>1161270</v>
      </c>
      <c r="I38478" s="8">
        <v>258060</v>
      </c>
      <c r="J38478" s="8">
        <v>1032240</v>
      </c>
      <c r="K38478" s="9"/>
      <c r="L38478" s="6"/>
    </row>
    <row r="38479" spans="1:12" ht="18.75">
      <c r="A38479" s="19" t="s">
        <v>39170</v>
      </c>
      <c r="B38479" s="19" t="s">
        <v>39170</v>
      </c>
      <c r="C38479" s="6" t="s">
        <v>32230</v>
      </c>
      <c r="D38479" s="6" t="s">
        <v>37920</v>
      </c>
      <c r="E38479" s="6" t="s">
        <v>9</v>
      </c>
      <c r="F38479" s="7">
        <v>43921</v>
      </c>
      <c r="G38479" s="8">
        <v>1292500</v>
      </c>
      <c r="H38479" s="8">
        <v>1205903</v>
      </c>
      <c r="I38479" s="8">
        <v>173194</v>
      </c>
      <c r="J38479" s="8">
        <v>1119306</v>
      </c>
      <c r="K38479" s="9"/>
      <c r="L38479" s="6"/>
    </row>
    <row r="38480" spans="1:12" ht="18.75">
      <c r="A38480" s="19" t="s">
        <v>39170</v>
      </c>
      <c r="B38480" s="19" t="s">
        <v>39170</v>
      </c>
      <c r="C38480" s="6" t="s">
        <v>32230</v>
      </c>
      <c r="D38480" s="6" t="s">
        <v>37920</v>
      </c>
      <c r="E38480" s="6" t="s">
        <v>9</v>
      </c>
      <c r="F38480" s="7">
        <v>44286</v>
      </c>
      <c r="G38480" s="8">
        <v>935000</v>
      </c>
      <c r="H38480" s="8">
        <v>935000</v>
      </c>
      <c r="I38480" s="8">
        <v>62645</v>
      </c>
      <c r="J38480" s="8">
        <v>872355</v>
      </c>
      <c r="K38480" s="9"/>
      <c r="L38480" s="6"/>
    </row>
    <row r="38481" spans="1:12">
      <c r="A38481" s="6" t="s">
        <v>26183</v>
      </c>
      <c r="B38481" s="6" t="s">
        <v>26183</v>
      </c>
      <c r="C38481" s="6" t="s">
        <v>32230</v>
      </c>
      <c r="D38481" s="6" t="s">
        <v>37921</v>
      </c>
      <c r="E38481" s="6" t="s">
        <v>18740</v>
      </c>
      <c r="F38481" s="7">
        <v>23833</v>
      </c>
      <c r="G38481" s="8">
        <v>17839100</v>
      </c>
      <c r="H38481" s="8">
        <v>1</v>
      </c>
      <c r="I38481" s="8">
        <v>17839099</v>
      </c>
      <c r="J38481" s="8">
        <v>1</v>
      </c>
      <c r="K38481" s="9">
        <v>187.78</v>
      </c>
      <c r="L38481" s="6"/>
    </row>
    <row r="38482" spans="1:12">
      <c r="A38482" s="6" t="s">
        <v>26201</v>
      </c>
      <c r="B38482" s="6" t="s">
        <v>37922</v>
      </c>
      <c r="C38482" s="6" t="s">
        <v>32230</v>
      </c>
      <c r="D38482" s="6" t="s">
        <v>37923</v>
      </c>
      <c r="E38482" s="6" t="s">
        <v>18740</v>
      </c>
      <c r="F38482" s="7">
        <v>33909</v>
      </c>
      <c r="G38482" s="8">
        <v>1380600</v>
      </c>
      <c r="H38482" s="8">
        <v>336872</v>
      </c>
      <c r="I38482" s="8">
        <v>1081004</v>
      </c>
      <c r="J38482" s="8">
        <v>299596</v>
      </c>
      <c r="K38482" s="9">
        <v>10.62</v>
      </c>
      <c r="L38482" s="6"/>
    </row>
    <row r="38483" spans="1:12">
      <c r="A38483" s="6" t="s">
        <v>26239</v>
      </c>
      <c r="B38483" s="6" t="s">
        <v>37924</v>
      </c>
      <c r="C38483" s="6" t="s">
        <v>32230</v>
      </c>
      <c r="D38483" s="6" t="s">
        <v>37925</v>
      </c>
      <c r="E38483" s="6" t="s">
        <v>9</v>
      </c>
      <c r="F38483" s="7">
        <v>29677</v>
      </c>
      <c r="G38483" s="8">
        <v>1008150000</v>
      </c>
      <c r="H38483" s="8">
        <v>143157300</v>
      </c>
      <c r="I38483" s="8">
        <v>887172000</v>
      </c>
      <c r="J38483" s="8">
        <v>120978000</v>
      </c>
      <c r="K38483" s="9">
        <v>4290</v>
      </c>
      <c r="L38483" s="6"/>
    </row>
    <row r="38484" spans="1:12">
      <c r="A38484" s="6" t="s">
        <v>26239</v>
      </c>
      <c r="B38484" s="6"/>
      <c r="C38484" s="6" t="s">
        <v>32230</v>
      </c>
      <c r="D38484" s="6"/>
      <c r="E38484" s="6"/>
      <c r="F38484" s="7">
        <v>41352</v>
      </c>
      <c r="G38484" s="8">
        <v>1155000</v>
      </c>
      <c r="H38484" s="8">
        <v>535920</v>
      </c>
      <c r="I38484" s="8">
        <v>696465</v>
      </c>
      <c r="J38484" s="8">
        <v>458535</v>
      </c>
      <c r="K38484" s="9"/>
      <c r="L38484" s="6"/>
    </row>
    <row r="38485" spans="1:12">
      <c r="A38485" s="6" t="s">
        <v>26239</v>
      </c>
      <c r="B38485" s="6"/>
      <c r="C38485" s="6" t="s">
        <v>32230</v>
      </c>
      <c r="D38485" s="6"/>
      <c r="E38485" s="6"/>
      <c r="F38485" s="7">
        <v>41542</v>
      </c>
      <c r="G38485" s="8">
        <v>678300</v>
      </c>
      <c r="H38485" s="8">
        <v>1</v>
      </c>
      <c r="I38485" s="8">
        <v>678299</v>
      </c>
      <c r="J38485" s="8">
        <v>1</v>
      </c>
      <c r="K38485" s="9"/>
      <c r="L38485" s="6"/>
    </row>
    <row r="38486" spans="1:12">
      <c r="A38486" s="6" t="s">
        <v>26239</v>
      </c>
      <c r="B38486" s="6"/>
      <c r="C38486" s="6" t="s">
        <v>32230</v>
      </c>
      <c r="D38486" s="6"/>
      <c r="E38486" s="6"/>
      <c r="F38486" s="7">
        <v>41887</v>
      </c>
      <c r="G38486" s="8">
        <v>2214000</v>
      </c>
      <c r="H38486" s="8">
        <v>1</v>
      </c>
      <c r="I38486" s="8">
        <v>2213999</v>
      </c>
      <c r="J38486" s="8">
        <v>1</v>
      </c>
      <c r="K38486" s="9"/>
      <c r="L38486" s="6"/>
    </row>
    <row r="38487" spans="1:12">
      <c r="A38487" s="6" t="s">
        <v>26239</v>
      </c>
      <c r="B38487" s="6"/>
      <c r="C38487" s="6" t="s">
        <v>32230</v>
      </c>
      <c r="D38487" s="6"/>
      <c r="E38487" s="6"/>
      <c r="F38487" s="7">
        <v>44260</v>
      </c>
      <c r="G38487" s="8">
        <v>1078000</v>
      </c>
      <c r="H38487" s="8">
        <v>1078000</v>
      </c>
      <c r="I38487" s="8">
        <v>72226</v>
      </c>
      <c r="J38487" s="8">
        <v>1005774</v>
      </c>
      <c r="K38487" s="9"/>
      <c r="L38487" s="6"/>
    </row>
    <row r="38488" spans="1:12">
      <c r="A38488" s="6" t="s">
        <v>26284</v>
      </c>
      <c r="B38488" s="6" t="s">
        <v>26284</v>
      </c>
      <c r="C38488" s="6" t="s">
        <v>32230</v>
      </c>
      <c r="D38488" s="6" t="s">
        <v>37926</v>
      </c>
      <c r="E38488" s="6" t="s">
        <v>9</v>
      </c>
      <c r="F38488" s="7">
        <v>43921</v>
      </c>
      <c r="G38488" s="8">
        <v>1099000</v>
      </c>
      <c r="H38488" s="8">
        <v>1025367</v>
      </c>
      <c r="I38488" s="8">
        <v>147266</v>
      </c>
      <c r="J38488" s="8">
        <v>951734</v>
      </c>
      <c r="K38488" s="9"/>
      <c r="L38488" s="6"/>
    </row>
    <row r="38489" spans="1:12">
      <c r="A38489" s="6" t="s">
        <v>26284</v>
      </c>
      <c r="B38489" s="6" t="s">
        <v>26284</v>
      </c>
      <c r="C38489" s="6" t="s">
        <v>32230</v>
      </c>
      <c r="D38489" s="6" t="s">
        <v>37926</v>
      </c>
      <c r="E38489" s="6" t="s">
        <v>9</v>
      </c>
      <c r="F38489" s="7"/>
      <c r="G38489" s="8">
        <v>19551752</v>
      </c>
      <c r="H38489" s="8">
        <v>17987612</v>
      </c>
      <c r="I38489" s="8">
        <v>1955175</v>
      </c>
      <c r="J38489" s="8">
        <v>17596577</v>
      </c>
      <c r="K38489" s="9"/>
      <c r="L38489" s="6"/>
    </row>
    <row r="38490" spans="1:12">
      <c r="A38490" s="6" t="s">
        <v>26284</v>
      </c>
      <c r="B38490" s="6" t="s">
        <v>26284</v>
      </c>
      <c r="C38490" s="6" t="s">
        <v>32230</v>
      </c>
      <c r="D38490" s="6" t="s">
        <v>37926</v>
      </c>
      <c r="E38490" s="6" t="s">
        <v>9</v>
      </c>
      <c r="F38490" s="7">
        <v>43881</v>
      </c>
      <c r="G38490" s="8">
        <v>30064840</v>
      </c>
      <c r="H38490" s="8">
        <v>27058356</v>
      </c>
      <c r="I38490" s="8">
        <v>6012968</v>
      </c>
      <c r="J38490" s="8">
        <v>24051872</v>
      </c>
      <c r="K38490" s="9"/>
      <c r="L38490" s="6"/>
    </row>
    <row r="38491" spans="1:12">
      <c r="A38491" s="6" t="s">
        <v>26284</v>
      </c>
      <c r="B38491" s="6" t="s">
        <v>26284</v>
      </c>
      <c r="C38491" s="6" t="s">
        <v>32230</v>
      </c>
      <c r="D38491" s="6" t="s">
        <v>37926</v>
      </c>
      <c r="E38491" s="6" t="s">
        <v>9</v>
      </c>
      <c r="F38491" s="7">
        <v>43921</v>
      </c>
      <c r="G38491" s="8">
        <v>3113000</v>
      </c>
      <c r="H38491" s="8">
        <v>3050740</v>
      </c>
      <c r="I38491" s="8">
        <v>124520</v>
      </c>
      <c r="J38491" s="8">
        <v>2988480</v>
      </c>
      <c r="K38491" s="9"/>
      <c r="L38491" s="6"/>
    </row>
    <row r="38492" spans="1:12">
      <c r="A38492" s="6" t="s">
        <v>26284</v>
      </c>
      <c r="B38492" s="6" t="s">
        <v>26284</v>
      </c>
      <c r="C38492" s="6" t="s">
        <v>32230</v>
      </c>
      <c r="D38492" s="6" t="s">
        <v>37926</v>
      </c>
      <c r="E38492" s="6" t="s">
        <v>9</v>
      </c>
      <c r="F38492" s="7">
        <v>31121</v>
      </c>
      <c r="G38492" s="8">
        <v>129465000</v>
      </c>
      <c r="H38492" s="8">
        <v>36250200</v>
      </c>
      <c r="I38492" s="8">
        <v>95804100</v>
      </c>
      <c r="J38492" s="8">
        <v>33660900</v>
      </c>
      <c r="K38492" s="9">
        <v>719.25</v>
      </c>
      <c r="L38492" s="6"/>
    </row>
    <row r="38493" spans="1:12">
      <c r="A38493" s="6" t="s">
        <v>26284</v>
      </c>
      <c r="B38493" s="6" t="s">
        <v>26284</v>
      </c>
      <c r="C38493" s="6" t="s">
        <v>32230</v>
      </c>
      <c r="D38493" s="6" t="s">
        <v>37926</v>
      </c>
      <c r="E38493" s="6" t="s">
        <v>9</v>
      </c>
      <c r="F38493" s="7">
        <v>42622</v>
      </c>
      <c r="G38493" s="8">
        <v>6223109</v>
      </c>
      <c r="H38493" s="8">
        <v>4555317</v>
      </c>
      <c r="I38493" s="8">
        <v>2084740</v>
      </c>
      <c r="J38493" s="8">
        <v>4138369</v>
      </c>
      <c r="K38493" s="9"/>
      <c r="L38493" s="6"/>
    </row>
    <row r="38494" spans="1:12">
      <c r="A38494" s="6" t="s">
        <v>26284</v>
      </c>
      <c r="B38494" s="6" t="s">
        <v>26284</v>
      </c>
      <c r="C38494" s="6" t="s">
        <v>32230</v>
      </c>
      <c r="D38494" s="6" t="s">
        <v>37926</v>
      </c>
      <c r="E38494" s="6" t="s">
        <v>9</v>
      </c>
      <c r="F38494" s="7">
        <v>42622</v>
      </c>
      <c r="G38494" s="8">
        <v>6430739</v>
      </c>
      <c r="H38494" s="8">
        <v>4707303</v>
      </c>
      <c r="I38494" s="8">
        <v>2154295</v>
      </c>
      <c r="J38494" s="8">
        <v>4276444</v>
      </c>
      <c r="K38494" s="9"/>
      <c r="L38494" s="6"/>
    </row>
    <row r="38495" spans="1:12">
      <c r="A38495" s="6" t="s">
        <v>26284</v>
      </c>
      <c r="B38495" s="6" t="s">
        <v>26284</v>
      </c>
      <c r="C38495" s="6" t="s">
        <v>32230</v>
      </c>
      <c r="D38495" s="6" t="s">
        <v>37926</v>
      </c>
      <c r="E38495" s="6" t="s">
        <v>9</v>
      </c>
      <c r="F38495" s="7">
        <v>43190</v>
      </c>
      <c r="G38495" s="8">
        <v>91800</v>
      </c>
      <c r="H38495" s="8">
        <v>76380</v>
      </c>
      <c r="I38495" s="8">
        <v>20560</v>
      </c>
      <c r="J38495" s="8">
        <v>71240</v>
      </c>
      <c r="K38495" s="9"/>
      <c r="L38495" s="6"/>
    </row>
    <row r="38496" spans="1:12">
      <c r="A38496" s="6" t="s">
        <v>37927</v>
      </c>
      <c r="B38496" s="6"/>
      <c r="C38496" s="6"/>
      <c r="D38496" s="6"/>
      <c r="E38496" s="6"/>
      <c r="F38496" s="7">
        <v>40431</v>
      </c>
      <c r="G38496" s="8">
        <v>5260500</v>
      </c>
      <c r="H38496" s="8">
        <v>1735970</v>
      </c>
      <c r="I38496" s="8">
        <v>3524530</v>
      </c>
      <c r="J38496" s="8">
        <v>1735970</v>
      </c>
      <c r="K38496" s="9">
        <v>0</v>
      </c>
      <c r="L38496" s="6"/>
    </row>
    <row r="38497" spans="1:12">
      <c r="A38497" s="6" t="s">
        <v>37927</v>
      </c>
      <c r="B38497" s="6"/>
      <c r="C38497" s="6"/>
      <c r="D38497" s="6"/>
      <c r="E38497" s="6"/>
      <c r="F38497" s="7">
        <v>40429</v>
      </c>
      <c r="G38497" s="8">
        <v>1199100</v>
      </c>
      <c r="H38497" s="8">
        <v>395710</v>
      </c>
      <c r="I38497" s="8">
        <v>803390</v>
      </c>
      <c r="J38497" s="8">
        <v>395710</v>
      </c>
      <c r="K38497" s="9">
        <v>0</v>
      </c>
      <c r="L38497" s="6"/>
    </row>
    <row r="38498" spans="1:12">
      <c r="A38498" s="6" t="s">
        <v>37927</v>
      </c>
      <c r="B38498" s="6"/>
      <c r="C38498" s="6"/>
      <c r="D38498" s="6"/>
      <c r="E38498" s="6"/>
      <c r="F38498" s="7">
        <v>41598</v>
      </c>
      <c r="G38498" s="8">
        <v>1298850</v>
      </c>
      <c r="H38498" s="8">
        <v>689696</v>
      </c>
      <c r="I38498" s="8">
        <v>609154</v>
      </c>
      <c r="J38498" s="8">
        <v>689696</v>
      </c>
      <c r="K38498" s="9">
        <v>0</v>
      </c>
      <c r="L38498" s="6"/>
    </row>
    <row r="38499" spans="1:12">
      <c r="A38499" s="6" t="s">
        <v>26321</v>
      </c>
      <c r="B38499" s="6" t="s">
        <v>37928</v>
      </c>
      <c r="C38499" s="6" t="s">
        <v>32230</v>
      </c>
      <c r="D38499" s="6" t="s">
        <v>37929</v>
      </c>
      <c r="E38499" s="6" t="s">
        <v>9</v>
      </c>
      <c r="F38499" s="7">
        <v>35490</v>
      </c>
      <c r="G38499" s="8">
        <v>41715000</v>
      </c>
      <c r="H38499" s="8">
        <v>19689480</v>
      </c>
      <c r="I38499" s="8">
        <v>22943250</v>
      </c>
      <c r="J38499" s="8">
        <v>18771750</v>
      </c>
      <c r="K38499" s="9">
        <v>309</v>
      </c>
      <c r="L38499" s="6"/>
    </row>
    <row r="38500" spans="1:12">
      <c r="A38500" s="6" t="s">
        <v>26321</v>
      </c>
      <c r="B38500" s="6" t="s">
        <v>37930</v>
      </c>
      <c r="C38500" s="6" t="s">
        <v>32230</v>
      </c>
      <c r="D38500" s="6" t="s">
        <v>37929</v>
      </c>
      <c r="E38500" s="6" t="s">
        <v>9</v>
      </c>
      <c r="F38500" s="7">
        <v>35490</v>
      </c>
      <c r="G38500" s="8">
        <v>227340000</v>
      </c>
      <c r="H38500" s="8">
        <v>107304480</v>
      </c>
      <c r="I38500" s="8">
        <v>125037000</v>
      </c>
      <c r="J38500" s="8">
        <v>102303000</v>
      </c>
      <c r="K38500" s="9">
        <v>1684</v>
      </c>
      <c r="L38500" s="6"/>
    </row>
    <row r="38501" spans="1:12">
      <c r="A38501" s="6" t="s">
        <v>26321</v>
      </c>
      <c r="B38501" s="6" t="s">
        <v>37930</v>
      </c>
      <c r="C38501" s="6" t="s">
        <v>32230</v>
      </c>
      <c r="D38501" s="6" t="s">
        <v>37929</v>
      </c>
      <c r="E38501" s="6" t="s">
        <v>9</v>
      </c>
      <c r="F38501" s="7">
        <v>41718</v>
      </c>
      <c r="G38501" s="8">
        <v>3744225</v>
      </c>
      <c r="H38501" s="8">
        <v>3167621</v>
      </c>
      <c r="I38501" s="8">
        <v>658976</v>
      </c>
      <c r="J38501" s="8">
        <v>3085249</v>
      </c>
      <c r="K38501" s="9"/>
      <c r="L38501" s="6"/>
    </row>
    <row r="38502" spans="1:12">
      <c r="A38502" s="6" t="s">
        <v>26321</v>
      </c>
      <c r="B38502" s="6" t="s">
        <v>37930</v>
      </c>
      <c r="C38502" s="6" t="s">
        <v>32230</v>
      </c>
      <c r="D38502" s="6" t="s">
        <v>37929</v>
      </c>
      <c r="E38502" s="6" t="s">
        <v>9</v>
      </c>
      <c r="F38502" s="7">
        <v>41912</v>
      </c>
      <c r="G38502" s="8">
        <v>93744000</v>
      </c>
      <c r="H38502" s="8">
        <v>81369792</v>
      </c>
      <c r="I38502" s="8">
        <v>14436575</v>
      </c>
      <c r="J38502" s="8">
        <v>79307425</v>
      </c>
      <c r="K38502" s="9"/>
      <c r="L38502" s="6"/>
    </row>
    <row r="38503" spans="1:12">
      <c r="A38503" s="6" t="s">
        <v>26321</v>
      </c>
      <c r="B38503" s="6" t="s">
        <v>37931</v>
      </c>
      <c r="C38503" s="6" t="s">
        <v>32230</v>
      </c>
      <c r="D38503" s="6" t="s">
        <v>37929</v>
      </c>
      <c r="E38503" s="6" t="s">
        <v>9</v>
      </c>
      <c r="F38503" s="7">
        <v>35490</v>
      </c>
      <c r="G38503" s="8">
        <v>48560000</v>
      </c>
      <c r="H38503" s="8">
        <v>13596800</v>
      </c>
      <c r="I38503" s="8">
        <v>36420000</v>
      </c>
      <c r="J38503" s="8">
        <v>12140000</v>
      </c>
      <c r="K38503" s="9">
        <v>607</v>
      </c>
      <c r="L38503" s="6"/>
    </row>
    <row r="38504" spans="1:12">
      <c r="A38504" s="6" t="s">
        <v>26321</v>
      </c>
      <c r="B38504" s="6" t="s">
        <v>37932</v>
      </c>
      <c r="C38504" s="6" t="s">
        <v>32230</v>
      </c>
      <c r="D38504" s="6" t="s">
        <v>37929</v>
      </c>
      <c r="E38504" s="6" t="s">
        <v>9</v>
      </c>
      <c r="F38504" s="7">
        <v>28672</v>
      </c>
      <c r="G38504" s="8">
        <v>1680000</v>
      </c>
      <c r="H38504" s="8">
        <v>1</v>
      </c>
      <c r="I38504" s="8">
        <v>1679999</v>
      </c>
      <c r="J38504" s="8">
        <v>1</v>
      </c>
      <c r="K38504" s="9">
        <v>28</v>
      </c>
      <c r="L38504" s="6"/>
    </row>
    <row r="38505" spans="1:12">
      <c r="A38505" s="6" t="s">
        <v>26321</v>
      </c>
      <c r="B38505" s="6" t="s">
        <v>37933</v>
      </c>
      <c r="C38505" s="6" t="s">
        <v>32230</v>
      </c>
      <c r="D38505" s="6" t="s">
        <v>37929</v>
      </c>
      <c r="E38505" s="6" t="s">
        <v>9</v>
      </c>
      <c r="F38505" s="7">
        <v>40284</v>
      </c>
      <c r="G38505" s="8">
        <v>6652800</v>
      </c>
      <c r="H38505" s="8">
        <v>1</v>
      </c>
      <c r="I38505" s="8">
        <v>6652799</v>
      </c>
      <c r="J38505" s="8">
        <v>1</v>
      </c>
      <c r="K38505" s="9"/>
      <c r="L38505" s="6"/>
    </row>
    <row r="38506" spans="1:12">
      <c r="A38506" s="6" t="s">
        <v>26321</v>
      </c>
      <c r="B38506" s="6" t="s">
        <v>37933</v>
      </c>
      <c r="C38506" s="6" t="s">
        <v>32230</v>
      </c>
      <c r="D38506" s="6" t="s">
        <v>37929</v>
      </c>
      <c r="E38506" s="6" t="s">
        <v>9</v>
      </c>
      <c r="F38506" s="7">
        <v>28185</v>
      </c>
      <c r="G38506" s="8">
        <v>336690000</v>
      </c>
      <c r="H38506" s="8">
        <v>10774080</v>
      </c>
      <c r="I38506" s="8">
        <v>333323100</v>
      </c>
      <c r="J38506" s="8">
        <v>3366900</v>
      </c>
      <c r="K38506" s="9">
        <v>2494</v>
      </c>
      <c r="L38506" s="6"/>
    </row>
    <row r="38507" spans="1:12">
      <c r="A38507" s="6" t="s">
        <v>26321</v>
      </c>
      <c r="B38507" s="6" t="s">
        <v>37933</v>
      </c>
      <c r="C38507" s="6" t="s">
        <v>32230</v>
      </c>
      <c r="D38507" s="6" t="s">
        <v>37929</v>
      </c>
      <c r="E38507" s="6" t="s">
        <v>9</v>
      </c>
      <c r="F38507" s="7">
        <v>41663</v>
      </c>
      <c r="G38507" s="8">
        <v>35652011</v>
      </c>
      <c r="H38507" s="8">
        <v>18931223</v>
      </c>
      <c r="I38507" s="8">
        <v>19109472</v>
      </c>
      <c r="J38507" s="8">
        <v>16542539</v>
      </c>
      <c r="K38507" s="9"/>
      <c r="L38507" s="6"/>
    </row>
    <row r="38508" spans="1:12">
      <c r="A38508" s="6" t="s">
        <v>26321</v>
      </c>
      <c r="B38508" s="6" t="s">
        <v>37933</v>
      </c>
      <c r="C38508" s="6" t="s">
        <v>32230</v>
      </c>
      <c r="D38508" s="6" t="s">
        <v>37929</v>
      </c>
      <c r="E38508" s="6" t="s">
        <v>9</v>
      </c>
      <c r="F38508" s="7">
        <v>43784</v>
      </c>
      <c r="G38508" s="8">
        <v>216000</v>
      </c>
      <c r="H38508" s="8">
        <v>201528</v>
      </c>
      <c r="I38508" s="8">
        <v>28944</v>
      </c>
      <c r="J38508" s="8">
        <v>187056</v>
      </c>
      <c r="K38508" s="9"/>
      <c r="L38508" s="6"/>
    </row>
    <row r="38509" spans="1:12">
      <c r="A38509" s="6" t="s">
        <v>26321</v>
      </c>
      <c r="B38509" s="6" t="s">
        <v>37933</v>
      </c>
      <c r="C38509" s="6" t="s">
        <v>32230</v>
      </c>
      <c r="D38509" s="6" t="s">
        <v>37929</v>
      </c>
      <c r="E38509" s="6" t="s">
        <v>9</v>
      </c>
      <c r="F38509" s="7">
        <v>41663</v>
      </c>
      <c r="G38509" s="8">
        <v>53442857</v>
      </c>
      <c r="H38509" s="8">
        <v>28378160</v>
      </c>
      <c r="I38509" s="8">
        <v>28645368</v>
      </c>
      <c r="J38509" s="8">
        <v>24797489</v>
      </c>
      <c r="K38509" s="9"/>
      <c r="L38509" s="6"/>
    </row>
    <row r="38510" spans="1:12">
      <c r="A38510" s="6" t="s">
        <v>26321</v>
      </c>
      <c r="B38510" s="6" t="s">
        <v>37933</v>
      </c>
      <c r="C38510" s="6" t="s">
        <v>32230</v>
      </c>
      <c r="D38510" s="6" t="s">
        <v>37929</v>
      </c>
      <c r="E38510" s="6" t="s">
        <v>9</v>
      </c>
      <c r="F38510" s="7">
        <v>41670</v>
      </c>
      <c r="G38510" s="8">
        <v>365661654</v>
      </c>
      <c r="H38510" s="8">
        <v>301305206</v>
      </c>
      <c r="I38510" s="8">
        <v>72401004</v>
      </c>
      <c r="J38510" s="8">
        <v>293260650</v>
      </c>
      <c r="K38510" s="9"/>
      <c r="L38510" s="6"/>
    </row>
    <row r="38511" spans="1:12">
      <c r="A38511" s="6" t="s">
        <v>26321</v>
      </c>
      <c r="B38511" s="6" t="s">
        <v>37933</v>
      </c>
      <c r="C38511" s="6" t="s">
        <v>32230</v>
      </c>
      <c r="D38511" s="6" t="s">
        <v>37929</v>
      </c>
      <c r="E38511" s="6" t="s">
        <v>9</v>
      </c>
      <c r="F38511" s="7">
        <v>41663</v>
      </c>
      <c r="G38511" s="8">
        <v>68913157</v>
      </c>
      <c r="H38511" s="8">
        <v>36592890</v>
      </c>
      <c r="I38511" s="8">
        <v>36937448</v>
      </c>
      <c r="J38511" s="8">
        <v>31975709</v>
      </c>
      <c r="K38511" s="9"/>
      <c r="L38511" s="6"/>
    </row>
    <row r="38512" spans="1:12">
      <c r="A38512" s="6" t="s">
        <v>26321</v>
      </c>
      <c r="B38512" s="6" t="s">
        <v>37934</v>
      </c>
      <c r="C38512" s="6" t="s">
        <v>32230</v>
      </c>
      <c r="D38512" s="6" t="s">
        <v>37929</v>
      </c>
      <c r="E38512" s="6" t="s">
        <v>9</v>
      </c>
      <c r="F38512" s="7">
        <v>41663</v>
      </c>
      <c r="G38512" s="8">
        <v>26357142</v>
      </c>
      <c r="H38512" s="8">
        <v>13995646</v>
      </c>
      <c r="I38512" s="8">
        <v>14127424</v>
      </c>
      <c r="J38512" s="8">
        <v>12229718</v>
      </c>
      <c r="K38512" s="9"/>
      <c r="L38512" s="6"/>
    </row>
    <row r="38513" spans="1:12">
      <c r="A38513" s="6" t="s">
        <v>26321</v>
      </c>
      <c r="B38513" s="6" t="s">
        <v>37934</v>
      </c>
      <c r="C38513" s="6" t="s">
        <v>32230</v>
      </c>
      <c r="D38513" s="6" t="s">
        <v>37929</v>
      </c>
      <c r="E38513" s="6" t="s">
        <v>9</v>
      </c>
      <c r="F38513" s="7">
        <v>41670</v>
      </c>
      <c r="G38513" s="8">
        <v>180338346</v>
      </c>
      <c r="H38513" s="8">
        <v>148598802</v>
      </c>
      <c r="I38513" s="8">
        <v>35706987</v>
      </c>
      <c r="J38513" s="8">
        <v>144631359</v>
      </c>
      <c r="K38513" s="9"/>
      <c r="L38513" s="6"/>
    </row>
    <row r="38514" spans="1:12">
      <c r="A38514" s="6" t="s">
        <v>26321</v>
      </c>
      <c r="B38514" s="6" t="s">
        <v>37934</v>
      </c>
      <c r="C38514" s="6" t="s">
        <v>32230</v>
      </c>
      <c r="D38514" s="6" t="s">
        <v>37929</v>
      </c>
      <c r="E38514" s="6" t="s">
        <v>9</v>
      </c>
      <c r="F38514" s="7">
        <v>41663</v>
      </c>
      <c r="G38514" s="8">
        <v>33986842</v>
      </c>
      <c r="H38514" s="8">
        <v>18047016</v>
      </c>
      <c r="I38514" s="8">
        <v>18216944</v>
      </c>
      <c r="J38514" s="8">
        <v>15769898</v>
      </c>
      <c r="K38514" s="9"/>
      <c r="L38514" s="6"/>
    </row>
    <row r="38515" spans="1:12">
      <c r="A38515" s="6" t="s">
        <v>26321</v>
      </c>
      <c r="B38515" s="6" t="s">
        <v>37934</v>
      </c>
      <c r="C38515" s="6" t="s">
        <v>32230</v>
      </c>
      <c r="D38515" s="6" t="s">
        <v>37929</v>
      </c>
      <c r="E38515" s="6" t="s">
        <v>9</v>
      </c>
      <c r="F38515" s="7">
        <v>30376</v>
      </c>
      <c r="G38515" s="8">
        <v>166050000</v>
      </c>
      <c r="H38515" s="8">
        <v>27232200</v>
      </c>
      <c r="I38515" s="8">
        <v>142470900</v>
      </c>
      <c r="J38515" s="8">
        <v>23579100</v>
      </c>
      <c r="K38515" s="9">
        <v>1230</v>
      </c>
      <c r="L38515" s="6"/>
    </row>
    <row r="38516" spans="1:12">
      <c r="A38516" s="6" t="s">
        <v>26321</v>
      </c>
      <c r="B38516" s="6" t="s">
        <v>37934</v>
      </c>
      <c r="C38516" s="6" t="s">
        <v>32230</v>
      </c>
      <c r="D38516" s="6" t="s">
        <v>37929</v>
      </c>
      <c r="E38516" s="6" t="s">
        <v>9</v>
      </c>
      <c r="F38516" s="7">
        <v>41663</v>
      </c>
      <c r="G38516" s="8">
        <v>17582988</v>
      </c>
      <c r="H38516" s="8">
        <v>9336568</v>
      </c>
      <c r="I38516" s="8">
        <v>9424480</v>
      </c>
      <c r="J38516" s="8">
        <v>8158508</v>
      </c>
      <c r="K38516" s="9"/>
      <c r="L38516" s="6"/>
    </row>
    <row r="38517" spans="1:12">
      <c r="A38517" s="6" t="s">
        <v>26321</v>
      </c>
      <c r="B38517" s="6" t="s">
        <v>37935</v>
      </c>
      <c r="C38517" s="6" t="s">
        <v>32230</v>
      </c>
      <c r="D38517" s="6" t="s">
        <v>37929</v>
      </c>
      <c r="E38517" s="6" t="s">
        <v>9</v>
      </c>
      <c r="F38517" s="7">
        <v>41358</v>
      </c>
      <c r="G38517" s="8">
        <v>41895000</v>
      </c>
      <c r="H38517" s="8">
        <v>19439280</v>
      </c>
      <c r="I38517" s="8">
        <v>25262685</v>
      </c>
      <c r="J38517" s="8">
        <v>16632315</v>
      </c>
      <c r="K38517" s="9"/>
      <c r="L38517" s="6"/>
    </row>
    <row r="38518" spans="1:12">
      <c r="A38518" s="6" t="s">
        <v>26321</v>
      </c>
      <c r="B38518" s="6" t="s">
        <v>37935</v>
      </c>
      <c r="C38518" s="6" t="s">
        <v>32230</v>
      </c>
      <c r="D38518" s="6" t="s">
        <v>37929</v>
      </c>
      <c r="E38518" s="6" t="s">
        <v>9</v>
      </c>
      <c r="F38518" s="7">
        <v>41358</v>
      </c>
      <c r="G38518" s="8">
        <v>64260000</v>
      </c>
      <c r="H38518" s="8">
        <v>29816640</v>
      </c>
      <c r="I38518" s="8">
        <v>38748780</v>
      </c>
      <c r="J38518" s="8">
        <v>25511220</v>
      </c>
      <c r="K38518" s="9"/>
      <c r="L38518" s="6"/>
    </row>
    <row r="38519" spans="1:12">
      <c r="A38519" s="6" t="s">
        <v>26321</v>
      </c>
      <c r="B38519" s="6" t="s">
        <v>37935</v>
      </c>
      <c r="C38519" s="6" t="s">
        <v>32230</v>
      </c>
      <c r="D38519" s="6" t="s">
        <v>37929</v>
      </c>
      <c r="E38519" s="6" t="s">
        <v>9</v>
      </c>
      <c r="F38519" s="7">
        <v>41358</v>
      </c>
      <c r="G38519" s="8">
        <v>64690500</v>
      </c>
      <c r="H38519" s="8">
        <v>30016396</v>
      </c>
      <c r="I38519" s="8">
        <v>39008367</v>
      </c>
      <c r="J38519" s="8">
        <v>25682133</v>
      </c>
      <c r="K38519" s="9"/>
      <c r="L38519" s="6"/>
    </row>
    <row r="38520" spans="1:12">
      <c r="A38520" s="6" t="s">
        <v>26321</v>
      </c>
      <c r="B38520" s="6" t="s">
        <v>37935</v>
      </c>
      <c r="C38520" s="6" t="s">
        <v>32230</v>
      </c>
      <c r="D38520" s="6" t="s">
        <v>37929</v>
      </c>
      <c r="E38520" s="6" t="s">
        <v>9</v>
      </c>
      <c r="F38520" s="7">
        <v>43555</v>
      </c>
      <c r="G38520" s="8">
        <v>3787200</v>
      </c>
      <c r="H38520" s="8">
        <v>3279716</v>
      </c>
      <c r="I38520" s="8">
        <v>761226</v>
      </c>
      <c r="J38520" s="8">
        <v>3025974</v>
      </c>
      <c r="K38520" s="9"/>
      <c r="L38520" s="6"/>
    </row>
    <row r="38521" spans="1:12">
      <c r="A38521" s="6" t="s">
        <v>26321</v>
      </c>
      <c r="B38521" s="6" t="s">
        <v>37935</v>
      </c>
      <c r="C38521" s="6" t="s">
        <v>32230</v>
      </c>
      <c r="D38521" s="6" t="s">
        <v>37929</v>
      </c>
      <c r="E38521" s="6" t="s">
        <v>9</v>
      </c>
      <c r="F38521" s="7">
        <v>41358</v>
      </c>
      <c r="G38521" s="8">
        <v>17923500</v>
      </c>
      <c r="H38521" s="8">
        <v>3584700</v>
      </c>
      <c r="I38521" s="8">
        <v>16131150</v>
      </c>
      <c r="J38521" s="8">
        <v>1792350</v>
      </c>
      <c r="K38521" s="9"/>
      <c r="L38521" s="6"/>
    </row>
    <row r="38522" spans="1:12">
      <c r="A38522" s="6" t="s">
        <v>26321</v>
      </c>
      <c r="B38522" s="6" t="s">
        <v>37935</v>
      </c>
      <c r="C38522" s="6" t="s">
        <v>32230</v>
      </c>
      <c r="D38522" s="6" t="s">
        <v>37929</v>
      </c>
      <c r="E38522" s="6" t="s">
        <v>9</v>
      </c>
      <c r="F38522" s="7">
        <v>41360</v>
      </c>
      <c r="G38522" s="8">
        <v>2289000</v>
      </c>
      <c r="H38522" s="8">
        <v>457800</v>
      </c>
      <c r="I38522" s="8">
        <v>2060100</v>
      </c>
      <c r="J38522" s="8">
        <v>228900</v>
      </c>
      <c r="K38522" s="9"/>
      <c r="L38522" s="6"/>
    </row>
    <row r="38523" spans="1:12">
      <c r="A38523" s="6" t="s">
        <v>26321</v>
      </c>
      <c r="B38523" s="6" t="s">
        <v>37935</v>
      </c>
      <c r="C38523" s="6" t="s">
        <v>32230</v>
      </c>
      <c r="D38523" s="6" t="s">
        <v>37929</v>
      </c>
      <c r="E38523" s="6" t="s">
        <v>9</v>
      </c>
      <c r="F38523" s="7">
        <v>41358</v>
      </c>
      <c r="G38523" s="8">
        <v>929890500</v>
      </c>
      <c r="H38523" s="8">
        <v>766229772</v>
      </c>
      <c r="I38523" s="8">
        <v>184118319</v>
      </c>
      <c r="J38523" s="8">
        <v>745772181</v>
      </c>
      <c r="K38523" s="9">
        <v>3589</v>
      </c>
      <c r="L38523" s="6"/>
    </row>
    <row r="38524" spans="1:12">
      <c r="A38524" s="6" t="s">
        <v>26321</v>
      </c>
      <c r="B38524" s="6" t="s">
        <v>37936</v>
      </c>
      <c r="C38524" s="6" t="s">
        <v>32230</v>
      </c>
      <c r="D38524" s="6" t="s">
        <v>37929</v>
      </c>
      <c r="E38524" s="6" t="s">
        <v>9</v>
      </c>
      <c r="F38524" s="7">
        <v>42024</v>
      </c>
      <c r="G38524" s="8">
        <v>15930000</v>
      </c>
      <c r="H38524" s="8">
        <v>10577520</v>
      </c>
      <c r="I38524" s="8">
        <v>6244560</v>
      </c>
      <c r="J38524" s="8">
        <v>9685440</v>
      </c>
      <c r="K38524" s="9"/>
      <c r="L38524" s="6"/>
    </row>
    <row r="38525" spans="1:12">
      <c r="A38525" s="6" t="s">
        <v>26321</v>
      </c>
      <c r="B38525" s="6" t="s">
        <v>37936</v>
      </c>
      <c r="C38525" s="6" t="s">
        <v>32230</v>
      </c>
      <c r="D38525" s="6" t="s">
        <v>37929</v>
      </c>
      <c r="E38525" s="6" t="s">
        <v>9</v>
      </c>
      <c r="F38525" s="7">
        <v>42024</v>
      </c>
      <c r="G38525" s="8">
        <v>3088800</v>
      </c>
      <c r="H38525" s="8">
        <v>1847106</v>
      </c>
      <c r="I38525" s="8">
        <v>1448643</v>
      </c>
      <c r="J38525" s="8">
        <v>1640157</v>
      </c>
      <c r="K38525" s="9"/>
      <c r="L38525" s="6"/>
    </row>
    <row r="38526" spans="1:12">
      <c r="A38526" s="6" t="s">
        <v>26321</v>
      </c>
      <c r="B38526" s="6" t="s">
        <v>37936</v>
      </c>
      <c r="C38526" s="6" t="s">
        <v>32230</v>
      </c>
      <c r="D38526" s="6" t="s">
        <v>37929</v>
      </c>
      <c r="E38526" s="6" t="s">
        <v>9</v>
      </c>
      <c r="F38526" s="7">
        <v>42064</v>
      </c>
      <c r="G38526" s="8">
        <v>6820000</v>
      </c>
      <c r="H38526" s="8">
        <v>5919760</v>
      </c>
      <c r="I38526" s="8">
        <v>1050280</v>
      </c>
      <c r="J38526" s="8">
        <v>5769720</v>
      </c>
      <c r="K38526" s="9">
        <v>44</v>
      </c>
      <c r="L38526" s="6"/>
    </row>
    <row r="38527" spans="1:12">
      <c r="A38527" s="6" t="s">
        <v>26321</v>
      </c>
      <c r="B38527" s="6" t="s">
        <v>37937</v>
      </c>
      <c r="C38527" s="6" t="s">
        <v>32230</v>
      </c>
      <c r="D38527" s="6" t="s">
        <v>37929</v>
      </c>
      <c r="E38527" s="6" t="s">
        <v>9</v>
      </c>
      <c r="F38527" s="7">
        <v>41358</v>
      </c>
      <c r="G38527" s="8">
        <v>86278500</v>
      </c>
      <c r="H38527" s="8">
        <v>71093484</v>
      </c>
      <c r="I38527" s="8">
        <v>17083143</v>
      </c>
      <c r="J38527" s="8">
        <v>69195357</v>
      </c>
      <c r="K38527" s="9">
        <v>333</v>
      </c>
      <c r="L38527" s="6"/>
    </row>
    <row r="38528" spans="1:12">
      <c r="A38528" s="20" t="s">
        <v>39171</v>
      </c>
      <c r="B38528" s="20" t="s">
        <v>39171</v>
      </c>
      <c r="C38528" s="6" t="s">
        <v>32230</v>
      </c>
      <c r="D38528" s="6" t="s">
        <v>37938</v>
      </c>
      <c r="E38528" s="6" t="s">
        <v>9</v>
      </c>
      <c r="F38528" s="7">
        <v>30761</v>
      </c>
      <c r="G38528" s="8">
        <v>87299100</v>
      </c>
      <c r="H38528" s="8">
        <v>16237640</v>
      </c>
      <c r="I38528" s="8">
        <v>72982040</v>
      </c>
      <c r="J38528" s="8">
        <v>14317060</v>
      </c>
      <c r="K38528" s="9">
        <v>646.66</v>
      </c>
      <c r="L38528" s="6"/>
    </row>
    <row r="38529" spans="1:12">
      <c r="A38529" s="6" t="s">
        <v>26346</v>
      </c>
      <c r="B38529" s="6" t="s">
        <v>37939</v>
      </c>
      <c r="C38529" s="6" t="s">
        <v>32230</v>
      </c>
      <c r="D38529" s="6" t="s">
        <v>37940</v>
      </c>
      <c r="E38529" s="6" t="s">
        <v>9</v>
      </c>
      <c r="F38529" s="7">
        <v>32478</v>
      </c>
      <c r="G38529" s="8">
        <v>7380000</v>
      </c>
      <c r="H38529" s="8">
        <v>1</v>
      </c>
      <c r="I38529" s="8">
        <v>7379999</v>
      </c>
      <c r="J38529" s="8">
        <v>1</v>
      </c>
      <c r="K38529" s="9">
        <v>123</v>
      </c>
      <c r="L38529" s="6"/>
    </row>
    <row r="38530" spans="1:12">
      <c r="A38530" s="6" t="s">
        <v>26346</v>
      </c>
      <c r="B38530" s="6" t="s">
        <v>37941</v>
      </c>
      <c r="C38530" s="6" t="s">
        <v>32230</v>
      </c>
      <c r="D38530" s="6" t="s">
        <v>37940</v>
      </c>
      <c r="E38530" s="6" t="s">
        <v>9</v>
      </c>
      <c r="F38530" s="7">
        <v>32478</v>
      </c>
      <c r="G38530" s="8">
        <v>5520000</v>
      </c>
      <c r="H38530" s="8">
        <v>1</v>
      </c>
      <c r="I38530" s="8">
        <v>5519999</v>
      </c>
      <c r="J38530" s="8">
        <v>1</v>
      </c>
      <c r="K38530" s="9">
        <v>92</v>
      </c>
      <c r="L38530" s="6"/>
    </row>
    <row r="38531" spans="1:12">
      <c r="A38531" s="6" t="s">
        <v>26346</v>
      </c>
      <c r="B38531" s="6" t="s">
        <v>37942</v>
      </c>
      <c r="C38531" s="6" t="s">
        <v>32230</v>
      </c>
      <c r="D38531" s="6" t="s">
        <v>37940</v>
      </c>
      <c r="E38531" s="6" t="s">
        <v>9</v>
      </c>
      <c r="F38531" s="7">
        <v>32478</v>
      </c>
      <c r="G38531" s="8">
        <v>3096000</v>
      </c>
      <c r="H38531" s="8">
        <v>1</v>
      </c>
      <c r="I38531" s="8">
        <v>3095999</v>
      </c>
      <c r="J38531" s="8">
        <v>1</v>
      </c>
      <c r="K38531" s="9">
        <v>51.6</v>
      </c>
      <c r="L38531" s="6"/>
    </row>
    <row r="38532" spans="1:12">
      <c r="A38532" s="6" t="s">
        <v>26364</v>
      </c>
      <c r="B38532" s="6" t="s">
        <v>37943</v>
      </c>
      <c r="C38532" s="6" t="s">
        <v>32230</v>
      </c>
      <c r="D38532" s="6" t="s">
        <v>37777</v>
      </c>
      <c r="E38532" s="6" t="s">
        <v>9</v>
      </c>
      <c r="F38532" s="7">
        <v>37712</v>
      </c>
      <c r="G38532" s="8">
        <v>5580000</v>
      </c>
      <c r="H38532" s="8">
        <v>3018780</v>
      </c>
      <c r="I38532" s="8">
        <v>2711880</v>
      </c>
      <c r="J38532" s="8">
        <v>2868120</v>
      </c>
      <c r="K38532" s="9">
        <v>36</v>
      </c>
      <c r="L38532" s="6"/>
    </row>
    <row r="38533" spans="1:12">
      <c r="A38533" s="6" t="s">
        <v>26364</v>
      </c>
      <c r="B38533" s="6" t="s">
        <v>37944</v>
      </c>
      <c r="C38533" s="6" t="s">
        <v>32230</v>
      </c>
      <c r="D38533" s="6" t="s">
        <v>37777</v>
      </c>
      <c r="E38533" s="6" t="s">
        <v>9</v>
      </c>
      <c r="F38533" s="7">
        <v>37712</v>
      </c>
      <c r="G38533" s="8">
        <v>2803950</v>
      </c>
      <c r="H38533" s="8">
        <v>1516948</v>
      </c>
      <c r="I38533" s="8">
        <v>1362708</v>
      </c>
      <c r="J38533" s="8">
        <v>1441242</v>
      </c>
      <c r="K38533" s="9">
        <v>18.09</v>
      </c>
      <c r="L38533" s="6"/>
    </row>
    <row r="38534" spans="1:12">
      <c r="A38534" s="6" t="s">
        <v>26364</v>
      </c>
      <c r="B38534" s="6" t="s">
        <v>37945</v>
      </c>
      <c r="C38534" s="6" t="s">
        <v>32230</v>
      </c>
      <c r="D38534" s="6" t="s">
        <v>37777</v>
      </c>
      <c r="E38534" s="6" t="s">
        <v>9</v>
      </c>
      <c r="F38534" s="7">
        <v>37712</v>
      </c>
      <c r="G38534" s="8">
        <v>453600</v>
      </c>
      <c r="H38534" s="8">
        <v>199144</v>
      </c>
      <c r="I38534" s="8">
        <v>269424</v>
      </c>
      <c r="J38534" s="8">
        <v>184176</v>
      </c>
      <c r="K38534" s="9">
        <v>7.56</v>
      </c>
      <c r="L38534" s="6"/>
    </row>
    <row r="38535" spans="1:12">
      <c r="A38535" s="6" t="s">
        <v>26406</v>
      </c>
      <c r="B38535" s="6" t="s">
        <v>37946</v>
      </c>
      <c r="C38535" s="6" t="s">
        <v>32230</v>
      </c>
      <c r="D38535" s="6" t="s">
        <v>37947</v>
      </c>
      <c r="E38535" s="6" t="s">
        <v>9</v>
      </c>
      <c r="F38535" s="7">
        <v>33329</v>
      </c>
      <c r="G38535" s="8">
        <v>9610000</v>
      </c>
      <c r="H38535" s="8">
        <v>2085370</v>
      </c>
      <c r="I38535" s="8">
        <v>7784100</v>
      </c>
      <c r="J38535" s="8">
        <v>1825900</v>
      </c>
      <c r="K38535" s="9">
        <v>62</v>
      </c>
      <c r="L38535" s="6"/>
    </row>
    <row r="38536" spans="1:12">
      <c r="A38536" s="6" t="s">
        <v>26406</v>
      </c>
      <c r="B38536" s="6" t="s">
        <v>37948</v>
      </c>
      <c r="C38536" s="6" t="s">
        <v>32230</v>
      </c>
      <c r="D38536" s="6" t="s">
        <v>37947</v>
      </c>
      <c r="E38536" s="6" t="s">
        <v>9</v>
      </c>
      <c r="F38536" s="7">
        <v>33329</v>
      </c>
      <c r="G38536" s="8">
        <v>15035000</v>
      </c>
      <c r="H38536" s="8">
        <v>3262595</v>
      </c>
      <c r="I38536" s="8">
        <v>12178350</v>
      </c>
      <c r="J38536" s="8">
        <v>2856650</v>
      </c>
      <c r="K38536" s="9">
        <v>97</v>
      </c>
      <c r="L38536" s="6"/>
    </row>
    <row r="38537" spans="1:12">
      <c r="A38537" s="6" t="s">
        <v>26406</v>
      </c>
      <c r="B38537" s="6" t="s">
        <v>37949</v>
      </c>
      <c r="C38537" s="6" t="s">
        <v>32230</v>
      </c>
      <c r="D38537" s="6" t="s">
        <v>37947</v>
      </c>
      <c r="E38537" s="6" t="s">
        <v>9</v>
      </c>
      <c r="F38537" s="7">
        <v>35943</v>
      </c>
      <c r="G38537" s="8">
        <v>3720000</v>
      </c>
      <c r="H38537" s="8">
        <v>1510320</v>
      </c>
      <c r="I38537" s="8">
        <v>2310120</v>
      </c>
      <c r="J38537" s="8">
        <v>1409880</v>
      </c>
      <c r="K38537" s="9">
        <v>24</v>
      </c>
      <c r="L38537" s="6"/>
    </row>
    <row r="38538" spans="1:12">
      <c r="A38538" s="6" t="s">
        <v>26532</v>
      </c>
      <c r="B38538" s="6" t="s">
        <v>37950</v>
      </c>
      <c r="C38538" s="6" t="s">
        <v>32230</v>
      </c>
      <c r="D38538" s="6" t="s">
        <v>37951</v>
      </c>
      <c r="E38538" s="6" t="s">
        <v>9</v>
      </c>
      <c r="F38538" s="7">
        <v>4109</v>
      </c>
      <c r="G38538" s="8">
        <v>27227000</v>
      </c>
      <c r="H38538" s="8">
        <v>1</v>
      </c>
      <c r="I38538" s="8">
        <v>27226999</v>
      </c>
      <c r="J38538" s="8">
        <v>1</v>
      </c>
      <c r="K38538" s="9">
        <v>286.60000000000002</v>
      </c>
      <c r="L38538" s="6"/>
    </row>
    <row r="38539" spans="1:12">
      <c r="A38539" s="6" t="s">
        <v>26559</v>
      </c>
      <c r="B38539" s="6" t="s">
        <v>37952</v>
      </c>
      <c r="C38539" s="6" t="s">
        <v>32230</v>
      </c>
      <c r="D38539" s="6" t="s">
        <v>37953</v>
      </c>
      <c r="E38539" s="6" t="s">
        <v>9</v>
      </c>
      <c r="F38539" s="7">
        <v>33695</v>
      </c>
      <c r="G38539" s="8">
        <v>2240000</v>
      </c>
      <c r="H38539" s="8">
        <v>1</v>
      </c>
      <c r="I38539" s="8">
        <v>2239999</v>
      </c>
      <c r="J38539" s="8">
        <v>1</v>
      </c>
      <c r="K38539" s="9">
        <v>32</v>
      </c>
      <c r="L38539" s="6"/>
    </row>
    <row r="38540" spans="1:12">
      <c r="A38540" s="6" t="s">
        <v>26559</v>
      </c>
      <c r="B38540" s="6" t="s">
        <v>37954</v>
      </c>
      <c r="C38540" s="6" t="s">
        <v>32230</v>
      </c>
      <c r="D38540" s="6" t="s">
        <v>37953</v>
      </c>
      <c r="E38540" s="6" t="s">
        <v>9</v>
      </c>
      <c r="F38540" s="7">
        <v>43185</v>
      </c>
      <c r="G38540" s="8">
        <v>2160000</v>
      </c>
      <c r="H38540" s="8">
        <v>1725840</v>
      </c>
      <c r="I38540" s="8">
        <v>578880</v>
      </c>
      <c r="J38540" s="8">
        <v>1581120</v>
      </c>
      <c r="K38540" s="9"/>
      <c r="L38540" s="6"/>
    </row>
    <row r="38541" spans="1:12">
      <c r="A38541" s="6" t="s">
        <v>26559</v>
      </c>
      <c r="B38541" s="6" t="s">
        <v>37954</v>
      </c>
      <c r="C38541" s="6" t="s">
        <v>32230</v>
      </c>
      <c r="D38541" s="6" t="s">
        <v>37953</v>
      </c>
      <c r="E38541" s="6" t="s">
        <v>9</v>
      </c>
      <c r="F38541" s="7">
        <v>43339</v>
      </c>
      <c r="G38541" s="8">
        <v>2376000</v>
      </c>
      <c r="H38541" s="8">
        <v>2057616</v>
      </c>
      <c r="I38541" s="8">
        <v>477576</v>
      </c>
      <c r="J38541" s="8">
        <v>1898424</v>
      </c>
      <c r="K38541" s="9"/>
      <c r="L38541" s="6"/>
    </row>
    <row r="38542" spans="1:12">
      <c r="A38542" s="6" t="s">
        <v>26559</v>
      </c>
      <c r="B38542" s="6" t="s">
        <v>37954</v>
      </c>
      <c r="C38542" s="6" t="s">
        <v>32230</v>
      </c>
      <c r="D38542" s="6" t="s">
        <v>37953</v>
      </c>
      <c r="E38542" s="6" t="s">
        <v>9</v>
      </c>
      <c r="F38542" s="7">
        <v>42671</v>
      </c>
      <c r="G38542" s="8">
        <v>3078000</v>
      </c>
      <c r="H38542" s="8">
        <v>2253096</v>
      </c>
      <c r="I38542" s="8">
        <v>1031130</v>
      </c>
      <c r="J38542" s="8">
        <v>2046870</v>
      </c>
      <c r="K38542" s="9"/>
      <c r="L38542" s="6"/>
    </row>
    <row r="38543" spans="1:12">
      <c r="A38543" s="6" t="s">
        <v>26559</v>
      </c>
      <c r="B38543" s="6" t="s">
        <v>37954</v>
      </c>
      <c r="C38543" s="6" t="s">
        <v>32230</v>
      </c>
      <c r="D38543" s="6" t="s">
        <v>37953</v>
      </c>
      <c r="E38543" s="6" t="s">
        <v>9</v>
      </c>
      <c r="F38543" s="7">
        <v>42898</v>
      </c>
      <c r="G38543" s="8">
        <v>440640</v>
      </c>
      <c r="H38543" s="8">
        <v>352074</v>
      </c>
      <c r="I38543" s="8">
        <v>118088</v>
      </c>
      <c r="J38543" s="8">
        <v>322552</v>
      </c>
      <c r="K38543" s="9"/>
      <c r="L38543" s="6"/>
    </row>
    <row r="38544" spans="1:12">
      <c r="A38544" s="6" t="s">
        <v>26559</v>
      </c>
      <c r="B38544" s="6" t="s">
        <v>37954</v>
      </c>
      <c r="C38544" s="6" t="s">
        <v>32230</v>
      </c>
      <c r="D38544" s="6" t="s">
        <v>37953</v>
      </c>
      <c r="E38544" s="6" t="s">
        <v>9</v>
      </c>
      <c r="F38544" s="7">
        <v>41513</v>
      </c>
      <c r="G38544" s="8">
        <v>630000</v>
      </c>
      <c r="H38544" s="8">
        <v>383040</v>
      </c>
      <c r="I38544" s="8">
        <v>282240</v>
      </c>
      <c r="J38544" s="8">
        <v>347760</v>
      </c>
      <c r="K38544" s="9"/>
      <c r="L38544" s="6"/>
    </row>
    <row r="38545" spans="1:12">
      <c r="A38545" s="6" t="s">
        <v>26559</v>
      </c>
      <c r="B38545" s="6" t="s">
        <v>37954</v>
      </c>
      <c r="C38545" s="6" t="s">
        <v>32230</v>
      </c>
      <c r="D38545" s="6" t="s">
        <v>37953</v>
      </c>
      <c r="E38545" s="6" t="s">
        <v>9</v>
      </c>
      <c r="F38545" s="7">
        <v>42724</v>
      </c>
      <c r="G38545" s="8">
        <v>646920</v>
      </c>
      <c r="H38545" s="8">
        <v>388152</v>
      </c>
      <c r="I38545" s="8">
        <v>323460</v>
      </c>
      <c r="J38545" s="8">
        <v>323460</v>
      </c>
      <c r="K38545" s="9"/>
      <c r="L38545" s="6"/>
    </row>
    <row r="38546" spans="1:12">
      <c r="A38546" s="6" t="s">
        <v>26559</v>
      </c>
      <c r="B38546" s="6" t="s">
        <v>37954</v>
      </c>
      <c r="C38546" s="6" t="s">
        <v>32230</v>
      </c>
      <c r="D38546" s="6" t="s">
        <v>37953</v>
      </c>
      <c r="E38546" s="6" t="s">
        <v>9</v>
      </c>
      <c r="F38546" s="7">
        <v>40630</v>
      </c>
      <c r="G38546" s="8">
        <v>1162350</v>
      </c>
      <c r="H38546" s="8">
        <v>511440</v>
      </c>
      <c r="I38546" s="8">
        <v>716001</v>
      </c>
      <c r="J38546" s="8">
        <v>446349</v>
      </c>
      <c r="K38546" s="9"/>
      <c r="L38546" s="6"/>
    </row>
    <row r="38547" spans="1:12">
      <c r="A38547" s="6" t="s">
        <v>26559</v>
      </c>
      <c r="B38547" s="6" t="s">
        <v>37954</v>
      </c>
      <c r="C38547" s="6" t="s">
        <v>32230</v>
      </c>
      <c r="D38547" s="6" t="s">
        <v>37953</v>
      </c>
      <c r="E38547" s="6" t="s">
        <v>9</v>
      </c>
      <c r="F38547" s="7">
        <v>41456</v>
      </c>
      <c r="G38547" s="8">
        <v>1199100</v>
      </c>
      <c r="H38547" s="8">
        <v>636727</v>
      </c>
      <c r="I38547" s="8">
        <v>642712</v>
      </c>
      <c r="J38547" s="8">
        <v>556388</v>
      </c>
      <c r="K38547" s="9"/>
      <c r="L38547" s="6"/>
    </row>
    <row r="38548" spans="1:12">
      <c r="A38548" s="6" t="s">
        <v>26559</v>
      </c>
      <c r="B38548" s="6" t="s">
        <v>37954</v>
      </c>
      <c r="C38548" s="6" t="s">
        <v>32230</v>
      </c>
      <c r="D38548" s="6" t="s">
        <v>37953</v>
      </c>
      <c r="E38548" s="6" t="s">
        <v>9</v>
      </c>
      <c r="F38548" s="7">
        <v>42307</v>
      </c>
      <c r="G38548" s="8">
        <v>2157840</v>
      </c>
      <c r="H38548" s="8">
        <v>809190</v>
      </c>
      <c r="I38548" s="8">
        <v>1618380</v>
      </c>
      <c r="J38548" s="8">
        <v>539460</v>
      </c>
      <c r="K38548" s="9"/>
      <c r="L38548" s="6"/>
    </row>
    <row r="38549" spans="1:12">
      <c r="A38549" s="6" t="s">
        <v>26559</v>
      </c>
      <c r="B38549" s="6" t="s">
        <v>37954</v>
      </c>
      <c r="C38549" s="6" t="s">
        <v>32230</v>
      </c>
      <c r="D38549" s="6" t="s">
        <v>37953</v>
      </c>
      <c r="E38549" s="6" t="s">
        <v>9</v>
      </c>
      <c r="F38549" s="7">
        <v>33695</v>
      </c>
      <c r="G38549" s="8">
        <v>2127592720</v>
      </c>
      <c r="H38549" s="8">
        <v>816995628</v>
      </c>
      <c r="I38549" s="8">
        <v>1357404131</v>
      </c>
      <c r="J38549" s="8">
        <v>770188589</v>
      </c>
      <c r="K38549" s="9">
        <v>6730</v>
      </c>
      <c r="L38549" s="6"/>
    </row>
    <row r="38550" spans="1:12">
      <c r="A38550" s="6" t="s">
        <v>26591</v>
      </c>
      <c r="B38550" s="6" t="s">
        <v>37955</v>
      </c>
      <c r="C38550" s="6" t="s">
        <v>32230</v>
      </c>
      <c r="D38550" s="6" t="s">
        <v>37956</v>
      </c>
      <c r="E38550" s="6" t="s">
        <v>9</v>
      </c>
      <c r="F38550" s="7">
        <v>34060</v>
      </c>
      <c r="G38550" s="8">
        <v>3400000000</v>
      </c>
      <c r="H38550" s="8">
        <v>1564000000</v>
      </c>
      <c r="I38550" s="8">
        <v>1904000000</v>
      </c>
      <c r="J38550" s="8">
        <v>1496000000</v>
      </c>
      <c r="K38550" s="9">
        <v>5714.32</v>
      </c>
      <c r="L38550" s="6"/>
    </row>
    <row r="38551" spans="1:12">
      <c r="A38551" s="6" t="s">
        <v>26591</v>
      </c>
      <c r="B38551" s="6" t="s">
        <v>37955</v>
      </c>
      <c r="C38551" s="6" t="s">
        <v>32230</v>
      </c>
      <c r="D38551" s="6" t="s">
        <v>37956</v>
      </c>
      <c r="E38551" s="6" t="s">
        <v>9</v>
      </c>
      <c r="F38551" s="7">
        <v>43921</v>
      </c>
      <c r="G38551" s="8">
        <v>115456000</v>
      </c>
      <c r="H38551" s="8">
        <v>107720448</v>
      </c>
      <c r="I38551" s="8">
        <v>15471104</v>
      </c>
      <c r="J38551" s="8">
        <v>99984896</v>
      </c>
      <c r="K38551" s="9"/>
      <c r="L38551" s="6"/>
    </row>
    <row r="38552" spans="1:12">
      <c r="A38552" s="6" t="s">
        <v>26591</v>
      </c>
      <c r="B38552" s="6" t="s">
        <v>37955</v>
      </c>
      <c r="C38552" s="6" t="s">
        <v>32230</v>
      </c>
      <c r="D38552" s="6" t="s">
        <v>37956</v>
      </c>
      <c r="E38552" s="6" t="s">
        <v>9</v>
      </c>
      <c r="F38552" s="7">
        <v>43185</v>
      </c>
      <c r="G38552" s="8">
        <v>1782000</v>
      </c>
      <c r="H38552" s="8">
        <v>1423818</v>
      </c>
      <c r="I38552" s="8">
        <v>477576</v>
      </c>
      <c r="J38552" s="8">
        <v>1304424</v>
      </c>
      <c r="K38552" s="9"/>
      <c r="L38552" s="6"/>
    </row>
    <row r="38553" spans="1:12">
      <c r="A38553" s="6" t="s">
        <v>26591</v>
      </c>
      <c r="B38553" s="6" t="s">
        <v>37955</v>
      </c>
      <c r="C38553" s="6" t="s">
        <v>32230</v>
      </c>
      <c r="D38553" s="6" t="s">
        <v>37956</v>
      </c>
      <c r="E38553" s="6" t="s">
        <v>9</v>
      </c>
      <c r="F38553" s="7">
        <v>43439</v>
      </c>
      <c r="G38553" s="8">
        <v>3672000</v>
      </c>
      <c r="H38553" s="8">
        <v>2445552</v>
      </c>
      <c r="I38553" s="8">
        <v>1839672</v>
      </c>
      <c r="J38553" s="8">
        <v>1832328</v>
      </c>
      <c r="K38553" s="9"/>
      <c r="L38553" s="6"/>
    </row>
    <row r="38554" spans="1:12">
      <c r="A38554" s="6" t="s">
        <v>26591</v>
      </c>
      <c r="B38554" s="6" t="s">
        <v>37955</v>
      </c>
      <c r="C38554" s="6" t="s">
        <v>32230</v>
      </c>
      <c r="D38554" s="6" t="s">
        <v>37956</v>
      </c>
      <c r="E38554" s="6" t="s">
        <v>9</v>
      </c>
      <c r="F38554" s="7">
        <v>43190</v>
      </c>
      <c r="G38554" s="8">
        <v>2999160</v>
      </c>
      <c r="H38554" s="8">
        <v>2495304</v>
      </c>
      <c r="I38554" s="8">
        <v>671808</v>
      </c>
      <c r="J38554" s="8">
        <v>2327352</v>
      </c>
      <c r="K38554" s="9"/>
      <c r="L38554" s="6"/>
    </row>
    <row r="38555" spans="1:12">
      <c r="A38555" s="6" t="s">
        <v>26591</v>
      </c>
      <c r="B38555" s="6" t="s">
        <v>37955</v>
      </c>
      <c r="C38555" s="6" t="s">
        <v>32230</v>
      </c>
      <c r="D38555" s="6" t="s">
        <v>37956</v>
      </c>
      <c r="E38555" s="6" t="s">
        <v>9</v>
      </c>
      <c r="F38555" s="7">
        <v>44249</v>
      </c>
      <c r="G38555" s="8">
        <v>2541000</v>
      </c>
      <c r="H38555" s="8">
        <v>2541000</v>
      </c>
      <c r="I38555" s="8">
        <v>170247</v>
      </c>
      <c r="J38555" s="8">
        <v>2370753</v>
      </c>
      <c r="K38555" s="9"/>
      <c r="L38555" s="6"/>
    </row>
    <row r="38556" spans="1:12">
      <c r="A38556" s="6" t="s">
        <v>26591</v>
      </c>
      <c r="B38556" s="6" t="s">
        <v>37955</v>
      </c>
      <c r="C38556" s="6" t="s">
        <v>32230</v>
      </c>
      <c r="D38556" s="6" t="s">
        <v>37956</v>
      </c>
      <c r="E38556" s="6" t="s">
        <v>9</v>
      </c>
      <c r="F38556" s="7">
        <v>40163</v>
      </c>
      <c r="G38556" s="8">
        <v>1050000</v>
      </c>
      <c r="H38556" s="8">
        <v>276150</v>
      </c>
      <c r="I38556" s="8">
        <v>844200</v>
      </c>
      <c r="J38556" s="8">
        <v>205800</v>
      </c>
      <c r="K38556" s="9"/>
      <c r="L38556" s="6"/>
    </row>
    <row r="38557" spans="1:12">
      <c r="A38557" s="6" t="s">
        <v>26591</v>
      </c>
      <c r="B38557" s="6" t="s">
        <v>37955</v>
      </c>
      <c r="C38557" s="6" t="s">
        <v>32230</v>
      </c>
      <c r="D38557" s="6" t="s">
        <v>37956</v>
      </c>
      <c r="E38557" s="6" t="s">
        <v>9</v>
      </c>
      <c r="F38557" s="7">
        <v>41620</v>
      </c>
      <c r="G38557" s="8">
        <v>777000</v>
      </c>
      <c r="H38557" s="8">
        <v>412587</v>
      </c>
      <c r="I38557" s="8">
        <v>416472</v>
      </c>
      <c r="J38557" s="8">
        <v>360528</v>
      </c>
      <c r="K38557" s="9"/>
      <c r="L38557" s="6"/>
    </row>
    <row r="38558" spans="1:12">
      <c r="A38558" s="6" t="s">
        <v>26591</v>
      </c>
      <c r="B38558" s="6" t="s">
        <v>37955</v>
      </c>
      <c r="C38558" s="6" t="s">
        <v>32230</v>
      </c>
      <c r="D38558" s="6" t="s">
        <v>37956</v>
      </c>
      <c r="E38558" s="6" t="s">
        <v>9</v>
      </c>
      <c r="F38558" s="7">
        <v>40206</v>
      </c>
      <c r="G38558" s="8">
        <v>1837500</v>
      </c>
      <c r="H38558" s="8">
        <v>483268</v>
      </c>
      <c r="I38558" s="8">
        <v>1477344</v>
      </c>
      <c r="J38558" s="8">
        <v>360156</v>
      </c>
      <c r="K38558" s="9"/>
      <c r="L38558" s="6"/>
    </row>
    <row r="38559" spans="1:12">
      <c r="A38559" s="6" t="s">
        <v>26663</v>
      </c>
      <c r="B38559" s="6" t="s">
        <v>26663</v>
      </c>
      <c r="C38559" s="6" t="s">
        <v>32230</v>
      </c>
      <c r="D38559" s="6" t="s">
        <v>37957</v>
      </c>
      <c r="E38559" s="6" t="s">
        <v>18740</v>
      </c>
      <c r="F38559" s="7">
        <v>35135</v>
      </c>
      <c r="G38559" s="8">
        <v>60120000</v>
      </c>
      <c r="H38559" s="8">
        <v>19539000</v>
      </c>
      <c r="I38559" s="8">
        <v>42204240</v>
      </c>
      <c r="J38559" s="8">
        <v>17915760</v>
      </c>
      <c r="K38559" s="9">
        <v>668</v>
      </c>
      <c r="L38559" s="6"/>
    </row>
    <row r="38560" spans="1:12">
      <c r="A38560" s="6" t="s">
        <v>37958</v>
      </c>
      <c r="B38560" s="6" t="s">
        <v>37958</v>
      </c>
      <c r="C38560" s="6" t="s">
        <v>32230</v>
      </c>
      <c r="D38560" s="6" t="s">
        <v>37959</v>
      </c>
      <c r="E38560" s="6" t="s">
        <v>9</v>
      </c>
      <c r="F38560" s="7">
        <v>35400</v>
      </c>
      <c r="G38560" s="8">
        <v>110978000</v>
      </c>
      <c r="H38560" s="8">
        <v>57708560</v>
      </c>
      <c r="I38560" s="8">
        <v>55489000</v>
      </c>
      <c r="J38560" s="8">
        <v>55489000</v>
      </c>
      <c r="K38560" s="9">
        <v>239.45</v>
      </c>
      <c r="L38560" s="6"/>
    </row>
    <row r="38561" spans="1:12">
      <c r="A38561" s="6" t="s">
        <v>37958</v>
      </c>
      <c r="B38561" s="6" t="s">
        <v>37958</v>
      </c>
      <c r="C38561" s="6" t="s">
        <v>32230</v>
      </c>
      <c r="D38561" s="6" t="s">
        <v>37959</v>
      </c>
      <c r="E38561" s="6" t="s">
        <v>9</v>
      </c>
      <c r="F38561" s="7">
        <v>43555</v>
      </c>
      <c r="G38561" s="8">
        <v>885600</v>
      </c>
      <c r="H38561" s="8">
        <v>766930</v>
      </c>
      <c r="I38561" s="8">
        <v>178005</v>
      </c>
      <c r="J38561" s="8">
        <v>707595</v>
      </c>
      <c r="K38561" s="9"/>
      <c r="L38561" s="6"/>
    </row>
    <row r="38562" spans="1:12">
      <c r="A38562" s="6" t="s">
        <v>26760</v>
      </c>
      <c r="B38562" s="6" t="s">
        <v>37786</v>
      </c>
      <c r="C38562" s="6" t="s">
        <v>32230</v>
      </c>
      <c r="D38562" s="6" t="s">
        <v>37960</v>
      </c>
      <c r="E38562" s="6" t="s">
        <v>25121</v>
      </c>
      <c r="F38562" s="7">
        <v>33451</v>
      </c>
      <c r="G38562" s="8">
        <v>7528500</v>
      </c>
      <c r="H38562" s="8">
        <v>323740</v>
      </c>
      <c r="I38562" s="8">
        <v>7453200</v>
      </c>
      <c r="J38562" s="8">
        <v>75300</v>
      </c>
      <c r="K38562" s="9">
        <v>107.55</v>
      </c>
      <c r="L38562" s="6"/>
    </row>
    <row r="38563" spans="1:12">
      <c r="A38563" s="6" t="s">
        <v>26800</v>
      </c>
      <c r="B38563" s="6" t="s">
        <v>37961</v>
      </c>
      <c r="C38563" s="6" t="s">
        <v>32230</v>
      </c>
      <c r="D38563" s="6" t="s">
        <v>37962</v>
      </c>
      <c r="E38563" s="6" t="s">
        <v>9</v>
      </c>
      <c r="F38563" s="7">
        <v>36251</v>
      </c>
      <c r="G38563" s="8">
        <v>1235000</v>
      </c>
      <c r="H38563" s="8">
        <v>1</v>
      </c>
      <c r="I38563" s="8">
        <v>1234999</v>
      </c>
      <c r="J38563" s="8">
        <v>1</v>
      </c>
      <c r="K38563" s="9">
        <v>13</v>
      </c>
      <c r="L38563" s="6"/>
    </row>
    <row r="38564" spans="1:12">
      <c r="A38564" s="6" t="s">
        <v>26826</v>
      </c>
      <c r="B38564" s="6" t="s">
        <v>37963</v>
      </c>
      <c r="C38564" s="6" t="s">
        <v>32230</v>
      </c>
      <c r="D38564" s="6" t="s">
        <v>37964</v>
      </c>
      <c r="E38564" s="6" t="s">
        <v>9</v>
      </c>
      <c r="F38564" s="7">
        <v>36982</v>
      </c>
      <c r="G38564" s="8">
        <v>1235000</v>
      </c>
      <c r="H38564" s="8">
        <v>1</v>
      </c>
      <c r="I38564" s="8">
        <v>1234999</v>
      </c>
      <c r="J38564" s="8">
        <v>1</v>
      </c>
      <c r="K38564" s="9">
        <v>13</v>
      </c>
      <c r="L38564" s="6"/>
    </row>
    <row r="38565" spans="1:12">
      <c r="A38565" s="6" t="s">
        <v>26873</v>
      </c>
      <c r="B38565" s="6" t="s">
        <v>37965</v>
      </c>
      <c r="C38565" s="6" t="s">
        <v>32230</v>
      </c>
      <c r="D38565" s="6" t="s">
        <v>37966</v>
      </c>
      <c r="E38565" s="6" t="s">
        <v>9</v>
      </c>
      <c r="F38565" s="7">
        <v>36982</v>
      </c>
      <c r="G38565" s="8">
        <v>1995000</v>
      </c>
      <c r="H38565" s="8">
        <v>1</v>
      </c>
      <c r="I38565" s="8">
        <v>1994999</v>
      </c>
      <c r="J38565" s="8">
        <v>1</v>
      </c>
      <c r="K38565" s="9">
        <v>21</v>
      </c>
      <c r="L38565" s="6"/>
    </row>
    <row r="38566" spans="1:12">
      <c r="A38566" s="6" t="s">
        <v>26901</v>
      </c>
      <c r="B38566" s="6" t="s">
        <v>37967</v>
      </c>
      <c r="C38566" s="6" t="s">
        <v>32230</v>
      </c>
      <c r="D38566" s="6" t="s">
        <v>37968</v>
      </c>
      <c r="E38566" s="6" t="s">
        <v>9</v>
      </c>
      <c r="F38566" s="7">
        <v>37712</v>
      </c>
      <c r="G38566" s="8">
        <v>1235000</v>
      </c>
      <c r="H38566" s="8">
        <v>1</v>
      </c>
      <c r="I38566" s="8">
        <v>1234999</v>
      </c>
      <c r="J38566" s="8">
        <v>1</v>
      </c>
      <c r="K38566" s="9">
        <v>13</v>
      </c>
      <c r="L38566" s="6"/>
    </row>
    <row r="38567" spans="1:12">
      <c r="A38567" s="6" t="s">
        <v>37969</v>
      </c>
      <c r="B38567" s="6" t="s">
        <v>37970</v>
      </c>
      <c r="C38567" s="6" t="s">
        <v>32230</v>
      </c>
      <c r="D38567" s="6" t="s">
        <v>37971</v>
      </c>
      <c r="E38567" s="6" t="s">
        <v>25121</v>
      </c>
      <c r="F38567" s="7">
        <v>41884</v>
      </c>
      <c r="G38567" s="8">
        <v>496800</v>
      </c>
      <c r="H38567" s="8">
        <v>297090</v>
      </c>
      <c r="I38567" s="8">
        <v>232995</v>
      </c>
      <c r="J38567" s="8">
        <v>263805</v>
      </c>
      <c r="K38567" s="9"/>
      <c r="L38567" s="6"/>
    </row>
    <row r="38568" spans="1:12">
      <c r="A38568" s="6" t="s">
        <v>37969</v>
      </c>
      <c r="B38568" s="6" t="s">
        <v>37970</v>
      </c>
      <c r="C38568" s="6" t="s">
        <v>32230</v>
      </c>
      <c r="D38568" s="6" t="s">
        <v>37971</v>
      </c>
      <c r="E38568" s="6" t="s">
        <v>25121</v>
      </c>
      <c r="F38568" s="7">
        <v>36404</v>
      </c>
      <c r="G38568" s="8">
        <v>245580000</v>
      </c>
      <c r="H38568" s="8">
        <v>93074820</v>
      </c>
      <c r="I38568" s="8">
        <v>159135840</v>
      </c>
      <c r="J38568" s="8">
        <v>86444160</v>
      </c>
      <c r="K38568" s="9">
        <v>1319</v>
      </c>
      <c r="L38568" s="6"/>
    </row>
    <row r="38569" spans="1:12">
      <c r="A38569" s="6" t="s">
        <v>27031</v>
      </c>
      <c r="B38569" s="6" t="s">
        <v>37972</v>
      </c>
      <c r="C38569" s="6" t="s">
        <v>32230</v>
      </c>
      <c r="D38569" s="6" t="s">
        <v>37973</v>
      </c>
      <c r="E38569" s="6" t="s">
        <v>9</v>
      </c>
      <c r="F38569" s="7">
        <v>40630</v>
      </c>
      <c r="G38569" s="8">
        <v>370650</v>
      </c>
      <c r="H38569" s="8">
        <v>122320</v>
      </c>
      <c r="I38569" s="8">
        <v>273163</v>
      </c>
      <c r="J38569" s="8">
        <v>97487</v>
      </c>
      <c r="K38569" s="9"/>
      <c r="L38569" s="6"/>
    </row>
    <row r="38570" spans="1:12">
      <c r="A38570" s="6" t="s">
        <v>27031</v>
      </c>
      <c r="B38570" s="6" t="s">
        <v>37972</v>
      </c>
      <c r="C38570" s="6" t="s">
        <v>32230</v>
      </c>
      <c r="D38570" s="6" t="s">
        <v>37973</v>
      </c>
      <c r="E38570" s="6" t="s">
        <v>9</v>
      </c>
      <c r="F38570" s="7">
        <v>43780</v>
      </c>
      <c r="G38570" s="8">
        <v>1728000</v>
      </c>
      <c r="H38570" s="8">
        <v>1612224</v>
      </c>
      <c r="I38570" s="8">
        <v>231552</v>
      </c>
      <c r="J38570" s="8">
        <v>1496448</v>
      </c>
      <c r="K38570" s="9"/>
      <c r="L38570" s="6"/>
    </row>
    <row r="38571" spans="1:12">
      <c r="A38571" s="6" t="s">
        <v>27031</v>
      </c>
      <c r="B38571" s="6" t="s">
        <v>37972</v>
      </c>
      <c r="C38571" s="6" t="s">
        <v>32230</v>
      </c>
      <c r="D38571" s="6" t="s">
        <v>37973</v>
      </c>
      <c r="E38571" s="6" t="s">
        <v>9</v>
      </c>
      <c r="F38571" s="7">
        <v>30713</v>
      </c>
      <c r="G38571" s="8">
        <v>169131350</v>
      </c>
      <c r="H38571" s="8">
        <v>31458457</v>
      </c>
      <c r="I38571" s="8">
        <v>141393782</v>
      </c>
      <c r="J38571" s="8">
        <v>27737568</v>
      </c>
      <c r="K38571" s="9">
        <v>1091.17</v>
      </c>
      <c r="L38571" s="6"/>
    </row>
    <row r="38572" spans="1:12">
      <c r="A38572" s="6" t="s">
        <v>27031</v>
      </c>
      <c r="B38572" s="6" t="s">
        <v>37972</v>
      </c>
      <c r="C38572" s="6" t="s">
        <v>32230</v>
      </c>
      <c r="D38572" s="6" t="s">
        <v>37973</v>
      </c>
      <c r="E38572" s="6" t="s">
        <v>9</v>
      </c>
      <c r="F38572" s="7">
        <v>39780</v>
      </c>
      <c r="G38572" s="8">
        <v>280245</v>
      </c>
      <c r="H38572" s="8">
        <v>54933</v>
      </c>
      <c r="I38572" s="8">
        <v>244088</v>
      </c>
      <c r="J38572" s="8">
        <v>36157</v>
      </c>
      <c r="K38572" s="9"/>
      <c r="L38572" s="6"/>
    </row>
    <row r="38573" spans="1:12">
      <c r="A38573" s="6" t="s">
        <v>27031</v>
      </c>
      <c r="B38573" s="6" t="s">
        <v>37972</v>
      </c>
      <c r="C38573" s="6" t="s">
        <v>32230</v>
      </c>
      <c r="D38573" s="6" t="s">
        <v>37973</v>
      </c>
      <c r="E38573" s="6" t="s">
        <v>9</v>
      </c>
      <c r="F38573" s="7">
        <v>43555</v>
      </c>
      <c r="G38573" s="8">
        <v>1116720</v>
      </c>
      <c r="H38573" s="8">
        <v>837540</v>
      </c>
      <c r="I38573" s="8">
        <v>418770</v>
      </c>
      <c r="J38573" s="8">
        <v>697950</v>
      </c>
      <c r="K38573" s="9"/>
      <c r="L38573" s="6"/>
    </row>
    <row r="38574" spans="1:12">
      <c r="A38574" s="6" t="s">
        <v>27031</v>
      </c>
      <c r="B38574" s="6" t="s">
        <v>37974</v>
      </c>
      <c r="C38574" s="6" t="s">
        <v>32230</v>
      </c>
      <c r="D38574" s="6" t="s">
        <v>37973</v>
      </c>
      <c r="E38574" s="6" t="s">
        <v>9</v>
      </c>
      <c r="F38574" s="7">
        <v>30713</v>
      </c>
      <c r="G38574" s="8">
        <v>27000000</v>
      </c>
      <c r="H38574" s="8">
        <v>5022000</v>
      </c>
      <c r="I38574" s="8">
        <v>22572000</v>
      </c>
      <c r="J38574" s="8">
        <v>4428000</v>
      </c>
      <c r="K38574" s="9">
        <v>200</v>
      </c>
      <c r="L38574" s="6"/>
    </row>
    <row r="38575" spans="1:12">
      <c r="A38575" s="6" t="s">
        <v>27031</v>
      </c>
      <c r="B38575" s="6" t="s">
        <v>37975</v>
      </c>
      <c r="C38575" s="6" t="s">
        <v>32230</v>
      </c>
      <c r="D38575" s="6" t="s">
        <v>37973</v>
      </c>
      <c r="E38575" s="6" t="s">
        <v>9</v>
      </c>
      <c r="F38575" s="7">
        <v>30713</v>
      </c>
      <c r="G38575" s="8">
        <v>1102000</v>
      </c>
      <c r="H38575" s="8">
        <v>1102</v>
      </c>
      <c r="I38575" s="8">
        <v>1101999</v>
      </c>
      <c r="J38575" s="8">
        <v>1</v>
      </c>
      <c r="K38575" s="9">
        <v>11.02</v>
      </c>
      <c r="L38575" s="6"/>
    </row>
    <row r="38576" spans="1:12">
      <c r="A38576" s="6" t="s">
        <v>27066</v>
      </c>
      <c r="B38576" s="6" t="s">
        <v>37976</v>
      </c>
      <c r="C38576" s="6" t="s">
        <v>32230</v>
      </c>
      <c r="D38576" s="6" t="s">
        <v>37977</v>
      </c>
      <c r="E38576" s="6" t="s">
        <v>9</v>
      </c>
      <c r="F38576" s="7">
        <v>27120</v>
      </c>
      <c r="G38576" s="8">
        <v>350000</v>
      </c>
      <c r="H38576" s="8">
        <v>1</v>
      </c>
      <c r="I38576" s="8">
        <v>349999</v>
      </c>
      <c r="J38576" s="8">
        <v>1</v>
      </c>
      <c r="K38576" s="9">
        <v>5</v>
      </c>
      <c r="L38576" s="6"/>
    </row>
    <row r="38577" spans="1:12">
      <c r="A38577" s="6" t="s">
        <v>27066</v>
      </c>
      <c r="B38577" s="6" t="s">
        <v>37978</v>
      </c>
      <c r="C38577" s="6" t="s">
        <v>32230</v>
      </c>
      <c r="D38577" s="6" t="s">
        <v>37977</v>
      </c>
      <c r="E38577" s="6" t="s">
        <v>9</v>
      </c>
      <c r="F38577" s="7">
        <v>26724</v>
      </c>
      <c r="G38577" s="8">
        <v>165105000</v>
      </c>
      <c r="H38577" s="8">
        <v>1</v>
      </c>
      <c r="I38577" s="8">
        <v>165104999</v>
      </c>
      <c r="J38577" s="8">
        <v>1</v>
      </c>
      <c r="K38577" s="9">
        <v>1223</v>
      </c>
      <c r="L38577" s="6"/>
    </row>
    <row r="38578" spans="1:12">
      <c r="A38578" s="6" t="s">
        <v>27066</v>
      </c>
      <c r="B38578" s="6" t="s">
        <v>37978</v>
      </c>
      <c r="C38578" s="6" t="s">
        <v>32230</v>
      </c>
      <c r="D38578" s="6" t="s">
        <v>37977</v>
      </c>
      <c r="E38578" s="6" t="s">
        <v>9</v>
      </c>
      <c r="F38578" s="7">
        <v>40847</v>
      </c>
      <c r="G38578" s="8">
        <v>1320932</v>
      </c>
      <c r="H38578" s="8">
        <v>1030332</v>
      </c>
      <c r="I38578" s="8">
        <v>319660</v>
      </c>
      <c r="J38578" s="8">
        <v>1001272</v>
      </c>
      <c r="K38578" s="9"/>
      <c r="L38578" s="6"/>
    </row>
    <row r="38579" spans="1:12">
      <c r="A38579" s="6" t="s">
        <v>27066</v>
      </c>
      <c r="B38579" s="6" t="s">
        <v>37978</v>
      </c>
      <c r="C38579" s="6" t="s">
        <v>32230</v>
      </c>
      <c r="D38579" s="6" t="s">
        <v>37977</v>
      </c>
      <c r="E38579" s="6" t="s">
        <v>9</v>
      </c>
      <c r="F38579" s="7">
        <v>39535</v>
      </c>
      <c r="G38579" s="8">
        <v>1727373</v>
      </c>
      <c r="H38579" s="8">
        <v>1233347</v>
      </c>
      <c r="I38579" s="8">
        <v>532028</v>
      </c>
      <c r="J38579" s="8">
        <v>1195345</v>
      </c>
      <c r="K38579" s="9"/>
      <c r="L38579" s="6"/>
    </row>
    <row r="38580" spans="1:12">
      <c r="A38580" s="6" t="s">
        <v>27066</v>
      </c>
      <c r="B38580" s="6" t="s">
        <v>37978</v>
      </c>
      <c r="C38580" s="6" t="s">
        <v>32230</v>
      </c>
      <c r="D38580" s="6" t="s">
        <v>37977</v>
      </c>
      <c r="E38580" s="6" t="s">
        <v>9</v>
      </c>
      <c r="F38580" s="7">
        <v>40844</v>
      </c>
      <c r="G38580" s="8">
        <v>3249494</v>
      </c>
      <c r="H38580" s="8">
        <v>1290050</v>
      </c>
      <c r="I38580" s="8">
        <v>2177160</v>
      </c>
      <c r="J38580" s="8">
        <v>1072334</v>
      </c>
      <c r="K38580" s="9"/>
      <c r="L38580" s="6"/>
    </row>
    <row r="38581" spans="1:12">
      <c r="A38581" s="6" t="s">
        <v>27066</v>
      </c>
      <c r="B38581" s="6" t="s">
        <v>37978</v>
      </c>
      <c r="C38581" s="6" t="s">
        <v>32230</v>
      </c>
      <c r="D38581" s="6" t="s">
        <v>37977</v>
      </c>
      <c r="E38581" s="6" t="s">
        <v>9</v>
      </c>
      <c r="F38581" s="7">
        <v>40480</v>
      </c>
      <c r="G38581" s="8">
        <v>223542</v>
      </c>
      <c r="H38581" s="8">
        <v>174372</v>
      </c>
      <c r="I38581" s="8">
        <v>54087</v>
      </c>
      <c r="J38581" s="8">
        <v>169455</v>
      </c>
      <c r="K38581" s="9"/>
      <c r="L38581" s="6"/>
    </row>
    <row r="38582" spans="1:12">
      <c r="A38582" s="6" t="s">
        <v>27066</v>
      </c>
      <c r="B38582" s="6" t="s">
        <v>37978</v>
      </c>
      <c r="C38582" s="6" t="s">
        <v>32230</v>
      </c>
      <c r="D38582" s="6" t="s">
        <v>37977</v>
      </c>
      <c r="E38582" s="6" t="s">
        <v>9</v>
      </c>
      <c r="F38582" s="7">
        <v>40480</v>
      </c>
      <c r="G38582" s="8">
        <v>31295948</v>
      </c>
      <c r="H38582" s="8">
        <v>23722338</v>
      </c>
      <c r="I38582" s="8">
        <v>8262120</v>
      </c>
      <c r="J38582" s="8">
        <v>23033828</v>
      </c>
      <c r="K38582" s="9"/>
      <c r="L38582" s="6"/>
    </row>
    <row r="38583" spans="1:12">
      <c r="A38583" s="6" t="s">
        <v>27066</v>
      </c>
      <c r="B38583" s="6" t="s">
        <v>37978</v>
      </c>
      <c r="C38583" s="6" t="s">
        <v>32230</v>
      </c>
      <c r="D38583" s="6" t="s">
        <v>37977</v>
      </c>
      <c r="E38583" s="6" t="s">
        <v>9</v>
      </c>
      <c r="F38583" s="7">
        <v>40584</v>
      </c>
      <c r="G38583" s="8">
        <v>345474</v>
      </c>
      <c r="H38583" s="8">
        <v>269474</v>
      </c>
      <c r="I38583" s="8">
        <v>83600</v>
      </c>
      <c r="J38583" s="8">
        <v>261874</v>
      </c>
      <c r="K38583" s="9"/>
      <c r="L38583" s="6"/>
    </row>
    <row r="38584" spans="1:12">
      <c r="A38584" s="6" t="s">
        <v>27066</v>
      </c>
      <c r="B38584" s="6" t="s">
        <v>37978</v>
      </c>
      <c r="C38584" s="6" t="s">
        <v>32230</v>
      </c>
      <c r="D38584" s="6" t="s">
        <v>37977</v>
      </c>
      <c r="E38584" s="6" t="s">
        <v>9</v>
      </c>
      <c r="F38584" s="7">
        <v>40847</v>
      </c>
      <c r="G38584" s="8">
        <v>36376459</v>
      </c>
      <c r="H38584" s="8">
        <v>28373639</v>
      </c>
      <c r="I38584" s="8">
        <v>8803102</v>
      </c>
      <c r="J38584" s="8">
        <v>27573357</v>
      </c>
      <c r="K38584" s="9"/>
      <c r="L38584" s="6"/>
    </row>
    <row r="38585" spans="1:12">
      <c r="A38585" s="6" t="s">
        <v>27066</v>
      </c>
      <c r="B38585" s="6" t="s">
        <v>37978</v>
      </c>
      <c r="C38585" s="6" t="s">
        <v>32230</v>
      </c>
      <c r="D38585" s="6" t="s">
        <v>37977</v>
      </c>
      <c r="E38585" s="6" t="s">
        <v>9</v>
      </c>
      <c r="F38585" s="7">
        <v>41901</v>
      </c>
      <c r="G38585" s="8">
        <v>5877414</v>
      </c>
      <c r="H38585" s="8">
        <v>3514698</v>
      </c>
      <c r="I38585" s="8">
        <v>2756502</v>
      </c>
      <c r="J38585" s="8">
        <v>3120912</v>
      </c>
      <c r="K38585" s="9"/>
      <c r="L38585" s="6"/>
    </row>
    <row r="38586" spans="1:12">
      <c r="A38586" s="6" t="s">
        <v>27066</v>
      </c>
      <c r="B38586" s="6" t="s">
        <v>37978</v>
      </c>
      <c r="C38586" s="6" t="s">
        <v>32230</v>
      </c>
      <c r="D38586" s="6" t="s">
        <v>37977</v>
      </c>
      <c r="E38586" s="6" t="s">
        <v>9</v>
      </c>
      <c r="F38586" s="7">
        <v>40491</v>
      </c>
      <c r="G38586" s="8">
        <v>967329</v>
      </c>
      <c r="H38586" s="8">
        <v>425629</v>
      </c>
      <c r="I38586" s="8">
        <v>595870</v>
      </c>
      <c r="J38586" s="8">
        <v>371459</v>
      </c>
      <c r="K38586" s="9"/>
      <c r="L38586" s="6"/>
    </row>
    <row r="38587" spans="1:12">
      <c r="A38587" s="6" t="s">
        <v>27066</v>
      </c>
      <c r="B38587" s="6" t="s">
        <v>37978</v>
      </c>
      <c r="C38587" s="6" t="s">
        <v>32230</v>
      </c>
      <c r="D38587" s="6" t="s">
        <v>37977</v>
      </c>
      <c r="E38587" s="6" t="s">
        <v>9</v>
      </c>
      <c r="F38587" s="7">
        <v>40844</v>
      </c>
      <c r="G38587" s="8">
        <v>11126319</v>
      </c>
      <c r="H38587" s="8">
        <v>5518662</v>
      </c>
      <c r="I38587" s="8">
        <v>6230730</v>
      </c>
      <c r="J38587" s="8">
        <v>4895589</v>
      </c>
      <c r="K38587" s="9"/>
      <c r="L38587" s="6"/>
    </row>
    <row r="38588" spans="1:12">
      <c r="A38588" s="6" t="s">
        <v>27066</v>
      </c>
      <c r="B38588" s="6" t="s">
        <v>37978</v>
      </c>
      <c r="C38588" s="6" t="s">
        <v>32230</v>
      </c>
      <c r="D38588" s="6" t="s">
        <v>37977</v>
      </c>
      <c r="E38588" s="6" t="s">
        <v>9</v>
      </c>
      <c r="F38588" s="7">
        <v>40480</v>
      </c>
      <c r="G38588" s="8">
        <v>914492</v>
      </c>
      <c r="H38588" s="8">
        <v>693194</v>
      </c>
      <c r="I38588" s="8">
        <v>241416</v>
      </c>
      <c r="J38588" s="8">
        <v>673076</v>
      </c>
      <c r="K38588" s="9"/>
      <c r="L38588" s="6"/>
    </row>
    <row r="38589" spans="1:12">
      <c r="A38589" s="6" t="s">
        <v>27066</v>
      </c>
      <c r="B38589" s="6" t="s">
        <v>37978</v>
      </c>
      <c r="C38589" s="6" t="s">
        <v>32230</v>
      </c>
      <c r="D38589" s="6" t="s">
        <v>37977</v>
      </c>
      <c r="E38589" s="6" t="s">
        <v>9</v>
      </c>
      <c r="F38589" s="7">
        <v>40492</v>
      </c>
      <c r="G38589" s="8">
        <v>2123653</v>
      </c>
      <c r="H38589" s="8">
        <v>700813</v>
      </c>
      <c r="I38589" s="8">
        <v>1565124</v>
      </c>
      <c r="J38589" s="8">
        <v>558529</v>
      </c>
      <c r="K38589" s="9"/>
      <c r="L38589" s="6"/>
    </row>
    <row r="38590" spans="1:12">
      <c r="A38590" s="6" t="s">
        <v>27066</v>
      </c>
      <c r="B38590" s="6" t="s">
        <v>37979</v>
      </c>
      <c r="C38590" s="6" t="s">
        <v>32230</v>
      </c>
      <c r="D38590" s="6" t="s">
        <v>37977</v>
      </c>
      <c r="E38590" s="6" t="s">
        <v>9</v>
      </c>
      <c r="F38590" s="7">
        <v>26724</v>
      </c>
      <c r="G38590" s="8">
        <v>14985000</v>
      </c>
      <c r="H38590" s="8">
        <v>1</v>
      </c>
      <c r="I38590" s="8">
        <v>14984999</v>
      </c>
      <c r="J38590" s="8">
        <v>1</v>
      </c>
      <c r="K38590" s="9">
        <v>111</v>
      </c>
      <c r="L38590" s="6"/>
    </row>
    <row r="38591" spans="1:12">
      <c r="A38591" s="6" t="s">
        <v>27066</v>
      </c>
      <c r="B38591" s="6" t="s">
        <v>37979</v>
      </c>
      <c r="C38591" s="6" t="s">
        <v>32230</v>
      </c>
      <c r="D38591" s="6" t="s">
        <v>37977</v>
      </c>
      <c r="E38591" s="6" t="s">
        <v>9</v>
      </c>
      <c r="F38591" s="7">
        <v>39535</v>
      </c>
      <c r="G38591" s="8">
        <v>156777</v>
      </c>
      <c r="H38591" s="8">
        <v>111940</v>
      </c>
      <c r="I38591" s="8">
        <v>48286</v>
      </c>
      <c r="J38591" s="8">
        <v>108491</v>
      </c>
      <c r="K38591" s="9"/>
      <c r="L38591" s="6"/>
    </row>
    <row r="38592" spans="1:12">
      <c r="A38592" s="6" t="s">
        <v>27066</v>
      </c>
      <c r="B38592" s="6" t="s">
        <v>37979</v>
      </c>
      <c r="C38592" s="6" t="s">
        <v>32230</v>
      </c>
      <c r="D38592" s="6" t="s">
        <v>37977</v>
      </c>
      <c r="E38592" s="6" t="s">
        <v>9</v>
      </c>
      <c r="F38592" s="7">
        <v>40844</v>
      </c>
      <c r="G38592" s="8">
        <v>294925</v>
      </c>
      <c r="H38592" s="8">
        <v>117094</v>
      </c>
      <c r="I38592" s="8">
        <v>197590</v>
      </c>
      <c r="J38592" s="8">
        <v>97335</v>
      </c>
      <c r="K38592" s="9"/>
      <c r="L38592" s="6"/>
    </row>
    <row r="38593" spans="1:12">
      <c r="A38593" s="6" t="s">
        <v>27066</v>
      </c>
      <c r="B38593" s="6" t="s">
        <v>37979</v>
      </c>
      <c r="C38593" s="6" t="s">
        <v>32230</v>
      </c>
      <c r="D38593" s="6" t="s">
        <v>37977</v>
      </c>
      <c r="E38593" s="6" t="s">
        <v>9</v>
      </c>
      <c r="F38593" s="7">
        <v>40480</v>
      </c>
      <c r="G38593" s="8">
        <v>20288</v>
      </c>
      <c r="H38593" s="8">
        <v>15828</v>
      </c>
      <c r="I38593" s="8">
        <v>4906</v>
      </c>
      <c r="J38593" s="8">
        <v>15382</v>
      </c>
      <c r="K38593" s="9"/>
      <c r="L38593" s="6"/>
    </row>
    <row r="38594" spans="1:12">
      <c r="A38594" s="6" t="s">
        <v>27066</v>
      </c>
      <c r="B38594" s="6" t="s">
        <v>37979</v>
      </c>
      <c r="C38594" s="6" t="s">
        <v>32230</v>
      </c>
      <c r="D38594" s="6" t="s">
        <v>37977</v>
      </c>
      <c r="E38594" s="6" t="s">
        <v>9</v>
      </c>
      <c r="F38594" s="7">
        <v>40480</v>
      </c>
      <c r="G38594" s="8">
        <v>2840433</v>
      </c>
      <c r="H38594" s="8">
        <v>2153054</v>
      </c>
      <c r="I38594" s="8">
        <v>749868</v>
      </c>
      <c r="J38594" s="8">
        <v>2090565</v>
      </c>
      <c r="K38594" s="9"/>
      <c r="L38594" s="6"/>
    </row>
    <row r="38595" spans="1:12">
      <c r="A38595" s="6" t="s">
        <v>27066</v>
      </c>
      <c r="B38595" s="6" t="s">
        <v>37979</v>
      </c>
      <c r="C38595" s="6" t="s">
        <v>32230</v>
      </c>
      <c r="D38595" s="6" t="s">
        <v>37977</v>
      </c>
      <c r="E38595" s="6" t="s">
        <v>9</v>
      </c>
      <c r="F38595" s="7">
        <v>40584</v>
      </c>
      <c r="G38595" s="8">
        <v>31355</v>
      </c>
      <c r="H38595" s="8">
        <v>24465</v>
      </c>
      <c r="I38595" s="8">
        <v>7579</v>
      </c>
      <c r="J38595" s="8">
        <v>23776</v>
      </c>
      <c r="K38595" s="9"/>
      <c r="L38595" s="6"/>
    </row>
    <row r="38596" spans="1:12">
      <c r="A38596" s="6" t="s">
        <v>27066</v>
      </c>
      <c r="B38596" s="6" t="s">
        <v>37979</v>
      </c>
      <c r="C38596" s="6" t="s">
        <v>32230</v>
      </c>
      <c r="D38596" s="6" t="s">
        <v>37977</v>
      </c>
      <c r="E38596" s="6" t="s">
        <v>9</v>
      </c>
      <c r="F38596" s="7">
        <v>40847</v>
      </c>
      <c r="G38596" s="8">
        <v>3301542</v>
      </c>
      <c r="H38596" s="8">
        <v>2575212</v>
      </c>
      <c r="I38596" s="8">
        <v>798963</v>
      </c>
      <c r="J38596" s="8">
        <v>2502579</v>
      </c>
      <c r="K38596" s="9"/>
      <c r="L38596" s="6"/>
    </row>
    <row r="38597" spans="1:12">
      <c r="A38597" s="6" t="s">
        <v>27066</v>
      </c>
      <c r="B38597" s="6" t="s">
        <v>37979</v>
      </c>
      <c r="C38597" s="6" t="s">
        <v>32230</v>
      </c>
      <c r="D38597" s="6" t="s">
        <v>37977</v>
      </c>
      <c r="E38597" s="6" t="s">
        <v>9</v>
      </c>
      <c r="F38597" s="7">
        <v>41901</v>
      </c>
      <c r="G38597" s="8">
        <v>533436</v>
      </c>
      <c r="H38597" s="8">
        <v>318996</v>
      </c>
      <c r="I38597" s="8">
        <v>250180</v>
      </c>
      <c r="J38597" s="8">
        <v>283256</v>
      </c>
      <c r="K38597" s="9"/>
      <c r="L38597" s="6"/>
    </row>
    <row r="38598" spans="1:12">
      <c r="A38598" s="6" t="s">
        <v>27066</v>
      </c>
      <c r="B38598" s="6" t="s">
        <v>37979</v>
      </c>
      <c r="C38598" s="6" t="s">
        <v>32230</v>
      </c>
      <c r="D38598" s="6" t="s">
        <v>37977</v>
      </c>
      <c r="E38598" s="6" t="s">
        <v>9</v>
      </c>
      <c r="F38598" s="7">
        <v>40491</v>
      </c>
      <c r="G38598" s="8">
        <v>87795</v>
      </c>
      <c r="H38598" s="8">
        <v>38635</v>
      </c>
      <c r="I38598" s="8">
        <v>54076</v>
      </c>
      <c r="J38598" s="8">
        <v>33719</v>
      </c>
      <c r="K38598" s="9"/>
      <c r="L38598" s="6"/>
    </row>
    <row r="38599" spans="1:12">
      <c r="A38599" s="6" t="s">
        <v>27066</v>
      </c>
      <c r="B38599" s="6" t="s">
        <v>37979</v>
      </c>
      <c r="C38599" s="6" t="s">
        <v>32230</v>
      </c>
      <c r="D38599" s="6" t="s">
        <v>37977</v>
      </c>
      <c r="E38599" s="6" t="s">
        <v>9</v>
      </c>
      <c r="F38599" s="7">
        <v>40844</v>
      </c>
      <c r="G38599" s="8">
        <v>1009829</v>
      </c>
      <c r="H38599" s="8">
        <v>500879</v>
      </c>
      <c r="I38599" s="8">
        <v>565500</v>
      </c>
      <c r="J38599" s="8">
        <v>444329</v>
      </c>
      <c r="K38599" s="9"/>
      <c r="L38599" s="6"/>
    </row>
    <row r="38600" spans="1:12">
      <c r="A38600" s="6" t="s">
        <v>27066</v>
      </c>
      <c r="B38600" s="6" t="s">
        <v>37979</v>
      </c>
      <c r="C38600" s="6" t="s">
        <v>32230</v>
      </c>
      <c r="D38600" s="6" t="s">
        <v>37977</v>
      </c>
      <c r="E38600" s="6" t="s">
        <v>9</v>
      </c>
      <c r="F38600" s="7">
        <v>40480</v>
      </c>
      <c r="G38600" s="8">
        <v>82999</v>
      </c>
      <c r="H38600" s="8">
        <v>62924</v>
      </c>
      <c r="I38600" s="8">
        <v>21900</v>
      </c>
      <c r="J38600" s="8">
        <v>61099</v>
      </c>
      <c r="K38600" s="9"/>
      <c r="L38600" s="6"/>
    </row>
    <row r="38601" spans="1:12">
      <c r="A38601" s="6" t="s">
        <v>27066</v>
      </c>
      <c r="B38601" s="6" t="s">
        <v>37979</v>
      </c>
      <c r="C38601" s="6" t="s">
        <v>32230</v>
      </c>
      <c r="D38601" s="6" t="s">
        <v>37977</v>
      </c>
      <c r="E38601" s="6" t="s">
        <v>9</v>
      </c>
      <c r="F38601" s="7">
        <v>40492</v>
      </c>
      <c r="G38601" s="8">
        <v>192743</v>
      </c>
      <c r="H38601" s="8">
        <v>63613</v>
      </c>
      <c r="I38601" s="8">
        <v>142043</v>
      </c>
      <c r="J38601" s="8">
        <v>50700</v>
      </c>
      <c r="K38601" s="9"/>
      <c r="L38601" s="6"/>
    </row>
    <row r="38602" spans="1:12">
      <c r="A38602" s="6" t="s">
        <v>27066</v>
      </c>
      <c r="B38602" s="6" t="s">
        <v>37979</v>
      </c>
      <c r="C38602" s="6" t="s">
        <v>32230</v>
      </c>
      <c r="D38602" s="6" t="s">
        <v>37977</v>
      </c>
      <c r="E38602" s="6" t="s">
        <v>9</v>
      </c>
      <c r="F38602" s="7">
        <v>40847</v>
      </c>
      <c r="G38602" s="8">
        <v>119888</v>
      </c>
      <c r="H38602" s="8">
        <v>93518</v>
      </c>
      <c r="I38602" s="8">
        <v>29007</v>
      </c>
      <c r="J38602" s="8">
        <v>90881</v>
      </c>
      <c r="K38602" s="9"/>
      <c r="L38602" s="6"/>
    </row>
    <row r="38603" spans="1:12">
      <c r="A38603" s="6" t="s">
        <v>27066</v>
      </c>
      <c r="B38603" s="6" t="s">
        <v>37980</v>
      </c>
      <c r="C38603" s="6" t="s">
        <v>32230</v>
      </c>
      <c r="D38603" s="6" t="s">
        <v>37977</v>
      </c>
      <c r="E38603" s="6" t="s">
        <v>9</v>
      </c>
      <c r="F38603" s="7">
        <v>26724</v>
      </c>
      <c r="G38603" s="8">
        <v>338715000</v>
      </c>
      <c r="H38603" s="8">
        <v>1</v>
      </c>
      <c r="I38603" s="8">
        <v>338714999</v>
      </c>
      <c r="J38603" s="8">
        <v>1</v>
      </c>
      <c r="K38603" s="9">
        <v>2509</v>
      </c>
      <c r="L38603" s="6"/>
    </row>
    <row r="38604" spans="1:12">
      <c r="A38604" s="6" t="s">
        <v>27066</v>
      </c>
      <c r="B38604" s="6" t="s">
        <v>37980</v>
      </c>
      <c r="C38604" s="6" t="s">
        <v>32230</v>
      </c>
      <c r="D38604" s="6" t="s">
        <v>37977</v>
      </c>
      <c r="E38604" s="6" t="s">
        <v>9</v>
      </c>
      <c r="F38604" s="7">
        <v>40844</v>
      </c>
      <c r="G38604" s="8">
        <v>22825785</v>
      </c>
      <c r="H38604" s="8">
        <v>11321598</v>
      </c>
      <c r="I38604" s="8">
        <v>12782430</v>
      </c>
      <c r="J38604" s="8">
        <v>10043355</v>
      </c>
      <c r="K38604" s="9"/>
      <c r="L38604" s="6"/>
    </row>
    <row r="38605" spans="1:12">
      <c r="A38605" s="6" t="s">
        <v>27066</v>
      </c>
      <c r="B38605" s="6" t="s">
        <v>37980</v>
      </c>
      <c r="C38605" s="6" t="s">
        <v>32230</v>
      </c>
      <c r="D38605" s="6" t="s">
        <v>37977</v>
      </c>
      <c r="E38605" s="6" t="s">
        <v>9</v>
      </c>
      <c r="F38605" s="7">
        <v>40480</v>
      </c>
      <c r="G38605" s="8">
        <v>1876091</v>
      </c>
      <c r="H38605" s="8">
        <v>1422077</v>
      </c>
      <c r="I38605" s="8">
        <v>495288</v>
      </c>
      <c r="J38605" s="8">
        <v>1380803</v>
      </c>
      <c r="K38605" s="9"/>
      <c r="L38605" s="6"/>
    </row>
    <row r="38606" spans="1:12">
      <c r="A38606" s="6" t="s">
        <v>27066</v>
      </c>
      <c r="B38606" s="6" t="s">
        <v>37980</v>
      </c>
      <c r="C38606" s="6" t="s">
        <v>32230</v>
      </c>
      <c r="D38606" s="6" t="s">
        <v>37977</v>
      </c>
      <c r="E38606" s="6" t="s">
        <v>9</v>
      </c>
      <c r="F38606" s="7">
        <v>40492</v>
      </c>
      <c r="G38606" s="8">
        <v>4356702</v>
      </c>
      <c r="H38606" s="8">
        <v>1437712</v>
      </c>
      <c r="I38606" s="8">
        <v>3210889</v>
      </c>
      <c r="J38606" s="8">
        <v>1145813</v>
      </c>
      <c r="K38606" s="9"/>
      <c r="L38606" s="6"/>
    </row>
    <row r="38607" spans="1:12">
      <c r="A38607" s="6" t="s">
        <v>27066</v>
      </c>
      <c r="B38607" s="6" t="s">
        <v>37980</v>
      </c>
      <c r="C38607" s="6" t="s">
        <v>32230</v>
      </c>
      <c r="D38607" s="6" t="s">
        <v>37977</v>
      </c>
      <c r="E38607" s="6" t="s">
        <v>9</v>
      </c>
      <c r="F38607" s="7">
        <v>40847</v>
      </c>
      <c r="G38607" s="8">
        <v>2709910</v>
      </c>
      <c r="H38607" s="8">
        <v>2113730</v>
      </c>
      <c r="I38607" s="8">
        <v>655798</v>
      </c>
      <c r="J38607" s="8">
        <v>2054112</v>
      </c>
      <c r="K38607" s="9"/>
      <c r="L38607" s="6"/>
    </row>
    <row r="38608" spans="1:12">
      <c r="A38608" s="6" t="s">
        <v>27066</v>
      </c>
      <c r="B38608" s="6" t="s">
        <v>37980</v>
      </c>
      <c r="C38608" s="6" t="s">
        <v>32230</v>
      </c>
      <c r="D38608" s="6" t="s">
        <v>37977</v>
      </c>
      <c r="E38608" s="6" t="s">
        <v>9</v>
      </c>
      <c r="F38608" s="7">
        <v>39535</v>
      </c>
      <c r="G38608" s="8">
        <v>3543729</v>
      </c>
      <c r="H38608" s="8">
        <v>2530223</v>
      </c>
      <c r="I38608" s="8">
        <v>1091468</v>
      </c>
      <c r="J38608" s="8">
        <v>2452261</v>
      </c>
      <c r="K38608" s="9"/>
      <c r="L38608" s="6"/>
    </row>
    <row r="38609" spans="1:12">
      <c r="A38609" s="6" t="s">
        <v>27066</v>
      </c>
      <c r="B38609" s="6" t="s">
        <v>37980</v>
      </c>
      <c r="C38609" s="6" t="s">
        <v>32230</v>
      </c>
      <c r="D38609" s="6" t="s">
        <v>37977</v>
      </c>
      <c r="E38609" s="6" t="s">
        <v>9</v>
      </c>
      <c r="F38609" s="7">
        <v>40844</v>
      </c>
      <c r="G38609" s="8">
        <v>6666380</v>
      </c>
      <c r="H38609" s="8">
        <v>2646557</v>
      </c>
      <c r="I38609" s="8">
        <v>4466470</v>
      </c>
      <c r="J38609" s="8">
        <v>2199910</v>
      </c>
      <c r="K38609" s="9"/>
      <c r="L38609" s="6"/>
    </row>
    <row r="38610" spans="1:12">
      <c r="A38610" s="6" t="s">
        <v>27066</v>
      </c>
      <c r="B38610" s="6" t="s">
        <v>37980</v>
      </c>
      <c r="C38610" s="6" t="s">
        <v>32230</v>
      </c>
      <c r="D38610" s="6" t="s">
        <v>37977</v>
      </c>
      <c r="E38610" s="6" t="s">
        <v>9</v>
      </c>
      <c r="F38610" s="7">
        <v>40480</v>
      </c>
      <c r="G38610" s="8">
        <v>458600</v>
      </c>
      <c r="H38610" s="8">
        <v>357710</v>
      </c>
      <c r="I38610" s="8">
        <v>110979</v>
      </c>
      <c r="J38610" s="8">
        <v>347621</v>
      </c>
      <c r="K38610" s="9"/>
      <c r="L38610" s="6"/>
    </row>
    <row r="38611" spans="1:12">
      <c r="A38611" s="6" t="s">
        <v>27066</v>
      </c>
      <c r="B38611" s="6" t="s">
        <v>37980</v>
      </c>
      <c r="C38611" s="6" t="s">
        <v>32230</v>
      </c>
      <c r="D38611" s="6" t="s">
        <v>37977</v>
      </c>
      <c r="E38611" s="6" t="s">
        <v>9</v>
      </c>
      <c r="F38611" s="7">
        <v>40480</v>
      </c>
      <c r="G38611" s="8">
        <v>64204035</v>
      </c>
      <c r="H38611" s="8">
        <v>48666667</v>
      </c>
      <c r="I38611" s="8">
        <v>16949856</v>
      </c>
      <c r="J38611" s="8">
        <v>47254179</v>
      </c>
      <c r="K38611" s="9"/>
      <c r="L38611" s="6"/>
    </row>
    <row r="38612" spans="1:12">
      <c r="A38612" s="6" t="s">
        <v>27066</v>
      </c>
      <c r="B38612" s="6" t="s">
        <v>37980</v>
      </c>
      <c r="C38612" s="6" t="s">
        <v>32230</v>
      </c>
      <c r="D38612" s="6" t="s">
        <v>37977</v>
      </c>
      <c r="E38612" s="6" t="s">
        <v>9</v>
      </c>
      <c r="F38612" s="7">
        <v>40584</v>
      </c>
      <c r="G38612" s="8">
        <v>708745</v>
      </c>
      <c r="H38612" s="8">
        <v>552825</v>
      </c>
      <c r="I38612" s="8">
        <v>171512</v>
      </c>
      <c r="J38612" s="8">
        <v>537233</v>
      </c>
      <c r="K38612" s="9"/>
      <c r="L38612" s="6"/>
    </row>
    <row r="38613" spans="1:12">
      <c r="A38613" s="6" t="s">
        <v>27066</v>
      </c>
      <c r="B38613" s="6" t="s">
        <v>37980</v>
      </c>
      <c r="C38613" s="6" t="s">
        <v>32230</v>
      </c>
      <c r="D38613" s="6" t="s">
        <v>37977</v>
      </c>
      <c r="E38613" s="6" t="s">
        <v>9</v>
      </c>
      <c r="F38613" s="7">
        <v>40847</v>
      </c>
      <c r="G38613" s="8">
        <v>74626768</v>
      </c>
      <c r="H38613" s="8">
        <v>58208888</v>
      </c>
      <c r="I38613" s="8">
        <v>18059668</v>
      </c>
      <c r="J38613" s="8">
        <v>56567100</v>
      </c>
      <c r="K38613" s="9"/>
      <c r="L38613" s="6"/>
    </row>
    <row r="38614" spans="1:12">
      <c r="A38614" s="6" t="s">
        <v>27066</v>
      </c>
      <c r="B38614" s="6" t="s">
        <v>37980</v>
      </c>
      <c r="C38614" s="6" t="s">
        <v>32230</v>
      </c>
      <c r="D38614" s="6" t="s">
        <v>37977</v>
      </c>
      <c r="E38614" s="6" t="s">
        <v>9</v>
      </c>
      <c r="F38614" s="7">
        <v>41901</v>
      </c>
      <c r="G38614" s="8">
        <v>12057589</v>
      </c>
      <c r="H38614" s="8">
        <v>7210441</v>
      </c>
      <c r="I38614" s="8">
        <v>5655006</v>
      </c>
      <c r="J38614" s="8">
        <v>6402583</v>
      </c>
      <c r="K38614" s="9"/>
      <c r="L38614" s="6"/>
    </row>
    <row r="38615" spans="1:12">
      <c r="A38615" s="6" t="s">
        <v>27066</v>
      </c>
      <c r="B38615" s="6" t="s">
        <v>37980</v>
      </c>
      <c r="C38615" s="6" t="s">
        <v>32230</v>
      </c>
      <c r="D38615" s="6" t="s">
        <v>37977</v>
      </c>
      <c r="E38615" s="6" t="s">
        <v>9</v>
      </c>
      <c r="F38615" s="7">
        <v>40491</v>
      </c>
      <c r="G38615" s="8">
        <v>1984488</v>
      </c>
      <c r="H38615" s="8">
        <v>873178</v>
      </c>
      <c r="I38615" s="8">
        <v>1222441</v>
      </c>
      <c r="J38615" s="8">
        <v>762047</v>
      </c>
      <c r="K38615" s="9"/>
      <c r="L38615" s="6"/>
    </row>
    <row r="38616" spans="1:12">
      <c r="A38616" s="6" t="s">
        <v>27066</v>
      </c>
      <c r="B38616" s="6" t="s">
        <v>37981</v>
      </c>
      <c r="C38616" s="6" t="s">
        <v>32230</v>
      </c>
      <c r="D38616" s="6" t="s">
        <v>37977</v>
      </c>
      <c r="E38616" s="6" t="s">
        <v>9</v>
      </c>
      <c r="F38616" s="7">
        <v>26724</v>
      </c>
      <c r="G38616" s="8">
        <v>21520000</v>
      </c>
      <c r="H38616" s="8">
        <v>1</v>
      </c>
      <c r="I38616" s="8">
        <v>21519999</v>
      </c>
      <c r="J38616" s="8">
        <v>1</v>
      </c>
      <c r="K38616" s="9">
        <v>269</v>
      </c>
      <c r="L38616" s="6"/>
    </row>
    <row r="38617" spans="1:12">
      <c r="A38617" s="6" t="s">
        <v>27066</v>
      </c>
      <c r="B38617" s="6" t="s">
        <v>37981</v>
      </c>
      <c r="C38617" s="6" t="s">
        <v>32230</v>
      </c>
      <c r="D38617" s="6" t="s">
        <v>37977</v>
      </c>
      <c r="E38617" s="6" t="s">
        <v>9</v>
      </c>
      <c r="F38617" s="7">
        <v>43251</v>
      </c>
      <c r="G38617" s="8">
        <v>1188000</v>
      </c>
      <c r="H38617" s="8">
        <v>1028808</v>
      </c>
      <c r="I38617" s="8">
        <v>238788</v>
      </c>
      <c r="J38617" s="8">
        <v>949212</v>
      </c>
      <c r="K38617" s="9"/>
      <c r="L38617" s="6"/>
    </row>
    <row r="38618" spans="1:12">
      <c r="A38618" s="6" t="s">
        <v>27066</v>
      </c>
      <c r="B38618" s="6" t="s">
        <v>37981</v>
      </c>
      <c r="C38618" s="6" t="s">
        <v>32230</v>
      </c>
      <c r="D38618" s="6" t="s">
        <v>37977</v>
      </c>
      <c r="E38618" s="6" t="s">
        <v>9</v>
      </c>
      <c r="F38618" s="7">
        <v>43271</v>
      </c>
      <c r="G38618" s="8">
        <v>756000</v>
      </c>
      <c r="H38618" s="8">
        <v>654696</v>
      </c>
      <c r="I38618" s="8">
        <v>151956</v>
      </c>
      <c r="J38618" s="8">
        <v>604044</v>
      </c>
      <c r="K38618" s="9"/>
      <c r="L38618" s="6"/>
    </row>
    <row r="38619" spans="1:12">
      <c r="A38619" s="6" t="s">
        <v>27066</v>
      </c>
      <c r="B38619" s="6" t="s">
        <v>37982</v>
      </c>
      <c r="C38619" s="6" t="s">
        <v>32230</v>
      </c>
      <c r="D38619" s="6" t="s">
        <v>37977</v>
      </c>
      <c r="E38619" s="6" t="s">
        <v>9</v>
      </c>
      <c r="F38619" s="7">
        <v>26724</v>
      </c>
      <c r="G38619" s="8">
        <v>40640000</v>
      </c>
      <c r="H38619" s="8">
        <v>1</v>
      </c>
      <c r="I38619" s="8">
        <v>40639999</v>
      </c>
      <c r="J38619" s="8">
        <v>1</v>
      </c>
      <c r="K38619" s="9">
        <v>508</v>
      </c>
      <c r="L38619" s="6"/>
    </row>
    <row r="38620" spans="1:12">
      <c r="A38620" s="6" t="s">
        <v>27066</v>
      </c>
      <c r="B38620" s="6" t="s">
        <v>37983</v>
      </c>
      <c r="C38620" s="6" t="s">
        <v>32230</v>
      </c>
      <c r="D38620" s="6" t="s">
        <v>37977</v>
      </c>
      <c r="E38620" s="6" t="s">
        <v>9</v>
      </c>
      <c r="F38620" s="7">
        <v>39295</v>
      </c>
      <c r="G38620" s="8">
        <v>3920000</v>
      </c>
      <c r="H38620" s="8">
        <v>2391200</v>
      </c>
      <c r="I38620" s="8">
        <v>1646400</v>
      </c>
      <c r="J38620" s="8">
        <v>2273600</v>
      </c>
      <c r="K38620" s="9">
        <v>49</v>
      </c>
      <c r="L38620" s="6"/>
    </row>
    <row r="38621" spans="1:12">
      <c r="A38621" s="6" t="s">
        <v>27066</v>
      </c>
      <c r="B38621" s="6" t="s">
        <v>37983</v>
      </c>
      <c r="C38621" s="6" t="s">
        <v>32230</v>
      </c>
      <c r="D38621" s="6" t="s">
        <v>37977</v>
      </c>
      <c r="E38621" s="6" t="s">
        <v>9</v>
      </c>
      <c r="F38621" s="7">
        <v>39325</v>
      </c>
      <c r="G38621" s="8">
        <v>26985000</v>
      </c>
      <c r="H38621" s="8">
        <v>6287505</v>
      </c>
      <c r="I38621" s="8">
        <v>22289610</v>
      </c>
      <c r="J38621" s="8">
        <v>4695390</v>
      </c>
      <c r="K38621" s="9"/>
      <c r="L38621" s="6"/>
    </row>
    <row r="38622" spans="1:12">
      <c r="A38622" s="6" t="s">
        <v>27066</v>
      </c>
      <c r="B38622" s="6" t="s">
        <v>37984</v>
      </c>
      <c r="C38622" s="6" t="s">
        <v>32230</v>
      </c>
      <c r="D38622" s="6" t="s">
        <v>37977</v>
      </c>
      <c r="E38622" s="6" t="s">
        <v>9</v>
      </c>
      <c r="F38622" s="7">
        <v>26877</v>
      </c>
      <c r="G38622" s="8">
        <v>42000000</v>
      </c>
      <c r="H38622" s="8">
        <v>1</v>
      </c>
      <c r="I38622" s="8">
        <v>41999999</v>
      </c>
      <c r="J38622" s="8">
        <v>1</v>
      </c>
      <c r="K38622" s="9">
        <v>525</v>
      </c>
      <c r="L38622" s="6"/>
    </row>
    <row r="38623" spans="1:12">
      <c r="A38623" s="6" t="s">
        <v>27066</v>
      </c>
      <c r="B38623" s="6" t="s">
        <v>37985</v>
      </c>
      <c r="C38623" s="6" t="s">
        <v>32230</v>
      </c>
      <c r="D38623" s="6" t="s">
        <v>37977</v>
      </c>
      <c r="E38623" s="6" t="s">
        <v>9</v>
      </c>
      <c r="F38623" s="7">
        <v>26877</v>
      </c>
      <c r="G38623" s="8">
        <v>1120000</v>
      </c>
      <c r="H38623" s="8">
        <v>1</v>
      </c>
      <c r="I38623" s="8">
        <v>1119999</v>
      </c>
      <c r="J38623" s="8">
        <v>1</v>
      </c>
      <c r="K38623" s="9">
        <v>14</v>
      </c>
      <c r="L38623" s="6"/>
    </row>
    <row r="38624" spans="1:12">
      <c r="A38624" s="6" t="s">
        <v>27066</v>
      </c>
      <c r="B38624" s="6" t="s">
        <v>37986</v>
      </c>
      <c r="C38624" s="6" t="s">
        <v>32230</v>
      </c>
      <c r="D38624" s="6" t="s">
        <v>37977</v>
      </c>
      <c r="E38624" s="6" t="s">
        <v>9</v>
      </c>
      <c r="F38624" s="7">
        <v>26877</v>
      </c>
      <c r="G38624" s="8">
        <v>4640000</v>
      </c>
      <c r="H38624" s="8">
        <v>1</v>
      </c>
      <c r="I38624" s="8">
        <v>4639999</v>
      </c>
      <c r="J38624" s="8">
        <v>1</v>
      </c>
      <c r="K38624" s="9">
        <v>58</v>
      </c>
      <c r="L38624" s="6"/>
    </row>
    <row r="38625" spans="1:12">
      <c r="A38625" s="6" t="s">
        <v>27066</v>
      </c>
      <c r="B38625" s="6" t="s">
        <v>37987</v>
      </c>
      <c r="C38625" s="6" t="s">
        <v>32230</v>
      </c>
      <c r="D38625" s="6" t="s">
        <v>37977</v>
      </c>
      <c r="E38625" s="6" t="s">
        <v>9</v>
      </c>
      <c r="F38625" s="7">
        <v>26420</v>
      </c>
      <c r="G38625" s="8">
        <v>133515000</v>
      </c>
      <c r="H38625" s="8">
        <v>1</v>
      </c>
      <c r="I38625" s="8">
        <v>133514999</v>
      </c>
      <c r="J38625" s="8">
        <v>1</v>
      </c>
      <c r="K38625" s="9">
        <v>989</v>
      </c>
      <c r="L38625" s="6"/>
    </row>
    <row r="38626" spans="1:12">
      <c r="A38626" s="6" t="s">
        <v>27066</v>
      </c>
      <c r="B38626" s="6" t="s">
        <v>37987</v>
      </c>
      <c r="C38626" s="6" t="s">
        <v>32230</v>
      </c>
      <c r="D38626" s="6" t="s">
        <v>37977</v>
      </c>
      <c r="E38626" s="6" t="s">
        <v>9</v>
      </c>
      <c r="F38626" s="7">
        <v>40844</v>
      </c>
      <c r="G38626" s="8">
        <v>2627760</v>
      </c>
      <c r="H38626" s="8">
        <v>1043229</v>
      </c>
      <c r="I38626" s="8">
        <v>1760590</v>
      </c>
      <c r="J38626" s="8">
        <v>867170</v>
      </c>
      <c r="K38626" s="9"/>
      <c r="L38626" s="6"/>
    </row>
    <row r="38627" spans="1:12">
      <c r="A38627" s="6" t="s">
        <v>27066</v>
      </c>
      <c r="B38627" s="6" t="s">
        <v>37987</v>
      </c>
      <c r="C38627" s="6" t="s">
        <v>32230</v>
      </c>
      <c r="D38627" s="6" t="s">
        <v>37977</v>
      </c>
      <c r="E38627" s="6" t="s">
        <v>9</v>
      </c>
      <c r="F38627" s="7">
        <v>40480</v>
      </c>
      <c r="G38627" s="8">
        <v>180771</v>
      </c>
      <c r="H38627" s="8">
        <v>141011</v>
      </c>
      <c r="I38627" s="8">
        <v>43736</v>
      </c>
      <c r="J38627" s="8">
        <v>137035</v>
      </c>
      <c r="K38627" s="9"/>
      <c r="L38627" s="6"/>
    </row>
    <row r="38628" spans="1:12">
      <c r="A38628" s="6" t="s">
        <v>27066</v>
      </c>
      <c r="B38628" s="6" t="s">
        <v>37987</v>
      </c>
      <c r="C38628" s="6" t="s">
        <v>32230</v>
      </c>
      <c r="D38628" s="6" t="s">
        <v>37977</v>
      </c>
      <c r="E38628" s="6" t="s">
        <v>9</v>
      </c>
      <c r="F38628" s="7">
        <v>40480</v>
      </c>
      <c r="G38628" s="8">
        <v>25308007</v>
      </c>
      <c r="H38628" s="8">
        <v>19183471</v>
      </c>
      <c r="I38628" s="8">
        <v>6681312</v>
      </c>
      <c r="J38628" s="8">
        <v>18626695</v>
      </c>
      <c r="K38628" s="9"/>
      <c r="L38628" s="6"/>
    </row>
    <row r="38629" spans="1:12">
      <c r="A38629" s="6" t="s">
        <v>27066</v>
      </c>
      <c r="B38629" s="6" t="s">
        <v>37987</v>
      </c>
      <c r="C38629" s="6" t="s">
        <v>32230</v>
      </c>
      <c r="D38629" s="6" t="s">
        <v>37977</v>
      </c>
      <c r="E38629" s="6" t="s">
        <v>9</v>
      </c>
      <c r="F38629" s="7">
        <v>40584</v>
      </c>
      <c r="G38629" s="8">
        <v>279374</v>
      </c>
      <c r="H38629" s="8">
        <v>217914</v>
      </c>
      <c r="I38629" s="8">
        <v>67606</v>
      </c>
      <c r="J38629" s="8">
        <v>211768</v>
      </c>
      <c r="K38629" s="9"/>
      <c r="L38629" s="6"/>
    </row>
    <row r="38630" spans="1:12">
      <c r="A38630" s="6" t="s">
        <v>27066</v>
      </c>
      <c r="B38630" s="6" t="s">
        <v>37987</v>
      </c>
      <c r="C38630" s="6" t="s">
        <v>32230</v>
      </c>
      <c r="D38630" s="6" t="s">
        <v>37977</v>
      </c>
      <c r="E38630" s="6" t="s">
        <v>9</v>
      </c>
      <c r="F38630" s="7">
        <v>40847</v>
      </c>
      <c r="G38630" s="8">
        <v>29416450</v>
      </c>
      <c r="H38630" s="8">
        <v>22944840</v>
      </c>
      <c r="I38630" s="8">
        <v>7118771</v>
      </c>
      <c r="J38630" s="8">
        <v>22297679</v>
      </c>
      <c r="K38630" s="9"/>
      <c r="L38630" s="6"/>
    </row>
    <row r="38631" spans="1:12">
      <c r="A38631" s="6" t="s">
        <v>27066</v>
      </c>
      <c r="B38631" s="6" t="s">
        <v>37987</v>
      </c>
      <c r="C38631" s="6" t="s">
        <v>32230</v>
      </c>
      <c r="D38631" s="6" t="s">
        <v>37977</v>
      </c>
      <c r="E38631" s="6" t="s">
        <v>9</v>
      </c>
      <c r="F38631" s="7">
        <v>41901</v>
      </c>
      <c r="G38631" s="8">
        <v>4752871</v>
      </c>
      <c r="H38631" s="8">
        <v>2842219</v>
      </c>
      <c r="I38631" s="8">
        <v>2229094</v>
      </c>
      <c r="J38631" s="8">
        <v>2523777</v>
      </c>
      <c r="K38631" s="9"/>
      <c r="L38631" s="6"/>
    </row>
    <row r="38632" spans="1:12">
      <c r="A38632" s="6" t="s">
        <v>27066</v>
      </c>
      <c r="B38632" s="6" t="s">
        <v>37987</v>
      </c>
      <c r="C38632" s="6" t="s">
        <v>32230</v>
      </c>
      <c r="D38632" s="6" t="s">
        <v>37977</v>
      </c>
      <c r="E38632" s="6" t="s">
        <v>9</v>
      </c>
      <c r="F38632" s="7">
        <v>40491</v>
      </c>
      <c r="G38632" s="8">
        <v>782247</v>
      </c>
      <c r="H38632" s="8">
        <v>344197</v>
      </c>
      <c r="I38632" s="8">
        <v>481855</v>
      </c>
      <c r="J38632" s="8">
        <v>300392</v>
      </c>
      <c r="K38632" s="9"/>
      <c r="L38632" s="6"/>
    </row>
    <row r="38633" spans="1:12">
      <c r="A38633" s="6" t="s">
        <v>27066</v>
      </c>
      <c r="B38633" s="6" t="s">
        <v>37987</v>
      </c>
      <c r="C38633" s="6" t="s">
        <v>32230</v>
      </c>
      <c r="D38633" s="6" t="s">
        <v>37977</v>
      </c>
      <c r="E38633" s="6" t="s">
        <v>9</v>
      </c>
      <c r="F38633" s="7">
        <v>40844</v>
      </c>
      <c r="G38633" s="8">
        <v>8997489</v>
      </c>
      <c r="H38633" s="8">
        <v>4462758</v>
      </c>
      <c r="I38633" s="8">
        <v>5038590</v>
      </c>
      <c r="J38633" s="8">
        <v>3958899</v>
      </c>
      <c r="K38633" s="9"/>
      <c r="L38633" s="6"/>
    </row>
    <row r="38634" spans="1:12">
      <c r="A38634" s="6" t="s">
        <v>27066</v>
      </c>
      <c r="B38634" s="6" t="s">
        <v>37987</v>
      </c>
      <c r="C38634" s="6" t="s">
        <v>32230</v>
      </c>
      <c r="D38634" s="6" t="s">
        <v>37977</v>
      </c>
      <c r="E38634" s="6" t="s">
        <v>9</v>
      </c>
      <c r="F38634" s="7">
        <v>40480</v>
      </c>
      <c r="G38634" s="8">
        <v>739519</v>
      </c>
      <c r="H38634" s="8">
        <v>560560</v>
      </c>
      <c r="I38634" s="8">
        <v>195228</v>
      </c>
      <c r="J38634" s="8">
        <v>544291</v>
      </c>
      <c r="K38634" s="9"/>
      <c r="L38634" s="6"/>
    </row>
    <row r="38635" spans="1:12">
      <c r="A38635" s="6" t="s">
        <v>27066</v>
      </c>
      <c r="B38635" s="6" t="s">
        <v>37987</v>
      </c>
      <c r="C38635" s="6" t="s">
        <v>32230</v>
      </c>
      <c r="D38635" s="6" t="s">
        <v>37977</v>
      </c>
      <c r="E38635" s="6" t="s">
        <v>9</v>
      </c>
      <c r="F38635" s="7">
        <v>40492</v>
      </c>
      <c r="G38635" s="8">
        <v>1717329</v>
      </c>
      <c r="H38635" s="8">
        <v>566719</v>
      </c>
      <c r="I38635" s="8">
        <v>1265671</v>
      </c>
      <c r="J38635" s="8">
        <v>451658</v>
      </c>
      <c r="K38635" s="9"/>
      <c r="L38635" s="6"/>
    </row>
    <row r="38636" spans="1:12">
      <c r="A38636" s="6" t="s">
        <v>27066</v>
      </c>
      <c r="B38636" s="6" t="s">
        <v>37987</v>
      </c>
      <c r="C38636" s="6" t="s">
        <v>32230</v>
      </c>
      <c r="D38636" s="6" t="s">
        <v>37977</v>
      </c>
      <c r="E38636" s="6" t="s">
        <v>9</v>
      </c>
      <c r="F38636" s="7">
        <v>40847</v>
      </c>
      <c r="G38636" s="8">
        <v>1068195</v>
      </c>
      <c r="H38636" s="8">
        <v>833195</v>
      </c>
      <c r="I38636" s="8">
        <v>258500</v>
      </c>
      <c r="J38636" s="8">
        <v>809695</v>
      </c>
      <c r="K38636" s="9"/>
      <c r="L38636" s="6"/>
    </row>
    <row r="38637" spans="1:12">
      <c r="A38637" s="6" t="s">
        <v>27066</v>
      </c>
      <c r="B38637" s="6" t="s">
        <v>37987</v>
      </c>
      <c r="C38637" s="6" t="s">
        <v>32230</v>
      </c>
      <c r="D38637" s="6" t="s">
        <v>37977</v>
      </c>
      <c r="E38637" s="6" t="s">
        <v>9</v>
      </c>
      <c r="F38637" s="7">
        <v>39535</v>
      </c>
      <c r="G38637" s="8">
        <v>1396870</v>
      </c>
      <c r="H38637" s="8">
        <v>997367</v>
      </c>
      <c r="I38637" s="8">
        <v>430234</v>
      </c>
      <c r="J38637" s="8">
        <v>966636</v>
      </c>
      <c r="K38637" s="9"/>
      <c r="L38637" s="6"/>
    </row>
    <row r="38638" spans="1:12">
      <c r="A38638" s="6" t="s">
        <v>27066</v>
      </c>
      <c r="B38638" s="6" t="s">
        <v>37988</v>
      </c>
      <c r="C38638" s="6" t="s">
        <v>32230</v>
      </c>
      <c r="D38638" s="6" t="s">
        <v>37977</v>
      </c>
      <c r="E38638" s="6" t="s">
        <v>9</v>
      </c>
      <c r="F38638" s="7">
        <v>30987</v>
      </c>
      <c r="G38638" s="8">
        <v>82215000</v>
      </c>
      <c r="H38638" s="8">
        <v>17100720</v>
      </c>
      <c r="I38638" s="8">
        <v>66923010</v>
      </c>
      <c r="J38638" s="8">
        <v>15291990</v>
      </c>
      <c r="K38638" s="9">
        <v>609</v>
      </c>
      <c r="L38638" s="6"/>
    </row>
    <row r="38639" spans="1:12">
      <c r="A38639" s="6" t="s">
        <v>27066</v>
      </c>
      <c r="B38639" s="6" t="s">
        <v>37989</v>
      </c>
      <c r="C38639" s="6" t="s">
        <v>32230</v>
      </c>
      <c r="D38639" s="6" t="s">
        <v>37977</v>
      </c>
      <c r="E38639" s="6" t="s">
        <v>9</v>
      </c>
      <c r="F38639" s="7">
        <v>41192</v>
      </c>
      <c r="G38639" s="8">
        <v>3669750</v>
      </c>
      <c r="H38639" s="8">
        <v>2877086</v>
      </c>
      <c r="I38639" s="8">
        <v>891747</v>
      </c>
      <c r="J38639" s="8">
        <v>2778003</v>
      </c>
      <c r="K38639" s="9">
        <v>39.75</v>
      </c>
      <c r="L38639" s="6"/>
    </row>
    <row r="38640" spans="1:12">
      <c r="A38640" s="6" t="s">
        <v>27066</v>
      </c>
      <c r="B38640" s="6" t="s">
        <v>37990</v>
      </c>
      <c r="C38640" s="6" t="s">
        <v>32230</v>
      </c>
      <c r="D38640" s="6" t="s">
        <v>37977</v>
      </c>
      <c r="E38640" s="6" t="s">
        <v>9</v>
      </c>
      <c r="F38640" s="7">
        <v>32417</v>
      </c>
      <c r="G38640" s="8">
        <v>41445000</v>
      </c>
      <c r="H38640" s="8">
        <v>12267720</v>
      </c>
      <c r="I38640" s="8">
        <v>30089070</v>
      </c>
      <c r="J38640" s="8">
        <v>11355930</v>
      </c>
      <c r="K38640" s="9">
        <v>307</v>
      </c>
      <c r="L38640" s="6"/>
    </row>
    <row r="38641" spans="1:12">
      <c r="A38641" s="6" t="s">
        <v>27066</v>
      </c>
      <c r="B38641" s="6" t="s">
        <v>37990</v>
      </c>
      <c r="C38641" s="6" t="s">
        <v>32230</v>
      </c>
      <c r="D38641" s="6" t="s">
        <v>37977</v>
      </c>
      <c r="E38641" s="6" t="s">
        <v>9</v>
      </c>
      <c r="F38641" s="7">
        <v>41975</v>
      </c>
      <c r="G38641" s="8">
        <v>1080000</v>
      </c>
      <c r="H38641" s="8">
        <v>645840</v>
      </c>
      <c r="I38641" s="8">
        <v>506520</v>
      </c>
      <c r="J38641" s="8">
        <v>573480</v>
      </c>
      <c r="K38641" s="9"/>
      <c r="L38641" s="6"/>
    </row>
    <row r="38642" spans="1:12">
      <c r="A38642" s="6" t="s">
        <v>27066</v>
      </c>
      <c r="B38642" s="6" t="s">
        <v>37991</v>
      </c>
      <c r="C38642" s="6" t="s">
        <v>32230</v>
      </c>
      <c r="D38642" s="6" t="s">
        <v>37977</v>
      </c>
      <c r="E38642" s="6" t="s">
        <v>9</v>
      </c>
      <c r="F38642" s="7">
        <v>26877</v>
      </c>
      <c r="G38642" s="8">
        <v>125920000</v>
      </c>
      <c r="H38642" s="8">
        <v>1</v>
      </c>
      <c r="I38642" s="8">
        <v>125919999</v>
      </c>
      <c r="J38642" s="8">
        <v>1</v>
      </c>
      <c r="K38642" s="9">
        <v>1574</v>
      </c>
      <c r="L38642" s="6"/>
    </row>
    <row r="38643" spans="1:12">
      <c r="A38643" s="6" t="s">
        <v>27066</v>
      </c>
      <c r="B38643" s="6" t="s">
        <v>37991</v>
      </c>
      <c r="C38643" s="6" t="s">
        <v>32230</v>
      </c>
      <c r="D38643" s="6" t="s">
        <v>37977</v>
      </c>
      <c r="E38643" s="6" t="s">
        <v>9</v>
      </c>
      <c r="F38643" s="7">
        <v>39437</v>
      </c>
      <c r="G38643" s="8">
        <v>1669500</v>
      </c>
      <c r="H38643" s="8">
        <v>1018395</v>
      </c>
      <c r="I38643" s="8">
        <v>701190</v>
      </c>
      <c r="J38643" s="8">
        <v>968310</v>
      </c>
      <c r="K38643" s="9"/>
      <c r="L38643" s="6"/>
    </row>
    <row r="38644" spans="1:12">
      <c r="A38644" s="6" t="s">
        <v>27066</v>
      </c>
      <c r="B38644" s="6" t="s">
        <v>37991</v>
      </c>
      <c r="C38644" s="6" t="s">
        <v>32230</v>
      </c>
      <c r="D38644" s="6" t="s">
        <v>37977</v>
      </c>
      <c r="E38644" s="6" t="s">
        <v>9</v>
      </c>
      <c r="F38644" s="7">
        <v>39262</v>
      </c>
      <c r="G38644" s="8">
        <v>2467500</v>
      </c>
      <c r="H38644" s="8">
        <v>1505175</v>
      </c>
      <c r="I38644" s="8">
        <v>1036350</v>
      </c>
      <c r="J38644" s="8">
        <v>1431150</v>
      </c>
      <c r="K38644" s="9"/>
      <c r="L38644" s="6"/>
    </row>
    <row r="38645" spans="1:12">
      <c r="A38645" s="6" t="s">
        <v>27066</v>
      </c>
      <c r="B38645" s="6" t="s">
        <v>37991</v>
      </c>
      <c r="C38645" s="6" t="s">
        <v>32230</v>
      </c>
      <c r="D38645" s="6" t="s">
        <v>37977</v>
      </c>
      <c r="E38645" s="6" t="s">
        <v>9</v>
      </c>
      <c r="F38645" s="7">
        <v>41900</v>
      </c>
      <c r="G38645" s="8">
        <v>4320000</v>
      </c>
      <c r="H38645" s="8">
        <v>1728000</v>
      </c>
      <c r="I38645" s="8">
        <v>3024000</v>
      </c>
      <c r="J38645" s="8">
        <v>1296000</v>
      </c>
      <c r="K38645" s="9"/>
      <c r="L38645" s="6"/>
    </row>
    <row r="38646" spans="1:12">
      <c r="A38646" s="6" t="s">
        <v>27066</v>
      </c>
      <c r="B38646" s="6" t="s">
        <v>37991</v>
      </c>
      <c r="C38646" s="6" t="s">
        <v>32230</v>
      </c>
      <c r="D38646" s="6" t="s">
        <v>37977</v>
      </c>
      <c r="E38646" s="6" t="s">
        <v>9</v>
      </c>
      <c r="F38646" s="7">
        <v>39437</v>
      </c>
      <c r="G38646" s="8">
        <v>46620000</v>
      </c>
      <c r="H38646" s="8">
        <v>28438200</v>
      </c>
      <c r="I38646" s="8">
        <v>19580400</v>
      </c>
      <c r="J38646" s="8">
        <v>27039600</v>
      </c>
      <c r="K38646" s="9"/>
      <c r="L38646" s="6"/>
    </row>
    <row r="38647" spans="1:12">
      <c r="A38647" s="6" t="s">
        <v>27066</v>
      </c>
      <c r="B38647" s="6" t="s">
        <v>37991</v>
      </c>
      <c r="C38647" s="6" t="s">
        <v>32230</v>
      </c>
      <c r="D38647" s="6" t="s">
        <v>37977</v>
      </c>
      <c r="E38647" s="6" t="s">
        <v>9</v>
      </c>
      <c r="F38647" s="7">
        <v>42891</v>
      </c>
      <c r="G38647" s="8">
        <v>799200</v>
      </c>
      <c r="H38647" s="8">
        <v>664935</v>
      </c>
      <c r="I38647" s="8">
        <v>179020</v>
      </c>
      <c r="J38647" s="8">
        <v>620180</v>
      </c>
      <c r="K38647" s="9"/>
      <c r="L38647" s="6"/>
    </row>
    <row r="38648" spans="1:12">
      <c r="A38648" s="6" t="s">
        <v>27066</v>
      </c>
      <c r="B38648" s="6" t="s">
        <v>37991</v>
      </c>
      <c r="C38648" s="6" t="s">
        <v>32230</v>
      </c>
      <c r="D38648" s="6" t="s">
        <v>37977</v>
      </c>
      <c r="E38648" s="6" t="s">
        <v>9</v>
      </c>
      <c r="F38648" s="7">
        <v>39506</v>
      </c>
      <c r="G38648" s="8">
        <v>1260000</v>
      </c>
      <c r="H38648" s="8">
        <v>768600</v>
      </c>
      <c r="I38648" s="8">
        <v>529200</v>
      </c>
      <c r="J38648" s="8">
        <v>730800</v>
      </c>
      <c r="K38648" s="9"/>
      <c r="L38648" s="6"/>
    </row>
    <row r="38649" spans="1:12">
      <c r="A38649" s="6" t="s">
        <v>27066</v>
      </c>
      <c r="B38649" s="6" t="s">
        <v>37992</v>
      </c>
      <c r="C38649" s="6" t="s">
        <v>32230</v>
      </c>
      <c r="D38649" s="6" t="s">
        <v>37977</v>
      </c>
      <c r="E38649" s="6" t="s">
        <v>9</v>
      </c>
      <c r="F38649" s="7">
        <v>27607</v>
      </c>
      <c r="G38649" s="8">
        <v>8100000</v>
      </c>
      <c r="H38649" s="8">
        <v>1</v>
      </c>
      <c r="I38649" s="8">
        <v>8099999</v>
      </c>
      <c r="J38649" s="8">
        <v>1</v>
      </c>
      <c r="K38649" s="9">
        <v>135</v>
      </c>
      <c r="L38649" s="6"/>
    </row>
    <row r="38650" spans="1:12">
      <c r="A38650" s="6" t="s">
        <v>27066</v>
      </c>
      <c r="B38650" s="6" t="s">
        <v>37993</v>
      </c>
      <c r="C38650" s="6" t="s">
        <v>32230</v>
      </c>
      <c r="D38650" s="6" t="s">
        <v>37977</v>
      </c>
      <c r="E38650" s="6" t="s">
        <v>9</v>
      </c>
      <c r="F38650" s="7">
        <v>27607</v>
      </c>
      <c r="G38650" s="8">
        <v>16380000</v>
      </c>
      <c r="H38650" s="8">
        <v>1</v>
      </c>
      <c r="I38650" s="8">
        <v>16379999</v>
      </c>
      <c r="J38650" s="8">
        <v>1</v>
      </c>
      <c r="K38650" s="9">
        <v>273</v>
      </c>
      <c r="L38650" s="6"/>
    </row>
    <row r="38651" spans="1:12">
      <c r="A38651" s="6" t="s">
        <v>27066</v>
      </c>
      <c r="B38651" s="6" t="s">
        <v>37994</v>
      </c>
      <c r="C38651" s="6" t="s">
        <v>32230</v>
      </c>
      <c r="D38651" s="6" t="s">
        <v>37977</v>
      </c>
      <c r="E38651" s="6" t="s">
        <v>9</v>
      </c>
      <c r="F38651" s="7">
        <v>26724</v>
      </c>
      <c r="G38651" s="8">
        <v>20925000</v>
      </c>
      <c r="H38651" s="8">
        <v>1</v>
      </c>
      <c r="I38651" s="8">
        <v>20924999</v>
      </c>
      <c r="J38651" s="8">
        <v>1</v>
      </c>
      <c r="K38651" s="9">
        <v>155</v>
      </c>
      <c r="L38651" s="6"/>
    </row>
    <row r="38652" spans="1:12">
      <c r="A38652" s="6" t="s">
        <v>27066</v>
      </c>
      <c r="B38652" s="6" t="s">
        <v>37994</v>
      </c>
      <c r="C38652" s="6" t="s">
        <v>32230</v>
      </c>
      <c r="D38652" s="6" t="s">
        <v>37977</v>
      </c>
      <c r="E38652" s="6" t="s">
        <v>9</v>
      </c>
      <c r="F38652" s="7">
        <v>40847</v>
      </c>
      <c r="G38652" s="8">
        <v>167411</v>
      </c>
      <c r="H38652" s="8">
        <v>130581</v>
      </c>
      <c r="I38652" s="8">
        <v>40513</v>
      </c>
      <c r="J38652" s="8">
        <v>126898</v>
      </c>
      <c r="K38652" s="9"/>
      <c r="L38652" s="6"/>
    </row>
    <row r="38653" spans="1:12">
      <c r="A38653" s="6" t="s">
        <v>27066</v>
      </c>
      <c r="B38653" s="6" t="s">
        <v>37994</v>
      </c>
      <c r="C38653" s="6" t="s">
        <v>32230</v>
      </c>
      <c r="D38653" s="6" t="s">
        <v>37977</v>
      </c>
      <c r="E38653" s="6" t="s">
        <v>9</v>
      </c>
      <c r="F38653" s="7">
        <v>39535</v>
      </c>
      <c r="G38653" s="8">
        <v>218923</v>
      </c>
      <c r="H38653" s="8">
        <v>156315</v>
      </c>
      <c r="I38653" s="8">
        <v>67424</v>
      </c>
      <c r="J38653" s="8">
        <v>151499</v>
      </c>
      <c r="K38653" s="9"/>
      <c r="L38653" s="6"/>
    </row>
    <row r="38654" spans="1:12">
      <c r="A38654" s="6" t="s">
        <v>27066</v>
      </c>
      <c r="B38654" s="6" t="s">
        <v>37994</v>
      </c>
      <c r="C38654" s="6" t="s">
        <v>32230</v>
      </c>
      <c r="D38654" s="6" t="s">
        <v>37977</v>
      </c>
      <c r="E38654" s="6" t="s">
        <v>9</v>
      </c>
      <c r="F38654" s="7">
        <v>40844</v>
      </c>
      <c r="G38654" s="8">
        <v>411832</v>
      </c>
      <c r="H38654" s="8">
        <v>163504</v>
      </c>
      <c r="I38654" s="8">
        <v>275920</v>
      </c>
      <c r="J38654" s="8">
        <v>135912</v>
      </c>
      <c r="K38654" s="9"/>
      <c r="L38654" s="6"/>
    </row>
    <row r="38655" spans="1:12">
      <c r="A38655" s="6" t="s">
        <v>27066</v>
      </c>
      <c r="B38655" s="6" t="s">
        <v>37994</v>
      </c>
      <c r="C38655" s="6" t="s">
        <v>32230</v>
      </c>
      <c r="D38655" s="6" t="s">
        <v>37977</v>
      </c>
      <c r="E38655" s="6" t="s">
        <v>9</v>
      </c>
      <c r="F38655" s="7">
        <v>40480</v>
      </c>
      <c r="G38655" s="8">
        <v>28331</v>
      </c>
      <c r="H38655" s="8">
        <v>22101</v>
      </c>
      <c r="I38655" s="8">
        <v>6853</v>
      </c>
      <c r="J38655" s="8">
        <v>21478</v>
      </c>
      <c r="K38655" s="9"/>
      <c r="L38655" s="6"/>
    </row>
    <row r="38656" spans="1:12">
      <c r="A38656" s="6" t="s">
        <v>27066</v>
      </c>
      <c r="B38656" s="6" t="s">
        <v>37994</v>
      </c>
      <c r="C38656" s="6" t="s">
        <v>32230</v>
      </c>
      <c r="D38656" s="6" t="s">
        <v>37977</v>
      </c>
      <c r="E38656" s="6" t="s">
        <v>9</v>
      </c>
      <c r="F38656" s="7">
        <v>40480</v>
      </c>
      <c r="G38656" s="8">
        <v>3966371</v>
      </c>
      <c r="H38656" s="8">
        <v>3006511</v>
      </c>
      <c r="I38656" s="8">
        <v>1047120</v>
      </c>
      <c r="J38656" s="8">
        <v>2919251</v>
      </c>
      <c r="K38656" s="9"/>
      <c r="L38656" s="6"/>
    </row>
    <row r="38657" spans="1:12">
      <c r="A38657" s="6" t="s">
        <v>27066</v>
      </c>
      <c r="B38657" s="6" t="s">
        <v>37994</v>
      </c>
      <c r="C38657" s="6" t="s">
        <v>32230</v>
      </c>
      <c r="D38657" s="6" t="s">
        <v>37977</v>
      </c>
      <c r="E38657" s="6" t="s">
        <v>9</v>
      </c>
      <c r="F38657" s="7">
        <v>40584</v>
      </c>
      <c r="G38657" s="8">
        <v>43784</v>
      </c>
      <c r="H38657" s="8">
        <v>34154</v>
      </c>
      <c r="I38657" s="8">
        <v>10593</v>
      </c>
      <c r="J38657" s="8">
        <v>33191</v>
      </c>
      <c r="K38657" s="9"/>
      <c r="L38657" s="6"/>
    </row>
    <row r="38658" spans="1:12">
      <c r="A38658" s="6" t="s">
        <v>27066</v>
      </c>
      <c r="B38658" s="6" t="s">
        <v>37994</v>
      </c>
      <c r="C38658" s="6" t="s">
        <v>32230</v>
      </c>
      <c r="D38658" s="6" t="s">
        <v>37977</v>
      </c>
      <c r="E38658" s="6" t="s">
        <v>9</v>
      </c>
      <c r="F38658" s="7">
        <v>40847</v>
      </c>
      <c r="G38658" s="8">
        <v>4610262</v>
      </c>
      <c r="H38658" s="8">
        <v>3596012</v>
      </c>
      <c r="I38658" s="8">
        <v>1115675</v>
      </c>
      <c r="J38658" s="8">
        <v>3494587</v>
      </c>
      <c r="K38658" s="9"/>
      <c r="L38658" s="6"/>
    </row>
    <row r="38659" spans="1:12">
      <c r="A38659" s="6" t="s">
        <v>27066</v>
      </c>
      <c r="B38659" s="6" t="s">
        <v>37994</v>
      </c>
      <c r="C38659" s="6" t="s">
        <v>32230</v>
      </c>
      <c r="D38659" s="6" t="s">
        <v>37977</v>
      </c>
      <c r="E38659" s="6" t="s">
        <v>9</v>
      </c>
      <c r="F38659" s="7">
        <v>41901</v>
      </c>
      <c r="G38659" s="8">
        <v>744888</v>
      </c>
      <c r="H38659" s="8">
        <v>445446</v>
      </c>
      <c r="I38659" s="8">
        <v>349349</v>
      </c>
      <c r="J38659" s="8">
        <v>395539</v>
      </c>
      <c r="K38659" s="9"/>
      <c r="L38659" s="6"/>
    </row>
    <row r="38660" spans="1:12">
      <c r="A38660" s="6" t="s">
        <v>27066</v>
      </c>
      <c r="B38660" s="6" t="s">
        <v>37994</v>
      </c>
      <c r="C38660" s="6" t="s">
        <v>32230</v>
      </c>
      <c r="D38660" s="6" t="s">
        <v>37977</v>
      </c>
      <c r="E38660" s="6" t="s">
        <v>9</v>
      </c>
      <c r="F38660" s="7">
        <v>40491</v>
      </c>
      <c r="G38660" s="8">
        <v>122596</v>
      </c>
      <c r="H38660" s="8">
        <v>53946</v>
      </c>
      <c r="I38660" s="8">
        <v>75515</v>
      </c>
      <c r="J38660" s="8">
        <v>47081</v>
      </c>
      <c r="K38660" s="9"/>
      <c r="L38660" s="6"/>
    </row>
    <row r="38661" spans="1:12">
      <c r="A38661" s="6" t="s">
        <v>27066</v>
      </c>
      <c r="B38661" s="6" t="s">
        <v>37994</v>
      </c>
      <c r="C38661" s="6" t="s">
        <v>32230</v>
      </c>
      <c r="D38661" s="6" t="s">
        <v>37977</v>
      </c>
      <c r="E38661" s="6" t="s">
        <v>9</v>
      </c>
      <c r="F38661" s="7">
        <v>40844</v>
      </c>
      <c r="G38661" s="8">
        <v>1410122</v>
      </c>
      <c r="H38661" s="8">
        <v>699428</v>
      </c>
      <c r="I38661" s="8">
        <v>789660</v>
      </c>
      <c r="J38661" s="8">
        <v>620462</v>
      </c>
      <c r="K38661" s="9"/>
      <c r="L38661" s="6"/>
    </row>
    <row r="38662" spans="1:12">
      <c r="A38662" s="6" t="s">
        <v>27066</v>
      </c>
      <c r="B38662" s="6" t="s">
        <v>37994</v>
      </c>
      <c r="C38662" s="6" t="s">
        <v>32230</v>
      </c>
      <c r="D38662" s="6" t="s">
        <v>37977</v>
      </c>
      <c r="E38662" s="6" t="s">
        <v>9</v>
      </c>
      <c r="F38662" s="7">
        <v>40480</v>
      </c>
      <c r="G38662" s="8">
        <v>115900</v>
      </c>
      <c r="H38662" s="8">
        <v>87861</v>
      </c>
      <c r="I38662" s="8">
        <v>30588</v>
      </c>
      <c r="J38662" s="8">
        <v>85312</v>
      </c>
      <c r="K38662" s="9"/>
      <c r="L38662" s="6"/>
    </row>
    <row r="38663" spans="1:12">
      <c r="A38663" s="6" t="s">
        <v>27066</v>
      </c>
      <c r="B38663" s="6" t="s">
        <v>37994</v>
      </c>
      <c r="C38663" s="6" t="s">
        <v>32230</v>
      </c>
      <c r="D38663" s="6" t="s">
        <v>37977</v>
      </c>
      <c r="E38663" s="6" t="s">
        <v>9</v>
      </c>
      <c r="F38663" s="7">
        <v>40492</v>
      </c>
      <c r="G38663" s="8">
        <v>269146</v>
      </c>
      <c r="H38663" s="8">
        <v>88826</v>
      </c>
      <c r="I38663" s="8">
        <v>198352</v>
      </c>
      <c r="J38663" s="8">
        <v>70794</v>
      </c>
      <c r="K38663" s="9"/>
      <c r="L38663" s="6"/>
    </row>
    <row r="38664" spans="1:12">
      <c r="A38664" s="6" t="s">
        <v>27066</v>
      </c>
      <c r="B38664" s="6" t="s">
        <v>37995</v>
      </c>
      <c r="C38664" s="6" t="s">
        <v>32230</v>
      </c>
      <c r="D38664" s="6" t="s">
        <v>37977</v>
      </c>
      <c r="E38664" s="6" t="s">
        <v>9</v>
      </c>
      <c r="F38664" s="7">
        <v>26420</v>
      </c>
      <c r="G38664" s="8">
        <v>179820000</v>
      </c>
      <c r="H38664" s="8">
        <v>1</v>
      </c>
      <c r="I38664" s="8">
        <v>179819999</v>
      </c>
      <c r="J38664" s="8">
        <v>1</v>
      </c>
      <c r="K38664" s="9">
        <v>1332</v>
      </c>
      <c r="L38664" s="6"/>
    </row>
    <row r="38665" spans="1:12">
      <c r="A38665" s="6" t="s">
        <v>27066</v>
      </c>
      <c r="B38665" s="6" t="s">
        <v>37995</v>
      </c>
      <c r="C38665" s="6" t="s">
        <v>32230</v>
      </c>
      <c r="D38665" s="6" t="s">
        <v>37977</v>
      </c>
      <c r="E38665" s="6" t="s">
        <v>9</v>
      </c>
      <c r="F38665" s="7">
        <v>40847</v>
      </c>
      <c r="G38665" s="8">
        <v>1438661</v>
      </c>
      <c r="H38665" s="8">
        <v>1122161</v>
      </c>
      <c r="I38665" s="8">
        <v>348150</v>
      </c>
      <c r="J38665" s="8">
        <v>1090511</v>
      </c>
      <c r="K38665" s="9"/>
      <c r="L38665" s="6"/>
    </row>
    <row r="38666" spans="1:12">
      <c r="A38666" s="6" t="s">
        <v>27066</v>
      </c>
      <c r="B38666" s="6" t="s">
        <v>37995</v>
      </c>
      <c r="C38666" s="6" t="s">
        <v>32230</v>
      </c>
      <c r="D38666" s="6" t="s">
        <v>37977</v>
      </c>
      <c r="E38666" s="6" t="s">
        <v>9</v>
      </c>
      <c r="F38666" s="7">
        <v>39535</v>
      </c>
      <c r="G38666" s="8">
        <v>1881326</v>
      </c>
      <c r="H38666" s="8">
        <v>1343269</v>
      </c>
      <c r="I38666" s="8">
        <v>579446</v>
      </c>
      <c r="J38666" s="8">
        <v>1301880</v>
      </c>
      <c r="K38666" s="9"/>
      <c r="L38666" s="6"/>
    </row>
    <row r="38667" spans="1:12">
      <c r="A38667" s="6" t="s">
        <v>27066</v>
      </c>
      <c r="B38667" s="6" t="s">
        <v>37995</v>
      </c>
      <c r="C38667" s="6" t="s">
        <v>32230</v>
      </c>
      <c r="D38667" s="6" t="s">
        <v>37977</v>
      </c>
      <c r="E38667" s="6" t="s">
        <v>9</v>
      </c>
      <c r="F38667" s="7">
        <v>40844</v>
      </c>
      <c r="G38667" s="8">
        <v>3539106</v>
      </c>
      <c r="H38667" s="8">
        <v>1405026</v>
      </c>
      <c r="I38667" s="8">
        <v>2371200</v>
      </c>
      <c r="J38667" s="8">
        <v>1167906</v>
      </c>
      <c r="K38667" s="9"/>
      <c r="L38667" s="6"/>
    </row>
    <row r="38668" spans="1:12">
      <c r="A38668" s="6" t="s">
        <v>27066</v>
      </c>
      <c r="B38668" s="6" t="s">
        <v>37995</v>
      </c>
      <c r="C38668" s="6" t="s">
        <v>32230</v>
      </c>
      <c r="D38668" s="6" t="s">
        <v>37977</v>
      </c>
      <c r="E38668" s="6" t="s">
        <v>9</v>
      </c>
      <c r="F38668" s="7">
        <v>40480</v>
      </c>
      <c r="G38668" s="8">
        <v>243465</v>
      </c>
      <c r="H38668" s="8">
        <v>189905</v>
      </c>
      <c r="I38668" s="8">
        <v>58916</v>
      </c>
      <c r="J38668" s="8">
        <v>184549</v>
      </c>
      <c r="K38668" s="9"/>
      <c r="L38668" s="6"/>
    </row>
    <row r="38669" spans="1:12">
      <c r="A38669" s="6" t="s">
        <v>27066</v>
      </c>
      <c r="B38669" s="6" t="s">
        <v>37995</v>
      </c>
      <c r="C38669" s="6" t="s">
        <v>32230</v>
      </c>
      <c r="D38669" s="6" t="s">
        <v>37977</v>
      </c>
      <c r="E38669" s="6" t="s">
        <v>9</v>
      </c>
      <c r="F38669" s="7">
        <v>40480</v>
      </c>
      <c r="G38669" s="8">
        <v>34085203</v>
      </c>
      <c r="H38669" s="8">
        <v>25836589</v>
      </c>
      <c r="I38669" s="8">
        <v>8998488</v>
      </c>
      <c r="J38669" s="8">
        <v>25086715</v>
      </c>
      <c r="K38669" s="9"/>
      <c r="L38669" s="6"/>
    </row>
    <row r="38670" spans="1:12">
      <c r="A38670" s="6" t="s">
        <v>27066</v>
      </c>
      <c r="B38670" s="6" t="s">
        <v>37995</v>
      </c>
      <c r="C38670" s="6" t="s">
        <v>32230</v>
      </c>
      <c r="D38670" s="6" t="s">
        <v>37977</v>
      </c>
      <c r="E38670" s="6" t="s">
        <v>9</v>
      </c>
      <c r="F38670" s="7">
        <v>40584</v>
      </c>
      <c r="G38670" s="8">
        <v>376265</v>
      </c>
      <c r="H38670" s="8">
        <v>293495</v>
      </c>
      <c r="I38670" s="8">
        <v>91047</v>
      </c>
      <c r="J38670" s="8">
        <v>285218</v>
      </c>
      <c r="K38670" s="9"/>
      <c r="L38670" s="6"/>
    </row>
    <row r="38671" spans="1:12">
      <c r="A38671" s="6" t="s">
        <v>27066</v>
      </c>
      <c r="B38671" s="6" t="s">
        <v>37995</v>
      </c>
      <c r="C38671" s="6" t="s">
        <v>32230</v>
      </c>
      <c r="D38671" s="6" t="s">
        <v>37977</v>
      </c>
      <c r="E38671" s="6" t="s">
        <v>9</v>
      </c>
      <c r="F38671" s="7">
        <v>40847</v>
      </c>
      <c r="G38671" s="8">
        <v>39618515</v>
      </c>
      <c r="H38671" s="8">
        <v>30902445</v>
      </c>
      <c r="I38671" s="8">
        <v>9587677</v>
      </c>
      <c r="J38671" s="8">
        <v>30030838</v>
      </c>
      <c r="K38671" s="9"/>
      <c r="L38671" s="6"/>
    </row>
    <row r="38672" spans="1:12">
      <c r="A38672" s="6" t="s">
        <v>27066</v>
      </c>
      <c r="B38672" s="6" t="s">
        <v>37995</v>
      </c>
      <c r="C38672" s="6" t="s">
        <v>32230</v>
      </c>
      <c r="D38672" s="6" t="s">
        <v>37977</v>
      </c>
      <c r="E38672" s="6" t="s">
        <v>9</v>
      </c>
      <c r="F38672" s="7">
        <v>41901</v>
      </c>
      <c r="G38672" s="8">
        <v>6401239</v>
      </c>
      <c r="H38672" s="8">
        <v>3827941</v>
      </c>
      <c r="I38672" s="8">
        <v>3002181</v>
      </c>
      <c r="J38672" s="8">
        <v>3399058</v>
      </c>
      <c r="K38672" s="9"/>
      <c r="L38672" s="6"/>
    </row>
    <row r="38673" spans="1:12">
      <c r="A38673" s="6" t="s">
        <v>27066</v>
      </c>
      <c r="B38673" s="6" t="s">
        <v>37995</v>
      </c>
      <c r="C38673" s="6" t="s">
        <v>32230</v>
      </c>
      <c r="D38673" s="6" t="s">
        <v>37977</v>
      </c>
      <c r="E38673" s="6" t="s">
        <v>9</v>
      </c>
      <c r="F38673" s="7">
        <v>40491</v>
      </c>
      <c r="G38673" s="8">
        <v>1053542</v>
      </c>
      <c r="H38673" s="8">
        <v>463562</v>
      </c>
      <c r="I38673" s="8">
        <v>648978</v>
      </c>
      <c r="J38673" s="8">
        <v>404564</v>
      </c>
      <c r="K38673" s="9"/>
      <c r="L38673" s="6"/>
    </row>
    <row r="38674" spans="1:12">
      <c r="A38674" s="6" t="s">
        <v>27066</v>
      </c>
      <c r="B38674" s="6" t="s">
        <v>37995</v>
      </c>
      <c r="C38674" s="6" t="s">
        <v>32230</v>
      </c>
      <c r="D38674" s="6" t="s">
        <v>37977</v>
      </c>
      <c r="E38674" s="6" t="s">
        <v>9</v>
      </c>
      <c r="F38674" s="7">
        <v>42536</v>
      </c>
      <c r="G38674" s="8">
        <v>799200</v>
      </c>
      <c r="H38674" s="8">
        <v>585016</v>
      </c>
      <c r="I38674" s="8">
        <v>267730</v>
      </c>
      <c r="J38674" s="8">
        <v>531470</v>
      </c>
      <c r="K38674" s="9"/>
      <c r="L38674" s="6"/>
    </row>
    <row r="38675" spans="1:12">
      <c r="A38675" s="6" t="s">
        <v>27066</v>
      </c>
      <c r="B38675" s="6" t="s">
        <v>37995</v>
      </c>
      <c r="C38675" s="6" t="s">
        <v>32230</v>
      </c>
      <c r="D38675" s="6" t="s">
        <v>37977</v>
      </c>
      <c r="E38675" s="6" t="s">
        <v>9</v>
      </c>
      <c r="F38675" s="7">
        <v>40844</v>
      </c>
      <c r="G38675" s="8">
        <v>12117953</v>
      </c>
      <c r="H38675" s="8">
        <v>6010508</v>
      </c>
      <c r="I38675" s="8">
        <v>6786050</v>
      </c>
      <c r="J38675" s="8">
        <v>5331903</v>
      </c>
      <c r="K38675" s="9"/>
      <c r="L38675" s="6"/>
    </row>
    <row r="38676" spans="1:12">
      <c r="A38676" s="6" t="s">
        <v>27066</v>
      </c>
      <c r="B38676" s="6" t="s">
        <v>37995</v>
      </c>
      <c r="C38676" s="6" t="s">
        <v>32230</v>
      </c>
      <c r="D38676" s="6" t="s">
        <v>37977</v>
      </c>
      <c r="E38676" s="6" t="s">
        <v>9</v>
      </c>
      <c r="F38676" s="7">
        <v>40480</v>
      </c>
      <c r="G38676" s="8">
        <v>995996</v>
      </c>
      <c r="H38676" s="8">
        <v>754975</v>
      </c>
      <c r="I38676" s="8">
        <v>262932</v>
      </c>
      <c r="J38676" s="8">
        <v>733064</v>
      </c>
      <c r="K38676" s="9"/>
      <c r="L38676" s="6"/>
    </row>
    <row r="38677" spans="1:12">
      <c r="A38677" s="6" t="s">
        <v>27066</v>
      </c>
      <c r="B38677" s="6" t="s">
        <v>37995</v>
      </c>
      <c r="C38677" s="6" t="s">
        <v>32230</v>
      </c>
      <c r="D38677" s="6" t="s">
        <v>37977</v>
      </c>
      <c r="E38677" s="6" t="s">
        <v>9</v>
      </c>
      <c r="F38677" s="7">
        <v>40492</v>
      </c>
      <c r="G38677" s="8">
        <v>2312924</v>
      </c>
      <c r="H38677" s="8">
        <v>763274</v>
      </c>
      <c r="I38677" s="8">
        <v>1704615</v>
      </c>
      <c r="J38677" s="8">
        <v>608309</v>
      </c>
      <c r="K38677" s="9"/>
      <c r="L38677" s="6"/>
    </row>
    <row r="38678" spans="1:12">
      <c r="A38678" s="6" t="s">
        <v>27142</v>
      </c>
      <c r="B38678" s="6" t="s">
        <v>27142</v>
      </c>
      <c r="C38678" s="6" t="s">
        <v>32230</v>
      </c>
      <c r="D38678" s="6" t="s">
        <v>37996</v>
      </c>
      <c r="E38678" s="6" t="s">
        <v>9</v>
      </c>
      <c r="F38678" s="7">
        <v>27089</v>
      </c>
      <c r="G38678" s="8">
        <v>120146700</v>
      </c>
      <c r="H38678" s="8">
        <v>1</v>
      </c>
      <c r="I38678" s="8">
        <v>120146699</v>
      </c>
      <c r="J38678" s="8">
        <v>1</v>
      </c>
      <c r="K38678" s="9">
        <v>775.14</v>
      </c>
      <c r="L38678" s="6"/>
    </row>
    <row r="38679" spans="1:12">
      <c r="A38679" s="6" t="s">
        <v>27142</v>
      </c>
      <c r="B38679" s="6" t="s">
        <v>37997</v>
      </c>
      <c r="C38679" s="6" t="s">
        <v>32230</v>
      </c>
      <c r="D38679" s="6" t="s">
        <v>37996</v>
      </c>
      <c r="E38679" s="6" t="s">
        <v>9</v>
      </c>
      <c r="F38679" s="7">
        <v>31107</v>
      </c>
      <c r="G38679" s="8">
        <v>38942200</v>
      </c>
      <c r="H38679" s="8">
        <v>8099992</v>
      </c>
      <c r="I38679" s="8">
        <v>31698936</v>
      </c>
      <c r="J38679" s="8">
        <v>7243264</v>
      </c>
      <c r="K38679" s="9">
        <v>251.24</v>
      </c>
      <c r="L38679" s="6"/>
    </row>
    <row r="38680" spans="1:12">
      <c r="A38680" s="6" t="s">
        <v>27142</v>
      </c>
      <c r="B38680" s="6" t="s">
        <v>37998</v>
      </c>
      <c r="C38680" s="6" t="s">
        <v>32230</v>
      </c>
      <c r="D38680" s="6" t="s">
        <v>37996</v>
      </c>
      <c r="E38680" s="6" t="s">
        <v>9</v>
      </c>
      <c r="F38680" s="7">
        <v>27089</v>
      </c>
      <c r="G38680" s="8">
        <v>1171000</v>
      </c>
      <c r="H38680" s="8">
        <v>1</v>
      </c>
      <c r="I38680" s="8">
        <v>1170999</v>
      </c>
      <c r="J38680" s="8">
        <v>1</v>
      </c>
      <c r="K38680" s="9">
        <v>11.71</v>
      </c>
      <c r="L38680" s="6"/>
    </row>
    <row r="38681" spans="1:12">
      <c r="A38681" s="6" t="s">
        <v>27153</v>
      </c>
      <c r="B38681" s="6" t="s">
        <v>37999</v>
      </c>
      <c r="C38681" s="6" t="s">
        <v>32230</v>
      </c>
      <c r="D38681" s="6" t="s">
        <v>38000</v>
      </c>
      <c r="E38681" s="6" t="s">
        <v>9</v>
      </c>
      <c r="F38681" s="7">
        <v>29312</v>
      </c>
      <c r="G38681" s="8">
        <v>10209000</v>
      </c>
      <c r="H38681" s="8">
        <v>1</v>
      </c>
      <c r="I38681" s="8">
        <v>10208999</v>
      </c>
      <c r="J38681" s="8">
        <v>1</v>
      </c>
      <c r="K38681" s="9">
        <v>49.8</v>
      </c>
      <c r="L38681" s="6"/>
    </row>
    <row r="38682" spans="1:12">
      <c r="A38682" s="6" t="s">
        <v>27156</v>
      </c>
      <c r="B38682" s="6" t="s">
        <v>38001</v>
      </c>
      <c r="C38682" s="6" t="s">
        <v>32230</v>
      </c>
      <c r="D38682" s="6" t="s">
        <v>38002</v>
      </c>
      <c r="E38682" s="6" t="s">
        <v>9</v>
      </c>
      <c r="F38682" s="7">
        <v>33664</v>
      </c>
      <c r="G38682" s="8">
        <v>73291750</v>
      </c>
      <c r="H38682" s="8">
        <v>26531628</v>
      </c>
      <c r="I38682" s="8">
        <v>48372540</v>
      </c>
      <c r="J38682" s="8">
        <v>24919210</v>
      </c>
      <c r="K38682" s="9">
        <v>472.85</v>
      </c>
      <c r="L38682" s="6"/>
    </row>
    <row r="38683" spans="1:12">
      <c r="A38683" s="6" t="s">
        <v>27156</v>
      </c>
      <c r="B38683" s="6" t="s">
        <v>38003</v>
      </c>
      <c r="C38683" s="6" t="s">
        <v>32230</v>
      </c>
      <c r="D38683" s="6" t="s">
        <v>38002</v>
      </c>
      <c r="E38683" s="6" t="s">
        <v>9</v>
      </c>
      <c r="F38683" s="7">
        <v>26359</v>
      </c>
      <c r="G38683" s="8">
        <v>180356450</v>
      </c>
      <c r="H38683" s="8">
        <v>1</v>
      </c>
      <c r="I38683" s="8">
        <v>180356449</v>
      </c>
      <c r="J38683" s="8">
        <v>1</v>
      </c>
      <c r="K38683" s="9">
        <v>1163.5899999999899</v>
      </c>
      <c r="L38683" s="6"/>
    </row>
    <row r="38684" spans="1:12">
      <c r="A38684" s="6" t="s">
        <v>27156</v>
      </c>
      <c r="B38684" s="6"/>
      <c r="C38684" s="6" t="s">
        <v>32230</v>
      </c>
      <c r="D38684" s="6"/>
      <c r="E38684" s="6"/>
      <c r="F38684" s="7">
        <v>39345</v>
      </c>
      <c r="G38684" s="8">
        <v>1097250</v>
      </c>
      <c r="H38684" s="8">
        <v>1</v>
      </c>
      <c r="I38684" s="8">
        <v>1097249</v>
      </c>
      <c r="J38684" s="8">
        <v>1</v>
      </c>
      <c r="K38684" s="9"/>
      <c r="L38684" s="6"/>
    </row>
    <row r="38685" spans="1:12">
      <c r="A38685" s="6" t="s">
        <v>27156</v>
      </c>
      <c r="B38685" s="6"/>
      <c r="C38685" s="6" t="s">
        <v>32230</v>
      </c>
      <c r="D38685" s="6"/>
      <c r="E38685" s="6"/>
      <c r="F38685" s="7">
        <v>43555</v>
      </c>
      <c r="G38685" s="8">
        <v>1280880</v>
      </c>
      <c r="H38685" s="8">
        <v>960660</v>
      </c>
      <c r="I38685" s="8">
        <v>480330</v>
      </c>
      <c r="J38685" s="8">
        <v>800550</v>
      </c>
      <c r="K38685" s="9"/>
      <c r="L38685" s="6"/>
    </row>
    <row r="38686" spans="1:12">
      <c r="A38686" s="6" t="s">
        <v>27156</v>
      </c>
      <c r="B38686" s="6" t="s">
        <v>38004</v>
      </c>
      <c r="C38686" s="6" t="s">
        <v>32230</v>
      </c>
      <c r="D38686" s="6" t="s">
        <v>38002</v>
      </c>
      <c r="E38686" s="6" t="s">
        <v>9</v>
      </c>
      <c r="F38686" s="7">
        <v>32203</v>
      </c>
      <c r="G38686" s="8">
        <v>70310000</v>
      </c>
      <c r="H38686" s="8">
        <v>19264940</v>
      </c>
      <c r="I38686" s="8">
        <v>52591880</v>
      </c>
      <c r="J38686" s="8">
        <v>17718120</v>
      </c>
      <c r="K38686" s="9">
        <v>536.67999999999904</v>
      </c>
      <c r="L38686" s="6"/>
    </row>
    <row r="38687" spans="1:12">
      <c r="A38687" s="6" t="s">
        <v>27156</v>
      </c>
      <c r="B38687" s="6" t="s">
        <v>38005</v>
      </c>
      <c r="C38687" s="6" t="s">
        <v>32230</v>
      </c>
      <c r="D38687" s="6" t="s">
        <v>38002</v>
      </c>
      <c r="E38687" s="6" t="s">
        <v>9</v>
      </c>
      <c r="F38687" s="7">
        <v>39345</v>
      </c>
      <c r="G38687" s="8">
        <v>1097250</v>
      </c>
      <c r="H38687" s="8">
        <v>1</v>
      </c>
      <c r="I38687" s="8">
        <v>1097249</v>
      </c>
      <c r="J38687" s="8">
        <v>1</v>
      </c>
      <c r="K38687" s="9"/>
      <c r="L38687" s="6"/>
    </row>
    <row r="38688" spans="1:12">
      <c r="A38688" s="6" t="s">
        <v>27156</v>
      </c>
      <c r="B38688" s="6" t="s">
        <v>38005</v>
      </c>
      <c r="C38688" s="6" t="s">
        <v>32230</v>
      </c>
      <c r="D38688" s="6" t="s">
        <v>38002</v>
      </c>
      <c r="E38688" s="6" t="s">
        <v>9</v>
      </c>
      <c r="F38688" s="7">
        <v>27729</v>
      </c>
      <c r="G38688" s="8">
        <v>198248100</v>
      </c>
      <c r="H38688" s="8">
        <v>1982490</v>
      </c>
      <c r="I38688" s="8">
        <v>198248099</v>
      </c>
      <c r="J38688" s="8">
        <v>1</v>
      </c>
      <c r="K38688" s="9">
        <v>1279.02</v>
      </c>
      <c r="L38688" s="6"/>
    </row>
    <row r="38689" spans="1:12">
      <c r="A38689" s="6" t="s">
        <v>27156</v>
      </c>
      <c r="B38689" s="6" t="s">
        <v>38005</v>
      </c>
      <c r="C38689" s="6" t="s">
        <v>32230</v>
      </c>
      <c r="D38689" s="6" t="s">
        <v>38002</v>
      </c>
      <c r="E38689" s="6" t="s">
        <v>9</v>
      </c>
      <c r="F38689" s="7">
        <v>42776</v>
      </c>
      <c r="G38689" s="8">
        <v>820800</v>
      </c>
      <c r="H38689" s="8">
        <v>600828</v>
      </c>
      <c r="I38689" s="8">
        <v>274965</v>
      </c>
      <c r="J38689" s="8">
        <v>545835</v>
      </c>
      <c r="K38689" s="9"/>
      <c r="L38689" s="6"/>
    </row>
    <row r="38690" spans="1:12">
      <c r="A38690" s="6" t="s">
        <v>27156</v>
      </c>
      <c r="B38690" s="6" t="s">
        <v>38006</v>
      </c>
      <c r="C38690" s="6" t="s">
        <v>32230</v>
      </c>
      <c r="D38690" s="6" t="s">
        <v>38002</v>
      </c>
      <c r="E38690" s="6" t="s">
        <v>9</v>
      </c>
      <c r="F38690" s="7">
        <v>32933</v>
      </c>
      <c r="G38690" s="8">
        <v>72960000</v>
      </c>
      <c r="H38690" s="8">
        <v>23201280</v>
      </c>
      <c r="I38690" s="8">
        <v>51363840</v>
      </c>
      <c r="J38690" s="8">
        <v>21596160</v>
      </c>
      <c r="K38690" s="9">
        <v>475.97</v>
      </c>
      <c r="L38690" s="6"/>
    </row>
    <row r="38691" spans="1:12">
      <c r="A38691" s="6" t="s">
        <v>27156</v>
      </c>
      <c r="B38691" s="6" t="s">
        <v>38007</v>
      </c>
      <c r="C38691" s="6" t="s">
        <v>32230</v>
      </c>
      <c r="D38691" s="6" t="s">
        <v>38002</v>
      </c>
      <c r="E38691" s="6" t="s">
        <v>9</v>
      </c>
      <c r="F38691" s="7">
        <v>39345</v>
      </c>
      <c r="G38691" s="8">
        <v>1097250</v>
      </c>
      <c r="H38691" s="8">
        <v>1</v>
      </c>
      <c r="I38691" s="8">
        <v>1097249</v>
      </c>
      <c r="J38691" s="8">
        <v>1</v>
      </c>
      <c r="K38691" s="9"/>
      <c r="L38691" s="6"/>
    </row>
    <row r="38692" spans="1:12">
      <c r="A38692" s="6" t="s">
        <v>27156</v>
      </c>
      <c r="B38692" s="6" t="s">
        <v>38007</v>
      </c>
      <c r="C38692" s="6" t="s">
        <v>32230</v>
      </c>
      <c r="D38692" s="6" t="s">
        <v>38002</v>
      </c>
      <c r="E38692" s="6" t="s">
        <v>9</v>
      </c>
      <c r="F38692" s="7">
        <v>28550</v>
      </c>
      <c r="G38692" s="8">
        <v>214324700</v>
      </c>
      <c r="H38692" s="8">
        <v>11573551</v>
      </c>
      <c r="I38692" s="8">
        <v>207466292</v>
      </c>
      <c r="J38692" s="8">
        <v>6858408</v>
      </c>
      <c r="K38692" s="9">
        <v>1382.74</v>
      </c>
      <c r="L38692" s="6"/>
    </row>
    <row r="38693" spans="1:12">
      <c r="A38693" s="6" t="s">
        <v>27156</v>
      </c>
      <c r="B38693" s="6" t="s">
        <v>38007</v>
      </c>
      <c r="C38693" s="6" t="s">
        <v>32230</v>
      </c>
      <c r="D38693" s="6" t="s">
        <v>38002</v>
      </c>
      <c r="E38693" s="6" t="s">
        <v>9</v>
      </c>
      <c r="F38693" s="7">
        <v>42454</v>
      </c>
      <c r="G38693" s="8">
        <v>820800</v>
      </c>
      <c r="H38693" s="8">
        <v>545835</v>
      </c>
      <c r="I38693" s="8">
        <v>329958</v>
      </c>
      <c r="J38693" s="8">
        <v>490842</v>
      </c>
      <c r="K38693" s="9"/>
      <c r="L38693" s="6"/>
    </row>
    <row r="38694" spans="1:12">
      <c r="A38694" s="6" t="s">
        <v>27156</v>
      </c>
      <c r="B38694" s="6" t="s">
        <v>38008</v>
      </c>
      <c r="C38694" s="6" t="s">
        <v>32230</v>
      </c>
      <c r="D38694" s="6" t="s">
        <v>38002</v>
      </c>
      <c r="E38694" s="6" t="s">
        <v>9</v>
      </c>
      <c r="F38694" s="7">
        <v>39345</v>
      </c>
      <c r="G38694" s="8">
        <v>1097250</v>
      </c>
      <c r="H38694" s="8">
        <v>1</v>
      </c>
      <c r="I38694" s="8">
        <v>1097249</v>
      </c>
      <c r="J38694" s="8">
        <v>1</v>
      </c>
      <c r="K38694" s="9"/>
      <c r="L38694" s="6"/>
    </row>
    <row r="38695" spans="1:12">
      <c r="A38695" s="6" t="s">
        <v>27156</v>
      </c>
      <c r="B38695" s="6" t="s">
        <v>38008</v>
      </c>
      <c r="C38695" s="6" t="s">
        <v>32230</v>
      </c>
      <c r="D38695" s="6" t="s">
        <v>38002</v>
      </c>
      <c r="E38695" s="6" t="s">
        <v>9</v>
      </c>
      <c r="F38695" s="7">
        <v>43080</v>
      </c>
      <c r="G38695" s="8">
        <v>820800</v>
      </c>
      <c r="H38695" s="8">
        <v>655821</v>
      </c>
      <c r="I38695" s="8">
        <v>219972</v>
      </c>
      <c r="J38695" s="8">
        <v>600828</v>
      </c>
      <c r="K38695" s="9"/>
      <c r="L38695" s="6"/>
    </row>
    <row r="38696" spans="1:12">
      <c r="A38696" s="6" t="s">
        <v>27156</v>
      </c>
      <c r="B38696" s="6" t="s">
        <v>38008</v>
      </c>
      <c r="C38696" s="6" t="s">
        <v>32230</v>
      </c>
      <c r="D38696" s="6" t="s">
        <v>38002</v>
      </c>
      <c r="E38696" s="6" t="s">
        <v>9</v>
      </c>
      <c r="F38696" s="7">
        <v>28185</v>
      </c>
      <c r="G38696" s="8">
        <v>214324700</v>
      </c>
      <c r="H38696" s="8">
        <v>6858408</v>
      </c>
      <c r="I38696" s="8">
        <v>212181435</v>
      </c>
      <c r="J38696" s="8">
        <v>2143265</v>
      </c>
      <c r="K38696" s="9">
        <v>1382.74</v>
      </c>
      <c r="L38696" s="6"/>
    </row>
    <row r="38697" spans="1:12">
      <c r="A38697" s="6" t="s">
        <v>27156</v>
      </c>
      <c r="B38697" s="6" t="s">
        <v>38009</v>
      </c>
      <c r="C38697" s="6" t="s">
        <v>32230</v>
      </c>
      <c r="D38697" s="6" t="s">
        <v>38002</v>
      </c>
      <c r="E38697" s="6" t="s">
        <v>9</v>
      </c>
      <c r="F38697" s="7">
        <v>32568</v>
      </c>
      <c r="G38697" s="8">
        <v>78774100</v>
      </c>
      <c r="H38697" s="8">
        <v>23317140</v>
      </c>
      <c r="I38697" s="8">
        <v>57189990</v>
      </c>
      <c r="J38697" s="8">
        <v>21584110</v>
      </c>
      <c r="K38697" s="9">
        <v>508.22</v>
      </c>
      <c r="L38697" s="6"/>
    </row>
    <row r="38698" spans="1:12">
      <c r="A38698" s="6" t="s">
        <v>27156</v>
      </c>
      <c r="B38698" s="6" t="s">
        <v>38010</v>
      </c>
      <c r="C38698" s="6" t="s">
        <v>32230</v>
      </c>
      <c r="D38698" s="6" t="s">
        <v>38002</v>
      </c>
      <c r="E38698" s="6" t="s">
        <v>9</v>
      </c>
      <c r="F38698" s="7">
        <v>43298</v>
      </c>
      <c r="G38698" s="8">
        <v>378000</v>
      </c>
      <c r="H38698" s="8">
        <v>327348</v>
      </c>
      <c r="I38698" s="8">
        <v>75978</v>
      </c>
      <c r="J38698" s="8">
        <v>302022</v>
      </c>
      <c r="K38698" s="9"/>
      <c r="L38698" s="6"/>
    </row>
    <row r="38699" spans="1:12">
      <c r="A38699" s="6" t="s">
        <v>27156</v>
      </c>
      <c r="B38699" s="6" t="s">
        <v>38010</v>
      </c>
      <c r="C38699" s="6" t="s">
        <v>32230</v>
      </c>
      <c r="D38699" s="6" t="s">
        <v>38002</v>
      </c>
      <c r="E38699" s="6" t="s">
        <v>9</v>
      </c>
      <c r="F38699" s="7">
        <v>28550</v>
      </c>
      <c r="G38699" s="8">
        <v>14411250</v>
      </c>
      <c r="H38699" s="8">
        <v>778229</v>
      </c>
      <c r="I38699" s="8">
        <v>13950068</v>
      </c>
      <c r="J38699" s="8">
        <v>461182</v>
      </c>
      <c r="K38699" s="9">
        <v>106.75</v>
      </c>
      <c r="L38699" s="6"/>
    </row>
    <row r="38700" spans="1:12">
      <c r="A38700" s="6" t="s">
        <v>38011</v>
      </c>
      <c r="B38700" s="6" t="s">
        <v>38011</v>
      </c>
      <c r="C38700" s="6" t="s">
        <v>32230</v>
      </c>
      <c r="D38700" s="6" t="s">
        <v>38012</v>
      </c>
      <c r="E38700" s="6" t="s">
        <v>9</v>
      </c>
      <c r="F38700" s="7">
        <v>30042</v>
      </c>
      <c r="G38700" s="8">
        <v>3110400</v>
      </c>
      <c r="H38700" s="8">
        <v>1</v>
      </c>
      <c r="I38700" s="8">
        <v>3110399</v>
      </c>
      <c r="J38700" s="8">
        <v>1</v>
      </c>
      <c r="K38700" s="9">
        <v>51.84</v>
      </c>
      <c r="L38700" s="6"/>
    </row>
    <row r="38701" spans="1:12">
      <c r="A38701" s="6" t="s">
        <v>38013</v>
      </c>
      <c r="B38701" s="6" t="s">
        <v>38014</v>
      </c>
      <c r="C38701" s="6" t="s">
        <v>32230</v>
      </c>
      <c r="D38701" s="6" t="s">
        <v>38015</v>
      </c>
      <c r="E38701" s="6" t="s">
        <v>9</v>
      </c>
      <c r="F38701" s="7">
        <v>43544</v>
      </c>
      <c r="G38701" s="8">
        <v>12420000</v>
      </c>
      <c r="H38701" s="8">
        <v>10954440</v>
      </c>
      <c r="I38701" s="8">
        <v>2198340</v>
      </c>
      <c r="J38701" s="8">
        <v>10221660</v>
      </c>
      <c r="K38701" s="9"/>
      <c r="L38701" s="6"/>
    </row>
    <row r="38702" spans="1:12">
      <c r="A38702" s="6" t="s">
        <v>38013</v>
      </c>
      <c r="B38702" s="6" t="s">
        <v>38014</v>
      </c>
      <c r="C38702" s="6" t="s">
        <v>32230</v>
      </c>
      <c r="D38702" s="6" t="s">
        <v>38015</v>
      </c>
      <c r="E38702" s="6" t="s">
        <v>9</v>
      </c>
      <c r="F38702" s="7">
        <v>44208</v>
      </c>
      <c r="G38702" s="8">
        <v>11528000</v>
      </c>
      <c r="H38702" s="8">
        <v>11528000</v>
      </c>
      <c r="I38702" s="8">
        <v>772376</v>
      </c>
      <c r="J38702" s="8">
        <v>10755624</v>
      </c>
      <c r="K38702" s="9"/>
      <c r="L38702" s="6"/>
    </row>
    <row r="38703" spans="1:12">
      <c r="A38703" s="6" t="s">
        <v>38013</v>
      </c>
      <c r="B38703" s="6" t="s">
        <v>38014</v>
      </c>
      <c r="C38703" s="6" t="s">
        <v>32230</v>
      </c>
      <c r="D38703" s="6" t="s">
        <v>38015</v>
      </c>
      <c r="E38703" s="6" t="s">
        <v>9</v>
      </c>
      <c r="F38703" s="7">
        <v>40056</v>
      </c>
      <c r="G38703" s="8">
        <v>21000000</v>
      </c>
      <c r="H38703" s="8">
        <v>15540000</v>
      </c>
      <c r="I38703" s="8">
        <v>5880000</v>
      </c>
      <c r="J38703" s="8">
        <v>15120000</v>
      </c>
      <c r="K38703" s="9"/>
      <c r="L38703" s="6"/>
    </row>
    <row r="38704" spans="1:12">
      <c r="A38704" s="6" t="s">
        <v>38013</v>
      </c>
      <c r="B38704" s="6" t="s">
        <v>38014</v>
      </c>
      <c r="C38704" s="6" t="s">
        <v>32230</v>
      </c>
      <c r="D38704" s="6" t="s">
        <v>38015</v>
      </c>
      <c r="E38704" s="6" t="s">
        <v>9</v>
      </c>
      <c r="F38704" s="7">
        <v>44160</v>
      </c>
      <c r="G38704" s="8">
        <v>1980000</v>
      </c>
      <c r="H38704" s="8">
        <v>1980000</v>
      </c>
      <c r="I38704" s="8">
        <v>198000</v>
      </c>
      <c r="J38704" s="8">
        <v>1782000</v>
      </c>
      <c r="K38704" s="9"/>
      <c r="L38704" s="6"/>
    </row>
    <row r="38705" spans="1:12">
      <c r="A38705" s="6" t="s">
        <v>38013</v>
      </c>
      <c r="B38705" s="6" t="s">
        <v>38014</v>
      </c>
      <c r="C38705" s="6" t="s">
        <v>32230</v>
      </c>
      <c r="D38705" s="6" t="s">
        <v>38015</v>
      </c>
      <c r="E38705" s="6" t="s">
        <v>9</v>
      </c>
      <c r="F38705" s="7">
        <v>40056</v>
      </c>
      <c r="G38705" s="8">
        <v>433650000</v>
      </c>
      <c r="H38705" s="8">
        <v>320901000</v>
      </c>
      <c r="I38705" s="8">
        <v>121422000</v>
      </c>
      <c r="J38705" s="8">
        <v>312228000</v>
      </c>
      <c r="K38705" s="9"/>
      <c r="L38705" s="6"/>
    </row>
    <row r="38706" spans="1:12">
      <c r="A38706" s="6" t="s">
        <v>38013</v>
      </c>
      <c r="B38706" s="6" t="s">
        <v>38014</v>
      </c>
      <c r="C38706" s="6" t="s">
        <v>32230</v>
      </c>
      <c r="D38706" s="6" t="s">
        <v>38015</v>
      </c>
      <c r="E38706" s="6" t="s">
        <v>9</v>
      </c>
      <c r="F38706" s="7">
        <v>42065</v>
      </c>
      <c r="G38706" s="8">
        <v>54000000</v>
      </c>
      <c r="H38706" s="8">
        <v>32292000</v>
      </c>
      <c r="I38706" s="8">
        <v>25326000</v>
      </c>
      <c r="J38706" s="8">
        <v>28674000</v>
      </c>
      <c r="K38706" s="9"/>
      <c r="L38706" s="6"/>
    </row>
    <row r="38707" spans="1:12">
      <c r="A38707" s="6" t="s">
        <v>38013</v>
      </c>
      <c r="B38707" s="6" t="s">
        <v>38014</v>
      </c>
      <c r="C38707" s="6" t="s">
        <v>32230</v>
      </c>
      <c r="D38707" s="6" t="s">
        <v>38015</v>
      </c>
      <c r="E38707" s="6" t="s">
        <v>9</v>
      </c>
      <c r="F38707" s="7">
        <v>39918</v>
      </c>
      <c r="G38707" s="8">
        <v>152250000</v>
      </c>
      <c r="H38707" s="8">
        <v>40041750</v>
      </c>
      <c r="I38707" s="8">
        <v>122409000</v>
      </c>
      <c r="J38707" s="8">
        <v>29841000</v>
      </c>
      <c r="K38707" s="9"/>
      <c r="L38707" s="6"/>
    </row>
    <row r="38708" spans="1:12">
      <c r="A38708" s="6" t="s">
        <v>38013</v>
      </c>
      <c r="B38708" s="6" t="s">
        <v>38014</v>
      </c>
      <c r="C38708" s="6" t="s">
        <v>32230</v>
      </c>
      <c r="D38708" s="6" t="s">
        <v>38015</v>
      </c>
      <c r="E38708" s="6" t="s">
        <v>9</v>
      </c>
      <c r="F38708" s="7">
        <v>39597</v>
      </c>
      <c r="G38708" s="8">
        <v>225750000</v>
      </c>
      <c r="H38708" s="8">
        <v>44247000</v>
      </c>
      <c r="I38708" s="8">
        <v>196628250</v>
      </c>
      <c r="J38708" s="8">
        <v>29121750</v>
      </c>
      <c r="K38708" s="9"/>
      <c r="L38708" s="6"/>
    </row>
    <row r="38709" spans="1:12">
      <c r="A38709" s="6" t="s">
        <v>38013</v>
      </c>
      <c r="B38709" s="6" t="s">
        <v>38014</v>
      </c>
      <c r="C38709" s="6" t="s">
        <v>32230</v>
      </c>
      <c r="D38709" s="6" t="s">
        <v>38015</v>
      </c>
      <c r="E38709" s="6" t="s">
        <v>9</v>
      </c>
      <c r="F38709" s="7">
        <v>39603</v>
      </c>
      <c r="G38709" s="8">
        <v>161700000</v>
      </c>
      <c r="H38709" s="8">
        <v>53037600</v>
      </c>
      <c r="I38709" s="8">
        <v>117717600</v>
      </c>
      <c r="J38709" s="8">
        <v>43982400</v>
      </c>
      <c r="K38709" s="9"/>
      <c r="L38709" s="6"/>
    </row>
    <row r="38710" spans="1:12">
      <c r="A38710" s="6" t="s">
        <v>38013</v>
      </c>
      <c r="B38710" s="6" t="s">
        <v>38014</v>
      </c>
      <c r="C38710" s="6" t="s">
        <v>32230</v>
      </c>
      <c r="D38710" s="6" t="s">
        <v>38015</v>
      </c>
      <c r="E38710" s="6" t="s">
        <v>9</v>
      </c>
      <c r="F38710" s="7">
        <v>39597</v>
      </c>
      <c r="G38710" s="8">
        <v>180600000</v>
      </c>
      <c r="H38710" s="8">
        <v>59236800</v>
      </c>
      <c r="I38710" s="8">
        <v>131476800</v>
      </c>
      <c r="J38710" s="8">
        <v>49123200</v>
      </c>
      <c r="K38710" s="9"/>
      <c r="L38710" s="6"/>
    </row>
    <row r="38711" spans="1:12">
      <c r="A38711" s="6" t="s">
        <v>38013</v>
      </c>
      <c r="B38711" s="6" t="s">
        <v>38014</v>
      </c>
      <c r="C38711" s="6" t="s">
        <v>32230</v>
      </c>
      <c r="D38711" s="6" t="s">
        <v>38015</v>
      </c>
      <c r="E38711" s="6" t="s">
        <v>9</v>
      </c>
      <c r="F38711" s="7">
        <v>29860</v>
      </c>
      <c r="G38711" s="8">
        <v>2810813850</v>
      </c>
      <c r="H38711" s="8">
        <v>618379047</v>
      </c>
      <c r="I38711" s="8">
        <v>2248651080</v>
      </c>
      <c r="J38711" s="8">
        <v>562162770</v>
      </c>
      <c r="K38711" s="9">
        <v>11960.91</v>
      </c>
      <c r="L38711" s="6"/>
    </row>
    <row r="38712" spans="1:12">
      <c r="A38712" s="6" t="s">
        <v>38013</v>
      </c>
      <c r="B38712" s="6" t="s">
        <v>38014</v>
      </c>
      <c r="C38712" s="6" t="s">
        <v>32230</v>
      </c>
      <c r="D38712" s="6" t="s">
        <v>38015</v>
      </c>
      <c r="E38712" s="6" t="s">
        <v>9</v>
      </c>
      <c r="F38712" s="7">
        <v>39918</v>
      </c>
      <c r="G38712" s="8">
        <v>238350000</v>
      </c>
      <c r="H38712" s="8">
        <v>91526400</v>
      </c>
      <c r="I38712" s="8">
        <v>160171200</v>
      </c>
      <c r="J38712" s="8">
        <v>78178800</v>
      </c>
      <c r="K38712" s="9"/>
      <c r="L38712" s="6"/>
    </row>
    <row r="38713" spans="1:12">
      <c r="A38713" s="6" t="s">
        <v>38016</v>
      </c>
      <c r="B38713" s="6" t="s">
        <v>38017</v>
      </c>
      <c r="C38713" s="6" t="s">
        <v>32230</v>
      </c>
      <c r="D38713" s="6" t="s">
        <v>38018</v>
      </c>
      <c r="E38713" s="6" t="s">
        <v>9</v>
      </c>
      <c r="F38713" s="7">
        <v>33298</v>
      </c>
      <c r="G38713" s="8">
        <v>5590000</v>
      </c>
      <c r="H38713" s="8">
        <v>1062100</v>
      </c>
      <c r="I38713" s="8">
        <v>4678830</v>
      </c>
      <c r="J38713" s="8">
        <v>911170</v>
      </c>
      <c r="K38713" s="9">
        <v>43</v>
      </c>
      <c r="L38713" s="6"/>
    </row>
    <row r="38714" spans="1:12">
      <c r="A38714" s="6" t="s">
        <v>38019</v>
      </c>
      <c r="B38714" s="6" t="s">
        <v>38019</v>
      </c>
      <c r="C38714" s="6" t="s">
        <v>32230</v>
      </c>
      <c r="D38714" s="6" t="s">
        <v>38020</v>
      </c>
      <c r="E38714" s="6" t="s">
        <v>18740</v>
      </c>
      <c r="F38714" s="7">
        <v>35490</v>
      </c>
      <c r="G38714" s="8">
        <v>17666100</v>
      </c>
      <c r="H38714" s="8">
        <v>1</v>
      </c>
      <c r="I38714" s="8">
        <v>17666099</v>
      </c>
      <c r="J38714" s="8">
        <v>1</v>
      </c>
      <c r="K38714" s="9">
        <v>196.29</v>
      </c>
      <c r="L38714" s="6"/>
    </row>
    <row r="38715" spans="1:12">
      <c r="A38715" s="6" t="s">
        <v>38021</v>
      </c>
      <c r="B38715" s="6" t="s">
        <v>38022</v>
      </c>
      <c r="C38715" s="6" t="s">
        <v>32230</v>
      </c>
      <c r="D38715" s="6" t="s">
        <v>38023</v>
      </c>
      <c r="E38715" s="6" t="s">
        <v>9</v>
      </c>
      <c r="F38715" s="7">
        <v>34060</v>
      </c>
      <c r="G38715" s="8">
        <v>8680000</v>
      </c>
      <c r="H38715" s="8">
        <v>2352280</v>
      </c>
      <c r="I38715" s="8">
        <v>6562080</v>
      </c>
      <c r="J38715" s="8">
        <v>2117920</v>
      </c>
      <c r="K38715" s="9">
        <v>56</v>
      </c>
      <c r="L38715" s="6"/>
    </row>
    <row r="38716" spans="1:12">
      <c r="A38716" s="6" t="s">
        <v>38021</v>
      </c>
      <c r="B38716" s="6" t="s">
        <v>38024</v>
      </c>
      <c r="C38716" s="6" t="s">
        <v>32230</v>
      </c>
      <c r="D38716" s="6" t="s">
        <v>38023</v>
      </c>
      <c r="E38716" s="6" t="s">
        <v>9</v>
      </c>
      <c r="F38716" s="7">
        <v>34060</v>
      </c>
      <c r="G38716" s="8">
        <v>777600</v>
      </c>
      <c r="H38716" s="8">
        <v>84780</v>
      </c>
      <c r="I38716" s="8">
        <v>718480</v>
      </c>
      <c r="J38716" s="8">
        <v>59120</v>
      </c>
      <c r="K38716" s="9">
        <v>12.96</v>
      </c>
      <c r="L38716" s="6"/>
    </row>
    <row r="38717" spans="1:12">
      <c r="A38717" s="6" t="s">
        <v>38021</v>
      </c>
      <c r="B38717" s="6" t="s">
        <v>38025</v>
      </c>
      <c r="C38717" s="6" t="s">
        <v>32230</v>
      </c>
      <c r="D38717" s="6" t="s">
        <v>38023</v>
      </c>
      <c r="E38717" s="6" t="s">
        <v>9</v>
      </c>
      <c r="F38717" s="7">
        <v>34060</v>
      </c>
      <c r="G38717" s="8">
        <v>3720000</v>
      </c>
      <c r="H38717" s="8">
        <v>1008120</v>
      </c>
      <c r="I38717" s="8">
        <v>2812320</v>
      </c>
      <c r="J38717" s="8">
        <v>907680</v>
      </c>
      <c r="K38717" s="9">
        <v>24</v>
      </c>
      <c r="L38717" s="6"/>
    </row>
    <row r="38718" spans="1:12">
      <c r="A38718" s="6" t="s">
        <v>38021</v>
      </c>
      <c r="B38718" s="6" t="s">
        <v>38026</v>
      </c>
      <c r="C38718" s="6" t="s">
        <v>32230</v>
      </c>
      <c r="D38718" s="6" t="s">
        <v>38023</v>
      </c>
      <c r="E38718" s="6" t="s">
        <v>9</v>
      </c>
      <c r="F38718" s="7">
        <v>33695</v>
      </c>
      <c r="G38718" s="8">
        <v>3430800</v>
      </c>
      <c r="H38718" s="8">
        <v>1509552</v>
      </c>
      <c r="I38718" s="8">
        <v>1989864</v>
      </c>
      <c r="J38718" s="8">
        <v>1440936</v>
      </c>
      <c r="K38718" s="9">
        <v>19.059999999999899</v>
      </c>
      <c r="L38718" s="6"/>
    </row>
    <row r="38719" spans="1:12">
      <c r="A38719" s="6" t="s">
        <v>38021</v>
      </c>
      <c r="B38719" s="6" t="s">
        <v>38027</v>
      </c>
      <c r="C38719" s="6" t="s">
        <v>32230</v>
      </c>
      <c r="D38719" s="6" t="s">
        <v>38023</v>
      </c>
      <c r="E38719" s="6" t="s">
        <v>9</v>
      </c>
      <c r="F38719" s="7">
        <v>34060</v>
      </c>
      <c r="G38719" s="8">
        <v>3720000</v>
      </c>
      <c r="H38719" s="8">
        <v>1008120</v>
      </c>
      <c r="I38719" s="8">
        <v>2812320</v>
      </c>
      <c r="J38719" s="8">
        <v>907680</v>
      </c>
      <c r="K38719" s="9">
        <v>24</v>
      </c>
      <c r="L38719" s="6"/>
    </row>
    <row r="38720" spans="1:12">
      <c r="A38720" s="6" t="s">
        <v>38021</v>
      </c>
      <c r="B38720" s="6" t="s">
        <v>38028</v>
      </c>
      <c r="C38720" s="6" t="s">
        <v>32230</v>
      </c>
      <c r="D38720" s="6" t="s">
        <v>38023</v>
      </c>
      <c r="E38720" s="6" t="s">
        <v>9</v>
      </c>
      <c r="F38720" s="7">
        <v>42318</v>
      </c>
      <c r="G38720" s="8">
        <v>43000000</v>
      </c>
      <c r="H38720" s="8">
        <v>37195000</v>
      </c>
      <c r="I38720" s="8">
        <v>6966000</v>
      </c>
      <c r="J38720" s="8">
        <v>36034000</v>
      </c>
      <c r="K38720" s="9">
        <v>48.13</v>
      </c>
      <c r="L38720" s="6"/>
    </row>
    <row r="38721" spans="1:12">
      <c r="A38721" s="6" t="s">
        <v>38029</v>
      </c>
      <c r="B38721" s="6" t="s">
        <v>38030</v>
      </c>
      <c r="C38721" s="6" t="s">
        <v>32230</v>
      </c>
      <c r="D38721" s="21" t="s">
        <v>39172</v>
      </c>
      <c r="E38721" s="6" t="s">
        <v>9</v>
      </c>
      <c r="F38721" s="7">
        <v>38078</v>
      </c>
      <c r="G38721" s="8">
        <v>1785600</v>
      </c>
      <c r="H38721" s="8">
        <v>814240</v>
      </c>
      <c r="I38721" s="8">
        <v>1032070</v>
      </c>
      <c r="J38721" s="8">
        <v>753530</v>
      </c>
      <c r="K38721" s="9">
        <v>19.84</v>
      </c>
      <c r="L38721" s="6"/>
    </row>
    <row r="38722" spans="1:12">
      <c r="A38722" s="6" t="s">
        <v>27168</v>
      </c>
      <c r="B38722" s="6" t="s">
        <v>38032</v>
      </c>
      <c r="C38722" s="6" t="s">
        <v>32230</v>
      </c>
      <c r="D38722" s="6" t="s">
        <v>38033</v>
      </c>
      <c r="E38722" s="6" t="s">
        <v>9</v>
      </c>
      <c r="F38722" s="7">
        <v>44265</v>
      </c>
      <c r="G38722" s="8">
        <v>3740000</v>
      </c>
      <c r="H38722" s="8">
        <v>3740000</v>
      </c>
      <c r="I38722" s="8">
        <v>250580</v>
      </c>
      <c r="J38722" s="8">
        <v>3489420</v>
      </c>
      <c r="K38722" s="9"/>
      <c r="L38722" s="6"/>
    </row>
    <row r="38723" spans="1:12">
      <c r="A38723" s="6" t="s">
        <v>27168</v>
      </c>
      <c r="B38723" s="6" t="s">
        <v>38032</v>
      </c>
      <c r="C38723" s="6" t="s">
        <v>32230</v>
      </c>
      <c r="D38723" s="6" t="s">
        <v>38033</v>
      </c>
      <c r="E38723" s="6" t="s">
        <v>9</v>
      </c>
      <c r="F38723" s="7">
        <v>31717</v>
      </c>
      <c r="G38723" s="8">
        <v>261330000</v>
      </c>
      <c r="H38723" s="8">
        <v>65855160</v>
      </c>
      <c r="I38723" s="8">
        <v>201224100</v>
      </c>
      <c r="J38723" s="8">
        <v>60105900</v>
      </c>
      <c r="K38723" s="9">
        <v>1506.08</v>
      </c>
      <c r="L38723" s="6"/>
    </row>
    <row r="38724" spans="1:12">
      <c r="A38724" s="6" t="s">
        <v>27168</v>
      </c>
      <c r="B38724" s="6" t="s">
        <v>38032</v>
      </c>
      <c r="C38724" s="6" t="s">
        <v>32230</v>
      </c>
      <c r="D38724" s="6" t="s">
        <v>38033</v>
      </c>
      <c r="E38724" s="6" t="s">
        <v>9</v>
      </c>
      <c r="F38724" s="7"/>
      <c r="G38724" s="8">
        <v>982800</v>
      </c>
      <c r="H38724" s="8">
        <v>939558</v>
      </c>
      <c r="I38724" s="8">
        <v>64863</v>
      </c>
      <c r="J38724" s="8">
        <v>917937</v>
      </c>
      <c r="K38724" s="9"/>
      <c r="L38724" s="6"/>
    </row>
    <row r="38725" spans="1:12">
      <c r="A38725" s="6" t="s">
        <v>27168</v>
      </c>
      <c r="B38725" s="6" t="s">
        <v>38034</v>
      </c>
      <c r="C38725" s="6" t="s">
        <v>32230</v>
      </c>
      <c r="D38725" s="6" t="s">
        <v>38033</v>
      </c>
      <c r="E38725" s="6" t="s">
        <v>9</v>
      </c>
      <c r="F38725" s="7">
        <v>31990</v>
      </c>
      <c r="G38725" s="8">
        <v>315980000</v>
      </c>
      <c r="H38725" s="8">
        <v>86578520</v>
      </c>
      <c r="I38725" s="8">
        <v>236353040</v>
      </c>
      <c r="J38725" s="8">
        <v>79626960</v>
      </c>
      <c r="K38725" s="9">
        <v>2016.24</v>
      </c>
      <c r="L38725" s="6"/>
    </row>
    <row r="38726" spans="1:12">
      <c r="A38726" s="6" t="s">
        <v>27168</v>
      </c>
      <c r="B38726" s="6" t="s">
        <v>38035</v>
      </c>
      <c r="C38726" s="6" t="s">
        <v>32230</v>
      </c>
      <c r="D38726" s="6" t="s">
        <v>38033</v>
      </c>
      <c r="E38726" s="6" t="s">
        <v>9</v>
      </c>
      <c r="F38726" s="7">
        <v>31717</v>
      </c>
      <c r="G38726" s="8">
        <v>3557250</v>
      </c>
      <c r="H38726" s="8">
        <v>896444</v>
      </c>
      <c r="I38726" s="8">
        <v>2739065</v>
      </c>
      <c r="J38726" s="8">
        <v>818185</v>
      </c>
      <c r="K38726" s="9">
        <v>22.95</v>
      </c>
      <c r="L38726" s="6"/>
    </row>
    <row r="38727" spans="1:12">
      <c r="A38727" s="6" t="s">
        <v>38036</v>
      </c>
      <c r="B38727" s="6" t="s">
        <v>38037</v>
      </c>
      <c r="C38727" s="6" t="s">
        <v>32230</v>
      </c>
      <c r="D38727" s="6" t="s">
        <v>37947</v>
      </c>
      <c r="E38727" s="6" t="s">
        <v>9</v>
      </c>
      <c r="F38727" s="7">
        <v>35156</v>
      </c>
      <c r="G38727" s="8">
        <v>4860000</v>
      </c>
      <c r="H38727" s="8">
        <v>2527200</v>
      </c>
      <c r="I38727" s="8">
        <v>2430000</v>
      </c>
      <c r="J38727" s="8">
        <v>2430000</v>
      </c>
      <c r="K38727" s="9">
        <v>27</v>
      </c>
      <c r="L38727" s="6"/>
    </row>
    <row r="38728" spans="1:12">
      <c r="A38728" s="6" t="s">
        <v>38036</v>
      </c>
      <c r="B38728" s="6" t="s">
        <v>38038</v>
      </c>
      <c r="C38728" s="6" t="s">
        <v>32230</v>
      </c>
      <c r="D38728" s="6" t="s">
        <v>37947</v>
      </c>
      <c r="E38728" s="6" t="s">
        <v>9</v>
      </c>
      <c r="F38728" s="7">
        <v>35156</v>
      </c>
      <c r="G38728" s="8">
        <v>9540000</v>
      </c>
      <c r="H38728" s="8">
        <v>1984320</v>
      </c>
      <c r="I38728" s="8">
        <v>7870500</v>
      </c>
      <c r="J38728" s="8">
        <v>1669500</v>
      </c>
      <c r="K38728" s="9">
        <v>159</v>
      </c>
      <c r="L38728" s="6"/>
    </row>
    <row r="38729" spans="1:12">
      <c r="A38729" s="6" t="s">
        <v>38036</v>
      </c>
      <c r="B38729" s="6" t="s">
        <v>38039</v>
      </c>
      <c r="C38729" s="6" t="s">
        <v>32230</v>
      </c>
      <c r="D38729" s="6" t="s">
        <v>37947</v>
      </c>
      <c r="E38729" s="6" t="s">
        <v>9</v>
      </c>
      <c r="F38729" s="7">
        <v>35156</v>
      </c>
      <c r="G38729" s="8">
        <v>114660000</v>
      </c>
      <c r="H38729" s="8">
        <v>59623200</v>
      </c>
      <c r="I38729" s="8">
        <v>57330000</v>
      </c>
      <c r="J38729" s="8">
        <v>57330000</v>
      </c>
      <c r="K38729" s="9">
        <v>637</v>
      </c>
      <c r="L38729" s="6"/>
    </row>
    <row r="38730" spans="1:12">
      <c r="A38730" s="6" t="s">
        <v>38040</v>
      </c>
      <c r="B38730" s="6" t="s">
        <v>38041</v>
      </c>
      <c r="C38730" s="6" t="s">
        <v>32230</v>
      </c>
      <c r="D38730" s="6" t="s">
        <v>38042</v>
      </c>
      <c r="E38730" s="6" t="s">
        <v>9</v>
      </c>
      <c r="F38730" s="7">
        <v>39539</v>
      </c>
      <c r="G38730" s="8">
        <v>5565000</v>
      </c>
      <c r="H38730" s="8">
        <v>3761940</v>
      </c>
      <c r="I38730" s="8">
        <v>1953315</v>
      </c>
      <c r="J38730" s="8">
        <v>3611685</v>
      </c>
      <c r="K38730" s="9">
        <v>32</v>
      </c>
      <c r="L38730" s="6"/>
    </row>
    <row r="38731" spans="1:12">
      <c r="A38731" s="6" t="s">
        <v>38040</v>
      </c>
      <c r="B38731" s="6" t="s">
        <v>38043</v>
      </c>
      <c r="C38731" s="6" t="s">
        <v>32230</v>
      </c>
      <c r="D38731" s="6" t="s">
        <v>38042</v>
      </c>
      <c r="E38731" s="6" t="s">
        <v>9</v>
      </c>
      <c r="F38731" s="7">
        <v>28581</v>
      </c>
      <c r="G38731" s="8">
        <v>1451400</v>
      </c>
      <c r="H38731" s="8">
        <v>1</v>
      </c>
      <c r="I38731" s="8">
        <v>1451399</v>
      </c>
      <c r="J38731" s="8">
        <v>1</v>
      </c>
      <c r="K38731" s="9">
        <v>24.19</v>
      </c>
      <c r="L38731" s="6"/>
    </row>
    <row r="38732" spans="1:12">
      <c r="A38732" s="6" t="s">
        <v>38044</v>
      </c>
      <c r="B38732" s="6" t="s">
        <v>38045</v>
      </c>
      <c r="C38732" s="6" t="s">
        <v>32230</v>
      </c>
      <c r="D38732" s="6" t="s">
        <v>38046</v>
      </c>
      <c r="E38732" s="6" t="s">
        <v>9</v>
      </c>
      <c r="F38732" s="7">
        <v>36586</v>
      </c>
      <c r="G38732" s="8">
        <v>7238400</v>
      </c>
      <c r="H38732" s="8">
        <v>1</v>
      </c>
      <c r="I38732" s="8">
        <v>7238399</v>
      </c>
      <c r="J38732" s="8">
        <v>1</v>
      </c>
      <c r="K38732" s="9">
        <v>120.64</v>
      </c>
      <c r="L38732" s="6"/>
    </row>
    <row r="38733" spans="1:12">
      <c r="A38733" s="6" t="s">
        <v>27179</v>
      </c>
      <c r="B38733" s="6" t="s">
        <v>38047</v>
      </c>
      <c r="C38733" s="6" t="s">
        <v>32230</v>
      </c>
      <c r="D38733" s="6" t="s">
        <v>38048</v>
      </c>
      <c r="E38733" s="6" t="s">
        <v>9</v>
      </c>
      <c r="F38733" s="7">
        <v>43378</v>
      </c>
      <c r="G38733" s="8">
        <v>1598400</v>
      </c>
      <c r="H38733" s="8">
        <v>1419380</v>
      </c>
      <c r="I38733" s="8">
        <v>268530</v>
      </c>
      <c r="J38733" s="8">
        <v>1329870</v>
      </c>
      <c r="K38733" s="9"/>
      <c r="L38733" s="6"/>
    </row>
    <row r="38734" spans="1:12">
      <c r="A38734" s="6" t="s">
        <v>27179</v>
      </c>
      <c r="B38734" s="6" t="s">
        <v>38047</v>
      </c>
      <c r="C38734" s="6" t="s">
        <v>32230</v>
      </c>
      <c r="D38734" s="6" t="s">
        <v>38048</v>
      </c>
      <c r="E38734" s="6" t="s">
        <v>9</v>
      </c>
      <c r="F38734" s="7">
        <v>34029</v>
      </c>
      <c r="G38734" s="8">
        <v>393830000</v>
      </c>
      <c r="H38734" s="8">
        <v>151230720</v>
      </c>
      <c r="I38734" s="8">
        <v>251263540</v>
      </c>
      <c r="J38734" s="8">
        <v>142566460</v>
      </c>
      <c r="K38734" s="9">
        <v>1934.97</v>
      </c>
      <c r="L38734" s="6"/>
    </row>
    <row r="38735" spans="1:12">
      <c r="A38735" s="6" t="s">
        <v>27179</v>
      </c>
      <c r="B38735" s="6" t="s">
        <v>38047</v>
      </c>
      <c r="C38735" s="6" t="s">
        <v>32230</v>
      </c>
      <c r="D38735" s="6" t="s">
        <v>38048</v>
      </c>
      <c r="E38735" s="6" t="s">
        <v>9</v>
      </c>
      <c r="F38735" s="7">
        <v>41479</v>
      </c>
      <c r="G38735" s="8">
        <v>653313</v>
      </c>
      <c r="H38735" s="8">
        <v>346916</v>
      </c>
      <c r="I38735" s="8">
        <v>350168</v>
      </c>
      <c r="J38735" s="8">
        <v>303145</v>
      </c>
      <c r="K38735" s="9"/>
      <c r="L38735" s="6"/>
    </row>
    <row r="38736" spans="1:12">
      <c r="A38736" s="6" t="s">
        <v>27179</v>
      </c>
      <c r="B38736" s="6" t="s">
        <v>38049</v>
      </c>
      <c r="C38736" s="6" t="s">
        <v>32230</v>
      </c>
      <c r="D38736" s="6" t="s">
        <v>38048</v>
      </c>
      <c r="E38736" s="6" t="s">
        <v>9</v>
      </c>
      <c r="F38736" s="7">
        <v>34455</v>
      </c>
      <c r="G38736" s="8">
        <v>242740000</v>
      </c>
      <c r="H38736" s="8">
        <v>103892720</v>
      </c>
      <c r="I38736" s="8">
        <v>144187560</v>
      </c>
      <c r="J38736" s="8">
        <v>98552440</v>
      </c>
      <c r="K38736" s="9">
        <v>1314.84</v>
      </c>
      <c r="L38736" s="6"/>
    </row>
    <row r="38737" spans="1:12">
      <c r="A38737" s="6" t="s">
        <v>27179</v>
      </c>
      <c r="B38737" s="6" t="s">
        <v>38049</v>
      </c>
      <c r="C38737" s="6" t="s">
        <v>32230</v>
      </c>
      <c r="D38737" s="6" t="s">
        <v>38048</v>
      </c>
      <c r="E38737" s="6" t="s">
        <v>9</v>
      </c>
      <c r="F38737" s="7">
        <v>41479</v>
      </c>
      <c r="G38737" s="8">
        <v>443936</v>
      </c>
      <c r="H38737" s="8">
        <v>235735</v>
      </c>
      <c r="I38737" s="8">
        <v>237944</v>
      </c>
      <c r="J38737" s="8">
        <v>205992</v>
      </c>
      <c r="K38737" s="9"/>
      <c r="L38737" s="6"/>
    </row>
    <row r="38738" spans="1:12">
      <c r="A38738" s="6" t="s">
        <v>27179</v>
      </c>
      <c r="B38738" s="6" t="s">
        <v>38050</v>
      </c>
      <c r="C38738" s="6" t="s">
        <v>32230</v>
      </c>
      <c r="D38738" s="6" t="s">
        <v>38048</v>
      </c>
      <c r="E38738" s="6" t="s">
        <v>9</v>
      </c>
      <c r="F38738" s="7">
        <v>34029</v>
      </c>
      <c r="G38738" s="8">
        <v>3906000</v>
      </c>
      <c r="H38738" s="8">
        <v>953064</v>
      </c>
      <c r="I38738" s="8">
        <v>3058398</v>
      </c>
      <c r="J38738" s="8">
        <v>847602</v>
      </c>
      <c r="K38738" s="9">
        <v>25.2</v>
      </c>
      <c r="L38738" s="6"/>
    </row>
    <row r="38739" spans="1:12">
      <c r="A38739" s="6" t="s">
        <v>27183</v>
      </c>
      <c r="B38739" s="6" t="s">
        <v>38051</v>
      </c>
      <c r="C38739" s="6" t="s">
        <v>32230</v>
      </c>
      <c r="D38739" s="6" t="s">
        <v>38052</v>
      </c>
      <c r="E38739" s="6" t="s">
        <v>9</v>
      </c>
      <c r="F38739" s="7">
        <v>36557</v>
      </c>
      <c r="G38739" s="8">
        <v>5376000</v>
      </c>
      <c r="H38739" s="8">
        <v>1</v>
      </c>
      <c r="I38739" s="8">
        <v>5375999</v>
      </c>
      <c r="J38739" s="8">
        <v>1</v>
      </c>
      <c r="K38739" s="9">
        <v>12</v>
      </c>
      <c r="L38739" s="6"/>
    </row>
    <row r="38740" spans="1:12">
      <c r="A38740" s="6" t="s">
        <v>27193</v>
      </c>
      <c r="B38740" s="6" t="s">
        <v>38053</v>
      </c>
      <c r="C38740" s="6" t="s">
        <v>32230</v>
      </c>
      <c r="D38740" s="6" t="s">
        <v>38054</v>
      </c>
      <c r="E38740" s="6" t="s">
        <v>9</v>
      </c>
      <c r="F38740" s="7">
        <v>39934</v>
      </c>
      <c r="G38740" s="8">
        <v>978600</v>
      </c>
      <c r="H38740" s="8">
        <v>1</v>
      </c>
      <c r="I38740" s="8">
        <v>978599</v>
      </c>
      <c r="J38740" s="8">
        <v>1</v>
      </c>
      <c r="K38740" s="9"/>
      <c r="L38740" s="6"/>
    </row>
    <row r="38741" spans="1:12">
      <c r="A38741" s="6" t="s">
        <v>27193</v>
      </c>
      <c r="B38741" s="6" t="s">
        <v>38053</v>
      </c>
      <c r="C38741" s="6" t="s">
        <v>32230</v>
      </c>
      <c r="D38741" s="6" t="s">
        <v>38054</v>
      </c>
      <c r="E38741" s="6" t="s">
        <v>9</v>
      </c>
      <c r="F38741" s="7">
        <v>42825</v>
      </c>
      <c r="G38741" s="8">
        <v>1347615</v>
      </c>
      <c r="H38741" s="8">
        <v>1239807</v>
      </c>
      <c r="I38741" s="8">
        <v>134760</v>
      </c>
      <c r="J38741" s="8">
        <v>1212855</v>
      </c>
      <c r="K38741" s="9"/>
      <c r="L38741" s="6"/>
    </row>
    <row r="38742" spans="1:12">
      <c r="A38742" s="6" t="s">
        <v>27193</v>
      </c>
      <c r="B38742" s="6" t="s">
        <v>38053</v>
      </c>
      <c r="C38742" s="6" t="s">
        <v>32230</v>
      </c>
      <c r="D38742" s="6" t="s">
        <v>38054</v>
      </c>
      <c r="E38742" s="6" t="s">
        <v>9</v>
      </c>
      <c r="F38742" s="7">
        <v>39966</v>
      </c>
      <c r="G38742" s="8">
        <v>500850</v>
      </c>
      <c r="H38742" s="8">
        <v>131734</v>
      </c>
      <c r="I38742" s="8">
        <v>402672</v>
      </c>
      <c r="J38742" s="8">
        <v>98178</v>
      </c>
      <c r="K38742" s="9"/>
      <c r="L38742" s="6"/>
    </row>
    <row r="38743" spans="1:12">
      <c r="A38743" s="6" t="s">
        <v>27193</v>
      </c>
      <c r="B38743" s="6" t="s">
        <v>38053</v>
      </c>
      <c r="C38743" s="6" t="s">
        <v>32230</v>
      </c>
      <c r="D38743" s="6" t="s">
        <v>38054</v>
      </c>
      <c r="E38743" s="6" t="s">
        <v>9</v>
      </c>
      <c r="F38743" s="7">
        <v>39899</v>
      </c>
      <c r="G38743" s="8">
        <v>184440000</v>
      </c>
      <c r="H38743" s="8">
        <v>140174400</v>
      </c>
      <c r="I38743" s="8">
        <v>47954400</v>
      </c>
      <c r="J38743" s="8">
        <v>136485600</v>
      </c>
      <c r="K38743" s="9">
        <v>558.79</v>
      </c>
      <c r="L38743" s="6"/>
    </row>
    <row r="38744" spans="1:12">
      <c r="A38744" s="6" t="s">
        <v>27193</v>
      </c>
      <c r="B38744" s="6" t="s">
        <v>38053</v>
      </c>
      <c r="C38744" s="6" t="s">
        <v>32230</v>
      </c>
      <c r="D38744" s="6" t="s">
        <v>38054</v>
      </c>
      <c r="E38744" s="6" t="s">
        <v>9</v>
      </c>
      <c r="F38744" s="7">
        <v>39897</v>
      </c>
      <c r="G38744" s="8">
        <v>19908000</v>
      </c>
      <c r="H38744" s="8">
        <v>3901968</v>
      </c>
      <c r="I38744" s="8">
        <v>17339868</v>
      </c>
      <c r="J38744" s="8">
        <v>2568132</v>
      </c>
      <c r="K38744" s="9"/>
      <c r="L38744" s="6"/>
    </row>
    <row r="38745" spans="1:12">
      <c r="A38745" s="6" t="s">
        <v>27193</v>
      </c>
      <c r="B38745" s="6" t="s">
        <v>38053</v>
      </c>
      <c r="C38745" s="6" t="s">
        <v>32230</v>
      </c>
      <c r="D38745" s="6" t="s">
        <v>38054</v>
      </c>
      <c r="E38745" s="6" t="s">
        <v>9</v>
      </c>
      <c r="F38745" s="7">
        <v>39931</v>
      </c>
      <c r="G38745" s="8">
        <v>196350</v>
      </c>
      <c r="H38745" s="8">
        <v>51645</v>
      </c>
      <c r="I38745" s="8">
        <v>157860</v>
      </c>
      <c r="J38745" s="8">
        <v>38490</v>
      </c>
      <c r="K38745" s="9"/>
      <c r="L38745" s="6"/>
    </row>
    <row r="38746" spans="1:12">
      <c r="A38746" s="6" t="s">
        <v>27193</v>
      </c>
      <c r="B38746" s="6" t="s">
        <v>38053</v>
      </c>
      <c r="C38746" s="6" t="s">
        <v>32230</v>
      </c>
      <c r="D38746" s="6" t="s">
        <v>38054</v>
      </c>
      <c r="E38746" s="6" t="s">
        <v>9</v>
      </c>
      <c r="F38746" s="7">
        <v>42825</v>
      </c>
      <c r="G38746" s="8">
        <v>864000</v>
      </c>
      <c r="H38746" s="8">
        <v>632448</v>
      </c>
      <c r="I38746" s="8">
        <v>289440</v>
      </c>
      <c r="J38746" s="8">
        <v>574560</v>
      </c>
      <c r="K38746" s="9"/>
      <c r="L38746" s="6"/>
    </row>
    <row r="38747" spans="1:12">
      <c r="A38747" s="6" t="s">
        <v>27193</v>
      </c>
      <c r="B38747" s="6" t="s">
        <v>38053</v>
      </c>
      <c r="C38747" s="6" t="s">
        <v>32230</v>
      </c>
      <c r="D38747" s="6" t="s">
        <v>38054</v>
      </c>
      <c r="E38747" s="6" t="s">
        <v>9</v>
      </c>
      <c r="F38747" s="7">
        <v>42825</v>
      </c>
      <c r="G38747" s="8">
        <v>10275570</v>
      </c>
      <c r="H38747" s="8">
        <v>7521718</v>
      </c>
      <c r="I38747" s="8">
        <v>3442315</v>
      </c>
      <c r="J38747" s="8">
        <v>6833255</v>
      </c>
      <c r="K38747" s="9"/>
      <c r="L38747" s="6"/>
    </row>
    <row r="38748" spans="1:12">
      <c r="A38748" s="6" t="s">
        <v>27193</v>
      </c>
      <c r="B38748" s="6" t="s">
        <v>38053</v>
      </c>
      <c r="C38748" s="6" t="s">
        <v>32230</v>
      </c>
      <c r="D38748" s="6" t="s">
        <v>38054</v>
      </c>
      <c r="E38748" s="6" t="s">
        <v>9</v>
      </c>
      <c r="F38748" s="7">
        <v>39897</v>
      </c>
      <c r="G38748" s="8">
        <v>29085000</v>
      </c>
      <c r="H38748" s="8">
        <v>9539880</v>
      </c>
      <c r="I38748" s="8">
        <v>21173880</v>
      </c>
      <c r="J38748" s="8">
        <v>7911120</v>
      </c>
      <c r="K38748" s="9"/>
      <c r="L38748" s="6"/>
    </row>
    <row r="38749" spans="1:12">
      <c r="A38749" s="6" t="s">
        <v>27193</v>
      </c>
      <c r="B38749" s="6" t="s">
        <v>38053</v>
      </c>
      <c r="C38749" s="6" t="s">
        <v>32230</v>
      </c>
      <c r="D38749" s="6" t="s">
        <v>38054</v>
      </c>
      <c r="E38749" s="6" t="s">
        <v>9</v>
      </c>
      <c r="F38749" s="7">
        <v>42825</v>
      </c>
      <c r="G38749" s="8">
        <v>1347615</v>
      </c>
      <c r="H38749" s="8">
        <v>986455</v>
      </c>
      <c r="I38749" s="8">
        <v>451450</v>
      </c>
      <c r="J38749" s="8">
        <v>896165</v>
      </c>
      <c r="K38749" s="9"/>
      <c r="L38749" s="6"/>
    </row>
    <row r="38750" spans="1:12">
      <c r="A38750" s="6" t="s">
        <v>27207</v>
      </c>
      <c r="B38750" s="6" t="s">
        <v>38055</v>
      </c>
      <c r="C38750" s="6" t="s">
        <v>32230</v>
      </c>
      <c r="D38750" s="6" t="s">
        <v>38056</v>
      </c>
      <c r="E38750" s="6" t="s">
        <v>9</v>
      </c>
      <c r="F38750" s="7">
        <v>42307</v>
      </c>
      <c r="G38750" s="8">
        <v>1933200</v>
      </c>
      <c r="H38750" s="8">
        <v>1362910</v>
      </c>
      <c r="I38750" s="8">
        <v>684348</v>
      </c>
      <c r="J38750" s="8">
        <v>1248852</v>
      </c>
      <c r="K38750" s="9"/>
      <c r="L38750" s="6"/>
    </row>
    <row r="38751" spans="1:12">
      <c r="A38751" s="6" t="s">
        <v>27207</v>
      </c>
      <c r="B38751" s="6" t="s">
        <v>38055</v>
      </c>
      <c r="C38751" s="6" t="s">
        <v>32230</v>
      </c>
      <c r="D38751" s="6" t="s">
        <v>38056</v>
      </c>
      <c r="E38751" s="6" t="s">
        <v>9</v>
      </c>
      <c r="F38751" s="7">
        <v>36800</v>
      </c>
      <c r="G38751" s="8">
        <v>412120000</v>
      </c>
      <c r="H38751" s="8">
        <v>230787200</v>
      </c>
      <c r="I38751" s="8">
        <v>190399440</v>
      </c>
      <c r="J38751" s="8">
        <v>221720560</v>
      </c>
      <c r="K38751" s="9">
        <v>2088.98</v>
      </c>
      <c r="L38751" s="6"/>
    </row>
    <row r="38752" spans="1:12">
      <c r="A38752" s="6" t="s">
        <v>27207</v>
      </c>
      <c r="B38752" s="6" t="s">
        <v>38055</v>
      </c>
      <c r="C38752" s="6" t="s">
        <v>32230</v>
      </c>
      <c r="D38752" s="6" t="s">
        <v>38056</v>
      </c>
      <c r="E38752" s="6" t="s">
        <v>9</v>
      </c>
      <c r="F38752" s="7">
        <v>42776</v>
      </c>
      <c r="G38752" s="8">
        <v>874800</v>
      </c>
      <c r="H38752" s="8">
        <v>640356</v>
      </c>
      <c r="I38752" s="8">
        <v>293055</v>
      </c>
      <c r="J38752" s="8">
        <v>581745</v>
      </c>
      <c r="K38752" s="9"/>
      <c r="L38752" s="6"/>
    </row>
    <row r="38753" spans="1:12">
      <c r="A38753" s="6" t="s">
        <v>27207</v>
      </c>
      <c r="B38753" s="6" t="s">
        <v>38057</v>
      </c>
      <c r="C38753" s="6" t="s">
        <v>32230</v>
      </c>
      <c r="D38753" s="6" t="s">
        <v>38056</v>
      </c>
      <c r="E38753" s="6" t="s">
        <v>9</v>
      </c>
      <c r="F38753" s="7">
        <v>35735</v>
      </c>
      <c r="G38753" s="8">
        <v>436460000</v>
      </c>
      <c r="H38753" s="8">
        <v>215611240</v>
      </c>
      <c r="I38753" s="8">
        <v>230450880</v>
      </c>
      <c r="J38753" s="8">
        <v>206009120</v>
      </c>
      <c r="K38753" s="9">
        <v>2337.64</v>
      </c>
      <c r="L38753" s="6"/>
    </row>
    <row r="38754" spans="1:12">
      <c r="A38754" s="6" t="s">
        <v>27207</v>
      </c>
      <c r="B38754" s="6" t="s">
        <v>38058</v>
      </c>
      <c r="C38754" s="6" t="s">
        <v>32230</v>
      </c>
      <c r="D38754" s="6" t="s">
        <v>38056</v>
      </c>
      <c r="E38754" s="6" t="s">
        <v>9</v>
      </c>
      <c r="F38754" s="7">
        <v>43459</v>
      </c>
      <c r="G38754" s="8">
        <v>1188000</v>
      </c>
      <c r="H38754" s="8">
        <v>1028808</v>
      </c>
      <c r="I38754" s="8">
        <v>238788</v>
      </c>
      <c r="J38754" s="8">
        <v>949212</v>
      </c>
      <c r="K38754" s="9"/>
      <c r="L38754" s="6"/>
    </row>
    <row r="38755" spans="1:12">
      <c r="A38755" s="6" t="s">
        <v>27207</v>
      </c>
      <c r="B38755" s="6" t="s">
        <v>38058</v>
      </c>
      <c r="C38755" s="6" t="s">
        <v>32230</v>
      </c>
      <c r="D38755" s="6" t="s">
        <v>38056</v>
      </c>
      <c r="E38755" s="6" t="s">
        <v>9</v>
      </c>
      <c r="F38755" s="7">
        <v>37316</v>
      </c>
      <c r="G38755" s="8">
        <v>323032400</v>
      </c>
      <c r="H38755" s="8">
        <v>188004872</v>
      </c>
      <c r="I38755" s="8">
        <v>142134240</v>
      </c>
      <c r="J38755" s="8">
        <v>180898160</v>
      </c>
      <c r="K38755" s="9">
        <v>2084.08</v>
      </c>
      <c r="L38755" s="6"/>
    </row>
    <row r="38756" spans="1:12">
      <c r="A38756" s="6" t="s">
        <v>27207</v>
      </c>
      <c r="B38756" s="6" t="s">
        <v>38059</v>
      </c>
      <c r="C38756" s="6" t="s">
        <v>32230</v>
      </c>
      <c r="D38756" s="6" t="s">
        <v>38056</v>
      </c>
      <c r="E38756" s="6" t="s">
        <v>9</v>
      </c>
      <c r="F38756" s="7">
        <v>42825</v>
      </c>
      <c r="G38756" s="8">
        <v>2991600</v>
      </c>
      <c r="H38756" s="8">
        <v>2285584</v>
      </c>
      <c r="I38756" s="8">
        <v>882520</v>
      </c>
      <c r="J38756" s="8">
        <v>2109080</v>
      </c>
      <c r="K38756" s="9"/>
      <c r="L38756" s="6"/>
    </row>
    <row r="38757" spans="1:12">
      <c r="A38757" s="6" t="s">
        <v>27207</v>
      </c>
      <c r="B38757" s="6" t="s">
        <v>38059</v>
      </c>
      <c r="C38757" s="6" t="s">
        <v>32230</v>
      </c>
      <c r="D38757" s="6" t="s">
        <v>38056</v>
      </c>
      <c r="E38757" s="6" t="s">
        <v>9</v>
      </c>
      <c r="F38757" s="7">
        <v>37316</v>
      </c>
      <c r="G38757" s="8">
        <v>7686450</v>
      </c>
      <c r="H38757" s="8">
        <v>3743304</v>
      </c>
      <c r="I38757" s="8">
        <v>4150680</v>
      </c>
      <c r="J38757" s="8">
        <v>3535770</v>
      </c>
      <c r="K38757" s="9">
        <v>49.59</v>
      </c>
      <c r="L38757" s="6"/>
    </row>
    <row r="38758" spans="1:12">
      <c r="A38758" s="6" t="s">
        <v>27257</v>
      </c>
      <c r="B38758" s="6" t="s">
        <v>38060</v>
      </c>
      <c r="C38758" s="6" t="s">
        <v>32230</v>
      </c>
      <c r="D38758" s="6" t="s">
        <v>38061</v>
      </c>
      <c r="E38758" s="6" t="s">
        <v>9</v>
      </c>
      <c r="F38758" s="7">
        <v>35764</v>
      </c>
      <c r="G38758" s="8">
        <v>228513400</v>
      </c>
      <c r="H38758" s="8">
        <v>112885638</v>
      </c>
      <c r="I38758" s="8">
        <v>120655056</v>
      </c>
      <c r="J38758" s="8">
        <v>107858344</v>
      </c>
      <c r="K38758" s="9">
        <v>1474.28</v>
      </c>
      <c r="L38758" s="6"/>
    </row>
    <row r="38759" spans="1:12">
      <c r="A38759" s="6" t="s">
        <v>27257</v>
      </c>
      <c r="B38759" s="6" t="s">
        <v>38060</v>
      </c>
      <c r="C38759" s="6" t="s">
        <v>32230</v>
      </c>
      <c r="D38759" s="6" t="s">
        <v>38061</v>
      </c>
      <c r="E38759" s="6" t="s">
        <v>9</v>
      </c>
      <c r="F38759" s="7">
        <v>44119</v>
      </c>
      <c r="G38759" s="8">
        <v>15776200</v>
      </c>
      <c r="H38759" s="8">
        <v>15776200</v>
      </c>
      <c r="I38759" s="8">
        <v>1057005</v>
      </c>
      <c r="J38759" s="8">
        <v>14719195</v>
      </c>
      <c r="K38759" s="9"/>
      <c r="L38759" s="6"/>
    </row>
    <row r="38760" spans="1:12">
      <c r="A38760" s="6" t="s">
        <v>27257</v>
      </c>
      <c r="B38760" s="6" t="s">
        <v>38062</v>
      </c>
      <c r="C38760" s="6" t="s">
        <v>32230</v>
      </c>
      <c r="D38760" s="6" t="s">
        <v>38061</v>
      </c>
      <c r="E38760" s="6" t="s">
        <v>9</v>
      </c>
      <c r="F38760" s="7">
        <v>41242</v>
      </c>
      <c r="G38760" s="8">
        <v>6242250</v>
      </c>
      <c r="H38760" s="8">
        <v>2896410</v>
      </c>
      <c r="I38760" s="8">
        <v>3764070</v>
      </c>
      <c r="J38760" s="8">
        <v>2478180</v>
      </c>
      <c r="K38760" s="9"/>
      <c r="L38760" s="6"/>
    </row>
    <row r="38761" spans="1:12">
      <c r="A38761" s="6" t="s">
        <v>27257</v>
      </c>
      <c r="B38761" s="6" t="s">
        <v>38062</v>
      </c>
      <c r="C38761" s="6" t="s">
        <v>32230</v>
      </c>
      <c r="D38761" s="6" t="s">
        <v>38061</v>
      </c>
      <c r="E38761" s="6" t="s">
        <v>9</v>
      </c>
      <c r="F38761" s="7">
        <v>37523</v>
      </c>
      <c r="G38761" s="8">
        <v>11331215</v>
      </c>
      <c r="H38761" s="8">
        <v>6436133</v>
      </c>
      <c r="I38761" s="8">
        <v>5167031</v>
      </c>
      <c r="J38761" s="8">
        <v>6164184</v>
      </c>
      <c r="K38761" s="9">
        <v>82.14</v>
      </c>
      <c r="L38761" s="6"/>
    </row>
    <row r="38762" spans="1:12">
      <c r="A38762" s="6" t="s">
        <v>27257</v>
      </c>
      <c r="B38762" s="6" t="s">
        <v>38062</v>
      </c>
      <c r="C38762" s="6" t="s">
        <v>32230</v>
      </c>
      <c r="D38762" s="6" t="s">
        <v>38061</v>
      </c>
      <c r="E38762" s="6" t="s">
        <v>9</v>
      </c>
      <c r="F38762" s="7">
        <v>43486</v>
      </c>
      <c r="G38762" s="8">
        <v>9288000</v>
      </c>
      <c r="H38762" s="8">
        <v>8192016</v>
      </c>
      <c r="I38762" s="8">
        <v>1643976</v>
      </c>
      <c r="J38762" s="8">
        <v>7644024</v>
      </c>
      <c r="K38762" s="9"/>
      <c r="L38762" s="6"/>
    </row>
    <row r="38763" spans="1:12">
      <c r="A38763" s="6" t="s">
        <v>27292</v>
      </c>
      <c r="B38763" s="6" t="s">
        <v>38063</v>
      </c>
      <c r="C38763" s="6" t="s">
        <v>32230</v>
      </c>
      <c r="D38763" s="6" t="s">
        <v>38064</v>
      </c>
      <c r="E38763" s="6" t="s">
        <v>9</v>
      </c>
      <c r="F38763" s="7">
        <v>34881</v>
      </c>
      <c r="G38763" s="8">
        <v>566450600</v>
      </c>
      <c r="H38763" s="8">
        <v>254902775</v>
      </c>
      <c r="I38763" s="8">
        <v>324009738</v>
      </c>
      <c r="J38763" s="8">
        <v>242440862</v>
      </c>
      <c r="K38763" s="9">
        <v>3654.52</v>
      </c>
      <c r="L38763" s="6"/>
    </row>
    <row r="38764" spans="1:12">
      <c r="A38764" s="6" t="s">
        <v>27292</v>
      </c>
      <c r="B38764" s="6" t="s">
        <v>38065</v>
      </c>
      <c r="C38764" s="6" t="s">
        <v>32230</v>
      </c>
      <c r="D38764" s="6" t="s">
        <v>38064</v>
      </c>
      <c r="E38764" s="6" t="s">
        <v>9</v>
      </c>
      <c r="F38764" s="7">
        <v>36586</v>
      </c>
      <c r="G38764" s="8">
        <v>185740000</v>
      </c>
      <c r="H38764" s="8">
        <v>99928120</v>
      </c>
      <c r="I38764" s="8">
        <v>89898159</v>
      </c>
      <c r="J38764" s="8">
        <v>95841841</v>
      </c>
      <c r="K38764" s="9">
        <v>1084.8699999999899</v>
      </c>
      <c r="L38764" s="6"/>
    </row>
    <row r="38765" spans="1:12">
      <c r="A38765" s="6" t="s">
        <v>27292</v>
      </c>
      <c r="B38765" s="6" t="s">
        <v>38066</v>
      </c>
      <c r="C38765" s="6" t="s">
        <v>32230</v>
      </c>
      <c r="D38765" s="6" t="s">
        <v>38064</v>
      </c>
      <c r="E38765" s="6" t="s">
        <v>9</v>
      </c>
      <c r="F38765" s="7">
        <v>36586</v>
      </c>
      <c r="G38765" s="8">
        <v>2948400</v>
      </c>
      <c r="H38765" s="8">
        <v>1276674</v>
      </c>
      <c r="I38765" s="8">
        <v>1751332</v>
      </c>
      <c r="J38765" s="8">
        <v>1197068</v>
      </c>
      <c r="K38765" s="9">
        <v>22.68</v>
      </c>
      <c r="L38765" s="6"/>
    </row>
    <row r="38766" spans="1:12">
      <c r="A38766" s="6" t="s">
        <v>27292</v>
      </c>
      <c r="B38766" s="6" t="s">
        <v>38067</v>
      </c>
      <c r="C38766" s="6" t="s">
        <v>32230</v>
      </c>
      <c r="D38766" s="6" t="s">
        <v>38064</v>
      </c>
      <c r="E38766" s="6" t="s">
        <v>9</v>
      </c>
      <c r="F38766" s="7">
        <v>34881</v>
      </c>
      <c r="G38766" s="8">
        <v>7595000</v>
      </c>
      <c r="H38766" s="8">
        <v>2468375</v>
      </c>
      <c r="I38766" s="8">
        <v>5331690</v>
      </c>
      <c r="J38766" s="8">
        <v>2263310</v>
      </c>
      <c r="K38766" s="9">
        <v>49</v>
      </c>
      <c r="L38766" s="6"/>
    </row>
    <row r="38767" spans="1:12">
      <c r="A38767" s="6" t="s">
        <v>27292</v>
      </c>
      <c r="B38767" s="6" t="s">
        <v>38067</v>
      </c>
      <c r="C38767" s="6" t="s">
        <v>32230</v>
      </c>
      <c r="D38767" s="6" t="s">
        <v>38064</v>
      </c>
      <c r="E38767" s="6" t="s">
        <v>9</v>
      </c>
      <c r="F38767" s="7">
        <v>41095</v>
      </c>
      <c r="G38767" s="8">
        <v>1092000</v>
      </c>
      <c r="H38767" s="8">
        <v>506688</v>
      </c>
      <c r="I38767" s="8">
        <v>658476</v>
      </c>
      <c r="J38767" s="8">
        <v>433524</v>
      </c>
      <c r="K38767" s="9"/>
      <c r="L38767" s="6"/>
    </row>
    <row r="38768" spans="1:12">
      <c r="A38768" s="6" t="s">
        <v>27310</v>
      </c>
      <c r="B38768" s="6" t="s">
        <v>38068</v>
      </c>
      <c r="C38768" s="6" t="s">
        <v>32230</v>
      </c>
      <c r="D38768" s="6" t="s">
        <v>38064</v>
      </c>
      <c r="E38768" s="6" t="s">
        <v>9</v>
      </c>
      <c r="F38768" s="7">
        <v>40633</v>
      </c>
      <c r="G38768" s="8">
        <v>3045000</v>
      </c>
      <c r="H38768" s="8">
        <v>1</v>
      </c>
      <c r="I38768" s="8">
        <v>3044999</v>
      </c>
      <c r="J38768" s="8">
        <v>1</v>
      </c>
      <c r="K38768" s="9"/>
      <c r="L38768" s="6"/>
    </row>
    <row r="38769" spans="1:12">
      <c r="A38769" s="6" t="s">
        <v>27310</v>
      </c>
      <c r="B38769" s="6" t="s">
        <v>38068</v>
      </c>
      <c r="C38769" s="6" t="s">
        <v>32230</v>
      </c>
      <c r="D38769" s="6" t="s">
        <v>38064</v>
      </c>
      <c r="E38769" s="6" t="s">
        <v>9</v>
      </c>
      <c r="F38769" s="7">
        <v>40624</v>
      </c>
      <c r="G38769" s="8">
        <v>98152950</v>
      </c>
      <c r="H38769" s="8">
        <v>32390480</v>
      </c>
      <c r="I38769" s="8">
        <v>72338717</v>
      </c>
      <c r="J38769" s="8">
        <v>25814233</v>
      </c>
      <c r="K38769" s="9"/>
      <c r="L38769" s="6"/>
    </row>
    <row r="38770" spans="1:12">
      <c r="A38770" s="6" t="s">
        <v>27310</v>
      </c>
      <c r="B38770" s="6" t="s">
        <v>38068</v>
      </c>
      <c r="C38770" s="6" t="s">
        <v>32230</v>
      </c>
      <c r="D38770" s="6" t="s">
        <v>38064</v>
      </c>
      <c r="E38770" s="6" t="s">
        <v>9</v>
      </c>
      <c r="F38770" s="7">
        <v>40630</v>
      </c>
      <c r="G38770" s="8">
        <v>106298850</v>
      </c>
      <c r="H38770" s="8">
        <v>35078630</v>
      </c>
      <c r="I38770" s="8">
        <v>78342242</v>
      </c>
      <c r="J38770" s="8">
        <v>27956608</v>
      </c>
      <c r="K38770" s="9"/>
      <c r="L38770" s="6"/>
    </row>
    <row r="38771" spans="1:12">
      <c r="A38771" s="6" t="s">
        <v>27310</v>
      </c>
      <c r="B38771" s="6" t="s">
        <v>38068</v>
      </c>
      <c r="C38771" s="6" t="s">
        <v>32230</v>
      </c>
      <c r="D38771" s="6" t="s">
        <v>38064</v>
      </c>
      <c r="E38771" s="6" t="s">
        <v>9</v>
      </c>
      <c r="F38771" s="7">
        <v>40625</v>
      </c>
      <c r="G38771" s="8">
        <v>149100000</v>
      </c>
      <c r="H38771" s="8">
        <v>49203000</v>
      </c>
      <c r="I38771" s="8">
        <v>109886700</v>
      </c>
      <c r="J38771" s="8">
        <v>39213300</v>
      </c>
      <c r="K38771" s="9"/>
      <c r="L38771" s="6"/>
    </row>
    <row r="38772" spans="1:12">
      <c r="A38772" s="6" t="s">
        <v>27310</v>
      </c>
      <c r="B38772" s="6" t="s">
        <v>38068</v>
      </c>
      <c r="C38772" s="6" t="s">
        <v>32230</v>
      </c>
      <c r="D38772" s="6" t="s">
        <v>38069</v>
      </c>
      <c r="E38772" s="6" t="s">
        <v>9</v>
      </c>
      <c r="F38772" s="7">
        <v>40620</v>
      </c>
      <c r="G38772" s="8">
        <v>988276800</v>
      </c>
      <c r="H38772" s="8">
        <v>662145460</v>
      </c>
      <c r="I38772" s="8">
        <v>358744474</v>
      </c>
      <c r="J38772" s="8">
        <v>629532326</v>
      </c>
      <c r="K38772" s="9">
        <v>2180.5300000000002</v>
      </c>
      <c r="L38772" s="6"/>
    </row>
    <row r="38773" spans="1:12">
      <c r="A38773" s="6" t="s">
        <v>27310</v>
      </c>
      <c r="B38773" s="6" t="s">
        <v>38068</v>
      </c>
      <c r="C38773" s="6" t="s">
        <v>32230</v>
      </c>
      <c r="D38773" s="6" t="s">
        <v>38069</v>
      </c>
      <c r="E38773" s="6" t="s">
        <v>9</v>
      </c>
      <c r="F38773" s="7">
        <v>40627</v>
      </c>
      <c r="G38773" s="8">
        <v>183225000</v>
      </c>
      <c r="H38773" s="8">
        <v>80619000</v>
      </c>
      <c r="I38773" s="8">
        <v>112866600</v>
      </c>
      <c r="J38773" s="8">
        <v>70358400</v>
      </c>
      <c r="K38773" s="9"/>
      <c r="L38773" s="6"/>
    </row>
    <row r="38774" spans="1:12">
      <c r="A38774" s="6" t="s">
        <v>27316</v>
      </c>
      <c r="B38774" s="6" t="s">
        <v>38070</v>
      </c>
      <c r="C38774" s="6" t="s">
        <v>32230</v>
      </c>
      <c r="D38774" s="6" t="s">
        <v>38071</v>
      </c>
      <c r="E38774" s="6" t="s">
        <v>9</v>
      </c>
      <c r="F38774" s="7">
        <v>42926</v>
      </c>
      <c r="G38774" s="8">
        <v>1279800</v>
      </c>
      <c r="H38774" s="8">
        <v>1022562</v>
      </c>
      <c r="I38774" s="8">
        <v>342984</v>
      </c>
      <c r="J38774" s="8">
        <v>936816</v>
      </c>
      <c r="K38774" s="9"/>
      <c r="L38774" s="6"/>
    </row>
    <row r="38775" spans="1:12">
      <c r="A38775" s="6" t="s">
        <v>27316</v>
      </c>
      <c r="B38775" s="6" t="s">
        <v>38070</v>
      </c>
      <c r="C38775" s="6" t="s">
        <v>32230</v>
      </c>
      <c r="D38775" s="6" t="s">
        <v>38071</v>
      </c>
      <c r="E38775" s="6" t="s">
        <v>9</v>
      </c>
      <c r="F38775" s="7">
        <v>43921</v>
      </c>
      <c r="G38775" s="8">
        <v>1292500</v>
      </c>
      <c r="H38775" s="8">
        <v>1205903</v>
      </c>
      <c r="I38775" s="8">
        <v>173194</v>
      </c>
      <c r="J38775" s="8">
        <v>1119306</v>
      </c>
      <c r="K38775" s="9"/>
      <c r="L38775" s="6"/>
    </row>
    <row r="38776" spans="1:12">
      <c r="A38776" s="6" t="s">
        <v>27316</v>
      </c>
      <c r="B38776" s="6" t="s">
        <v>38070</v>
      </c>
      <c r="C38776" s="6" t="s">
        <v>32230</v>
      </c>
      <c r="D38776" s="6" t="s">
        <v>38071</v>
      </c>
      <c r="E38776" s="6" t="s">
        <v>9</v>
      </c>
      <c r="F38776" s="7">
        <v>40381</v>
      </c>
      <c r="G38776" s="8">
        <v>480000</v>
      </c>
      <c r="H38776" s="8">
        <v>158400</v>
      </c>
      <c r="I38776" s="8">
        <v>353760</v>
      </c>
      <c r="J38776" s="8">
        <v>126240</v>
      </c>
      <c r="K38776" s="9"/>
      <c r="L38776" s="6"/>
    </row>
    <row r="38777" spans="1:12">
      <c r="A38777" s="6" t="s">
        <v>27316</v>
      </c>
      <c r="B38777" s="6" t="s">
        <v>38070</v>
      </c>
      <c r="C38777" s="6" t="s">
        <v>32230</v>
      </c>
      <c r="D38777" s="6" t="s">
        <v>38071</v>
      </c>
      <c r="E38777" s="6" t="s">
        <v>9</v>
      </c>
      <c r="F38777" s="7">
        <v>43784</v>
      </c>
      <c r="G38777" s="8">
        <v>216000</v>
      </c>
      <c r="H38777" s="8">
        <v>201528</v>
      </c>
      <c r="I38777" s="8">
        <v>28944</v>
      </c>
      <c r="J38777" s="8">
        <v>187056</v>
      </c>
      <c r="K38777" s="9"/>
      <c r="L38777" s="6"/>
    </row>
    <row r="38778" spans="1:12">
      <c r="A38778" s="6" t="s">
        <v>27316</v>
      </c>
      <c r="B38778" s="6" t="s">
        <v>38070</v>
      </c>
      <c r="C38778" s="6" t="s">
        <v>32230</v>
      </c>
      <c r="D38778" s="6" t="s">
        <v>38071</v>
      </c>
      <c r="E38778" s="6" t="s">
        <v>9</v>
      </c>
      <c r="F38778" s="7">
        <v>40752</v>
      </c>
      <c r="G38778" s="8">
        <v>630000</v>
      </c>
      <c r="H38778" s="8">
        <v>250110</v>
      </c>
      <c r="I38778" s="8">
        <v>422100</v>
      </c>
      <c r="J38778" s="8">
        <v>207900</v>
      </c>
      <c r="K38778" s="9"/>
      <c r="L38778" s="6"/>
    </row>
    <row r="38779" spans="1:12">
      <c r="A38779" s="6" t="s">
        <v>27316</v>
      </c>
      <c r="B38779" s="6" t="s">
        <v>38070</v>
      </c>
      <c r="C38779" s="6" t="s">
        <v>32230</v>
      </c>
      <c r="D38779" s="6" t="s">
        <v>38071</v>
      </c>
      <c r="E38779" s="6" t="s">
        <v>9</v>
      </c>
      <c r="F38779" s="7">
        <v>32721</v>
      </c>
      <c r="G38779" s="8">
        <v>835600000</v>
      </c>
      <c r="H38779" s="8">
        <v>265720800</v>
      </c>
      <c r="I38779" s="8">
        <v>588262400</v>
      </c>
      <c r="J38779" s="8">
        <v>247337600</v>
      </c>
      <c r="K38779" s="9">
        <v>4925</v>
      </c>
      <c r="L38779" s="6"/>
    </row>
    <row r="38780" spans="1:12">
      <c r="A38780" s="6" t="s">
        <v>27316</v>
      </c>
      <c r="B38780" s="6" t="s">
        <v>38070</v>
      </c>
      <c r="C38780" s="6" t="s">
        <v>32230</v>
      </c>
      <c r="D38780" s="6" t="s">
        <v>38071</v>
      </c>
      <c r="E38780" s="6" t="s">
        <v>9</v>
      </c>
      <c r="F38780" s="7">
        <v>43555</v>
      </c>
      <c r="G38780" s="8">
        <v>3787200</v>
      </c>
      <c r="H38780" s="8">
        <v>3279716</v>
      </c>
      <c r="I38780" s="8">
        <v>761226</v>
      </c>
      <c r="J38780" s="8">
        <v>3025974</v>
      </c>
      <c r="K38780" s="9"/>
      <c r="L38780" s="6"/>
    </row>
    <row r="38781" spans="1:12">
      <c r="A38781" s="6" t="s">
        <v>27316</v>
      </c>
      <c r="B38781" s="6" t="s">
        <v>38070</v>
      </c>
      <c r="C38781" s="6" t="s">
        <v>32230</v>
      </c>
      <c r="D38781" s="6" t="s">
        <v>38071</v>
      </c>
      <c r="E38781" s="6" t="s">
        <v>9</v>
      </c>
      <c r="F38781" s="7">
        <v>41240</v>
      </c>
      <c r="G38781" s="8">
        <v>1291500</v>
      </c>
      <c r="H38781" s="8">
        <v>599260</v>
      </c>
      <c r="I38781" s="8">
        <v>778770</v>
      </c>
      <c r="J38781" s="8">
        <v>512730</v>
      </c>
      <c r="K38781" s="9"/>
      <c r="L38781" s="6"/>
    </row>
    <row r="38782" spans="1:12">
      <c r="A38782" s="6" t="s">
        <v>27316</v>
      </c>
      <c r="B38782" s="6" t="s">
        <v>38070</v>
      </c>
      <c r="C38782" s="6" t="s">
        <v>32230</v>
      </c>
      <c r="D38782" s="6" t="s">
        <v>38071</v>
      </c>
      <c r="E38782" s="6" t="s">
        <v>9</v>
      </c>
      <c r="F38782" s="7">
        <v>41618</v>
      </c>
      <c r="G38782" s="8">
        <v>1293600</v>
      </c>
      <c r="H38782" s="8">
        <v>686903</v>
      </c>
      <c r="I38782" s="8">
        <v>693368</v>
      </c>
      <c r="J38782" s="8">
        <v>600232</v>
      </c>
      <c r="K38782" s="9"/>
      <c r="L38782" s="6"/>
    </row>
    <row r="38783" spans="1:12">
      <c r="A38783" s="6" t="s">
        <v>27316</v>
      </c>
      <c r="B38783" s="6" t="s">
        <v>38072</v>
      </c>
      <c r="C38783" s="6" t="s">
        <v>32230</v>
      </c>
      <c r="D38783" s="6" t="s">
        <v>38071</v>
      </c>
      <c r="E38783" s="6" t="s">
        <v>9</v>
      </c>
      <c r="F38783" s="7">
        <v>42066</v>
      </c>
      <c r="G38783" s="8">
        <v>1873543</v>
      </c>
      <c r="H38783" s="8">
        <v>1244035</v>
      </c>
      <c r="I38783" s="8">
        <v>734426</v>
      </c>
      <c r="J38783" s="8">
        <v>1139117</v>
      </c>
      <c r="K38783" s="9"/>
      <c r="L38783" s="6"/>
    </row>
    <row r="38784" spans="1:12">
      <c r="A38784" s="6" t="s">
        <v>27316</v>
      </c>
      <c r="B38784" s="6" t="s">
        <v>38072</v>
      </c>
      <c r="C38784" s="6" t="s">
        <v>32230</v>
      </c>
      <c r="D38784" s="6" t="s">
        <v>38071</v>
      </c>
      <c r="E38784" s="6" t="s">
        <v>9</v>
      </c>
      <c r="F38784" s="7">
        <v>33298</v>
      </c>
      <c r="G38784" s="8">
        <v>264680477</v>
      </c>
      <c r="H38784" s="8">
        <v>89991377</v>
      </c>
      <c r="I38784" s="8">
        <v>180512070</v>
      </c>
      <c r="J38784" s="8">
        <v>84168407</v>
      </c>
      <c r="K38784" s="9">
        <v>944</v>
      </c>
      <c r="L38784" s="6"/>
    </row>
    <row r="38785" spans="1:12">
      <c r="A38785" s="6" t="s">
        <v>27316</v>
      </c>
      <c r="B38785" s="6" t="s">
        <v>38073</v>
      </c>
      <c r="C38785" s="6" t="s">
        <v>32230</v>
      </c>
      <c r="D38785" s="6" t="s">
        <v>38071</v>
      </c>
      <c r="E38785" s="6" t="s">
        <v>9</v>
      </c>
      <c r="F38785" s="7">
        <v>32721</v>
      </c>
      <c r="G38785" s="8">
        <v>2640000</v>
      </c>
      <c r="H38785" s="8">
        <v>1</v>
      </c>
      <c r="I38785" s="8">
        <v>2639999</v>
      </c>
      <c r="J38785" s="8">
        <v>1</v>
      </c>
      <c r="K38785" s="9">
        <v>44</v>
      </c>
      <c r="L38785" s="6"/>
    </row>
    <row r="38786" spans="1:12">
      <c r="A38786" s="6" t="s">
        <v>27316</v>
      </c>
      <c r="B38786" s="6" t="s">
        <v>38074</v>
      </c>
      <c r="C38786" s="6" t="s">
        <v>32230</v>
      </c>
      <c r="D38786" s="6" t="s">
        <v>38071</v>
      </c>
      <c r="E38786" s="6" t="s">
        <v>9</v>
      </c>
      <c r="F38786" s="7">
        <v>29037</v>
      </c>
      <c r="G38786" s="8">
        <v>3080000</v>
      </c>
      <c r="H38786" s="8">
        <v>1</v>
      </c>
      <c r="I38786" s="8">
        <v>3079999</v>
      </c>
      <c r="J38786" s="8">
        <v>1</v>
      </c>
      <c r="K38786" s="9">
        <v>44</v>
      </c>
      <c r="L38786" s="6"/>
    </row>
    <row r="38787" spans="1:12">
      <c r="A38787" s="6" t="s">
        <v>27316</v>
      </c>
      <c r="B38787" s="6" t="s">
        <v>38075</v>
      </c>
      <c r="C38787" s="6" t="s">
        <v>32230</v>
      </c>
      <c r="D38787" s="6" t="s">
        <v>38071</v>
      </c>
      <c r="E38787" s="6" t="s">
        <v>9</v>
      </c>
      <c r="F38787" s="7">
        <v>29037</v>
      </c>
      <c r="G38787" s="8">
        <v>3080000</v>
      </c>
      <c r="H38787" s="8">
        <v>1</v>
      </c>
      <c r="I38787" s="8">
        <v>3079999</v>
      </c>
      <c r="J38787" s="8">
        <v>1</v>
      </c>
      <c r="K38787" s="9">
        <v>44</v>
      </c>
      <c r="L38787" s="6"/>
    </row>
    <row r="38788" spans="1:12">
      <c r="A38788" s="6" t="s">
        <v>27316</v>
      </c>
      <c r="B38788" s="6" t="s">
        <v>38076</v>
      </c>
      <c r="C38788" s="6" t="s">
        <v>32230</v>
      </c>
      <c r="D38788" s="6" t="s">
        <v>38071</v>
      </c>
      <c r="E38788" s="6" t="s">
        <v>9</v>
      </c>
      <c r="F38788" s="7">
        <v>33298</v>
      </c>
      <c r="G38788" s="8">
        <v>7850692</v>
      </c>
      <c r="H38788" s="8">
        <v>2669242</v>
      </c>
      <c r="I38788" s="8">
        <v>5354165</v>
      </c>
      <c r="J38788" s="8">
        <v>2496527</v>
      </c>
      <c r="K38788" s="9">
        <v>28</v>
      </c>
      <c r="L38788" s="6"/>
    </row>
    <row r="38789" spans="1:12">
      <c r="A38789" s="6" t="s">
        <v>27316</v>
      </c>
      <c r="B38789" s="6" t="s">
        <v>38077</v>
      </c>
      <c r="C38789" s="6" t="s">
        <v>32230</v>
      </c>
      <c r="D38789" s="6" t="s">
        <v>38071</v>
      </c>
      <c r="E38789" s="6" t="s">
        <v>9</v>
      </c>
      <c r="F38789" s="7">
        <v>33298</v>
      </c>
      <c r="G38789" s="8">
        <v>12897565</v>
      </c>
      <c r="H38789" s="8">
        <v>4385185</v>
      </c>
      <c r="I38789" s="8">
        <v>8796126</v>
      </c>
      <c r="J38789" s="8">
        <v>4101439</v>
      </c>
      <c r="K38789" s="9">
        <v>46</v>
      </c>
      <c r="L38789" s="6"/>
    </row>
    <row r="38790" spans="1:12">
      <c r="A38790" s="6" t="s">
        <v>27316</v>
      </c>
      <c r="B38790" s="6" t="s">
        <v>38078</v>
      </c>
      <c r="C38790" s="6" t="s">
        <v>32230</v>
      </c>
      <c r="D38790" s="6" t="s">
        <v>38071</v>
      </c>
      <c r="E38790" s="6" t="s">
        <v>9</v>
      </c>
      <c r="F38790" s="7">
        <v>33298</v>
      </c>
      <c r="G38790" s="8">
        <v>2243054</v>
      </c>
      <c r="H38790" s="8">
        <v>762644</v>
      </c>
      <c r="I38790" s="8">
        <v>1529757</v>
      </c>
      <c r="J38790" s="8">
        <v>713297</v>
      </c>
      <c r="K38790" s="9">
        <v>8</v>
      </c>
      <c r="L38790" s="6"/>
    </row>
    <row r="38791" spans="1:12">
      <c r="A38791" s="6" t="s">
        <v>27316</v>
      </c>
      <c r="B38791" s="6" t="s">
        <v>38079</v>
      </c>
      <c r="C38791" s="6" t="s">
        <v>32230</v>
      </c>
      <c r="D38791" s="6" t="s">
        <v>38071</v>
      </c>
      <c r="E38791" s="6" t="s">
        <v>9</v>
      </c>
      <c r="F38791" s="7">
        <v>33298</v>
      </c>
      <c r="G38791" s="8">
        <v>64768210</v>
      </c>
      <c r="H38791" s="8">
        <v>22021210</v>
      </c>
      <c r="I38791" s="8">
        <v>44171900</v>
      </c>
      <c r="J38791" s="8">
        <v>20596310</v>
      </c>
      <c r="K38791" s="9">
        <v>231</v>
      </c>
      <c r="L38791" s="6"/>
    </row>
    <row r="38792" spans="1:12">
      <c r="A38792" s="6" t="s">
        <v>27391</v>
      </c>
      <c r="B38792" s="6" t="s">
        <v>38080</v>
      </c>
      <c r="C38792" s="6" t="s">
        <v>32230</v>
      </c>
      <c r="D38792" s="6" t="s">
        <v>38081</v>
      </c>
      <c r="E38792" s="6" t="s">
        <v>9</v>
      </c>
      <c r="F38792" s="7">
        <v>42066</v>
      </c>
      <c r="G38792" s="8">
        <v>2014456</v>
      </c>
      <c r="H38792" s="8">
        <v>1337602</v>
      </c>
      <c r="I38792" s="8">
        <v>789663</v>
      </c>
      <c r="J38792" s="8">
        <v>1224793</v>
      </c>
      <c r="K38792" s="9"/>
      <c r="L38792" s="6"/>
    </row>
    <row r="38793" spans="1:12">
      <c r="A38793" s="6" t="s">
        <v>27391</v>
      </c>
      <c r="B38793" s="6" t="s">
        <v>38080</v>
      </c>
      <c r="C38793" s="6" t="s">
        <v>32230</v>
      </c>
      <c r="D38793" s="6" t="s">
        <v>38081</v>
      </c>
      <c r="E38793" s="6" t="s">
        <v>9</v>
      </c>
      <c r="F38793" s="7">
        <v>34029</v>
      </c>
      <c r="G38793" s="8">
        <v>383958853</v>
      </c>
      <c r="H38793" s="8">
        <v>147440221</v>
      </c>
      <c r="I38793" s="8">
        <v>244965726</v>
      </c>
      <c r="J38793" s="8">
        <v>138993127</v>
      </c>
      <c r="K38793" s="9">
        <v>1015</v>
      </c>
      <c r="L38793" s="6"/>
    </row>
    <row r="38794" spans="1:12">
      <c r="A38794" s="6" t="s">
        <v>27391</v>
      </c>
      <c r="B38794" s="6" t="s">
        <v>38080</v>
      </c>
      <c r="C38794" s="6" t="s">
        <v>32230</v>
      </c>
      <c r="D38794" s="6" t="s">
        <v>38081</v>
      </c>
      <c r="E38794" s="6" t="s">
        <v>9</v>
      </c>
      <c r="F38794" s="7">
        <v>40983</v>
      </c>
      <c r="G38794" s="8">
        <v>1291500</v>
      </c>
      <c r="H38794" s="8">
        <v>512730</v>
      </c>
      <c r="I38794" s="8">
        <v>865300</v>
      </c>
      <c r="J38794" s="8">
        <v>426200</v>
      </c>
      <c r="K38794" s="9"/>
      <c r="L38794" s="6"/>
    </row>
    <row r="38795" spans="1:12">
      <c r="A38795" s="6" t="s">
        <v>27391</v>
      </c>
      <c r="B38795" s="6" t="s">
        <v>38080</v>
      </c>
      <c r="C38795" s="6" t="s">
        <v>32230</v>
      </c>
      <c r="D38795" s="6" t="s">
        <v>38081</v>
      </c>
      <c r="E38795" s="6" t="s">
        <v>9</v>
      </c>
      <c r="F38795" s="7">
        <v>41066</v>
      </c>
      <c r="G38795" s="8">
        <v>1260000</v>
      </c>
      <c r="H38795" s="8">
        <v>584640</v>
      </c>
      <c r="I38795" s="8">
        <v>759780</v>
      </c>
      <c r="J38795" s="8">
        <v>500220</v>
      </c>
      <c r="K38795" s="9"/>
      <c r="L38795" s="6"/>
    </row>
    <row r="38796" spans="1:12">
      <c r="A38796" s="6" t="s">
        <v>27391</v>
      </c>
      <c r="B38796" s="6" t="s">
        <v>38082</v>
      </c>
      <c r="C38796" s="6" t="s">
        <v>32230</v>
      </c>
      <c r="D38796" s="6" t="s">
        <v>38081</v>
      </c>
      <c r="E38796" s="6" t="s">
        <v>9</v>
      </c>
      <c r="F38796" s="7">
        <v>34029</v>
      </c>
      <c r="G38796" s="8">
        <v>78683193</v>
      </c>
      <c r="H38796" s="8">
        <v>30214353</v>
      </c>
      <c r="I38796" s="8">
        <v>50199870</v>
      </c>
      <c r="J38796" s="8">
        <v>28483323</v>
      </c>
      <c r="K38796" s="9">
        <v>208</v>
      </c>
      <c r="L38796" s="6"/>
    </row>
    <row r="38797" spans="1:12">
      <c r="A38797" s="6" t="s">
        <v>27391</v>
      </c>
      <c r="B38797" s="6" t="s">
        <v>38083</v>
      </c>
      <c r="C38797" s="6" t="s">
        <v>32230</v>
      </c>
      <c r="D38797" s="6" t="s">
        <v>38081</v>
      </c>
      <c r="E38797" s="6" t="s">
        <v>9</v>
      </c>
      <c r="F38797" s="7">
        <v>43921</v>
      </c>
      <c r="G38797" s="8">
        <v>1287000</v>
      </c>
      <c r="H38797" s="8">
        <v>1200771</v>
      </c>
      <c r="I38797" s="8">
        <v>172458</v>
      </c>
      <c r="J38797" s="8">
        <v>1114542</v>
      </c>
      <c r="K38797" s="9"/>
      <c r="L38797" s="6"/>
    </row>
    <row r="38798" spans="1:12">
      <c r="A38798" s="6" t="s">
        <v>27391</v>
      </c>
      <c r="B38798" s="6" t="s">
        <v>38083</v>
      </c>
      <c r="C38798" s="6" t="s">
        <v>32230</v>
      </c>
      <c r="D38798" s="6" t="s">
        <v>38081</v>
      </c>
      <c r="E38798" s="6" t="s">
        <v>9</v>
      </c>
      <c r="F38798" s="7"/>
      <c r="G38798" s="8">
        <v>1998000</v>
      </c>
      <c r="H38798" s="8">
        <v>1910088</v>
      </c>
      <c r="I38798" s="8">
        <v>131868</v>
      </c>
      <c r="J38798" s="8">
        <v>1866132</v>
      </c>
      <c r="K38798" s="9"/>
      <c r="L38798" s="6"/>
    </row>
    <row r="38799" spans="1:12">
      <c r="A38799" s="6" t="s">
        <v>27391</v>
      </c>
      <c r="B38799" s="6" t="s">
        <v>38083</v>
      </c>
      <c r="C38799" s="6" t="s">
        <v>32230</v>
      </c>
      <c r="D38799" s="6" t="s">
        <v>38081</v>
      </c>
      <c r="E38799" s="6" t="s">
        <v>9</v>
      </c>
      <c r="F38799" s="7">
        <v>43784</v>
      </c>
      <c r="G38799" s="8">
        <v>216000</v>
      </c>
      <c r="H38799" s="8">
        <v>201528</v>
      </c>
      <c r="I38799" s="8">
        <v>28944</v>
      </c>
      <c r="J38799" s="8">
        <v>187056</v>
      </c>
      <c r="K38799" s="9"/>
      <c r="L38799" s="6"/>
    </row>
    <row r="38800" spans="1:12">
      <c r="A38800" s="6" t="s">
        <v>27391</v>
      </c>
      <c r="B38800" s="6" t="s">
        <v>38083</v>
      </c>
      <c r="C38800" s="6" t="s">
        <v>32230</v>
      </c>
      <c r="D38800" s="6" t="s">
        <v>38081</v>
      </c>
      <c r="E38800" s="6" t="s">
        <v>9</v>
      </c>
      <c r="F38800" s="7">
        <v>33573</v>
      </c>
      <c r="G38800" s="8">
        <v>561465959</v>
      </c>
      <c r="H38800" s="8">
        <v>203250680</v>
      </c>
      <c r="I38800" s="8">
        <v>370567530</v>
      </c>
      <c r="J38800" s="8">
        <v>190898429</v>
      </c>
      <c r="K38800" s="9">
        <v>2450</v>
      </c>
      <c r="L38800" s="6"/>
    </row>
    <row r="38801" spans="1:12">
      <c r="A38801" s="6" t="s">
        <v>27391</v>
      </c>
      <c r="B38801" s="6" t="s">
        <v>38083</v>
      </c>
      <c r="C38801" s="6" t="s">
        <v>32230</v>
      </c>
      <c r="D38801" s="6" t="s">
        <v>38081</v>
      </c>
      <c r="E38801" s="6" t="s">
        <v>9</v>
      </c>
      <c r="F38801" s="7">
        <v>43555</v>
      </c>
      <c r="G38801" s="8">
        <v>3787200</v>
      </c>
      <c r="H38801" s="8">
        <v>3279716</v>
      </c>
      <c r="I38801" s="8">
        <v>761226</v>
      </c>
      <c r="J38801" s="8">
        <v>3025974</v>
      </c>
      <c r="K38801" s="9"/>
      <c r="L38801" s="6"/>
    </row>
    <row r="38802" spans="1:12">
      <c r="A38802" s="6" t="s">
        <v>27391</v>
      </c>
      <c r="B38802" s="6" t="s">
        <v>38084</v>
      </c>
      <c r="C38802" s="6" t="s">
        <v>32230</v>
      </c>
      <c r="D38802" s="6" t="s">
        <v>38081</v>
      </c>
      <c r="E38802" s="6" t="s">
        <v>9</v>
      </c>
      <c r="F38802" s="7">
        <v>34060</v>
      </c>
      <c r="G38802" s="8">
        <v>1500000</v>
      </c>
      <c r="H38802" s="8">
        <v>163500</v>
      </c>
      <c r="I38802" s="8">
        <v>1386000</v>
      </c>
      <c r="J38802" s="8">
        <v>114000</v>
      </c>
      <c r="K38802" s="9">
        <v>25</v>
      </c>
      <c r="L38802" s="6"/>
    </row>
    <row r="38803" spans="1:12">
      <c r="A38803" s="6" t="s">
        <v>27391</v>
      </c>
      <c r="B38803" s="6" t="s">
        <v>38085</v>
      </c>
      <c r="C38803" s="6" t="s">
        <v>32230</v>
      </c>
      <c r="D38803" s="6" t="s">
        <v>38081</v>
      </c>
      <c r="E38803" s="6" t="s">
        <v>9</v>
      </c>
      <c r="F38803" s="7">
        <v>34060</v>
      </c>
      <c r="G38803" s="8">
        <v>1500000</v>
      </c>
      <c r="H38803" s="8">
        <v>163500</v>
      </c>
      <c r="I38803" s="8">
        <v>1386000</v>
      </c>
      <c r="J38803" s="8">
        <v>114000</v>
      </c>
      <c r="K38803" s="9">
        <v>25</v>
      </c>
      <c r="L38803" s="6"/>
    </row>
    <row r="38804" spans="1:12">
      <c r="A38804" s="6" t="s">
        <v>27391</v>
      </c>
      <c r="B38804" s="6" t="s">
        <v>38086</v>
      </c>
      <c r="C38804" s="6" t="s">
        <v>32230</v>
      </c>
      <c r="D38804" s="6" t="s">
        <v>38081</v>
      </c>
      <c r="E38804" s="6" t="s">
        <v>9</v>
      </c>
      <c r="F38804" s="7">
        <v>33420</v>
      </c>
      <c r="G38804" s="8">
        <v>4750000</v>
      </c>
      <c r="H38804" s="8">
        <v>1</v>
      </c>
      <c r="I38804" s="8">
        <v>4749999</v>
      </c>
      <c r="J38804" s="8">
        <v>1</v>
      </c>
      <c r="K38804" s="9">
        <v>50</v>
      </c>
      <c r="L38804" s="6"/>
    </row>
    <row r="38805" spans="1:12">
      <c r="A38805" s="6" t="s">
        <v>27391</v>
      </c>
      <c r="B38805" s="6" t="s">
        <v>38087</v>
      </c>
      <c r="C38805" s="6" t="s">
        <v>32230</v>
      </c>
      <c r="D38805" s="6" t="s">
        <v>38081</v>
      </c>
      <c r="E38805" s="6" t="s">
        <v>9</v>
      </c>
      <c r="F38805" s="7">
        <v>33420</v>
      </c>
      <c r="G38805" s="8">
        <v>4750000</v>
      </c>
      <c r="H38805" s="8">
        <v>1</v>
      </c>
      <c r="I38805" s="8">
        <v>4749999</v>
      </c>
      <c r="J38805" s="8">
        <v>1</v>
      </c>
      <c r="K38805" s="9">
        <v>50</v>
      </c>
      <c r="L38805" s="6"/>
    </row>
    <row r="38806" spans="1:12">
      <c r="A38806" s="6" t="s">
        <v>27391</v>
      </c>
      <c r="B38806" s="6" t="s">
        <v>38088</v>
      </c>
      <c r="C38806" s="6" t="s">
        <v>32230</v>
      </c>
      <c r="D38806" s="6" t="s">
        <v>38081</v>
      </c>
      <c r="E38806" s="6" t="s">
        <v>9</v>
      </c>
      <c r="F38806" s="7">
        <v>33573</v>
      </c>
      <c r="G38806" s="8">
        <v>429693336</v>
      </c>
      <c r="H38806" s="8">
        <v>155548999</v>
      </c>
      <c r="I38806" s="8">
        <v>283597590</v>
      </c>
      <c r="J38806" s="8">
        <v>146095746</v>
      </c>
      <c r="K38806" s="9">
        <v>1875</v>
      </c>
      <c r="L38806" s="6"/>
    </row>
    <row r="38807" spans="1:12">
      <c r="A38807" s="6" t="s">
        <v>27391</v>
      </c>
      <c r="B38807" s="6" t="s">
        <v>38089</v>
      </c>
      <c r="C38807" s="6" t="s">
        <v>32230</v>
      </c>
      <c r="D38807" s="6" t="s">
        <v>38081</v>
      </c>
      <c r="E38807" s="6" t="s">
        <v>9</v>
      </c>
      <c r="F38807" s="7">
        <v>33573</v>
      </c>
      <c r="G38807" s="8">
        <v>358650704</v>
      </c>
      <c r="H38807" s="8">
        <v>129831569</v>
      </c>
      <c r="I38807" s="8">
        <v>236709450</v>
      </c>
      <c r="J38807" s="8">
        <v>121941254</v>
      </c>
      <c r="K38807" s="9">
        <v>1565</v>
      </c>
      <c r="L38807" s="6"/>
    </row>
    <row r="38808" spans="1:12">
      <c r="A38808" s="6" t="s">
        <v>27391</v>
      </c>
      <c r="B38808" s="6" t="s">
        <v>38090</v>
      </c>
      <c r="C38808" s="6" t="s">
        <v>32230</v>
      </c>
      <c r="D38808" s="6" t="s">
        <v>38081</v>
      </c>
      <c r="E38808" s="6" t="s">
        <v>9</v>
      </c>
      <c r="F38808" s="7">
        <v>34029</v>
      </c>
      <c r="G38808" s="8">
        <v>15887952</v>
      </c>
      <c r="H38808" s="8">
        <v>6101000</v>
      </c>
      <c r="I38808" s="8">
        <v>10136486</v>
      </c>
      <c r="J38808" s="8">
        <v>5751466</v>
      </c>
      <c r="K38808" s="9">
        <v>42</v>
      </c>
      <c r="L38808" s="6"/>
    </row>
    <row r="38809" spans="1:12">
      <c r="A38809" s="6" t="s">
        <v>27395</v>
      </c>
      <c r="B38809" s="6" t="s">
        <v>38091</v>
      </c>
      <c r="C38809" s="6" t="s">
        <v>32230</v>
      </c>
      <c r="D38809" s="6" t="s">
        <v>38092</v>
      </c>
      <c r="E38809" s="6" t="s">
        <v>18740</v>
      </c>
      <c r="F38809" s="7">
        <v>36923</v>
      </c>
      <c r="G38809" s="8">
        <v>2400000</v>
      </c>
      <c r="H38809" s="8">
        <v>816000</v>
      </c>
      <c r="I38809" s="8">
        <v>1663200</v>
      </c>
      <c r="J38809" s="8">
        <v>736800</v>
      </c>
      <c r="K38809" s="9">
        <v>40</v>
      </c>
      <c r="L38809" s="6"/>
    </row>
    <row r="38810" spans="1:12">
      <c r="A38810" s="6" t="s">
        <v>27395</v>
      </c>
      <c r="B38810" s="6" t="s">
        <v>38093</v>
      </c>
      <c r="C38810" s="6" t="s">
        <v>32230</v>
      </c>
      <c r="D38810" s="6" t="s">
        <v>38092</v>
      </c>
      <c r="E38810" s="6" t="s">
        <v>18740</v>
      </c>
      <c r="F38810" s="7">
        <v>31503</v>
      </c>
      <c r="G38810" s="8">
        <v>344900000</v>
      </c>
      <c r="H38810" s="8">
        <v>86914800</v>
      </c>
      <c r="I38810" s="8">
        <v>265573000</v>
      </c>
      <c r="J38810" s="8">
        <v>79327000</v>
      </c>
      <c r="K38810" s="9">
        <v>2101</v>
      </c>
      <c r="L38810" s="6"/>
    </row>
    <row r="38811" spans="1:12">
      <c r="A38811" s="6" t="s">
        <v>27395</v>
      </c>
      <c r="B38811" s="6" t="s">
        <v>38094</v>
      </c>
      <c r="C38811" s="6" t="s">
        <v>32230</v>
      </c>
      <c r="D38811" s="6" t="s">
        <v>38092</v>
      </c>
      <c r="E38811" s="6" t="s">
        <v>18740</v>
      </c>
      <c r="F38811" s="7">
        <v>31747</v>
      </c>
      <c r="G38811" s="8">
        <v>4980000</v>
      </c>
      <c r="H38811" s="8">
        <v>747000</v>
      </c>
      <c r="I38811" s="8">
        <v>4357500</v>
      </c>
      <c r="J38811" s="8">
        <v>622500</v>
      </c>
      <c r="K38811" s="9">
        <v>28</v>
      </c>
      <c r="L38811" s="6"/>
    </row>
    <row r="38812" spans="1:12">
      <c r="A38812" s="6" t="s">
        <v>27395</v>
      </c>
      <c r="B38812" s="6" t="s">
        <v>38095</v>
      </c>
      <c r="C38812" s="6" t="s">
        <v>32230</v>
      </c>
      <c r="D38812" s="6" t="s">
        <v>38092</v>
      </c>
      <c r="E38812" s="6" t="s">
        <v>18740</v>
      </c>
      <c r="F38812" s="7">
        <v>31747</v>
      </c>
      <c r="G38812" s="8">
        <v>127410000</v>
      </c>
      <c r="H38812" s="8">
        <v>32107320</v>
      </c>
      <c r="I38812" s="8">
        <v>98105700</v>
      </c>
      <c r="J38812" s="8">
        <v>29304300</v>
      </c>
      <c r="K38812" s="9">
        <v>754</v>
      </c>
      <c r="L38812" s="6"/>
    </row>
    <row r="38813" spans="1:12">
      <c r="A38813" s="6" t="s">
        <v>27395</v>
      </c>
      <c r="B38813" s="6" t="s">
        <v>38096</v>
      </c>
      <c r="C38813" s="6" t="s">
        <v>32230</v>
      </c>
      <c r="D38813" s="6" t="s">
        <v>38092</v>
      </c>
      <c r="E38813" s="6" t="s">
        <v>18740</v>
      </c>
      <c r="F38813" s="7">
        <v>31959</v>
      </c>
      <c r="G38813" s="8">
        <v>4810000</v>
      </c>
      <c r="H38813" s="8">
        <v>524290</v>
      </c>
      <c r="I38813" s="8">
        <v>4415580</v>
      </c>
      <c r="J38813" s="8">
        <v>394420</v>
      </c>
      <c r="K38813" s="9">
        <v>37</v>
      </c>
      <c r="L38813" s="6"/>
    </row>
    <row r="38814" spans="1:12">
      <c r="A38814" s="6" t="s">
        <v>27395</v>
      </c>
      <c r="B38814" s="6" t="s">
        <v>38097</v>
      </c>
      <c r="C38814" s="6" t="s">
        <v>32230</v>
      </c>
      <c r="D38814" s="6" t="s">
        <v>38092</v>
      </c>
      <c r="E38814" s="6" t="s">
        <v>18740</v>
      </c>
      <c r="F38814" s="7">
        <v>31564</v>
      </c>
      <c r="G38814" s="8">
        <v>350000</v>
      </c>
      <c r="H38814" s="8">
        <v>1</v>
      </c>
      <c r="I38814" s="8">
        <v>349999</v>
      </c>
      <c r="J38814" s="8">
        <v>1</v>
      </c>
      <c r="K38814" s="9">
        <v>5</v>
      </c>
      <c r="L38814" s="6"/>
    </row>
    <row r="38815" spans="1:12">
      <c r="A38815" s="6" t="s">
        <v>38098</v>
      </c>
      <c r="B38815" s="6" t="s">
        <v>38099</v>
      </c>
      <c r="C38815" s="6" t="s">
        <v>32230</v>
      </c>
      <c r="D38815" s="6" t="s">
        <v>38100</v>
      </c>
      <c r="E38815" s="6" t="s">
        <v>25121</v>
      </c>
      <c r="F38815" s="7">
        <v>32448</v>
      </c>
      <c r="G38815" s="8">
        <v>1920000</v>
      </c>
      <c r="H38815" s="8">
        <v>1</v>
      </c>
      <c r="I38815" s="8">
        <v>1919999</v>
      </c>
      <c r="J38815" s="8">
        <v>1</v>
      </c>
      <c r="K38815" s="9">
        <v>32</v>
      </c>
      <c r="L38815" s="6"/>
    </row>
    <row r="38816" spans="1:12">
      <c r="A38816" s="6" t="s">
        <v>27440</v>
      </c>
      <c r="B38816" s="6" t="s">
        <v>38101</v>
      </c>
      <c r="C38816" s="6" t="s">
        <v>32230</v>
      </c>
      <c r="D38816" s="6" t="s">
        <v>38102</v>
      </c>
      <c r="E38816" s="6" t="s">
        <v>9</v>
      </c>
      <c r="F38816" s="7">
        <v>36923</v>
      </c>
      <c r="G38816" s="8">
        <v>2400000</v>
      </c>
      <c r="H38816" s="8">
        <v>816000</v>
      </c>
      <c r="I38816" s="8">
        <v>1663200</v>
      </c>
      <c r="J38816" s="8">
        <v>736800</v>
      </c>
      <c r="K38816" s="9">
        <v>40</v>
      </c>
      <c r="L38816" s="6"/>
    </row>
    <row r="38817" spans="1:12">
      <c r="A38817" s="6" t="s">
        <v>27440</v>
      </c>
      <c r="B38817" s="6" t="s">
        <v>38103</v>
      </c>
      <c r="C38817" s="6" t="s">
        <v>32230</v>
      </c>
      <c r="D38817" s="6" t="s">
        <v>38102</v>
      </c>
      <c r="E38817" s="6" t="s">
        <v>9</v>
      </c>
      <c r="F38817" s="7">
        <v>39807</v>
      </c>
      <c r="G38817" s="8">
        <v>997500</v>
      </c>
      <c r="H38817" s="8">
        <v>1</v>
      </c>
      <c r="I38817" s="8">
        <v>997499</v>
      </c>
      <c r="J38817" s="8">
        <v>1</v>
      </c>
      <c r="K38817" s="9"/>
      <c r="L38817" s="6"/>
    </row>
    <row r="38818" spans="1:12">
      <c r="A38818" s="6" t="s">
        <v>27440</v>
      </c>
      <c r="B38818" s="6" t="s">
        <v>38103</v>
      </c>
      <c r="C38818" s="6" t="s">
        <v>32230</v>
      </c>
      <c r="D38818" s="6" t="s">
        <v>38102</v>
      </c>
      <c r="E38818" s="6" t="s">
        <v>9</v>
      </c>
      <c r="F38818" s="7">
        <v>41676</v>
      </c>
      <c r="G38818" s="8">
        <v>21155769</v>
      </c>
      <c r="H38818" s="8">
        <v>11233717</v>
      </c>
      <c r="I38818" s="8">
        <v>11339488</v>
      </c>
      <c r="J38818" s="8">
        <v>9816281</v>
      </c>
      <c r="K38818" s="9"/>
      <c r="L38818" s="6"/>
    </row>
    <row r="38819" spans="1:12">
      <c r="A38819" s="6" t="s">
        <v>27440</v>
      </c>
      <c r="B38819" s="6" t="s">
        <v>38103</v>
      </c>
      <c r="C38819" s="6" t="s">
        <v>32230</v>
      </c>
      <c r="D38819" s="6" t="s">
        <v>38102</v>
      </c>
      <c r="E38819" s="6" t="s">
        <v>9</v>
      </c>
      <c r="F38819" s="7">
        <v>41305</v>
      </c>
      <c r="G38819" s="8">
        <v>26359991</v>
      </c>
      <c r="H38819" s="8">
        <v>12231039</v>
      </c>
      <c r="I38819" s="8">
        <v>15895071</v>
      </c>
      <c r="J38819" s="8">
        <v>10464920</v>
      </c>
      <c r="K38819" s="9"/>
      <c r="L38819" s="6"/>
    </row>
    <row r="38820" spans="1:12">
      <c r="A38820" s="6" t="s">
        <v>27440</v>
      </c>
      <c r="B38820" s="6" t="s">
        <v>38103</v>
      </c>
      <c r="C38820" s="6" t="s">
        <v>32230</v>
      </c>
      <c r="D38820" s="6" t="s">
        <v>38102</v>
      </c>
      <c r="E38820" s="6" t="s">
        <v>9</v>
      </c>
      <c r="F38820" s="7">
        <v>41670</v>
      </c>
      <c r="G38820" s="8">
        <v>149010200</v>
      </c>
      <c r="H38820" s="8">
        <v>122784408</v>
      </c>
      <c r="I38820" s="8">
        <v>29504016</v>
      </c>
      <c r="J38820" s="8">
        <v>119506184</v>
      </c>
      <c r="K38820" s="9"/>
      <c r="L38820" s="6"/>
    </row>
    <row r="38821" spans="1:12">
      <c r="A38821" s="6" t="s">
        <v>27440</v>
      </c>
      <c r="B38821" s="6" t="s">
        <v>38103</v>
      </c>
      <c r="C38821" s="6" t="s">
        <v>32230</v>
      </c>
      <c r="D38821" s="6" t="s">
        <v>38102</v>
      </c>
      <c r="E38821" s="6" t="s">
        <v>9</v>
      </c>
      <c r="F38821" s="7">
        <v>41292</v>
      </c>
      <c r="G38821" s="8">
        <v>154335451</v>
      </c>
      <c r="H38821" s="8">
        <v>123777040</v>
      </c>
      <c r="I38821" s="8">
        <v>33953790</v>
      </c>
      <c r="J38821" s="8">
        <v>120381661</v>
      </c>
      <c r="K38821" s="9"/>
      <c r="L38821" s="6"/>
    </row>
    <row r="38822" spans="1:12">
      <c r="A38822" s="6" t="s">
        <v>27440</v>
      </c>
      <c r="B38822" s="6" t="s">
        <v>38103</v>
      </c>
      <c r="C38822" s="6" t="s">
        <v>32230</v>
      </c>
      <c r="D38822" s="6" t="s">
        <v>38102</v>
      </c>
      <c r="E38822" s="6" t="s">
        <v>9</v>
      </c>
      <c r="F38822" s="7">
        <v>41305</v>
      </c>
      <c r="G38822" s="8">
        <v>25573790</v>
      </c>
      <c r="H38822" s="8">
        <v>14116734</v>
      </c>
      <c r="I38822" s="8">
        <v>12889188</v>
      </c>
      <c r="J38822" s="8">
        <v>12684602</v>
      </c>
      <c r="K38822" s="9"/>
      <c r="L38822" s="6"/>
    </row>
    <row r="38823" spans="1:12">
      <c r="A38823" s="6" t="s">
        <v>27440</v>
      </c>
      <c r="B38823" s="6" t="s">
        <v>38103</v>
      </c>
      <c r="C38823" s="6" t="s">
        <v>32230</v>
      </c>
      <c r="D38823" s="6" t="s">
        <v>38102</v>
      </c>
      <c r="E38823" s="6" t="s">
        <v>9</v>
      </c>
      <c r="F38823" s="7">
        <v>41676</v>
      </c>
      <c r="G38823" s="8">
        <v>29676170</v>
      </c>
      <c r="H38823" s="8">
        <v>18043115</v>
      </c>
      <c r="I38823" s="8">
        <v>13294920</v>
      </c>
      <c r="J38823" s="8">
        <v>16381250</v>
      </c>
      <c r="K38823" s="9"/>
      <c r="L38823" s="6"/>
    </row>
    <row r="38824" spans="1:12">
      <c r="A38824" s="6" t="s">
        <v>27440</v>
      </c>
      <c r="B38824" s="6" t="s">
        <v>38103</v>
      </c>
      <c r="C38824" s="6" t="s">
        <v>32230</v>
      </c>
      <c r="D38824" s="6" t="s">
        <v>38102</v>
      </c>
      <c r="E38824" s="6" t="s">
        <v>9</v>
      </c>
      <c r="F38824" s="7">
        <v>41305</v>
      </c>
      <c r="G38824" s="8">
        <v>3340384</v>
      </c>
      <c r="H38824" s="8">
        <v>2752480</v>
      </c>
      <c r="I38824" s="8">
        <v>661392</v>
      </c>
      <c r="J38824" s="8">
        <v>2678992</v>
      </c>
      <c r="K38824" s="9"/>
      <c r="L38824" s="6"/>
    </row>
    <row r="38825" spans="1:12">
      <c r="A38825" s="6" t="s">
        <v>27440</v>
      </c>
      <c r="B38825" s="6" t="s">
        <v>38103</v>
      </c>
      <c r="C38825" s="6" t="s">
        <v>32230</v>
      </c>
      <c r="D38825" s="6" t="s">
        <v>38102</v>
      </c>
      <c r="E38825" s="6" t="s">
        <v>9</v>
      </c>
      <c r="F38825" s="7">
        <v>43555</v>
      </c>
      <c r="G38825" s="8">
        <v>3787200</v>
      </c>
      <c r="H38825" s="8">
        <v>3279716</v>
      </c>
      <c r="I38825" s="8">
        <v>761226</v>
      </c>
      <c r="J38825" s="8">
        <v>3025974</v>
      </c>
      <c r="K38825" s="9"/>
      <c r="L38825" s="6"/>
    </row>
    <row r="38826" spans="1:12">
      <c r="A38826" s="6" t="s">
        <v>27440</v>
      </c>
      <c r="B38826" s="6" t="s">
        <v>38103</v>
      </c>
      <c r="C38826" s="6" t="s">
        <v>32230</v>
      </c>
      <c r="D38826" s="6" t="s">
        <v>38102</v>
      </c>
      <c r="E38826" s="6" t="s">
        <v>9</v>
      </c>
      <c r="F38826" s="7">
        <v>30011</v>
      </c>
      <c r="G38826" s="8">
        <v>260550000</v>
      </c>
      <c r="H38826" s="8">
        <v>36998100</v>
      </c>
      <c r="I38826" s="8">
        <v>229284000</v>
      </c>
      <c r="J38826" s="8">
        <v>31266000</v>
      </c>
      <c r="K38826" s="9">
        <v>1930</v>
      </c>
      <c r="L38826" s="6"/>
    </row>
    <row r="38827" spans="1:12">
      <c r="A38827" s="6" t="s">
        <v>27440</v>
      </c>
      <c r="B38827" s="6" t="s">
        <v>38103</v>
      </c>
      <c r="C38827" s="6" t="s">
        <v>32230</v>
      </c>
      <c r="D38827" s="6" t="s">
        <v>38102</v>
      </c>
      <c r="E38827" s="6" t="s">
        <v>9</v>
      </c>
      <c r="F38827" s="7">
        <v>40939</v>
      </c>
      <c r="G38827" s="8">
        <v>9682274</v>
      </c>
      <c r="H38827" s="8">
        <v>7765184</v>
      </c>
      <c r="I38827" s="8">
        <v>2130100</v>
      </c>
      <c r="J38827" s="8">
        <v>7552174</v>
      </c>
      <c r="K38827" s="9"/>
      <c r="L38827" s="6"/>
    </row>
    <row r="38828" spans="1:12">
      <c r="A38828" s="6" t="s">
        <v>27440</v>
      </c>
      <c r="B38828" s="6" t="s">
        <v>38104</v>
      </c>
      <c r="C38828" s="6" t="s">
        <v>32230</v>
      </c>
      <c r="D38828" s="6" t="s">
        <v>38102</v>
      </c>
      <c r="E38828" s="6" t="s">
        <v>9</v>
      </c>
      <c r="F38828" s="7">
        <v>41932</v>
      </c>
      <c r="G38828" s="8">
        <v>136080000</v>
      </c>
      <c r="H38828" s="8">
        <v>115123680</v>
      </c>
      <c r="I38828" s="8">
        <v>23950080</v>
      </c>
      <c r="J38828" s="8">
        <v>112129920</v>
      </c>
      <c r="K38828" s="9"/>
      <c r="L38828" s="6"/>
    </row>
    <row r="38829" spans="1:12">
      <c r="A38829" s="6" t="s">
        <v>27440</v>
      </c>
      <c r="B38829" s="6" t="s">
        <v>38104</v>
      </c>
      <c r="C38829" s="6" t="s">
        <v>32230</v>
      </c>
      <c r="D38829" s="6" t="s">
        <v>38102</v>
      </c>
      <c r="E38829" s="6" t="s">
        <v>9</v>
      </c>
      <c r="F38829" s="7">
        <v>41940</v>
      </c>
      <c r="G38829" s="8">
        <v>2138400</v>
      </c>
      <c r="H38829" s="8">
        <v>1419900</v>
      </c>
      <c r="I38829" s="8">
        <v>838250</v>
      </c>
      <c r="J38829" s="8">
        <v>1300150</v>
      </c>
      <c r="K38829" s="9"/>
      <c r="L38829" s="6"/>
    </row>
    <row r="38830" spans="1:12">
      <c r="A38830" s="6" t="s">
        <v>27440</v>
      </c>
      <c r="B38830" s="6" t="s">
        <v>38104</v>
      </c>
      <c r="C38830" s="6" t="s">
        <v>32230</v>
      </c>
      <c r="D38830" s="6" t="s">
        <v>38102</v>
      </c>
      <c r="E38830" s="6" t="s">
        <v>9</v>
      </c>
      <c r="F38830" s="7">
        <v>41940</v>
      </c>
      <c r="G38830" s="8">
        <v>28188000</v>
      </c>
      <c r="H38830" s="8">
        <v>16856424</v>
      </c>
      <c r="I38830" s="8">
        <v>13220172</v>
      </c>
      <c r="J38830" s="8">
        <v>14967828</v>
      </c>
      <c r="K38830" s="9"/>
      <c r="L38830" s="6"/>
    </row>
    <row r="38831" spans="1:12">
      <c r="A38831" s="6" t="s">
        <v>27440</v>
      </c>
      <c r="B38831" s="6" t="s">
        <v>38104</v>
      </c>
      <c r="C38831" s="6" t="s">
        <v>32230</v>
      </c>
      <c r="D38831" s="6" t="s">
        <v>38102</v>
      </c>
      <c r="E38831" s="6" t="s">
        <v>9</v>
      </c>
      <c r="F38831" s="7">
        <v>30286</v>
      </c>
      <c r="G38831" s="8">
        <v>118530000</v>
      </c>
      <c r="H38831" s="8">
        <v>19438920</v>
      </c>
      <c r="I38831" s="8">
        <v>101698740</v>
      </c>
      <c r="J38831" s="8">
        <v>16831260</v>
      </c>
      <c r="K38831" s="9">
        <v>878</v>
      </c>
      <c r="L38831" s="6"/>
    </row>
    <row r="38832" spans="1:12">
      <c r="A38832" s="6" t="s">
        <v>27440</v>
      </c>
      <c r="B38832" s="6" t="s">
        <v>38104</v>
      </c>
      <c r="C38832" s="6" t="s">
        <v>32230</v>
      </c>
      <c r="D38832" s="6" t="s">
        <v>38102</v>
      </c>
      <c r="E38832" s="6" t="s">
        <v>9</v>
      </c>
      <c r="F38832" s="7">
        <v>41943</v>
      </c>
      <c r="G38832" s="8">
        <v>3963600</v>
      </c>
      <c r="H38832" s="8">
        <v>3353207</v>
      </c>
      <c r="I38832" s="8">
        <v>697592</v>
      </c>
      <c r="J38832" s="8">
        <v>3266008</v>
      </c>
      <c r="K38832" s="9"/>
      <c r="L38832" s="6"/>
    </row>
    <row r="38833" spans="1:12">
      <c r="A38833" s="6" t="s">
        <v>27440</v>
      </c>
      <c r="B38833" s="6" t="s">
        <v>38105</v>
      </c>
      <c r="C38833" s="6" t="s">
        <v>32230</v>
      </c>
      <c r="D38833" s="6" t="s">
        <v>38102</v>
      </c>
      <c r="E38833" s="6" t="s">
        <v>9</v>
      </c>
      <c r="F38833" s="7">
        <v>34394</v>
      </c>
      <c r="G38833" s="8">
        <v>1560000</v>
      </c>
      <c r="H38833" s="8">
        <v>1</v>
      </c>
      <c r="I38833" s="8">
        <v>1559999</v>
      </c>
      <c r="J38833" s="8">
        <v>1</v>
      </c>
      <c r="K38833" s="9">
        <v>26</v>
      </c>
      <c r="L38833" s="6"/>
    </row>
    <row r="38834" spans="1:12">
      <c r="A38834" s="6" t="s">
        <v>27440</v>
      </c>
      <c r="B38834" s="6" t="s">
        <v>38106</v>
      </c>
      <c r="C38834" s="6" t="s">
        <v>32230</v>
      </c>
      <c r="D38834" s="6" t="s">
        <v>38102</v>
      </c>
      <c r="E38834" s="6" t="s">
        <v>9</v>
      </c>
      <c r="F38834" s="7">
        <v>31229</v>
      </c>
      <c r="G38834" s="8">
        <v>9310000</v>
      </c>
      <c r="H38834" s="8">
        <v>1</v>
      </c>
      <c r="I38834" s="8">
        <v>9309999</v>
      </c>
      <c r="J38834" s="8">
        <v>1</v>
      </c>
      <c r="K38834" s="9">
        <v>98</v>
      </c>
      <c r="L38834" s="6"/>
    </row>
    <row r="38835" spans="1:12">
      <c r="A38835" s="6" t="s">
        <v>27440</v>
      </c>
      <c r="B38835" s="6" t="s">
        <v>38107</v>
      </c>
      <c r="C38835" s="6" t="s">
        <v>32230</v>
      </c>
      <c r="D38835" s="6" t="s">
        <v>38102</v>
      </c>
      <c r="E38835" s="6" t="s">
        <v>9</v>
      </c>
      <c r="F38835" s="7">
        <v>41676</v>
      </c>
      <c r="G38835" s="8">
        <v>18636020</v>
      </c>
      <c r="H38835" s="8">
        <v>11330701</v>
      </c>
      <c r="I38835" s="8">
        <v>8348936</v>
      </c>
      <c r="J38835" s="8">
        <v>10287084</v>
      </c>
      <c r="K38835" s="9"/>
      <c r="L38835" s="6"/>
    </row>
    <row r="38836" spans="1:12">
      <c r="A38836" s="6" t="s">
        <v>27440</v>
      </c>
      <c r="B38836" s="6" t="s">
        <v>38107</v>
      </c>
      <c r="C38836" s="6" t="s">
        <v>32230</v>
      </c>
      <c r="D38836" s="6" t="s">
        <v>38102</v>
      </c>
      <c r="E38836" s="6" t="s">
        <v>9</v>
      </c>
      <c r="F38836" s="7">
        <v>41305</v>
      </c>
      <c r="G38836" s="8">
        <v>2097692</v>
      </c>
      <c r="H38836" s="8">
        <v>1728500</v>
      </c>
      <c r="I38836" s="8">
        <v>415341</v>
      </c>
      <c r="J38836" s="8">
        <v>1682351</v>
      </c>
      <c r="K38836" s="9"/>
      <c r="L38836" s="6"/>
    </row>
    <row r="38837" spans="1:12">
      <c r="A38837" s="6" t="s">
        <v>27440</v>
      </c>
      <c r="B38837" s="6" t="s">
        <v>38107</v>
      </c>
      <c r="C38837" s="6" t="s">
        <v>32230</v>
      </c>
      <c r="D38837" s="6" t="s">
        <v>38102</v>
      </c>
      <c r="E38837" s="6" t="s">
        <v>9</v>
      </c>
      <c r="F38837" s="7">
        <v>30011</v>
      </c>
      <c r="G38837" s="8">
        <v>163620000</v>
      </c>
      <c r="H38837" s="8">
        <v>23234040</v>
      </c>
      <c r="I38837" s="8">
        <v>143985600</v>
      </c>
      <c r="J38837" s="8">
        <v>19634400</v>
      </c>
      <c r="K38837" s="9">
        <v>1212</v>
      </c>
      <c r="L38837" s="6"/>
    </row>
    <row r="38838" spans="1:12">
      <c r="A38838" s="6" t="s">
        <v>27440</v>
      </c>
      <c r="B38838" s="6" t="s">
        <v>38107</v>
      </c>
      <c r="C38838" s="6" t="s">
        <v>32230</v>
      </c>
      <c r="D38838" s="6" t="s">
        <v>38102</v>
      </c>
      <c r="E38838" s="6" t="s">
        <v>9</v>
      </c>
      <c r="F38838" s="7">
        <v>40939</v>
      </c>
      <c r="G38838" s="8">
        <v>6080267</v>
      </c>
      <c r="H38838" s="8">
        <v>4876382</v>
      </c>
      <c r="I38838" s="8">
        <v>1337650</v>
      </c>
      <c r="J38838" s="8">
        <v>4742617</v>
      </c>
      <c r="K38838" s="9"/>
      <c r="L38838" s="6"/>
    </row>
    <row r="38839" spans="1:12">
      <c r="A38839" s="6" t="s">
        <v>27440</v>
      </c>
      <c r="B38839" s="6" t="s">
        <v>38107</v>
      </c>
      <c r="C38839" s="6" t="s">
        <v>32230</v>
      </c>
      <c r="D38839" s="6" t="s">
        <v>38102</v>
      </c>
      <c r="E38839" s="6" t="s">
        <v>9</v>
      </c>
      <c r="F38839" s="7">
        <v>41676</v>
      </c>
      <c r="G38839" s="8">
        <v>13285384</v>
      </c>
      <c r="H38839" s="8">
        <v>7054544</v>
      </c>
      <c r="I38839" s="8">
        <v>7120960</v>
      </c>
      <c r="J38839" s="8">
        <v>6164424</v>
      </c>
      <c r="K38839" s="9"/>
      <c r="L38839" s="6"/>
    </row>
    <row r="38840" spans="1:12">
      <c r="A38840" s="6" t="s">
        <v>27440</v>
      </c>
      <c r="B38840" s="6" t="s">
        <v>38107</v>
      </c>
      <c r="C38840" s="6" t="s">
        <v>32230</v>
      </c>
      <c r="D38840" s="6" t="s">
        <v>38102</v>
      </c>
      <c r="E38840" s="6" t="s">
        <v>9</v>
      </c>
      <c r="F38840" s="7">
        <v>41305</v>
      </c>
      <c r="G38840" s="8">
        <v>16553528</v>
      </c>
      <c r="H38840" s="8">
        <v>7680840</v>
      </c>
      <c r="I38840" s="8">
        <v>9981774</v>
      </c>
      <c r="J38840" s="8">
        <v>6571754</v>
      </c>
      <c r="K38840" s="9"/>
      <c r="L38840" s="6"/>
    </row>
    <row r="38841" spans="1:12">
      <c r="A38841" s="6" t="s">
        <v>27440</v>
      </c>
      <c r="B38841" s="6" t="s">
        <v>38107</v>
      </c>
      <c r="C38841" s="6" t="s">
        <v>32230</v>
      </c>
      <c r="D38841" s="6" t="s">
        <v>38102</v>
      </c>
      <c r="E38841" s="6" t="s">
        <v>9</v>
      </c>
      <c r="F38841" s="7">
        <v>41670</v>
      </c>
      <c r="G38841" s="8">
        <v>93575317</v>
      </c>
      <c r="H38841" s="8">
        <v>77106069</v>
      </c>
      <c r="I38841" s="8">
        <v>18527904</v>
      </c>
      <c r="J38841" s="8">
        <v>75047413</v>
      </c>
      <c r="K38841" s="9"/>
      <c r="L38841" s="6"/>
    </row>
    <row r="38842" spans="1:12">
      <c r="A38842" s="6" t="s">
        <v>27440</v>
      </c>
      <c r="B38842" s="6" t="s">
        <v>38107</v>
      </c>
      <c r="C38842" s="6" t="s">
        <v>32230</v>
      </c>
      <c r="D38842" s="6" t="s">
        <v>38102</v>
      </c>
      <c r="E38842" s="6" t="s">
        <v>9</v>
      </c>
      <c r="F38842" s="7">
        <v>41292</v>
      </c>
      <c r="G38842" s="8">
        <v>96919464</v>
      </c>
      <c r="H38842" s="8">
        <v>77729412</v>
      </c>
      <c r="I38842" s="8">
        <v>21322280</v>
      </c>
      <c r="J38842" s="8">
        <v>75597184</v>
      </c>
      <c r="K38842" s="9"/>
      <c r="L38842" s="6"/>
    </row>
    <row r="38843" spans="1:12">
      <c r="A38843" s="6" t="s">
        <v>27440</v>
      </c>
      <c r="B38843" s="6" t="s">
        <v>38107</v>
      </c>
      <c r="C38843" s="6" t="s">
        <v>32230</v>
      </c>
      <c r="D38843" s="6" t="s">
        <v>38102</v>
      </c>
      <c r="E38843" s="6" t="s">
        <v>9</v>
      </c>
      <c r="F38843" s="7">
        <v>41305</v>
      </c>
      <c r="G38843" s="8">
        <v>16059810</v>
      </c>
      <c r="H38843" s="8">
        <v>8865018</v>
      </c>
      <c r="I38843" s="8">
        <v>8094141</v>
      </c>
      <c r="J38843" s="8">
        <v>7965669</v>
      </c>
      <c r="K38843" s="9"/>
      <c r="L38843" s="6"/>
    </row>
    <row r="38844" spans="1:12">
      <c r="A38844" s="6" t="s">
        <v>27440</v>
      </c>
      <c r="B38844" s="6" t="s">
        <v>38108</v>
      </c>
      <c r="C38844" s="6" t="s">
        <v>32230</v>
      </c>
      <c r="D38844" s="6" t="s">
        <v>38102</v>
      </c>
      <c r="E38844" s="6" t="s">
        <v>9</v>
      </c>
      <c r="F38844" s="7">
        <v>41305</v>
      </c>
      <c r="G38844" s="8">
        <v>1806923</v>
      </c>
      <c r="H38844" s="8">
        <v>1488907</v>
      </c>
      <c r="I38844" s="8">
        <v>357768</v>
      </c>
      <c r="J38844" s="8">
        <v>1449155</v>
      </c>
      <c r="K38844" s="9"/>
      <c r="L38844" s="6"/>
    </row>
    <row r="38845" spans="1:12">
      <c r="A38845" s="6" t="s">
        <v>27440</v>
      </c>
      <c r="B38845" s="6" t="s">
        <v>38108</v>
      </c>
      <c r="C38845" s="6" t="s">
        <v>32230</v>
      </c>
      <c r="D38845" s="6" t="s">
        <v>38102</v>
      </c>
      <c r="E38845" s="6" t="s">
        <v>9</v>
      </c>
      <c r="F38845" s="7">
        <v>40381</v>
      </c>
      <c r="G38845" s="8">
        <v>477000</v>
      </c>
      <c r="H38845" s="8">
        <v>157410</v>
      </c>
      <c r="I38845" s="8">
        <v>351549</v>
      </c>
      <c r="J38845" s="8">
        <v>125451</v>
      </c>
      <c r="K38845" s="9"/>
      <c r="L38845" s="6"/>
    </row>
    <row r="38846" spans="1:12">
      <c r="A38846" s="6" t="s">
        <v>27440</v>
      </c>
      <c r="B38846" s="6" t="s">
        <v>38108</v>
      </c>
      <c r="C38846" s="6" t="s">
        <v>32230</v>
      </c>
      <c r="D38846" s="6" t="s">
        <v>38102</v>
      </c>
      <c r="E38846" s="6" t="s">
        <v>9</v>
      </c>
      <c r="F38846" s="7">
        <v>30011</v>
      </c>
      <c r="G38846" s="8">
        <v>140940000</v>
      </c>
      <c r="H38846" s="8">
        <v>20013480</v>
      </c>
      <c r="I38846" s="8">
        <v>124027200</v>
      </c>
      <c r="J38846" s="8">
        <v>16912800</v>
      </c>
      <c r="K38846" s="9">
        <v>1044</v>
      </c>
      <c r="L38846" s="6"/>
    </row>
    <row r="38847" spans="1:12">
      <c r="A38847" s="6" t="s">
        <v>27440</v>
      </c>
      <c r="B38847" s="6" t="s">
        <v>38108</v>
      </c>
      <c r="C38847" s="6" t="s">
        <v>32230</v>
      </c>
      <c r="D38847" s="6" t="s">
        <v>38102</v>
      </c>
      <c r="E38847" s="6" t="s">
        <v>9</v>
      </c>
      <c r="F38847" s="7">
        <v>40939</v>
      </c>
      <c r="G38847" s="8">
        <v>5237458</v>
      </c>
      <c r="H38847" s="8">
        <v>4200442</v>
      </c>
      <c r="I38847" s="8">
        <v>1152240</v>
      </c>
      <c r="J38847" s="8">
        <v>4085218</v>
      </c>
      <c r="K38847" s="9"/>
      <c r="L38847" s="6"/>
    </row>
    <row r="38848" spans="1:12">
      <c r="A38848" s="6" t="s">
        <v>27440</v>
      </c>
      <c r="B38848" s="6" t="s">
        <v>38108</v>
      </c>
      <c r="C38848" s="6" t="s">
        <v>32230</v>
      </c>
      <c r="D38848" s="6" t="s">
        <v>38102</v>
      </c>
      <c r="E38848" s="6" t="s">
        <v>9</v>
      </c>
      <c r="F38848" s="7">
        <v>41676</v>
      </c>
      <c r="G38848" s="8">
        <v>11443846</v>
      </c>
      <c r="H38848" s="8">
        <v>6076687</v>
      </c>
      <c r="I38848" s="8">
        <v>6133896</v>
      </c>
      <c r="J38848" s="8">
        <v>5309950</v>
      </c>
      <c r="K38848" s="9"/>
      <c r="L38848" s="6"/>
    </row>
    <row r="38849" spans="1:12">
      <c r="A38849" s="6" t="s">
        <v>27440</v>
      </c>
      <c r="B38849" s="6" t="s">
        <v>38108</v>
      </c>
      <c r="C38849" s="6" t="s">
        <v>32230</v>
      </c>
      <c r="D38849" s="6" t="s">
        <v>38102</v>
      </c>
      <c r="E38849" s="6" t="s">
        <v>9</v>
      </c>
      <c r="F38849" s="7">
        <v>41305</v>
      </c>
      <c r="G38849" s="8">
        <v>14258979</v>
      </c>
      <c r="H38849" s="8">
        <v>6616171</v>
      </c>
      <c r="I38849" s="8">
        <v>8598159</v>
      </c>
      <c r="J38849" s="8">
        <v>5660820</v>
      </c>
      <c r="K38849" s="9"/>
      <c r="L38849" s="6"/>
    </row>
    <row r="38850" spans="1:12">
      <c r="A38850" s="6" t="s">
        <v>27440</v>
      </c>
      <c r="B38850" s="6" t="s">
        <v>38108</v>
      </c>
      <c r="C38850" s="6" t="s">
        <v>32230</v>
      </c>
      <c r="D38850" s="6" t="s">
        <v>38102</v>
      </c>
      <c r="E38850" s="6" t="s">
        <v>9</v>
      </c>
      <c r="F38850" s="7">
        <v>41670</v>
      </c>
      <c r="G38850" s="8">
        <v>80604481</v>
      </c>
      <c r="H38850" s="8">
        <v>66418097</v>
      </c>
      <c r="I38850" s="8">
        <v>15959682</v>
      </c>
      <c r="J38850" s="8">
        <v>64644799</v>
      </c>
      <c r="K38850" s="9"/>
      <c r="L38850" s="6"/>
    </row>
    <row r="38851" spans="1:12">
      <c r="A38851" s="6" t="s">
        <v>27440</v>
      </c>
      <c r="B38851" s="6" t="s">
        <v>38108</v>
      </c>
      <c r="C38851" s="6" t="s">
        <v>32230</v>
      </c>
      <c r="D38851" s="6" t="s">
        <v>38102</v>
      </c>
      <c r="E38851" s="6" t="s">
        <v>9</v>
      </c>
      <c r="F38851" s="7">
        <v>41292</v>
      </c>
      <c r="G38851" s="8">
        <v>83485083</v>
      </c>
      <c r="H38851" s="8">
        <v>66955044</v>
      </c>
      <c r="I38851" s="8">
        <v>18366710</v>
      </c>
      <c r="J38851" s="8">
        <v>65118373</v>
      </c>
      <c r="K38851" s="9"/>
      <c r="L38851" s="6"/>
    </row>
    <row r="38852" spans="1:12">
      <c r="A38852" s="6" t="s">
        <v>27440</v>
      </c>
      <c r="B38852" s="6" t="s">
        <v>38108</v>
      </c>
      <c r="C38852" s="6" t="s">
        <v>32230</v>
      </c>
      <c r="D38852" s="6" t="s">
        <v>38102</v>
      </c>
      <c r="E38852" s="6" t="s">
        <v>9</v>
      </c>
      <c r="F38852" s="7">
        <v>41305</v>
      </c>
      <c r="G38852" s="8">
        <v>13833698</v>
      </c>
      <c r="H38852" s="8">
        <v>7636202</v>
      </c>
      <c r="I38852" s="8">
        <v>6972183</v>
      </c>
      <c r="J38852" s="8">
        <v>6861515</v>
      </c>
      <c r="K38852" s="9"/>
      <c r="L38852" s="6"/>
    </row>
    <row r="38853" spans="1:12">
      <c r="A38853" s="6" t="s">
        <v>27440</v>
      </c>
      <c r="B38853" s="6" t="s">
        <v>38108</v>
      </c>
      <c r="C38853" s="6" t="s">
        <v>32230</v>
      </c>
      <c r="D38853" s="6" t="s">
        <v>38102</v>
      </c>
      <c r="E38853" s="6" t="s">
        <v>9</v>
      </c>
      <c r="F38853" s="7">
        <v>41676</v>
      </c>
      <c r="G38853" s="8">
        <v>16052809</v>
      </c>
      <c r="H38853" s="8">
        <v>9760110</v>
      </c>
      <c r="I38853" s="8">
        <v>7191656</v>
      </c>
      <c r="J38853" s="8">
        <v>8861153</v>
      </c>
      <c r="K38853" s="9"/>
      <c r="L38853" s="6"/>
    </row>
    <row r="38854" spans="1:12">
      <c r="A38854" s="6" t="s">
        <v>27440</v>
      </c>
      <c r="B38854" s="6" t="s">
        <v>38109</v>
      </c>
      <c r="C38854" s="6" t="s">
        <v>32230</v>
      </c>
      <c r="D38854" s="6" t="s">
        <v>38102</v>
      </c>
      <c r="E38854" s="6" t="s">
        <v>9</v>
      </c>
      <c r="F38854" s="7">
        <v>41640</v>
      </c>
      <c r="G38854" s="8">
        <v>15525000</v>
      </c>
      <c r="H38854" s="8">
        <v>13134150</v>
      </c>
      <c r="I38854" s="8">
        <v>2732400</v>
      </c>
      <c r="J38854" s="8">
        <v>12792600</v>
      </c>
      <c r="K38854" s="9">
        <v>115</v>
      </c>
      <c r="L38854" s="6"/>
    </row>
    <row r="38855" spans="1:12">
      <c r="A38855" s="6" t="s">
        <v>27440</v>
      </c>
      <c r="B38855" s="6" t="s">
        <v>38110</v>
      </c>
      <c r="C38855" s="6" t="s">
        <v>32230</v>
      </c>
      <c r="D38855" s="6" t="s">
        <v>38102</v>
      </c>
      <c r="E38855" s="6" t="s">
        <v>9</v>
      </c>
      <c r="F38855" s="7">
        <v>41275</v>
      </c>
      <c r="G38855" s="8">
        <v>8970000</v>
      </c>
      <c r="H38855" s="8">
        <v>7032480</v>
      </c>
      <c r="I38855" s="8">
        <v>2179710</v>
      </c>
      <c r="J38855" s="8">
        <v>6790290</v>
      </c>
      <c r="K38855" s="9">
        <v>69</v>
      </c>
      <c r="L38855" s="6"/>
    </row>
    <row r="38856" spans="1:12">
      <c r="A38856" s="6" t="s">
        <v>27466</v>
      </c>
      <c r="B38856" s="6" t="s">
        <v>38111</v>
      </c>
      <c r="C38856" s="6" t="s">
        <v>32230</v>
      </c>
      <c r="D38856" s="6" t="s">
        <v>38112</v>
      </c>
      <c r="E38856" s="6" t="s">
        <v>9</v>
      </c>
      <c r="F38856" s="7">
        <v>40235</v>
      </c>
      <c r="G38856" s="8">
        <v>15913596</v>
      </c>
      <c r="H38856" s="8">
        <v>10662119</v>
      </c>
      <c r="I38856" s="8">
        <v>5728884</v>
      </c>
      <c r="J38856" s="8">
        <v>10184712</v>
      </c>
      <c r="K38856" s="9">
        <v>55</v>
      </c>
      <c r="L38856" s="6"/>
    </row>
    <row r="38857" spans="1:12">
      <c r="A38857" s="6" t="s">
        <v>27466</v>
      </c>
      <c r="B38857" s="6" t="s">
        <v>38113</v>
      </c>
      <c r="C38857" s="6" t="s">
        <v>32230</v>
      </c>
      <c r="D38857" s="6" t="s">
        <v>38112</v>
      </c>
      <c r="E38857" s="6" t="s">
        <v>9</v>
      </c>
      <c r="F38857" s="7">
        <v>40235</v>
      </c>
      <c r="G38857" s="8">
        <v>8101467</v>
      </c>
      <c r="H38857" s="8">
        <v>5427983</v>
      </c>
      <c r="I38857" s="8">
        <v>2916528</v>
      </c>
      <c r="J38857" s="8">
        <v>5184939</v>
      </c>
      <c r="K38857" s="9">
        <v>28</v>
      </c>
      <c r="L38857" s="6"/>
    </row>
    <row r="38858" spans="1:12">
      <c r="A38858" s="6" t="s">
        <v>27466</v>
      </c>
      <c r="B38858" s="6" t="s">
        <v>38114</v>
      </c>
      <c r="C38858" s="6" t="s">
        <v>32230</v>
      </c>
      <c r="D38858" s="6" t="s">
        <v>38112</v>
      </c>
      <c r="E38858" s="6" t="s">
        <v>9</v>
      </c>
      <c r="F38858" s="7">
        <v>40235</v>
      </c>
      <c r="G38858" s="8">
        <v>34431235</v>
      </c>
      <c r="H38858" s="8">
        <v>26098878</v>
      </c>
      <c r="I38858" s="8">
        <v>9089844</v>
      </c>
      <c r="J38858" s="8">
        <v>25341391</v>
      </c>
      <c r="K38858" s="9">
        <v>119</v>
      </c>
      <c r="L38858" s="6"/>
    </row>
    <row r="38859" spans="1:12">
      <c r="A38859" s="6" t="s">
        <v>27466</v>
      </c>
      <c r="B38859" s="6" t="s">
        <v>38115</v>
      </c>
      <c r="C38859" s="6" t="s">
        <v>32230</v>
      </c>
      <c r="D38859" s="6" t="s">
        <v>38112</v>
      </c>
      <c r="E38859" s="6" t="s">
        <v>9</v>
      </c>
      <c r="F38859" s="7"/>
      <c r="G38859" s="8">
        <v>3762444</v>
      </c>
      <c r="H38859" s="8">
        <v>3514125</v>
      </c>
      <c r="I38859" s="8">
        <v>331092</v>
      </c>
      <c r="J38859" s="8">
        <v>3431352</v>
      </c>
      <c r="K38859" s="9"/>
      <c r="L38859" s="6"/>
    </row>
    <row r="38860" spans="1:12">
      <c r="A38860" s="6" t="s">
        <v>27466</v>
      </c>
      <c r="B38860" s="6" t="s">
        <v>38115</v>
      </c>
      <c r="C38860" s="6" t="s">
        <v>32230</v>
      </c>
      <c r="D38860" s="6" t="s">
        <v>38112</v>
      </c>
      <c r="E38860" s="6" t="s">
        <v>9</v>
      </c>
      <c r="F38860" s="7">
        <v>43018</v>
      </c>
      <c r="G38860" s="8">
        <v>471162</v>
      </c>
      <c r="H38860" s="8">
        <v>376461</v>
      </c>
      <c r="I38860" s="8">
        <v>126268</v>
      </c>
      <c r="J38860" s="8">
        <v>344894</v>
      </c>
      <c r="K38860" s="9"/>
      <c r="L38860" s="6"/>
    </row>
    <row r="38861" spans="1:12">
      <c r="A38861" s="6" t="s">
        <v>27466</v>
      </c>
      <c r="B38861" s="6" t="s">
        <v>38115</v>
      </c>
      <c r="C38861" s="6" t="s">
        <v>32230</v>
      </c>
      <c r="D38861" s="6" t="s">
        <v>38112</v>
      </c>
      <c r="E38861" s="6" t="s">
        <v>9</v>
      </c>
      <c r="F38861" s="7">
        <v>43018</v>
      </c>
      <c r="G38861" s="8">
        <v>667415</v>
      </c>
      <c r="H38861" s="8">
        <v>533267</v>
      </c>
      <c r="I38861" s="8">
        <v>178864</v>
      </c>
      <c r="J38861" s="8">
        <v>488551</v>
      </c>
      <c r="K38861" s="9"/>
      <c r="L38861" s="6"/>
    </row>
    <row r="38862" spans="1:12">
      <c r="A38862" s="6" t="s">
        <v>27466</v>
      </c>
      <c r="B38862" s="6" t="s">
        <v>38115</v>
      </c>
      <c r="C38862" s="6" t="s">
        <v>32230</v>
      </c>
      <c r="D38862" s="6" t="s">
        <v>38112</v>
      </c>
      <c r="E38862" s="6" t="s">
        <v>9</v>
      </c>
      <c r="F38862" s="7">
        <v>31017</v>
      </c>
      <c r="G38862" s="8">
        <v>3915000</v>
      </c>
      <c r="H38862" s="8">
        <v>814320</v>
      </c>
      <c r="I38862" s="8">
        <v>3186810</v>
      </c>
      <c r="J38862" s="8">
        <v>728190</v>
      </c>
      <c r="K38862" s="9">
        <v>29</v>
      </c>
      <c r="L38862" s="6"/>
    </row>
    <row r="38863" spans="1:12">
      <c r="A38863" s="6" t="s">
        <v>27466</v>
      </c>
      <c r="B38863" s="6" t="s">
        <v>38116</v>
      </c>
      <c r="C38863" s="6" t="s">
        <v>32230</v>
      </c>
      <c r="D38863" s="6" t="s">
        <v>38112</v>
      </c>
      <c r="E38863" s="6" t="s">
        <v>9</v>
      </c>
      <c r="F38863" s="7">
        <v>34943</v>
      </c>
      <c r="G38863" s="8">
        <v>40643007</v>
      </c>
      <c r="H38863" s="8">
        <v>18289357</v>
      </c>
      <c r="I38863" s="8">
        <v>23247796</v>
      </c>
      <c r="J38863" s="8">
        <v>17395211</v>
      </c>
      <c r="K38863" s="9">
        <v>149</v>
      </c>
      <c r="L38863" s="6"/>
    </row>
    <row r="38864" spans="1:12">
      <c r="A38864" s="6" t="s">
        <v>27466</v>
      </c>
      <c r="B38864" s="6" t="s">
        <v>38116</v>
      </c>
      <c r="C38864" s="6" t="s">
        <v>32230</v>
      </c>
      <c r="D38864" s="6" t="s">
        <v>38112</v>
      </c>
      <c r="E38864" s="6" t="s">
        <v>9</v>
      </c>
      <c r="F38864" s="7">
        <v>43555</v>
      </c>
      <c r="G38864" s="8">
        <v>3787200</v>
      </c>
      <c r="H38864" s="8">
        <v>3279716</v>
      </c>
      <c r="I38864" s="8">
        <v>761226</v>
      </c>
      <c r="J38864" s="8">
        <v>3025974</v>
      </c>
      <c r="K38864" s="9"/>
      <c r="L38864" s="6"/>
    </row>
    <row r="38865" spans="1:12">
      <c r="A38865" s="6" t="s">
        <v>27466</v>
      </c>
      <c r="B38865" s="6" t="s">
        <v>38117</v>
      </c>
      <c r="C38865" s="6" t="s">
        <v>32230</v>
      </c>
      <c r="D38865" s="6" t="s">
        <v>38112</v>
      </c>
      <c r="E38865" s="6" t="s">
        <v>9</v>
      </c>
      <c r="F38865" s="7">
        <v>34943</v>
      </c>
      <c r="G38865" s="8">
        <v>4909893</v>
      </c>
      <c r="H38865" s="8">
        <v>2209468</v>
      </c>
      <c r="I38865" s="8">
        <v>2808442</v>
      </c>
      <c r="J38865" s="8">
        <v>2101451</v>
      </c>
      <c r="K38865" s="9">
        <v>18</v>
      </c>
      <c r="L38865" s="6"/>
    </row>
    <row r="38866" spans="1:12">
      <c r="A38866" s="6" t="s">
        <v>27466</v>
      </c>
      <c r="B38866" s="6" t="s">
        <v>38118</v>
      </c>
      <c r="C38866" s="6" t="s">
        <v>32230</v>
      </c>
      <c r="D38866" s="6" t="s">
        <v>38112</v>
      </c>
      <c r="E38866" s="6" t="s">
        <v>9</v>
      </c>
      <c r="F38866" s="7">
        <v>34943</v>
      </c>
      <c r="G38866" s="8">
        <v>5728209</v>
      </c>
      <c r="H38866" s="8">
        <v>2577709</v>
      </c>
      <c r="I38866" s="8">
        <v>3276520</v>
      </c>
      <c r="J38866" s="8">
        <v>2451689</v>
      </c>
      <c r="K38866" s="9">
        <v>21</v>
      </c>
      <c r="L38866" s="6"/>
    </row>
    <row r="38867" spans="1:12">
      <c r="A38867" s="6" t="s">
        <v>27466</v>
      </c>
      <c r="B38867" s="6" t="s">
        <v>38119</v>
      </c>
      <c r="C38867" s="6" t="s">
        <v>32230</v>
      </c>
      <c r="D38867" s="6" t="s">
        <v>38112</v>
      </c>
      <c r="E38867" s="6" t="s">
        <v>9</v>
      </c>
      <c r="F38867" s="7">
        <v>34943</v>
      </c>
      <c r="G38867" s="8">
        <v>17457399</v>
      </c>
      <c r="H38867" s="8">
        <v>7855849</v>
      </c>
      <c r="I38867" s="8">
        <v>9985612</v>
      </c>
      <c r="J38867" s="8">
        <v>7471787</v>
      </c>
      <c r="K38867" s="9">
        <v>64</v>
      </c>
      <c r="L38867" s="6"/>
    </row>
    <row r="38868" spans="1:12">
      <c r="A38868" s="6" t="s">
        <v>27466</v>
      </c>
      <c r="B38868" s="6" t="s">
        <v>38120</v>
      </c>
      <c r="C38868" s="6" t="s">
        <v>32230</v>
      </c>
      <c r="D38868" s="6" t="s">
        <v>38112</v>
      </c>
      <c r="E38868" s="6" t="s">
        <v>9</v>
      </c>
      <c r="F38868" s="7">
        <v>32843</v>
      </c>
      <c r="G38868" s="8">
        <v>1140000</v>
      </c>
      <c r="H38868" s="8">
        <v>1</v>
      </c>
      <c r="I38868" s="8">
        <v>1139999</v>
      </c>
      <c r="J38868" s="8">
        <v>1</v>
      </c>
      <c r="K38868" s="9">
        <v>19</v>
      </c>
      <c r="L38868" s="6"/>
    </row>
    <row r="38869" spans="1:12">
      <c r="A38869" s="6" t="s">
        <v>27466</v>
      </c>
      <c r="B38869" s="6" t="s">
        <v>38121</v>
      </c>
      <c r="C38869" s="6" t="s">
        <v>32230</v>
      </c>
      <c r="D38869" s="6" t="s">
        <v>38112</v>
      </c>
      <c r="E38869" s="6" t="s">
        <v>9</v>
      </c>
      <c r="F38869" s="7">
        <v>40284</v>
      </c>
      <c r="G38869" s="8">
        <v>6583500</v>
      </c>
      <c r="H38869" s="8">
        <v>1</v>
      </c>
      <c r="I38869" s="8">
        <v>6583499</v>
      </c>
      <c r="J38869" s="8">
        <v>1</v>
      </c>
      <c r="K38869" s="9"/>
      <c r="L38869" s="6"/>
    </row>
    <row r="38870" spans="1:12">
      <c r="A38870" s="6" t="s">
        <v>27466</v>
      </c>
      <c r="B38870" s="6" t="s">
        <v>38121</v>
      </c>
      <c r="C38870" s="6" t="s">
        <v>32230</v>
      </c>
      <c r="D38870" s="6" t="s">
        <v>38112</v>
      </c>
      <c r="E38870" s="6" t="s">
        <v>9</v>
      </c>
      <c r="F38870" s="7">
        <v>43018</v>
      </c>
      <c r="G38870" s="8">
        <v>17048272</v>
      </c>
      <c r="H38870" s="8">
        <v>13621570</v>
      </c>
      <c r="I38870" s="8">
        <v>4568936</v>
      </c>
      <c r="J38870" s="8">
        <v>12479336</v>
      </c>
      <c r="K38870" s="9"/>
      <c r="L38870" s="6"/>
    </row>
    <row r="38871" spans="1:12">
      <c r="A38871" s="6" t="s">
        <v>27466</v>
      </c>
      <c r="B38871" s="6" t="s">
        <v>38121</v>
      </c>
      <c r="C38871" s="6" t="s">
        <v>32230</v>
      </c>
      <c r="D38871" s="6" t="s">
        <v>38112</v>
      </c>
      <c r="E38871" s="6" t="s">
        <v>9</v>
      </c>
      <c r="F38871" s="7">
        <v>31017</v>
      </c>
      <c r="G38871" s="8">
        <v>106245000</v>
      </c>
      <c r="H38871" s="8">
        <v>22098960</v>
      </c>
      <c r="I38871" s="8">
        <v>86483430</v>
      </c>
      <c r="J38871" s="8">
        <v>19761570</v>
      </c>
      <c r="K38871" s="9">
        <v>787</v>
      </c>
      <c r="L38871" s="6"/>
    </row>
    <row r="38872" spans="1:12">
      <c r="A38872" s="6" t="s">
        <v>27466</v>
      </c>
      <c r="B38872" s="6" t="s">
        <v>38121</v>
      </c>
      <c r="C38872" s="6" t="s">
        <v>32230</v>
      </c>
      <c r="D38872" s="6" t="s">
        <v>38112</v>
      </c>
      <c r="E38872" s="6" t="s">
        <v>9</v>
      </c>
      <c r="F38872" s="7"/>
      <c r="G38872" s="8">
        <v>96106880</v>
      </c>
      <c r="H38872" s="8">
        <v>89763827</v>
      </c>
      <c r="I38872" s="8">
        <v>8457404</v>
      </c>
      <c r="J38872" s="8">
        <v>87649476</v>
      </c>
      <c r="K38872" s="9"/>
      <c r="L38872" s="6"/>
    </row>
    <row r="38873" spans="1:12">
      <c r="A38873" s="6" t="s">
        <v>27466</v>
      </c>
      <c r="B38873" s="6" t="s">
        <v>38121</v>
      </c>
      <c r="C38873" s="6" t="s">
        <v>32230</v>
      </c>
      <c r="D38873" s="6" t="s">
        <v>38112</v>
      </c>
      <c r="E38873" s="6" t="s">
        <v>9</v>
      </c>
      <c r="F38873" s="7">
        <v>43018</v>
      </c>
      <c r="G38873" s="8">
        <v>12035227</v>
      </c>
      <c r="H38873" s="8">
        <v>9616147</v>
      </c>
      <c r="I38873" s="8">
        <v>3225440</v>
      </c>
      <c r="J38873" s="8">
        <v>8809787</v>
      </c>
      <c r="K38873" s="9"/>
      <c r="L38873" s="6"/>
    </row>
    <row r="38874" spans="1:12">
      <c r="A38874" s="6" t="s">
        <v>27466</v>
      </c>
      <c r="B38874" s="6" t="s">
        <v>38122</v>
      </c>
      <c r="C38874" s="6" t="s">
        <v>32230</v>
      </c>
      <c r="D38874" s="6" t="s">
        <v>38112</v>
      </c>
      <c r="E38874" s="6" t="s">
        <v>9</v>
      </c>
      <c r="F38874" s="7">
        <v>39917</v>
      </c>
      <c r="G38874" s="8">
        <v>672000</v>
      </c>
      <c r="H38874" s="8">
        <v>176736</v>
      </c>
      <c r="I38874" s="8">
        <v>540288</v>
      </c>
      <c r="J38874" s="8">
        <v>131712</v>
      </c>
      <c r="K38874" s="9"/>
      <c r="L38874" s="6"/>
    </row>
    <row r="38875" spans="1:12">
      <c r="A38875" s="6" t="s">
        <v>27466</v>
      </c>
      <c r="B38875" s="6" t="s">
        <v>38122</v>
      </c>
      <c r="C38875" s="6" t="s">
        <v>32230</v>
      </c>
      <c r="D38875" s="6" t="s">
        <v>38112</v>
      </c>
      <c r="E38875" s="6" t="s">
        <v>9</v>
      </c>
      <c r="F38875" s="7">
        <v>34759</v>
      </c>
      <c r="G38875" s="8">
        <v>520721489</v>
      </c>
      <c r="H38875" s="8">
        <v>222868817</v>
      </c>
      <c r="I38875" s="8">
        <v>309308544</v>
      </c>
      <c r="J38875" s="8">
        <v>211412945</v>
      </c>
      <c r="K38875" s="9">
        <v>1909</v>
      </c>
      <c r="L38875" s="6"/>
    </row>
    <row r="38876" spans="1:12">
      <c r="A38876" s="6" t="s">
        <v>27466</v>
      </c>
      <c r="B38876" s="6" t="s">
        <v>38122</v>
      </c>
      <c r="C38876" s="6" t="s">
        <v>32230</v>
      </c>
      <c r="D38876" s="6" t="s">
        <v>38112</v>
      </c>
      <c r="E38876" s="6" t="s">
        <v>9</v>
      </c>
      <c r="F38876" s="7">
        <v>41087</v>
      </c>
      <c r="G38876" s="8">
        <v>859950</v>
      </c>
      <c r="H38876" s="8">
        <v>399022</v>
      </c>
      <c r="I38876" s="8">
        <v>518544</v>
      </c>
      <c r="J38876" s="8">
        <v>341406</v>
      </c>
      <c r="K38876" s="9"/>
      <c r="L38876" s="6"/>
    </row>
    <row r="38877" spans="1:12">
      <c r="A38877" s="6" t="s">
        <v>27466</v>
      </c>
      <c r="B38877" s="6" t="s">
        <v>38122</v>
      </c>
      <c r="C38877" s="6" t="s">
        <v>32230</v>
      </c>
      <c r="D38877" s="6" t="s">
        <v>38112</v>
      </c>
      <c r="E38877" s="6" t="s">
        <v>9</v>
      </c>
      <c r="F38877" s="7">
        <v>41618</v>
      </c>
      <c r="G38877" s="8">
        <v>1108800</v>
      </c>
      <c r="H38877" s="8">
        <v>588777</v>
      </c>
      <c r="I38877" s="8">
        <v>594312</v>
      </c>
      <c r="J38877" s="8">
        <v>514488</v>
      </c>
      <c r="K38877" s="9"/>
      <c r="L38877" s="6"/>
    </row>
    <row r="38878" spans="1:12">
      <c r="A38878" s="6" t="s">
        <v>27466</v>
      </c>
      <c r="B38878" s="6" t="s">
        <v>38122</v>
      </c>
      <c r="C38878" s="6" t="s">
        <v>32230</v>
      </c>
      <c r="D38878" s="6" t="s">
        <v>38112</v>
      </c>
      <c r="E38878" s="6" t="s">
        <v>9</v>
      </c>
      <c r="F38878" s="7">
        <v>41507</v>
      </c>
      <c r="G38878" s="8">
        <v>1239000</v>
      </c>
      <c r="H38878" s="8">
        <v>657909</v>
      </c>
      <c r="I38878" s="8">
        <v>664104</v>
      </c>
      <c r="J38878" s="8">
        <v>574896</v>
      </c>
      <c r="K38878" s="9"/>
      <c r="L38878" s="6"/>
    </row>
    <row r="38879" spans="1:12">
      <c r="A38879" s="6" t="s">
        <v>27466</v>
      </c>
      <c r="B38879" s="6" t="s">
        <v>38123</v>
      </c>
      <c r="C38879" s="6" t="s">
        <v>32230</v>
      </c>
      <c r="D38879" s="6" t="s">
        <v>38112</v>
      </c>
      <c r="E38879" s="6" t="s">
        <v>9</v>
      </c>
      <c r="F38879" s="7">
        <v>36495</v>
      </c>
      <c r="G38879" s="8">
        <v>245010000</v>
      </c>
      <c r="H38879" s="8">
        <v>131815380</v>
      </c>
      <c r="I38879" s="8">
        <v>118584840</v>
      </c>
      <c r="J38879" s="8">
        <v>126425160</v>
      </c>
      <c r="K38879" s="9">
        <v>891</v>
      </c>
      <c r="L38879" s="6"/>
    </row>
    <row r="38880" spans="1:12">
      <c r="A38880" s="6" t="s">
        <v>27466</v>
      </c>
      <c r="B38880" s="6" t="s">
        <v>38124</v>
      </c>
      <c r="C38880" s="6" t="s">
        <v>32230</v>
      </c>
      <c r="D38880" s="6" t="s">
        <v>38112</v>
      </c>
      <c r="E38880" s="6" t="s">
        <v>9</v>
      </c>
      <c r="F38880" s="7">
        <v>39142</v>
      </c>
      <c r="G38880" s="8">
        <v>2450000</v>
      </c>
      <c r="H38880" s="8">
        <v>1421000</v>
      </c>
      <c r="I38880" s="8">
        <v>1102500</v>
      </c>
      <c r="J38880" s="8">
        <v>1347500</v>
      </c>
      <c r="K38880" s="9">
        <v>35</v>
      </c>
      <c r="L38880" s="6"/>
    </row>
    <row r="38881" spans="1:12">
      <c r="A38881" s="6" t="s">
        <v>27466</v>
      </c>
      <c r="B38881" s="6" t="s">
        <v>38125</v>
      </c>
      <c r="C38881" s="6" t="s">
        <v>32230</v>
      </c>
      <c r="D38881" s="6" t="s">
        <v>38112</v>
      </c>
      <c r="E38881" s="6" t="s">
        <v>9</v>
      </c>
      <c r="F38881" s="7">
        <v>26390</v>
      </c>
      <c r="G38881" s="8">
        <v>1200000</v>
      </c>
      <c r="H38881" s="8">
        <v>1</v>
      </c>
      <c r="I38881" s="8">
        <v>1199999</v>
      </c>
      <c r="J38881" s="8">
        <v>1</v>
      </c>
      <c r="K38881" s="9">
        <v>20</v>
      </c>
      <c r="L38881" s="6"/>
    </row>
    <row r="38882" spans="1:12">
      <c r="A38882" s="6" t="s">
        <v>27466</v>
      </c>
      <c r="B38882" s="6" t="s">
        <v>38126</v>
      </c>
      <c r="C38882" s="6" t="s">
        <v>32230</v>
      </c>
      <c r="D38882" s="6" t="s">
        <v>38112</v>
      </c>
      <c r="E38882" s="6" t="s">
        <v>9</v>
      </c>
      <c r="F38882" s="7">
        <v>40239</v>
      </c>
      <c r="G38882" s="8">
        <v>43995000</v>
      </c>
      <c r="H38882" s="8">
        <v>11570685</v>
      </c>
      <c r="I38882" s="8">
        <v>35371980</v>
      </c>
      <c r="J38882" s="8">
        <v>8623020</v>
      </c>
      <c r="K38882" s="9"/>
      <c r="L38882" s="6"/>
    </row>
    <row r="38883" spans="1:12">
      <c r="A38883" s="6" t="s">
        <v>27466</v>
      </c>
      <c r="B38883" s="6" t="s">
        <v>38126</v>
      </c>
      <c r="C38883" s="6" t="s">
        <v>32230</v>
      </c>
      <c r="D38883" s="6" t="s">
        <v>38112</v>
      </c>
      <c r="E38883" s="6" t="s">
        <v>9</v>
      </c>
      <c r="F38883" s="7">
        <v>40235</v>
      </c>
      <c r="G38883" s="8">
        <v>387614700</v>
      </c>
      <c r="H38883" s="8">
        <v>293811947</v>
      </c>
      <c r="I38883" s="8">
        <v>102330276</v>
      </c>
      <c r="J38883" s="8">
        <v>285284424</v>
      </c>
      <c r="K38883" s="9">
        <v>1339.66</v>
      </c>
      <c r="L38883" s="6"/>
    </row>
    <row r="38884" spans="1:12">
      <c r="A38884" s="6" t="s">
        <v>27466</v>
      </c>
      <c r="B38884" s="6" t="s">
        <v>38126</v>
      </c>
      <c r="C38884" s="6" t="s">
        <v>32230</v>
      </c>
      <c r="D38884" s="6" t="s">
        <v>38112</v>
      </c>
      <c r="E38884" s="6" t="s">
        <v>9</v>
      </c>
      <c r="F38884" s="7">
        <v>40239</v>
      </c>
      <c r="G38884" s="8">
        <v>11466000</v>
      </c>
      <c r="H38884" s="8">
        <v>4402944</v>
      </c>
      <c r="I38884" s="8">
        <v>7705152</v>
      </c>
      <c r="J38884" s="8">
        <v>3760848</v>
      </c>
      <c r="K38884" s="9"/>
      <c r="L38884" s="6"/>
    </row>
    <row r="38885" spans="1:12">
      <c r="A38885" s="6" t="s">
        <v>27466</v>
      </c>
      <c r="B38885" s="6" t="s">
        <v>38127</v>
      </c>
      <c r="C38885" s="6" t="s">
        <v>32230</v>
      </c>
      <c r="D38885" s="6" t="s">
        <v>38112</v>
      </c>
      <c r="E38885" s="6" t="s">
        <v>9</v>
      </c>
      <c r="F38885" s="7">
        <v>40423</v>
      </c>
      <c r="G38885" s="8">
        <v>4120200</v>
      </c>
      <c r="H38885" s="8">
        <v>2760540</v>
      </c>
      <c r="I38885" s="8">
        <v>1495626</v>
      </c>
      <c r="J38885" s="8">
        <v>2624574</v>
      </c>
      <c r="K38885" s="9">
        <v>32.61</v>
      </c>
      <c r="L38885" s="6"/>
    </row>
    <row r="38886" spans="1:12">
      <c r="A38886" s="6" t="s">
        <v>27481</v>
      </c>
      <c r="B38886" s="6" t="s">
        <v>38128</v>
      </c>
      <c r="C38886" s="6" t="s">
        <v>32230</v>
      </c>
      <c r="D38886" s="6" t="s">
        <v>38129</v>
      </c>
      <c r="E38886" s="6" t="s">
        <v>18740</v>
      </c>
      <c r="F38886" s="7">
        <v>31079</v>
      </c>
      <c r="G38886" s="8">
        <v>109840000</v>
      </c>
      <c r="H38886" s="8">
        <v>1</v>
      </c>
      <c r="I38886" s="8">
        <v>109839999</v>
      </c>
      <c r="J38886" s="8">
        <v>1</v>
      </c>
      <c r="K38886" s="9">
        <v>1373</v>
      </c>
      <c r="L38886" s="6"/>
    </row>
    <row r="38887" spans="1:12">
      <c r="A38887" s="6" t="s">
        <v>27481</v>
      </c>
      <c r="B38887" s="6" t="s">
        <v>38128</v>
      </c>
      <c r="C38887" s="6" t="s">
        <v>32230</v>
      </c>
      <c r="D38887" s="6" t="s">
        <v>38129</v>
      </c>
      <c r="E38887" s="6" t="s">
        <v>18740</v>
      </c>
      <c r="F38887" s="7">
        <v>43171</v>
      </c>
      <c r="G38887" s="8">
        <v>1296000</v>
      </c>
      <c r="H38887" s="8">
        <v>1035504</v>
      </c>
      <c r="I38887" s="8">
        <v>347328</v>
      </c>
      <c r="J38887" s="8">
        <v>948672</v>
      </c>
      <c r="K38887" s="9"/>
      <c r="L38887" s="6"/>
    </row>
    <row r="38888" spans="1:12">
      <c r="A38888" s="6" t="s">
        <v>27484</v>
      </c>
      <c r="B38888" s="6" t="s">
        <v>38130</v>
      </c>
      <c r="C38888" s="6" t="s">
        <v>32230</v>
      </c>
      <c r="D38888" s="6" t="s">
        <v>38131</v>
      </c>
      <c r="E38888" s="6" t="s">
        <v>9</v>
      </c>
      <c r="F38888" s="7">
        <v>43555</v>
      </c>
      <c r="G38888" s="8">
        <v>3787200</v>
      </c>
      <c r="H38888" s="8">
        <v>3279716</v>
      </c>
      <c r="I38888" s="8">
        <v>761226</v>
      </c>
      <c r="J38888" s="8">
        <v>3025974</v>
      </c>
      <c r="K38888" s="9"/>
      <c r="L38888" s="6"/>
    </row>
    <row r="38889" spans="1:12">
      <c r="A38889" s="6" t="s">
        <v>27484</v>
      </c>
      <c r="B38889" s="6" t="s">
        <v>38130</v>
      </c>
      <c r="C38889" s="6" t="s">
        <v>32230</v>
      </c>
      <c r="D38889" s="6" t="s">
        <v>38131</v>
      </c>
      <c r="E38889" s="6" t="s">
        <v>9</v>
      </c>
      <c r="F38889" s="7">
        <v>37561</v>
      </c>
      <c r="G38889" s="8">
        <v>773110000</v>
      </c>
      <c r="H38889" s="8">
        <v>466958440</v>
      </c>
      <c r="I38889" s="8">
        <v>323159980</v>
      </c>
      <c r="J38889" s="8">
        <v>449950020</v>
      </c>
      <c r="K38889" s="9">
        <v>3551</v>
      </c>
      <c r="L38889" s="6"/>
    </row>
    <row r="38890" spans="1:12">
      <c r="A38890" s="6" t="s">
        <v>27484</v>
      </c>
      <c r="B38890" s="6" t="s">
        <v>38130</v>
      </c>
      <c r="C38890" s="6" t="s">
        <v>32230</v>
      </c>
      <c r="D38890" s="6" t="s">
        <v>38131</v>
      </c>
      <c r="E38890" s="6" t="s">
        <v>9</v>
      </c>
      <c r="F38890" s="7"/>
      <c r="G38890" s="8">
        <v>990000</v>
      </c>
      <c r="H38890" s="8">
        <v>968220</v>
      </c>
      <c r="I38890" s="8">
        <v>43560</v>
      </c>
      <c r="J38890" s="8">
        <v>946440</v>
      </c>
      <c r="K38890" s="9"/>
      <c r="L38890" s="6"/>
    </row>
    <row r="38891" spans="1:12">
      <c r="A38891" s="6" t="s">
        <v>27484</v>
      </c>
      <c r="B38891" s="6" t="s">
        <v>38132</v>
      </c>
      <c r="C38891" s="6" t="s">
        <v>32230</v>
      </c>
      <c r="D38891" s="6" t="s">
        <v>38131</v>
      </c>
      <c r="E38891" s="6" t="s">
        <v>9</v>
      </c>
      <c r="F38891" s="7">
        <v>38018</v>
      </c>
      <c r="G38891" s="8">
        <v>209403167</v>
      </c>
      <c r="H38891" s="8">
        <v>131086394</v>
      </c>
      <c r="I38891" s="8">
        <v>82923642</v>
      </c>
      <c r="J38891" s="8">
        <v>126479525</v>
      </c>
      <c r="K38891" s="9">
        <v>1072</v>
      </c>
      <c r="L38891" s="6"/>
    </row>
    <row r="38892" spans="1:12">
      <c r="A38892" s="6" t="s">
        <v>27484</v>
      </c>
      <c r="B38892" s="6" t="s">
        <v>38133</v>
      </c>
      <c r="C38892" s="6" t="s">
        <v>32230</v>
      </c>
      <c r="D38892" s="6" t="s">
        <v>38131</v>
      </c>
      <c r="E38892" s="6" t="s">
        <v>9</v>
      </c>
      <c r="F38892" s="7">
        <v>38018</v>
      </c>
      <c r="G38892" s="8">
        <v>29886832</v>
      </c>
      <c r="H38892" s="8">
        <v>18709162</v>
      </c>
      <c r="I38892" s="8">
        <v>11835180</v>
      </c>
      <c r="J38892" s="8">
        <v>18051652</v>
      </c>
      <c r="K38892" s="9">
        <v>153</v>
      </c>
      <c r="L38892" s="6"/>
    </row>
    <row r="38893" spans="1:12">
      <c r="A38893" s="6" t="s">
        <v>27484</v>
      </c>
      <c r="B38893" s="6" t="s">
        <v>38134</v>
      </c>
      <c r="C38893" s="6" t="s">
        <v>32230</v>
      </c>
      <c r="D38893" s="6" t="s">
        <v>38131</v>
      </c>
      <c r="E38893" s="6" t="s">
        <v>9</v>
      </c>
      <c r="F38893" s="7">
        <v>38899</v>
      </c>
      <c r="G38893" s="8">
        <v>24960000</v>
      </c>
      <c r="H38893" s="8">
        <v>15525120</v>
      </c>
      <c r="I38893" s="8">
        <v>10108800</v>
      </c>
      <c r="J38893" s="8">
        <v>14851200</v>
      </c>
      <c r="K38893" s="9">
        <v>192</v>
      </c>
      <c r="L38893" s="6"/>
    </row>
    <row r="38894" spans="1:12">
      <c r="A38894" s="6" t="s">
        <v>27487</v>
      </c>
      <c r="B38894" s="6" t="s">
        <v>38135</v>
      </c>
      <c r="C38894" s="6" t="s">
        <v>32230</v>
      </c>
      <c r="D38894" s="6" t="s">
        <v>38136</v>
      </c>
      <c r="E38894" s="6" t="s">
        <v>9</v>
      </c>
      <c r="F38894" s="7">
        <v>35247</v>
      </c>
      <c r="G38894" s="8">
        <v>2730000</v>
      </c>
      <c r="H38894" s="8">
        <v>764400</v>
      </c>
      <c r="I38894" s="8">
        <v>2047500</v>
      </c>
      <c r="J38894" s="8">
        <v>682500</v>
      </c>
      <c r="K38894" s="9">
        <v>39</v>
      </c>
      <c r="L38894" s="6"/>
    </row>
    <row r="38895" spans="1:12">
      <c r="A38895" s="6" t="s">
        <v>27487</v>
      </c>
      <c r="B38895" s="6" t="s">
        <v>38137</v>
      </c>
      <c r="C38895" s="6" t="s">
        <v>32230</v>
      </c>
      <c r="D38895" s="6" t="s">
        <v>38136</v>
      </c>
      <c r="E38895" s="6" t="s">
        <v>9</v>
      </c>
      <c r="F38895" s="7">
        <v>27089</v>
      </c>
      <c r="G38895" s="8">
        <v>32130000</v>
      </c>
      <c r="H38895" s="8">
        <v>1</v>
      </c>
      <c r="I38895" s="8">
        <v>32129999</v>
      </c>
      <c r="J38895" s="8">
        <v>1</v>
      </c>
      <c r="K38895" s="9">
        <v>238</v>
      </c>
      <c r="L38895" s="6"/>
    </row>
    <row r="38896" spans="1:12">
      <c r="A38896" s="6" t="s">
        <v>27487</v>
      </c>
      <c r="B38896" s="6" t="s">
        <v>38137</v>
      </c>
      <c r="C38896" s="6" t="s">
        <v>32230</v>
      </c>
      <c r="D38896" s="6" t="s">
        <v>38136</v>
      </c>
      <c r="E38896" s="6" t="s">
        <v>9</v>
      </c>
      <c r="F38896" s="7">
        <v>39780</v>
      </c>
      <c r="G38896" s="8">
        <v>373023</v>
      </c>
      <c r="H38896" s="8">
        <v>266345</v>
      </c>
      <c r="I38896" s="8">
        <v>114884</v>
      </c>
      <c r="J38896" s="8">
        <v>258139</v>
      </c>
      <c r="K38896" s="9"/>
      <c r="L38896" s="6"/>
    </row>
    <row r="38897" spans="1:12">
      <c r="A38897" s="6" t="s">
        <v>27487</v>
      </c>
      <c r="B38897" s="6" t="s">
        <v>38137</v>
      </c>
      <c r="C38897" s="6" t="s">
        <v>32230</v>
      </c>
      <c r="D38897" s="6" t="s">
        <v>38136</v>
      </c>
      <c r="E38897" s="6" t="s">
        <v>9</v>
      </c>
      <c r="F38897" s="7">
        <v>39401</v>
      </c>
      <c r="G38897" s="8">
        <v>404495</v>
      </c>
      <c r="H38897" s="8">
        <v>288821</v>
      </c>
      <c r="I38897" s="8">
        <v>124572</v>
      </c>
      <c r="J38897" s="8">
        <v>279923</v>
      </c>
      <c r="K38897" s="9"/>
      <c r="L38897" s="6"/>
    </row>
    <row r="38898" spans="1:12">
      <c r="A38898" s="6" t="s">
        <v>27487</v>
      </c>
      <c r="B38898" s="6" t="s">
        <v>38137</v>
      </c>
      <c r="C38898" s="6" t="s">
        <v>32230</v>
      </c>
      <c r="D38898" s="6" t="s">
        <v>38136</v>
      </c>
      <c r="E38898" s="6" t="s">
        <v>9</v>
      </c>
      <c r="F38898" s="7">
        <v>39786</v>
      </c>
      <c r="G38898" s="8">
        <v>1868508</v>
      </c>
      <c r="H38898" s="8">
        <v>366228</v>
      </c>
      <c r="I38898" s="8">
        <v>1627470</v>
      </c>
      <c r="J38898" s="8">
        <v>241038</v>
      </c>
      <c r="K38898" s="9"/>
      <c r="L38898" s="6"/>
    </row>
    <row r="38899" spans="1:12">
      <c r="A38899" s="6" t="s">
        <v>27487</v>
      </c>
      <c r="B38899" s="6" t="s">
        <v>38137</v>
      </c>
      <c r="C38899" s="6" t="s">
        <v>32230</v>
      </c>
      <c r="D38899" s="6" t="s">
        <v>38136</v>
      </c>
      <c r="E38899" s="6" t="s">
        <v>9</v>
      </c>
      <c r="F38899" s="7">
        <v>43339</v>
      </c>
      <c r="G38899" s="8">
        <v>99360</v>
      </c>
      <c r="H38899" s="8">
        <v>86046</v>
      </c>
      <c r="I38899" s="8">
        <v>19971</v>
      </c>
      <c r="J38899" s="8">
        <v>79389</v>
      </c>
      <c r="K38899" s="9"/>
      <c r="L38899" s="6"/>
    </row>
    <row r="38900" spans="1:12">
      <c r="A38900" s="6" t="s">
        <v>27487</v>
      </c>
      <c r="B38900" s="6" t="s">
        <v>38137</v>
      </c>
      <c r="C38900" s="6" t="s">
        <v>32230</v>
      </c>
      <c r="D38900" s="6" t="s">
        <v>38136</v>
      </c>
      <c r="E38900" s="6" t="s">
        <v>9</v>
      </c>
      <c r="F38900" s="7">
        <v>39786</v>
      </c>
      <c r="G38900" s="8">
        <v>2703596</v>
      </c>
      <c r="H38900" s="8">
        <v>886784</v>
      </c>
      <c r="I38900" s="8">
        <v>1968213</v>
      </c>
      <c r="J38900" s="8">
        <v>735383</v>
      </c>
      <c r="K38900" s="9"/>
      <c r="L38900" s="6"/>
    </row>
    <row r="38901" spans="1:12">
      <c r="A38901" s="6" t="s">
        <v>27487</v>
      </c>
      <c r="B38901" s="6" t="s">
        <v>38137</v>
      </c>
      <c r="C38901" s="6" t="s">
        <v>32230</v>
      </c>
      <c r="D38901" s="6" t="s">
        <v>38136</v>
      </c>
      <c r="E38901" s="6" t="s">
        <v>9</v>
      </c>
      <c r="F38901" s="7">
        <v>39780</v>
      </c>
      <c r="G38901" s="8">
        <v>13987719</v>
      </c>
      <c r="H38901" s="8">
        <v>9987242</v>
      </c>
      <c r="I38901" s="8">
        <v>4308206</v>
      </c>
      <c r="J38901" s="8">
        <v>9679513</v>
      </c>
      <c r="K38901" s="9"/>
      <c r="L38901" s="6"/>
    </row>
    <row r="38902" spans="1:12">
      <c r="A38902" s="6" t="s">
        <v>27487</v>
      </c>
      <c r="B38902" s="6" t="s">
        <v>38138</v>
      </c>
      <c r="C38902" s="6" t="s">
        <v>32230</v>
      </c>
      <c r="D38902" s="6" t="s">
        <v>38136</v>
      </c>
      <c r="E38902" s="6" t="s">
        <v>9</v>
      </c>
      <c r="F38902" s="7">
        <v>36130</v>
      </c>
      <c r="G38902" s="8">
        <v>2800000</v>
      </c>
      <c r="H38902" s="8">
        <v>952000</v>
      </c>
      <c r="I38902" s="8">
        <v>1932000</v>
      </c>
      <c r="J38902" s="8">
        <v>868000</v>
      </c>
      <c r="K38902" s="9">
        <v>40</v>
      </c>
      <c r="L38902" s="6"/>
    </row>
    <row r="38903" spans="1:12">
      <c r="A38903" s="6" t="s">
        <v>27487</v>
      </c>
      <c r="B38903" s="6" t="s">
        <v>38139</v>
      </c>
      <c r="C38903" s="6" t="s">
        <v>32230</v>
      </c>
      <c r="D38903" s="6" t="s">
        <v>38136</v>
      </c>
      <c r="E38903" s="6" t="s">
        <v>9</v>
      </c>
      <c r="F38903" s="7">
        <v>26724</v>
      </c>
      <c r="G38903" s="8">
        <v>144450000</v>
      </c>
      <c r="H38903" s="8">
        <v>1</v>
      </c>
      <c r="I38903" s="8">
        <v>144449999</v>
      </c>
      <c r="J38903" s="8">
        <v>1</v>
      </c>
      <c r="K38903" s="9">
        <v>1070</v>
      </c>
      <c r="L38903" s="6"/>
    </row>
    <row r="38904" spans="1:12">
      <c r="A38904" s="6" t="s">
        <v>27487</v>
      </c>
      <c r="B38904" s="6" t="s">
        <v>38139</v>
      </c>
      <c r="C38904" s="6" t="s">
        <v>32230</v>
      </c>
      <c r="D38904" s="6" t="s">
        <v>38136</v>
      </c>
      <c r="E38904" s="6" t="s">
        <v>9</v>
      </c>
      <c r="F38904" s="7">
        <v>39780</v>
      </c>
      <c r="G38904" s="8">
        <v>1677037</v>
      </c>
      <c r="H38904" s="8">
        <v>1197415</v>
      </c>
      <c r="I38904" s="8">
        <v>516516</v>
      </c>
      <c r="J38904" s="8">
        <v>1160521</v>
      </c>
      <c r="K38904" s="9"/>
      <c r="L38904" s="6"/>
    </row>
    <row r="38905" spans="1:12">
      <c r="A38905" s="6" t="s">
        <v>27487</v>
      </c>
      <c r="B38905" s="6" t="s">
        <v>38139</v>
      </c>
      <c r="C38905" s="6" t="s">
        <v>32230</v>
      </c>
      <c r="D38905" s="6" t="s">
        <v>38136</v>
      </c>
      <c r="E38905" s="6" t="s">
        <v>9</v>
      </c>
      <c r="F38905" s="7">
        <v>39401</v>
      </c>
      <c r="G38905" s="8">
        <v>1818530</v>
      </c>
      <c r="H38905" s="8">
        <v>1298439</v>
      </c>
      <c r="I38905" s="8">
        <v>560098</v>
      </c>
      <c r="J38905" s="8">
        <v>1258432</v>
      </c>
      <c r="K38905" s="9"/>
      <c r="L38905" s="6"/>
    </row>
    <row r="38906" spans="1:12">
      <c r="A38906" s="6" t="s">
        <v>27487</v>
      </c>
      <c r="B38906" s="6" t="s">
        <v>38139</v>
      </c>
      <c r="C38906" s="6" t="s">
        <v>32230</v>
      </c>
      <c r="D38906" s="6" t="s">
        <v>38136</v>
      </c>
      <c r="E38906" s="6" t="s">
        <v>9</v>
      </c>
      <c r="F38906" s="7">
        <v>39786</v>
      </c>
      <c r="G38906" s="8">
        <v>8400438</v>
      </c>
      <c r="H38906" s="8">
        <v>1646490</v>
      </c>
      <c r="I38906" s="8">
        <v>7316777</v>
      </c>
      <c r="J38906" s="8">
        <v>1083661</v>
      </c>
      <c r="K38906" s="9"/>
      <c r="L38906" s="6"/>
    </row>
    <row r="38907" spans="1:12">
      <c r="A38907" s="6" t="s">
        <v>27487</v>
      </c>
      <c r="B38907" s="6" t="s">
        <v>38139</v>
      </c>
      <c r="C38907" s="6" t="s">
        <v>32230</v>
      </c>
      <c r="D38907" s="6" t="s">
        <v>38136</v>
      </c>
      <c r="E38907" s="6" t="s">
        <v>9</v>
      </c>
      <c r="F38907" s="7">
        <v>43555</v>
      </c>
      <c r="G38907" s="8">
        <v>3787200</v>
      </c>
      <c r="H38907" s="8">
        <v>3279716</v>
      </c>
      <c r="I38907" s="8">
        <v>761226</v>
      </c>
      <c r="J38907" s="8">
        <v>3025974</v>
      </c>
      <c r="K38907" s="9"/>
      <c r="L38907" s="6"/>
    </row>
    <row r="38908" spans="1:12">
      <c r="A38908" s="6" t="s">
        <v>27487</v>
      </c>
      <c r="B38908" s="6" t="s">
        <v>38139</v>
      </c>
      <c r="C38908" s="6" t="s">
        <v>32230</v>
      </c>
      <c r="D38908" s="6" t="s">
        <v>38136</v>
      </c>
      <c r="E38908" s="6" t="s">
        <v>9</v>
      </c>
      <c r="F38908" s="7">
        <v>39786</v>
      </c>
      <c r="G38908" s="8">
        <v>12154824</v>
      </c>
      <c r="H38908" s="8">
        <v>3986784</v>
      </c>
      <c r="I38908" s="8">
        <v>8848710</v>
      </c>
      <c r="J38908" s="8">
        <v>3306114</v>
      </c>
      <c r="K38908" s="9"/>
      <c r="L38908" s="6"/>
    </row>
    <row r="38909" spans="1:12">
      <c r="A38909" s="6" t="s">
        <v>27487</v>
      </c>
      <c r="B38909" s="6" t="s">
        <v>38139</v>
      </c>
      <c r="C38909" s="6" t="s">
        <v>32230</v>
      </c>
      <c r="D38909" s="6" t="s">
        <v>38136</v>
      </c>
      <c r="E38909" s="6" t="s">
        <v>9</v>
      </c>
      <c r="F38909" s="7">
        <v>39780</v>
      </c>
      <c r="G38909" s="8">
        <v>62885964</v>
      </c>
      <c r="H38909" s="8">
        <v>44900581</v>
      </c>
      <c r="I38909" s="8">
        <v>19368874</v>
      </c>
      <c r="J38909" s="8">
        <v>43517090</v>
      </c>
      <c r="K38909" s="9"/>
      <c r="L38909" s="6"/>
    </row>
    <row r="38910" spans="1:12">
      <c r="A38910" s="6" t="s">
        <v>27487</v>
      </c>
      <c r="B38910" s="6" t="s">
        <v>38140</v>
      </c>
      <c r="C38910" s="6" t="s">
        <v>32230</v>
      </c>
      <c r="D38910" s="6" t="s">
        <v>38136</v>
      </c>
      <c r="E38910" s="6" t="s">
        <v>9</v>
      </c>
      <c r="F38910" s="7">
        <v>27089</v>
      </c>
      <c r="G38910" s="8">
        <v>220185000</v>
      </c>
      <c r="H38910" s="8">
        <v>1</v>
      </c>
      <c r="I38910" s="8">
        <v>220184999</v>
      </c>
      <c r="J38910" s="8">
        <v>1</v>
      </c>
      <c r="K38910" s="9">
        <v>1631</v>
      </c>
      <c r="L38910" s="6"/>
    </row>
    <row r="38911" spans="1:12">
      <c r="A38911" s="6" t="s">
        <v>27487</v>
      </c>
      <c r="B38911" s="6" t="s">
        <v>38140</v>
      </c>
      <c r="C38911" s="6" t="s">
        <v>32230</v>
      </c>
      <c r="D38911" s="6" t="s">
        <v>38136</v>
      </c>
      <c r="E38911" s="6" t="s">
        <v>9</v>
      </c>
      <c r="F38911" s="7">
        <v>39780</v>
      </c>
      <c r="G38911" s="8">
        <v>2556306</v>
      </c>
      <c r="H38911" s="8">
        <v>1825212</v>
      </c>
      <c r="I38911" s="8">
        <v>787332</v>
      </c>
      <c r="J38911" s="8">
        <v>1768974</v>
      </c>
      <c r="K38911" s="9"/>
      <c r="L38911" s="6"/>
    </row>
    <row r="38912" spans="1:12">
      <c r="A38912" s="6" t="s">
        <v>27487</v>
      </c>
      <c r="B38912" s="6" t="s">
        <v>38140</v>
      </c>
      <c r="C38912" s="6" t="s">
        <v>32230</v>
      </c>
      <c r="D38912" s="6" t="s">
        <v>38136</v>
      </c>
      <c r="E38912" s="6" t="s">
        <v>9</v>
      </c>
      <c r="F38912" s="7">
        <v>39401</v>
      </c>
      <c r="G38912" s="8">
        <v>2771984</v>
      </c>
      <c r="H38912" s="8">
        <v>1979205</v>
      </c>
      <c r="I38912" s="8">
        <v>853762</v>
      </c>
      <c r="J38912" s="8">
        <v>1918222</v>
      </c>
      <c r="K38912" s="9"/>
      <c r="L38912" s="6"/>
    </row>
    <row r="38913" spans="1:12">
      <c r="A38913" s="6" t="s">
        <v>27487</v>
      </c>
      <c r="B38913" s="6" t="s">
        <v>38140</v>
      </c>
      <c r="C38913" s="6" t="s">
        <v>32230</v>
      </c>
      <c r="D38913" s="6" t="s">
        <v>38136</v>
      </c>
      <c r="E38913" s="6" t="s">
        <v>9</v>
      </c>
      <c r="F38913" s="7">
        <v>39786</v>
      </c>
      <c r="G38913" s="8">
        <v>12804780</v>
      </c>
      <c r="H38913" s="8">
        <v>2509740</v>
      </c>
      <c r="I38913" s="8">
        <v>11152960</v>
      </c>
      <c r="J38913" s="8">
        <v>1651820</v>
      </c>
      <c r="K38913" s="9"/>
      <c r="L38913" s="6"/>
    </row>
    <row r="38914" spans="1:12">
      <c r="A38914" s="6" t="s">
        <v>27487</v>
      </c>
      <c r="B38914" s="6" t="s">
        <v>38140</v>
      </c>
      <c r="C38914" s="6" t="s">
        <v>32230</v>
      </c>
      <c r="D38914" s="6" t="s">
        <v>38136</v>
      </c>
      <c r="E38914" s="6" t="s">
        <v>9</v>
      </c>
      <c r="F38914" s="7">
        <v>39786</v>
      </c>
      <c r="G38914" s="8">
        <v>18527587</v>
      </c>
      <c r="H38914" s="8">
        <v>6077059</v>
      </c>
      <c r="I38914" s="8">
        <v>13488072</v>
      </c>
      <c r="J38914" s="8">
        <v>5039515</v>
      </c>
      <c r="K38914" s="9"/>
      <c r="L38914" s="6"/>
    </row>
    <row r="38915" spans="1:12">
      <c r="A38915" s="6" t="s">
        <v>27487</v>
      </c>
      <c r="B38915" s="6" t="s">
        <v>38140</v>
      </c>
      <c r="C38915" s="6" t="s">
        <v>32230</v>
      </c>
      <c r="D38915" s="6" t="s">
        <v>38136</v>
      </c>
      <c r="E38915" s="6" t="s">
        <v>9</v>
      </c>
      <c r="F38915" s="7">
        <v>39780</v>
      </c>
      <c r="G38915" s="8">
        <v>95857017</v>
      </c>
      <c r="H38915" s="8">
        <v>68441915</v>
      </c>
      <c r="I38915" s="8">
        <v>29523956</v>
      </c>
      <c r="J38915" s="8">
        <v>66333061</v>
      </c>
      <c r="K38915" s="9"/>
      <c r="L38915" s="6"/>
    </row>
    <row r="38916" spans="1:12">
      <c r="A38916" s="6" t="s">
        <v>27487</v>
      </c>
      <c r="B38916" s="6" t="s">
        <v>38141</v>
      </c>
      <c r="C38916" s="6" t="s">
        <v>32230</v>
      </c>
      <c r="D38916" s="6" t="s">
        <v>38136</v>
      </c>
      <c r="E38916" s="6" t="s">
        <v>9</v>
      </c>
      <c r="F38916" s="7">
        <v>40179</v>
      </c>
      <c r="G38916" s="8">
        <v>5100000</v>
      </c>
      <c r="H38916" s="8">
        <v>3248700</v>
      </c>
      <c r="I38916" s="8">
        <v>2019600</v>
      </c>
      <c r="J38916" s="8">
        <v>3080400</v>
      </c>
      <c r="K38916" s="9">
        <v>85</v>
      </c>
      <c r="L38916" s="6"/>
    </row>
    <row r="38917" spans="1:12">
      <c r="A38917" s="6" t="s">
        <v>27487</v>
      </c>
      <c r="B38917" s="6" t="s">
        <v>38142</v>
      </c>
      <c r="C38917" s="6" t="s">
        <v>32230</v>
      </c>
      <c r="D38917" s="6" t="s">
        <v>38136</v>
      </c>
      <c r="E38917" s="6" t="s">
        <v>9</v>
      </c>
      <c r="F38917" s="7">
        <v>40231</v>
      </c>
      <c r="G38917" s="8">
        <v>38482500</v>
      </c>
      <c r="H38917" s="8">
        <v>10120903</v>
      </c>
      <c r="I38917" s="8">
        <v>30939924</v>
      </c>
      <c r="J38917" s="8">
        <v>7542576</v>
      </c>
      <c r="K38917" s="9"/>
      <c r="L38917" s="6"/>
    </row>
    <row r="38918" spans="1:12">
      <c r="A38918" s="6" t="s">
        <v>27487</v>
      </c>
      <c r="B38918" s="6" t="s">
        <v>38142</v>
      </c>
      <c r="C38918" s="6" t="s">
        <v>32230</v>
      </c>
      <c r="D38918" s="6" t="s">
        <v>38136</v>
      </c>
      <c r="E38918" s="6" t="s">
        <v>9</v>
      </c>
      <c r="F38918" s="7">
        <v>40227</v>
      </c>
      <c r="G38918" s="8">
        <v>392801000</v>
      </c>
      <c r="H38918" s="8">
        <v>297743158</v>
      </c>
      <c r="I38918" s="8">
        <v>103699464</v>
      </c>
      <c r="J38918" s="8">
        <v>289101536</v>
      </c>
      <c r="K38918" s="9">
        <v>1310.95</v>
      </c>
      <c r="L38918" s="6"/>
    </row>
    <row r="38919" spans="1:12">
      <c r="A38919" s="6" t="s">
        <v>27487</v>
      </c>
      <c r="B38919" s="6" t="s">
        <v>38142</v>
      </c>
      <c r="C38919" s="6" t="s">
        <v>32230</v>
      </c>
      <c r="D38919" s="6" t="s">
        <v>38136</v>
      </c>
      <c r="E38919" s="6" t="s">
        <v>9</v>
      </c>
      <c r="F38919" s="7">
        <v>40231</v>
      </c>
      <c r="G38919" s="8">
        <v>8610000</v>
      </c>
      <c r="H38919" s="8">
        <v>3306240</v>
      </c>
      <c r="I38919" s="8">
        <v>5785920</v>
      </c>
      <c r="J38919" s="8">
        <v>2824080</v>
      </c>
      <c r="K38919" s="9"/>
      <c r="L38919" s="6"/>
    </row>
    <row r="38920" spans="1:12">
      <c r="A38920" s="6" t="s">
        <v>27487</v>
      </c>
      <c r="B38920" s="6" t="s">
        <v>38142</v>
      </c>
      <c r="C38920" s="6" t="s">
        <v>32230</v>
      </c>
      <c r="D38920" s="6" t="s">
        <v>38136</v>
      </c>
      <c r="E38920" s="6" t="s">
        <v>9</v>
      </c>
      <c r="F38920" s="7"/>
      <c r="G38920" s="8">
        <v>4212000</v>
      </c>
      <c r="H38920" s="8">
        <v>4026672</v>
      </c>
      <c r="I38920" s="8">
        <v>277992</v>
      </c>
      <c r="J38920" s="8">
        <v>3934008</v>
      </c>
      <c r="K38920" s="9"/>
      <c r="L38920" s="6"/>
    </row>
    <row r="38921" spans="1:12">
      <c r="A38921" s="6" t="s">
        <v>27487</v>
      </c>
      <c r="B38921" s="6" t="s">
        <v>38143</v>
      </c>
      <c r="C38921" s="6" t="s">
        <v>32230</v>
      </c>
      <c r="D38921" s="6" t="s">
        <v>38136</v>
      </c>
      <c r="E38921" s="6" t="s">
        <v>9</v>
      </c>
      <c r="F38921" s="7">
        <v>41071</v>
      </c>
      <c r="G38921" s="8">
        <v>1192200</v>
      </c>
      <c r="H38921" s="8">
        <v>553184</v>
      </c>
      <c r="I38921" s="8">
        <v>718893</v>
      </c>
      <c r="J38921" s="8">
        <v>473307</v>
      </c>
      <c r="K38921" s="9">
        <v>19.87</v>
      </c>
      <c r="L38921" s="6"/>
    </row>
    <row r="38922" spans="1:12">
      <c r="A38922" s="6" t="s">
        <v>27487</v>
      </c>
      <c r="B38922" s="6" t="s">
        <v>38144</v>
      </c>
      <c r="C38922" s="6" t="s">
        <v>32230</v>
      </c>
      <c r="D38922" s="6" t="s">
        <v>38136</v>
      </c>
      <c r="E38922" s="6" t="s">
        <v>9</v>
      </c>
      <c r="F38922" s="7">
        <v>26724</v>
      </c>
      <c r="G38922" s="8">
        <v>12960000</v>
      </c>
      <c r="H38922" s="8">
        <v>1</v>
      </c>
      <c r="I38922" s="8">
        <v>12959999</v>
      </c>
      <c r="J38922" s="8">
        <v>1</v>
      </c>
      <c r="K38922" s="9">
        <v>96</v>
      </c>
      <c r="L38922" s="6"/>
    </row>
    <row r="38923" spans="1:12">
      <c r="A38923" s="6" t="s">
        <v>27487</v>
      </c>
      <c r="B38923" s="6" t="s">
        <v>38144</v>
      </c>
      <c r="C38923" s="6" t="s">
        <v>32230</v>
      </c>
      <c r="D38923" s="6" t="s">
        <v>38136</v>
      </c>
      <c r="E38923" s="6" t="s">
        <v>9</v>
      </c>
      <c r="F38923" s="7">
        <v>39780</v>
      </c>
      <c r="G38923" s="8">
        <v>150463</v>
      </c>
      <c r="H38923" s="8">
        <v>107433</v>
      </c>
      <c r="I38923" s="8">
        <v>46340</v>
      </c>
      <c r="J38923" s="8">
        <v>104123</v>
      </c>
      <c r="K38923" s="9"/>
      <c r="L38923" s="6"/>
    </row>
    <row r="38924" spans="1:12">
      <c r="A38924" s="6" t="s">
        <v>27487</v>
      </c>
      <c r="B38924" s="6" t="s">
        <v>38144</v>
      </c>
      <c r="C38924" s="6" t="s">
        <v>32230</v>
      </c>
      <c r="D38924" s="6" t="s">
        <v>38136</v>
      </c>
      <c r="E38924" s="6" t="s">
        <v>9</v>
      </c>
      <c r="F38924" s="7">
        <v>39401</v>
      </c>
      <c r="G38924" s="8">
        <v>163157</v>
      </c>
      <c r="H38924" s="8">
        <v>116500</v>
      </c>
      <c r="I38924" s="8">
        <v>50246</v>
      </c>
      <c r="J38924" s="8">
        <v>112911</v>
      </c>
      <c r="K38924" s="9"/>
      <c r="L38924" s="6"/>
    </row>
    <row r="38925" spans="1:12">
      <c r="A38925" s="6" t="s">
        <v>27487</v>
      </c>
      <c r="B38925" s="6" t="s">
        <v>38144</v>
      </c>
      <c r="C38925" s="6" t="s">
        <v>32230</v>
      </c>
      <c r="D38925" s="6" t="s">
        <v>38136</v>
      </c>
      <c r="E38925" s="6" t="s">
        <v>9</v>
      </c>
      <c r="F38925" s="7">
        <v>39786</v>
      </c>
      <c r="G38925" s="8">
        <v>753684</v>
      </c>
      <c r="H38925" s="8">
        <v>147732</v>
      </c>
      <c r="I38925" s="8">
        <v>656448</v>
      </c>
      <c r="J38925" s="8">
        <v>97236</v>
      </c>
      <c r="K38925" s="9"/>
      <c r="L38925" s="6"/>
    </row>
    <row r="38926" spans="1:12">
      <c r="A38926" s="6" t="s">
        <v>27487</v>
      </c>
      <c r="B38926" s="6" t="s">
        <v>38144</v>
      </c>
      <c r="C38926" s="6" t="s">
        <v>32230</v>
      </c>
      <c r="D38926" s="6" t="s">
        <v>38136</v>
      </c>
      <c r="E38926" s="6" t="s">
        <v>9</v>
      </c>
      <c r="F38926" s="7">
        <v>39786</v>
      </c>
      <c r="G38926" s="8">
        <v>1090526</v>
      </c>
      <c r="H38926" s="8">
        <v>357698</v>
      </c>
      <c r="I38926" s="8">
        <v>793897</v>
      </c>
      <c r="J38926" s="8">
        <v>296629</v>
      </c>
      <c r="K38926" s="9"/>
      <c r="L38926" s="6"/>
    </row>
    <row r="38927" spans="1:12">
      <c r="A38927" s="6" t="s">
        <v>27487</v>
      </c>
      <c r="B38927" s="6" t="s">
        <v>38144</v>
      </c>
      <c r="C38927" s="6" t="s">
        <v>32230</v>
      </c>
      <c r="D38927" s="6" t="s">
        <v>38136</v>
      </c>
      <c r="E38927" s="6" t="s">
        <v>9</v>
      </c>
      <c r="F38927" s="7">
        <v>39780</v>
      </c>
      <c r="G38927" s="8">
        <v>5642105</v>
      </c>
      <c r="H38927" s="8">
        <v>4028467</v>
      </c>
      <c r="I38927" s="8">
        <v>1737764</v>
      </c>
      <c r="J38927" s="8">
        <v>3904341</v>
      </c>
      <c r="K38927" s="9"/>
      <c r="L38927" s="6"/>
    </row>
    <row r="38928" spans="1:12">
      <c r="A38928" s="6" t="s">
        <v>27487</v>
      </c>
      <c r="B38928" s="6" t="s">
        <v>38145</v>
      </c>
      <c r="C38928" s="6" t="s">
        <v>32230</v>
      </c>
      <c r="D38928" s="6" t="s">
        <v>38136</v>
      </c>
      <c r="E38928" s="6" t="s">
        <v>9</v>
      </c>
      <c r="F38928" s="7">
        <v>27089</v>
      </c>
      <c r="G38928" s="8">
        <v>236655000</v>
      </c>
      <c r="H38928" s="8">
        <v>1</v>
      </c>
      <c r="I38928" s="8">
        <v>236654999</v>
      </c>
      <c r="J38928" s="8">
        <v>1</v>
      </c>
      <c r="K38928" s="9">
        <v>1753</v>
      </c>
      <c r="L38928" s="6"/>
    </row>
    <row r="38929" spans="1:12">
      <c r="A38929" s="6" t="s">
        <v>27487</v>
      </c>
      <c r="B38929" s="6" t="s">
        <v>38145</v>
      </c>
      <c r="C38929" s="6" t="s">
        <v>32230</v>
      </c>
      <c r="D38929" s="6" t="s">
        <v>38136</v>
      </c>
      <c r="E38929" s="6" t="s">
        <v>9</v>
      </c>
      <c r="F38929" s="7">
        <v>39780</v>
      </c>
      <c r="G38929" s="8">
        <v>2747519</v>
      </c>
      <c r="H38929" s="8">
        <v>1961734</v>
      </c>
      <c r="I38929" s="8">
        <v>846230</v>
      </c>
      <c r="J38929" s="8">
        <v>1901289</v>
      </c>
      <c r="K38929" s="9"/>
      <c r="L38929" s="6"/>
    </row>
    <row r="38930" spans="1:12">
      <c r="A38930" s="6" t="s">
        <v>27487</v>
      </c>
      <c r="B38930" s="6" t="s">
        <v>38145</v>
      </c>
      <c r="C38930" s="6" t="s">
        <v>32230</v>
      </c>
      <c r="D38930" s="6" t="s">
        <v>38136</v>
      </c>
      <c r="E38930" s="6" t="s">
        <v>9</v>
      </c>
      <c r="F38930" s="7">
        <v>43784</v>
      </c>
      <c r="G38930" s="8">
        <v>216000</v>
      </c>
      <c r="H38930" s="8">
        <v>201528</v>
      </c>
      <c r="I38930" s="8">
        <v>28944</v>
      </c>
      <c r="J38930" s="8">
        <v>187056</v>
      </c>
      <c r="K38930" s="9"/>
      <c r="L38930" s="6"/>
    </row>
    <row r="38931" spans="1:12">
      <c r="A38931" s="6" t="s">
        <v>27487</v>
      </c>
      <c r="B38931" s="6" t="s">
        <v>38145</v>
      </c>
      <c r="C38931" s="6" t="s">
        <v>32230</v>
      </c>
      <c r="D38931" s="6" t="s">
        <v>38136</v>
      </c>
      <c r="E38931" s="6" t="s">
        <v>9</v>
      </c>
      <c r="F38931" s="7">
        <v>39401</v>
      </c>
      <c r="G38931" s="8">
        <v>2979331</v>
      </c>
      <c r="H38931" s="8">
        <v>2127246</v>
      </c>
      <c r="I38931" s="8">
        <v>917630</v>
      </c>
      <c r="J38931" s="8">
        <v>2061701</v>
      </c>
      <c r="K38931" s="9"/>
      <c r="L38931" s="6"/>
    </row>
    <row r="38932" spans="1:12">
      <c r="A38932" s="6" t="s">
        <v>27487</v>
      </c>
      <c r="B38932" s="6" t="s">
        <v>38145</v>
      </c>
      <c r="C38932" s="6" t="s">
        <v>32230</v>
      </c>
      <c r="D38932" s="6" t="s">
        <v>38136</v>
      </c>
      <c r="E38932" s="6" t="s">
        <v>9</v>
      </c>
      <c r="F38932" s="7">
        <v>39786</v>
      </c>
      <c r="G38932" s="8">
        <v>13762587</v>
      </c>
      <c r="H38932" s="8">
        <v>2697471</v>
      </c>
      <c r="I38932" s="8">
        <v>11987209</v>
      </c>
      <c r="J38932" s="8">
        <v>1775378</v>
      </c>
      <c r="K38932" s="9"/>
      <c r="L38932" s="6"/>
    </row>
    <row r="38933" spans="1:12">
      <c r="A38933" s="6" t="s">
        <v>27487</v>
      </c>
      <c r="B38933" s="6" t="s">
        <v>38145</v>
      </c>
      <c r="C38933" s="6" t="s">
        <v>32230</v>
      </c>
      <c r="D38933" s="6" t="s">
        <v>38136</v>
      </c>
      <c r="E38933" s="6" t="s">
        <v>9</v>
      </c>
      <c r="F38933" s="7">
        <v>39786</v>
      </c>
      <c r="G38933" s="8">
        <v>19913464</v>
      </c>
      <c r="H38933" s="8">
        <v>6531628</v>
      </c>
      <c r="I38933" s="8">
        <v>14496989</v>
      </c>
      <c r="J38933" s="8">
        <v>5416475</v>
      </c>
      <c r="K38933" s="9"/>
      <c r="L38933" s="6"/>
    </row>
    <row r="38934" spans="1:12">
      <c r="A38934" s="6" t="s">
        <v>27487</v>
      </c>
      <c r="B38934" s="6" t="s">
        <v>38145</v>
      </c>
      <c r="C38934" s="6" t="s">
        <v>32230</v>
      </c>
      <c r="D38934" s="6" t="s">
        <v>38136</v>
      </c>
      <c r="E38934" s="6" t="s">
        <v>9</v>
      </c>
      <c r="F38934" s="7">
        <v>39780</v>
      </c>
      <c r="G38934" s="8">
        <v>103027192</v>
      </c>
      <c r="H38934" s="8">
        <v>73561418</v>
      </c>
      <c r="I38934" s="8">
        <v>31732372</v>
      </c>
      <c r="J38934" s="8">
        <v>71294820</v>
      </c>
      <c r="K38934" s="9"/>
      <c r="L38934" s="6"/>
    </row>
    <row r="38935" spans="1:12">
      <c r="A38935" s="6" t="s">
        <v>27576</v>
      </c>
      <c r="B38935" s="6" t="s">
        <v>38146</v>
      </c>
      <c r="C38935" s="6" t="s">
        <v>32230</v>
      </c>
      <c r="D38935" s="6" t="s">
        <v>38147</v>
      </c>
      <c r="E38935" s="6" t="s">
        <v>9</v>
      </c>
      <c r="F38935" s="7">
        <v>28672</v>
      </c>
      <c r="G38935" s="8">
        <v>2400000</v>
      </c>
      <c r="H38935" s="8">
        <v>1</v>
      </c>
      <c r="I38935" s="8">
        <v>2399999</v>
      </c>
      <c r="J38935" s="8">
        <v>1</v>
      </c>
      <c r="K38935" s="9">
        <v>40</v>
      </c>
      <c r="L38935" s="6"/>
    </row>
    <row r="38936" spans="1:12">
      <c r="A38936" s="6" t="s">
        <v>27576</v>
      </c>
      <c r="B38936" s="6" t="s">
        <v>38148</v>
      </c>
      <c r="C38936" s="6" t="s">
        <v>32230</v>
      </c>
      <c r="D38936" s="6" t="s">
        <v>38147</v>
      </c>
      <c r="E38936" s="6" t="s">
        <v>9</v>
      </c>
      <c r="F38936" s="7">
        <v>40280</v>
      </c>
      <c r="G38936" s="8">
        <v>6615000</v>
      </c>
      <c r="H38936" s="8">
        <v>1</v>
      </c>
      <c r="I38936" s="8">
        <v>6614999</v>
      </c>
      <c r="J38936" s="8">
        <v>1</v>
      </c>
      <c r="K38936" s="9"/>
      <c r="L38936" s="6"/>
    </row>
    <row r="38937" spans="1:12">
      <c r="A38937" s="6" t="s">
        <v>27576</v>
      </c>
      <c r="B38937" s="6" t="s">
        <v>38148</v>
      </c>
      <c r="C38937" s="6" t="s">
        <v>32230</v>
      </c>
      <c r="D38937" s="6" t="s">
        <v>38147</v>
      </c>
      <c r="E38937" s="6" t="s">
        <v>9</v>
      </c>
      <c r="F38937" s="7">
        <v>41621</v>
      </c>
      <c r="G38937" s="8">
        <v>127398318</v>
      </c>
      <c r="H38937" s="8">
        <v>104976222</v>
      </c>
      <c r="I38937" s="8">
        <v>25224858</v>
      </c>
      <c r="J38937" s="8">
        <v>102173460</v>
      </c>
      <c r="K38937" s="9"/>
      <c r="L38937" s="6"/>
    </row>
    <row r="38938" spans="1:12">
      <c r="A38938" s="6" t="s">
        <v>27576</v>
      </c>
      <c r="B38938" s="6" t="s">
        <v>38148</v>
      </c>
      <c r="C38938" s="6" t="s">
        <v>32230</v>
      </c>
      <c r="D38938" s="6" t="s">
        <v>38147</v>
      </c>
      <c r="E38938" s="6" t="s">
        <v>9</v>
      </c>
      <c r="F38938" s="7">
        <v>40991</v>
      </c>
      <c r="G38938" s="8">
        <v>13517794</v>
      </c>
      <c r="H38938" s="8">
        <v>10841275</v>
      </c>
      <c r="I38938" s="8">
        <v>2973910</v>
      </c>
      <c r="J38938" s="8">
        <v>10543884</v>
      </c>
      <c r="K38938" s="9"/>
      <c r="L38938" s="6"/>
    </row>
    <row r="38939" spans="1:12">
      <c r="A38939" s="6" t="s">
        <v>27576</v>
      </c>
      <c r="B38939" s="6" t="s">
        <v>38148</v>
      </c>
      <c r="C38939" s="6" t="s">
        <v>32230</v>
      </c>
      <c r="D38939" s="6" t="s">
        <v>38147</v>
      </c>
      <c r="E38939" s="6" t="s">
        <v>9</v>
      </c>
      <c r="F38939" s="7">
        <v>41229</v>
      </c>
      <c r="G38939" s="8">
        <v>137274585</v>
      </c>
      <c r="H38939" s="8">
        <v>110094225</v>
      </c>
      <c r="I38939" s="8">
        <v>30200400</v>
      </c>
      <c r="J38939" s="8">
        <v>107074185</v>
      </c>
      <c r="K38939" s="9"/>
      <c r="L38939" s="6"/>
    </row>
    <row r="38940" spans="1:12">
      <c r="A38940" s="6" t="s">
        <v>27576</v>
      </c>
      <c r="B38940" s="6" t="s">
        <v>38148</v>
      </c>
      <c r="C38940" s="6" t="s">
        <v>32230</v>
      </c>
      <c r="D38940" s="6" t="s">
        <v>38147</v>
      </c>
      <c r="E38940" s="6" t="s">
        <v>9</v>
      </c>
      <c r="F38940" s="7">
        <v>41628</v>
      </c>
      <c r="G38940" s="8">
        <v>21352598</v>
      </c>
      <c r="H38940" s="8">
        <v>11338230</v>
      </c>
      <c r="I38940" s="8">
        <v>11444992</v>
      </c>
      <c r="J38940" s="8">
        <v>9907606</v>
      </c>
      <c r="K38940" s="9"/>
      <c r="L38940" s="6"/>
    </row>
    <row r="38941" spans="1:12">
      <c r="A38941" s="6" t="s">
        <v>27576</v>
      </c>
      <c r="B38941" s="6" t="s">
        <v>38148</v>
      </c>
      <c r="C38941" s="6" t="s">
        <v>32230</v>
      </c>
      <c r="D38941" s="6" t="s">
        <v>38147</v>
      </c>
      <c r="E38941" s="6" t="s">
        <v>9</v>
      </c>
      <c r="F38941" s="7">
        <v>41239</v>
      </c>
      <c r="G38941" s="8">
        <v>26963862</v>
      </c>
      <c r="H38941" s="8">
        <v>12511238</v>
      </c>
      <c r="I38941" s="8">
        <v>16259202</v>
      </c>
      <c r="J38941" s="8">
        <v>10704660</v>
      </c>
      <c r="K38941" s="9"/>
      <c r="L38941" s="6"/>
    </row>
    <row r="38942" spans="1:12">
      <c r="A38942" s="6" t="s">
        <v>27576</v>
      </c>
      <c r="B38942" s="6" t="s">
        <v>38148</v>
      </c>
      <c r="C38942" s="6" t="s">
        <v>32230</v>
      </c>
      <c r="D38942" s="6" t="s">
        <v>38147</v>
      </c>
      <c r="E38942" s="6" t="s">
        <v>9</v>
      </c>
      <c r="F38942" s="7">
        <v>41239</v>
      </c>
      <c r="G38942" s="8">
        <v>23162327</v>
      </c>
      <c r="H38942" s="8">
        <v>12785607</v>
      </c>
      <c r="I38942" s="8">
        <v>11673810</v>
      </c>
      <c r="J38942" s="8">
        <v>11488517</v>
      </c>
      <c r="K38942" s="9"/>
      <c r="L38942" s="6"/>
    </row>
    <row r="38943" spans="1:12">
      <c r="A38943" s="6" t="s">
        <v>27576</v>
      </c>
      <c r="B38943" s="6" t="s">
        <v>38148</v>
      </c>
      <c r="C38943" s="6" t="s">
        <v>32230</v>
      </c>
      <c r="D38943" s="6" t="s">
        <v>38147</v>
      </c>
      <c r="E38943" s="6" t="s">
        <v>9</v>
      </c>
      <c r="F38943" s="7">
        <v>41628</v>
      </c>
      <c r="G38943" s="8">
        <v>24812050</v>
      </c>
      <c r="H38943" s="8">
        <v>15085732</v>
      </c>
      <c r="I38943" s="8">
        <v>11115792</v>
      </c>
      <c r="J38943" s="8">
        <v>13696258</v>
      </c>
      <c r="K38943" s="9"/>
      <c r="L38943" s="6"/>
    </row>
    <row r="38944" spans="1:12">
      <c r="A38944" s="6" t="s">
        <v>27576</v>
      </c>
      <c r="B38944" s="6" t="s">
        <v>38148</v>
      </c>
      <c r="C38944" s="6" t="s">
        <v>32230</v>
      </c>
      <c r="D38944" s="6" t="s">
        <v>38147</v>
      </c>
      <c r="E38944" s="6" t="s">
        <v>9</v>
      </c>
      <c r="F38944" s="7">
        <v>41621</v>
      </c>
      <c r="G38944" s="8">
        <v>2891152</v>
      </c>
      <c r="H38944" s="8">
        <v>2445917</v>
      </c>
      <c r="I38944" s="8">
        <v>508840</v>
      </c>
      <c r="J38944" s="8">
        <v>2382312</v>
      </c>
      <c r="K38944" s="9"/>
      <c r="L38944" s="6"/>
    </row>
    <row r="38945" spans="1:12">
      <c r="A38945" s="6" t="s">
        <v>27576</v>
      </c>
      <c r="B38945" s="6" t="s">
        <v>38148</v>
      </c>
      <c r="C38945" s="6" t="s">
        <v>32230</v>
      </c>
      <c r="D38945" s="6" t="s">
        <v>38147</v>
      </c>
      <c r="E38945" s="6" t="s">
        <v>9</v>
      </c>
      <c r="F38945" s="7">
        <v>41242</v>
      </c>
      <c r="G38945" s="8">
        <v>3636010</v>
      </c>
      <c r="H38945" s="8">
        <v>2996074</v>
      </c>
      <c r="I38945" s="8">
        <v>719928</v>
      </c>
      <c r="J38945" s="8">
        <v>2916082</v>
      </c>
      <c r="K38945" s="9"/>
      <c r="L38945" s="6"/>
    </row>
    <row r="38946" spans="1:12">
      <c r="A38946" s="6" t="s">
        <v>27576</v>
      </c>
      <c r="B38946" s="6" t="s">
        <v>38148</v>
      </c>
      <c r="C38946" s="6" t="s">
        <v>32230</v>
      </c>
      <c r="D38946" s="6" t="s">
        <v>38147</v>
      </c>
      <c r="E38946" s="6" t="s">
        <v>9</v>
      </c>
      <c r="F38946" s="7">
        <v>43555</v>
      </c>
      <c r="G38946" s="8">
        <v>3787200</v>
      </c>
      <c r="H38946" s="8">
        <v>3279716</v>
      </c>
      <c r="I38946" s="8">
        <v>761226</v>
      </c>
      <c r="J38946" s="8">
        <v>3025974</v>
      </c>
      <c r="K38946" s="9"/>
      <c r="L38946" s="6"/>
    </row>
    <row r="38947" spans="1:12">
      <c r="A38947" s="6" t="s">
        <v>27576</v>
      </c>
      <c r="B38947" s="6" t="s">
        <v>38148</v>
      </c>
      <c r="C38947" s="6" t="s">
        <v>32230</v>
      </c>
      <c r="D38947" s="6" t="s">
        <v>38147</v>
      </c>
      <c r="E38947" s="6" t="s">
        <v>9</v>
      </c>
      <c r="F38947" s="7">
        <v>29434</v>
      </c>
      <c r="G38947" s="8">
        <v>292410000</v>
      </c>
      <c r="H38947" s="8">
        <v>35089200</v>
      </c>
      <c r="I38947" s="8">
        <v>263753820</v>
      </c>
      <c r="J38947" s="8">
        <v>28656180</v>
      </c>
      <c r="K38947" s="9">
        <v>2166</v>
      </c>
      <c r="L38947" s="6"/>
    </row>
    <row r="38948" spans="1:12">
      <c r="A38948" s="6" t="s">
        <v>27576</v>
      </c>
      <c r="B38948" s="6" t="s">
        <v>38148</v>
      </c>
      <c r="C38948" s="6" t="s">
        <v>32230</v>
      </c>
      <c r="D38948" s="6" t="s">
        <v>38147</v>
      </c>
      <c r="E38948" s="6" t="s">
        <v>9</v>
      </c>
      <c r="F38948" s="7">
        <v>41229</v>
      </c>
      <c r="G38948" s="8">
        <v>662096</v>
      </c>
      <c r="H38948" s="8">
        <v>545568</v>
      </c>
      <c r="I38948" s="8">
        <v>131094</v>
      </c>
      <c r="J38948" s="8">
        <v>531002</v>
      </c>
      <c r="K38948" s="9"/>
      <c r="L38948" s="6"/>
    </row>
    <row r="38949" spans="1:12">
      <c r="A38949" s="6" t="s">
        <v>27576</v>
      </c>
      <c r="B38949" s="6" t="s">
        <v>38149</v>
      </c>
      <c r="C38949" s="6" t="s">
        <v>32230</v>
      </c>
      <c r="D38949" s="6" t="s">
        <v>38147</v>
      </c>
      <c r="E38949" s="6" t="s">
        <v>9</v>
      </c>
      <c r="F38949" s="7">
        <v>41621</v>
      </c>
      <c r="G38949" s="8">
        <v>1693847</v>
      </c>
      <c r="H38949" s="8">
        <v>1432999</v>
      </c>
      <c r="I38949" s="8">
        <v>298112</v>
      </c>
      <c r="J38949" s="8">
        <v>1395735</v>
      </c>
      <c r="K38949" s="9"/>
      <c r="L38949" s="6"/>
    </row>
    <row r="38950" spans="1:12">
      <c r="A38950" s="6" t="s">
        <v>27576</v>
      </c>
      <c r="B38950" s="6" t="s">
        <v>38149</v>
      </c>
      <c r="C38950" s="6" t="s">
        <v>32230</v>
      </c>
      <c r="D38950" s="6" t="s">
        <v>38147</v>
      </c>
      <c r="E38950" s="6" t="s">
        <v>9</v>
      </c>
      <c r="F38950" s="7">
        <v>41242</v>
      </c>
      <c r="G38950" s="8">
        <v>2130239</v>
      </c>
      <c r="H38950" s="8">
        <v>1755319</v>
      </c>
      <c r="I38950" s="8">
        <v>421785</v>
      </c>
      <c r="J38950" s="8">
        <v>1708454</v>
      </c>
      <c r="K38950" s="9"/>
      <c r="L38950" s="6"/>
    </row>
    <row r="38951" spans="1:12">
      <c r="A38951" s="6" t="s">
        <v>27576</v>
      </c>
      <c r="B38951" s="6" t="s">
        <v>38149</v>
      </c>
      <c r="C38951" s="6" t="s">
        <v>32230</v>
      </c>
      <c r="D38951" s="6" t="s">
        <v>38147</v>
      </c>
      <c r="E38951" s="6" t="s">
        <v>9</v>
      </c>
      <c r="F38951" s="7">
        <v>29768</v>
      </c>
      <c r="G38951" s="8">
        <v>171315000</v>
      </c>
      <c r="H38951" s="8">
        <v>24326730</v>
      </c>
      <c r="I38951" s="8">
        <v>150757200</v>
      </c>
      <c r="J38951" s="8">
        <v>20557800</v>
      </c>
      <c r="K38951" s="9">
        <v>1269</v>
      </c>
      <c r="L38951" s="6"/>
    </row>
    <row r="38952" spans="1:12">
      <c r="A38952" s="6" t="s">
        <v>27576</v>
      </c>
      <c r="B38952" s="6" t="s">
        <v>38149</v>
      </c>
      <c r="C38952" s="6" t="s">
        <v>32230</v>
      </c>
      <c r="D38952" s="6" t="s">
        <v>38147</v>
      </c>
      <c r="E38952" s="6" t="s">
        <v>9</v>
      </c>
      <c r="F38952" s="7">
        <v>41229</v>
      </c>
      <c r="G38952" s="8">
        <v>387903</v>
      </c>
      <c r="H38952" s="8">
        <v>319639</v>
      </c>
      <c r="I38952" s="8">
        <v>76797</v>
      </c>
      <c r="J38952" s="8">
        <v>311106</v>
      </c>
      <c r="K38952" s="9"/>
      <c r="L38952" s="6"/>
    </row>
    <row r="38953" spans="1:12">
      <c r="A38953" s="6" t="s">
        <v>27576</v>
      </c>
      <c r="B38953" s="6" t="s">
        <v>38149</v>
      </c>
      <c r="C38953" s="6" t="s">
        <v>32230</v>
      </c>
      <c r="D38953" s="6" t="s">
        <v>38147</v>
      </c>
      <c r="E38953" s="6" t="s">
        <v>9</v>
      </c>
      <c r="F38953" s="7">
        <v>41621</v>
      </c>
      <c r="G38953" s="8">
        <v>74639181</v>
      </c>
      <c r="H38953" s="8">
        <v>61502693</v>
      </c>
      <c r="I38953" s="8">
        <v>14778549</v>
      </c>
      <c r="J38953" s="8">
        <v>59860632</v>
      </c>
      <c r="K38953" s="9"/>
      <c r="L38953" s="6"/>
    </row>
    <row r="38954" spans="1:12">
      <c r="A38954" s="6" t="s">
        <v>27576</v>
      </c>
      <c r="B38954" s="6" t="s">
        <v>38149</v>
      </c>
      <c r="C38954" s="6" t="s">
        <v>32230</v>
      </c>
      <c r="D38954" s="6" t="s">
        <v>38147</v>
      </c>
      <c r="E38954" s="6" t="s">
        <v>9</v>
      </c>
      <c r="F38954" s="7">
        <v>40991</v>
      </c>
      <c r="G38954" s="8">
        <v>7919705</v>
      </c>
      <c r="H38954" s="8">
        <v>6351608</v>
      </c>
      <c r="I38954" s="8">
        <v>1742330</v>
      </c>
      <c r="J38954" s="8">
        <v>6177375</v>
      </c>
      <c r="K38954" s="9"/>
      <c r="L38954" s="6"/>
    </row>
    <row r="38955" spans="1:12">
      <c r="A38955" s="6" t="s">
        <v>27576</v>
      </c>
      <c r="B38955" s="6" t="s">
        <v>38149</v>
      </c>
      <c r="C38955" s="6" t="s">
        <v>32230</v>
      </c>
      <c r="D38955" s="6" t="s">
        <v>38147</v>
      </c>
      <c r="E38955" s="6" t="s">
        <v>9</v>
      </c>
      <c r="F38955" s="7">
        <v>41229</v>
      </c>
      <c r="G38955" s="8">
        <v>80425414</v>
      </c>
      <c r="H38955" s="8">
        <v>64501183</v>
      </c>
      <c r="I38955" s="8">
        <v>17693590</v>
      </c>
      <c r="J38955" s="8">
        <v>62731824</v>
      </c>
      <c r="K38955" s="9"/>
      <c r="L38955" s="6"/>
    </row>
    <row r="38956" spans="1:12">
      <c r="A38956" s="6" t="s">
        <v>27576</v>
      </c>
      <c r="B38956" s="6" t="s">
        <v>38149</v>
      </c>
      <c r="C38956" s="6" t="s">
        <v>32230</v>
      </c>
      <c r="D38956" s="6" t="s">
        <v>38147</v>
      </c>
      <c r="E38956" s="6" t="s">
        <v>9</v>
      </c>
      <c r="F38956" s="7">
        <v>41628</v>
      </c>
      <c r="G38956" s="8">
        <v>12509901</v>
      </c>
      <c r="H38956" s="8">
        <v>6642760</v>
      </c>
      <c r="I38956" s="8">
        <v>6705304</v>
      </c>
      <c r="J38956" s="8">
        <v>5804597</v>
      </c>
      <c r="K38956" s="9"/>
      <c r="L38956" s="6"/>
    </row>
    <row r="38957" spans="1:12">
      <c r="A38957" s="6" t="s">
        <v>27576</v>
      </c>
      <c r="B38957" s="6" t="s">
        <v>38149</v>
      </c>
      <c r="C38957" s="6" t="s">
        <v>32230</v>
      </c>
      <c r="D38957" s="6" t="s">
        <v>38147</v>
      </c>
      <c r="E38957" s="6" t="s">
        <v>9</v>
      </c>
      <c r="F38957" s="7">
        <v>41239</v>
      </c>
      <c r="G38957" s="8">
        <v>15797387</v>
      </c>
      <c r="H38957" s="8">
        <v>7329995</v>
      </c>
      <c r="I38957" s="8">
        <v>9525816</v>
      </c>
      <c r="J38957" s="8">
        <v>6271571</v>
      </c>
      <c r="K38957" s="9"/>
      <c r="L38957" s="6"/>
    </row>
    <row r="38958" spans="1:12">
      <c r="A38958" s="6" t="s">
        <v>27576</v>
      </c>
      <c r="B38958" s="6" t="s">
        <v>38149</v>
      </c>
      <c r="C38958" s="6" t="s">
        <v>32230</v>
      </c>
      <c r="D38958" s="6" t="s">
        <v>38147</v>
      </c>
      <c r="E38958" s="6" t="s">
        <v>9</v>
      </c>
      <c r="F38958" s="7">
        <v>41239</v>
      </c>
      <c r="G38958" s="8">
        <v>13570172</v>
      </c>
      <c r="H38958" s="8">
        <v>7490740</v>
      </c>
      <c r="I38958" s="8">
        <v>6839361</v>
      </c>
      <c r="J38958" s="8">
        <v>6730811</v>
      </c>
      <c r="K38958" s="9"/>
      <c r="L38958" s="6"/>
    </row>
    <row r="38959" spans="1:12">
      <c r="A38959" s="6" t="s">
        <v>27576</v>
      </c>
      <c r="B38959" s="6" t="s">
        <v>38149</v>
      </c>
      <c r="C38959" s="6" t="s">
        <v>32230</v>
      </c>
      <c r="D38959" s="6" t="s">
        <v>38147</v>
      </c>
      <c r="E38959" s="6" t="s">
        <v>9</v>
      </c>
      <c r="F38959" s="7">
        <v>41628</v>
      </c>
      <c r="G38959" s="8">
        <v>14536699</v>
      </c>
      <c r="H38959" s="8">
        <v>8838314</v>
      </c>
      <c r="I38959" s="8">
        <v>6512440</v>
      </c>
      <c r="J38959" s="8">
        <v>8024259</v>
      </c>
      <c r="K38959" s="9"/>
      <c r="L38959" s="6"/>
    </row>
    <row r="38960" spans="1:12">
      <c r="A38960" s="6" t="s">
        <v>27576</v>
      </c>
      <c r="B38960" s="6" t="s">
        <v>38150</v>
      </c>
      <c r="C38960" s="6" t="s">
        <v>32230</v>
      </c>
      <c r="D38960" s="6" t="s">
        <v>38147</v>
      </c>
      <c r="E38960" s="6" t="s">
        <v>9</v>
      </c>
      <c r="F38960" s="7">
        <v>29768</v>
      </c>
      <c r="G38960" s="8">
        <v>59280000</v>
      </c>
      <c r="H38960" s="8">
        <v>1</v>
      </c>
      <c r="I38960" s="8">
        <v>59279999</v>
      </c>
      <c r="J38960" s="8">
        <v>1</v>
      </c>
      <c r="K38960" s="9">
        <v>741</v>
      </c>
      <c r="L38960" s="6"/>
    </row>
    <row r="38961" spans="1:12">
      <c r="A38961" s="6" t="s">
        <v>27576</v>
      </c>
      <c r="B38961" s="6" t="s">
        <v>38150</v>
      </c>
      <c r="C38961" s="6" t="s">
        <v>32230</v>
      </c>
      <c r="D38961" s="6" t="s">
        <v>38147</v>
      </c>
      <c r="E38961" s="6" t="s">
        <v>9</v>
      </c>
      <c r="F38961" s="7">
        <v>41932</v>
      </c>
      <c r="G38961" s="8">
        <v>140076000</v>
      </c>
      <c r="H38961" s="8">
        <v>110660040</v>
      </c>
      <c r="I38961" s="8">
        <v>33618240</v>
      </c>
      <c r="J38961" s="8">
        <v>106457760</v>
      </c>
      <c r="K38961" s="9"/>
      <c r="L38961" s="6"/>
    </row>
    <row r="38962" spans="1:12">
      <c r="A38962" s="6" t="s">
        <v>27576</v>
      </c>
      <c r="B38962" s="6" t="s">
        <v>38150</v>
      </c>
      <c r="C38962" s="6" t="s">
        <v>32230</v>
      </c>
      <c r="D38962" s="6" t="s">
        <v>38147</v>
      </c>
      <c r="E38962" s="6" t="s">
        <v>9</v>
      </c>
      <c r="F38962" s="7">
        <v>41943</v>
      </c>
      <c r="G38962" s="8">
        <v>20520000</v>
      </c>
      <c r="H38962" s="8">
        <v>12270960</v>
      </c>
      <c r="I38962" s="8">
        <v>9623880</v>
      </c>
      <c r="J38962" s="8">
        <v>10896120</v>
      </c>
      <c r="K38962" s="9"/>
      <c r="L38962" s="6"/>
    </row>
    <row r="38963" spans="1:12">
      <c r="A38963" s="6" t="s">
        <v>27576</v>
      </c>
      <c r="B38963" s="6" t="s">
        <v>38150</v>
      </c>
      <c r="C38963" s="6" t="s">
        <v>32230</v>
      </c>
      <c r="D38963" s="6" t="s">
        <v>38147</v>
      </c>
      <c r="E38963" s="6" t="s">
        <v>9</v>
      </c>
      <c r="F38963" s="7">
        <v>41943</v>
      </c>
      <c r="G38963" s="8">
        <v>4503600</v>
      </c>
      <c r="H38963" s="8">
        <v>2990394</v>
      </c>
      <c r="I38963" s="8">
        <v>1765407</v>
      </c>
      <c r="J38963" s="8">
        <v>2738193</v>
      </c>
      <c r="K38963" s="9"/>
      <c r="L38963" s="6"/>
    </row>
    <row r="38964" spans="1:12">
      <c r="A38964" s="6" t="s">
        <v>27576</v>
      </c>
      <c r="B38964" s="6" t="s">
        <v>38150</v>
      </c>
      <c r="C38964" s="6" t="s">
        <v>32230</v>
      </c>
      <c r="D38964" s="6" t="s">
        <v>38147</v>
      </c>
      <c r="E38964" s="6" t="s">
        <v>9</v>
      </c>
      <c r="F38964" s="7">
        <v>41947</v>
      </c>
      <c r="G38964" s="8">
        <v>3963600</v>
      </c>
      <c r="H38964" s="8">
        <v>3131244</v>
      </c>
      <c r="I38964" s="8">
        <v>951264</v>
      </c>
      <c r="J38964" s="8">
        <v>3012336</v>
      </c>
      <c r="K38964" s="9"/>
      <c r="L38964" s="6"/>
    </row>
    <row r="38965" spans="1:12">
      <c r="A38965" s="6" t="s">
        <v>27576</v>
      </c>
      <c r="B38965" s="6" t="s">
        <v>38150</v>
      </c>
      <c r="C38965" s="6" t="s">
        <v>32230</v>
      </c>
      <c r="D38965" s="6" t="s">
        <v>38147</v>
      </c>
      <c r="E38965" s="6" t="s">
        <v>9</v>
      </c>
      <c r="F38965" s="7">
        <v>41964</v>
      </c>
      <c r="G38965" s="8">
        <v>777600</v>
      </c>
      <c r="H38965" s="8">
        <v>637632</v>
      </c>
      <c r="I38965" s="8">
        <v>163296</v>
      </c>
      <c r="J38965" s="8">
        <v>614304</v>
      </c>
      <c r="K38965" s="9"/>
      <c r="L38965" s="6"/>
    </row>
    <row r="38966" spans="1:12">
      <c r="A38966" s="6" t="s">
        <v>27576</v>
      </c>
      <c r="B38966" s="6" t="s">
        <v>38150</v>
      </c>
      <c r="C38966" s="6" t="s">
        <v>32230</v>
      </c>
      <c r="D38966" s="6" t="s">
        <v>38147</v>
      </c>
      <c r="E38966" s="6" t="s">
        <v>9</v>
      </c>
      <c r="F38966" s="7">
        <v>41932</v>
      </c>
      <c r="G38966" s="8">
        <v>907200</v>
      </c>
      <c r="H38966" s="8">
        <v>743904</v>
      </c>
      <c r="I38966" s="8">
        <v>190512</v>
      </c>
      <c r="J38966" s="8">
        <v>716688</v>
      </c>
      <c r="K38966" s="9"/>
      <c r="L38966" s="6"/>
    </row>
    <row r="38967" spans="1:12">
      <c r="A38967" s="6" t="s">
        <v>27576</v>
      </c>
      <c r="B38967" s="6" t="s">
        <v>38151</v>
      </c>
      <c r="C38967" s="6" t="s">
        <v>32230</v>
      </c>
      <c r="D38967" s="6" t="s">
        <v>38147</v>
      </c>
      <c r="E38967" s="6" t="s">
        <v>9</v>
      </c>
      <c r="F38967" s="7">
        <v>29434</v>
      </c>
      <c r="G38967" s="8">
        <v>92745000</v>
      </c>
      <c r="H38967" s="8">
        <v>11129400</v>
      </c>
      <c r="I38967" s="8">
        <v>83655989</v>
      </c>
      <c r="J38967" s="8">
        <v>9089011</v>
      </c>
      <c r="K38967" s="9">
        <v>687</v>
      </c>
      <c r="L38967" s="6"/>
    </row>
    <row r="38968" spans="1:12">
      <c r="A38968" s="6" t="s">
        <v>27576</v>
      </c>
      <c r="B38968" s="6" t="s">
        <v>38151</v>
      </c>
      <c r="C38968" s="6" t="s">
        <v>32230</v>
      </c>
      <c r="D38968" s="6" t="s">
        <v>38147</v>
      </c>
      <c r="E38968" s="6" t="s">
        <v>9</v>
      </c>
      <c r="F38968" s="7">
        <v>41229</v>
      </c>
      <c r="G38968" s="8">
        <v>210000</v>
      </c>
      <c r="H38968" s="8">
        <v>173040</v>
      </c>
      <c r="I38968" s="8">
        <v>41580</v>
      </c>
      <c r="J38968" s="8">
        <v>168420</v>
      </c>
      <c r="K38968" s="9"/>
      <c r="L38968" s="6"/>
    </row>
    <row r="38969" spans="1:12">
      <c r="A38969" s="6" t="s">
        <v>27576</v>
      </c>
      <c r="B38969" s="6" t="s">
        <v>38151</v>
      </c>
      <c r="C38969" s="6" t="s">
        <v>32230</v>
      </c>
      <c r="D38969" s="6" t="s">
        <v>38147</v>
      </c>
      <c r="E38969" s="6" t="s">
        <v>9</v>
      </c>
      <c r="F38969" s="7">
        <v>41621</v>
      </c>
      <c r="G38969" s="8">
        <v>40407500</v>
      </c>
      <c r="H38969" s="8">
        <v>33295780</v>
      </c>
      <c r="I38969" s="8">
        <v>8000685</v>
      </c>
      <c r="J38969" s="8">
        <v>32406815</v>
      </c>
      <c r="K38969" s="9"/>
      <c r="L38969" s="6"/>
    </row>
    <row r="38970" spans="1:12">
      <c r="A38970" s="6" t="s">
        <v>27576</v>
      </c>
      <c r="B38970" s="6" t="s">
        <v>38151</v>
      </c>
      <c r="C38970" s="6" t="s">
        <v>32230</v>
      </c>
      <c r="D38970" s="6" t="s">
        <v>38147</v>
      </c>
      <c r="E38970" s="6" t="s">
        <v>9</v>
      </c>
      <c r="F38970" s="7">
        <v>40991</v>
      </c>
      <c r="G38970" s="8">
        <v>4287500</v>
      </c>
      <c r="H38970" s="8">
        <v>3438575</v>
      </c>
      <c r="I38970" s="8">
        <v>943250</v>
      </c>
      <c r="J38970" s="8">
        <v>3344250</v>
      </c>
      <c r="K38970" s="9"/>
      <c r="L38970" s="6"/>
    </row>
    <row r="38971" spans="1:12">
      <c r="A38971" s="6" t="s">
        <v>27576</v>
      </c>
      <c r="B38971" s="6" t="s">
        <v>38151</v>
      </c>
      <c r="C38971" s="6" t="s">
        <v>32230</v>
      </c>
      <c r="D38971" s="6" t="s">
        <v>38147</v>
      </c>
      <c r="E38971" s="6" t="s">
        <v>9</v>
      </c>
      <c r="F38971" s="7">
        <v>41229</v>
      </c>
      <c r="G38971" s="8">
        <v>43540000</v>
      </c>
      <c r="H38971" s="8">
        <v>34919080</v>
      </c>
      <c r="I38971" s="8">
        <v>9578800</v>
      </c>
      <c r="J38971" s="8">
        <v>33961200</v>
      </c>
      <c r="K38971" s="9"/>
      <c r="L38971" s="6"/>
    </row>
    <row r="38972" spans="1:12">
      <c r="A38972" s="6" t="s">
        <v>27576</v>
      </c>
      <c r="B38972" s="6" t="s">
        <v>38151</v>
      </c>
      <c r="C38972" s="6" t="s">
        <v>32230</v>
      </c>
      <c r="D38972" s="6" t="s">
        <v>38147</v>
      </c>
      <c r="E38972" s="6" t="s">
        <v>9</v>
      </c>
      <c r="F38972" s="7">
        <v>41628</v>
      </c>
      <c r="G38972" s="8">
        <v>6772500</v>
      </c>
      <c r="H38972" s="8">
        <v>3596201</v>
      </c>
      <c r="I38972" s="8">
        <v>3630056</v>
      </c>
      <c r="J38972" s="8">
        <v>3142444</v>
      </c>
      <c r="K38972" s="9"/>
      <c r="L38972" s="6"/>
    </row>
    <row r="38973" spans="1:12">
      <c r="A38973" s="6" t="s">
        <v>27576</v>
      </c>
      <c r="B38973" s="6" t="s">
        <v>38151</v>
      </c>
      <c r="C38973" s="6" t="s">
        <v>32230</v>
      </c>
      <c r="D38973" s="6" t="s">
        <v>38147</v>
      </c>
      <c r="E38973" s="6" t="s">
        <v>9</v>
      </c>
      <c r="F38973" s="7">
        <v>41239</v>
      </c>
      <c r="G38973" s="8">
        <v>8552250</v>
      </c>
      <c r="H38973" s="8">
        <v>3968250</v>
      </c>
      <c r="I38973" s="8">
        <v>5157000</v>
      </c>
      <c r="J38973" s="8">
        <v>3395250</v>
      </c>
      <c r="K38973" s="9"/>
      <c r="L38973" s="6"/>
    </row>
    <row r="38974" spans="1:12">
      <c r="A38974" s="6" t="s">
        <v>27576</v>
      </c>
      <c r="B38974" s="6" t="s">
        <v>38151</v>
      </c>
      <c r="C38974" s="6" t="s">
        <v>32230</v>
      </c>
      <c r="D38974" s="6" t="s">
        <v>38147</v>
      </c>
      <c r="E38974" s="6" t="s">
        <v>9</v>
      </c>
      <c r="F38974" s="7">
        <v>41239</v>
      </c>
      <c r="G38974" s="8">
        <v>7346500</v>
      </c>
      <c r="H38974" s="8">
        <v>4055268</v>
      </c>
      <c r="I38974" s="8">
        <v>3702636</v>
      </c>
      <c r="J38974" s="8">
        <v>3643864</v>
      </c>
      <c r="K38974" s="9"/>
      <c r="L38974" s="6"/>
    </row>
    <row r="38975" spans="1:12">
      <c r="A38975" s="6" t="s">
        <v>27576</v>
      </c>
      <c r="B38975" s="6" t="s">
        <v>38151</v>
      </c>
      <c r="C38975" s="6" t="s">
        <v>32230</v>
      </c>
      <c r="D38975" s="6" t="s">
        <v>38147</v>
      </c>
      <c r="E38975" s="6" t="s">
        <v>9</v>
      </c>
      <c r="F38975" s="7">
        <v>41628</v>
      </c>
      <c r="G38975" s="8">
        <v>7869750</v>
      </c>
      <c r="H38975" s="8">
        <v>4784808</v>
      </c>
      <c r="I38975" s="8">
        <v>3525648</v>
      </c>
      <c r="J38975" s="8">
        <v>4344102</v>
      </c>
      <c r="K38975" s="9"/>
      <c r="L38975" s="6"/>
    </row>
    <row r="38976" spans="1:12">
      <c r="A38976" s="6" t="s">
        <v>27576</v>
      </c>
      <c r="B38976" s="6" t="s">
        <v>38151</v>
      </c>
      <c r="C38976" s="6" t="s">
        <v>32230</v>
      </c>
      <c r="D38976" s="6" t="s">
        <v>38147</v>
      </c>
      <c r="E38976" s="6" t="s">
        <v>9</v>
      </c>
      <c r="F38976" s="7">
        <v>41621</v>
      </c>
      <c r="G38976" s="8">
        <v>917000</v>
      </c>
      <c r="H38976" s="8">
        <v>775782</v>
      </c>
      <c r="I38976" s="8">
        <v>161392</v>
      </c>
      <c r="J38976" s="8">
        <v>755608</v>
      </c>
      <c r="K38976" s="9"/>
      <c r="L38976" s="6"/>
    </row>
    <row r="38977" spans="1:12">
      <c r="A38977" s="6" t="s">
        <v>27576</v>
      </c>
      <c r="B38977" s="6" t="s">
        <v>38151</v>
      </c>
      <c r="C38977" s="6" t="s">
        <v>32230</v>
      </c>
      <c r="D38977" s="6" t="s">
        <v>38147</v>
      </c>
      <c r="E38977" s="6" t="s">
        <v>9</v>
      </c>
      <c r="F38977" s="7">
        <v>41242</v>
      </c>
      <c r="G38977" s="8">
        <v>1153250</v>
      </c>
      <c r="H38977" s="8">
        <v>950282</v>
      </c>
      <c r="I38977" s="8">
        <v>228339</v>
      </c>
      <c r="J38977" s="8">
        <v>924911</v>
      </c>
      <c r="K38977" s="9"/>
      <c r="L38977" s="6"/>
    </row>
    <row r="38978" spans="1:12">
      <c r="A38978" s="6" t="s">
        <v>27576</v>
      </c>
      <c r="B38978" s="6" t="s">
        <v>38150</v>
      </c>
      <c r="C38978" s="6" t="s">
        <v>32230</v>
      </c>
      <c r="D38978" s="6" t="s">
        <v>38147</v>
      </c>
      <c r="E38978" s="6" t="s">
        <v>9</v>
      </c>
      <c r="F38978" s="7">
        <v>41913</v>
      </c>
      <c r="G38978" s="8">
        <v>400000</v>
      </c>
      <c r="H38978" s="8">
        <v>328000</v>
      </c>
      <c r="I38978" s="8">
        <v>84000</v>
      </c>
      <c r="J38978" s="8">
        <v>316000</v>
      </c>
      <c r="K38978" s="9">
        <v>5</v>
      </c>
      <c r="L38978" s="6"/>
    </row>
    <row r="38979" spans="1:12">
      <c r="A38979" s="6" t="s">
        <v>27576</v>
      </c>
      <c r="B38979" s="6" t="s">
        <v>38152</v>
      </c>
      <c r="C38979" s="6" t="s">
        <v>32230</v>
      </c>
      <c r="D38979" s="6" t="s">
        <v>38147</v>
      </c>
      <c r="E38979" s="6" t="s">
        <v>9</v>
      </c>
      <c r="F38979" s="7">
        <v>42912</v>
      </c>
      <c r="G38979" s="8">
        <v>12918671</v>
      </c>
      <c r="H38979" s="8">
        <v>12066041</v>
      </c>
      <c r="I38979" s="8">
        <v>1136840</v>
      </c>
      <c r="J38979" s="8">
        <v>11781831</v>
      </c>
      <c r="K38979" s="9">
        <v>104.64</v>
      </c>
      <c r="L38979" s="6"/>
    </row>
    <row r="38980" spans="1:12">
      <c r="A38980" s="6" t="s">
        <v>27607</v>
      </c>
      <c r="B38980" s="6" t="s">
        <v>38153</v>
      </c>
      <c r="C38980" s="6" t="s">
        <v>32230</v>
      </c>
      <c r="D38980" s="6" t="s">
        <v>38154</v>
      </c>
      <c r="E38980" s="6" t="s">
        <v>9</v>
      </c>
      <c r="F38980" s="7">
        <v>39845</v>
      </c>
      <c r="G38980" s="8">
        <v>176580000</v>
      </c>
      <c r="H38980" s="8">
        <v>129962880</v>
      </c>
      <c r="I38980" s="8">
        <v>50501880</v>
      </c>
      <c r="J38980" s="8">
        <v>126078120</v>
      </c>
      <c r="K38980" s="9">
        <v>1308</v>
      </c>
      <c r="L38980" s="6"/>
    </row>
    <row r="38981" spans="1:12">
      <c r="A38981" s="6" t="s">
        <v>27607</v>
      </c>
      <c r="B38981" s="6" t="s">
        <v>38155</v>
      </c>
      <c r="C38981" s="6" t="s">
        <v>32230</v>
      </c>
      <c r="D38981" s="6" t="s">
        <v>38154</v>
      </c>
      <c r="E38981" s="6" t="s">
        <v>9</v>
      </c>
      <c r="F38981" s="7">
        <v>43881</v>
      </c>
      <c r="G38981" s="8">
        <v>21450000</v>
      </c>
      <c r="H38981" s="8">
        <v>20012850</v>
      </c>
      <c r="I38981" s="8">
        <v>2874300</v>
      </c>
      <c r="J38981" s="8">
        <v>18575700</v>
      </c>
      <c r="K38981" s="9"/>
      <c r="L38981" s="6"/>
    </row>
    <row r="38982" spans="1:12">
      <c r="A38982" s="6" t="s">
        <v>27607</v>
      </c>
      <c r="B38982" s="6" t="s">
        <v>38155</v>
      </c>
      <c r="C38982" s="6" t="s">
        <v>32230</v>
      </c>
      <c r="D38982" s="6" t="s">
        <v>38154</v>
      </c>
      <c r="E38982" s="6" t="s">
        <v>9</v>
      </c>
      <c r="F38982" s="7">
        <v>39870</v>
      </c>
      <c r="G38982" s="8">
        <v>160965000</v>
      </c>
      <c r="H38982" s="8">
        <v>31549140</v>
      </c>
      <c r="I38982" s="8">
        <v>140200515</v>
      </c>
      <c r="J38982" s="8">
        <v>20764485</v>
      </c>
      <c r="K38982" s="9"/>
      <c r="L38982" s="6"/>
    </row>
    <row r="38983" spans="1:12">
      <c r="A38983" s="6" t="s">
        <v>27607</v>
      </c>
      <c r="B38983" s="6" t="s">
        <v>38155</v>
      </c>
      <c r="C38983" s="6" t="s">
        <v>32230</v>
      </c>
      <c r="D38983" s="6" t="s">
        <v>38154</v>
      </c>
      <c r="E38983" s="6" t="s">
        <v>9</v>
      </c>
      <c r="F38983" s="7">
        <v>39870</v>
      </c>
      <c r="G38983" s="8">
        <v>154350000</v>
      </c>
      <c r="H38983" s="8">
        <v>50626800</v>
      </c>
      <c r="I38983" s="8">
        <v>112366800</v>
      </c>
      <c r="J38983" s="8">
        <v>41983200</v>
      </c>
      <c r="K38983" s="9"/>
      <c r="L38983" s="6"/>
    </row>
    <row r="38984" spans="1:12">
      <c r="A38984" s="6" t="s">
        <v>27607</v>
      </c>
      <c r="B38984" s="6" t="s">
        <v>38155</v>
      </c>
      <c r="C38984" s="6" t="s">
        <v>32230</v>
      </c>
      <c r="D38984" s="6" t="s">
        <v>38154</v>
      </c>
      <c r="E38984" s="6" t="s">
        <v>9</v>
      </c>
      <c r="F38984" s="7">
        <v>39845</v>
      </c>
      <c r="G38984" s="8">
        <v>754110000</v>
      </c>
      <c r="H38984" s="8">
        <v>555024960</v>
      </c>
      <c r="I38984" s="8">
        <v>215675459</v>
      </c>
      <c r="J38984" s="8">
        <v>538434541</v>
      </c>
      <c r="K38984" s="9">
        <v>5586</v>
      </c>
      <c r="L38984" s="6"/>
    </row>
    <row r="38985" spans="1:12">
      <c r="A38985" s="6" t="s">
        <v>27607</v>
      </c>
      <c r="B38985" s="6" t="s">
        <v>38155</v>
      </c>
      <c r="C38985" s="6" t="s">
        <v>32230</v>
      </c>
      <c r="D38985" s="6" t="s">
        <v>38154</v>
      </c>
      <c r="E38985" s="6" t="s">
        <v>9</v>
      </c>
      <c r="F38985" s="7">
        <v>43738</v>
      </c>
      <c r="G38985" s="8">
        <v>777600</v>
      </c>
      <c r="H38985" s="8">
        <v>725501</v>
      </c>
      <c r="I38985" s="8">
        <v>104198</v>
      </c>
      <c r="J38985" s="8">
        <v>673402</v>
      </c>
      <c r="K38985" s="9"/>
      <c r="L38985" s="6"/>
    </row>
    <row r="38986" spans="1:12">
      <c r="A38986" s="6" t="s">
        <v>27607</v>
      </c>
      <c r="B38986" s="6" t="s">
        <v>38155</v>
      </c>
      <c r="C38986" s="6" t="s">
        <v>32230</v>
      </c>
      <c r="D38986" s="6" t="s">
        <v>38154</v>
      </c>
      <c r="E38986" s="6" t="s">
        <v>9</v>
      </c>
      <c r="F38986" s="7">
        <v>41906</v>
      </c>
      <c r="G38986" s="8">
        <v>13586400</v>
      </c>
      <c r="H38986" s="8">
        <v>8124672</v>
      </c>
      <c r="I38986" s="8">
        <v>6372016</v>
      </c>
      <c r="J38986" s="8">
        <v>7214384</v>
      </c>
      <c r="K38986" s="9"/>
      <c r="L38986" s="6"/>
    </row>
    <row r="38987" spans="1:12">
      <c r="A38987" s="6" t="s">
        <v>27607</v>
      </c>
      <c r="B38987" s="6" t="s">
        <v>38155</v>
      </c>
      <c r="C38987" s="6" t="s">
        <v>32230</v>
      </c>
      <c r="D38987" s="6" t="s">
        <v>38154</v>
      </c>
      <c r="E38987" s="6" t="s">
        <v>9</v>
      </c>
      <c r="F38987" s="7">
        <v>43633</v>
      </c>
      <c r="G38987" s="8">
        <v>972000</v>
      </c>
      <c r="H38987" s="8">
        <v>906876</v>
      </c>
      <c r="I38987" s="8">
        <v>130248</v>
      </c>
      <c r="J38987" s="8">
        <v>841752</v>
      </c>
      <c r="K38987" s="9"/>
      <c r="L38987" s="6"/>
    </row>
    <row r="38988" spans="1:12">
      <c r="A38988" s="6" t="s">
        <v>27607</v>
      </c>
      <c r="B38988" s="6" t="s">
        <v>38156</v>
      </c>
      <c r="C38988" s="6" t="s">
        <v>32230</v>
      </c>
      <c r="D38988" s="6" t="s">
        <v>38154</v>
      </c>
      <c r="E38988" s="6" t="s">
        <v>9</v>
      </c>
      <c r="F38988" s="7">
        <v>36923</v>
      </c>
      <c r="G38988" s="8">
        <v>117450000</v>
      </c>
      <c r="H38988" s="8">
        <v>9396000</v>
      </c>
      <c r="I38988" s="8">
        <v>113456700</v>
      </c>
      <c r="J38988" s="8">
        <v>3993300</v>
      </c>
      <c r="K38988" s="9">
        <v>615</v>
      </c>
      <c r="L38988" s="6"/>
    </row>
    <row r="38989" spans="1:12">
      <c r="A38989" s="6" t="s">
        <v>27607</v>
      </c>
      <c r="B38989" s="6" t="s">
        <v>38157</v>
      </c>
      <c r="C38989" s="6" t="s">
        <v>32230</v>
      </c>
      <c r="D38989" s="6" t="s">
        <v>38154</v>
      </c>
      <c r="E38989" s="6" t="s">
        <v>9</v>
      </c>
      <c r="F38989" s="7">
        <v>40252</v>
      </c>
      <c r="G38989" s="8">
        <v>6037500</v>
      </c>
      <c r="H38989" s="8">
        <v>3248175</v>
      </c>
      <c r="I38989" s="8">
        <v>3042900</v>
      </c>
      <c r="J38989" s="8">
        <v>2994600</v>
      </c>
      <c r="K38989" s="9">
        <v>50.78</v>
      </c>
      <c r="L38989" s="6"/>
    </row>
    <row r="38990" spans="1:12">
      <c r="A38990" s="6" t="s">
        <v>27612</v>
      </c>
      <c r="B38990" s="6" t="s">
        <v>38158</v>
      </c>
      <c r="C38990" s="6" t="s">
        <v>32230</v>
      </c>
      <c r="D38990" s="6" t="s">
        <v>38159</v>
      </c>
      <c r="E38990" s="6" t="s">
        <v>9</v>
      </c>
      <c r="F38990" s="7">
        <v>40991</v>
      </c>
      <c r="G38990" s="8">
        <v>13116701</v>
      </c>
      <c r="H38990" s="8">
        <v>10519598</v>
      </c>
      <c r="I38990" s="8">
        <v>2885670</v>
      </c>
      <c r="J38990" s="8">
        <v>10231031</v>
      </c>
      <c r="K38990" s="9"/>
      <c r="L38990" s="6"/>
    </row>
    <row r="38991" spans="1:12">
      <c r="A38991" s="6" t="s">
        <v>27612</v>
      </c>
      <c r="B38991" s="6" t="s">
        <v>38158</v>
      </c>
      <c r="C38991" s="6" t="s">
        <v>32230</v>
      </c>
      <c r="D38991" s="6" t="s">
        <v>38159</v>
      </c>
      <c r="E38991" s="6" t="s">
        <v>9</v>
      </c>
      <c r="F38991" s="7">
        <v>41718</v>
      </c>
      <c r="G38991" s="8">
        <v>1442837</v>
      </c>
      <c r="H38991" s="8">
        <v>1220643</v>
      </c>
      <c r="I38991" s="8">
        <v>253936</v>
      </c>
      <c r="J38991" s="8">
        <v>1188901</v>
      </c>
      <c r="K38991" s="9"/>
      <c r="L38991" s="6"/>
    </row>
    <row r="38992" spans="1:12">
      <c r="A38992" s="6" t="s">
        <v>27612</v>
      </c>
      <c r="B38992" s="6" t="s">
        <v>38158</v>
      </c>
      <c r="C38992" s="6" t="s">
        <v>32230</v>
      </c>
      <c r="D38992" s="6" t="s">
        <v>38159</v>
      </c>
      <c r="E38992" s="6" t="s">
        <v>9</v>
      </c>
      <c r="F38992" s="7">
        <v>43881</v>
      </c>
      <c r="G38992" s="8">
        <v>16500000</v>
      </c>
      <c r="H38992" s="8">
        <v>15394500</v>
      </c>
      <c r="I38992" s="8">
        <v>2211000</v>
      </c>
      <c r="J38992" s="8">
        <v>14289000</v>
      </c>
      <c r="K38992" s="9"/>
      <c r="L38992" s="6"/>
    </row>
    <row r="38993" spans="1:12">
      <c r="A38993" s="6" t="s">
        <v>27612</v>
      </c>
      <c r="B38993" s="6" t="s">
        <v>38158</v>
      </c>
      <c r="C38993" s="6" t="s">
        <v>32230</v>
      </c>
      <c r="D38993" s="6" t="s">
        <v>38159</v>
      </c>
      <c r="E38993" s="6" t="s">
        <v>9</v>
      </c>
      <c r="F38993" s="7">
        <v>41345</v>
      </c>
      <c r="G38993" s="8">
        <v>29272106</v>
      </c>
      <c r="H38993" s="8">
        <v>16158210</v>
      </c>
      <c r="I38993" s="8">
        <v>14753133</v>
      </c>
      <c r="J38993" s="8">
        <v>14518973</v>
      </c>
      <c r="K38993" s="9"/>
      <c r="L38993" s="6"/>
    </row>
    <row r="38994" spans="1:12">
      <c r="A38994" s="6" t="s">
        <v>27612</v>
      </c>
      <c r="B38994" s="6" t="s">
        <v>38158</v>
      </c>
      <c r="C38994" s="6" t="s">
        <v>32230</v>
      </c>
      <c r="D38994" s="6" t="s">
        <v>38159</v>
      </c>
      <c r="E38994" s="6" t="s">
        <v>9</v>
      </c>
      <c r="F38994" s="7">
        <v>41341</v>
      </c>
      <c r="G38994" s="8">
        <v>202172096</v>
      </c>
      <c r="H38994" s="8">
        <v>162142022</v>
      </c>
      <c r="I38994" s="8">
        <v>44477860</v>
      </c>
      <c r="J38994" s="8">
        <v>157694236</v>
      </c>
      <c r="K38994" s="9"/>
      <c r="L38994" s="6"/>
    </row>
    <row r="38995" spans="1:12">
      <c r="A38995" s="6" t="s">
        <v>27612</v>
      </c>
      <c r="B38995" s="6" t="s">
        <v>38158</v>
      </c>
      <c r="C38995" s="6" t="s">
        <v>32230</v>
      </c>
      <c r="D38995" s="6" t="s">
        <v>38159</v>
      </c>
      <c r="E38995" s="6" t="s">
        <v>9</v>
      </c>
      <c r="F38995" s="7">
        <v>41718</v>
      </c>
      <c r="G38995" s="8">
        <v>33797368</v>
      </c>
      <c r="H38995" s="8">
        <v>17946407</v>
      </c>
      <c r="I38995" s="8">
        <v>18115384</v>
      </c>
      <c r="J38995" s="8">
        <v>15681984</v>
      </c>
      <c r="K38995" s="9"/>
      <c r="L38995" s="6"/>
    </row>
    <row r="38996" spans="1:12">
      <c r="A38996" s="6" t="s">
        <v>27612</v>
      </c>
      <c r="B38996" s="6" t="s">
        <v>38158</v>
      </c>
      <c r="C38996" s="6" t="s">
        <v>32230</v>
      </c>
      <c r="D38996" s="6" t="s">
        <v>38159</v>
      </c>
      <c r="E38996" s="6" t="s">
        <v>9</v>
      </c>
      <c r="F38996" s="7">
        <v>41705</v>
      </c>
      <c r="G38996" s="8">
        <v>226044494</v>
      </c>
      <c r="H38996" s="8">
        <v>186260670</v>
      </c>
      <c r="I38996" s="8">
        <v>44756802</v>
      </c>
      <c r="J38996" s="8">
        <v>181287692</v>
      </c>
      <c r="K38996" s="9"/>
      <c r="L38996" s="6"/>
    </row>
    <row r="38997" spans="1:12">
      <c r="A38997" s="6" t="s">
        <v>27612</v>
      </c>
      <c r="B38997" s="6" t="s">
        <v>38158</v>
      </c>
      <c r="C38997" s="6" t="s">
        <v>32230</v>
      </c>
      <c r="D38997" s="6" t="s">
        <v>38159</v>
      </c>
      <c r="E38997" s="6" t="s">
        <v>9</v>
      </c>
      <c r="F38997" s="7">
        <v>41718</v>
      </c>
      <c r="G38997" s="8">
        <v>38563103</v>
      </c>
      <c r="H38997" s="8">
        <v>23446372</v>
      </c>
      <c r="I38997" s="8">
        <v>17276264</v>
      </c>
      <c r="J38997" s="8">
        <v>21286839</v>
      </c>
      <c r="K38997" s="9"/>
      <c r="L38997" s="6"/>
    </row>
    <row r="38998" spans="1:12">
      <c r="A38998" s="6" t="s">
        <v>27612</v>
      </c>
      <c r="B38998" s="6" t="s">
        <v>38158</v>
      </c>
      <c r="C38998" s="6" t="s">
        <v>32230</v>
      </c>
      <c r="D38998" s="6" t="s">
        <v>38159</v>
      </c>
      <c r="E38998" s="6" t="s">
        <v>9</v>
      </c>
      <c r="F38998" s="7">
        <v>28825</v>
      </c>
      <c r="G38998" s="8">
        <v>320085000</v>
      </c>
      <c r="H38998" s="8">
        <v>24326460</v>
      </c>
      <c r="I38998" s="8">
        <v>302800410</v>
      </c>
      <c r="J38998" s="8">
        <v>17284590</v>
      </c>
      <c r="K38998" s="9">
        <v>2371</v>
      </c>
      <c r="L38998" s="6"/>
    </row>
    <row r="38999" spans="1:12">
      <c r="A38999" s="6" t="s">
        <v>27612</v>
      </c>
      <c r="B38999" s="6" t="s">
        <v>38158</v>
      </c>
      <c r="C38999" s="6" t="s">
        <v>32230</v>
      </c>
      <c r="D38999" s="6" t="s">
        <v>38159</v>
      </c>
      <c r="E38999" s="6" t="s">
        <v>9</v>
      </c>
      <c r="F38999" s="7">
        <v>41354</v>
      </c>
      <c r="G38999" s="8">
        <v>3148008</v>
      </c>
      <c r="H38999" s="8">
        <v>2593960</v>
      </c>
      <c r="I38999" s="8">
        <v>623304</v>
      </c>
      <c r="J38999" s="8">
        <v>2524704</v>
      </c>
      <c r="K38999" s="9"/>
      <c r="L38999" s="6"/>
    </row>
    <row r="39000" spans="1:12">
      <c r="A39000" s="6" t="s">
        <v>27612</v>
      </c>
      <c r="B39000" s="6" t="s">
        <v>38158</v>
      </c>
      <c r="C39000" s="6" t="s">
        <v>32230</v>
      </c>
      <c r="D39000" s="6" t="s">
        <v>38159</v>
      </c>
      <c r="E39000" s="6" t="s">
        <v>9</v>
      </c>
      <c r="F39000" s="7">
        <v>41718</v>
      </c>
      <c r="G39000" s="8">
        <v>4590845</v>
      </c>
      <c r="H39000" s="8">
        <v>3782861</v>
      </c>
      <c r="I39000" s="8">
        <v>908982</v>
      </c>
      <c r="J39000" s="8">
        <v>3681863</v>
      </c>
      <c r="K39000" s="9"/>
      <c r="L39000" s="6"/>
    </row>
    <row r="39001" spans="1:12">
      <c r="A39001" s="6" t="s">
        <v>27612</v>
      </c>
      <c r="B39001" s="6" t="s">
        <v>38158</v>
      </c>
      <c r="C39001" s="6" t="s">
        <v>32230</v>
      </c>
      <c r="D39001" s="6" t="s">
        <v>38159</v>
      </c>
      <c r="E39001" s="6" t="s">
        <v>9</v>
      </c>
      <c r="F39001" s="7">
        <v>41907</v>
      </c>
      <c r="G39001" s="8">
        <v>10883114</v>
      </c>
      <c r="H39001" s="8">
        <v>6508106</v>
      </c>
      <c r="I39001" s="8">
        <v>5104176</v>
      </c>
      <c r="J39001" s="8">
        <v>5778938</v>
      </c>
      <c r="K39001" s="9"/>
      <c r="L39001" s="6"/>
    </row>
    <row r="39002" spans="1:12">
      <c r="A39002" s="6" t="s">
        <v>27612</v>
      </c>
      <c r="B39002" s="6" t="s">
        <v>38158</v>
      </c>
      <c r="C39002" s="6" t="s">
        <v>32230</v>
      </c>
      <c r="D39002" s="6" t="s">
        <v>38159</v>
      </c>
      <c r="E39002" s="6" t="s">
        <v>9</v>
      </c>
      <c r="F39002" s="7">
        <v>43633</v>
      </c>
      <c r="G39002" s="8">
        <v>972000</v>
      </c>
      <c r="H39002" s="8">
        <v>906876</v>
      </c>
      <c r="I39002" s="8">
        <v>130248</v>
      </c>
      <c r="J39002" s="8">
        <v>841752</v>
      </c>
      <c r="K39002" s="9"/>
      <c r="L39002" s="6"/>
    </row>
    <row r="39003" spans="1:12">
      <c r="A39003" s="6" t="s">
        <v>27612</v>
      </c>
      <c r="B39003" s="6" t="s">
        <v>38158</v>
      </c>
      <c r="C39003" s="6" t="s">
        <v>32230</v>
      </c>
      <c r="D39003" s="6" t="s">
        <v>38159</v>
      </c>
      <c r="E39003" s="6" t="s">
        <v>9</v>
      </c>
      <c r="F39003" s="7">
        <v>41345</v>
      </c>
      <c r="G39003" s="8">
        <v>21445807</v>
      </c>
      <c r="H39003" s="8">
        <v>9950855</v>
      </c>
      <c r="I39003" s="8">
        <v>12931821</v>
      </c>
      <c r="J39003" s="8">
        <v>8513986</v>
      </c>
      <c r="K39003" s="9"/>
      <c r="L39003" s="6"/>
    </row>
    <row r="39004" spans="1:12">
      <c r="A39004" s="6" t="s">
        <v>27612</v>
      </c>
      <c r="B39004" s="6" t="s">
        <v>38160</v>
      </c>
      <c r="C39004" s="6" t="s">
        <v>32230</v>
      </c>
      <c r="D39004" s="6" t="s">
        <v>38159</v>
      </c>
      <c r="E39004" s="6" t="s">
        <v>9</v>
      </c>
      <c r="F39004" s="7">
        <v>43096</v>
      </c>
      <c r="G39004" s="8">
        <v>26347509</v>
      </c>
      <c r="H39004" s="8">
        <v>24213363</v>
      </c>
      <c r="I39004" s="8">
        <v>2845528</v>
      </c>
      <c r="J39004" s="8">
        <v>23501981</v>
      </c>
      <c r="K39004" s="9">
        <v>106</v>
      </c>
      <c r="L39004" s="6"/>
    </row>
    <row r="39005" spans="1:12">
      <c r="A39005" s="6" t="s">
        <v>27612</v>
      </c>
      <c r="B39005" s="6" t="s">
        <v>38161</v>
      </c>
      <c r="C39005" s="6" t="s">
        <v>32230</v>
      </c>
      <c r="D39005" s="6" t="s">
        <v>38159</v>
      </c>
      <c r="E39005" s="6" t="s">
        <v>9</v>
      </c>
      <c r="F39005" s="7">
        <v>41718</v>
      </c>
      <c r="G39005" s="8">
        <v>1354599</v>
      </c>
      <c r="H39005" s="8">
        <v>1145992</v>
      </c>
      <c r="I39005" s="8">
        <v>238408</v>
      </c>
      <c r="J39005" s="8">
        <v>1116191</v>
      </c>
      <c r="K39005" s="9"/>
      <c r="L39005" s="6"/>
    </row>
    <row r="39006" spans="1:12">
      <c r="A39006" s="6" t="s">
        <v>27612</v>
      </c>
      <c r="B39006" s="6" t="s">
        <v>38161</v>
      </c>
      <c r="C39006" s="6" t="s">
        <v>32230</v>
      </c>
      <c r="D39006" s="6" t="s">
        <v>38159</v>
      </c>
      <c r="E39006" s="6" t="s">
        <v>9</v>
      </c>
      <c r="F39006" s="7">
        <v>41345</v>
      </c>
      <c r="G39006" s="8">
        <v>27481952</v>
      </c>
      <c r="H39006" s="8">
        <v>15170040</v>
      </c>
      <c r="I39006" s="8">
        <v>13850901</v>
      </c>
      <c r="J39006" s="8">
        <v>13631051</v>
      </c>
      <c r="K39006" s="9"/>
      <c r="L39006" s="6"/>
    </row>
    <row r="39007" spans="1:12">
      <c r="A39007" s="6" t="s">
        <v>27612</v>
      </c>
      <c r="B39007" s="6" t="s">
        <v>38161</v>
      </c>
      <c r="C39007" s="6" t="s">
        <v>32230</v>
      </c>
      <c r="D39007" s="6" t="s">
        <v>38159</v>
      </c>
      <c r="E39007" s="6" t="s">
        <v>9</v>
      </c>
      <c r="F39007" s="7">
        <v>41341</v>
      </c>
      <c r="G39007" s="8">
        <v>189808134</v>
      </c>
      <c r="H39007" s="8">
        <v>152226132</v>
      </c>
      <c r="I39007" s="8">
        <v>41757780</v>
      </c>
      <c r="J39007" s="8">
        <v>148050354</v>
      </c>
      <c r="K39007" s="9"/>
      <c r="L39007" s="6"/>
    </row>
    <row r="39008" spans="1:12">
      <c r="A39008" s="6" t="s">
        <v>27612</v>
      </c>
      <c r="B39008" s="6" t="s">
        <v>38161</v>
      </c>
      <c r="C39008" s="6" t="s">
        <v>32230</v>
      </c>
      <c r="D39008" s="6" t="s">
        <v>38159</v>
      </c>
      <c r="E39008" s="6" t="s">
        <v>9</v>
      </c>
      <c r="F39008" s="7">
        <v>41718</v>
      </c>
      <c r="G39008" s="8">
        <v>31730468</v>
      </c>
      <c r="H39008" s="8">
        <v>16848881</v>
      </c>
      <c r="I39008" s="8">
        <v>17007528</v>
      </c>
      <c r="J39008" s="8">
        <v>14722940</v>
      </c>
      <c r="K39008" s="9"/>
      <c r="L39008" s="6"/>
    </row>
    <row r="39009" spans="1:12">
      <c r="A39009" s="6" t="s">
        <v>27612</v>
      </c>
      <c r="B39009" s="6" t="s">
        <v>38161</v>
      </c>
      <c r="C39009" s="6" t="s">
        <v>32230</v>
      </c>
      <c r="D39009" s="6" t="s">
        <v>38159</v>
      </c>
      <c r="E39009" s="6" t="s">
        <v>9</v>
      </c>
      <c r="F39009" s="7">
        <v>41705</v>
      </c>
      <c r="G39009" s="8">
        <v>212220600</v>
      </c>
      <c r="H39009" s="8">
        <v>174869776</v>
      </c>
      <c r="I39009" s="8">
        <v>42019677</v>
      </c>
      <c r="J39009" s="8">
        <v>170200923</v>
      </c>
      <c r="K39009" s="9"/>
      <c r="L39009" s="6"/>
    </row>
    <row r="39010" spans="1:12">
      <c r="A39010" s="6" t="s">
        <v>27612</v>
      </c>
      <c r="B39010" s="6" t="s">
        <v>38161</v>
      </c>
      <c r="C39010" s="6" t="s">
        <v>32230</v>
      </c>
      <c r="D39010" s="6" t="s">
        <v>38159</v>
      </c>
      <c r="E39010" s="6" t="s">
        <v>9</v>
      </c>
      <c r="F39010" s="7">
        <v>41718</v>
      </c>
      <c r="G39010" s="8">
        <v>36204752</v>
      </c>
      <c r="H39010" s="8">
        <v>22012490</v>
      </c>
      <c r="I39010" s="8">
        <v>16219728</v>
      </c>
      <c r="J39010" s="8">
        <v>19985024</v>
      </c>
      <c r="K39010" s="9"/>
      <c r="L39010" s="6"/>
    </row>
    <row r="39011" spans="1:12">
      <c r="A39011" s="6" t="s">
        <v>27612</v>
      </c>
      <c r="B39011" s="6" t="s">
        <v>38161</v>
      </c>
      <c r="C39011" s="6" t="s">
        <v>32230</v>
      </c>
      <c r="D39011" s="6" t="s">
        <v>38159</v>
      </c>
      <c r="E39011" s="6" t="s">
        <v>9</v>
      </c>
      <c r="F39011" s="7">
        <v>28825</v>
      </c>
      <c r="G39011" s="8">
        <v>300510000</v>
      </c>
      <c r="H39011" s="8">
        <v>22838760</v>
      </c>
      <c r="I39011" s="8">
        <v>284282460</v>
      </c>
      <c r="J39011" s="8">
        <v>16227540</v>
      </c>
      <c r="K39011" s="9">
        <v>2226</v>
      </c>
      <c r="L39011" s="6"/>
    </row>
    <row r="39012" spans="1:12">
      <c r="A39012" s="6" t="s">
        <v>27612</v>
      </c>
      <c r="B39012" s="6" t="s">
        <v>38161</v>
      </c>
      <c r="C39012" s="6" t="s">
        <v>32230</v>
      </c>
      <c r="D39012" s="6" t="s">
        <v>38159</v>
      </c>
      <c r="E39012" s="6" t="s">
        <v>9</v>
      </c>
      <c r="F39012" s="7">
        <v>41354</v>
      </c>
      <c r="G39012" s="8">
        <v>2955489</v>
      </c>
      <c r="H39012" s="8">
        <v>2435329</v>
      </c>
      <c r="I39012" s="8">
        <v>585180</v>
      </c>
      <c r="J39012" s="8">
        <v>2370309</v>
      </c>
      <c r="K39012" s="9"/>
      <c r="L39012" s="6"/>
    </row>
    <row r="39013" spans="1:12">
      <c r="A39013" s="6" t="s">
        <v>27612</v>
      </c>
      <c r="B39013" s="6" t="s">
        <v>38161</v>
      </c>
      <c r="C39013" s="6" t="s">
        <v>32230</v>
      </c>
      <c r="D39013" s="6" t="s">
        <v>38159</v>
      </c>
      <c r="E39013" s="6" t="s">
        <v>9</v>
      </c>
      <c r="F39013" s="7">
        <v>41718</v>
      </c>
      <c r="G39013" s="8">
        <v>4310089</v>
      </c>
      <c r="H39013" s="8">
        <v>3551521</v>
      </c>
      <c r="I39013" s="8">
        <v>853389</v>
      </c>
      <c r="J39013" s="8">
        <v>3456700</v>
      </c>
      <c r="K39013" s="9"/>
      <c r="L39013" s="6"/>
    </row>
    <row r="39014" spans="1:12">
      <c r="A39014" s="6" t="s">
        <v>27612</v>
      </c>
      <c r="B39014" s="6" t="s">
        <v>38161</v>
      </c>
      <c r="C39014" s="6" t="s">
        <v>32230</v>
      </c>
      <c r="D39014" s="6" t="s">
        <v>38159</v>
      </c>
      <c r="E39014" s="6" t="s">
        <v>9</v>
      </c>
      <c r="F39014" s="7">
        <v>41907</v>
      </c>
      <c r="G39014" s="8">
        <v>10217551</v>
      </c>
      <c r="H39014" s="8">
        <v>6110101</v>
      </c>
      <c r="I39014" s="8">
        <v>4792025</v>
      </c>
      <c r="J39014" s="8">
        <v>5425526</v>
      </c>
      <c r="K39014" s="9"/>
      <c r="L39014" s="6"/>
    </row>
    <row r="39015" spans="1:12">
      <c r="A39015" s="6" t="s">
        <v>27612</v>
      </c>
      <c r="B39015" s="6" t="s">
        <v>38161</v>
      </c>
      <c r="C39015" s="6" t="s">
        <v>32230</v>
      </c>
      <c r="D39015" s="6" t="s">
        <v>38159</v>
      </c>
      <c r="E39015" s="6" t="s">
        <v>9</v>
      </c>
      <c r="F39015" s="7">
        <v>41345</v>
      </c>
      <c r="G39015" s="8">
        <v>20134275</v>
      </c>
      <c r="H39015" s="8">
        <v>9342307</v>
      </c>
      <c r="I39015" s="8">
        <v>12140964</v>
      </c>
      <c r="J39015" s="8">
        <v>7993311</v>
      </c>
      <c r="K39015" s="9"/>
      <c r="L39015" s="6"/>
    </row>
    <row r="39016" spans="1:12">
      <c r="A39016" s="6" t="s">
        <v>27612</v>
      </c>
      <c r="B39016" s="6" t="s">
        <v>38161</v>
      </c>
      <c r="C39016" s="6" t="s">
        <v>32230</v>
      </c>
      <c r="D39016" s="6" t="s">
        <v>38159</v>
      </c>
      <c r="E39016" s="6" t="s">
        <v>9</v>
      </c>
      <c r="F39016" s="7">
        <v>40991</v>
      </c>
      <c r="G39016" s="8">
        <v>12314541</v>
      </c>
      <c r="H39016" s="8">
        <v>9876270</v>
      </c>
      <c r="I39016" s="8">
        <v>2709190</v>
      </c>
      <c r="J39016" s="8">
        <v>9605351</v>
      </c>
      <c r="K39016" s="9"/>
      <c r="L39016" s="6"/>
    </row>
    <row r="39017" spans="1:12">
      <c r="A39017" s="6" t="s">
        <v>27612</v>
      </c>
      <c r="B39017" s="6" t="s">
        <v>38162</v>
      </c>
      <c r="C39017" s="6" t="s">
        <v>32230</v>
      </c>
      <c r="D39017" s="6" t="s">
        <v>38159</v>
      </c>
      <c r="E39017" s="6" t="s">
        <v>9</v>
      </c>
      <c r="F39017" s="7">
        <v>28825</v>
      </c>
      <c r="G39017" s="8">
        <v>38480000</v>
      </c>
      <c r="H39017" s="8">
        <v>1</v>
      </c>
      <c r="I39017" s="8">
        <v>38479999</v>
      </c>
      <c r="J39017" s="8">
        <v>1</v>
      </c>
      <c r="K39017" s="9">
        <v>296</v>
      </c>
      <c r="L39017" s="6"/>
    </row>
    <row r="39018" spans="1:12">
      <c r="A39018" s="6" t="s">
        <v>27612</v>
      </c>
      <c r="B39018" s="6" t="s">
        <v>38163</v>
      </c>
      <c r="C39018" s="6" t="s">
        <v>32230</v>
      </c>
      <c r="D39018" s="6" t="s">
        <v>38159</v>
      </c>
      <c r="E39018" s="6" t="s">
        <v>9</v>
      </c>
      <c r="F39018" s="7">
        <v>28460</v>
      </c>
      <c r="G39018" s="8">
        <v>215520000</v>
      </c>
      <c r="H39018" s="8">
        <v>1</v>
      </c>
      <c r="I39018" s="8">
        <v>215519999</v>
      </c>
      <c r="J39018" s="8">
        <v>1</v>
      </c>
      <c r="K39018" s="9">
        <v>2694</v>
      </c>
      <c r="L39018" s="6"/>
    </row>
    <row r="39019" spans="1:12">
      <c r="A39019" s="6" t="s">
        <v>27612</v>
      </c>
      <c r="B39019" s="6" t="s">
        <v>38163</v>
      </c>
      <c r="C39019" s="6" t="s">
        <v>32230</v>
      </c>
      <c r="D39019" s="6" t="s">
        <v>38159</v>
      </c>
      <c r="E39019" s="6" t="s">
        <v>9</v>
      </c>
      <c r="F39019" s="7">
        <v>42048</v>
      </c>
      <c r="G39019" s="8">
        <v>422820000</v>
      </c>
      <c r="H39019" s="8">
        <v>334027800</v>
      </c>
      <c r="I39019" s="8">
        <v>101476800</v>
      </c>
      <c r="J39019" s="8">
        <v>321343200</v>
      </c>
      <c r="K39019" s="9"/>
      <c r="L39019" s="6"/>
    </row>
    <row r="39020" spans="1:12">
      <c r="A39020" s="6" t="s">
        <v>27612</v>
      </c>
      <c r="B39020" s="6" t="s">
        <v>38163</v>
      </c>
      <c r="C39020" s="6" t="s">
        <v>32230</v>
      </c>
      <c r="D39020" s="6" t="s">
        <v>38159</v>
      </c>
      <c r="E39020" s="6" t="s">
        <v>9</v>
      </c>
      <c r="F39020" s="7">
        <v>41997</v>
      </c>
      <c r="G39020" s="8">
        <v>58536000</v>
      </c>
      <c r="H39020" s="8">
        <v>35004528</v>
      </c>
      <c r="I39020" s="8">
        <v>27453384</v>
      </c>
      <c r="J39020" s="8">
        <v>31082616</v>
      </c>
      <c r="K39020" s="9"/>
      <c r="L39020" s="6"/>
    </row>
    <row r="39021" spans="1:12">
      <c r="A39021" s="6" t="s">
        <v>27612</v>
      </c>
      <c r="B39021" s="6" t="s">
        <v>38163</v>
      </c>
      <c r="C39021" s="6" t="s">
        <v>32230</v>
      </c>
      <c r="D39021" s="6" t="s">
        <v>38159</v>
      </c>
      <c r="E39021" s="6" t="s">
        <v>9</v>
      </c>
      <c r="F39021" s="7">
        <v>42065</v>
      </c>
      <c r="G39021" s="8">
        <v>8316000</v>
      </c>
      <c r="H39021" s="8">
        <v>6569640</v>
      </c>
      <c r="I39021" s="8">
        <v>1995840</v>
      </c>
      <c r="J39021" s="8">
        <v>6320160</v>
      </c>
      <c r="K39021" s="9"/>
      <c r="L39021" s="6"/>
    </row>
    <row r="39022" spans="1:12">
      <c r="A39022" s="6" t="s">
        <v>27612</v>
      </c>
      <c r="B39022" s="6" t="s">
        <v>38163</v>
      </c>
      <c r="C39022" s="6" t="s">
        <v>32230</v>
      </c>
      <c r="D39022" s="6" t="s">
        <v>38159</v>
      </c>
      <c r="E39022" s="6" t="s">
        <v>9</v>
      </c>
      <c r="F39022" s="7">
        <v>41997</v>
      </c>
      <c r="G39022" s="8">
        <v>12895200</v>
      </c>
      <c r="H39022" s="8">
        <v>8562414</v>
      </c>
      <c r="I39022" s="8">
        <v>5054917</v>
      </c>
      <c r="J39022" s="8">
        <v>7840283</v>
      </c>
      <c r="K39022" s="9"/>
      <c r="L39022" s="6"/>
    </row>
    <row r="39023" spans="1:12">
      <c r="A39023" s="6" t="s">
        <v>27612</v>
      </c>
      <c r="B39023" s="6" t="s">
        <v>38164</v>
      </c>
      <c r="C39023" s="6" t="s">
        <v>32230</v>
      </c>
      <c r="D39023" s="6" t="s">
        <v>38159</v>
      </c>
      <c r="E39023" s="6" t="s">
        <v>9</v>
      </c>
      <c r="F39023" s="7">
        <v>41718</v>
      </c>
      <c r="G39023" s="8">
        <v>17842144</v>
      </c>
      <c r="H39023" s="8">
        <v>10848024</v>
      </c>
      <c r="I39023" s="8">
        <v>7993280</v>
      </c>
      <c r="J39023" s="8">
        <v>9848864</v>
      </c>
      <c r="K39023" s="9"/>
      <c r="L39023" s="6"/>
    </row>
    <row r="39024" spans="1:12">
      <c r="A39024" s="6" t="s">
        <v>27612</v>
      </c>
      <c r="B39024" s="6" t="s">
        <v>38164</v>
      </c>
      <c r="C39024" s="6" t="s">
        <v>32230</v>
      </c>
      <c r="D39024" s="6" t="s">
        <v>38159</v>
      </c>
      <c r="E39024" s="6" t="s">
        <v>9</v>
      </c>
      <c r="F39024" s="7">
        <v>41354</v>
      </c>
      <c r="G39024" s="8">
        <v>1456501</v>
      </c>
      <c r="H39024" s="8">
        <v>1223461</v>
      </c>
      <c r="I39024" s="8">
        <v>262170</v>
      </c>
      <c r="J39024" s="8">
        <v>1194331</v>
      </c>
      <c r="K39024" s="9"/>
      <c r="L39024" s="6"/>
    </row>
    <row r="39025" spans="1:12">
      <c r="A39025" s="6" t="s">
        <v>27612</v>
      </c>
      <c r="B39025" s="6" t="s">
        <v>38164</v>
      </c>
      <c r="C39025" s="6" t="s">
        <v>32230</v>
      </c>
      <c r="D39025" s="6" t="s">
        <v>38159</v>
      </c>
      <c r="E39025" s="6" t="s">
        <v>9</v>
      </c>
      <c r="F39025" s="7">
        <v>41718</v>
      </c>
      <c r="G39025" s="8">
        <v>2124064</v>
      </c>
      <c r="H39025" s="8">
        <v>1784216</v>
      </c>
      <c r="I39025" s="8">
        <v>382329</v>
      </c>
      <c r="J39025" s="8">
        <v>1741735</v>
      </c>
      <c r="K39025" s="9"/>
      <c r="L39025" s="6"/>
    </row>
    <row r="39026" spans="1:12">
      <c r="A39026" s="6" t="s">
        <v>27612</v>
      </c>
      <c r="B39026" s="6" t="s">
        <v>38164</v>
      </c>
      <c r="C39026" s="6" t="s">
        <v>32230</v>
      </c>
      <c r="D39026" s="6" t="s">
        <v>38159</v>
      </c>
      <c r="E39026" s="6" t="s">
        <v>9</v>
      </c>
      <c r="F39026" s="7">
        <v>41907</v>
      </c>
      <c r="G39026" s="8">
        <v>5035334</v>
      </c>
      <c r="H39026" s="8">
        <v>3011132</v>
      </c>
      <c r="I39026" s="8">
        <v>2361569</v>
      </c>
      <c r="J39026" s="8">
        <v>2673765</v>
      </c>
      <c r="K39026" s="9"/>
      <c r="L39026" s="6"/>
    </row>
    <row r="39027" spans="1:12">
      <c r="A39027" s="6" t="s">
        <v>27612</v>
      </c>
      <c r="B39027" s="6" t="s">
        <v>38164</v>
      </c>
      <c r="C39027" s="6" t="s">
        <v>32230</v>
      </c>
      <c r="D39027" s="6" t="s">
        <v>38159</v>
      </c>
      <c r="E39027" s="6" t="s">
        <v>9</v>
      </c>
      <c r="F39027" s="7">
        <v>28825</v>
      </c>
      <c r="G39027" s="8">
        <v>197460000</v>
      </c>
      <c r="H39027" s="8">
        <v>31593600</v>
      </c>
      <c r="I39027" s="8">
        <v>169815600</v>
      </c>
      <c r="J39027" s="8">
        <v>27644400</v>
      </c>
      <c r="K39027" s="9">
        <v>1097</v>
      </c>
      <c r="L39027" s="6"/>
    </row>
    <row r="39028" spans="1:12">
      <c r="A39028" s="6" t="s">
        <v>27612</v>
      </c>
      <c r="B39028" s="6" t="s">
        <v>38164</v>
      </c>
      <c r="C39028" s="6" t="s">
        <v>32230</v>
      </c>
      <c r="D39028" s="6" t="s">
        <v>38159</v>
      </c>
      <c r="E39028" s="6" t="s">
        <v>9</v>
      </c>
      <c r="F39028" s="7">
        <v>41345</v>
      </c>
      <c r="G39028" s="8">
        <v>9922417</v>
      </c>
      <c r="H39028" s="8">
        <v>4604009</v>
      </c>
      <c r="I39028" s="8">
        <v>5983209</v>
      </c>
      <c r="J39028" s="8">
        <v>3939208</v>
      </c>
      <c r="K39028" s="9"/>
      <c r="L39028" s="6"/>
    </row>
    <row r="39029" spans="1:12">
      <c r="A39029" s="6" t="s">
        <v>27612</v>
      </c>
      <c r="B39029" s="6" t="s">
        <v>38164</v>
      </c>
      <c r="C39029" s="6" t="s">
        <v>32230</v>
      </c>
      <c r="D39029" s="6" t="s">
        <v>38159</v>
      </c>
      <c r="E39029" s="6" t="s">
        <v>9</v>
      </c>
      <c r="F39029" s="7">
        <v>40991</v>
      </c>
      <c r="G39029" s="8">
        <v>6068756</v>
      </c>
      <c r="H39029" s="8">
        <v>4976381</v>
      </c>
      <c r="I39029" s="8">
        <v>1213750</v>
      </c>
      <c r="J39029" s="8">
        <v>4855006</v>
      </c>
      <c r="K39029" s="9"/>
      <c r="L39029" s="6"/>
    </row>
    <row r="39030" spans="1:12">
      <c r="A39030" s="6" t="s">
        <v>27612</v>
      </c>
      <c r="B39030" s="6" t="s">
        <v>38164</v>
      </c>
      <c r="C39030" s="6" t="s">
        <v>32230</v>
      </c>
      <c r="D39030" s="6" t="s">
        <v>38159</v>
      </c>
      <c r="E39030" s="6" t="s">
        <v>9</v>
      </c>
      <c r="F39030" s="7">
        <v>41718</v>
      </c>
      <c r="G39030" s="8">
        <v>667563</v>
      </c>
      <c r="H39030" s="8">
        <v>574106</v>
      </c>
      <c r="I39030" s="8">
        <v>106808</v>
      </c>
      <c r="J39030" s="8">
        <v>560755</v>
      </c>
      <c r="K39030" s="9"/>
      <c r="L39030" s="6"/>
    </row>
    <row r="39031" spans="1:12">
      <c r="A39031" s="6" t="s">
        <v>27612</v>
      </c>
      <c r="B39031" s="6" t="s">
        <v>38164</v>
      </c>
      <c r="C39031" s="6" t="s">
        <v>32230</v>
      </c>
      <c r="D39031" s="6" t="s">
        <v>38159</v>
      </c>
      <c r="E39031" s="6" t="s">
        <v>9</v>
      </c>
      <c r="F39031" s="7">
        <v>41345</v>
      </c>
      <c r="G39031" s="8">
        <v>13543441</v>
      </c>
      <c r="H39031" s="8">
        <v>7475985</v>
      </c>
      <c r="I39031" s="8">
        <v>6825888</v>
      </c>
      <c r="J39031" s="8">
        <v>6717553</v>
      </c>
      <c r="K39031" s="9"/>
      <c r="L39031" s="6"/>
    </row>
    <row r="39032" spans="1:12">
      <c r="A39032" s="6" t="s">
        <v>27612</v>
      </c>
      <c r="B39032" s="6" t="s">
        <v>38164</v>
      </c>
      <c r="C39032" s="6" t="s">
        <v>32230</v>
      </c>
      <c r="D39032" s="6" t="s">
        <v>38159</v>
      </c>
      <c r="E39032" s="6" t="s">
        <v>9</v>
      </c>
      <c r="F39032" s="7">
        <v>41341</v>
      </c>
      <c r="G39032" s="8">
        <v>93539768</v>
      </c>
      <c r="H39032" s="8">
        <v>76702613</v>
      </c>
      <c r="I39032" s="8">
        <v>18707950</v>
      </c>
      <c r="J39032" s="8">
        <v>74831818</v>
      </c>
      <c r="K39032" s="9"/>
      <c r="L39032" s="6"/>
    </row>
    <row r="39033" spans="1:12">
      <c r="A39033" s="6" t="s">
        <v>27612</v>
      </c>
      <c r="B39033" s="6" t="s">
        <v>38164</v>
      </c>
      <c r="C39033" s="6" t="s">
        <v>32230</v>
      </c>
      <c r="D39033" s="6" t="s">
        <v>38159</v>
      </c>
      <c r="E39033" s="6" t="s">
        <v>9</v>
      </c>
      <c r="F39033" s="7">
        <v>41718</v>
      </c>
      <c r="G39033" s="8">
        <v>15637162</v>
      </c>
      <c r="H39033" s="8">
        <v>8303339</v>
      </c>
      <c r="I39033" s="8">
        <v>8381512</v>
      </c>
      <c r="J39033" s="8">
        <v>7255650</v>
      </c>
      <c r="K39033" s="9"/>
      <c r="L39033" s="6"/>
    </row>
    <row r="39034" spans="1:12">
      <c r="A39034" s="6" t="s">
        <v>27612</v>
      </c>
      <c r="B39034" s="6" t="s">
        <v>38164</v>
      </c>
      <c r="C39034" s="6" t="s">
        <v>32230</v>
      </c>
      <c r="D39034" s="6" t="s">
        <v>38159</v>
      </c>
      <c r="E39034" s="6" t="s">
        <v>9</v>
      </c>
      <c r="F39034" s="7">
        <v>41705</v>
      </c>
      <c r="G39034" s="8">
        <v>104584905</v>
      </c>
      <c r="H39034" s="8">
        <v>87851321</v>
      </c>
      <c r="I39034" s="8">
        <v>18825282</v>
      </c>
      <c r="J39034" s="8">
        <v>85759623</v>
      </c>
      <c r="K39034" s="9"/>
      <c r="L39034" s="6"/>
    </row>
    <row r="39035" spans="1:12">
      <c r="A39035" s="6" t="s">
        <v>27612</v>
      </c>
      <c r="B39035" s="6" t="s">
        <v>38165</v>
      </c>
      <c r="C39035" s="6" t="s">
        <v>32230</v>
      </c>
      <c r="D39035" s="6" t="s">
        <v>38159</v>
      </c>
      <c r="E39035" s="6" t="s">
        <v>9</v>
      </c>
      <c r="F39035" s="7">
        <v>29190</v>
      </c>
      <c r="G39035" s="8">
        <v>350000</v>
      </c>
      <c r="H39035" s="8">
        <v>1</v>
      </c>
      <c r="I39035" s="8">
        <v>349999</v>
      </c>
      <c r="J39035" s="8">
        <v>1</v>
      </c>
      <c r="K39035" s="9">
        <v>5</v>
      </c>
      <c r="L39035" s="6"/>
    </row>
    <row r="39036" spans="1:12">
      <c r="A39036" s="6" t="s">
        <v>27654</v>
      </c>
      <c r="B39036" s="6" t="s">
        <v>38166</v>
      </c>
      <c r="C39036" s="6" t="s">
        <v>32230</v>
      </c>
      <c r="D39036" s="6" t="s">
        <v>38167</v>
      </c>
      <c r="E39036" s="6" t="s">
        <v>9</v>
      </c>
      <c r="F39036" s="7">
        <v>34001</v>
      </c>
      <c r="G39036" s="8">
        <v>4770000</v>
      </c>
      <c r="H39036" s="8">
        <v>1</v>
      </c>
      <c r="I39036" s="8">
        <v>4769999</v>
      </c>
      <c r="J39036" s="8">
        <v>1</v>
      </c>
      <c r="K39036" s="9">
        <v>53</v>
      </c>
      <c r="L39036" s="6"/>
    </row>
    <row r="39037" spans="1:12">
      <c r="A39037" s="6" t="s">
        <v>27654</v>
      </c>
      <c r="B39037" s="6" t="s">
        <v>38168</v>
      </c>
      <c r="C39037" s="6" t="s">
        <v>32230</v>
      </c>
      <c r="D39037" s="6" t="s">
        <v>38167</v>
      </c>
      <c r="E39037" s="6" t="s">
        <v>9</v>
      </c>
      <c r="F39037" s="7">
        <v>43529</v>
      </c>
      <c r="G39037" s="8">
        <v>1296000</v>
      </c>
      <c r="H39037" s="8">
        <v>1122336</v>
      </c>
      <c r="I39037" s="8">
        <v>260496</v>
      </c>
      <c r="J39037" s="8">
        <v>1035504</v>
      </c>
      <c r="K39037" s="9"/>
      <c r="L39037" s="6"/>
    </row>
    <row r="39038" spans="1:12">
      <c r="A39038" s="6" t="s">
        <v>27654</v>
      </c>
      <c r="B39038" s="6" t="s">
        <v>38168</v>
      </c>
      <c r="C39038" s="6" t="s">
        <v>32230</v>
      </c>
      <c r="D39038" s="6" t="s">
        <v>38167</v>
      </c>
      <c r="E39038" s="6" t="s">
        <v>9</v>
      </c>
      <c r="F39038" s="7">
        <v>40448</v>
      </c>
      <c r="G39038" s="8">
        <v>787500</v>
      </c>
      <c r="H39038" s="8">
        <v>259880</v>
      </c>
      <c r="I39038" s="8">
        <v>580382</v>
      </c>
      <c r="J39038" s="8">
        <v>207118</v>
      </c>
      <c r="K39038" s="9"/>
      <c r="L39038" s="6"/>
    </row>
    <row r="39039" spans="1:12">
      <c r="A39039" s="6" t="s">
        <v>27654</v>
      </c>
      <c r="B39039" s="6" t="s">
        <v>38168</v>
      </c>
      <c r="C39039" s="6" t="s">
        <v>32230</v>
      </c>
      <c r="D39039" s="6" t="s">
        <v>38167</v>
      </c>
      <c r="E39039" s="6" t="s">
        <v>9</v>
      </c>
      <c r="F39039" s="7">
        <v>41509</v>
      </c>
      <c r="G39039" s="8">
        <v>682500</v>
      </c>
      <c r="H39039" s="8">
        <v>362411</v>
      </c>
      <c r="I39039" s="8">
        <v>365816</v>
      </c>
      <c r="J39039" s="8">
        <v>316684</v>
      </c>
      <c r="K39039" s="9"/>
      <c r="L39039" s="6"/>
    </row>
    <row r="39040" spans="1:12">
      <c r="A39040" s="6" t="s">
        <v>27654</v>
      </c>
      <c r="B39040" s="6" t="s">
        <v>38168</v>
      </c>
      <c r="C39040" s="6" t="s">
        <v>32230</v>
      </c>
      <c r="D39040" s="6" t="s">
        <v>38167</v>
      </c>
      <c r="E39040" s="6" t="s">
        <v>9</v>
      </c>
      <c r="F39040" s="7">
        <v>43419</v>
      </c>
      <c r="G39040" s="8">
        <v>498960</v>
      </c>
      <c r="H39040" s="8">
        <v>432100</v>
      </c>
      <c r="I39040" s="8">
        <v>100290</v>
      </c>
      <c r="J39040" s="8">
        <v>398670</v>
      </c>
      <c r="K39040" s="9"/>
      <c r="L39040" s="6"/>
    </row>
    <row r="39041" spans="1:12">
      <c r="A39041" s="6" t="s">
        <v>27654</v>
      </c>
      <c r="B39041" s="6" t="s">
        <v>38168</v>
      </c>
      <c r="C39041" s="6" t="s">
        <v>32230</v>
      </c>
      <c r="D39041" s="6" t="s">
        <v>38167</v>
      </c>
      <c r="E39041" s="6" t="s">
        <v>9</v>
      </c>
      <c r="F39041" s="7">
        <v>42993</v>
      </c>
      <c r="G39041" s="8">
        <v>662580</v>
      </c>
      <c r="H39041" s="8">
        <v>529404</v>
      </c>
      <c r="I39041" s="8">
        <v>177568</v>
      </c>
      <c r="J39041" s="8">
        <v>485012</v>
      </c>
      <c r="K39041" s="9"/>
      <c r="L39041" s="6"/>
    </row>
    <row r="39042" spans="1:12">
      <c r="A39042" s="6" t="s">
        <v>27654</v>
      </c>
      <c r="B39042" s="6" t="s">
        <v>38168</v>
      </c>
      <c r="C39042" s="6" t="s">
        <v>32230</v>
      </c>
      <c r="D39042" s="6" t="s">
        <v>38167</v>
      </c>
      <c r="E39042" s="6" t="s">
        <v>9</v>
      </c>
      <c r="F39042" s="7">
        <v>29281</v>
      </c>
      <c r="G39042" s="8">
        <v>54270000</v>
      </c>
      <c r="H39042" s="8">
        <v>5318460</v>
      </c>
      <c r="I39042" s="8">
        <v>50145480</v>
      </c>
      <c r="J39042" s="8">
        <v>4124520</v>
      </c>
      <c r="K39042" s="9">
        <v>402</v>
      </c>
      <c r="L39042" s="6"/>
    </row>
    <row r="39043" spans="1:12">
      <c r="A39043" s="6" t="s">
        <v>27654</v>
      </c>
      <c r="B39043" s="6" t="s">
        <v>38168</v>
      </c>
      <c r="C39043" s="6" t="s">
        <v>32230</v>
      </c>
      <c r="D39043" s="6" t="s">
        <v>38167</v>
      </c>
      <c r="E39043" s="6" t="s">
        <v>9</v>
      </c>
      <c r="F39043" s="7"/>
      <c r="G39043" s="8">
        <v>5697000</v>
      </c>
      <c r="H39043" s="8">
        <v>5446332</v>
      </c>
      <c r="I39043" s="8">
        <v>376002</v>
      </c>
      <c r="J39043" s="8">
        <v>5320998</v>
      </c>
      <c r="K39043" s="9"/>
      <c r="L39043" s="6"/>
    </row>
    <row r="39044" spans="1:12">
      <c r="A39044" s="6" t="s">
        <v>27657</v>
      </c>
      <c r="B39044" s="6" t="s">
        <v>38169</v>
      </c>
      <c r="C39044" s="6" t="s">
        <v>32230</v>
      </c>
      <c r="D39044" s="6" t="s">
        <v>38170</v>
      </c>
      <c r="E39044" s="6" t="s">
        <v>9</v>
      </c>
      <c r="F39044" s="7">
        <v>34486</v>
      </c>
      <c r="G39044" s="8">
        <v>1025060000</v>
      </c>
      <c r="H39044" s="8">
        <v>438725680</v>
      </c>
      <c r="I39044" s="8">
        <v>608885640</v>
      </c>
      <c r="J39044" s="8">
        <v>416174360</v>
      </c>
      <c r="K39044" s="9">
        <v>3386.02</v>
      </c>
      <c r="L39044" s="6"/>
    </row>
    <row r="39045" spans="1:12">
      <c r="A39045" s="6" t="s">
        <v>27657</v>
      </c>
      <c r="B39045" s="6"/>
      <c r="C39045" s="6" t="s">
        <v>32230</v>
      </c>
      <c r="D39045" s="6"/>
      <c r="E39045" s="6"/>
      <c r="F39045" s="7">
        <v>39526</v>
      </c>
      <c r="G39045" s="8">
        <v>20273114</v>
      </c>
      <c r="H39045" s="8">
        <v>2615240</v>
      </c>
      <c r="I39045" s="8">
        <v>19016172</v>
      </c>
      <c r="J39045" s="8">
        <v>1256942</v>
      </c>
      <c r="K39045" s="9"/>
      <c r="L39045" s="6"/>
    </row>
    <row r="39046" spans="1:12">
      <c r="A39046" s="6" t="s">
        <v>27657</v>
      </c>
      <c r="B39046" s="6"/>
      <c r="C39046" s="6" t="s">
        <v>32230</v>
      </c>
      <c r="D39046" s="6"/>
      <c r="E39046" s="6"/>
      <c r="F39046" s="7">
        <v>39526</v>
      </c>
      <c r="G39046" s="8">
        <v>239013885</v>
      </c>
      <c r="H39046" s="8">
        <v>30832795</v>
      </c>
      <c r="I39046" s="8">
        <v>224195020</v>
      </c>
      <c r="J39046" s="8">
        <v>14818865</v>
      </c>
      <c r="K39046" s="9"/>
      <c r="L39046" s="6"/>
    </row>
    <row r="39047" spans="1:12">
      <c r="A39047" s="6" t="s">
        <v>27657</v>
      </c>
      <c r="B39047" s="6"/>
      <c r="C39047" s="6" t="s">
        <v>32230</v>
      </c>
      <c r="D39047" s="6"/>
      <c r="E39047" s="6"/>
      <c r="F39047" s="7">
        <v>41620</v>
      </c>
      <c r="G39047" s="8">
        <v>745500</v>
      </c>
      <c r="H39047" s="8">
        <v>93191</v>
      </c>
      <c r="I39047" s="8">
        <v>745496</v>
      </c>
      <c r="J39047" s="8">
        <v>4</v>
      </c>
      <c r="K39047" s="9"/>
      <c r="L39047" s="6"/>
    </row>
    <row r="39048" spans="1:12">
      <c r="A39048" s="6" t="s">
        <v>27657</v>
      </c>
      <c r="B39048" s="6"/>
      <c r="C39048" s="6" t="s">
        <v>32230</v>
      </c>
      <c r="D39048" s="6"/>
      <c r="E39048" s="6"/>
      <c r="F39048" s="7">
        <v>42510</v>
      </c>
      <c r="G39048" s="8">
        <v>1296000</v>
      </c>
      <c r="H39048" s="8">
        <v>896832</v>
      </c>
      <c r="I39048" s="8">
        <v>498960</v>
      </c>
      <c r="J39048" s="8">
        <v>797040</v>
      </c>
      <c r="K39048" s="9"/>
      <c r="L39048" s="6"/>
    </row>
    <row r="39049" spans="1:12">
      <c r="A39049" s="6" t="s">
        <v>27657</v>
      </c>
      <c r="B39049" s="6"/>
      <c r="C39049" s="6" t="s">
        <v>32230</v>
      </c>
      <c r="D39049" s="6"/>
      <c r="E39049" s="6"/>
      <c r="F39049" s="7">
        <v>42536</v>
      </c>
      <c r="G39049" s="8">
        <v>1296000</v>
      </c>
      <c r="H39049" s="8">
        <v>896832</v>
      </c>
      <c r="I39049" s="8">
        <v>498960</v>
      </c>
      <c r="J39049" s="8">
        <v>797040</v>
      </c>
      <c r="K39049" s="9"/>
      <c r="L39049" s="6"/>
    </row>
    <row r="39050" spans="1:12">
      <c r="A39050" s="6" t="s">
        <v>27657</v>
      </c>
      <c r="B39050" s="6" t="s">
        <v>38171</v>
      </c>
      <c r="C39050" s="6" t="s">
        <v>32230</v>
      </c>
      <c r="D39050" s="6" t="s">
        <v>38170</v>
      </c>
      <c r="E39050" s="6" t="s">
        <v>9</v>
      </c>
      <c r="F39050" s="7">
        <v>34486</v>
      </c>
      <c r="G39050" s="8">
        <v>30270000</v>
      </c>
      <c r="H39050" s="8">
        <v>9020460</v>
      </c>
      <c r="I39050" s="8">
        <v>22066830</v>
      </c>
      <c r="J39050" s="8">
        <v>8203170</v>
      </c>
      <c r="K39050" s="9">
        <v>100</v>
      </c>
      <c r="L39050" s="6"/>
    </row>
    <row r="39051" spans="1:12">
      <c r="A39051" s="6" t="s">
        <v>27657</v>
      </c>
      <c r="B39051" s="6" t="s">
        <v>27657</v>
      </c>
      <c r="C39051" s="6" t="s">
        <v>32230</v>
      </c>
      <c r="D39051" s="6" t="s">
        <v>38170</v>
      </c>
      <c r="E39051" s="6" t="s">
        <v>9</v>
      </c>
      <c r="F39051" s="7">
        <v>43921</v>
      </c>
      <c r="G39051" s="8">
        <v>1299100</v>
      </c>
      <c r="H39051" s="8">
        <v>1169190</v>
      </c>
      <c r="I39051" s="8">
        <v>259820</v>
      </c>
      <c r="J39051" s="8">
        <v>1039280</v>
      </c>
      <c r="K39051" s="9"/>
      <c r="L39051" s="6"/>
    </row>
    <row r="39052" spans="1:12">
      <c r="A39052" s="6" t="s">
        <v>27657</v>
      </c>
      <c r="B39052" s="6" t="s">
        <v>27657</v>
      </c>
      <c r="C39052" s="6" t="s">
        <v>32230</v>
      </c>
      <c r="D39052" s="6" t="s">
        <v>38170</v>
      </c>
      <c r="E39052" s="6" t="s">
        <v>9</v>
      </c>
      <c r="F39052" s="7">
        <v>31837</v>
      </c>
      <c r="G39052" s="8">
        <v>1048400000</v>
      </c>
      <c r="H39052" s="8">
        <v>264196800</v>
      </c>
      <c r="I39052" s="8">
        <v>807268000</v>
      </c>
      <c r="J39052" s="8">
        <v>241132000</v>
      </c>
      <c r="K39052" s="9">
        <v>5200</v>
      </c>
      <c r="L39052" s="6"/>
    </row>
    <row r="39053" spans="1:12">
      <c r="A39053" s="6" t="s">
        <v>27657</v>
      </c>
      <c r="B39053" s="6" t="s">
        <v>27657</v>
      </c>
      <c r="C39053" s="6" t="s">
        <v>32230</v>
      </c>
      <c r="D39053" s="6" t="s">
        <v>38170</v>
      </c>
      <c r="E39053" s="6" t="s">
        <v>9</v>
      </c>
      <c r="F39053" s="7">
        <v>43430</v>
      </c>
      <c r="G39053" s="8">
        <v>7550280</v>
      </c>
      <c r="H39053" s="8">
        <v>6538544</v>
      </c>
      <c r="I39053" s="8">
        <v>1517604</v>
      </c>
      <c r="J39053" s="8">
        <v>6032676</v>
      </c>
      <c r="K39053" s="9"/>
      <c r="L39053" s="6"/>
    </row>
    <row r="39054" spans="1:12">
      <c r="A39054" s="6" t="s">
        <v>27657</v>
      </c>
      <c r="B39054" s="6" t="s">
        <v>38172</v>
      </c>
      <c r="C39054" s="6" t="s">
        <v>32230</v>
      </c>
      <c r="D39054" s="6" t="s">
        <v>38170</v>
      </c>
      <c r="E39054" s="6" t="s">
        <v>9</v>
      </c>
      <c r="F39054" s="7">
        <v>39508</v>
      </c>
      <c r="G39054" s="8">
        <v>27920000</v>
      </c>
      <c r="H39054" s="8">
        <v>15942320</v>
      </c>
      <c r="I39054" s="8">
        <v>12899040</v>
      </c>
      <c r="J39054" s="8">
        <v>15020960</v>
      </c>
      <c r="K39054" s="9">
        <v>160</v>
      </c>
      <c r="L39054" s="6"/>
    </row>
    <row r="39055" spans="1:12">
      <c r="A39055" s="6" t="s">
        <v>27657</v>
      </c>
      <c r="B39055" s="6" t="s">
        <v>38172</v>
      </c>
      <c r="C39055" s="6" t="s">
        <v>32230</v>
      </c>
      <c r="D39055" s="6" t="s">
        <v>38170</v>
      </c>
      <c r="E39055" s="6" t="s">
        <v>9</v>
      </c>
      <c r="F39055" s="7">
        <v>42732</v>
      </c>
      <c r="G39055" s="8">
        <v>464400</v>
      </c>
      <c r="H39055" s="8">
        <v>339944</v>
      </c>
      <c r="I39055" s="8">
        <v>155570</v>
      </c>
      <c r="J39055" s="8">
        <v>308830</v>
      </c>
      <c r="K39055" s="9"/>
      <c r="L39055" s="6"/>
    </row>
    <row r="39056" spans="1:12">
      <c r="A39056" s="6" t="s">
        <v>27657</v>
      </c>
      <c r="B39056" s="6" t="s">
        <v>38172</v>
      </c>
      <c r="C39056" s="6" t="s">
        <v>32230</v>
      </c>
      <c r="D39056" s="6" t="s">
        <v>38170</v>
      </c>
      <c r="E39056" s="6" t="s">
        <v>9</v>
      </c>
      <c r="F39056" s="7">
        <v>44249</v>
      </c>
      <c r="G39056" s="8">
        <v>5478000</v>
      </c>
      <c r="H39056" s="8">
        <v>5478000</v>
      </c>
      <c r="I39056" s="8">
        <v>367026</v>
      </c>
      <c r="J39056" s="8">
        <v>5110974</v>
      </c>
      <c r="K39056" s="9"/>
      <c r="L39056" s="6"/>
    </row>
    <row r="39057" spans="1:12">
      <c r="A39057" s="6" t="s">
        <v>27657</v>
      </c>
      <c r="B39057" s="6" t="s">
        <v>38173</v>
      </c>
      <c r="C39057" s="6" t="s">
        <v>32230</v>
      </c>
      <c r="D39057" s="6" t="s">
        <v>38170</v>
      </c>
      <c r="E39057" s="6" t="s">
        <v>9</v>
      </c>
      <c r="F39057" s="7">
        <v>31898</v>
      </c>
      <c r="G39057" s="8">
        <v>9288000</v>
      </c>
      <c r="H39057" s="8">
        <v>3157920</v>
      </c>
      <c r="I39057" s="8">
        <v>6315840</v>
      </c>
      <c r="J39057" s="8">
        <v>2972160</v>
      </c>
      <c r="K39057" s="9">
        <v>51.6</v>
      </c>
      <c r="L39057" s="6"/>
    </row>
    <row r="39058" spans="1:12">
      <c r="A39058" s="6" t="s">
        <v>38174</v>
      </c>
      <c r="B39058" s="6" t="s">
        <v>38174</v>
      </c>
      <c r="C39058" s="6" t="s">
        <v>32230</v>
      </c>
      <c r="D39058" s="6" t="s">
        <v>38167</v>
      </c>
      <c r="E39058" s="6" t="s">
        <v>9</v>
      </c>
      <c r="F39058" s="7">
        <v>30348</v>
      </c>
      <c r="G39058" s="8">
        <v>44970300</v>
      </c>
      <c r="H39058" s="8">
        <v>1</v>
      </c>
      <c r="I39058" s="8">
        <v>44970299</v>
      </c>
      <c r="J39058" s="8">
        <v>1</v>
      </c>
      <c r="K39058" s="9">
        <v>499.67</v>
      </c>
      <c r="L39058" s="6"/>
    </row>
    <row r="39059" spans="1:12">
      <c r="A39059" s="6" t="s">
        <v>38175</v>
      </c>
      <c r="B39059" s="6" t="s">
        <v>38175</v>
      </c>
      <c r="C39059" s="6" t="s">
        <v>32230</v>
      </c>
      <c r="D39059" s="6" t="s">
        <v>38176</v>
      </c>
      <c r="E39059" s="6" t="s">
        <v>9</v>
      </c>
      <c r="F39059" s="7">
        <v>35339</v>
      </c>
      <c r="G39059" s="8">
        <v>84410000</v>
      </c>
      <c r="H39059" s="8">
        <v>43893200</v>
      </c>
      <c r="I39059" s="8">
        <v>42205000</v>
      </c>
      <c r="J39059" s="8">
        <v>42205000</v>
      </c>
      <c r="K39059" s="9">
        <v>299.75</v>
      </c>
      <c r="L39059" s="6"/>
    </row>
    <row r="39060" spans="1:12">
      <c r="A39060" s="6" t="s">
        <v>27686</v>
      </c>
      <c r="B39060" s="6" t="s">
        <v>27686</v>
      </c>
      <c r="C39060" s="6" t="s">
        <v>32230</v>
      </c>
      <c r="D39060" s="6" t="s">
        <v>38177</v>
      </c>
      <c r="E39060" s="6" t="s">
        <v>9</v>
      </c>
      <c r="F39060" s="7">
        <v>34394</v>
      </c>
      <c r="G39060" s="8">
        <v>247200000</v>
      </c>
      <c r="H39060" s="8">
        <v>113712000</v>
      </c>
      <c r="I39060" s="8">
        <v>138432000</v>
      </c>
      <c r="J39060" s="8">
        <v>108768000</v>
      </c>
      <c r="K39060" s="9">
        <v>863.79</v>
      </c>
      <c r="L39060" s="6"/>
    </row>
    <row r="39061" spans="1:12">
      <c r="A39061" s="6" t="s">
        <v>27686</v>
      </c>
      <c r="B39061" s="6" t="s">
        <v>27686</v>
      </c>
      <c r="C39061" s="6" t="s">
        <v>32230</v>
      </c>
      <c r="D39061" s="6" t="s">
        <v>38177</v>
      </c>
      <c r="E39061" s="6" t="s">
        <v>9</v>
      </c>
      <c r="F39061" s="7">
        <v>43054</v>
      </c>
      <c r="G39061" s="8">
        <v>5883160</v>
      </c>
      <c r="H39061" s="8">
        <v>4700647</v>
      </c>
      <c r="I39061" s="8">
        <v>1576684</v>
      </c>
      <c r="J39061" s="8">
        <v>4306476</v>
      </c>
      <c r="K39061" s="9"/>
      <c r="L39061" s="6"/>
    </row>
    <row r="39062" spans="1:12">
      <c r="A39062" s="6" t="s">
        <v>27686</v>
      </c>
      <c r="B39062" s="6" t="s">
        <v>27686</v>
      </c>
      <c r="C39062" s="6" t="s">
        <v>32230</v>
      </c>
      <c r="D39062" s="6" t="s">
        <v>38177</v>
      </c>
      <c r="E39062" s="6" t="s">
        <v>9</v>
      </c>
      <c r="F39062" s="7">
        <v>43105</v>
      </c>
      <c r="G39062" s="8">
        <v>9935600</v>
      </c>
      <c r="H39062" s="8">
        <v>7938545</v>
      </c>
      <c r="I39062" s="8">
        <v>2662740</v>
      </c>
      <c r="J39062" s="8">
        <v>7272860</v>
      </c>
      <c r="K39062" s="9"/>
      <c r="L39062" s="6"/>
    </row>
    <row r="39063" spans="1:12">
      <c r="A39063" s="6" t="s">
        <v>38178</v>
      </c>
      <c r="B39063" s="6" t="s">
        <v>38178</v>
      </c>
      <c r="C39063" s="6" t="s">
        <v>32230</v>
      </c>
      <c r="D39063" s="6" t="s">
        <v>38179</v>
      </c>
      <c r="E39063" s="6" t="s">
        <v>9</v>
      </c>
      <c r="F39063" s="7">
        <v>41332</v>
      </c>
      <c r="G39063" s="8">
        <v>20737500</v>
      </c>
      <c r="H39063" s="8">
        <v>11447100</v>
      </c>
      <c r="I39063" s="8">
        <v>10451700</v>
      </c>
      <c r="J39063" s="8">
        <v>10285800</v>
      </c>
      <c r="K39063" s="9"/>
      <c r="L39063" s="6"/>
    </row>
    <row r="39064" spans="1:12">
      <c r="A39064" s="6" t="s">
        <v>38178</v>
      </c>
      <c r="B39064" s="6" t="s">
        <v>38178</v>
      </c>
      <c r="C39064" s="6" t="s">
        <v>32230</v>
      </c>
      <c r="D39064" s="6" t="s">
        <v>38179</v>
      </c>
      <c r="E39064" s="6" t="s">
        <v>9</v>
      </c>
      <c r="F39064" s="7">
        <v>41332</v>
      </c>
      <c r="G39064" s="8">
        <v>25410000</v>
      </c>
      <c r="H39064" s="8">
        <v>11790240</v>
      </c>
      <c r="I39064" s="8">
        <v>15322230</v>
      </c>
      <c r="J39064" s="8">
        <v>10087770</v>
      </c>
      <c r="K39064" s="9"/>
      <c r="L39064" s="6"/>
    </row>
    <row r="39065" spans="1:12">
      <c r="A39065" s="6" t="s">
        <v>38178</v>
      </c>
      <c r="B39065" s="6" t="s">
        <v>38178</v>
      </c>
      <c r="C39065" s="6" t="s">
        <v>32230</v>
      </c>
      <c r="D39065" s="6" t="s">
        <v>38179</v>
      </c>
      <c r="E39065" s="6" t="s">
        <v>9</v>
      </c>
      <c r="F39065" s="7">
        <v>41320</v>
      </c>
      <c r="G39065" s="8">
        <v>224889000</v>
      </c>
      <c r="H39065" s="8">
        <v>176312976</v>
      </c>
      <c r="I39065" s="8">
        <v>54648027</v>
      </c>
      <c r="J39065" s="8">
        <v>170240973</v>
      </c>
      <c r="K39065" s="9">
        <v>957.01</v>
      </c>
      <c r="L39065" s="6"/>
    </row>
    <row r="39066" spans="1:12">
      <c r="A39066" s="6" t="s">
        <v>38178</v>
      </c>
      <c r="B39066" s="6" t="s">
        <v>38178</v>
      </c>
      <c r="C39066" s="6" t="s">
        <v>32230</v>
      </c>
      <c r="D39066" s="6" t="s">
        <v>38179</v>
      </c>
      <c r="E39066" s="6" t="s">
        <v>9</v>
      </c>
      <c r="F39066" s="7">
        <v>40191</v>
      </c>
      <c r="G39066" s="8">
        <v>1260000</v>
      </c>
      <c r="H39066" s="8">
        <v>331380</v>
      </c>
      <c r="I39066" s="8">
        <v>1013040</v>
      </c>
      <c r="J39066" s="8">
        <v>246960</v>
      </c>
      <c r="K39066" s="9"/>
      <c r="L39066" s="6"/>
    </row>
    <row r="39067" spans="1:12">
      <c r="A39067" s="6" t="s">
        <v>27706</v>
      </c>
      <c r="B39067" s="6" t="s">
        <v>27706</v>
      </c>
      <c r="C39067" s="6" t="s">
        <v>32230</v>
      </c>
      <c r="D39067" s="6" t="s">
        <v>38180</v>
      </c>
      <c r="E39067" s="6" t="s">
        <v>9</v>
      </c>
      <c r="F39067" s="7">
        <v>40256</v>
      </c>
      <c r="G39067" s="8">
        <v>212127300</v>
      </c>
      <c r="H39067" s="8">
        <v>149125493</v>
      </c>
      <c r="I39067" s="8">
        <v>68729244</v>
      </c>
      <c r="J39067" s="8">
        <v>143398056</v>
      </c>
      <c r="K39067" s="9">
        <v>671.49</v>
      </c>
      <c r="L39067" s="6"/>
    </row>
    <row r="39068" spans="1:12">
      <c r="A39068" s="6" t="s">
        <v>27706</v>
      </c>
      <c r="B39068" s="6" t="s">
        <v>27706</v>
      </c>
      <c r="C39068" s="6" t="s">
        <v>32230</v>
      </c>
      <c r="D39068" s="6" t="s">
        <v>38180</v>
      </c>
      <c r="E39068" s="6" t="s">
        <v>9</v>
      </c>
      <c r="F39068" s="7">
        <v>40256</v>
      </c>
      <c r="G39068" s="8">
        <v>21569100</v>
      </c>
      <c r="H39068" s="8">
        <v>8282541</v>
      </c>
      <c r="I39068" s="8">
        <v>14494428</v>
      </c>
      <c r="J39068" s="8">
        <v>7074672</v>
      </c>
      <c r="K39068" s="9"/>
      <c r="L39068" s="6"/>
    </row>
    <row r="39069" spans="1:12">
      <c r="A39069" s="6" t="s">
        <v>27706</v>
      </c>
      <c r="B39069" s="6" t="s">
        <v>27706</v>
      </c>
      <c r="C39069" s="6" t="s">
        <v>32230</v>
      </c>
      <c r="D39069" s="6" t="s">
        <v>38180</v>
      </c>
      <c r="E39069" s="6" t="s">
        <v>9</v>
      </c>
      <c r="F39069" s="7">
        <v>40256</v>
      </c>
      <c r="G39069" s="8">
        <v>31660650</v>
      </c>
      <c r="H39069" s="8">
        <v>8326757</v>
      </c>
      <c r="I39069" s="8">
        <v>25455156</v>
      </c>
      <c r="J39069" s="8">
        <v>6205494</v>
      </c>
      <c r="K39069" s="9"/>
      <c r="L39069" s="6"/>
    </row>
    <row r="39070" spans="1:12">
      <c r="A39070" s="6" t="s">
        <v>27709</v>
      </c>
      <c r="B39070" s="6" t="s">
        <v>27709</v>
      </c>
      <c r="C39070" s="6" t="s">
        <v>32230</v>
      </c>
      <c r="D39070" s="6" t="s">
        <v>38181</v>
      </c>
      <c r="E39070" s="6" t="s">
        <v>9</v>
      </c>
      <c r="F39070" s="7">
        <v>37257</v>
      </c>
      <c r="G39070" s="8">
        <v>169050000</v>
      </c>
      <c r="H39070" s="8">
        <v>104811000</v>
      </c>
      <c r="I39070" s="8">
        <v>67620000</v>
      </c>
      <c r="J39070" s="8">
        <v>101430000</v>
      </c>
      <c r="K39070" s="9">
        <v>652.54</v>
      </c>
      <c r="L39070" s="6"/>
    </row>
    <row r="39071" spans="1:12">
      <c r="A39071" s="6" t="s">
        <v>27709</v>
      </c>
      <c r="B39071" s="6" t="s">
        <v>27709</v>
      </c>
      <c r="C39071" s="6" t="s">
        <v>32230</v>
      </c>
      <c r="D39071" s="6" t="s">
        <v>38181</v>
      </c>
      <c r="E39071" s="6" t="s">
        <v>9</v>
      </c>
      <c r="F39071" s="7">
        <v>41549</v>
      </c>
      <c r="G39071" s="8">
        <v>6174000</v>
      </c>
      <c r="H39071" s="8">
        <v>3753792</v>
      </c>
      <c r="I39071" s="8">
        <v>2765952</v>
      </c>
      <c r="J39071" s="8">
        <v>3408048</v>
      </c>
      <c r="K39071" s="9"/>
      <c r="L39071" s="6"/>
    </row>
    <row r="39072" spans="1:12">
      <c r="A39072" s="6" t="s">
        <v>27717</v>
      </c>
      <c r="B39072" s="6" t="s">
        <v>38182</v>
      </c>
      <c r="C39072" s="6" t="s">
        <v>32230</v>
      </c>
      <c r="D39072" s="6" t="s">
        <v>38183</v>
      </c>
      <c r="E39072" s="6" t="s">
        <v>9</v>
      </c>
      <c r="F39072" s="7">
        <v>39692</v>
      </c>
      <c r="G39072" s="8">
        <v>609000</v>
      </c>
      <c r="H39072" s="8">
        <v>119364</v>
      </c>
      <c r="I39072" s="8">
        <v>530439</v>
      </c>
      <c r="J39072" s="8">
        <v>78561</v>
      </c>
      <c r="K39072" s="9"/>
      <c r="L39072" s="6"/>
    </row>
    <row r="39073" spans="1:12">
      <c r="A39073" s="6" t="s">
        <v>27717</v>
      </c>
      <c r="B39073" s="6" t="s">
        <v>38182</v>
      </c>
      <c r="C39073" s="6" t="s">
        <v>32230</v>
      </c>
      <c r="D39073" s="6" t="s">
        <v>38183</v>
      </c>
      <c r="E39073" s="6" t="s">
        <v>9</v>
      </c>
      <c r="F39073" s="7">
        <v>29281</v>
      </c>
      <c r="G39073" s="8">
        <v>66610350</v>
      </c>
      <c r="H39073" s="8">
        <v>11989863</v>
      </c>
      <c r="I39073" s="8">
        <v>55952694</v>
      </c>
      <c r="J39073" s="8">
        <v>10657656</v>
      </c>
      <c r="K39073" s="9">
        <v>493.41</v>
      </c>
      <c r="L39073" s="6"/>
    </row>
    <row r="39074" spans="1:12">
      <c r="A39074" s="6" t="s">
        <v>27717</v>
      </c>
      <c r="B39074" s="6" t="s">
        <v>38182</v>
      </c>
      <c r="C39074" s="6" t="s">
        <v>32230</v>
      </c>
      <c r="D39074" s="6" t="s">
        <v>38183</v>
      </c>
      <c r="E39074" s="6" t="s">
        <v>9</v>
      </c>
      <c r="F39074" s="7">
        <v>40022</v>
      </c>
      <c r="G39074" s="8">
        <v>588000</v>
      </c>
      <c r="H39074" s="8">
        <v>154644</v>
      </c>
      <c r="I39074" s="8">
        <v>472752</v>
      </c>
      <c r="J39074" s="8">
        <v>115248</v>
      </c>
      <c r="K39074" s="9"/>
      <c r="L39074" s="6"/>
    </row>
    <row r="39075" spans="1:12">
      <c r="A39075" s="6" t="s">
        <v>27717</v>
      </c>
      <c r="B39075" s="6" t="s">
        <v>38182</v>
      </c>
      <c r="C39075" s="6" t="s">
        <v>32230</v>
      </c>
      <c r="D39075" s="6" t="s">
        <v>38183</v>
      </c>
      <c r="E39075" s="6" t="s">
        <v>9</v>
      </c>
      <c r="F39075" s="7">
        <v>40262</v>
      </c>
      <c r="G39075" s="8">
        <v>294000</v>
      </c>
      <c r="H39075" s="8">
        <v>77322</v>
      </c>
      <c r="I39075" s="8">
        <v>236376</v>
      </c>
      <c r="J39075" s="8">
        <v>57624</v>
      </c>
      <c r="K39075" s="9"/>
      <c r="L39075" s="6"/>
    </row>
    <row r="39076" spans="1:12">
      <c r="A39076" s="6" t="s">
        <v>27720</v>
      </c>
      <c r="B39076" s="6" t="s">
        <v>38184</v>
      </c>
      <c r="C39076" s="6" t="s">
        <v>32230</v>
      </c>
      <c r="D39076" s="6" t="s">
        <v>38185</v>
      </c>
      <c r="E39076" s="6" t="s">
        <v>9</v>
      </c>
      <c r="F39076" s="7">
        <v>44048</v>
      </c>
      <c r="G39076" s="8">
        <v>19123838</v>
      </c>
      <c r="H39076" s="8">
        <v>19123838</v>
      </c>
      <c r="I39076" s="8">
        <v>1281297</v>
      </c>
      <c r="J39076" s="8">
        <v>17842541</v>
      </c>
      <c r="K39076" s="9"/>
      <c r="L39076" s="6"/>
    </row>
    <row r="39077" spans="1:12">
      <c r="A39077" s="6" t="s">
        <v>27720</v>
      </c>
      <c r="B39077" s="6" t="s">
        <v>38184</v>
      </c>
      <c r="C39077" s="6" t="s">
        <v>32230</v>
      </c>
      <c r="D39077" s="6" t="s">
        <v>38185</v>
      </c>
      <c r="E39077" s="6" t="s">
        <v>9</v>
      </c>
      <c r="F39077" s="7">
        <v>44048</v>
      </c>
      <c r="G39077" s="8">
        <v>23007796</v>
      </c>
      <c r="H39077" s="8">
        <v>23007796</v>
      </c>
      <c r="I39077" s="8">
        <v>1541522</v>
      </c>
      <c r="J39077" s="8">
        <v>21466274</v>
      </c>
      <c r="K39077" s="9"/>
      <c r="L39077" s="6"/>
    </row>
    <row r="39078" spans="1:12">
      <c r="A39078" s="6" t="s">
        <v>27720</v>
      </c>
      <c r="B39078" s="6" t="s">
        <v>38184</v>
      </c>
      <c r="C39078" s="6" t="s">
        <v>32230</v>
      </c>
      <c r="D39078" s="6" t="s">
        <v>38185</v>
      </c>
      <c r="E39078" s="6" t="s">
        <v>9</v>
      </c>
      <c r="F39078" s="7">
        <v>44048</v>
      </c>
      <c r="G39078" s="8">
        <v>264784366</v>
      </c>
      <c r="H39078" s="8">
        <v>264784366</v>
      </c>
      <c r="I39078" s="8">
        <v>5295687</v>
      </c>
      <c r="J39078" s="8">
        <v>259488679</v>
      </c>
      <c r="K39078" s="9">
        <v>873.46</v>
      </c>
      <c r="L39078" s="6"/>
    </row>
    <row r="39079" spans="1:12">
      <c r="A39079" s="6" t="s">
        <v>38186</v>
      </c>
      <c r="B39079" s="6" t="s">
        <v>38187</v>
      </c>
      <c r="C39079" s="6" t="s">
        <v>32230</v>
      </c>
      <c r="D39079" s="6" t="s">
        <v>38188</v>
      </c>
      <c r="E39079" s="6" t="s">
        <v>9</v>
      </c>
      <c r="F39079" s="7">
        <v>35764</v>
      </c>
      <c r="G39079" s="8">
        <v>282440000</v>
      </c>
      <c r="H39079" s="8">
        <v>152517600</v>
      </c>
      <c r="I39079" s="8">
        <v>135571200</v>
      </c>
      <c r="J39079" s="8">
        <v>146868800</v>
      </c>
      <c r="K39079" s="9">
        <v>891.14</v>
      </c>
      <c r="L39079" s="6"/>
    </row>
    <row r="39080" spans="1:12">
      <c r="A39080" s="6" t="s">
        <v>38186</v>
      </c>
      <c r="B39080" s="6" t="s">
        <v>38187</v>
      </c>
      <c r="C39080" s="6" t="s">
        <v>32230</v>
      </c>
      <c r="D39080" s="6" t="s">
        <v>38188</v>
      </c>
      <c r="E39080" s="6" t="s">
        <v>9</v>
      </c>
      <c r="F39080" s="7">
        <v>42025</v>
      </c>
      <c r="G39080" s="8">
        <v>4565160</v>
      </c>
      <c r="H39080" s="8">
        <v>2729970</v>
      </c>
      <c r="I39080" s="8">
        <v>2141055</v>
      </c>
      <c r="J39080" s="8">
        <v>2424105</v>
      </c>
      <c r="K39080" s="9"/>
      <c r="L39080" s="6"/>
    </row>
    <row r="39081" spans="1:12">
      <c r="A39081" s="6" t="s">
        <v>38186</v>
      </c>
      <c r="B39081" s="6" t="s">
        <v>38187</v>
      </c>
      <c r="C39081" s="6" t="s">
        <v>32230</v>
      </c>
      <c r="D39081" s="6" t="s">
        <v>38188</v>
      </c>
      <c r="E39081" s="6" t="s">
        <v>9</v>
      </c>
      <c r="F39081" s="7">
        <v>41621</v>
      </c>
      <c r="G39081" s="8">
        <v>6195000</v>
      </c>
      <c r="H39081" s="8">
        <v>3289545</v>
      </c>
      <c r="I39081" s="8">
        <v>3320520</v>
      </c>
      <c r="J39081" s="8">
        <v>2874480</v>
      </c>
      <c r="K39081" s="9"/>
      <c r="L39081" s="6"/>
    </row>
    <row r="39082" spans="1:12">
      <c r="A39082" s="6" t="s">
        <v>38186</v>
      </c>
      <c r="B39082" s="6" t="s">
        <v>38187</v>
      </c>
      <c r="C39082" s="6" t="s">
        <v>32230</v>
      </c>
      <c r="D39082" s="6" t="s">
        <v>38188</v>
      </c>
      <c r="E39082" s="6" t="s">
        <v>9</v>
      </c>
      <c r="F39082" s="7">
        <v>42720</v>
      </c>
      <c r="G39082" s="8">
        <v>5636520</v>
      </c>
      <c r="H39082" s="8">
        <v>3900472</v>
      </c>
      <c r="I39082" s="8">
        <v>2170060</v>
      </c>
      <c r="J39082" s="8">
        <v>3466460</v>
      </c>
      <c r="K39082" s="9"/>
      <c r="L39082" s="6"/>
    </row>
    <row r="39083" spans="1:12">
      <c r="A39083" s="6" t="s">
        <v>27722</v>
      </c>
      <c r="B39083" s="6" t="s">
        <v>27722</v>
      </c>
      <c r="C39083" s="6" t="s">
        <v>32230</v>
      </c>
      <c r="D39083" s="6" t="s">
        <v>38189</v>
      </c>
      <c r="E39083" s="6" t="s">
        <v>9</v>
      </c>
      <c r="F39083" s="7">
        <v>43555</v>
      </c>
      <c r="G39083" s="8">
        <v>1285200</v>
      </c>
      <c r="H39083" s="8">
        <v>1112984</v>
      </c>
      <c r="I39083" s="8">
        <v>258324</v>
      </c>
      <c r="J39083" s="8">
        <v>1026876</v>
      </c>
      <c r="K39083" s="9"/>
      <c r="L39083" s="6"/>
    </row>
    <row r="39084" spans="1:12">
      <c r="A39084" s="6" t="s">
        <v>27722</v>
      </c>
      <c r="B39084" s="6" t="s">
        <v>27722</v>
      </c>
      <c r="C39084" s="6" t="s">
        <v>32230</v>
      </c>
      <c r="D39084" s="6" t="s">
        <v>38189</v>
      </c>
      <c r="E39084" s="6" t="s">
        <v>9</v>
      </c>
      <c r="F39084" s="7">
        <v>42180</v>
      </c>
      <c r="G39084" s="8">
        <v>171450</v>
      </c>
      <c r="H39084" s="8">
        <v>114015</v>
      </c>
      <c r="I39084" s="8">
        <v>68922</v>
      </c>
      <c r="J39084" s="8">
        <v>102528</v>
      </c>
      <c r="K39084" s="9"/>
      <c r="L39084" s="6"/>
    </row>
    <row r="39085" spans="1:12">
      <c r="A39085" s="6" t="s">
        <v>27722</v>
      </c>
      <c r="B39085" s="6" t="s">
        <v>27722</v>
      </c>
      <c r="C39085" s="6" t="s">
        <v>32230</v>
      </c>
      <c r="D39085" s="6" t="s">
        <v>38189</v>
      </c>
      <c r="E39085" s="6" t="s">
        <v>9</v>
      </c>
      <c r="F39085" s="7">
        <v>30348</v>
      </c>
      <c r="G39085" s="8">
        <v>121338000</v>
      </c>
      <c r="H39085" s="8">
        <v>19899432</v>
      </c>
      <c r="I39085" s="8">
        <v>104108004</v>
      </c>
      <c r="J39085" s="8">
        <v>17229996</v>
      </c>
      <c r="K39085" s="9">
        <v>898.8</v>
      </c>
      <c r="L39085" s="6"/>
    </row>
    <row r="39086" spans="1:12">
      <c r="A39086" s="6" t="s">
        <v>27726</v>
      </c>
      <c r="B39086" s="6" t="s">
        <v>27726</v>
      </c>
      <c r="C39086" s="6" t="s">
        <v>32230</v>
      </c>
      <c r="D39086" s="6" t="s">
        <v>38190</v>
      </c>
      <c r="E39086" s="6" t="s">
        <v>9</v>
      </c>
      <c r="F39086" s="7">
        <v>27820</v>
      </c>
      <c r="G39086" s="8">
        <v>107241300</v>
      </c>
      <c r="H39086" s="8">
        <v>1072440</v>
      </c>
      <c r="I39086" s="8">
        <v>107241299</v>
      </c>
      <c r="J39086" s="8">
        <v>1</v>
      </c>
      <c r="K39086" s="9">
        <v>794.38</v>
      </c>
      <c r="L39086" s="6"/>
    </row>
    <row r="39087" spans="1:12">
      <c r="A39087" s="6" t="s">
        <v>27726</v>
      </c>
      <c r="B39087" s="6" t="s">
        <v>27726</v>
      </c>
      <c r="C39087" s="6" t="s">
        <v>32230</v>
      </c>
      <c r="D39087" s="6" t="s">
        <v>38190</v>
      </c>
      <c r="E39087" s="6" t="s">
        <v>9</v>
      </c>
      <c r="F39087" s="7">
        <v>42180</v>
      </c>
      <c r="G39087" s="8">
        <v>171450</v>
      </c>
      <c r="H39087" s="8">
        <v>114015</v>
      </c>
      <c r="I39087" s="8">
        <v>68922</v>
      </c>
      <c r="J39087" s="8">
        <v>102528</v>
      </c>
      <c r="K39087" s="9"/>
      <c r="L39087" s="6"/>
    </row>
    <row r="39088" spans="1:12">
      <c r="A39088" s="6" t="s">
        <v>27728</v>
      </c>
      <c r="B39088" s="6" t="s">
        <v>38191</v>
      </c>
      <c r="C39088" s="6" t="s">
        <v>32230</v>
      </c>
      <c r="D39088" s="6" t="s">
        <v>38192</v>
      </c>
      <c r="E39088" s="6" t="s">
        <v>9</v>
      </c>
      <c r="F39088" s="7">
        <v>39665</v>
      </c>
      <c r="G39088" s="8">
        <v>4935000</v>
      </c>
      <c r="H39088" s="8">
        <v>3336060</v>
      </c>
      <c r="I39088" s="8">
        <v>1732185</v>
      </c>
      <c r="J39088" s="8">
        <v>3202815</v>
      </c>
      <c r="K39088" s="9">
        <v>4.04</v>
      </c>
      <c r="L39088" s="6"/>
    </row>
    <row r="39089" spans="1:12">
      <c r="A39089" s="6" t="s">
        <v>27728</v>
      </c>
      <c r="B39089" s="6" t="s">
        <v>38193</v>
      </c>
      <c r="C39089" s="6" t="s">
        <v>32230</v>
      </c>
      <c r="D39089" s="6" t="s">
        <v>38192</v>
      </c>
      <c r="E39089" s="6" t="s">
        <v>9</v>
      </c>
      <c r="F39089" s="7">
        <v>36251</v>
      </c>
      <c r="G39089" s="8">
        <v>48870000</v>
      </c>
      <c r="H39089" s="8">
        <v>21160710</v>
      </c>
      <c r="I39089" s="8">
        <v>29028780</v>
      </c>
      <c r="J39089" s="8">
        <v>19841220</v>
      </c>
      <c r="K39089" s="9">
        <v>543</v>
      </c>
      <c r="L39089" s="6"/>
    </row>
    <row r="39090" spans="1:12">
      <c r="A39090" s="6" t="s">
        <v>27728</v>
      </c>
      <c r="B39090" s="6" t="s">
        <v>38193</v>
      </c>
      <c r="C39090" s="6" t="s">
        <v>32230</v>
      </c>
      <c r="D39090" s="6" t="s">
        <v>38192</v>
      </c>
      <c r="E39090" s="6" t="s">
        <v>9</v>
      </c>
      <c r="F39090" s="7">
        <v>42978</v>
      </c>
      <c r="G39090" s="8">
        <v>8316000</v>
      </c>
      <c r="H39090" s="8">
        <v>6644484</v>
      </c>
      <c r="I39090" s="8">
        <v>2228688</v>
      </c>
      <c r="J39090" s="8">
        <v>6087312</v>
      </c>
      <c r="K39090" s="9"/>
      <c r="L39090" s="6"/>
    </row>
    <row r="39091" spans="1:12">
      <c r="A39091" s="6" t="s">
        <v>27728</v>
      </c>
      <c r="B39091" s="6" t="s">
        <v>38194</v>
      </c>
      <c r="C39091" s="6" t="s">
        <v>32230</v>
      </c>
      <c r="D39091" s="6" t="s">
        <v>38192</v>
      </c>
      <c r="E39091" s="6" t="s">
        <v>9</v>
      </c>
      <c r="F39091" s="7">
        <v>36251</v>
      </c>
      <c r="G39091" s="8">
        <v>1260000</v>
      </c>
      <c r="H39091" s="8">
        <v>148680</v>
      </c>
      <c r="I39091" s="8">
        <v>1164240</v>
      </c>
      <c r="J39091" s="8">
        <v>95760</v>
      </c>
      <c r="K39091" s="9">
        <v>21</v>
      </c>
      <c r="L39091" s="6"/>
    </row>
    <row r="39092" spans="1:12">
      <c r="A39092" s="6" t="s">
        <v>27779</v>
      </c>
      <c r="B39092" s="6" t="s">
        <v>38195</v>
      </c>
      <c r="C39092" s="6" t="s">
        <v>32230</v>
      </c>
      <c r="D39092" s="6" t="s">
        <v>38196</v>
      </c>
      <c r="E39092" s="6" t="s">
        <v>9</v>
      </c>
      <c r="F39092" s="7">
        <v>35462</v>
      </c>
      <c r="G39092" s="8">
        <v>192399000</v>
      </c>
      <c r="H39092" s="8">
        <v>1</v>
      </c>
      <c r="I39092" s="8">
        <v>192398999</v>
      </c>
      <c r="J39092" s="8">
        <v>1</v>
      </c>
      <c r="K39092" s="9">
        <v>629.79</v>
      </c>
      <c r="L39092" s="6"/>
    </row>
    <row r="39093" spans="1:12">
      <c r="A39093" s="6" t="s">
        <v>27779</v>
      </c>
      <c r="B39093" s="6" t="s">
        <v>38195</v>
      </c>
      <c r="C39093" s="6" t="s">
        <v>32230</v>
      </c>
      <c r="D39093" s="6" t="s">
        <v>38196</v>
      </c>
      <c r="E39093" s="6" t="s">
        <v>9</v>
      </c>
      <c r="F39093" s="7">
        <v>43555</v>
      </c>
      <c r="G39093" s="8">
        <v>13335840</v>
      </c>
      <c r="H39093" s="8">
        <v>12108944</v>
      </c>
      <c r="I39093" s="8">
        <v>1840344</v>
      </c>
      <c r="J39093" s="8">
        <v>11495496</v>
      </c>
      <c r="K39093" s="9"/>
      <c r="L39093" s="6"/>
    </row>
    <row r="39094" spans="1:12">
      <c r="A39094" s="6" t="s">
        <v>27779</v>
      </c>
      <c r="B39094" s="6" t="s">
        <v>38197</v>
      </c>
      <c r="C39094" s="6" t="s">
        <v>32230</v>
      </c>
      <c r="D39094" s="6" t="s">
        <v>38196</v>
      </c>
      <c r="E39094" s="6" t="s">
        <v>9</v>
      </c>
      <c r="F39094" s="7">
        <v>35462</v>
      </c>
      <c r="G39094" s="8">
        <v>396000</v>
      </c>
      <c r="H39094" s="8">
        <v>1</v>
      </c>
      <c r="I39094" s="8">
        <v>395999</v>
      </c>
      <c r="J39094" s="8">
        <v>1</v>
      </c>
      <c r="K39094" s="9">
        <v>6.6</v>
      </c>
      <c r="L39094" s="6"/>
    </row>
    <row r="39095" spans="1:12">
      <c r="A39095" s="6" t="s">
        <v>27783</v>
      </c>
      <c r="B39095" s="6" t="s">
        <v>27783</v>
      </c>
      <c r="C39095" s="6" t="s">
        <v>32230</v>
      </c>
      <c r="D39095" s="6" t="s">
        <v>38198</v>
      </c>
      <c r="E39095" s="6" t="s">
        <v>9</v>
      </c>
      <c r="F39095" s="7">
        <v>29281</v>
      </c>
      <c r="G39095" s="8">
        <v>135927450</v>
      </c>
      <c r="H39095" s="8">
        <v>13320927</v>
      </c>
      <c r="I39095" s="8">
        <v>122606523</v>
      </c>
      <c r="J39095" s="8">
        <v>13320927</v>
      </c>
      <c r="K39095" s="9">
        <v>1006.87</v>
      </c>
      <c r="L39095" s="6"/>
    </row>
    <row r="39096" spans="1:12">
      <c r="A39096" s="6" t="s">
        <v>27783</v>
      </c>
      <c r="B39096" s="6"/>
      <c r="C39096" s="6" t="s">
        <v>32230</v>
      </c>
      <c r="D39096" s="6" t="s">
        <v>38199</v>
      </c>
      <c r="E39096" s="6" t="s">
        <v>9</v>
      </c>
      <c r="F39096" s="7"/>
      <c r="G39096" s="8">
        <v>0</v>
      </c>
      <c r="H39096" s="8">
        <v>0</v>
      </c>
      <c r="I39096" s="8">
        <v>0</v>
      </c>
      <c r="J39096" s="8">
        <v>-13320927</v>
      </c>
      <c r="K39096" s="9"/>
      <c r="L39096" s="6"/>
    </row>
    <row r="39097" spans="1:12">
      <c r="A39097" s="6" t="s">
        <v>37927</v>
      </c>
      <c r="B39097" s="6"/>
      <c r="C39097" s="6"/>
      <c r="D39097" s="6"/>
      <c r="E39097" s="6"/>
      <c r="F39097" s="7">
        <v>39272</v>
      </c>
      <c r="G39097" s="8">
        <v>7112700</v>
      </c>
      <c r="H39097" s="8">
        <v>917550</v>
      </c>
      <c r="I39097" s="8">
        <v>6195150</v>
      </c>
      <c r="J39097" s="8">
        <v>917550</v>
      </c>
      <c r="K39097" s="9">
        <v>0</v>
      </c>
      <c r="L39097" s="6"/>
    </row>
    <row r="39098" spans="1:12">
      <c r="A39098" s="6" t="s">
        <v>37927</v>
      </c>
      <c r="B39098" s="6"/>
      <c r="C39098" s="6"/>
      <c r="D39098" s="6"/>
      <c r="E39098" s="6"/>
      <c r="F39098" s="7">
        <v>42089</v>
      </c>
      <c r="G39098" s="8">
        <v>194281</v>
      </c>
      <c r="H39098" s="8">
        <v>116185</v>
      </c>
      <c r="I39098" s="8">
        <v>78096</v>
      </c>
      <c r="J39098" s="8">
        <v>116185</v>
      </c>
      <c r="K39098" s="9">
        <v>0</v>
      </c>
      <c r="L39098" s="6"/>
    </row>
    <row r="39099" spans="1:12">
      <c r="A39099" s="6" t="s">
        <v>27790</v>
      </c>
      <c r="B39099" s="6" t="s">
        <v>38200</v>
      </c>
      <c r="C39099" s="6" t="s">
        <v>32230</v>
      </c>
      <c r="D39099" s="6" t="s">
        <v>38201</v>
      </c>
      <c r="E39099" s="6" t="s">
        <v>25121</v>
      </c>
      <c r="F39099" s="7">
        <v>42710</v>
      </c>
      <c r="G39099" s="8">
        <v>2700000</v>
      </c>
      <c r="H39099" s="8">
        <v>1620000</v>
      </c>
      <c r="I39099" s="8">
        <v>1350000</v>
      </c>
      <c r="J39099" s="8">
        <v>1350000</v>
      </c>
      <c r="K39099" s="9"/>
      <c r="L39099" s="6"/>
    </row>
    <row r="39100" spans="1:12">
      <c r="A39100" s="6" t="s">
        <v>27790</v>
      </c>
      <c r="B39100" s="6" t="s">
        <v>38200</v>
      </c>
      <c r="C39100" s="6" t="s">
        <v>32230</v>
      </c>
      <c r="D39100" s="6" t="s">
        <v>38201</v>
      </c>
      <c r="E39100" s="6" t="s">
        <v>25121</v>
      </c>
      <c r="F39100" s="7">
        <v>43555</v>
      </c>
      <c r="G39100" s="8">
        <v>2073600</v>
      </c>
      <c r="H39100" s="8">
        <v>1841358</v>
      </c>
      <c r="I39100" s="8">
        <v>348363</v>
      </c>
      <c r="J39100" s="8">
        <v>1725237</v>
      </c>
      <c r="K39100" s="9"/>
      <c r="L39100" s="6"/>
    </row>
    <row r="39101" spans="1:12">
      <c r="A39101" s="6" t="s">
        <v>27790</v>
      </c>
      <c r="B39101" s="6" t="s">
        <v>38200</v>
      </c>
      <c r="C39101" s="6" t="s">
        <v>32230</v>
      </c>
      <c r="D39101" s="6" t="s">
        <v>38201</v>
      </c>
      <c r="E39101" s="6" t="s">
        <v>25121</v>
      </c>
      <c r="F39101" s="7">
        <v>42790</v>
      </c>
      <c r="G39101" s="8">
        <v>2538000</v>
      </c>
      <c r="H39101" s="8">
        <v>1857816</v>
      </c>
      <c r="I39101" s="8">
        <v>850230</v>
      </c>
      <c r="J39101" s="8">
        <v>1687770</v>
      </c>
      <c r="K39101" s="9"/>
      <c r="L39101" s="6"/>
    </row>
    <row r="39102" spans="1:12">
      <c r="A39102" s="6" t="s">
        <v>27790</v>
      </c>
      <c r="B39102" s="6" t="s">
        <v>38200</v>
      </c>
      <c r="C39102" s="6" t="s">
        <v>32230</v>
      </c>
      <c r="D39102" s="6" t="s">
        <v>38201</v>
      </c>
      <c r="E39102" s="6" t="s">
        <v>25121</v>
      </c>
      <c r="F39102" s="7">
        <v>42628</v>
      </c>
      <c r="G39102" s="8">
        <v>3733121317</v>
      </c>
      <c r="H39102" s="8">
        <v>3434471613</v>
      </c>
      <c r="I39102" s="8">
        <v>373312130</v>
      </c>
      <c r="J39102" s="8">
        <v>3359809187</v>
      </c>
      <c r="K39102" s="9">
        <v>10411.32</v>
      </c>
      <c r="L39102" s="6"/>
    </row>
    <row r="39103" spans="1:12">
      <c r="A39103" s="6" t="s">
        <v>27790</v>
      </c>
      <c r="B39103" s="6" t="s">
        <v>38200</v>
      </c>
      <c r="C39103" s="6" t="s">
        <v>32230</v>
      </c>
      <c r="D39103" s="6" t="s">
        <v>38201</v>
      </c>
      <c r="E39103" s="6" t="s">
        <v>25121</v>
      </c>
      <c r="F39103" s="7">
        <v>43190</v>
      </c>
      <c r="G39103" s="8">
        <v>54000</v>
      </c>
      <c r="H39103" s="8">
        <v>37800</v>
      </c>
      <c r="I39103" s="8">
        <v>21600</v>
      </c>
      <c r="J39103" s="8">
        <v>32400</v>
      </c>
      <c r="K39103" s="9"/>
      <c r="L39103" s="6"/>
    </row>
    <row r="39104" spans="1:12">
      <c r="A39104" s="6" t="s">
        <v>27790</v>
      </c>
      <c r="B39104" s="6" t="s">
        <v>38200</v>
      </c>
      <c r="C39104" s="6" t="s">
        <v>32230</v>
      </c>
      <c r="D39104" s="6" t="s">
        <v>38201</v>
      </c>
      <c r="E39104" s="6" t="s">
        <v>25121</v>
      </c>
      <c r="F39104" s="7">
        <v>42724</v>
      </c>
      <c r="G39104" s="8">
        <v>534600000</v>
      </c>
      <c r="H39104" s="8">
        <v>414849600</v>
      </c>
      <c r="I39104" s="8">
        <v>149688000</v>
      </c>
      <c r="J39104" s="8">
        <v>384912000</v>
      </c>
      <c r="K39104" s="9"/>
      <c r="L39104" s="6"/>
    </row>
    <row r="39105" spans="1:12">
      <c r="A39105" s="6" t="s">
        <v>27790</v>
      </c>
      <c r="B39105" s="6" t="s">
        <v>38200</v>
      </c>
      <c r="C39105" s="6" t="s">
        <v>32230</v>
      </c>
      <c r="D39105" s="6" t="s">
        <v>38201</v>
      </c>
      <c r="E39105" s="6" t="s">
        <v>25121</v>
      </c>
      <c r="F39105" s="7">
        <v>42628</v>
      </c>
      <c r="G39105" s="8">
        <v>624876999</v>
      </c>
      <c r="H39105" s="8">
        <v>457409967</v>
      </c>
      <c r="I39105" s="8">
        <v>209333790</v>
      </c>
      <c r="J39105" s="8">
        <v>415543209</v>
      </c>
      <c r="K39105" s="9"/>
      <c r="L39105" s="6"/>
    </row>
    <row r="39106" spans="1:12">
      <c r="A39106" s="6" t="s">
        <v>27790</v>
      </c>
      <c r="B39106" s="6" t="s">
        <v>38200</v>
      </c>
      <c r="C39106" s="6" t="s">
        <v>32230</v>
      </c>
      <c r="D39106" s="6" t="s">
        <v>38201</v>
      </c>
      <c r="E39106" s="6" t="s">
        <v>25121</v>
      </c>
      <c r="F39106" s="7">
        <v>42613</v>
      </c>
      <c r="G39106" s="8">
        <v>8856000</v>
      </c>
      <c r="H39106" s="8">
        <v>5313600</v>
      </c>
      <c r="I39106" s="8">
        <v>4428000</v>
      </c>
      <c r="J39106" s="8">
        <v>4428000</v>
      </c>
      <c r="K39106" s="9"/>
      <c r="L39106" s="6"/>
    </row>
    <row r="39107" spans="1:12">
      <c r="A39107" s="6" t="s">
        <v>27790</v>
      </c>
      <c r="B39107" s="6" t="s">
        <v>38200</v>
      </c>
      <c r="C39107" s="6" t="s">
        <v>32230</v>
      </c>
      <c r="D39107" s="6" t="s">
        <v>38201</v>
      </c>
      <c r="E39107" s="6" t="s">
        <v>25121</v>
      </c>
      <c r="F39107" s="7">
        <v>42663</v>
      </c>
      <c r="G39107" s="8">
        <v>907709962</v>
      </c>
      <c r="H39107" s="8">
        <v>664443694</v>
      </c>
      <c r="I39107" s="8">
        <v>304082835</v>
      </c>
      <c r="J39107" s="8">
        <v>603627127</v>
      </c>
      <c r="K39107" s="9"/>
      <c r="L39107" s="6"/>
    </row>
    <row r="39108" spans="1:12">
      <c r="A39108" s="6" t="s">
        <v>27790</v>
      </c>
      <c r="B39108" s="6" t="s">
        <v>38200</v>
      </c>
      <c r="C39108" s="6" t="s">
        <v>32230</v>
      </c>
      <c r="D39108" s="6" t="s">
        <v>38201</v>
      </c>
      <c r="E39108" s="6" t="s">
        <v>25121</v>
      </c>
      <c r="F39108" s="7">
        <v>42824</v>
      </c>
      <c r="G39108" s="8">
        <v>1198800</v>
      </c>
      <c r="H39108" s="8">
        <v>719280</v>
      </c>
      <c r="I39108" s="8">
        <v>599400</v>
      </c>
      <c r="J39108" s="8">
        <v>599400</v>
      </c>
      <c r="K39108" s="9"/>
      <c r="L39108" s="6"/>
    </row>
    <row r="39109" spans="1:12">
      <c r="A39109" s="6" t="s">
        <v>27790</v>
      </c>
      <c r="B39109" s="6" t="s">
        <v>38202</v>
      </c>
      <c r="C39109" s="6" t="s">
        <v>32230</v>
      </c>
      <c r="D39109" s="6" t="s">
        <v>38201</v>
      </c>
      <c r="E39109" s="6" t="s">
        <v>25121</v>
      </c>
      <c r="F39109" s="7"/>
      <c r="G39109" s="8">
        <v>2133000</v>
      </c>
      <c r="H39109" s="8">
        <v>2062611</v>
      </c>
      <c r="I39109" s="8">
        <v>140778</v>
      </c>
      <c r="J39109" s="8">
        <v>1992222</v>
      </c>
      <c r="K39109" s="9"/>
      <c r="L39109" s="6"/>
    </row>
    <row r="39110" spans="1:12">
      <c r="A39110" s="6" t="s">
        <v>27790</v>
      </c>
      <c r="B39110" s="6" t="s">
        <v>38202</v>
      </c>
      <c r="C39110" s="6" t="s">
        <v>32230</v>
      </c>
      <c r="D39110" s="6" t="s">
        <v>38201</v>
      </c>
      <c r="E39110" s="6" t="s">
        <v>25121</v>
      </c>
      <c r="F39110" s="7">
        <v>42628</v>
      </c>
      <c r="G39110" s="8">
        <v>35907639</v>
      </c>
      <c r="H39110" s="8">
        <v>26284395</v>
      </c>
      <c r="I39110" s="8">
        <v>12029055</v>
      </c>
      <c r="J39110" s="8">
        <v>23878584</v>
      </c>
      <c r="K39110" s="9"/>
      <c r="L39110" s="6"/>
    </row>
    <row r="39111" spans="1:12">
      <c r="A39111" s="6" t="s">
        <v>27790</v>
      </c>
      <c r="B39111" s="6" t="s">
        <v>38202</v>
      </c>
      <c r="C39111" s="6" t="s">
        <v>32230</v>
      </c>
      <c r="D39111" s="6" t="s">
        <v>38201</v>
      </c>
      <c r="E39111" s="6" t="s">
        <v>25121</v>
      </c>
      <c r="F39111" s="7">
        <v>42628</v>
      </c>
      <c r="G39111" s="8">
        <v>497743891</v>
      </c>
      <c r="H39111" s="8">
        <v>432041699</v>
      </c>
      <c r="I39111" s="8">
        <v>82127740</v>
      </c>
      <c r="J39111" s="8">
        <v>415616151</v>
      </c>
      <c r="K39111" s="9">
        <v>4755.97</v>
      </c>
      <c r="L39111" s="6"/>
    </row>
    <row r="39112" spans="1:12">
      <c r="A39112" s="6" t="s">
        <v>27790</v>
      </c>
      <c r="B39112" s="6" t="s">
        <v>38202</v>
      </c>
      <c r="C39112" s="6" t="s">
        <v>32230</v>
      </c>
      <c r="D39112" s="6" t="s">
        <v>38201</v>
      </c>
      <c r="E39112" s="6" t="s">
        <v>25121</v>
      </c>
      <c r="F39112" s="7">
        <v>42628</v>
      </c>
      <c r="G39112" s="8">
        <v>8316731</v>
      </c>
      <c r="H39112" s="8">
        <v>6087851</v>
      </c>
      <c r="I39112" s="8">
        <v>2786100</v>
      </c>
      <c r="J39112" s="8">
        <v>5530631</v>
      </c>
      <c r="K39112" s="9"/>
      <c r="L39112" s="6"/>
    </row>
    <row r="39113" spans="1:12">
      <c r="A39113" s="6" t="s">
        <v>27790</v>
      </c>
      <c r="B39113" s="6" t="s">
        <v>38203</v>
      </c>
      <c r="C39113" s="6" t="s">
        <v>32230</v>
      </c>
      <c r="D39113" s="6" t="s">
        <v>38201</v>
      </c>
      <c r="E39113" s="6" t="s">
        <v>25121</v>
      </c>
      <c r="F39113" s="7">
        <v>42628</v>
      </c>
      <c r="G39113" s="8">
        <v>2020157</v>
      </c>
      <c r="H39113" s="8">
        <v>1478757</v>
      </c>
      <c r="I39113" s="8">
        <v>676750</v>
      </c>
      <c r="J39113" s="8">
        <v>1343407</v>
      </c>
      <c r="K39113" s="9"/>
      <c r="L39113" s="6"/>
    </row>
    <row r="39114" spans="1:12">
      <c r="A39114" s="6" t="s">
        <v>27790</v>
      </c>
      <c r="B39114" s="6" t="s">
        <v>38203</v>
      </c>
      <c r="C39114" s="6" t="s">
        <v>32230</v>
      </c>
      <c r="D39114" s="6" t="s">
        <v>38201</v>
      </c>
      <c r="E39114" s="6" t="s">
        <v>25121</v>
      </c>
      <c r="F39114" s="7">
        <v>42628</v>
      </c>
      <c r="G39114" s="8">
        <v>28002980</v>
      </c>
      <c r="H39114" s="8">
        <v>24306588</v>
      </c>
      <c r="I39114" s="8">
        <v>4620490</v>
      </c>
      <c r="J39114" s="8">
        <v>23382490</v>
      </c>
      <c r="K39114" s="9">
        <v>267.57</v>
      </c>
      <c r="L39114" s="6"/>
    </row>
    <row r="39115" spans="1:12">
      <c r="A39115" s="6" t="s">
        <v>27790</v>
      </c>
      <c r="B39115" s="6" t="s">
        <v>38203</v>
      </c>
      <c r="C39115" s="6" t="s">
        <v>32230</v>
      </c>
      <c r="D39115" s="6" t="s">
        <v>38201</v>
      </c>
      <c r="E39115" s="6" t="s">
        <v>25121</v>
      </c>
      <c r="F39115" s="7">
        <v>42628</v>
      </c>
      <c r="G39115" s="8">
        <v>467898</v>
      </c>
      <c r="H39115" s="8">
        <v>342502</v>
      </c>
      <c r="I39115" s="8">
        <v>156745</v>
      </c>
      <c r="J39115" s="8">
        <v>311153</v>
      </c>
      <c r="K39115" s="9"/>
      <c r="L39115" s="6"/>
    </row>
    <row r="39116" spans="1:12">
      <c r="A39116" s="6" t="s">
        <v>38204</v>
      </c>
      <c r="B39116" s="6" t="s">
        <v>38205</v>
      </c>
      <c r="C39116" s="6" t="s">
        <v>32230</v>
      </c>
      <c r="D39116" s="6" t="s">
        <v>38206</v>
      </c>
      <c r="E39116" s="6" t="s">
        <v>9</v>
      </c>
      <c r="F39116" s="7">
        <v>40007</v>
      </c>
      <c r="G39116" s="8">
        <v>17220000</v>
      </c>
      <c r="H39116" s="8">
        <v>12105660</v>
      </c>
      <c r="I39116" s="8">
        <v>5579280</v>
      </c>
      <c r="J39116" s="8">
        <v>11640720</v>
      </c>
      <c r="K39116" s="9">
        <v>0</v>
      </c>
      <c r="L39116" s="6"/>
    </row>
    <row r="39117" spans="1:12">
      <c r="A39117" s="6" t="s">
        <v>38204</v>
      </c>
      <c r="B39117" s="6" t="s">
        <v>38205</v>
      </c>
      <c r="C39117" s="6" t="s">
        <v>32230</v>
      </c>
      <c r="D39117" s="6" t="s">
        <v>38206</v>
      </c>
      <c r="E39117" s="6" t="s">
        <v>9</v>
      </c>
      <c r="F39117" s="7">
        <v>40007</v>
      </c>
      <c r="G39117" s="8">
        <v>15099000</v>
      </c>
      <c r="H39117" s="8">
        <v>3971037</v>
      </c>
      <c r="I39117" s="8">
        <v>12139596</v>
      </c>
      <c r="J39117" s="8">
        <v>2959404</v>
      </c>
      <c r="K39117" s="9"/>
      <c r="L39117" s="6"/>
    </row>
    <row r="39118" spans="1:12">
      <c r="A39118" s="6" t="s">
        <v>38207</v>
      </c>
      <c r="B39118" s="6" t="s">
        <v>38207</v>
      </c>
      <c r="C39118" s="6" t="s">
        <v>32230</v>
      </c>
      <c r="D39118" s="6" t="s">
        <v>37824</v>
      </c>
      <c r="E39118" s="6" t="s">
        <v>9</v>
      </c>
      <c r="F39118" s="7">
        <v>43976</v>
      </c>
      <c r="G39118" s="8">
        <v>110000</v>
      </c>
      <c r="H39118" s="8">
        <v>110000</v>
      </c>
      <c r="I39118" s="8">
        <v>7370</v>
      </c>
      <c r="J39118" s="8">
        <v>102630</v>
      </c>
      <c r="K39118" s="9"/>
      <c r="L39118" s="6"/>
    </row>
    <row r="39119" spans="1:12">
      <c r="A39119" s="6" t="s">
        <v>38207</v>
      </c>
      <c r="B39119" s="6" t="s">
        <v>38207</v>
      </c>
      <c r="C39119" s="6" t="s">
        <v>32230</v>
      </c>
      <c r="D39119" s="6" t="s">
        <v>37824</v>
      </c>
      <c r="E39119" s="6" t="s">
        <v>9</v>
      </c>
      <c r="F39119" s="7">
        <v>42082</v>
      </c>
      <c r="G39119" s="8">
        <v>36288000</v>
      </c>
      <c r="H39119" s="8">
        <v>29756160</v>
      </c>
      <c r="I39119" s="8">
        <v>7620480</v>
      </c>
      <c r="J39119" s="8">
        <v>28667520</v>
      </c>
      <c r="K39119" s="9">
        <v>142.5</v>
      </c>
      <c r="L39119" s="6"/>
    </row>
    <row r="39120" spans="1:12">
      <c r="A39120" s="6" t="s">
        <v>38208</v>
      </c>
      <c r="B39120" s="6" t="s">
        <v>38208</v>
      </c>
      <c r="C39120" s="6" t="s">
        <v>32230</v>
      </c>
      <c r="D39120" s="6" t="s">
        <v>38209</v>
      </c>
      <c r="E39120" s="6" t="s">
        <v>9</v>
      </c>
      <c r="F39120" s="7">
        <v>43784</v>
      </c>
      <c r="G39120" s="8">
        <v>108000</v>
      </c>
      <c r="H39120" s="8">
        <v>100764</v>
      </c>
      <c r="I39120" s="8">
        <v>14472</v>
      </c>
      <c r="J39120" s="8">
        <v>93528</v>
      </c>
      <c r="K39120" s="9"/>
      <c r="L39120" s="6"/>
    </row>
    <row r="39121" spans="1:12">
      <c r="A39121" s="6" t="s">
        <v>38208</v>
      </c>
      <c r="B39121" s="6" t="s">
        <v>38208</v>
      </c>
      <c r="C39121" s="6" t="s">
        <v>32230</v>
      </c>
      <c r="D39121" s="6" t="s">
        <v>38209</v>
      </c>
      <c r="E39121" s="6" t="s">
        <v>9</v>
      </c>
      <c r="F39121" s="7">
        <v>42082</v>
      </c>
      <c r="G39121" s="8">
        <v>28080000</v>
      </c>
      <c r="H39121" s="8">
        <v>23025600</v>
      </c>
      <c r="I39121" s="8">
        <v>5896800</v>
      </c>
      <c r="J39121" s="8">
        <v>22183200</v>
      </c>
      <c r="K39121" s="9">
        <v>99.5</v>
      </c>
      <c r="L39121" s="6"/>
    </row>
    <row r="39122" spans="1:12">
      <c r="A39122" s="6" t="s">
        <v>38208</v>
      </c>
      <c r="B39122" s="6" t="s">
        <v>38208</v>
      </c>
      <c r="C39122" s="6" t="s">
        <v>32230</v>
      </c>
      <c r="D39122" s="6" t="s">
        <v>38209</v>
      </c>
      <c r="E39122" s="6" t="s">
        <v>9</v>
      </c>
      <c r="F39122" s="7">
        <v>40238</v>
      </c>
      <c r="G39122" s="8">
        <v>1260000</v>
      </c>
      <c r="H39122" s="8">
        <v>331380</v>
      </c>
      <c r="I39122" s="8">
        <v>1013040</v>
      </c>
      <c r="J39122" s="8">
        <v>246960</v>
      </c>
      <c r="K39122" s="9"/>
      <c r="L39122" s="6"/>
    </row>
    <row r="39123" spans="1:12">
      <c r="A39123" s="6" t="s">
        <v>38210</v>
      </c>
      <c r="B39123" s="6" t="s">
        <v>38210</v>
      </c>
      <c r="C39123" s="6" t="s">
        <v>32230</v>
      </c>
      <c r="D39123" s="6" t="s">
        <v>38211</v>
      </c>
      <c r="E39123" s="6" t="s">
        <v>9</v>
      </c>
      <c r="F39123" s="7">
        <v>42195</v>
      </c>
      <c r="G39123" s="8">
        <v>4752000</v>
      </c>
      <c r="H39123" s="8">
        <v>4110480</v>
      </c>
      <c r="I39123" s="8">
        <v>769824</v>
      </c>
      <c r="J39123" s="8">
        <v>3982176</v>
      </c>
      <c r="K39123" s="9"/>
      <c r="L39123" s="6"/>
    </row>
    <row r="39124" spans="1:12">
      <c r="A39124" s="6" t="s">
        <v>38210</v>
      </c>
      <c r="B39124" s="6" t="s">
        <v>38210</v>
      </c>
      <c r="C39124" s="6" t="s">
        <v>32230</v>
      </c>
      <c r="D39124" s="6" t="s">
        <v>38211</v>
      </c>
      <c r="E39124" s="6" t="s">
        <v>9</v>
      </c>
      <c r="F39124" s="7">
        <v>42044</v>
      </c>
      <c r="G39124" s="8">
        <v>8567940</v>
      </c>
      <c r="H39124" s="8">
        <v>6717270</v>
      </c>
      <c r="I39124" s="8">
        <v>2141979</v>
      </c>
      <c r="J39124" s="8">
        <v>6425961</v>
      </c>
      <c r="K39124" s="9">
        <v>167.67</v>
      </c>
      <c r="L39124" s="6"/>
    </row>
    <row r="39125" spans="1:12">
      <c r="A39125" s="6" t="s">
        <v>38212</v>
      </c>
      <c r="B39125" s="6" t="s">
        <v>38213</v>
      </c>
      <c r="C39125" s="6" t="s">
        <v>32230</v>
      </c>
      <c r="D39125" s="6" t="s">
        <v>38214</v>
      </c>
      <c r="E39125" s="6" t="s">
        <v>9</v>
      </c>
      <c r="F39125" s="7">
        <v>39294</v>
      </c>
      <c r="G39125" s="8">
        <v>2701650</v>
      </c>
      <c r="H39125" s="8">
        <v>1753378</v>
      </c>
      <c r="I39125" s="8">
        <v>1021216</v>
      </c>
      <c r="J39125" s="8">
        <v>1680434</v>
      </c>
      <c r="K39125" s="9">
        <v>17.43</v>
      </c>
      <c r="L39125" s="6"/>
    </row>
    <row r="39126" spans="1:12">
      <c r="A39126" s="6" t="s">
        <v>38212</v>
      </c>
      <c r="B39126" s="6" t="s">
        <v>38215</v>
      </c>
      <c r="C39126" s="6" t="s">
        <v>32230</v>
      </c>
      <c r="D39126" s="6" t="s">
        <v>38214</v>
      </c>
      <c r="E39126" s="6" t="s">
        <v>9</v>
      </c>
      <c r="F39126" s="7">
        <v>39413</v>
      </c>
      <c r="G39126" s="8">
        <v>18750900</v>
      </c>
      <c r="H39126" s="8">
        <v>13875666</v>
      </c>
      <c r="I39126" s="8">
        <v>5250252</v>
      </c>
      <c r="J39126" s="8">
        <v>13500648</v>
      </c>
      <c r="K39126" s="9">
        <v>7.46</v>
      </c>
      <c r="L39126" s="6"/>
    </row>
    <row r="39127" spans="1:12">
      <c r="A39127" s="6" t="s">
        <v>27806</v>
      </c>
      <c r="B39127" s="6" t="s">
        <v>37786</v>
      </c>
      <c r="C39127" s="6" t="s">
        <v>32230</v>
      </c>
      <c r="D39127" s="6" t="s">
        <v>38216</v>
      </c>
      <c r="E39127" s="6" t="s">
        <v>25121</v>
      </c>
      <c r="F39127" s="7">
        <v>42447</v>
      </c>
      <c r="G39127" s="8">
        <v>2829600</v>
      </c>
      <c r="H39127" s="8">
        <v>1881685</v>
      </c>
      <c r="I39127" s="8">
        <v>1137498</v>
      </c>
      <c r="J39127" s="8">
        <v>1692102</v>
      </c>
      <c r="K39127" s="9"/>
      <c r="L39127" s="6"/>
    </row>
    <row r="39128" spans="1:12">
      <c r="A39128" s="6" t="s">
        <v>27806</v>
      </c>
      <c r="B39128" s="6" t="s">
        <v>37786</v>
      </c>
      <c r="C39128" s="6" t="s">
        <v>32230</v>
      </c>
      <c r="D39128" s="6" t="s">
        <v>38216</v>
      </c>
      <c r="E39128" s="6" t="s">
        <v>25121</v>
      </c>
      <c r="F39128" s="7">
        <v>42447</v>
      </c>
      <c r="G39128" s="8">
        <v>3931200</v>
      </c>
      <c r="H39128" s="8">
        <v>2830465</v>
      </c>
      <c r="I39128" s="8">
        <v>1320882</v>
      </c>
      <c r="J39128" s="8">
        <v>2610318</v>
      </c>
      <c r="K39128" s="9"/>
      <c r="L39128" s="6"/>
    </row>
    <row r="39129" spans="1:12">
      <c r="A39129" s="6" t="s">
        <v>27806</v>
      </c>
      <c r="B39129" s="6" t="s">
        <v>37786</v>
      </c>
      <c r="C39129" s="6" t="s">
        <v>32230</v>
      </c>
      <c r="D39129" s="6" t="s">
        <v>38216</v>
      </c>
      <c r="E39129" s="6" t="s">
        <v>25121</v>
      </c>
      <c r="F39129" s="7">
        <v>42451</v>
      </c>
      <c r="G39129" s="8">
        <v>43616880</v>
      </c>
      <c r="H39129" s="8">
        <v>36420095</v>
      </c>
      <c r="I39129" s="8">
        <v>8636142</v>
      </c>
      <c r="J39129" s="8">
        <v>34980738</v>
      </c>
      <c r="K39129" s="9">
        <v>143.26</v>
      </c>
      <c r="L39129" s="6"/>
    </row>
    <row r="39130" spans="1:12">
      <c r="A39130" s="6" t="s">
        <v>27812</v>
      </c>
      <c r="B39130" s="6" t="s">
        <v>27812</v>
      </c>
      <c r="C39130" s="6" t="s">
        <v>32230</v>
      </c>
      <c r="D39130" s="6" t="s">
        <v>38217</v>
      </c>
      <c r="E39130" s="6" t="s">
        <v>9</v>
      </c>
      <c r="F39130" s="7">
        <v>42710</v>
      </c>
      <c r="G39130" s="8">
        <v>235438332</v>
      </c>
      <c r="H39130" s="8">
        <v>216603268</v>
      </c>
      <c r="I39130" s="8">
        <v>25191898</v>
      </c>
      <c r="J39130" s="8">
        <v>210246434</v>
      </c>
      <c r="K39130" s="9">
        <v>849.29</v>
      </c>
      <c r="L39130" s="6"/>
    </row>
    <row r="39131" spans="1:12">
      <c r="A39131" s="6" t="s">
        <v>27812</v>
      </c>
      <c r="B39131" s="6" t="s">
        <v>27812</v>
      </c>
      <c r="C39131" s="6" t="s">
        <v>32230</v>
      </c>
      <c r="D39131" s="6" t="s">
        <v>38217</v>
      </c>
      <c r="E39131" s="6" t="s">
        <v>9</v>
      </c>
      <c r="F39131" s="7">
        <v>42755</v>
      </c>
      <c r="G39131" s="8">
        <v>31125600</v>
      </c>
      <c r="H39131" s="8">
        <v>22783940</v>
      </c>
      <c r="I39131" s="8">
        <v>10427075</v>
      </c>
      <c r="J39131" s="8">
        <v>20698525</v>
      </c>
      <c r="K39131" s="9"/>
      <c r="L39131" s="6"/>
    </row>
    <row r="39132" spans="1:12">
      <c r="A39132" s="6" t="s">
        <v>27812</v>
      </c>
      <c r="B39132" s="6" t="s">
        <v>27812</v>
      </c>
      <c r="C39132" s="6" t="s">
        <v>32230</v>
      </c>
      <c r="D39132" s="6" t="s">
        <v>38217</v>
      </c>
      <c r="E39132" s="6" t="s">
        <v>9</v>
      </c>
      <c r="F39132" s="7">
        <v>42755</v>
      </c>
      <c r="G39132" s="8">
        <v>34106400</v>
      </c>
      <c r="H39132" s="8">
        <v>24965888</v>
      </c>
      <c r="I39132" s="8">
        <v>11425640</v>
      </c>
      <c r="J39132" s="8">
        <v>22680760</v>
      </c>
      <c r="K39132" s="9"/>
      <c r="L39132" s="6"/>
    </row>
    <row r="39133" spans="1:12">
      <c r="A39133" s="6" t="s">
        <v>27812</v>
      </c>
      <c r="B39133" s="6" t="s">
        <v>27812</v>
      </c>
      <c r="C39133" s="6" t="s">
        <v>32230</v>
      </c>
      <c r="D39133" s="6" t="s">
        <v>38217</v>
      </c>
      <c r="E39133" s="6" t="s">
        <v>9</v>
      </c>
      <c r="F39133" s="7">
        <v>43555</v>
      </c>
      <c r="G39133" s="8">
        <v>41040</v>
      </c>
      <c r="H39133" s="8">
        <v>39400</v>
      </c>
      <c r="I39133" s="8">
        <v>2460</v>
      </c>
      <c r="J39133" s="8">
        <v>38580</v>
      </c>
      <c r="K39133" s="9"/>
      <c r="L39133" s="6"/>
    </row>
    <row r="39134" spans="1:12">
      <c r="A39134" s="6" t="s">
        <v>27859</v>
      </c>
      <c r="B39134" s="6" t="s">
        <v>27859</v>
      </c>
      <c r="C39134" s="6" t="s">
        <v>32230</v>
      </c>
      <c r="D39134" s="6" t="s">
        <v>38218</v>
      </c>
      <c r="E39134" s="6" t="s">
        <v>9</v>
      </c>
      <c r="F39134" s="7">
        <v>32509</v>
      </c>
      <c r="G39134" s="8">
        <v>47120400</v>
      </c>
      <c r="H39134" s="8">
        <v>1</v>
      </c>
      <c r="I39134" s="8">
        <v>47120399</v>
      </c>
      <c r="J39134" s="8">
        <v>1</v>
      </c>
      <c r="K39134" s="9">
        <v>523.55999999999904</v>
      </c>
      <c r="L39134" s="6"/>
    </row>
    <row r="39135" spans="1:12">
      <c r="A39135" s="6" t="s">
        <v>27859</v>
      </c>
      <c r="B39135" s="6" t="s">
        <v>27859</v>
      </c>
      <c r="C39135" s="6" t="s">
        <v>32230</v>
      </c>
      <c r="D39135" s="6" t="s">
        <v>38218</v>
      </c>
      <c r="E39135" s="6" t="s">
        <v>9</v>
      </c>
      <c r="F39135" s="7">
        <v>43921</v>
      </c>
      <c r="G39135" s="8">
        <v>1144800</v>
      </c>
      <c r="H39135" s="8">
        <v>1092140</v>
      </c>
      <c r="I39135" s="8">
        <v>105320</v>
      </c>
      <c r="J39135" s="8">
        <v>1039480</v>
      </c>
      <c r="K39135" s="9"/>
      <c r="L39135" s="6"/>
    </row>
    <row r="39136" spans="1:12">
      <c r="A39136" s="6" t="s">
        <v>27859</v>
      </c>
      <c r="B39136" s="6" t="s">
        <v>27859</v>
      </c>
      <c r="C39136" s="6" t="s">
        <v>32230</v>
      </c>
      <c r="D39136" s="6" t="s">
        <v>38218</v>
      </c>
      <c r="E39136" s="6" t="s">
        <v>9</v>
      </c>
      <c r="F39136" s="7">
        <v>42825</v>
      </c>
      <c r="G39136" s="8">
        <v>18118926</v>
      </c>
      <c r="H39136" s="8">
        <v>14785046</v>
      </c>
      <c r="I39136" s="8">
        <v>4167350</v>
      </c>
      <c r="J39136" s="8">
        <v>13951576</v>
      </c>
      <c r="K39136" s="9"/>
      <c r="L39136" s="6"/>
    </row>
    <row r="39137" spans="1:12">
      <c r="A39137" s="6" t="s">
        <v>27859</v>
      </c>
      <c r="B39137" s="6" t="s">
        <v>27859</v>
      </c>
      <c r="C39137" s="6" t="s">
        <v>32230</v>
      </c>
      <c r="D39137" s="6" t="s">
        <v>38218</v>
      </c>
      <c r="E39137" s="6" t="s">
        <v>9</v>
      </c>
      <c r="F39137" s="7">
        <v>42794</v>
      </c>
      <c r="G39137" s="8">
        <v>3555519</v>
      </c>
      <c r="H39137" s="8">
        <v>2602643</v>
      </c>
      <c r="I39137" s="8">
        <v>1191095</v>
      </c>
      <c r="J39137" s="8">
        <v>2364424</v>
      </c>
      <c r="K39137" s="9"/>
      <c r="L39137" s="6"/>
    </row>
    <row r="39138" spans="1:12">
      <c r="A39138" s="6" t="s">
        <v>27859</v>
      </c>
      <c r="B39138" s="6" t="s">
        <v>27859</v>
      </c>
      <c r="C39138" s="6" t="s">
        <v>32230</v>
      </c>
      <c r="D39138" s="6" t="s">
        <v>38218</v>
      </c>
      <c r="E39138" s="6" t="s">
        <v>9</v>
      </c>
      <c r="F39138" s="7">
        <v>43921</v>
      </c>
      <c r="G39138" s="8">
        <v>648000</v>
      </c>
      <c r="H39138" s="8">
        <v>618192</v>
      </c>
      <c r="I39138" s="8">
        <v>59616</v>
      </c>
      <c r="J39138" s="8">
        <v>588384</v>
      </c>
      <c r="K39138" s="9"/>
      <c r="L39138" s="6"/>
    </row>
    <row r="39139" spans="1:12">
      <c r="A39139" s="6" t="s">
        <v>27859</v>
      </c>
      <c r="B39139" s="6" t="s">
        <v>27859</v>
      </c>
      <c r="C39139" s="6" t="s">
        <v>32230</v>
      </c>
      <c r="D39139" s="6" t="s">
        <v>38218</v>
      </c>
      <c r="E39139" s="6" t="s">
        <v>9</v>
      </c>
      <c r="F39139" s="7">
        <v>42794</v>
      </c>
      <c r="G39139" s="8">
        <v>9477075</v>
      </c>
      <c r="H39139" s="8">
        <v>6937219</v>
      </c>
      <c r="I39139" s="8">
        <v>3174820</v>
      </c>
      <c r="J39139" s="8">
        <v>6302255</v>
      </c>
      <c r="K39139" s="9"/>
      <c r="L39139" s="6"/>
    </row>
    <row r="39140" spans="1:12">
      <c r="A39140" s="6" t="s">
        <v>27880</v>
      </c>
      <c r="B39140" s="6" t="s">
        <v>27880</v>
      </c>
      <c r="C39140" s="6" t="s">
        <v>32230</v>
      </c>
      <c r="D39140" s="6" t="s">
        <v>38219</v>
      </c>
      <c r="E39140" s="6" t="s">
        <v>9</v>
      </c>
      <c r="F39140" s="7">
        <v>42180</v>
      </c>
      <c r="G39140" s="8">
        <v>171450</v>
      </c>
      <c r="H39140" s="8">
        <v>114015</v>
      </c>
      <c r="I39140" s="8">
        <v>68922</v>
      </c>
      <c r="J39140" s="8">
        <v>102528</v>
      </c>
      <c r="K39140" s="9"/>
      <c r="L39140" s="6"/>
    </row>
    <row r="39141" spans="1:12">
      <c r="A39141" s="6" t="s">
        <v>27880</v>
      </c>
      <c r="B39141" s="6" t="s">
        <v>27880</v>
      </c>
      <c r="C39141" s="6" t="s">
        <v>32230</v>
      </c>
      <c r="D39141" s="6" t="s">
        <v>38219</v>
      </c>
      <c r="E39141" s="6" t="s">
        <v>9</v>
      </c>
      <c r="F39141" s="7">
        <v>28550</v>
      </c>
      <c r="G39141" s="8">
        <v>79131600</v>
      </c>
      <c r="H39141" s="8">
        <v>4273115</v>
      </c>
      <c r="I39141" s="8">
        <v>76599380</v>
      </c>
      <c r="J39141" s="8">
        <v>2532220</v>
      </c>
      <c r="K39141" s="9">
        <v>586.16</v>
      </c>
      <c r="L39141" s="6"/>
    </row>
    <row r="39142" spans="1:12">
      <c r="A39142" s="6" t="s">
        <v>27880</v>
      </c>
      <c r="B39142" s="6" t="s">
        <v>27880</v>
      </c>
      <c r="C39142" s="6" t="s">
        <v>32230</v>
      </c>
      <c r="D39142" s="6" t="s">
        <v>38219</v>
      </c>
      <c r="E39142" s="6" t="s">
        <v>9</v>
      </c>
      <c r="F39142" s="7">
        <v>40690</v>
      </c>
      <c r="G39142" s="8">
        <v>235877</v>
      </c>
      <c r="H39142" s="8">
        <v>93650</v>
      </c>
      <c r="I39142" s="8">
        <v>158030</v>
      </c>
      <c r="J39142" s="8">
        <v>77847</v>
      </c>
      <c r="K39142" s="9"/>
      <c r="L39142" s="6"/>
    </row>
    <row r="39143" spans="1:12">
      <c r="A39143" s="6" t="s">
        <v>38220</v>
      </c>
      <c r="B39143" s="6" t="s">
        <v>38221</v>
      </c>
      <c r="C39143" s="6" t="s">
        <v>32230</v>
      </c>
      <c r="D39143" s="6"/>
      <c r="E39143" s="6" t="s">
        <v>9</v>
      </c>
      <c r="F39143" s="7">
        <v>43595</v>
      </c>
      <c r="G39143" s="8">
        <v>16632000</v>
      </c>
      <c r="H39143" s="8">
        <v>16182936</v>
      </c>
      <c r="I39143" s="8">
        <v>898128</v>
      </c>
      <c r="J39143" s="8">
        <v>15733872</v>
      </c>
      <c r="K39143" s="9">
        <v>22.85</v>
      </c>
      <c r="L39143" s="6"/>
    </row>
    <row r="39144" spans="1:12">
      <c r="A39144" s="6" t="s">
        <v>38222</v>
      </c>
      <c r="B39144" s="6" t="s">
        <v>38222</v>
      </c>
      <c r="C39144" s="6" t="s">
        <v>32230</v>
      </c>
      <c r="D39144" s="21" t="s">
        <v>39175</v>
      </c>
      <c r="E39144" s="6" t="s">
        <v>9</v>
      </c>
      <c r="F39144" s="7">
        <v>43251</v>
      </c>
      <c r="G39144" s="8">
        <v>247767490</v>
      </c>
      <c r="H39144" s="8">
        <v>234388046</v>
      </c>
      <c r="I39144" s="8">
        <v>20069166</v>
      </c>
      <c r="J39144" s="8">
        <v>227698324</v>
      </c>
      <c r="K39144" s="9">
        <v>1062.4100000000001</v>
      </c>
      <c r="L39144" s="6"/>
    </row>
    <row r="39145" spans="1:12">
      <c r="A39145" s="6" t="s">
        <v>38222</v>
      </c>
      <c r="B39145" s="6" t="s">
        <v>38222</v>
      </c>
      <c r="C39145" s="6" t="s">
        <v>32230</v>
      </c>
      <c r="D39145" s="21" t="s">
        <v>39175</v>
      </c>
      <c r="E39145" s="6" t="s">
        <v>9</v>
      </c>
      <c r="F39145" s="7">
        <v>43251</v>
      </c>
      <c r="G39145" s="8">
        <v>41972870</v>
      </c>
      <c r="H39145" s="8">
        <v>36348506</v>
      </c>
      <c r="I39145" s="8">
        <v>8436546</v>
      </c>
      <c r="J39145" s="8">
        <v>33536324</v>
      </c>
      <c r="K39145" s="9"/>
      <c r="L39145" s="6"/>
    </row>
    <row r="39146" spans="1:12">
      <c r="A39146" s="6" t="s">
        <v>38222</v>
      </c>
      <c r="B39146" s="6" t="s">
        <v>38222</v>
      </c>
      <c r="C39146" s="6" t="s">
        <v>32230</v>
      </c>
      <c r="D39146" s="21" t="s">
        <v>39175</v>
      </c>
      <c r="E39146" s="6" t="s">
        <v>9</v>
      </c>
      <c r="F39146" s="7">
        <v>43251</v>
      </c>
      <c r="G39146" s="8">
        <v>52573711</v>
      </c>
      <c r="H39146" s="8">
        <v>45528835</v>
      </c>
      <c r="I39146" s="8">
        <v>10567314</v>
      </c>
      <c r="J39146" s="8">
        <v>42006397</v>
      </c>
      <c r="K39146" s="9"/>
      <c r="L39146" s="6"/>
    </row>
    <row r="39147" spans="1:12">
      <c r="A39147" s="6" t="s">
        <v>28076</v>
      </c>
      <c r="B39147" s="6" t="s">
        <v>38223</v>
      </c>
      <c r="C39147" s="6" t="s">
        <v>32230</v>
      </c>
      <c r="D39147" s="6" t="s">
        <v>38224</v>
      </c>
      <c r="E39147" s="6" t="s">
        <v>9</v>
      </c>
      <c r="F39147" s="7">
        <v>28185</v>
      </c>
      <c r="G39147" s="8">
        <v>151200</v>
      </c>
      <c r="H39147" s="8">
        <v>1</v>
      </c>
      <c r="I39147" s="8">
        <v>151199</v>
      </c>
      <c r="J39147" s="8">
        <v>1</v>
      </c>
      <c r="K39147" s="9">
        <v>2.16</v>
      </c>
      <c r="L39147" s="6"/>
    </row>
    <row r="39148" spans="1:12">
      <c r="A39148" s="6" t="s">
        <v>28076</v>
      </c>
      <c r="B39148" s="6" t="s">
        <v>38225</v>
      </c>
      <c r="C39148" s="6" t="s">
        <v>32230</v>
      </c>
      <c r="D39148" s="6" t="s">
        <v>38224</v>
      </c>
      <c r="E39148" s="6" t="s">
        <v>9</v>
      </c>
      <c r="F39148" s="7">
        <v>42719</v>
      </c>
      <c r="G39148" s="8">
        <v>17121125</v>
      </c>
      <c r="H39148" s="8">
        <v>12532665</v>
      </c>
      <c r="I39148" s="8">
        <v>5735575</v>
      </c>
      <c r="J39148" s="8">
        <v>11385550</v>
      </c>
      <c r="K39148" s="9"/>
      <c r="L39148" s="6"/>
    </row>
    <row r="39149" spans="1:12">
      <c r="A39149" s="6" t="s">
        <v>28076</v>
      </c>
      <c r="B39149" s="6" t="s">
        <v>38225</v>
      </c>
      <c r="C39149" s="6" t="s">
        <v>32230</v>
      </c>
      <c r="D39149" s="6" t="s">
        <v>38224</v>
      </c>
      <c r="E39149" s="6" t="s">
        <v>9</v>
      </c>
      <c r="F39149" s="7">
        <v>42824</v>
      </c>
      <c r="G39149" s="8">
        <v>1792800</v>
      </c>
      <c r="H39149" s="8">
        <v>1312332</v>
      </c>
      <c r="I39149" s="8">
        <v>600585</v>
      </c>
      <c r="J39149" s="8">
        <v>1192215</v>
      </c>
      <c r="K39149" s="9"/>
      <c r="L39149" s="6"/>
    </row>
    <row r="39150" spans="1:12">
      <c r="A39150" s="6" t="s">
        <v>28076</v>
      </c>
      <c r="B39150" s="6" t="s">
        <v>38225</v>
      </c>
      <c r="C39150" s="6" t="s">
        <v>32230</v>
      </c>
      <c r="D39150" s="6" t="s">
        <v>38224</v>
      </c>
      <c r="E39150" s="6" t="s">
        <v>9</v>
      </c>
      <c r="F39150" s="7">
        <v>43529</v>
      </c>
      <c r="G39150" s="8">
        <v>1836000</v>
      </c>
      <c r="H39150" s="8">
        <v>1589976</v>
      </c>
      <c r="I39150" s="8">
        <v>369036</v>
      </c>
      <c r="J39150" s="8">
        <v>1466964</v>
      </c>
      <c r="K39150" s="9"/>
      <c r="L39150" s="6"/>
    </row>
    <row r="39151" spans="1:12">
      <c r="A39151" s="6" t="s">
        <v>28076</v>
      </c>
      <c r="B39151" s="6" t="s">
        <v>38225</v>
      </c>
      <c r="C39151" s="6" t="s">
        <v>32230</v>
      </c>
      <c r="D39151" s="6" t="s">
        <v>38224</v>
      </c>
      <c r="E39151" s="6" t="s">
        <v>9</v>
      </c>
      <c r="F39151" s="7">
        <v>42719</v>
      </c>
      <c r="G39151" s="8">
        <v>24331003</v>
      </c>
      <c r="H39151" s="8">
        <v>17810295</v>
      </c>
      <c r="I39151" s="8">
        <v>8150885</v>
      </c>
      <c r="J39151" s="8">
        <v>16180118</v>
      </c>
      <c r="K39151" s="9"/>
      <c r="L39151" s="6"/>
    </row>
    <row r="39152" spans="1:12">
      <c r="A39152" s="6" t="s">
        <v>28076</v>
      </c>
      <c r="B39152" s="6" t="s">
        <v>38225</v>
      </c>
      <c r="C39152" s="6" t="s">
        <v>32230</v>
      </c>
      <c r="D39152" s="6" t="s">
        <v>38224</v>
      </c>
      <c r="E39152" s="6" t="s">
        <v>9</v>
      </c>
      <c r="F39152" s="7">
        <v>43555</v>
      </c>
      <c r="G39152" s="8">
        <v>249480</v>
      </c>
      <c r="H39152" s="8">
        <v>216050</v>
      </c>
      <c r="I39152" s="8">
        <v>50145</v>
      </c>
      <c r="J39152" s="8">
        <v>199335</v>
      </c>
      <c r="K39152" s="9"/>
      <c r="L39152" s="6"/>
    </row>
    <row r="39153" spans="1:12">
      <c r="A39153" s="6" t="s">
        <v>28076</v>
      </c>
      <c r="B39153" s="6" t="s">
        <v>38225</v>
      </c>
      <c r="C39153" s="6" t="s">
        <v>32230</v>
      </c>
      <c r="D39153" s="6" t="s">
        <v>38224</v>
      </c>
      <c r="E39153" s="6" t="s">
        <v>9</v>
      </c>
      <c r="F39153" s="7">
        <v>28185</v>
      </c>
      <c r="G39153" s="8">
        <v>78147450</v>
      </c>
      <c r="H39153" s="8">
        <v>2500758</v>
      </c>
      <c r="I39153" s="8">
        <v>77365935</v>
      </c>
      <c r="J39153" s="8">
        <v>781515</v>
      </c>
      <c r="K39153" s="9">
        <v>578.87</v>
      </c>
      <c r="L39153" s="6"/>
    </row>
    <row r="39154" spans="1:12">
      <c r="A39154" s="6" t="s">
        <v>28076</v>
      </c>
      <c r="B39154" s="6" t="s">
        <v>38225</v>
      </c>
      <c r="C39154" s="6" t="s">
        <v>32230</v>
      </c>
      <c r="D39154" s="6" t="s">
        <v>38224</v>
      </c>
      <c r="E39154" s="6" t="s">
        <v>9</v>
      </c>
      <c r="F39154" s="7"/>
      <c r="G39154" s="8">
        <v>66451752</v>
      </c>
      <c r="H39154" s="8">
        <v>60604000</v>
      </c>
      <c r="I39154" s="8">
        <v>7309690</v>
      </c>
      <c r="J39154" s="8">
        <v>59142062</v>
      </c>
      <c r="K39154" s="9"/>
      <c r="L39154" s="6"/>
    </row>
    <row r="39155" spans="1:12">
      <c r="A39155" s="6" t="s">
        <v>28076</v>
      </c>
      <c r="B39155" s="6" t="s">
        <v>38226</v>
      </c>
      <c r="C39155" s="6" t="s">
        <v>32230</v>
      </c>
      <c r="D39155" s="6" t="s">
        <v>38224</v>
      </c>
      <c r="E39155" s="6" t="s">
        <v>9</v>
      </c>
      <c r="F39155" s="7">
        <v>35096</v>
      </c>
      <c r="G39155" s="8">
        <v>59606700</v>
      </c>
      <c r="H39155" s="8">
        <v>26823025</v>
      </c>
      <c r="I39155" s="8">
        <v>34095022</v>
      </c>
      <c r="J39155" s="8">
        <v>25511678</v>
      </c>
      <c r="K39155" s="9">
        <v>253.3</v>
      </c>
      <c r="L39155" s="6"/>
    </row>
    <row r="39156" spans="1:12">
      <c r="A39156" s="6" t="s">
        <v>28076</v>
      </c>
      <c r="B39156" s="6" t="s">
        <v>38227</v>
      </c>
      <c r="C39156" s="6" t="s">
        <v>32230</v>
      </c>
      <c r="D39156" s="6" t="s">
        <v>38224</v>
      </c>
      <c r="E39156" s="6" t="s">
        <v>9</v>
      </c>
      <c r="F39156" s="7">
        <v>35096</v>
      </c>
      <c r="G39156" s="8">
        <v>25541700</v>
      </c>
      <c r="H39156" s="8">
        <v>11493775</v>
      </c>
      <c r="I39156" s="8">
        <v>14609842</v>
      </c>
      <c r="J39156" s="8">
        <v>10931858</v>
      </c>
      <c r="K39156" s="9">
        <v>108.54</v>
      </c>
      <c r="L39156" s="6"/>
    </row>
    <row r="39157" spans="1:12">
      <c r="A39157" s="6" t="s">
        <v>28076</v>
      </c>
      <c r="B39157" s="6" t="s">
        <v>38228</v>
      </c>
      <c r="C39157" s="6" t="s">
        <v>32230</v>
      </c>
      <c r="D39157" s="6" t="s">
        <v>38224</v>
      </c>
      <c r="E39157" s="6" t="s">
        <v>9</v>
      </c>
      <c r="F39157" s="7">
        <v>35096</v>
      </c>
      <c r="G39157" s="8">
        <v>3482700</v>
      </c>
      <c r="H39157" s="8">
        <v>1567225</v>
      </c>
      <c r="I39157" s="8">
        <v>1992094</v>
      </c>
      <c r="J39157" s="8">
        <v>1490606</v>
      </c>
      <c r="K39157" s="9">
        <v>14.8</v>
      </c>
      <c r="L39157" s="6"/>
    </row>
    <row r="39158" spans="1:12">
      <c r="A39158" s="6" t="s">
        <v>28076</v>
      </c>
      <c r="B39158" s="6" t="s">
        <v>38229</v>
      </c>
      <c r="C39158" s="6" t="s">
        <v>32230</v>
      </c>
      <c r="D39158" s="6" t="s">
        <v>38224</v>
      </c>
      <c r="E39158" s="6" t="s">
        <v>9</v>
      </c>
      <c r="F39158" s="7">
        <v>37316</v>
      </c>
      <c r="G39158" s="8">
        <v>124215000</v>
      </c>
      <c r="H39158" s="8">
        <v>72293130</v>
      </c>
      <c r="I39158" s="8">
        <v>54654600</v>
      </c>
      <c r="J39158" s="8">
        <v>69560400</v>
      </c>
      <c r="K39158" s="9">
        <v>525.04</v>
      </c>
      <c r="L39158" s="6"/>
    </row>
    <row r="39159" spans="1:12">
      <c r="A39159" s="6" t="s">
        <v>28076</v>
      </c>
      <c r="B39159" s="6" t="s">
        <v>38230</v>
      </c>
      <c r="C39159" s="6" t="s">
        <v>32230</v>
      </c>
      <c r="D39159" s="6" t="s">
        <v>38224</v>
      </c>
      <c r="E39159" s="6" t="s">
        <v>9</v>
      </c>
      <c r="F39159" s="7">
        <v>35096</v>
      </c>
      <c r="G39159" s="8">
        <v>7014900</v>
      </c>
      <c r="H39159" s="8">
        <v>1</v>
      </c>
      <c r="I39159" s="8">
        <v>7014899</v>
      </c>
      <c r="J39159" s="8">
        <v>1</v>
      </c>
      <c r="K39159" s="9">
        <v>29.81</v>
      </c>
      <c r="L39159" s="6"/>
    </row>
    <row r="39160" spans="1:12">
      <c r="A39160" s="6" t="s">
        <v>38231</v>
      </c>
      <c r="B39160" s="6"/>
      <c r="C39160" s="6"/>
      <c r="D39160" s="6"/>
      <c r="E39160" s="6"/>
      <c r="F39160" s="7"/>
      <c r="G39160" s="8">
        <v>62920000</v>
      </c>
      <c r="H39160" s="8">
        <v>0</v>
      </c>
      <c r="I39160" s="8">
        <v>0</v>
      </c>
      <c r="J39160" s="8">
        <v>62920000</v>
      </c>
      <c r="K39160" s="9"/>
      <c r="L39160" s="6"/>
    </row>
    <row r="39161" spans="1:12">
      <c r="A39161" s="6" t="s">
        <v>27227</v>
      </c>
      <c r="B39161" s="6"/>
      <c r="C39161" s="6"/>
      <c r="D39161" s="6" t="s">
        <v>6171</v>
      </c>
      <c r="E39161" s="6"/>
      <c r="F39161" s="7"/>
      <c r="G39161" s="8">
        <v>0</v>
      </c>
      <c r="H39161" s="8">
        <v>0</v>
      </c>
      <c r="I39161" s="8">
        <v>0</v>
      </c>
      <c r="J39161" s="8">
        <v>1</v>
      </c>
      <c r="K39161" s="9"/>
      <c r="L39161" s="6"/>
    </row>
    <row r="39162" spans="1:12">
      <c r="A39162" s="6" t="s">
        <v>27227</v>
      </c>
      <c r="B39162" s="6"/>
      <c r="C39162" s="6"/>
      <c r="D39162" s="6" t="s">
        <v>6171</v>
      </c>
      <c r="E39162" s="6"/>
      <c r="F39162" s="7"/>
      <c r="G39162" s="8">
        <v>0</v>
      </c>
      <c r="H39162" s="8">
        <v>0</v>
      </c>
      <c r="I39162" s="8">
        <v>0</v>
      </c>
      <c r="J39162" s="8">
        <v>1</v>
      </c>
      <c r="K39162" s="9"/>
      <c r="L39162" s="6"/>
    </row>
    <row r="39163" spans="1:12">
      <c r="A39163" s="6" t="s">
        <v>38232</v>
      </c>
      <c r="B39163" s="6"/>
      <c r="C39163" s="6"/>
      <c r="D39163" s="6"/>
      <c r="E39163" s="6"/>
      <c r="F39163" s="7"/>
      <c r="G39163" s="8">
        <v>125840000</v>
      </c>
      <c r="H39163" s="8">
        <v>0</v>
      </c>
      <c r="I39163" s="8">
        <v>0</v>
      </c>
      <c r="J39163" s="8">
        <v>125840000</v>
      </c>
      <c r="K39163" s="9"/>
      <c r="L39163" s="6"/>
    </row>
    <row r="39164" spans="1:12">
      <c r="A39164" s="6" t="s">
        <v>27227</v>
      </c>
      <c r="B39164" s="6"/>
      <c r="C39164" s="6"/>
      <c r="D39164" s="6" t="s">
        <v>6171</v>
      </c>
      <c r="E39164" s="6"/>
      <c r="F39164" s="7"/>
      <c r="G39164" s="8">
        <v>0</v>
      </c>
      <c r="H39164" s="8">
        <v>0</v>
      </c>
      <c r="I39164" s="8">
        <v>0</v>
      </c>
      <c r="J39164" s="8">
        <v>1</v>
      </c>
      <c r="K39164" s="9"/>
      <c r="L39164" s="6"/>
    </row>
    <row r="39165" spans="1:12">
      <c r="A39165" s="6" t="s">
        <v>30053</v>
      </c>
      <c r="B39165" s="6"/>
      <c r="C39165" s="6"/>
      <c r="D39165" s="6" t="s">
        <v>6171</v>
      </c>
      <c r="E39165" s="6"/>
      <c r="F39165" s="7"/>
      <c r="G39165" s="8">
        <v>0</v>
      </c>
      <c r="H39165" s="8">
        <v>0</v>
      </c>
      <c r="I39165" s="8">
        <v>0</v>
      </c>
      <c r="J39165" s="8">
        <v>1</v>
      </c>
      <c r="K39165" s="9"/>
      <c r="L39165" s="6"/>
    </row>
    <row r="39166" spans="1:12">
      <c r="A39166" s="6" t="s">
        <v>38233</v>
      </c>
      <c r="B39166" s="6"/>
      <c r="C39166" s="6"/>
      <c r="D39166" s="6"/>
      <c r="E39166" s="6"/>
      <c r="F39166" s="7"/>
      <c r="G39166" s="8">
        <v>31820000</v>
      </c>
      <c r="H39166" s="8">
        <v>0</v>
      </c>
      <c r="I39166" s="8">
        <v>0</v>
      </c>
      <c r="J39166" s="8">
        <v>31820000</v>
      </c>
      <c r="K39166" s="9"/>
      <c r="L39166" s="6"/>
    </row>
    <row r="39167" spans="1:12">
      <c r="A39167" s="6" t="s">
        <v>38234</v>
      </c>
      <c r="B39167" s="6"/>
      <c r="C39167" s="6"/>
      <c r="D39167" s="6"/>
      <c r="E39167" s="6"/>
      <c r="F39167" s="7"/>
      <c r="G39167" s="8">
        <v>27390000</v>
      </c>
      <c r="H39167" s="8">
        <v>0</v>
      </c>
      <c r="I39167" s="8">
        <v>0</v>
      </c>
      <c r="J39167" s="8">
        <v>27390000</v>
      </c>
      <c r="K39167" s="9"/>
      <c r="L39167" s="6"/>
    </row>
    <row r="39168" spans="1:12">
      <c r="A39168" s="6" t="s">
        <v>38235</v>
      </c>
      <c r="B39168" s="6" t="s">
        <v>38236</v>
      </c>
      <c r="C39168" s="6" t="s">
        <v>32230</v>
      </c>
      <c r="D39168" s="6" t="s">
        <v>38237</v>
      </c>
      <c r="E39168" s="6" t="s">
        <v>9</v>
      </c>
      <c r="F39168" s="7">
        <v>37469</v>
      </c>
      <c r="G39168" s="8">
        <v>6720000</v>
      </c>
      <c r="H39168" s="8">
        <v>3091200</v>
      </c>
      <c r="I39168" s="8">
        <v>3830400</v>
      </c>
      <c r="J39168" s="8">
        <v>2889600</v>
      </c>
      <c r="K39168" s="9">
        <v>102.06</v>
      </c>
      <c r="L39168" s="6"/>
    </row>
    <row r="39169" spans="1:12">
      <c r="A39169" s="6" t="s">
        <v>38235</v>
      </c>
      <c r="B39169" s="6" t="s">
        <v>38236</v>
      </c>
      <c r="C39169" s="6" t="s">
        <v>32230</v>
      </c>
      <c r="D39169" s="6" t="s">
        <v>38237</v>
      </c>
      <c r="E39169" s="6" t="s">
        <v>9</v>
      </c>
      <c r="F39169" s="7"/>
      <c r="G39169" s="8">
        <v>517320</v>
      </c>
      <c r="H39169" s="8">
        <v>455244</v>
      </c>
      <c r="I39169" s="8">
        <v>77595</v>
      </c>
      <c r="J39169" s="8">
        <v>439725</v>
      </c>
      <c r="K39169" s="9"/>
      <c r="L39169" s="6"/>
    </row>
    <row r="39170" spans="1:12">
      <c r="A39170" s="6" t="s">
        <v>38235</v>
      </c>
      <c r="B39170" s="6" t="s">
        <v>38236</v>
      </c>
      <c r="C39170" s="6" t="s">
        <v>32230</v>
      </c>
      <c r="D39170" s="6" t="s">
        <v>38237</v>
      </c>
      <c r="E39170" s="6" t="s">
        <v>9</v>
      </c>
      <c r="F39170" s="7">
        <v>43555</v>
      </c>
      <c r="G39170" s="8">
        <v>1036800</v>
      </c>
      <c r="H39170" s="8">
        <v>897870</v>
      </c>
      <c r="I39170" s="8">
        <v>208395</v>
      </c>
      <c r="J39170" s="8">
        <v>828405</v>
      </c>
      <c r="K39170" s="9"/>
      <c r="L39170" s="6"/>
    </row>
    <row r="39171" spans="1:12">
      <c r="A39171" s="6" t="s">
        <v>38235</v>
      </c>
      <c r="B39171" s="6" t="s">
        <v>38238</v>
      </c>
      <c r="C39171" s="6" t="s">
        <v>32230</v>
      </c>
      <c r="D39171" s="6" t="s">
        <v>38237</v>
      </c>
      <c r="E39171" s="6" t="s">
        <v>9</v>
      </c>
      <c r="F39171" s="7">
        <v>38387</v>
      </c>
      <c r="G39171" s="8">
        <v>17990000</v>
      </c>
      <c r="H39171" s="8">
        <v>4749360</v>
      </c>
      <c r="I39171" s="8">
        <v>14068180</v>
      </c>
      <c r="J39171" s="8">
        <v>3921820</v>
      </c>
      <c r="K39171" s="9">
        <v>134.9</v>
      </c>
      <c r="L39171" s="6"/>
    </row>
    <row r="39172" spans="1:12">
      <c r="A39172" s="6" t="s">
        <v>28125</v>
      </c>
      <c r="B39172" s="6" t="s">
        <v>28125</v>
      </c>
      <c r="C39172" s="6" t="s">
        <v>32230</v>
      </c>
      <c r="D39172" s="6" t="s">
        <v>38239</v>
      </c>
      <c r="E39172" s="6" t="s">
        <v>9</v>
      </c>
      <c r="F39172" s="7">
        <v>41963</v>
      </c>
      <c r="G39172" s="8">
        <v>1263600</v>
      </c>
      <c r="H39172" s="8">
        <v>1096806</v>
      </c>
      <c r="I39172" s="8">
        <v>194593</v>
      </c>
      <c r="J39172" s="8">
        <v>1069007</v>
      </c>
      <c r="K39172" s="9"/>
      <c r="L39172" s="6"/>
    </row>
    <row r="39173" spans="1:12">
      <c r="A39173" s="6" t="s">
        <v>28125</v>
      </c>
      <c r="B39173" s="6" t="s">
        <v>28125</v>
      </c>
      <c r="C39173" s="6" t="s">
        <v>32230</v>
      </c>
      <c r="D39173" s="6" t="s">
        <v>38239</v>
      </c>
      <c r="E39173" s="6" t="s">
        <v>9</v>
      </c>
      <c r="F39173" s="7">
        <v>42335</v>
      </c>
      <c r="G39173" s="8">
        <v>13262400</v>
      </c>
      <c r="H39173" s="8">
        <v>11803540</v>
      </c>
      <c r="I39173" s="8">
        <v>1750632</v>
      </c>
      <c r="J39173" s="8">
        <v>11511768</v>
      </c>
      <c r="K39173" s="9"/>
      <c r="L39173" s="6"/>
    </row>
    <row r="39174" spans="1:12">
      <c r="A39174" s="6" t="s">
        <v>28125</v>
      </c>
      <c r="B39174" s="6" t="s">
        <v>28125</v>
      </c>
      <c r="C39174" s="6" t="s">
        <v>32230</v>
      </c>
      <c r="D39174" s="6" t="s">
        <v>38239</v>
      </c>
      <c r="E39174" s="6" t="s">
        <v>9</v>
      </c>
      <c r="F39174" s="7">
        <v>42202</v>
      </c>
      <c r="G39174" s="8">
        <v>2559600</v>
      </c>
      <c r="H39174" s="8">
        <v>1702135</v>
      </c>
      <c r="I39174" s="8">
        <v>1028958</v>
      </c>
      <c r="J39174" s="8">
        <v>1530642</v>
      </c>
      <c r="K39174" s="9"/>
      <c r="L39174" s="6"/>
    </row>
    <row r="39175" spans="1:12">
      <c r="A39175" s="6" t="s">
        <v>28125</v>
      </c>
      <c r="B39175" s="6" t="s">
        <v>28125</v>
      </c>
      <c r="C39175" s="6" t="s">
        <v>32230</v>
      </c>
      <c r="D39175" s="6" t="s">
        <v>38239</v>
      </c>
      <c r="E39175" s="6" t="s">
        <v>9</v>
      </c>
      <c r="F39175" s="7">
        <v>39406</v>
      </c>
      <c r="G39175" s="8">
        <v>29984850</v>
      </c>
      <c r="H39175" s="8">
        <v>21409192</v>
      </c>
      <c r="I39175" s="8">
        <v>9235324</v>
      </c>
      <c r="J39175" s="8">
        <v>20749526</v>
      </c>
      <c r="K39175" s="9"/>
      <c r="L39175" s="6"/>
    </row>
    <row r="39176" spans="1:12">
      <c r="A39176" s="6" t="s">
        <v>28125</v>
      </c>
      <c r="B39176" s="6" t="s">
        <v>28125</v>
      </c>
      <c r="C39176" s="6" t="s">
        <v>32230</v>
      </c>
      <c r="D39176" s="6" t="s">
        <v>38239</v>
      </c>
      <c r="E39176" s="6" t="s">
        <v>9</v>
      </c>
      <c r="F39176" s="7">
        <v>28185</v>
      </c>
      <c r="G39176" s="8">
        <v>121203000</v>
      </c>
      <c r="H39176" s="8">
        <v>3878496</v>
      </c>
      <c r="I39176" s="8">
        <v>119990970</v>
      </c>
      <c r="J39176" s="8">
        <v>1212030</v>
      </c>
      <c r="K39176" s="9">
        <v>897.8</v>
      </c>
      <c r="L39176" s="6"/>
    </row>
    <row r="39177" spans="1:12">
      <c r="A39177" s="6" t="s">
        <v>28125</v>
      </c>
      <c r="B39177" s="6" t="s">
        <v>28125</v>
      </c>
      <c r="C39177" s="6" t="s">
        <v>32230</v>
      </c>
      <c r="D39177" s="6" t="s">
        <v>38239</v>
      </c>
      <c r="E39177" s="6" t="s">
        <v>9</v>
      </c>
      <c r="F39177" s="7">
        <v>39233</v>
      </c>
      <c r="G39177" s="8">
        <v>1365000</v>
      </c>
      <c r="H39177" s="8">
        <v>974610</v>
      </c>
      <c r="I39177" s="8">
        <v>420420</v>
      </c>
      <c r="J39177" s="8">
        <v>944580</v>
      </c>
      <c r="K39177" s="9"/>
      <c r="L39177" s="6"/>
    </row>
    <row r="39178" spans="1:12">
      <c r="A39178" s="6" t="s">
        <v>28133</v>
      </c>
      <c r="B39178" s="6" t="s">
        <v>28133</v>
      </c>
      <c r="C39178" s="6" t="s">
        <v>32230</v>
      </c>
      <c r="D39178" s="6" t="s">
        <v>38240</v>
      </c>
      <c r="E39178" s="6" t="s">
        <v>9</v>
      </c>
      <c r="F39178" s="7">
        <v>29618</v>
      </c>
      <c r="G39178" s="8">
        <v>43436250</v>
      </c>
      <c r="H39178" s="8">
        <v>5212370</v>
      </c>
      <c r="I39178" s="8">
        <v>39179477</v>
      </c>
      <c r="J39178" s="8">
        <v>4256773</v>
      </c>
      <c r="K39178" s="9">
        <v>321.75</v>
      </c>
      <c r="L39178" s="6"/>
    </row>
    <row r="39179" spans="1:12">
      <c r="A39179" s="6" t="s">
        <v>38241</v>
      </c>
      <c r="B39179" s="6" t="s">
        <v>37786</v>
      </c>
      <c r="C39179" s="6" t="s">
        <v>32230</v>
      </c>
      <c r="D39179" s="6" t="s">
        <v>39165</v>
      </c>
      <c r="E39179" s="6" t="s">
        <v>25121</v>
      </c>
      <c r="F39179" s="7">
        <v>42699</v>
      </c>
      <c r="G39179" s="8">
        <v>3164800</v>
      </c>
      <c r="H39179" s="8">
        <v>2316636</v>
      </c>
      <c r="I39179" s="8">
        <v>1060205</v>
      </c>
      <c r="J39179" s="8">
        <v>2104595</v>
      </c>
      <c r="K39179" s="9"/>
      <c r="L39179" s="6"/>
    </row>
    <row r="39180" spans="1:12">
      <c r="A39180" s="6" t="s">
        <v>38241</v>
      </c>
      <c r="B39180" s="6" t="s">
        <v>37786</v>
      </c>
      <c r="C39180" s="6" t="s">
        <v>32230</v>
      </c>
      <c r="D39180" s="6" t="s">
        <v>39165</v>
      </c>
      <c r="E39180" s="6" t="s">
        <v>25121</v>
      </c>
      <c r="F39180" s="7">
        <v>42699</v>
      </c>
      <c r="G39180" s="8">
        <v>4117770</v>
      </c>
      <c r="H39180" s="8">
        <v>3014210</v>
      </c>
      <c r="I39180" s="8">
        <v>1379450</v>
      </c>
      <c r="J39180" s="8">
        <v>2738320</v>
      </c>
      <c r="K39180" s="9"/>
      <c r="L39180" s="6"/>
    </row>
    <row r="39181" spans="1:12">
      <c r="A39181" s="6" t="s">
        <v>38241</v>
      </c>
      <c r="B39181" s="6" t="s">
        <v>37786</v>
      </c>
      <c r="C39181" s="6" t="s">
        <v>32230</v>
      </c>
      <c r="D39181" s="6" t="s">
        <v>39165</v>
      </c>
      <c r="E39181" s="6" t="s">
        <v>25121</v>
      </c>
      <c r="F39181" s="7">
        <v>42699</v>
      </c>
      <c r="G39181" s="8">
        <v>36824630</v>
      </c>
      <c r="H39181" s="8">
        <v>31963782</v>
      </c>
      <c r="I39181" s="8">
        <v>6076060</v>
      </c>
      <c r="J39181" s="8">
        <v>30748570</v>
      </c>
      <c r="K39181" s="9">
        <v>143.26</v>
      </c>
      <c r="L39181" s="6"/>
    </row>
    <row r="39182" spans="1:12">
      <c r="A39182" s="6" t="s">
        <v>28137</v>
      </c>
      <c r="B39182" s="6" t="s">
        <v>28137</v>
      </c>
      <c r="C39182" s="6" t="s">
        <v>32230</v>
      </c>
      <c r="D39182" s="6" t="s">
        <v>38242</v>
      </c>
      <c r="E39182" s="6" t="s">
        <v>9</v>
      </c>
      <c r="F39182" s="7">
        <v>35278</v>
      </c>
      <c r="G39182" s="8">
        <v>7416000</v>
      </c>
      <c r="H39182" s="8">
        <v>1</v>
      </c>
      <c r="I39182" s="8">
        <v>7415999</v>
      </c>
      <c r="J39182" s="8">
        <v>1</v>
      </c>
      <c r="K39182" s="9">
        <v>18</v>
      </c>
      <c r="L39182" s="6"/>
    </row>
    <row r="39183" spans="1:12">
      <c r="A39183" s="6" t="s">
        <v>28142</v>
      </c>
      <c r="B39183" s="6" t="s">
        <v>37786</v>
      </c>
      <c r="C39183" s="6" t="s">
        <v>32230</v>
      </c>
      <c r="D39183" s="6" t="s">
        <v>38243</v>
      </c>
      <c r="E39183" s="6" t="s">
        <v>25121</v>
      </c>
      <c r="F39183" s="7">
        <v>29921</v>
      </c>
      <c r="G39183" s="8">
        <v>16414500</v>
      </c>
      <c r="H39183" s="8">
        <v>410382</v>
      </c>
      <c r="I39183" s="8">
        <v>16414480</v>
      </c>
      <c r="J39183" s="8">
        <v>20</v>
      </c>
      <c r="K39183" s="9">
        <v>105.9</v>
      </c>
      <c r="L39183" s="6"/>
    </row>
    <row r="39184" spans="1:12">
      <c r="A39184" s="6" t="s">
        <v>38244</v>
      </c>
      <c r="B39184" s="6" t="s">
        <v>38245</v>
      </c>
      <c r="C39184" s="6" t="s">
        <v>32230</v>
      </c>
      <c r="D39184" s="6" t="s">
        <v>38246</v>
      </c>
      <c r="E39184" s="6" t="s">
        <v>9</v>
      </c>
      <c r="F39184" s="7">
        <v>30072</v>
      </c>
      <c r="G39184" s="8">
        <v>841000</v>
      </c>
      <c r="H39184" s="8">
        <v>1</v>
      </c>
      <c r="I39184" s="8">
        <v>840999</v>
      </c>
      <c r="J39184" s="8">
        <v>1</v>
      </c>
      <c r="K39184" s="9">
        <v>8.41</v>
      </c>
      <c r="L39184" s="6"/>
    </row>
    <row r="39185" spans="1:12">
      <c r="A39185" s="6" t="s">
        <v>38247</v>
      </c>
      <c r="B39185" s="6" t="s">
        <v>38248</v>
      </c>
      <c r="C39185" s="6" t="s">
        <v>32230</v>
      </c>
      <c r="D39185" s="6" t="s">
        <v>38249</v>
      </c>
      <c r="E39185" s="6" t="s">
        <v>9</v>
      </c>
      <c r="F39185" s="7">
        <v>31868</v>
      </c>
      <c r="G39185" s="8">
        <v>500000</v>
      </c>
      <c r="H39185" s="8">
        <v>5000</v>
      </c>
      <c r="I39185" s="8">
        <v>499999</v>
      </c>
      <c r="J39185" s="8">
        <v>1</v>
      </c>
      <c r="K39185" s="9">
        <v>5</v>
      </c>
      <c r="L39185" s="6"/>
    </row>
    <row r="39186" spans="1:12">
      <c r="A39186" s="6" t="s">
        <v>38250</v>
      </c>
      <c r="B39186" s="6" t="s">
        <v>38251</v>
      </c>
      <c r="C39186" s="6" t="s">
        <v>32230</v>
      </c>
      <c r="D39186" s="6" t="s">
        <v>38252</v>
      </c>
      <c r="E39186" s="6" t="s">
        <v>9</v>
      </c>
      <c r="F39186" s="7">
        <v>31868</v>
      </c>
      <c r="G39186" s="8">
        <v>2092500</v>
      </c>
      <c r="H39186" s="8">
        <v>228099</v>
      </c>
      <c r="I39186" s="8">
        <v>1920898</v>
      </c>
      <c r="J39186" s="8">
        <v>171602</v>
      </c>
      <c r="K39186" s="9">
        <v>13.5</v>
      </c>
      <c r="L39186" s="6"/>
    </row>
    <row r="39187" spans="1:12">
      <c r="A39187" s="6" t="s">
        <v>38250</v>
      </c>
      <c r="B39187" s="6" t="s">
        <v>38253</v>
      </c>
      <c r="C39187" s="6" t="s">
        <v>32230</v>
      </c>
      <c r="D39187" s="6" t="s">
        <v>38252</v>
      </c>
      <c r="E39187" s="6" t="s">
        <v>9</v>
      </c>
      <c r="F39187" s="7">
        <v>31868</v>
      </c>
      <c r="G39187" s="8">
        <v>2092500</v>
      </c>
      <c r="H39187" s="8">
        <v>228099</v>
      </c>
      <c r="I39187" s="8">
        <v>1920898</v>
      </c>
      <c r="J39187" s="8">
        <v>171602</v>
      </c>
      <c r="K39187" s="9">
        <v>13.5</v>
      </c>
      <c r="L39187" s="6"/>
    </row>
    <row r="39188" spans="1:12">
      <c r="A39188" s="6" t="s">
        <v>38254</v>
      </c>
      <c r="B39188" s="6" t="s">
        <v>38255</v>
      </c>
      <c r="C39188" s="6" t="s">
        <v>32230</v>
      </c>
      <c r="D39188" s="6" t="s">
        <v>38256</v>
      </c>
      <c r="E39188" s="6" t="s">
        <v>9</v>
      </c>
      <c r="F39188" s="7">
        <v>33664</v>
      </c>
      <c r="G39188" s="8">
        <v>1829000</v>
      </c>
      <c r="H39188" s="8">
        <v>396893</v>
      </c>
      <c r="I39188" s="8">
        <v>1481490</v>
      </c>
      <c r="J39188" s="8">
        <v>347510</v>
      </c>
      <c r="K39188" s="9">
        <v>11.8</v>
      </c>
      <c r="L39188" s="6"/>
    </row>
    <row r="39189" spans="1:12">
      <c r="A39189" s="6" t="s">
        <v>38257</v>
      </c>
      <c r="B39189" s="6" t="s">
        <v>38258</v>
      </c>
      <c r="C39189" s="6" t="s">
        <v>32230</v>
      </c>
      <c r="D39189" s="6" t="s">
        <v>38259</v>
      </c>
      <c r="E39189" s="6" t="s">
        <v>9</v>
      </c>
      <c r="F39189" s="7">
        <v>37591</v>
      </c>
      <c r="G39189" s="8">
        <v>1209000</v>
      </c>
      <c r="H39189" s="8">
        <v>621426</v>
      </c>
      <c r="I39189" s="8">
        <v>620217</v>
      </c>
      <c r="J39189" s="8">
        <v>588783</v>
      </c>
      <c r="K39189" s="9">
        <v>7.8</v>
      </c>
      <c r="L39189" s="6"/>
    </row>
    <row r="39190" spans="1:12">
      <c r="A39190" s="6" t="s">
        <v>38260</v>
      </c>
      <c r="B39190" s="6" t="s">
        <v>31178</v>
      </c>
      <c r="C39190" s="6" t="s">
        <v>32230</v>
      </c>
      <c r="D39190" s="6" t="s">
        <v>38261</v>
      </c>
      <c r="E39190" s="6" t="s">
        <v>9</v>
      </c>
      <c r="F39190" s="7">
        <v>30987</v>
      </c>
      <c r="G39190" s="8">
        <v>1343000</v>
      </c>
      <c r="H39190" s="8">
        <v>1</v>
      </c>
      <c r="I39190" s="8">
        <v>1342999</v>
      </c>
      <c r="J39190" s="8">
        <v>1</v>
      </c>
      <c r="K39190" s="9">
        <v>13.43</v>
      </c>
      <c r="L39190" s="6"/>
    </row>
    <row r="39191" spans="1:12">
      <c r="A39191" s="6" t="s">
        <v>38262</v>
      </c>
      <c r="B39191" s="6" t="s">
        <v>38263</v>
      </c>
      <c r="C39191" s="6" t="s">
        <v>32230</v>
      </c>
      <c r="D39191" s="6" t="s">
        <v>38264</v>
      </c>
      <c r="E39191" s="6" t="s">
        <v>9</v>
      </c>
      <c r="F39191" s="7">
        <v>31868</v>
      </c>
      <c r="G39191" s="8">
        <v>1250850</v>
      </c>
      <c r="H39191" s="8">
        <v>136374</v>
      </c>
      <c r="I39191" s="8">
        <v>1148248</v>
      </c>
      <c r="J39191" s="8">
        <v>102602</v>
      </c>
      <c r="K39191" s="9">
        <v>8.07</v>
      </c>
      <c r="L39191" s="6"/>
    </row>
    <row r="39192" spans="1:12">
      <c r="A39192" s="6" t="s">
        <v>38265</v>
      </c>
      <c r="B39192" s="6" t="s">
        <v>38266</v>
      </c>
      <c r="C39192" s="6" t="s">
        <v>32230</v>
      </c>
      <c r="D39192" s="6" t="s">
        <v>38267</v>
      </c>
      <c r="E39192" s="6" t="s">
        <v>9</v>
      </c>
      <c r="F39192" s="7">
        <v>32234</v>
      </c>
      <c r="G39192" s="8">
        <v>900000</v>
      </c>
      <c r="H39192" s="8">
        <v>36000</v>
      </c>
      <c r="I39192" s="8">
        <v>891000</v>
      </c>
      <c r="J39192" s="8">
        <v>9000</v>
      </c>
      <c r="K39192" s="9">
        <v>9</v>
      </c>
      <c r="L39192" s="6"/>
    </row>
    <row r="39193" spans="1:12">
      <c r="A39193" s="6" t="s">
        <v>38268</v>
      </c>
      <c r="B39193" s="6" t="s">
        <v>38269</v>
      </c>
      <c r="C39193" s="6" t="s">
        <v>32230</v>
      </c>
      <c r="D39193" s="6" t="s">
        <v>38270</v>
      </c>
      <c r="E39193" s="6" t="s">
        <v>9</v>
      </c>
      <c r="F39193" s="7">
        <v>35886</v>
      </c>
      <c r="G39193" s="8">
        <v>1356250</v>
      </c>
      <c r="H39193" s="8">
        <v>550654</v>
      </c>
      <c r="I39193" s="8">
        <v>842214</v>
      </c>
      <c r="J39193" s="8">
        <v>514036</v>
      </c>
      <c r="K39193" s="9">
        <v>8.75</v>
      </c>
      <c r="L39193" s="6"/>
    </row>
    <row r="39194" spans="1:12">
      <c r="A39194" s="6" t="s">
        <v>38271</v>
      </c>
      <c r="B39194" s="6" t="s">
        <v>38272</v>
      </c>
      <c r="C39194" s="6" t="s">
        <v>32230</v>
      </c>
      <c r="D39194" s="6" t="s">
        <v>38273</v>
      </c>
      <c r="E39194" s="6" t="s">
        <v>9</v>
      </c>
      <c r="F39194" s="7">
        <v>40260</v>
      </c>
      <c r="G39194" s="8">
        <v>3323250</v>
      </c>
      <c r="H39194" s="8">
        <v>2336253</v>
      </c>
      <c r="I39194" s="8">
        <v>1076724</v>
      </c>
      <c r="J39194" s="8">
        <v>2246526</v>
      </c>
      <c r="K39194" s="9">
        <v>0</v>
      </c>
      <c r="L39194" s="6"/>
    </row>
    <row r="39195" spans="1:12">
      <c r="A39195" s="6" t="s">
        <v>38274</v>
      </c>
      <c r="B39195" s="6" t="s">
        <v>38275</v>
      </c>
      <c r="C39195" s="6" t="s">
        <v>32230</v>
      </c>
      <c r="D39195" s="6" t="s">
        <v>38276</v>
      </c>
      <c r="E39195" s="6" t="s">
        <v>9</v>
      </c>
      <c r="F39195" s="7">
        <v>30773</v>
      </c>
      <c r="G39195" s="8">
        <v>1568600</v>
      </c>
      <c r="H39195" s="8">
        <v>43928</v>
      </c>
      <c r="I39195" s="8">
        <v>1567024</v>
      </c>
      <c r="J39195" s="8">
        <v>1576</v>
      </c>
      <c r="K39195" s="9">
        <v>10.1199999999999</v>
      </c>
      <c r="L39195" s="6"/>
    </row>
    <row r="39196" spans="1:12">
      <c r="A39196" s="6" t="s">
        <v>28219</v>
      </c>
      <c r="B39196" s="6" t="s">
        <v>38277</v>
      </c>
      <c r="C39196" s="6" t="s">
        <v>32230</v>
      </c>
      <c r="D39196" s="6" t="s">
        <v>38278</v>
      </c>
      <c r="E39196" s="6" t="s">
        <v>9</v>
      </c>
      <c r="F39196" s="7">
        <v>32813</v>
      </c>
      <c r="G39196" s="8">
        <v>1898750</v>
      </c>
      <c r="H39196" s="8">
        <v>309504</v>
      </c>
      <c r="I39196" s="8">
        <v>1640512</v>
      </c>
      <c r="J39196" s="8">
        <v>258238</v>
      </c>
      <c r="K39196" s="9">
        <v>12.25</v>
      </c>
      <c r="L39196" s="6"/>
    </row>
    <row r="39197" spans="1:12">
      <c r="A39197" s="6" t="s">
        <v>38279</v>
      </c>
      <c r="B39197" s="6" t="s">
        <v>38280</v>
      </c>
      <c r="C39197" s="6" t="s">
        <v>32230</v>
      </c>
      <c r="D39197" s="6" t="s">
        <v>38281</v>
      </c>
      <c r="E39197" s="6" t="s">
        <v>9</v>
      </c>
      <c r="F39197" s="7">
        <v>31138</v>
      </c>
      <c r="G39197" s="8">
        <v>1395000</v>
      </c>
      <c r="H39197" s="8">
        <v>76725</v>
      </c>
      <c r="I39197" s="8">
        <v>1355940</v>
      </c>
      <c r="J39197" s="8">
        <v>39060</v>
      </c>
      <c r="K39197" s="9">
        <v>9</v>
      </c>
      <c r="L39197" s="6"/>
    </row>
    <row r="39198" spans="1:12">
      <c r="A39198" s="6" t="s">
        <v>28231</v>
      </c>
      <c r="B39198" s="6" t="s">
        <v>37786</v>
      </c>
      <c r="C39198" s="6" t="s">
        <v>32230</v>
      </c>
      <c r="D39198" s="6" t="s">
        <v>38282</v>
      </c>
      <c r="E39198" s="6" t="s">
        <v>25121</v>
      </c>
      <c r="F39198" s="7">
        <v>28095</v>
      </c>
      <c r="G39198" s="8">
        <v>16354050</v>
      </c>
      <c r="H39198" s="8">
        <v>1</v>
      </c>
      <c r="I39198" s="8">
        <v>16354049</v>
      </c>
      <c r="J39198" s="8">
        <v>1</v>
      </c>
      <c r="K39198" s="9">
        <v>105.51</v>
      </c>
      <c r="L39198" s="6"/>
    </row>
    <row r="39199" spans="1:12">
      <c r="A39199" s="6" t="s">
        <v>28231</v>
      </c>
      <c r="B39199" s="6" t="s">
        <v>37786</v>
      </c>
      <c r="C39199" s="6" t="s">
        <v>32230</v>
      </c>
      <c r="D39199" s="6" t="s">
        <v>38282</v>
      </c>
      <c r="E39199" s="6" t="s">
        <v>25121</v>
      </c>
      <c r="F39199" s="7">
        <v>43190</v>
      </c>
      <c r="G39199" s="8">
        <v>1285200</v>
      </c>
      <c r="H39199" s="8">
        <v>1188810</v>
      </c>
      <c r="I39199" s="8">
        <v>128520</v>
      </c>
      <c r="J39199" s="8">
        <v>1156680</v>
      </c>
      <c r="K39199" s="9"/>
      <c r="L39199" s="6"/>
    </row>
    <row r="39200" spans="1:12">
      <c r="A39200" s="6" t="s">
        <v>38283</v>
      </c>
      <c r="B39200" s="6" t="s">
        <v>37786</v>
      </c>
      <c r="C39200" s="6" t="s">
        <v>32230</v>
      </c>
      <c r="D39200" s="6" t="s">
        <v>38284</v>
      </c>
      <c r="E39200" s="6" t="s">
        <v>25121</v>
      </c>
      <c r="F39200" s="7">
        <v>28825</v>
      </c>
      <c r="G39200" s="8">
        <v>17623500</v>
      </c>
      <c r="H39200" s="8">
        <v>1</v>
      </c>
      <c r="I39200" s="8">
        <v>17623499</v>
      </c>
      <c r="J39200" s="8">
        <v>1</v>
      </c>
      <c r="K39200" s="10">
        <v>106</v>
      </c>
      <c r="L39200" s="6"/>
    </row>
    <row r="39201" spans="1:12">
      <c r="A39201" s="6" t="s">
        <v>38283</v>
      </c>
      <c r="B39201" s="6" t="s">
        <v>37786</v>
      </c>
      <c r="C39201" s="6" t="s">
        <v>32230</v>
      </c>
      <c r="D39201" s="6" t="s">
        <v>38284</v>
      </c>
      <c r="E39201" s="6" t="s">
        <v>25121</v>
      </c>
      <c r="F39201" s="7">
        <v>43921</v>
      </c>
      <c r="G39201" s="8">
        <v>15896800</v>
      </c>
      <c r="H39201" s="8">
        <v>15499380</v>
      </c>
      <c r="I39201" s="8">
        <v>794840</v>
      </c>
      <c r="J39201" s="8">
        <v>15101960</v>
      </c>
      <c r="K39201" s="9"/>
      <c r="L39201" s="6"/>
    </row>
    <row r="39202" spans="1:12">
      <c r="A39202" s="6" t="s">
        <v>28233</v>
      </c>
      <c r="B39202" s="6" t="s">
        <v>37786</v>
      </c>
      <c r="C39202" s="6" t="s">
        <v>32230</v>
      </c>
      <c r="D39202" s="6" t="s">
        <v>38285</v>
      </c>
      <c r="E39202" s="6" t="s">
        <v>25121</v>
      </c>
      <c r="F39202" s="7">
        <v>28825</v>
      </c>
      <c r="G39202" s="8">
        <v>17623500</v>
      </c>
      <c r="H39202" s="8">
        <v>1</v>
      </c>
      <c r="I39202" s="8">
        <v>17623499</v>
      </c>
      <c r="J39202" s="8">
        <v>1</v>
      </c>
      <c r="K39202" s="9">
        <v>113.7</v>
      </c>
      <c r="L39202" s="6"/>
    </row>
    <row r="39203" spans="1:12">
      <c r="A39203" s="6" t="s">
        <v>28233</v>
      </c>
      <c r="B39203" s="6"/>
      <c r="C39203" s="6" t="s">
        <v>32230</v>
      </c>
      <c r="D39203" s="6" t="s">
        <v>38286</v>
      </c>
      <c r="E39203" s="6" t="s">
        <v>25121</v>
      </c>
      <c r="F39203" s="7"/>
      <c r="G39203" s="8">
        <v>0</v>
      </c>
      <c r="H39203" s="8">
        <v>0</v>
      </c>
      <c r="I39203" s="8">
        <v>0</v>
      </c>
      <c r="J39203" s="8">
        <v>-1</v>
      </c>
      <c r="K39203" s="9"/>
      <c r="L39203" s="6"/>
    </row>
    <row r="39204" spans="1:12">
      <c r="A39204" s="6" t="s">
        <v>37927</v>
      </c>
      <c r="B39204" s="6"/>
      <c r="C39204" s="6"/>
      <c r="D39204" s="6"/>
      <c r="E39204" s="6"/>
      <c r="F39204" s="7">
        <v>43070</v>
      </c>
      <c r="G39204" s="8">
        <v>1296000</v>
      </c>
      <c r="H39204" s="8">
        <v>1198800</v>
      </c>
      <c r="I39204" s="8">
        <v>97200</v>
      </c>
      <c r="J39204" s="8">
        <v>1198800</v>
      </c>
      <c r="K39204" s="9">
        <v>0</v>
      </c>
      <c r="L39204" s="6"/>
    </row>
    <row r="39205" spans="1:12">
      <c r="A39205" s="6" t="s">
        <v>38287</v>
      </c>
      <c r="B39205" s="6" t="s">
        <v>37796</v>
      </c>
      <c r="C39205" s="6" t="s">
        <v>32230</v>
      </c>
      <c r="D39205" s="6" t="s">
        <v>38288</v>
      </c>
      <c r="E39205" s="6" t="s">
        <v>25121</v>
      </c>
      <c r="F39205" s="7">
        <v>43475</v>
      </c>
      <c r="G39205" s="8">
        <v>13376426</v>
      </c>
      <c r="H39205" s="8">
        <v>11583986</v>
      </c>
      <c r="I39205" s="8">
        <v>2688660</v>
      </c>
      <c r="J39205" s="8">
        <v>10687766</v>
      </c>
      <c r="K39205" s="9"/>
      <c r="L39205" s="6"/>
    </row>
    <row r="39206" spans="1:12">
      <c r="A39206" s="6" t="s">
        <v>38287</v>
      </c>
      <c r="B39206" s="6" t="s">
        <v>37796</v>
      </c>
      <c r="C39206" s="6" t="s">
        <v>32230</v>
      </c>
      <c r="D39206" s="6" t="s">
        <v>38288</v>
      </c>
      <c r="E39206" s="6" t="s">
        <v>25121</v>
      </c>
      <c r="F39206" s="7">
        <v>29099</v>
      </c>
      <c r="G39206" s="8">
        <v>105663600</v>
      </c>
      <c r="H39206" s="8">
        <v>19019448</v>
      </c>
      <c r="I39206" s="8">
        <v>88757424</v>
      </c>
      <c r="J39206" s="8">
        <v>16906176</v>
      </c>
      <c r="K39206" s="9">
        <v>587.02</v>
      </c>
      <c r="L39206" s="6"/>
    </row>
    <row r="39207" spans="1:12">
      <c r="A39207" s="6" t="s">
        <v>38287</v>
      </c>
      <c r="B39207" s="6" t="s">
        <v>37796</v>
      </c>
      <c r="C39207" s="6" t="s">
        <v>32230</v>
      </c>
      <c r="D39207" s="6" t="s">
        <v>38288</v>
      </c>
      <c r="E39207" s="6" t="s">
        <v>25121</v>
      </c>
      <c r="F39207" s="7"/>
      <c r="G39207" s="8">
        <v>3946320</v>
      </c>
      <c r="H39207" s="8">
        <v>3788468</v>
      </c>
      <c r="I39207" s="8">
        <v>236778</v>
      </c>
      <c r="J39207" s="8">
        <v>3709542</v>
      </c>
      <c r="K39207" s="9"/>
      <c r="L39207" s="6"/>
    </row>
    <row r="39208" spans="1:12">
      <c r="A39208" s="6" t="s">
        <v>38287</v>
      </c>
      <c r="B39208" s="6" t="s">
        <v>37796</v>
      </c>
      <c r="C39208" s="6" t="s">
        <v>32230</v>
      </c>
      <c r="D39208" s="6" t="s">
        <v>38288</v>
      </c>
      <c r="E39208" s="6" t="s">
        <v>25121</v>
      </c>
      <c r="F39208" s="7">
        <v>43555</v>
      </c>
      <c r="G39208" s="8">
        <v>97987465</v>
      </c>
      <c r="H39208" s="8">
        <v>94067967</v>
      </c>
      <c r="I39208" s="8">
        <v>5879247</v>
      </c>
      <c r="J39208" s="8">
        <v>92108218</v>
      </c>
      <c r="K39208" s="9"/>
      <c r="L39208" s="6"/>
    </row>
    <row r="39209" spans="1:12">
      <c r="A39209" s="6" t="s">
        <v>38287</v>
      </c>
      <c r="B39209" s="6" t="s">
        <v>37796</v>
      </c>
      <c r="C39209" s="6" t="s">
        <v>32230</v>
      </c>
      <c r="D39209" s="6" t="s">
        <v>38288</v>
      </c>
      <c r="E39209" s="6" t="s">
        <v>25121</v>
      </c>
      <c r="F39209" s="7">
        <v>43475</v>
      </c>
      <c r="G39209" s="8">
        <v>10887789</v>
      </c>
      <c r="H39209" s="8">
        <v>9428827</v>
      </c>
      <c r="I39209" s="8">
        <v>2188443</v>
      </c>
      <c r="J39209" s="8">
        <v>8699346</v>
      </c>
      <c r="K39209" s="9"/>
      <c r="L39209" s="6"/>
    </row>
    <row r="39210" spans="1:12">
      <c r="A39210" s="6" t="s">
        <v>38289</v>
      </c>
      <c r="B39210" s="6" t="s">
        <v>38290</v>
      </c>
      <c r="C39210" s="6" t="s">
        <v>32230</v>
      </c>
      <c r="D39210" s="6" t="s">
        <v>38291</v>
      </c>
      <c r="E39210" s="6" t="s">
        <v>25121</v>
      </c>
      <c r="F39210" s="7">
        <v>43404</v>
      </c>
      <c r="G39210" s="8">
        <v>55144800</v>
      </c>
      <c r="H39210" s="8">
        <v>51505244</v>
      </c>
      <c r="I39210" s="8">
        <v>5459334</v>
      </c>
      <c r="J39210" s="8">
        <v>49685466</v>
      </c>
      <c r="K39210" s="9">
        <v>145.74</v>
      </c>
      <c r="L39210" s="6"/>
    </row>
    <row r="39211" spans="1:12">
      <c r="A39211" s="6" t="s">
        <v>38292</v>
      </c>
      <c r="B39211" s="6" t="s">
        <v>37786</v>
      </c>
      <c r="C39211" s="6" t="s">
        <v>32230</v>
      </c>
      <c r="D39211" s="6" t="s">
        <v>38183</v>
      </c>
      <c r="E39211" s="6" t="s">
        <v>25121</v>
      </c>
      <c r="F39211" s="7">
        <v>29281</v>
      </c>
      <c r="G39211" s="8">
        <v>13063400</v>
      </c>
      <c r="H39211" s="8">
        <v>1</v>
      </c>
      <c r="I39211" s="8">
        <v>13063399</v>
      </c>
      <c r="J39211" s="8">
        <v>1</v>
      </c>
      <c r="K39211" s="10">
        <v>128.47</v>
      </c>
      <c r="L39211" s="6"/>
    </row>
    <row r="39212" spans="1:12">
      <c r="A39212" s="6" t="s">
        <v>38293</v>
      </c>
      <c r="B39212" s="6" t="s">
        <v>37786</v>
      </c>
      <c r="C39212" s="6" t="s">
        <v>32230</v>
      </c>
      <c r="D39212" s="6" t="s">
        <v>38180</v>
      </c>
      <c r="E39212" s="6" t="s">
        <v>25121</v>
      </c>
      <c r="F39212" s="7">
        <v>40259</v>
      </c>
      <c r="G39212" s="8">
        <v>26340000</v>
      </c>
      <c r="H39212" s="8">
        <v>16778580</v>
      </c>
      <c r="I39212" s="8">
        <v>10430640</v>
      </c>
      <c r="J39212" s="8">
        <v>15909360</v>
      </c>
      <c r="K39212" s="9">
        <v>143.26</v>
      </c>
      <c r="L39212" s="6"/>
    </row>
    <row r="39213" spans="1:12">
      <c r="A39213" s="6" t="s">
        <v>38293</v>
      </c>
      <c r="B39213" s="6" t="s">
        <v>37786</v>
      </c>
      <c r="C39213" s="6" t="s">
        <v>32230</v>
      </c>
      <c r="D39213" s="6" t="s">
        <v>38180</v>
      </c>
      <c r="E39213" s="6" t="s">
        <v>25121</v>
      </c>
      <c r="F39213" s="7">
        <v>40200</v>
      </c>
      <c r="G39213" s="8">
        <v>1879500</v>
      </c>
      <c r="H39213" s="8">
        <v>494314</v>
      </c>
      <c r="I39213" s="8">
        <v>1511112</v>
      </c>
      <c r="J39213" s="8">
        <v>368388</v>
      </c>
      <c r="K39213" s="9"/>
      <c r="L39213" s="6"/>
    </row>
    <row r="39214" spans="1:12">
      <c r="A39214" s="6" t="s">
        <v>38293</v>
      </c>
      <c r="B39214" s="6" t="s">
        <v>37786</v>
      </c>
      <c r="C39214" s="6" t="s">
        <v>32230</v>
      </c>
      <c r="D39214" s="6" t="s">
        <v>38180</v>
      </c>
      <c r="E39214" s="6" t="s">
        <v>25121</v>
      </c>
      <c r="F39214" s="7">
        <v>40200</v>
      </c>
      <c r="G39214" s="8">
        <v>2541000</v>
      </c>
      <c r="H39214" s="8">
        <v>975744</v>
      </c>
      <c r="I39214" s="8">
        <v>1707552</v>
      </c>
      <c r="J39214" s="8">
        <v>833448</v>
      </c>
      <c r="K39214" s="9"/>
      <c r="L39214" s="6"/>
    </row>
    <row r="39215" spans="1:12">
      <c r="A39215" s="6" t="s">
        <v>28236</v>
      </c>
      <c r="B39215" s="6" t="s">
        <v>38294</v>
      </c>
      <c r="C39215" s="6" t="s">
        <v>32230</v>
      </c>
      <c r="D39215" s="6" t="s">
        <v>38295</v>
      </c>
      <c r="E39215" s="6" t="s">
        <v>9</v>
      </c>
      <c r="F39215" s="7">
        <v>32058</v>
      </c>
      <c r="G39215" s="8">
        <v>352800</v>
      </c>
      <c r="H39215" s="8">
        <v>3528</v>
      </c>
      <c r="I39215" s="8">
        <v>352799</v>
      </c>
      <c r="J39215" s="8">
        <v>1</v>
      </c>
      <c r="K39215" s="9">
        <v>5.04</v>
      </c>
      <c r="L39215" s="6"/>
    </row>
    <row r="39216" spans="1:12">
      <c r="A39216" s="6" t="s">
        <v>28236</v>
      </c>
      <c r="B39216" s="6" t="s">
        <v>38296</v>
      </c>
      <c r="C39216" s="6" t="s">
        <v>32230</v>
      </c>
      <c r="D39216" s="6" t="s">
        <v>38295</v>
      </c>
      <c r="E39216" s="6" t="s">
        <v>9</v>
      </c>
      <c r="F39216" s="7">
        <v>40268</v>
      </c>
      <c r="G39216" s="8">
        <v>4410000</v>
      </c>
      <c r="H39216" s="8">
        <v>1159830</v>
      </c>
      <c r="I39216" s="8">
        <v>3545640</v>
      </c>
      <c r="J39216" s="8">
        <v>864360</v>
      </c>
      <c r="K39216" s="9"/>
      <c r="L39216" s="6"/>
    </row>
    <row r="39217" spans="1:12">
      <c r="A39217" s="6" t="s">
        <v>28236</v>
      </c>
      <c r="B39217" s="6" t="s">
        <v>38296</v>
      </c>
      <c r="C39217" s="6" t="s">
        <v>32230</v>
      </c>
      <c r="D39217" s="6" t="s">
        <v>38295</v>
      </c>
      <c r="E39217" s="6" t="s">
        <v>9</v>
      </c>
      <c r="F39217" s="7">
        <v>44208</v>
      </c>
      <c r="G39217" s="8">
        <v>4108500</v>
      </c>
      <c r="H39217" s="8">
        <v>4108500</v>
      </c>
      <c r="I39217" s="8">
        <v>275269</v>
      </c>
      <c r="J39217" s="8">
        <v>3833231</v>
      </c>
      <c r="K39217" s="9"/>
      <c r="L39217" s="6"/>
    </row>
    <row r="39218" spans="1:12">
      <c r="A39218" s="6" t="s">
        <v>28236</v>
      </c>
      <c r="B39218" s="6" t="s">
        <v>38296</v>
      </c>
      <c r="C39218" s="6" t="s">
        <v>32230</v>
      </c>
      <c r="D39218" s="6" t="s">
        <v>38295</v>
      </c>
      <c r="E39218" s="6" t="s">
        <v>9</v>
      </c>
      <c r="F39218" s="7">
        <v>32058</v>
      </c>
      <c r="G39218" s="8">
        <v>1522200000</v>
      </c>
      <c r="H39218" s="8">
        <v>417082800</v>
      </c>
      <c r="I39218" s="8">
        <v>1138605599</v>
      </c>
      <c r="J39218" s="8">
        <v>383594401</v>
      </c>
      <c r="K39218" s="9">
        <v>6144.1</v>
      </c>
      <c r="L39218" s="6"/>
    </row>
    <row r="39219" spans="1:12">
      <c r="A39219" s="6" t="s">
        <v>28236</v>
      </c>
      <c r="B39219" s="6" t="s">
        <v>38296</v>
      </c>
      <c r="C39219" s="6" t="s">
        <v>32230</v>
      </c>
      <c r="D39219" s="6" t="s">
        <v>38295</v>
      </c>
      <c r="E39219" s="6" t="s">
        <v>9</v>
      </c>
      <c r="F39219" s="7">
        <v>39756</v>
      </c>
      <c r="G39219" s="8">
        <v>32445000</v>
      </c>
      <c r="H39219" s="8">
        <v>6359220</v>
      </c>
      <c r="I39219" s="8">
        <v>28259595</v>
      </c>
      <c r="J39219" s="8">
        <v>4185405</v>
      </c>
      <c r="K39219" s="9"/>
      <c r="L39219" s="6"/>
    </row>
    <row r="39220" spans="1:12">
      <c r="A39220" s="6" t="s">
        <v>28236</v>
      </c>
      <c r="B39220" s="6" t="s">
        <v>38296</v>
      </c>
      <c r="C39220" s="6" t="s">
        <v>32230</v>
      </c>
      <c r="D39220" s="6" t="s">
        <v>38295</v>
      </c>
      <c r="E39220" s="6" t="s">
        <v>9</v>
      </c>
      <c r="F39220" s="7">
        <v>41921</v>
      </c>
      <c r="G39220" s="8">
        <v>1296000</v>
      </c>
      <c r="H39220" s="8">
        <v>775008</v>
      </c>
      <c r="I39220" s="8">
        <v>607824</v>
      </c>
      <c r="J39220" s="8">
        <v>688176</v>
      </c>
      <c r="K39220" s="9"/>
      <c r="L39220" s="6"/>
    </row>
    <row r="39221" spans="1:12">
      <c r="A39221" s="6" t="s">
        <v>28249</v>
      </c>
      <c r="B39221" s="6" t="s">
        <v>37786</v>
      </c>
      <c r="C39221" s="6" t="s">
        <v>32230</v>
      </c>
      <c r="D39221" s="6" t="s">
        <v>38297</v>
      </c>
      <c r="E39221" s="6" t="s">
        <v>25121</v>
      </c>
      <c r="F39221" s="7">
        <v>29646</v>
      </c>
      <c r="G39221" s="8">
        <v>23310450</v>
      </c>
      <c r="H39221" s="8">
        <v>10</v>
      </c>
      <c r="I39221" s="8">
        <v>23310449</v>
      </c>
      <c r="J39221" s="8">
        <v>1</v>
      </c>
      <c r="K39221" s="9">
        <v>150.38999999999899</v>
      </c>
      <c r="L39221" s="6"/>
    </row>
    <row r="39222" spans="1:12">
      <c r="A39222" s="6" t="s">
        <v>28293</v>
      </c>
      <c r="B39222" s="6" t="s">
        <v>28293</v>
      </c>
      <c r="C39222" s="6" t="s">
        <v>32230</v>
      </c>
      <c r="D39222" s="6" t="s">
        <v>38298</v>
      </c>
      <c r="E39222" s="6" t="s">
        <v>9</v>
      </c>
      <c r="F39222" s="7">
        <v>43769</v>
      </c>
      <c r="G39222" s="8">
        <v>11340000</v>
      </c>
      <c r="H39222" s="8">
        <v>10670940</v>
      </c>
      <c r="I39222" s="8">
        <v>1338120</v>
      </c>
      <c r="J39222" s="8">
        <v>10001880</v>
      </c>
      <c r="K39222" s="9"/>
      <c r="L39222" s="6"/>
    </row>
    <row r="39223" spans="1:12">
      <c r="A39223" s="6" t="s">
        <v>28293</v>
      </c>
      <c r="B39223" s="6" t="s">
        <v>28293</v>
      </c>
      <c r="C39223" s="6" t="s">
        <v>32230</v>
      </c>
      <c r="D39223" s="6" t="s">
        <v>38298</v>
      </c>
      <c r="E39223" s="6" t="s">
        <v>9</v>
      </c>
      <c r="F39223" s="7">
        <v>43190</v>
      </c>
      <c r="G39223" s="8">
        <v>4320000</v>
      </c>
      <c r="H39223" s="8">
        <v>3451680</v>
      </c>
      <c r="I39223" s="8">
        <v>1157760</v>
      </c>
      <c r="J39223" s="8">
        <v>3162240</v>
      </c>
      <c r="K39223" s="9"/>
      <c r="L39223" s="6"/>
    </row>
    <row r="39224" spans="1:12">
      <c r="A39224" s="6" t="s">
        <v>28293</v>
      </c>
      <c r="B39224" s="6" t="s">
        <v>28293</v>
      </c>
      <c r="C39224" s="6" t="s">
        <v>32230</v>
      </c>
      <c r="D39224" s="6" t="s">
        <v>38298</v>
      </c>
      <c r="E39224" s="6" t="s">
        <v>9</v>
      </c>
      <c r="F39224" s="7">
        <v>44286</v>
      </c>
      <c r="G39224" s="8">
        <v>3817000</v>
      </c>
      <c r="H39224" s="8">
        <v>3817000</v>
      </c>
      <c r="I39224" s="8">
        <v>255739</v>
      </c>
      <c r="J39224" s="8">
        <v>3561261</v>
      </c>
      <c r="K39224" s="9"/>
      <c r="L39224" s="6"/>
    </row>
    <row r="39225" spans="1:12">
      <c r="A39225" s="6" t="s">
        <v>28293</v>
      </c>
      <c r="B39225" s="6" t="s">
        <v>28293</v>
      </c>
      <c r="C39225" s="6" t="s">
        <v>32230</v>
      </c>
      <c r="D39225" s="6" t="s">
        <v>38298</v>
      </c>
      <c r="E39225" s="6" t="s">
        <v>9</v>
      </c>
      <c r="F39225" s="7">
        <v>35096</v>
      </c>
      <c r="G39225" s="8">
        <v>156539400</v>
      </c>
      <c r="H39225" s="8">
        <v>78269700</v>
      </c>
      <c r="I39225" s="8">
        <v>81400488</v>
      </c>
      <c r="J39225" s="8">
        <v>75138912</v>
      </c>
      <c r="K39225" s="9">
        <v>580</v>
      </c>
      <c r="L39225" s="6"/>
    </row>
    <row r="39226" spans="1:12">
      <c r="A39226" s="6" t="s">
        <v>28293</v>
      </c>
      <c r="B39226" s="6" t="s">
        <v>38299</v>
      </c>
      <c r="C39226" s="6" t="s">
        <v>32230</v>
      </c>
      <c r="D39226" s="6" t="s">
        <v>38298</v>
      </c>
      <c r="E39226" s="6" t="s">
        <v>9</v>
      </c>
      <c r="F39226" s="7">
        <v>40536</v>
      </c>
      <c r="G39226" s="8">
        <v>10077900</v>
      </c>
      <c r="H39226" s="8">
        <v>4434280</v>
      </c>
      <c r="I39226" s="8">
        <v>6207982</v>
      </c>
      <c r="J39226" s="8">
        <v>3869918</v>
      </c>
      <c r="K39226" s="9"/>
      <c r="L39226" s="6"/>
    </row>
    <row r="39227" spans="1:12">
      <c r="A39227" s="6" t="s">
        <v>28293</v>
      </c>
      <c r="B39227" s="6" t="s">
        <v>38299</v>
      </c>
      <c r="C39227" s="6" t="s">
        <v>32230</v>
      </c>
      <c r="D39227" s="6" t="s">
        <v>38298</v>
      </c>
      <c r="E39227" s="6" t="s">
        <v>9</v>
      </c>
      <c r="F39227" s="7">
        <v>40536</v>
      </c>
      <c r="G39227" s="8">
        <v>18068400</v>
      </c>
      <c r="H39227" s="8">
        <v>5962580</v>
      </c>
      <c r="I39227" s="8">
        <v>13316402</v>
      </c>
      <c r="J39227" s="8">
        <v>4751998</v>
      </c>
      <c r="K39227" s="9"/>
      <c r="L39227" s="6"/>
    </row>
    <row r="39228" spans="1:12">
      <c r="A39228" s="6" t="s">
        <v>28293</v>
      </c>
      <c r="B39228" s="6" t="s">
        <v>38299</v>
      </c>
      <c r="C39228" s="6" t="s">
        <v>32230</v>
      </c>
      <c r="D39228" s="6" t="s">
        <v>38298</v>
      </c>
      <c r="E39228" s="6" t="s">
        <v>9</v>
      </c>
      <c r="F39228" s="7">
        <v>40539</v>
      </c>
      <c r="G39228" s="8">
        <v>98255850</v>
      </c>
      <c r="H39228" s="8">
        <v>78604680</v>
      </c>
      <c r="I39228" s="8">
        <v>21616287</v>
      </c>
      <c r="J39228" s="8">
        <v>76639563</v>
      </c>
      <c r="K39228" s="9">
        <v>165.13</v>
      </c>
      <c r="L39228" s="6"/>
    </row>
    <row r="39229" spans="1:12">
      <c r="A39229" s="6" t="s">
        <v>28313</v>
      </c>
      <c r="B39229" s="6" t="s">
        <v>28313</v>
      </c>
      <c r="C39229" s="6" t="s">
        <v>32230</v>
      </c>
      <c r="D39229" s="6" t="s">
        <v>38300</v>
      </c>
      <c r="E39229" s="6" t="s">
        <v>18740</v>
      </c>
      <c r="F39229" s="7">
        <v>33664</v>
      </c>
      <c r="G39229" s="8">
        <v>106646000</v>
      </c>
      <c r="H39229" s="8">
        <v>23142182</v>
      </c>
      <c r="I39229" s="8">
        <v>86383260</v>
      </c>
      <c r="J39229" s="8">
        <v>20262740</v>
      </c>
      <c r="K39229" s="9">
        <v>481.77</v>
      </c>
      <c r="L39229" s="6"/>
    </row>
    <row r="39230" spans="1:12">
      <c r="A39230" s="6" t="s">
        <v>28313</v>
      </c>
      <c r="B39230" s="6" t="s">
        <v>38301</v>
      </c>
      <c r="C39230" s="6" t="s">
        <v>32230</v>
      </c>
      <c r="D39230" s="6" t="s">
        <v>38300</v>
      </c>
      <c r="E39230" s="6" t="s">
        <v>18740</v>
      </c>
      <c r="F39230" s="7">
        <v>35735</v>
      </c>
      <c r="G39230" s="8">
        <v>3339000</v>
      </c>
      <c r="H39230" s="8">
        <v>1</v>
      </c>
      <c r="I39230" s="8">
        <v>3338999</v>
      </c>
      <c r="J39230" s="8">
        <v>1</v>
      </c>
      <c r="K39230" s="9">
        <v>34.770000000000003</v>
      </c>
      <c r="L39230" s="6"/>
    </row>
    <row r="39231" spans="1:12">
      <c r="A39231" s="6" t="s">
        <v>38302</v>
      </c>
      <c r="B39231" s="6" t="s">
        <v>38303</v>
      </c>
      <c r="C39231" s="6" t="s">
        <v>32230</v>
      </c>
      <c r="D39231" s="6" t="s">
        <v>38304</v>
      </c>
      <c r="E39231" s="6" t="s">
        <v>9</v>
      </c>
      <c r="F39231" s="7">
        <v>29839</v>
      </c>
      <c r="G39231" s="8">
        <v>211667400</v>
      </c>
      <c r="H39231" s="8">
        <v>46566828</v>
      </c>
      <c r="I39231" s="8">
        <v>165100572</v>
      </c>
      <c r="J39231" s="8">
        <v>46566828</v>
      </c>
      <c r="K39231" s="9">
        <v>1175.93</v>
      </c>
      <c r="L39231" s="6"/>
    </row>
    <row r="39232" spans="1:12">
      <c r="A39232" s="6" t="s">
        <v>38302</v>
      </c>
      <c r="B39232" s="6"/>
      <c r="C39232" s="6" t="s">
        <v>32230</v>
      </c>
      <c r="D39232" s="6" t="s">
        <v>38305</v>
      </c>
      <c r="E39232" s="6" t="s">
        <v>9</v>
      </c>
      <c r="F39232" s="7"/>
      <c r="G39232" s="8">
        <v>0</v>
      </c>
      <c r="H39232" s="8">
        <v>0</v>
      </c>
      <c r="I39232" s="8">
        <v>0</v>
      </c>
      <c r="J39232" s="8">
        <v>-46566828</v>
      </c>
      <c r="K39232" s="9"/>
      <c r="L39232" s="6"/>
    </row>
    <row r="39233" spans="1:12">
      <c r="A39233" s="6" t="s">
        <v>38302</v>
      </c>
      <c r="B39233" s="6" t="s">
        <v>38306</v>
      </c>
      <c r="C39233" s="6" t="s">
        <v>32230</v>
      </c>
      <c r="D39233" s="6" t="s">
        <v>38304</v>
      </c>
      <c r="E39233" s="6" t="s">
        <v>9</v>
      </c>
      <c r="F39233" s="7">
        <v>29839</v>
      </c>
      <c r="G39233" s="8">
        <v>7680000</v>
      </c>
      <c r="H39233" s="8">
        <v>1</v>
      </c>
      <c r="I39233" s="8">
        <v>7679999</v>
      </c>
      <c r="J39233" s="8">
        <v>1</v>
      </c>
      <c r="K39233" s="9">
        <v>128</v>
      </c>
      <c r="L39233" s="6"/>
    </row>
    <row r="39234" spans="1:12">
      <c r="A39234" s="6" t="s">
        <v>38302</v>
      </c>
      <c r="B39234" s="6"/>
      <c r="C39234" s="6" t="s">
        <v>32230</v>
      </c>
      <c r="D39234" s="6" t="s">
        <v>38305</v>
      </c>
      <c r="E39234" s="6" t="s">
        <v>9</v>
      </c>
      <c r="F39234" s="7"/>
      <c r="G39234" s="8">
        <v>0</v>
      </c>
      <c r="H39234" s="8">
        <v>0</v>
      </c>
      <c r="I39234" s="8">
        <v>0</v>
      </c>
      <c r="J39234" s="8">
        <v>-1</v>
      </c>
      <c r="K39234" s="9"/>
      <c r="L39234" s="6"/>
    </row>
    <row r="39235" spans="1:12">
      <c r="A39235" s="6" t="s">
        <v>37927</v>
      </c>
      <c r="B39235" s="6"/>
      <c r="C39235" s="6"/>
      <c r="D39235" s="6"/>
      <c r="E39235" s="6"/>
      <c r="F39235" s="7">
        <v>39245</v>
      </c>
      <c r="G39235" s="8">
        <v>1155000</v>
      </c>
      <c r="H39235" s="8">
        <v>148995</v>
      </c>
      <c r="I39235" s="8">
        <v>1006005</v>
      </c>
      <c r="J39235" s="8">
        <v>148995</v>
      </c>
      <c r="K39235" s="9">
        <v>0</v>
      </c>
      <c r="L39235" s="6"/>
    </row>
    <row r="39236" spans="1:12">
      <c r="A39236" s="6" t="s">
        <v>38307</v>
      </c>
      <c r="B39236" s="6" t="s">
        <v>38307</v>
      </c>
      <c r="C39236" s="6" t="s">
        <v>32230</v>
      </c>
      <c r="D39236" s="6" t="s">
        <v>38308</v>
      </c>
      <c r="E39236" s="6" t="s">
        <v>9</v>
      </c>
      <c r="F39236" s="7">
        <v>29860</v>
      </c>
      <c r="G39236" s="8">
        <v>280000</v>
      </c>
      <c r="H39236" s="8">
        <v>1</v>
      </c>
      <c r="I39236" s="8">
        <v>279999</v>
      </c>
      <c r="J39236" s="8">
        <v>1</v>
      </c>
      <c r="K39236" s="9">
        <v>4</v>
      </c>
      <c r="L39236" s="6"/>
    </row>
    <row r="39237" spans="1:12">
      <c r="A39237" s="6" t="s">
        <v>28321</v>
      </c>
      <c r="B39237" s="6" t="s">
        <v>28321</v>
      </c>
      <c r="C39237" s="6" t="s">
        <v>32230</v>
      </c>
      <c r="D39237" s="6" t="s">
        <v>38309</v>
      </c>
      <c r="E39237" s="6" t="s">
        <v>18740</v>
      </c>
      <c r="F39237" s="7">
        <v>25659</v>
      </c>
      <c r="G39237" s="8">
        <v>8635500</v>
      </c>
      <c r="H39237" s="8">
        <v>1</v>
      </c>
      <c r="I39237" s="8">
        <v>8635499</v>
      </c>
      <c r="J39237" s="8">
        <v>1</v>
      </c>
      <c r="K39237" s="9">
        <v>90.9</v>
      </c>
      <c r="L39237" s="6"/>
    </row>
    <row r="39238" spans="1:12">
      <c r="A39238" s="6" t="s">
        <v>28367</v>
      </c>
      <c r="B39238" s="6" t="s">
        <v>38310</v>
      </c>
      <c r="C39238" s="6" t="s">
        <v>32230</v>
      </c>
      <c r="D39238" s="6" t="s">
        <v>38311</v>
      </c>
      <c r="E39238" s="6" t="s">
        <v>18740</v>
      </c>
      <c r="F39238" s="7">
        <v>34759</v>
      </c>
      <c r="G39238" s="8">
        <v>49920000</v>
      </c>
      <c r="H39238" s="8">
        <v>7088640</v>
      </c>
      <c r="I39238" s="8">
        <v>44478720</v>
      </c>
      <c r="J39238" s="8">
        <v>5441280</v>
      </c>
      <c r="K39238" s="9">
        <v>330</v>
      </c>
      <c r="L39238" s="6"/>
    </row>
    <row r="39239" spans="1:12">
      <c r="A39239" s="6" t="s">
        <v>38312</v>
      </c>
      <c r="B39239" s="6" t="s">
        <v>38313</v>
      </c>
      <c r="C39239" s="6" t="s">
        <v>32230</v>
      </c>
      <c r="D39239" s="6" t="s">
        <v>38061</v>
      </c>
      <c r="E39239" s="6" t="s">
        <v>9</v>
      </c>
      <c r="F39239" s="7">
        <v>35764</v>
      </c>
      <c r="G39239" s="8">
        <v>156470000</v>
      </c>
      <c r="H39239" s="8">
        <v>84493800</v>
      </c>
      <c r="I39239" s="8">
        <v>75105600</v>
      </c>
      <c r="J39239" s="8">
        <v>81364400</v>
      </c>
      <c r="K39239" s="9">
        <v>502</v>
      </c>
      <c r="L39239" s="6"/>
    </row>
    <row r="39240" spans="1:12">
      <c r="A39240" s="6" t="s">
        <v>28394</v>
      </c>
      <c r="B39240" s="6" t="s">
        <v>38314</v>
      </c>
      <c r="C39240" s="6" t="s">
        <v>32230</v>
      </c>
      <c r="D39240" s="6" t="s">
        <v>38315</v>
      </c>
      <c r="E39240" s="6" t="s">
        <v>9</v>
      </c>
      <c r="F39240" s="7">
        <v>35885</v>
      </c>
      <c r="G39240" s="8">
        <v>2067700</v>
      </c>
      <c r="H39240" s="8">
        <v>783679</v>
      </c>
      <c r="I39240" s="8">
        <v>1339848</v>
      </c>
      <c r="J39240" s="8">
        <v>727852</v>
      </c>
      <c r="K39240" s="9">
        <v>13.34</v>
      </c>
      <c r="L39240" s="6"/>
    </row>
    <row r="39241" spans="1:12">
      <c r="A39241" s="6" t="s">
        <v>28394</v>
      </c>
      <c r="B39241" s="6" t="s">
        <v>38316</v>
      </c>
      <c r="C39241" s="6" t="s">
        <v>32230</v>
      </c>
      <c r="D39241" s="6" t="s">
        <v>38315</v>
      </c>
      <c r="E39241" s="6" t="s">
        <v>9</v>
      </c>
      <c r="F39241" s="7">
        <v>40459</v>
      </c>
      <c r="G39241" s="8">
        <v>518700</v>
      </c>
      <c r="H39241" s="8">
        <v>1</v>
      </c>
      <c r="I39241" s="8">
        <v>518699</v>
      </c>
      <c r="J39241" s="8">
        <v>1</v>
      </c>
      <c r="K39241" s="9"/>
      <c r="L39241" s="6"/>
    </row>
    <row r="39242" spans="1:12">
      <c r="A39242" s="6" t="s">
        <v>28394</v>
      </c>
      <c r="B39242" s="6" t="s">
        <v>38316</v>
      </c>
      <c r="C39242" s="6" t="s">
        <v>32230</v>
      </c>
      <c r="D39242" s="6" t="s">
        <v>38315</v>
      </c>
      <c r="E39242" s="6" t="s">
        <v>9</v>
      </c>
      <c r="F39242" s="7">
        <v>42359</v>
      </c>
      <c r="G39242" s="8">
        <v>4590000</v>
      </c>
      <c r="H39242" s="8">
        <v>3052350</v>
      </c>
      <c r="I39242" s="8">
        <v>1845180</v>
      </c>
      <c r="J39242" s="8">
        <v>2744820</v>
      </c>
      <c r="K39242" s="9"/>
      <c r="L39242" s="6"/>
    </row>
    <row r="39243" spans="1:12">
      <c r="A39243" s="6" t="s">
        <v>28394</v>
      </c>
      <c r="B39243" s="6" t="s">
        <v>38316</v>
      </c>
      <c r="C39243" s="6" t="s">
        <v>32230</v>
      </c>
      <c r="D39243" s="6" t="s">
        <v>38315</v>
      </c>
      <c r="E39243" s="6" t="s">
        <v>9</v>
      </c>
      <c r="F39243" s="7">
        <v>43136</v>
      </c>
      <c r="G39243" s="8">
        <v>486000</v>
      </c>
      <c r="H39243" s="8">
        <v>388314</v>
      </c>
      <c r="I39243" s="8">
        <v>130248</v>
      </c>
      <c r="J39243" s="8">
        <v>355752</v>
      </c>
      <c r="K39243" s="9"/>
      <c r="L39243" s="6"/>
    </row>
    <row r="39244" spans="1:12">
      <c r="A39244" s="6" t="s">
        <v>28394</v>
      </c>
      <c r="B39244" s="6" t="s">
        <v>38316</v>
      </c>
      <c r="C39244" s="6" t="s">
        <v>32230</v>
      </c>
      <c r="D39244" s="6" t="s">
        <v>38315</v>
      </c>
      <c r="E39244" s="6" t="s">
        <v>9</v>
      </c>
      <c r="F39244" s="7">
        <v>43976</v>
      </c>
      <c r="G39244" s="8">
        <v>58300</v>
      </c>
      <c r="H39244" s="8">
        <v>58300</v>
      </c>
      <c r="I39244" s="8">
        <v>3906</v>
      </c>
      <c r="J39244" s="8">
        <v>54394</v>
      </c>
      <c r="K39244" s="9"/>
      <c r="L39244" s="6"/>
    </row>
    <row r="39245" spans="1:12">
      <c r="A39245" s="6" t="s">
        <v>28394</v>
      </c>
      <c r="B39245" s="6" t="s">
        <v>38316</v>
      </c>
      <c r="C39245" s="6" t="s">
        <v>32230</v>
      </c>
      <c r="D39245" s="6" t="s">
        <v>38315</v>
      </c>
      <c r="E39245" s="6" t="s">
        <v>9</v>
      </c>
      <c r="F39245" s="7">
        <v>43185</v>
      </c>
      <c r="G39245" s="8">
        <v>77220000</v>
      </c>
      <c r="H39245" s="8">
        <v>61698780</v>
      </c>
      <c r="I39245" s="8">
        <v>20694960</v>
      </c>
      <c r="J39245" s="8">
        <v>56525040</v>
      </c>
      <c r="K39245" s="9"/>
      <c r="L39245" s="6"/>
    </row>
    <row r="39246" spans="1:12">
      <c r="A39246" s="6" t="s">
        <v>28394</v>
      </c>
      <c r="B39246" s="6" t="s">
        <v>38316</v>
      </c>
      <c r="C39246" s="6" t="s">
        <v>32230</v>
      </c>
      <c r="D39246" s="6" t="s">
        <v>38315</v>
      </c>
      <c r="E39246" s="6" t="s">
        <v>9</v>
      </c>
      <c r="F39246" s="7">
        <v>43146</v>
      </c>
      <c r="G39246" s="8">
        <v>10476000</v>
      </c>
      <c r="H39246" s="8">
        <v>8370324</v>
      </c>
      <c r="I39246" s="8">
        <v>2807568</v>
      </c>
      <c r="J39246" s="8">
        <v>7668432</v>
      </c>
      <c r="K39246" s="9"/>
      <c r="L39246" s="6"/>
    </row>
    <row r="39247" spans="1:12">
      <c r="A39247" s="6" t="s">
        <v>28394</v>
      </c>
      <c r="B39247" s="6" t="s">
        <v>38316</v>
      </c>
      <c r="C39247" s="6" t="s">
        <v>32230</v>
      </c>
      <c r="D39247" s="6" t="s">
        <v>38315</v>
      </c>
      <c r="E39247" s="6" t="s">
        <v>9</v>
      </c>
      <c r="F39247" s="7">
        <v>35977</v>
      </c>
      <c r="G39247" s="8">
        <v>1520280000</v>
      </c>
      <c r="H39247" s="8">
        <v>851356800</v>
      </c>
      <c r="I39247" s="8">
        <v>699328800</v>
      </c>
      <c r="J39247" s="8">
        <v>820951200</v>
      </c>
      <c r="K39247" s="9">
        <v>1980.26</v>
      </c>
      <c r="L39247" s="6"/>
    </row>
    <row r="39248" spans="1:12">
      <c r="A39248" s="6" t="s">
        <v>38317</v>
      </c>
      <c r="B39248" s="6" t="s">
        <v>38317</v>
      </c>
      <c r="C39248" s="6" t="s">
        <v>32230</v>
      </c>
      <c r="D39248" s="6" t="s">
        <v>38318</v>
      </c>
      <c r="E39248" s="6" t="s">
        <v>9</v>
      </c>
      <c r="F39248" s="7">
        <v>39902</v>
      </c>
      <c r="G39248" s="8">
        <v>1160250</v>
      </c>
      <c r="H39248" s="8">
        <v>1</v>
      </c>
      <c r="I39248" s="8">
        <v>1160249</v>
      </c>
      <c r="J39248" s="8">
        <v>1</v>
      </c>
      <c r="K39248" s="9"/>
      <c r="L39248" s="6"/>
    </row>
    <row r="39249" spans="1:12">
      <c r="A39249" s="6" t="s">
        <v>38317</v>
      </c>
      <c r="B39249" s="6" t="s">
        <v>38317</v>
      </c>
      <c r="C39249" s="6" t="s">
        <v>32230</v>
      </c>
      <c r="D39249" s="6" t="s">
        <v>38318</v>
      </c>
      <c r="E39249" s="6" t="s">
        <v>9</v>
      </c>
      <c r="F39249" s="7">
        <v>36039</v>
      </c>
      <c r="G39249" s="8">
        <v>346390000</v>
      </c>
      <c r="H39249" s="8">
        <v>140634340</v>
      </c>
      <c r="I39249" s="8">
        <v>216147360</v>
      </c>
      <c r="J39249" s="8">
        <v>130242640</v>
      </c>
      <c r="K39249" s="9">
        <v>978.96</v>
      </c>
      <c r="L39249" s="6"/>
    </row>
    <row r="39250" spans="1:12">
      <c r="A39250" s="6" t="s">
        <v>38317</v>
      </c>
      <c r="B39250" s="6" t="s">
        <v>38317</v>
      </c>
      <c r="C39250" s="6" t="s">
        <v>32230</v>
      </c>
      <c r="D39250" s="6" t="s">
        <v>38318</v>
      </c>
      <c r="E39250" s="6" t="s">
        <v>9</v>
      </c>
      <c r="F39250" s="7">
        <v>43190</v>
      </c>
      <c r="G39250" s="8">
        <v>16956000</v>
      </c>
      <c r="H39250" s="8">
        <v>15582564</v>
      </c>
      <c r="I39250" s="8">
        <v>1831248</v>
      </c>
      <c r="J39250" s="8">
        <v>15124752</v>
      </c>
      <c r="K39250" s="9"/>
      <c r="L39250" s="6"/>
    </row>
    <row r="39251" spans="1:12">
      <c r="A39251" s="6" t="s">
        <v>38317</v>
      </c>
      <c r="B39251" s="6" t="s">
        <v>38317</v>
      </c>
      <c r="C39251" s="6" t="s">
        <v>32230</v>
      </c>
      <c r="D39251" s="6" t="s">
        <v>38318</v>
      </c>
      <c r="E39251" s="6" t="s">
        <v>9</v>
      </c>
      <c r="F39251" s="7">
        <v>43190</v>
      </c>
      <c r="G39251" s="8">
        <v>259200</v>
      </c>
      <c r="H39251" s="8">
        <v>207102</v>
      </c>
      <c r="I39251" s="8">
        <v>69464</v>
      </c>
      <c r="J39251" s="8">
        <v>189736</v>
      </c>
      <c r="K39251" s="9"/>
      <c r="L39251" s="6"/>
    </row>
    <row r="39252" spans="1:12">
      <c r="A39252" s="6" t="s">
        <v>38317</v>
      </c>
      <c r="B39252" s="6" t="s">
        <v>38317</v>
      </c>
      <c r="C39252" s="6" t="s">
        <v>32230</v>
      </c>
      <c r="D39252" s="6" t="s">
        <v>38318</v>
      </c>
      <c r="E39252" s="6" t="s">
        <v>9</v>
      </c>
      <c r="F39252" s="7">
        <v>43174</v>
      </c>
      <c r="G39252" s="8">
        <v>421200</v>
      </c>
      <c r="H39252" s="8">
        <v>210180</v>
      </c>
      <c r="I39252" s="8">
        <v>281360</v>
      </c>
      <c r="J39252" s="8">
        <v>139840</v>
      </c>
      <c r="K39252" s="9"/>
      <c r="L39252" s="6"/>
    </row>
    <row r="39253" spans="1:12">
      <c r="A39253" s="6" t="s">
        <v>38317</v>
      </c>
      <c r="B39253" s="6" t="s">
        <v>38317</v>
      </c>
      <c r="C39253" s="6" t="s">
        <v>32230</v>
      </c>
      <c r="D39253" s="6" t="s">
        <v>38318</v>
      </c>
      <c r="E39253" s="6" t="s">
        <v>9</v>
      </c>
      <c r="F39253" s="7">
        <v>41882</v>
      </c>
      <c r="G39253" s="8">
        <v>442800</v>
      </c>
      <c r="H39253" s="8">
        <v>264798</v>
      </c>
      <c r="I39253" s="8">
        <v>207669</v>
      </c>
      <c r="J39253" s="8">
        <v>235131</v>
      </c>
      <c r="K39253" s="9"/>
      <c r="L39253" s="6"/>
    </row>
    <row r="39254" spans="1:12">
      <c r="A39254" s="6" t="s">
        <v>38317</v>
      </c>
      <c r="B39254" s="6" t="s">
        <v>38317</v>
      </c>
      <c r="C39254" s="6" t="s">
        <v>32230</v>
      </c>
      <c r="D39254" s="6" t="s">
        <v>38318</v>
      </c>
      <c r="E39254" s="6" t="s">
        <v>9</v>
      </c>
      <c r="F39254" s="7">
        <v>39365</v>
      </c>
      <c r="G39254" s="8">
        <v>31027500</v>
      </c>
      <c r="H39254" s="8">
        <v>4002554</v>
      </c>
      <c r="I39254" s="8">
        <v>29103788</v>
      </c>
      <c r="J39254" s="8">
        <v>1923712</v>
      </c>
      <c r="K39254" s="9"/>
      <c r="L39254" s="6"/>
    </row>
    <row r="39255" spans="1:12">
      <c r="A39255" s="6" t="s">
        <v>38317</v>
      </c>
      <c r="B39255" s="6" t="s">
        <v>38317</v>
      </c>
      <c r="C39255" s="6" t="s">
        <v>32230</v>
      </c>
      <c r="D39255" s="6" t="s">
        <v>38318</v>
      </c>
      <c r="E39255" s="6" t="s">
        <v>9</v>
      </c>
      <c r="F39255" s="7">
        <v>41096</v>
      </c>
      <c r="G39255" s="8">
        <v>913500</v>
      </c>
      <c r="H39255" s="8">
        <v>423868</v>
      </c>
      <c r="I39255" s="8">
        <v>550836</v>
      </c>
      <c r="J39255" s="8">
        <v>362664</v>
      </c>
      <c r="K39255" s="9"/>
      <c r="L39255" s="6"/>
    </row>
    <row r="39256" spans="1:12">
      <c r="A39256" s="6" t="s">
        <v>38317</v>
      </c>
      <c r="B39256" s="6" t="s">
        <v>38317</v>
      </c>
      <c r="C39256" s="6" t="s">
        <v>32230</v>
      </c>
      <c r="D39256" s="6" t="s">
        <v>38318</v>
      </c>
      <c r="E39256" s="6" t="s">
        <v>9</v>
      </c>
      <c r="F39256" s="7">
        <v>42069</v>
      </c>
      <c r="G39256" s="8">
        <v>1252800</v>
      </c>
      <c r="H39256" s="8">
        <v>749178</v>
      </c>
      <c r="I39256" s="8">
        <v>587559</v>
      </c>
      <c r="J39256" s="8">
        <v>665241</v>
      </c>
      <c r="K39256" s="9"/>
      <c r="L39256" s="6"/>
    </row>
    <row r="39257" spans="1:12">
      <c r="A39257" s="6" t="s">
        <v>28462</v>
      </c>
      <c r="B39257" s="6" t="s">
        <v>38319</v>
      </c>
      <c r="C39257" s="6" t="s">
        <v>32230</v>
      </c>
      <c r="D39257" s="6" t="s">
        <v>38320</v>
      </c>
      <c r="E39257" s="6" t="s">
        <v>9</v>
      </c>
      <c r="F39257" s="7">
        <v>36586</v>
      </c>
      <c r="G39257" s="8">
        <v>2900000</v>
      </c>
      <c r="H39257" s="8">
        <v>1255700</v>
      </c>
      <c r="I39257" s="8">
        <v>1722600</v>
      </c>
      <c r="J39257" s="8">
        <v>1177400</v>
      </c>
      <c r="K39257" s="9">
        <v>2</v>
      </c>
      <c r="L39257" s="6"/>
    </row>
    <row r="39258" spans="1:12">
      <c r="A39258" s="6" t="s">
        <v>28478</v>
      </c>
      <c r="B39258" s="6" t="s">
        <v>38321</v>
      </c>
      <c r="C39258" s="6" t="s">
        <v>32230</v>
      </c>
      <c r="D39258" s="6" t="s">
        <v>38322</v>
      </c>
      <c r="E39258" s="6" t="s">
        <v>9</v>
      </c>
      <c r="F39258" s="7">
        <v>28550</v>
      </c>
      <c r="G39258" s="8">
        <v>310000</v>
      </c>
      <c r="H39258" s="8">
        <v>1</v>
      </c>
      <c r="I39258" s="8">
        <v>309999</v>
      </c>
      <c r="J39258" s="8">
        <v>1</v>
      </c>
      <c r="K39258" s="9">
        <v>2</v>
      </c>
      <c r="L39258" s="6"/>
    </row>
    <row r="39259" spans="1:12">
      <c r="A39259" s="6" t="s">
        <v>28488</v>
      </c>
      <c r="B39259" s="6" t="s">
        <v>38323</v>
      </c>
      <c r="C39259" s="6" t="s">
        <v>32230</v>
      </c>
      <c r="D39259" s="6" t="s">
        <v>38324</v>
      </c>
      <c r="E39259" s="6" t="s">
        <v>9</v>
      </c>
      <c r="F39259" s="7">
        <v>33664</v>
      </c>
      <c r="G39259" s="8">
        <v>2400000</v>
      </c>
      <c r="H39259" s="8">
        <v>520800</v>
      </c>
      <c r="I39259" s="8">
        <v>1944000</v>
      </c>
      <c r="J39259" s="8">
        <v>456000</v>
      </c>
      <c r="K39259" s="9">
        <v>8</v>
      </c>
      <c r="L39259" s="6"/>
    </row>
    <row r="39260" spans="1:12">
      <c r="A39260" s="6" t="s">
        <v>28499</v>
      </c>
      <c r="B39260" s="6" t="s">
        <v>38325</v>
      </c>
      <c r="C39260" s="6" t="s">
        <v>32230</v>
      </c>
      <c r="D39260" s="6" t="s">
        <v>38326</v>
      </c>
      <c r="E39260" s="6" t="s">
        <v>9</v>
      </c>
      <c r="F39260" s="7">
        <v>32933</v>
      </c>
      <c r="G39260" s="8">
        <v>1600000</v>
      </c>
      <c r="H39260" s="8">
        <v>260800</v>
      </c>
      <c r="I39260" s="8">
        <v>1382400</v>
      </c>
      <c r="J39260" s="8">
        <v>217600</v>
      </c>
      <c r="K39260" s="9">
        <v>4</v>
      </c>
      <c r="L39260" s="6"/>
    </row>
    <row r="39261" spans="1:12">
      <c r="A39261" s="6" t="s">
        <v>28502</v>
      </c>
      <c r="B39261" s="6" t="s">
        <v>38327</v>
      </c>
      <c r="C39261" s="6" t="s">
        <v>32230</v>
      </c>
      <c r="D39261" s="6" t="s">
        <v>38328</v>
      </c>
      <c r="E39261" s="6" t="s">
        <v>9</v>
      </c>
      <c r="F39261" s="7">
        <v>32933</v>
      </c>
      <c r="G39261" s="8">
        <v>1600000</v>
      </c>
      <c r="H39261" s="8">
        <v>260800</v>
      </c>
      <c r="I39261" s="8">
        <v>1382400</v>
      </c>
      <c r="J39261" s="8">
        <v>217600</v>
      </c>
      <c r="K39261" s="9">
        <v>4</v>
      </c>
      <c r="L39261" s="6"/>
    </row>
    <row r="39262" spans="1:12">
      <c r="A39262" s="6" t="s">
        <v>28504</v>
      </c>
      <c r="B39262" s="6" t="s">
        <v>38329</v>
      </c>
      <c r="C39262" s="6" t="s">
        <v>32230</v>
      </c>
      <c r="D39262" s="6" t="s">
        <v>38330</v>
      </c>
      <c r="E39262" s="6" t="s">
        <v>9</v>
      </c>
      <c r="F39262" s="7">
        <v>40991</v>
      </c>
      <c r="G39262" s="8">
        <v>2521850</v>
      </c>
      <c r="H39262" s="8">
        <v>1909049</v>
      </c>
      <c r="I39262" s="8">
        <v>680890</v>
      </c>
      <c r="J39262" s="8">
        <v>1840960</v>
      </c>
      <c r="K39262" s="9">
        <v>16.27</v>
      </c>
      <c r="L39262" s="6"/>
    </row>
    <row r="39263" spans="1:12">
      <c r="A39263" s="6" t="s">
        <v>28506</v>
      </c>
      <c r="B39263" s="6" t="s">
        <v>38331</v>
      </c>
      <c r="C39263" s="6" t="s">
        <v>32230</v>
      </c>
      <c r="D39263" s="6" t="s">
        <v>38332</v>
      </c>
      <c r="E39263" s="6" t="s">
        <v>9</v>
      </c>
      <c r="F39263" s="7">
        <v>34029</v>
      </c>
      <c r="G39263" s="8">
        <v>4000000</v>
      </c>
      <c r="H39263" s="8">
        <v>976000</v>
      </c>
      <c r="I39263" s="8">
        <v>3132000</v>
      </c>
      <c r="J39263" s="8">
        <v>868000</v>
      </c>
      <c r="K39263" s="9">
        <v>13</v>
      </c>
      <c r="L39263" s="6"/>
    </row>
    <row r="39264" spans="1:12">
      <c r="A39264" s="6" t="s">
        <v>28508</v>
      </c>
      <c r="B39264" s="6" t="s">
        <v>38333</v>
      </c>
      <c r="C39264" s="6" t="s">
        <v>32230</v>
      </c>
      <c r="D39264" s="6" t="s">
        <v>38334</v>
      </c>
      <c r="E39264" s="6" t="s">
        <v>9</v>
      </c>
      <c r="F39264" s="7">
        <v>34394</v>
      </c>
      <c r="G39264" s="8">
        <v>4600000</v>
      </c>
      <c r="H39264" s="8">
        <v>1</v>
      </c>
      <c r="I39264" s="8">
        <v>4599999</v>
      </c>
      <c r="J39264" s="8">
        <v>1</v>
      </c>
      <c r="K39264" s="9">
        <v>14</v>
      </c>
      <c r="L39264" s="6"/>
    </row>
    <row r="39265" spans="1:12">
      <c r="A39265" s="6" t="s">
        <v>38335</v>
      </c>
      <c r="B39265" s="6" t="s">
        <v>38336</v>
      </c>
      <c r="C39265" s="6" t="s">
        <v>32230</v>
      </c>
      <c r="D39265" s="6" t="s">
        <v>38337</v>
      </c>
      <c r="E39265" s="6" t="s">
        <v>9</v>
      </c>
      <c r="F39265" s="7">
        <v>36220</v>
      </c>
      <c r="G39265" s="8">
        <v>3200000</v>
      </c>
      <c r="H39265" s="8">
        <v>1</v>
      </c>
      <c r="I39265" s="8">
        <v>3199999</v>
      </c>
      <c r="J39265" s="8">
        <v>1</v>
      </c>
      <c r="K39265" s="9">
        <v>7</v>
      </c>
      <c r="L39265" s="6"/>
    </row>
    <row r="39266" spans="1:12">
      <c r="A39266" s="6" t="s">
        <v>28512</v>
      </c>
      <c r="B39266" s="6" t="s">
        <v>38338</v>
      </c>
      <c r="C39266" s="6" t="s">
        <v>32230</v>
      </c>
      <c r="D39266" s="6" t="s">
        <v>38339</v>
      </c>
      <c r="E39266" s="6" t="s">
        <v>9</v>
      </c>
      <c r="F39266" s="7">
        <v>33664</v>
      </c>
      <c r="G39266" s="8">
        <v>22400000</v>
      </c>
      <c r="H39266" s="8">
        <v>4860800</v>
      </c>
      <c r="I39266" s="8">
        <v>18144000</v>
      </c>
      <c r="J39266" s="8">
        <v>4256000</v>
      </c>
      <c r="K39266" s="9">
        <v>71</v>
      </c>
      <c r="L39266" s="6"/>
    </row>
    <row r="39267" spans="1:12">
      <c r="A39267" s="6" t="s">
        <v>28514</v>
      </c>
      <c r="B39267" s="6" t="s">
        <v>38340</v>
      </c>
      <c r="C39267" s="6" t="s">
        <v>32230</v>
      </c>
      <c r="D39267" s="6" t="s">
        <v>38341</v>
      </c>
      <c r="E39267" s="6" t="s">
        <v>9</v>
      </c>
      <c r="F39267" s="7">
        <v>34759</v>
      </c>
      <c r="G39267" s="8">
        <v>3300000</v>
      </c>
      <c r="H39267" s="8">
        <v>983400</v>
      </c>
      <c r="I39267" s="8">
        <v>2405700</v>
      </c>
      <c r="J39267" s="8">
        <v>894300</v>
      </c>
      <c r="K39267" s="9">
        <v>8</v>
      </c>
      <c r="L39267" s="6"/>
    </row>
    <row r="39268" spans="1:12">
      <c r="A39268" s="6" t="s">
        <v>38342</v>
      </c>
      <c r="B39268" s="6" t="s">
        <v>37786</v>
      </c>
      <c r="C39268" s="6" t="s">
        <v>32230</v>
      </c>
      <c r="D39268" s="6" t="s">
        <v>38100</v>
      </c>
      <c r="E39268" s="6" t="s">
        <v>25121</v>
      </c>
      <c r="F39268" s="7">
        <v>32448</v>
      </c>
      <c r="G39268" s="8">
        <v>6904800</v>
      </c>
      <c r="H39268" s="8">
        <v>1</v>
      </c>
      <c r="I39268" s="8">
        <v>6904799</v>
      </c>
      <c r="J39268" s="8">
        <v>1</v>
      </c>
      <c r="K39268" s="9">
        <v>98.64</v>
      </c>
      <c r="L39268" s="6"/>
    </row>
    <row r="39269" spans="1:12">
      <c r="A39269" s="6" t="s">
        <v>28521</v>
      </c>
      <c r="B39269" s="6" t="s">
        <v>38343</v>
      </c>
      <c r="C39269" s="6" t="s">
        <v>32230</v>
      </c>
      <c r="D39269" s="6" t="s">
        <v>38344</v>
      </c>
      <c r="E39269" s="6" t="s">
        <v>9</v>
      </c>
      <c r="F39269" s="7">
        <v>35125</v>
      </c>
      <c r="G39269" s="8">
        <v>8000000</v>
      </c>
      <c r="H39269" s="8">
        <v>1</v>
      </c>
      <c r="I39269" s="8">
        <v>7999999</v>
      </c>
      <c r="J39269" s="8">
        <v>1</v>
      </c>
      <c r="K39269" s="9">
        <v>9</v>
      </c>
      <c r="L39269" s="6"/>
    </row>
    <row r="39270" spans="1:12">
      <c r="A39270" s="6" t="s">
        <v>28527</v>
      </c>
      <c r="B39270" s="6" t="s">
        <v>38345</v>
      </c>
      <c r="C39270" s="6" t="s">
        <v>32230</v>
      </c>
      <c r="D39270" s="6" t="s">
        <v>38346</v>
      </c>
      <c r="E39270" s="6" t="s">
        <v>9</v>
      </c>
      <c r="F39270" s="7">
        <v>41513</v>
      </c>
      <c r="G39270" s="8">
        <v>15350000</v>
      </c>
      <c r="H39270" s="8">
        <v>12448850</v>
      </c>
      <c r="I39270" s="8">
        <v>3315600</v>
      </c>
      <c r="J39270" s="8">
        <v>12034400</v>
      </c>
      <c r="K39270" s="9">
        <v>11.69</v>
      </c>
      <c r="L39270" s="6"/>
    </row>
    <row r="39271" spans="1:12">
      <c r="A39271" s="6" t="s">
        <v>28527</v>
      </c>
      <c r="B39271" s="6" t="s">
        <v>38347</v>
      </c>
      <c r="C39271" s="6" t="s">
        <v>32230</v>
      </c>
      <c r="D39271" s="6" t="s">
        <v>38346</v>
      </c>
      <c r="E39271" s="6" t="s">
        <v>9</v>
      </c>
      <c r="F39271" s="7">
        <v>34029</v>
      </c>
      <c r="G39271" s="8">
        <v>12000000</v>
      </c>
      <c r="H39271" s="8">
        <v>1</v>
      </c>
      <c r="I39271" s="8">
        <v>11999999</v>
      </c>
      <c r="J39271" s="8">
        <v>1</v>
      </c>
      <c r="K39271" s="9">
        <v>8.69</v>
      </c>
      <c r="L39271" s="6"/>
    </row>
    <row r="39272" spans="1:12">
      <c r="A39272" s="6" t="s">
        <v>28529</v>
      </c>
      <c r="B39272" s="6" t="s">
        <v>38348</v>
      </c>
      <c r="C39272" s="6" t="s">
        <v>32230</v>
      </c>
      <c r="D39272" s="6" t="s">
        <v>38349</v>
      </c>
      <c r="E39272" s="6" t="s">
        <v>9</v>
      </c>
      <c r="F39272" s="7">
        <v>32933</v>
      </c>
      <c r="G39272" s="8">
        <v>22000000</v>
      </c>
      <c r="H39272" s="8">
        <v>3586000</v>
      </c>
      <c r="I39272" s="8">
        <v>19008000</v>
      </c>
      <c r="J39272" s="8">
        <v>2992000</v>
      </c>
      <c r="K39272" s="9">
        <v>37</v>
      </c>
      <c r="L39272" s="6"/>
    </row>
    <row r="39273" spans="1:12">
      <c r="A39273" s="6" t="s">
        <v>28531</v>
      </c>
      <c r="B39273" s="6" t="s">
        <v>38350</v>
      </c>
      <c r="C39273" s="6" t="s">
        <v>32230</v>
      </c>
      <c r="D39273" s="6" t="s">
        <v>38351</v>
      </c>
      <c r="E39273" s="6" t="s">
        <v>9</v>
      </c>
      <c r="F39273" s="7">
        <v>33298</v>
      </c>
      <c r="G39273" s="8">
        <v>9000000</v>
      </c>
      <c r="H39273" s="8">
        <v>1710000</v>
      </c>
      <c r="I39273" s="8">
        <v>7533000</v>
      </c>
      <c r="J39273" s="8">
        <v>1467000</v>
      </c>
      <c r="K39273" s="9">
        <v>9</v>
      </c>
      <c r="L39273" s="6"/>
    </row>
    <row r="39274" spans="1:12">
      <c r="A39274" s="6" t="s">
        <v>28531</v>
      </c>
      <c r="B39274" s="6" t="s">
        <v>38352</v>
      </c>
      <c r="C39274" s="6" t="s">
        <v>32230</v>
      </c>
      <c r="D39274" s="6" t="s">
        <v>38351</v>
      </c>
      <c r="E39274" s="6" t="s">
        <v>9</v>
      </c>
      <c r="F39274" s="7">
        <v>33664</v>
      </c>
      <c r="G39274" s="8">
        <v>15000000</v>
      </c>
      <c r="H39274" s="8">
        <v>3255000</v>
      </c>
      <c r="I39274" s="8">
        <v>12150000</v>
      </c>
      <c r="J39274" s="8">
        <v>2850000</v>
      </c>
      <c r="K39274" s="9">
        <v>18</v>
      </c>
      <c r="L39274" s="6"/>
    </row>
    <row r="39275" spans="1:12">
      <c r="A39275" s="6" t="s">
        <v>38353</v>
      </c>
      <c r="B39275" s="6" t="s">
        <v>38354</v>
      </c>
      <c r="C39275" s="6" t="s">
        <v>32230</v>
      </c>
      <c r="D39275" s="6" t="s">
        <v>38355</v>
      </c>
      <c r="E39275" s="6" t="s">
        <v>9</v>
      </c>
      <c r="F39275" s="7">
        <v>41226</v>
      </c>
      <c r="G39275" s="8">
        <v>13223000</v>
      </c>
      <c r="H39275" s="8">
        <v>10366832</v>
      </c>
      <c r="I39275" s="8">
        <v>3213189</v>
      </c>
      <c r="J39275" s="8">
        <v>10009811</v>
      </c>
      <c r="K39275" s="9">
        <v>16.27</v>
      </c>
      <c r="L39275" s="6"/>
    </row>
    <row r="39276" spans="1:12">
      <c r="A39276" s="6" t="s">
        <v>28614</v>
      </c>
      <c r="B39276" s="6" t="s">
        <v>28614</v>
      </c>
      <c r="C39276" s="6" t="s">
        <v>32230</v>
      </c>
      <c r="D39276" s="6" t="s">
        <v>38356</v>
      </c>
      <c r="E39276" s="6" t="s">
        <v>9</v>
      </c>
      <c r="F39276" s="7">
        <v>33329</v>
      </c>
      <c r="G39276" s="8">
        <v>9000000</v>
      </c>
      <c r="H39276" s="8">
        <v>1953000</v>
      </c>
      <c r="I39276" s="8">
        <v>7290000</v>
      </c>
      <c r="J39276" s="8">
        <v>1710000</v>
      </c>
      <c r="K39276" s="9">
        <v>38</v>
      </c>
      <c r="L39276" s="6"/>
    </row>
    <row r="39277" spans="1:12">
      <c r="A39277" s="6" t="s">
        <v>28619</v>
      </c>
      <c r="B39277" s="6" t="s">
        <v>38357</v>
      </c>
      <c r="C39277" s="6" t="s">
        <v>32230</v>
      </c>
      <c r="D39277" s="6" t="s">
        <v>38358</v>
      </c>
      <c r="E39277" s="6" t="s">
        <v>9</v>
      </c>
      <c r="F39277" s="7">
        <v>41134</v>
      </c>
      <c r="G39277" s="8">
        <v>497700</v>
      </c>
      <c r="H39277" s="8">
        <v>230940</v>
      </c>
      <c r="I39277" s="8">
        <v>300105</v>
      </c>
      <c r="J39277" s="8">
        <v>197595</v>
      </c>
      <c r="K39277" s="9"/>
      <c r="L39277" s="6"/>
    </row>
    <row r="39278" spans="1:12">
      <c r="A39278" s="6" t="s">
        <v>28619</v>
      </c>
      <c r="B39278" s="6" t="s">
        <v>38357</v>
      </c>
      <c r="C39278" s="6" t="s">
        <v>32230</v>
      </c>
      <c r="D39278" s="6" t="s">
        <v>38358</v>
      </c>
      <c r="E39278" s="6" t="s">
        <v>9</v>
      </c>
      <c r="F39278" s="7">
        <v>31503</v>
      </c>
      <c r="G39278" s="8">
        <v>86980000</v>
      </c>
      <c r="H39278" s="8">
        <v>27833600</v>
      </c>
      <c r="I39278" s="8">
        <v>60886000</v>
      </c>
      <c r="J39278" s="8">
        <v>26094000</v>
      </c>
      <c r="K39278" s="9">
        <v>504</v>
      </c>
      <c r="L39278" s="6"/>
    </row>
    <row r="39279" spans="1:12">
      <c r="A39279" s="6" t="s">
        <v>28619</v>
      </c>
      <c r="B39279" s="6" t="s">
        <v>38357</v>
      </c>
      <c r="C39279" s="6" t="s">
        <v>32230</v>
      </c>
      <c r="D39279" s="6" t="s">
        <v>38358</v>
      </c>
      <c r="E39279" s="6" t="s">
        <v>9</v>
      </c>
      <c r="F39279" s="7">
        <v>40592</v>
      </c>
      <c r="G39279" s="8">
        <v>934500</v>
      </c>
      <c r="H39279" s="8">
        <v>308390</v>
      </c>
      <c r="I39279" s="8">
        <v>688721</v>
      </c>
      <c r="J39279" s="8">
        <v>245779</v>
      </c>
      <c r="K39279" s="9"/>
      <c r="L39279" s="6"/>
    </row>
    <row r="39280" spans="1:12">
      <c r="A39280" s="6" t="s">
        <v>28619</v>
      </c>
      <c r="B39280" s="6" t="s">
        <v>38357</v>
      </c>
      <c r="C39280" s="6" t="s">
        <v>32230</v>
      </c>
      <c r="D39280" s="6" t="s">
        <v>38358</v>
      </c>
      <c r="E39280" s="6" t="s">
        <v>9</v>
      </c>
      <c r="F39280" s="7">
        <v>43151</v>
      </c>
      <c r="G39280" s="8">
        <v>1209600</v>
      </c>
      <c r="H39280" s="8">
        <v>966471</v>
      </c>
      <c r="I39280" s="8">
        <v>324172</v>
      </c>
      <c r="J39280" s="8">
        <v>885428</v>
      </c>
      <c r="K39280" s="9"/>
      <c r="L39280" s="6"/>
    </row>
    <row r="39281" spans="1:12">
      <c r="A39281" s="6" t="s">
        <v>28619</v>
      </c>
      <c r="B39281" s="6" t="s">
        <v>38359</v>
      </c>
      <c r="C39281" s="6" t="s">
        <v>32230</v>
      </c>
      <c r="D39281" s="6" t="s">
        <v>38358</v>
      </c>
      <c r="E39281" s="6" t="s">
        <v>9</v>
      </c>
      <c r="F39281" s="7">
        <v>32051</v>
      </c>
      <c r="G39281" s="8">
        <v>1351640000</v>
      </c>
      <c r="H39281" s="8">
        <v>147328760</v>
      </c>
      <c r="I39281" s="8">
        <v>1240805520</v>
      </c>
      <c r="J39281" s="8">
        <v>110834480</v>
      </c>
      <c r="K39281" s="9">
        <v>3131</v>
      </c>
      <c r="L39281" s="6"/>
    </row>
    <row r="39282" spans="1:12">
      <c r="A39282" s="6" t="s">
        <v>28619</v>
      </c>
      <c r="B39282" s="6" t="s">
        <v>38359</v>
      </c>
      <c r="C39282" s="6" t="s">
        <v>32230</v>
      </c>
      <c r="D39282" s="6" t="s">
        <v>38358</v>
      </c>
      <c r="E39282" s="6" t="s">
        <v>9</v>
      </c>
      <c r="F39282" s="7">
        <v>40424</v>
      </c>
      <c r="G39282" s="8">
        <v>210000</v>
      </c>
      <c r="H39282" s="8">
        <v>69300</v>
      </c>
      <c r="I39282" s="8">
        <v>154770</v>
      </c>
      <c r="J39282" s="8">
        <v>55230</v>
      </c>
      <c r="K39282" s="9"/>
      <c r="L39282" s="6"/>
    </row>
    <row r="39283" spans="1:12">
      <c r="A39283" s="6" t="s">
        <v>28619</v>
      </c>
      <c r="B39283" s="6" t="s">
        <v>38360</v>
      </c>
      <c r="C39283" s="6" t="s">
        <v>32230</v>
      </c>
      <c r="D39283" s="6" t="s">
        <v>38358</v>
      </c>
      <c r="E39283" s="6" t="s">
        <v>9</v>
      </c>
      <c r="F39283" s="7">
        <v>32051</v>
      </c>
      <c r="G39283" s="8">
        <v>5240000</v>
      </c>
      <c r="H39283" s="8">
        <v>1</v>
      </c>
      <c r="I39283" s="8">
        <v>5239999</v>
      </c>
      <c r="J39283" s="8">
        <v>1</v>
      </c>
      <c r="K39283" s="9">
        <v>63</v>
      </c>
      <c r="L39283" s="6"/>
    </row>
    <row r="39284" spans="1:12">
      <c r="A39284" s="6" t="s">
        <v>28657</v>
      </c>
      <c r="B39284" s="6" t="s">
        <v>28657</v>
      </c>
      <c r="C39284" s="6" t="s">
        <v>32230</v>
      </c>
      <c r="D39284" s="6" t="s">
        <v>38361</v>
      </c>
      <c r="E39284" s="6" t="s">
        <v>9</v>
      </c>
      <c r="F39284" s="7">
        <v>43190</v>
      </c>
      <c r="G39284" s="8">
        <v>1555200</v>
      </c>
      <c r="H39284" s="8">
        <v>1293927</v>
      </c>
      <c r="I39284" s="8">
        <v>348364</v>
      </c>
      <c r="J39284" s="8">
        <v>1206836</v>
      </c>
      <c r="K39284" s="9"/>
      <c r="L39284" s="6"/>
    </row>
    <row r="39285" spans="1:12">
      <c r="A39285" s="6" t="s">
        <v>28657</v>
      </c>
      <c r="B39285" s="6" t="s">
        <v>28657</v>
      </c>
      <c r="C39285" s="6" t="s">
        <v>32230</v>
      </c>
      <c r="D39285" s="6" t="s">
        <v>38361</v>
      </c>
      <c r="E39285" s="6" t="s">
        <v>9</v>
      </c>
      <c r="F39285" s="7">
        <v>37165</v>
      </c>
      <c r="G39285" s="8">
        <v>60270750</v>
      </c>
      <c r="H39285" s="8">
        <v>37367865</v>
      </c>
      <c r="I39285" s="8">
        <v>24108300</v>
      </c>
      <c r="J39285" s="8">
        <v>36162450</v>
      </c>
      <c r="K39285" s="9">
        <v>446.45</v>
      </c>
      <c r="L39285" s="6"/>
    </row>
    <row r="39286" spans="1:12">
      <c r="A39286" s="6" t="s">
        <v>28657</v>
      </c>
      <c r="B39286" s="6" t="s">
        <v>28657</v>
      </c>
      <c r="C39286" s="6" t="s">
        <v>32230</v>
      </c>
      <c r="D39286" s="6" t="s">
        <v>38361</v>
      </c>
      <c r="E39286" s="6" t="s">
        <v>9</v>
      </c>
      <c r="F39286" s="7">
        <v>43555</v>
      </c>
      <c r="G39286" s="8">
        <v>99900</v>
      </c>
      <c r="H39286" s="8">
        <v>79920</v>
      </c>
      <c r="I39286" s="8">
        <v>29970</v>
      </c>
      <c r="J39286" s="8">
        <v>69930</v>
      </c>
      <c r="K39286" s="9"/>
      <c r="L39286" s="6"/>
    </row>
    <row r="39287" spans="1:12">
      <c r="A39287" s="6" t="s">
        <v>28657</v>
      </c>
      <c r="B39287" s="6" t="s">
        <v>28657</v>
      </c>
      <c r="C39287" s="6" t="s">
        <v>32230</v>
      </c>
      <c r="D39287" s="6" t="s">
        <v>38361</v>
      </c>
      <c r="E39287" s="6" t="s">
        <v>9</v>
      </c>
      <c r="F39287" s="7">
        <v>43555</v>
      </c>
      <c r="G39287" s="8">
        <v>9612000</v>
      </c>
      <c r="H39287" s="8">
        <v>9227520</v>
      </c>
      <c r="I39287" s="8">
        <v>576720</v>
      </c>
      <c r="J39287" s="8">
        <v>9035280</v>
      </c>
      <c r="K39287" s="9"/>
      <c r="L39287" s="6"/>
    </row>
    <row r="39288" spans="1:12">
      <c r="A39288" s="6" t="s">
        <v>38362</v>
      </c>
      <c r="B39288" s="6" t="s">
        <v>28866</v>
      </c>
      <c r="C39288" s="6" t="s">
        <v>32230</v>
      </c>
      <c r="D39288" s="6" t="s">
        <v>38358</v>
      </c>
      <c r="E39288" s="6" t="s">
        <v>9</v>
      </c>
      <c r="F39288" s="7">
        <v>24412</v>
      </c>
      <c r="G39288" s="8">
        <v>30845000</v>
      </c>
      <c r="H39288" s="8">
        <v>1</v>
      </c>
      <c r="I39288" s="8">
        <v>30844999</v>
      </c>
      <c r="J39288" s="8">
        <v>1</v>
      </c>
      <c r="K39288" s="9">
        <v>199</v>
      </c>
      <c r="L39288" s="6"/>
    </row>
    <row r="39289" spans="1:12">
      <c r="A39289" s="6" t="s">
        <v>38362</v>
      </c>
      <c r="B39289" s="6"/>
      <c r="C39289" s="6" t="s">
        <v>32230</v>
      </c>
      <c r="D39289" s="6" t="s">
        <v>38363</v>
      </c>
      <c r="E39289" s="6" t="s">
        <v>9</v>
      </c>
      <c r="F39289" s="7"/>
      <c r="G39289" s="8">
        <v>0</v>
      </c>
      <c r="H39289" s="8">
        <v>0</v>
      </c>
      <c r="I39289" s="8">
        <v>0</v>
      </c>
      <c r="J39289" s="8">
        <v>-1</v>
      </c>
      <c r="K39289" s="9"/>
      <c r="L39289" s="6"/>
    </row>
    <row r="39290" spans="1:12">
      <c r="A39290" s="6" t="s">
        <v>38362</v>
      </c>
      <c r="B39290" s="6" t="s">
        <v>38364</v>
      </c>
      <c r="C39290" s="6" t="s">
        <v>32230</v>
      </c>
      <c r="D39290" s="6" t="s">
        <v>38358</v>
      </c>
      <c r="E39290" s="6" t="s">
        <v>9</v>
      </c>
      <c r="F39290" s="7">
        <v>24412</v>
      </c>
      <c r="G39290" s="8">
        <v>9300000</v>
      </c>
      <c r="H39290" s="8">
        <v>1</v>
      </c>
      <c r="I39290" s="8">
        <v>9299999</v>
      </c>
      <c r="J39290" s="8">
        <v>1</v>
      </c>
      <c r="K39290" s="9">
        <v>60</v>
      </c>
      <c r="L39290" s="6"/>
    </row>
    <row r="39291" spans="1:12">
      <c r="A39291" s="6" t="s">
        <v>38362</v>
      </c>
      <c r="B39291" s="6"/>
      <c r="C39291" s="6" t="s">
        <v>32230</v>
      </c>
      <c r="D39291" s="6" t="s">
        <v>38363</v>
      </c>
      <c r="E39291" s="6" t="s">
        <v>9</v>
      </c>
      <c r="F39291" s="7"/>
      <c r="G39291" s="8">
        <v>0</v>
      </c>
      <c r="H39291" s="8">
        <v>0</v>
      </c>
      <c r="I39291" s="8">
        <v>0</v>
      </c>
      <c r="J39291" s="8">
        <v>-1</v>
      </c>
      <c r="K39291" s="9"/>
      <c r="L39291" s="6"/>
    </row>
    <row r="39292" spans="1:12">
      <c r="A39292" s="6" t="s">
        <v>38362</v>
      </c>
      <c r="B39292" s="6" t="s">
        <v>38365</v>
      </c>
      <c r="C39292" s="6" t="s">
        <v>32230</v>
      </c>
      <c r="D39292" s="6" t="s">
        <v>38358</v>
      </c>
      <c r="E39292" s="6" t="s">
        <v>9</v>
      </c>
      <c r="F39292" s="7">
        <v>30286</v>
      </c>
      <c r="G39292" s="8">
        <v>2755000</v>
      </c>
      <c r="H39292" s="8">
        <v>1</v>
      </c>
      <c r="I39292" s="8">
        <v>2754999</v>
      </c>
      <c r="J39292" s="8">
        <v>1</v>
      </c>
      <c r="K39292" s="9">
        <v>29</v>
      </c>
      <c r="L39292" s="6"/>
    </row>
    <row r="39293" spans="1:12">
      <c r="A39293" s="6" t="s">
        <v>28664</v>
      </c>
      <c r="B39293" s="6" t="s">
        <v>38366</v>
      </c>
      <c r="C39293" s="6" t="s">
        <v>32230</v>
      </c>
      <c r="D39293" s="6" t="s">
        <v>38367</v>
      </c>
      <c r="E39293" s="6" t="s">
        <v>9</v>
      </c>
      <c r="F39293" s="7">
        <v>28550</v>
      </c>
      <c r="G39293" s="8">
        <v>132000</v>
      </c>
      <c r="H39293" s="8">
        <v>1</v>
      </c>
      <c r="I39293" s="8">
        <v>131999</v>
      </c>
      <c r="J39293" s="8">
        <v>1</v>
      </c>
      <c r="K39293" s="9">
        <v>2.2000000000000002</v>
      </c>
      <c r="L39293" s="6"/>
    </row>
    <row r="39294" spans="1:12">
      <c r="A39294" s="6" t="s">
        <v>38368</v>
      </c>
      <c r="B39294" s="6" t="s">
        <v>38368</v>
      </c>
      <c r="C39294" s="6" t="s">
        <v>32230</v>
      </c>
      <c r="D39294" s="6" t="s">
        <v>38369</v>
      </c>
      <c r="E39294" s="6" t="s">
        <v>9</v>
      </c>
      <c r="F39294" s="7">
        <v>33989</v>
      </c>
      <c r="G39294" s="8">
        <v>30892790</v>
      </c>
      <c r="H39294" s="8">
        <v>1</v>
      </c>
      <c r="I39294" s="8">
        <v>30892789</v>
      </c>
      <c r="J39294" s="8">
        <v>1</v>
      </c>
      <c r="K39294" s="9">
        <v>45</v>
      </c>
      <c r="L39294" s="6"/>
    </row>
    <row r="39295" spans="1:12">
      <c r="A39295" s="6" t="s">
        <v>28674</v>
      </c>
      <c r="B39295" s="6" t="s">
        <v>38370</v>
      </c>
      <c r="C39295" s="6" t="s">
        <v>32230</v>
      </c>
      <c r="D39295" s="6" t="s">
        <v>38371</v>
      </c>
      <c r="E39295" s="6" t="s">
        <v>9</v>
      </c>
      <c r="F39295" s="7">
        <v>39531</v>
      </c>
      <c r="G39295" s="8">
        <v>7770000</v>
      </c>
      <c r="H39295" s="8">
        <v>1002330</v>
      </c>
      <c r="I39295" s="8">
        <v>7288260</v>
      </c>
      <c r="J39295" s="8">
        <v>481740</v>
      </c>
      <c r="K39295" s="9"/>
      <c r="L39295" s="6"/>
    </row>
    <row r="39296" spans="1:12">
      <c r="A39296" s="6" t="s">
        <v>28674</v>
      </c>
      <c r="B39296" s="6" t="s">
        <v>38370</v>
      </c>
      <c r="C39296" s="6" t="s">
        <v>32230</v>
      </c>
      <c r="D39296" s="6" t="s">
        <v>38371</v>
      </c>
      <c r="E39296" s="6" t="s">
        <v>9</v>
      </c>
      <c r="F39296" s="7">
        <v>31229</v>
      </c>
      <c r="G39296" s="8">
        <v>241900000</v>
      </c>
      <c r="H39296" s="8">
        <v>55637000</v>
      </c>
      <c r="I39296" s="8">
        <v>191584800</v>
      </c>
      <c r="J39296" s="8">
        <v>50315200</v>
      </c>
      <c r="K39296" s="9">
        <v>1225</v>
      </c>
      <c r="L39296" s="6"/>
    </row>
    <row r="39297" spans="1:12">
      <c r="A39297" s="6" t="s">
        <v>28715</v>
      </c>
      <c r="B39297" s="6" t="s">
        <v>38372</v>
      </c>
      <c r="C39297" s="6" t="s">
        <v>32230</v>
      </c>
      <c r="D39297" s="6" t="s">
        <v>38373</v>
      </c>
      <c r="E39297" s="6" t="s">
        <v>9</v>
      </c>
      <c r="F39297" s="7">
        <v>43651</v>
      </c>
      <c r="G39297" s="8">
        <v>800000</v>
      </c>
      <c r="H39297" s="8">
        <v>720000</v>
      </c>
      <c r="I39297" s="8">
        <v>160000</v>
      </c>
      <c r="J39297" s="8">
        <v>640000</v>
      </c>
      <c r="K39297" s="9"/>
      <c r="L39297" s="6"/>
    </row>
    <row r="39298" spans="1:12">
      <c r="A39298" s="6" t="s">
        <v>28715</v>
      </c>
      <c r="B39298" s="6" t="s">
        <v>38372</v>
      </c>
      <c r="C39298" s="6" t="s">
        <v>32230</v>
      </c>
      <c r="D39298" s="6" t="s">
        <v>38373</v>
      </c>
      <c r="E39298" s="6" t="s">
        <v>9</v>
      </c>
      <c r="F39298" s="7">
        <v>43633</v>
      </c>
      <c r="G39298" s="8">
        <v>9828000</v>
      </c>
      <c r="H39298" s="8">
        <v>9415224</v>
      </c>
      <c r="I39298" s="8">
        <v>825552</v>
      </c>
      <c r="J39298" s="8">
        <v>9002448</v>
      </c>
      <c r="K39298" s="9">
        <v>137.34</v>
      </c>
      <c r="L39298" s="6"/>
    </row>
    <row r="39299" spans="1:12">
      <c r="A39299" s="6" t="s">
        <v>28720</v>
      </c>
      <c r="B39299" s="6" t="s">
        <v>28720</v>
      </c>
      <c r="C39299" s="6" t="s">
        <v>32230</v>
      </c>
      <c r="D39299" s="6" t="s">
        <v>38374</v>
      </c>
      <c r="E39299" s="6" t="s">
        <v>9</v>
      </c>
      <c r="F39299" s="7">
        <v>30742</v>
      </c>
      <c r="G39299" s="8">
        <v>38622000</v>
      </c>
      <c r="H39299" s="8">
        <v>1</v>
      </c>
      <c r="I39299" s="8">
        <v>38621999</v>
      </c>
      <c r="J39299" s="8">
        <v>1</v>
      </c>
      <c r="K39299" s="9">
        <v>643.70000000000005</v>
      </c>
      <c r="L39299" s="6"/>
    </row>
    <row r="39300" spans="1:12">
      <c r="A39300" s="6" t="s">
        <v>28720</v>
      </c>
      <c r="B39300" s="6"/>
      <c r="C39300" s="6" t="s">
        <v>32230</v>
      </c>
      <c r="D39300" s="6"/>
      <c r="E39300" s="6"/>
      <c r="F39300" s="7">
        <v>39419</v>
      </c>
      <c r="G39300" s="8">
        <v>4935000</v>
      </c>
      <c r="H39300" s="8">
        <v>1</v>
      </c>
      <c r="I39300" s="8">
        <v>4934999</v>
      </c>
      <c r="J39300" s="8">
        <v>1</v>
      </c>
      <c r="K39300" s="9"/>
      <c r="L39300" s="6"/>
    </row>
    <row r="39301" spans="1:12">
      <c r="A39301" s="6" t="s">
        <v>28720</v>
      </c>
      <c r="B39301" s="6"/>
      <c r="C39301" s="6" t="s">
        <v>32230</v>
      </c>
      <c r="D39301" s="6"/>
      <c r="E39301" s="6"/>
      <c r="F39301" s="7">
        <v>43312</v>
      </c>
      <c r="G39301" s="8">
        <v>1058400</v>
      </c>
      <c r="H39301" s="8">
        <v>916576</v>
      </c>
      <c r="I39301" s="8">
        <v>212736</v>
      </c>
      <c r="J39301" s="8">
        <v>845664</v>
      </c>
      <c r="K39301" s="9"/>
      <c r="L39301" s="6"/>
    </row>
    <row r="39302" spans="1:12">
      <c r="A39302" s="6" t="s">
        <v>28720</v>
      </c>
      <c r="B39302" s="6"/>
      <c r="C39302" s="6" t="s">
        <v>32230</v>
      </c>
      <c r="D39302" s="6"/>
      <c r="E39302" s="6"/>
      <c r="F39302" s="7">
        <v>43555</v>
      </c>
      <c r="G39302" s="8">
        <v>6674400</v>
      </c>
      <c r="H39302" s="8">
        <v>6233890</v>
      </c>
      <c r="I39302" s="8">
        <v>660765</v>
      </c>
      <c r="J39302" s="8">
        <v>6013635</v>
      </c>
      <c r="K39302" s="9"/>
      <c r="L39302" s="6"/>
    </row>
    <row r="39303" spans="1:12">
      <c r="A39303" s="6" t="s">
        <v>28722</v>
      </c>
      <c r="B39303" s="6" t="s">
        <v>28722</v>
      </c>
      <c r="C39303" s="6" t="s">
        <v>32230</v>
      </c>
      <c r="D39303" s="6" t="s">
        <v>38375</v>
      </c>
      <c r="E39303" s="6" t="s">
        <v>9</v>
      </c>
      <c r="F39303" s="7">
        <v>32568</v>
      </c>
      <c r="G39303" s="8">
        <v>24400000</v>
      </c>
      <c r="H39303" s="8">
        <v>1</v>
      </c>
      <c r="I39303" s="8">
        <v>24399999</v>
      </c>
      <c r="J39303" s="8">
        <v>1</v>
      </c>
      <c r="K39303" s="9">
        <v>482.78</v>
      </c>
      <c r="L39303" s="6"/>
    </row>
    <row r="39304" spans="1:12">
      <c r="A39304" s="6" t="s">
        <v>28722</v>
      </c>
      <c r="B39304" s="6" t="s">
        <v>28722</v>
      </c>
      <c r="C39304" s="6" t="s">
        <v>32230</v>
      </c>
      <c r="D39304" s="6" t="s">
        <v>38375</v>
      </c>
      <c r="E39304" s="6" t="s">
        <v>9</v>
      </c>
      <c r="F39304" s="7"/>
      <c r="G39304" s="8">
        <v>5486400</v>
      </c>
      <c r="H39304" s="8">
        <v>5124298</v>
      </c>
      <c r="I39304" s="8">
        <v>543153</v>
      </c>
      <c r="J39304" s="8">
        <v>4943247</v>
      </c>
      <c r="K39304" s="9"/>
      <c r="L39304" s="6"/>
    </row>
    <row r="39305" spans="1:12">
      <c r="A39305" s="6" t="s">
        <v>28735</v>
      </c>
      <c r="B39305" s="6" t="s">
        <v>38376</v>
      </c>
      <c r="C39305" s="6" t="s">
        <v>32230</v>
      </c>
      <c r="D39305" s="6" t="s">
        <v>38031</v>
      </c>
      <c r="E39305" s="6" t="s">
        <v>9</v>
      </c>
      <c r="F39305" s="7">
        <v>29677</v>
      </c>
      <c r="G39305" s="8">
        <v>231000</v>
      </c>
      <c r="H39305" s="8">
        <v>1</v>
      </c>
      <c r="I39305" s="8">
        <v>230999</v>
      </c>
      <c r="J39305" s="8">
        <v>1</v>
      </c>
      <c r="K39305" s="9">
        <v>3.3</v>
      </c>
      <c r="L39305" s="6"/>
    </row>
    <row r="39306" spans="1:12">
      <c r="A39306" s="6" t="s">
        <v>28750</v>
      </c>
      <c r="B39306" s="6" t="s">
        <v>38377</v>
      </c>
      <c r="C39306" s="6" t="s">
        <v>32230</v>
      </c>
      <c r="D39306" s="6" t="s">
        <v>38378</v>
      </c>
      <c r="E39306" s="6" t="s">
        <v>9</v>
      </c>
      <c r="F39306" s="7">
        <v>28946</v>
      </c>
      <c r="G39306" s="8">
        <v>5425000</v>
      </c>
      <c r="H39306" s="8">
        <v>1</v>
      </c>
      <c r="I39306" s="8">
        <v>5424999</v>
      </c>
      <c r="J39306" s="8">
        <v>1</v>
      </c>
      <c r="K39306" s="9">
        <v>35</v>
      </c>
      <c r="L39306" s="6"/>
    </row>
    <row r="39307" spans="1:12">
      <c r="A39307" s="6" t="s">
        <v>28752</v>
      </c>
      <c r="B39307" s="6" t="s">
        <v>38379</v>
      </c>
      <c r="C39307" s="6" t="s">
        <v>32230</v>
      </c>
      <c r="D39307" s="6" t="s">
        <v>38380</v>
      </c>
      <c r="E39307" s="6" t="s">
        <v>9</v>
      </c>
      <c r="F39307" s="7">
        <v>43697</v>
      </c>
      <c r="G39307" s="8">
        <v>1202040</v>
      </c>
      <c r="H39307" s="8">
        <v>1121504</v>
      </c>
      <c r="I39307" s="8">
        <v>161072</v>
      </c>
      <c r="J39307" s="8">
        <v>1040968</v>
      </c>
      <c r="K39307" s="9"/>
      <c r="L39307" s="6"/>
    </row>
    <row r="39308" spans="1:12">
      <c r="A39308" s="6" t="s">
        <v>28752</v>
      </c>
      <c r="B39308" s="6" t="s">
        <v>38379</v>
      </c>
      <c r="C39308" s="6" t="s">
        <v>32230</v>
      </c>
      <c r="D39308" s="6" t="s">
        <v>38380</v>
      </c>
      <c r="E39308" s="6" t="s">
        <v>9</v>
      </c>
      <c r="F39308" s="7">
        <v>33695</v>
      </c>
      <c r="G39308" s="8">
        <v>8835000</v>
      </c>
      <c r="H39308" s="8">
        <v>2155740</v>
      </c>
      <c r="I39308" s="8">
        <v>6917805</v>
      </c>
      <c r="J39308" s="8">
        <v>1917195</v>
      </c>
      <c r="K39308" s="9">
        <v>57</v>
      </c>
      <c r="L39308" s="6"/>
    </row>
    <row r="39309" spans="1:12">
      <c r="A39309" s="6" t="s">
        <v>28758</v>
      </c>
      <c r="B39309" s="6" t="s">
        <v>38381</v>
      </c>
      <c r="C39309" s="6" t="s">
        <v>32230</v>
      </c>
      <c r="D39309" s="6" t="s">
        <v>38304</v>
      </c>
      <c r="E39309" s="6" t="s">
        <v>9</v>
      </c>
      <c r="F39309" s="7">
        <v>43927</v>
      </c>
      <c r="G39309" s="8">
        <v>164956871</v>
      </c>
      <c r="H39309" s="8">
        <v>164956871</v>
      </c>
      <c r="I39309" s="8">
        <v>3299137</v>
      </c>
      <c r="J39309" s="8">
        <v>161657734</v>
      </c>
      <c r="K39309" s="9">
        <v>779.68</v>
      </c>
      <c r="L39309" s="6"/>
    </row>
    <row r="39310" spans="1:12">
      <c r="A39310" s="6" t="s">
        <v>28758</v>
      </c>
      <c r="B39310" s="6" t="s">
        <v>38381</v>
      </c>
      <c r="C39310" s="6" t="s">
        <v>32230</v>
      </c>
      <c r="D39310" s="6" t="s">
        <v>38304</v>
      </c>
      <c r="E39310" s="6" t="s">
        <v>9</v>
      </c>
      <c r="F39310" s="7">
        <v>43927</v>
      </c>
      <c r="G39310" s="8">
        <v>27785127</v>
      </c>
      <c r="H39310" s="8">
        <v>27785127</v>
      </c>
      <c r="I39310" s="8">
        <v>1861603</v>
      </c>
      <c r="J39310" s="8">
        <v>25923524</v>
      </c>
      <c r="K39310" s="9"/>
      <c r="L39310" s="6"/>
    </row>
    <row r="39311" spans="1:12">
      <c r="A39311" s="6" t="s">
        <v>28758</v>
      </c>
      <c r="B39311" s="6" t="s">
        <v>38381</v>
      </c>
      <c r="C39311" s="6" t="s">
        <v>32230</v>
      </c>
      <c r="D39311" s="6" t="s">
        <v>38304</v>
      </c>
      <c r="E39311" s="6" t="s">
        <v>9</v>
      </c>
      <c r="F39311" s="7">
        <v>43927</v>
      </c>
      <c r="G39311" s="8">
        <v>33447002</v>
      </c>
      <c r="H39311" s="8">
        <v>33447002</v>
      </c>
      <c r="I39311" s="8">
        <v>2240949</v>
      </c>
      <c r="J39311" s="8">
        <v>31206053</v>
      </c>
      <c r="K39311" s="9"/>
      <c r="L39311" s="6"/>
    </row>
    <row r="39312" spans="1:12">
      <c r="A39312" s="6" t="s">
        <v>28770</v>
      </c>
      <c r="B39312" s="6" t="s">
        <v>28770</v>
      </c>
      <c r="C39312" s="6" t="s">
        <v>32230</v>
      </c>
      <c r="D39312" s="6" t="s">
        <v>38382</v>
      </c>
      <c r="E39312" s="6" t="s">
        <v>18740</v>
      </c>
      <c r="F39312" s="7">
        <v>31564</v>
      </c>
      <c r="G39312" s="8">
        <v>10583100</v>
      </c>
      <c r="H39312" s="8">
        <v>1</v>
      </c>
      <c r="I39312" s="8">
        <v>10583099</v>
      </c>
      <c r="J39312" s="8">
        <v>1</v>
      </c>
      <c r="K39312" s="9">
        <v>117.59</v>
      </c>
      <c r="L39312" s="6"/>
    </row>
    <row r="39313" spans="1:12">
      <c r="A39313" s="6" t="s">
        <v>28772</v>
      </c>
      <c r="B39313" s="6" t="s">
        <v>28772</v>
      </c>
      <c r="C39313" s="6" t="s">
        <v>32230</v>
      </c>
      <c r="D39313" s="6" t="s">
        <v>38383</v>
      </c>
      <c r="E39313" s="6" t="s">
        <v>18740</v>
      </c>
      <c r="F39313" s="7">
        <v>35405</v>
      </c>
      <c r="G39313" s="8">
        <v>8479200</v>
      </c>
      <c r="H39313" s="8">
        <v>2984688</v>
      </c>
      <c r="I39313" s="8">
        <v>5723450</v>
      </c>
      <c r="J39313" s="8">
        <v>2755750</v>
      </c>
      <c r="K39313" s="9">
        <v>105.99</v>
      </c>
      <c r="L39313" s="6"/>
    </row>
    <row r="39314" spans="1:12">
      <c r="A39314" s="6" t="s">
        <v>28774</v>
      </c>
      <c r="B39314" s="6" t="s">
        <v>38384</v>
      </c>
      <c r="C39314" s="6" t="s">
        <v>32230</v>
      </c>
      <c r="D39314" s="6" t="s">
        <v>38385</v>
      </c>
      <c r="E39314" s="6" t="s">
        <v>9</v>
      </c>
      <c r="F39314" s="7">
        <v>37347</v>
      </c>
      <c r="G39314" s="8">
        <v>9120825</v>
      </c>
      <c r="H39314" s="8">
        <v>4688109</v>
      </c>
      <c r="I39314" s="8">
        <v>4678978</v>
      </c>
      <c r="J39314" s="8">
        <v>4441847</v>
      </c>
      <c r="K39314" s="9">
        <v>33.46</v>
      </c>
      <c r="L39314" s="6"/>
    </row>
    <row r="39315" spans="1:12">
      <c r="A39315" s="6" t="s">
        <v>38386</v>
      </c>
      <c r="B39315" s="6" t="s">
        <v>38387</v>
      </c>
      <c r="C39315" s="6" t="s">
        <v>32230</v>
      </c>
      <c r="D39315" s="6" t="s">
        <v>38388</v>
      </c>
      <c r="E39315" s="6" t="s">
        <v>9</v>
      </c>
      <c r="F39315" s="7">
        <v>39778</v>
      </c>
      <c r="G39315" s="8">
        <v>3664500</v>
      </c>
      <c r="H39315" s="8">
        <v>1</v>
      </c>
      <c r="I39315" s="8">
        <v>3664499</v>
      </c>
      <c r="J39315" s="8">
        <v>1</v>
      </c>
      <c r="K39315" s="9"/>
      <c r="L39315" s="6"/>
    </row>
    <row r="39316" spans="1:12">
      <c r="A39316" s="6" t="s">
        <v>38386</v>
      </c>
      <c r="B39316" s="6" t="s">
        <v>38387</v>
      </c>
      <c r="C39316" s="6" t="s">
        <v>32230</v>
      </c>
      <c r="D39316" s="6" t="s">
        <v>38388</v>
      </c>
      <c r="E39316" s="6" t="s">
        <v>9</v>
      </c>
      <c r="F39316" s="7">
        <v>40877</v>
      </c>
      <c r="G39316" s="8">
        <v>3223200</v>
      </c>
      <c r="H39316" s="8">
        <v>2004834</v>
      </c>
      <c r="I39316" s="8">
        <v>1353740</v>
      </c>
      <c r="J39316" s="8">
        <v>1869460</v>
      </c>
      <c r="K39316" s="9">
        <v>53.72</v>
      </c>
      <c r="L39316" s="6"/>
    </row>
    <row r="39317" spans="1:12">
      <c r="A39317" s="6" t="s">
        <v>38386</v>
      </c>
      <c r="B39317" s="6" t="s">
        <v>38389</v>
      </c>
      <c r="C39317" s="6" t="s">
        <v>32230</v>
      </c>
      <c r="D39317" s="6" t="s">
        <v>38388</v>
      </c>
      <c r="E39317" s="6" t="s">
        <v>9</v>
      </c>
      <c r="F39317" s="7">
        <v>40877</v>
      </c>
      <c r="G39317" s="8">
        <v>6446400</v>
      </c>
      <c r="H39317" s="8">
        <v>4009668</v>
      </c>
      <c r="I39317" s="8">
        <v>2707480</v>
      </c>
      <c r="J39317" s="8">
        <v>3738920</v>
      </c>
      <c r="K39317" s="9">
        <v>107.44</v>
      </c>
      <c r="L39317" s="6"/>
    </row>
    <row r="39318" spans="1:12">
      <c r="A39318" s="6" t="s">
        <v>38386</v>
      </c>
      <c r="B39318" s="6" t="s">
        <v>38390</v>
      </c>
      <c r="C39318" s="6" t="s">
        <v>32230</v>
      </c>
      <c r="D39318" s="6" t="s">
        <v>38388</v>
      </c>
      <c r="E39318" s="6" t="s">
        <v>9</v>
      </c>
      <c r="F39318" s="7">
        <v>40877</v>
      </c>
      <c r="G39318" s="8">
        <v>6446400</v>
      </c>
      <c r="H39318" s="8">
        <v>4009668</v>
      </c>
      <c r="I39318" s="8">
        <v>2707480</v>
      </c>
      <c r="J39318" s="8">
        <v>3738920</v>
      </c>
      <c r="K39318" s="9">
        <v>107.44</v>
      </c>
      <c r="L39318" s="6"/>
    </row>
    <row r="39319" spans="1:12">
      <c r="A39319" s="6" t="s">
        <v>38386</v>
      </c>
      <c r="B39319" s="6" t="s">
        <v>38391</v>
      </c>
      <c r="C39319" s="6" t="s">
        <v>32230</v>
      </c>
      <c r="D39319" s="6" t="s">
        <v>38388</v>
      </c>
      <c r="E39319" s="6" t="s">
        <v>9</v>
      </c>
      <c r="F39319" s="7">
        <v>40877</v>
      </c>
      <c r="G39319" s="8">
        <v>1276800</v>
      </c>
      <c r="H39319" s="8">
        <v>794175</v>
      </c>
      <c r="I39319" s="8">
        <v>536250</v>
      </c>
      <c r="J39319" s="8">
        <v>740550</v>
      </c>
      <c r="K39319" s="9">
        <v>21.28</v>
      </c>
      <c r="L39319" s="6"/>
    </row>
    <row r="39320" spans="1:12">
      <c r="A39320" s="6" t="s">
        <v>38386</v>
      </c>
      <c r="B39320" s="6" t="s">
        <v>38392</v>
      </c>
      <c r="C39320" s="6" t="s">
        <v>32230</v>
      </c>
      <c r="D39320" s="6" t="s">
        <v>38388</v>
      </c>
      <c r="E39320" s="6" t="s">
        <v>9</v>
      </c>
      <c r="F39320" s="7">
        <v>40877</v>
      </c>
      <c r="G39320" s="8">
        <v>2553600</v>
      </c>
      <c r="H39320" s="8">
        <v>1588341</v>
      </c>
      <c r="I39320" s="8">
        <v>1072510</v>
      </c>
      <c r="J39320" s="8">
        <v>1481090</v>
      </c>
      <c r="K39320" s="9">
        <v>42.56</v>
      </c>
      <c r="L39320" s="6"/>
    </row>
    <row r="39321" spans="1:12">
      <c r="A39321" s="6" t="s">
        <v>38386</v>
      </c>
      <c r="B39321" s="6" t="s">
        <v>38393</v>
      </c>
      <c r="C39321" s="6" t="s">
        <v>32230</v>
      </c>
      <c r="D39321" s="6" t="s">
        <v>38388</v>
      </c>
      <c r="E39321" s="6" t="s">
        <v>9</v>
      </c>
      <c r="F39321" s="7">
        <v>40877</v>
      </c>
      <c r="G39321" s="8">
        <v>2553600</v>
      </c>
      <c r="H39321" s="8">
        <v>1588341</v>
      </c>
      <c r="I39321" s="8">
        <v>1072510</v>
      </c>
      <c r="J39321" s="8">
        <v>1481090</v>
      </c>
      <c r="K39321" s="9">
        <v>42.56</v>
      </c>
      <c r="L39321" s="6"/>
    </row>
    <row r="39322" spans="1:12">
      <c r="A39322" s="6" t="s">
        <v>28780</v>
      </c>
      <c r="B39322" s="6" t="s">
        <v>38394</v>
      </c>
      <c r="C39322" s="6" t="s">
        <v>32230</v>
      </c>
      <c r="D39322" s="6" t="s">
        <v>38304</v>
      </c>
      <c r="E39322" s="6" t="s">
        <v>9</v>
      </c>
      <c r="F39322" s="7">
        <v>31351</v>
      </c>
      <c r="G39322" s="8">
        <v>8500000</v>
      </c>
      <c r="H39322" s="8">
        <v>1</v>
      </c>
      <c r="I39322" s="8">
        <v>8499999</v>
      </c>
      <c r="J39322" s="8">
        <v>1</v>
      </c>
      <c r="K39322" s="9">
        <v>116.92</v>
      </c>
      <c r="L39322" s="6"/>
    </row>
    <row r="39323" spans="1:12">
      <c r="A39323" s="6" t="s">
        <v>28784</v>
      </c>
      <c r="B39323" s="6" t="s">
        <v>38395</v>
      </c>
      <c r="C39323" s="6" t="s">
        <v>32230</v>
      </c>
      <c r="D39323" s="6" t="s">
        <v>38396</v>
      </c>
      <c r="E39323" s="6" t="s">
        <v>9</v>
      </c>
      <c r="F39323" s="7">
        <v>42460</v>
      </c>
      <c r="G39323" s="8">
        <v>4968000</v>
      </c>
      <c r="H39323" s="8">
        <v>3303720</v>
      </c>
      <c r="I39323" s="8">
        <v>1997136</v>
      </c>
      <c r="J39323" s="8">
        <v>2970864</v>
      </c>
      <c r="K39323" s="9"/>
      <c r="L39323" s="6"/>
    </row>
    <row r="39324" spans="1:12">
      <c r="A39324" s="6" t="s">
        <v>28784</v>
      </c>
      <c r="B39324" s="6" t="s">
        <v>38395</v>
      </c>
      <c r="C39324" s="6" t="s">
        <v>32230</v>
      </c>
      <c r="D39324" s="6" t="s">
        <v>38396</v>
      </c>
      <c r="E39324" s="6" t="s">
        <v>9</v>
      </c>
      <c r="F39324" s="7">
        <v>34425</v>
      </c>
      <c r="G39324" s="8">
        <v>1075490000</v>
      </c>
      <c r="H39324" s="8">
        <v>516235200</v>
      </c>
      <c r="I39324" s="8">
        <v>580764600</v>
      </c>
      <c r="J39324" s="8">
        <v>494725400</v>
      </c>
      <c r="K39324" s="9">
        <v>2405.75</v>
      </c>
      <c r="L39324" s="6"/>
    </row>
    <row r="39325" spans="1:12">
      <c r="A39325" s="6" t="s">
        <v>28809</v>
      </c>
      <c r="B39325" s="6" t="s">
        <v>38397</v>
      </c>
      <c r="C39325" s="6" t="s">
        <v>32230</v>
      </c>
      <c r="D39325" s="6" t="s">
        <v>38398</v>
      </c>
      <c r="E39325" s="6" t="s">
        <v>18740</v>
      </c>
      <c r="F39325" s="7">
        <v>40172</v>
      </c>
      <c r="G39325" s="8">
        <v>9003750</v>
      </c>
      <c r="H39325" s="8">
        <v>5240188</v>
      </c>
      <c r="I39325" s="8">
        <v>4105704</v>
      </c>
      <c r="J39325" s="8">
        <v>4898046</v>
      </c>
      <c r="K39325" s="9">
        <v>36</v>
      </c>
      <c r="L39325" s="6"/>
    </row>
    <row r="39326" spans="1:12">
      <c r="A39326" s="6" t="s">
        <v>28809</v>
      </c>
      <c r="B39326" s="6" t="s">
        <v>38397</v>
      </c>
      <c r="C39326" s="6" t="s">
        <v>32230</v>
      </c>
      <c r="D39326" s="6" t="s">
        <v>38398</v>
      </c>
      <c r="E39326" s="6" t="s">
        <v>18740</v>
      </c>
      <c r="F39326" s="7">
        <v>40175</v>
      </c>
      <c r="G39326" s="8">
        <v>3496500</v>
      </c>
      <c r="H39326" s="8">
        <v>919585</v>
      </c>
      <c r="I39326" s="8">
        <v>2811180</v>
      </c>
      <c r="J39326" s="8">
        <v>685320</v>
      </c>
      <c r="K39326" s="9"/>
      <c r="L39326" s="6"/>
    </row>
    <row r="39327" spans="1:12">
      <c r="A39327" s="6" t="s">
        <v>30108</v>
      </c>
      <c r="B39327" s="6" t="s">
        <v>30108</v>
      </c>
      <c r="C39327" s="6" t="s">
        <v>32230</v>
      </c>
      <c r="D39327" s="6" t="s">
        <v>38399</v>
      </c>
      <c r="E39327" s="6" t="s">
        <v>9</v>
      </c>
      <c r="F39327" s="7">
        <v>36100</v>
      </c>
      <c r="G39327" s="8">
        <v>415000000</v>
      </c>
      <c r="H39327" s="8">
        <v>214140000</v>
      </c>
      <c r="I39327" s="8">
        <v>209990000</v>
      </c>
      <c r="J39327" s="8">
        <v>205010000</v>
      </c>
      <c r="K39327" s="9">
        <v>987.18</v>
      </c>
      <c r="L39327" s="6"/>
    </row>
    <row r="39328" spans="1:12">
      <c r="A39328" s="6" t="s">
        <v>30108</v>
      </c>
      <c r="B39328" s="6" t="s">
        <v>30108</v>
      </c>
      <c r="C39328" s="6" t="s">
        <v>32230</v>
      </c>
      <c r="D39328" s="6" t="s">
        <v>38399</v>
      </c>
      <c r="E39328" s="6" t="s">
        <v>9</v>
      </c>
      <c r="F39328" s="7">
        <v>42216</v>
      </c>
      <c r="G39328" s="8">
        <v>5853600</v>
      </c>
      <c r="H39328" s="8">
        <v>3892645</v>
      </c>
      <c r="I39328" s="8">
        <v>2353146</v>
      </c>
      <c r="J39328" s="8">
        <v>3500454</v>
      </c>
      <c r="K39328" s="9"/>
      <c r="L39328" s="6"/>
    </row>
    <row r="39329" spans="1:12">
      <c r="A39329" s="6" t="s">
        <v>30108</v>
      </c>
      <c r="B39329" s="6" t="s">
        <v>38400</v>
      </c>
      <c r="C39329" s="6" t="s">
        <v>32230</v>
      </c>
      <c r="D39329" s="6" t="s">
        <v>38399</v>
      </c>
      <c r="E39329" s="6" t="s">
        <v>9</v>
      </c>
      <c r="F39329" s="7">
        <v>36100</v>
      </c>
      <c r="G39329" s="8">
        <v>7957700</v>
      </c>
      <c r="H39329" s="8">
        <v>3230846</v>
      </c>
      <c r="I39329" s="8">
        <v>4941711</v>
      </c>
      <c r="J39329" s="8">
        <v>3015989</v>
      </c>
      <c r="K39329" s="9">
        <v>51.34</v>
      </c>
      <c r="L39329" s="6"/>
    </row>
    <row r="39330" spans="1:12">
      <c r="A39330" s="6" t="s">
        <v>30111</v>
      </c>
      <c r="B39330" s="6" t="s">
        <v>30111</v>
      </c>
      <c r="C39330" s="6" t="s">
        <v>32230</v>
      </c>
      <c r="D39330" s="6" t="s">
        <v>38401</v>
      </c>
      <c r="E39330" s="6" t="s">
        <v>9</v>
      </c>
      <c r="F39330" s="7">
        <v>32629</v>
      </c>
      <c r="G39330" s="8">
        <v>297212000</v>
      </c>
      <c r="H39330" s="8">
        <v>94513416</v>
      </c>
      <c r="I39330" s="8">
        <v>209237248</v>
      </c>
      <c r="J39330" s="8">
        <v>87974752</v>
      </c>
      <c r="K39330" s="9">
        <v>1162.8399999999899</v>
      </c>
      <c r="L39330" s="6"/>
    </row>
    <row r="39331" spans="1:12">
      <c r="A39331" s="6" t="s">
        <v>30120</v>
      </c>
      <c r="B39331" s="6" t="s">
        <v>38402</v>
      </c>
      <c r="C39331" s="6" t="s">
        <v>32230</v>
      </c>
      <c r="D39331" s="6" t="s">
        <v>38401</v>
      </c>
      <c r="E39331" s="6" t="s">
        <v>9</v>
      </c>
      <c r="F39331" s="7">
        <v>31959</v>
      </c>
      <c r="G39331" s="8">
        <v>357077000</v>
      </c>
      <c r="H39331" s="8">
        <v>97839098</v>
      </c>
      <c r="I39331" s="8">
        <v>271021443</v>
      </c>
      <c r="J39331" s="8">
        <v>86055557</v>
      </c>
      <c r="K39331" s="9">
        <v>1122.1300000000001</v>
      </c>
      <c r="L39331" s="6"/>
    </row>
    <row r="39332" spans="1:12">
      <c r="A39332" s="6" t="s">
        <v>30125</v>
      </c>
      <c r="B39332" s="6" t="s">
        <v>30125</v>
      </c>
      <c r="C39332" s="6" t="s">
        <v>32230</v>
      </c>
      <c r="D39332" s="6" t="s">
        <v>38403</v>
      </c>
      <c r="E39332" s="6" t="s">
        <v>9</v>
      </c>
      <c r="F39332" s="7">
        <v>35490</v>
      </c>
      <c r="G39332" s="8">
        <v>327622400</v>
      </c>
      <c r="H39332" s="8">
        <v>154637792</v>
      </c>
      <c r="I39332" s="8">
        <v>180192300</v>
      </c>
      <c r="J39332" s="8">
        <v>147430100</v>
      </c>
      <c r="K39332" s="9">
        <v>951.53</v>
      </c>
      <c r="L39332" s="6"/>
    </row>
    <row r="39333" spans="1:12">
      <c r="A39333" s="6" t="s">
        <v>30125</v>
      </c>
      <c r="B39333" s="6" t="s">
        <v>30125</v>
      </c>
      <c r="C39333" s="6" t="s">
        <v>32230</v>
      </c>
      <c r="D39333" s="6" t="s">
        <v>38403</v>
      </c>
      <c r="E39333" s="6" t="s">
        <v>9</v>
      </c>
      <c r="F39333" s="7">
        <v>44286</v>
      </c>
      <c r="G39333" s="8">
        <v>2255000</v>
      </c>
      <c r="H39333" s="8">
        <v>2255000</v>
      </c>
      <c r="I39333" s="8">
        <v>49610</v>
      </c>
      <c r="J39333" s="8">
        <v>2205390</v>
      </c>
      <c r="K39333" s="9"/>
      <c r="L39333" s="6"/>
    </row>
    <row r="39334" spans="1:12">
      <c r="A39334" s="6" t="s">
        <v>30128</v>
      </c>
      <c r="B39334" s="6" t="s">
        <v>38404</v>
      </c>
      <c r="C39334" s="6" t="s">
        <v>32230</v>
      </c>
      <c r="D39334" s="6" t="s">
        <v>38405</v>
      </c>
      <c r="E39334" s="6" t="s">
        <v>9</v>
      </c>
      <c r="F39334" s="7">
        <v>37438</v>
      </c>
      <c r="G39334" s="8">
        <v>1577200000</v>
      </c>
      <c r="H39334" s="8">
        <v>640343200</v>
      </c>
      <c r="I39334" s="8">
        <v>988904400</v>
      </c>
      <c r="J39334" s="8">
        <v>588295600</v>
      </c>
      <c r="K39334" s="9">
        <v>10411.4</v>
      </c>
      <c r="L39334" s="6"/>
    </row>
    <row r="39335" spans="1:12">
      <c r="A39335" s="6" t="s">
        <v>30128</v>
      </c>
      <c r="B39335" s="6" t="s">
        <v>38406</v>
      </c>
      <c r="C39335" s="6" t="s">
        <v>32230</v>
      </c>
      <c r="D39335" s="6" t="s">
        <v>38405</v>
      </c>
      <c r="E39335" s="6" t="s">
        <v>9</v>
      </c>
      <c r="F39335" s="7">
        <v>37438</v>
      </c>
      <c r="G39335" s="8">
        <v>3500000</v>
      </c>
      <c r="H39335" s="8">
        <v>1421000</v>
      </c>
      <c r="I39335" s="8">
        <v>2194500</v>
      </c>
      <c r="J39335" s="8">
        <v>1305500</v>
      </c>
      <c r="K39335" s="9">
        <v>30.42</v>
      </c>
      <c r="L39335" s="6"/>
    </row>
    <row r="39336" spans="1:12">
      <c r="A39336" s="6" t="s">
        <v>30128</v>
      </c>
      <c r="B39336" s="6" t="s">
        <v>38407</v>
      </c>
      <c r="C39336" s="6" t="s">
        <v>32230</v>
      </c>
      <c r="D39336" s="6" t="s">
        <v>38405</v>
      </c>
      <c r="E39336" s="6" t="s">
        <v>9</v>
      </c>
      <c r="F39336" s="7">
        <v>37438</v>
      </c>
      <c r="G39336" s="8">
        <v>27930000</v>
      </c>
      <c r="H39336" s="8">
        <v>11339580</v>
      </c>
      <c r="I39336" s="8">
        <v>17512110</v>
      </c>
      <c r="J39336" s="8">
        <v>10417890</v>
      </c>
      <c r="K39336" s="9">
        <v>188.5</v>
      </c>
      <c r="L39336" s="6"/>
    </row>
    <row r="39337" spans="1:12">
      <c r="A39337" s="6" t="s">
        <v>30128</v>
      </c>
      <c r="B39337" s="6" t="s">
        <v>38408</v>
      </c>
      <c r="C39337" s="6" t="s">
        <v>32230</v>
      </c>
      <c r="D39337" s="6" t="s">
        <v>38405</v>
      </c>
      <c r="E39337" s="6" t="s">
        <v>9</v>
      </c>
      <c r="F39337" s="7">
        <v>37438</v>
      </c>
      <c r="G39337" s="8">
        <v>15810000</v>
      </c>
      <c r="H39337" s="8">
        <v>6418860</v>
      </c>
      <c r="I39337" s="8">
        <v>9912870</v>
      </c>
      <c r="J39337" s="8">
        <v>5897130</v>
      </c>
      <c r="K39337" s="9">
        <v>38.11</v>
      </c>
      <c r="L39337" s="6"/>
    </row>
    <row r="39338" spans="1:12">
      <c r="A39338" s="6" t="s">
        <v>30128</v>
      </c>
      <c r="B39338" s="6" t="s">
        <v>38409</v>
      </c>
      <c r="C39338" s="6" t="s">
        <v>32230</v>
      </c>
      <c r="D39338" s="6" t="s">
        <v>38405</v>
      </c>
      <c r="E39338" s="6" t="s">
        <v>9</v>
      </c>
      <c r="F39338" s="7">
        <v>30926</v>
      </c>
      <c r="G39338" s="8">
        <v>8752800</v>
      </c>
      <c r="H39338" s="8">
        <v>1</v>
      </c>
      <c r="I39338" s="8">
        <v>8752799</v>
      </c>
      <c r="J39338" s="8">
        <v>1</v>
      </c>
      <c r="K39338" s="9">
        <v>145.88</v>
      </c>
      <c r="L39338" s="6"/>
    </row>
    <row r="39339" spans="1:12">
      <c r="A39339" s="6" t="s">
        <v>30128</v>
      </c>
      <c r="B39339" s="6" t="s">
        <v>38410</v>
      </c>
      <c r="C39339" s="6" t="s">
        <v>32230</v>
      </c>
      <c r="D39339" s="6" t="s">
        <v>38405</v>
      </c>
      <c r="E39339" s="6" t="s">
        <v>9</v>
      </c>
      <c r="F39339" s="7">
        <v>40989</v>
      </c>
      <c r="G39339" s="8">
        <v>31248000</v>
      </c>
      <c r="H39339" s="8">
        <v>21967344</v>
      </c>
      <c r="I39339" s="8">
        <v>10311840</v>
      </c>
      <c r="J39339" s="8">
        <v>20936160</v>
      </c>
      <c r="K39339" s="9">
        <v>520.79999999999905</v>
      </c>
      <c r="L39339" s="6"/>
    </row>
    <row r="39340" spans="1:12">
      <c r="A39340" s="6" t="s">
        <v>38411</v>
      </c>
      <c r="B39340" s="6" t="s">
        <v>38412</v>
      </c>
      <c r="C39340" s="6" t="s">
        <v>32230</v>
      </c>
      <c r="D39340" s="6" t="s">
        <v>38405</v>
      </c>
      <c r="E39340" s="6" t="s">
        <v>9</v>
      </c>
      <c r="F39340" s="7">
        <v>37653</v>
      </c>
      <c r="G39340" s="8">
        <v>14400000</v>
      </c>
      <c r="H39340" s="8">
        <v>5846400</v>
      </c>
      <c r="I39340" s="8">
        <v>9028800</v>
      </c>
      <c r="J39340" s="8">
        <v>5371200</v>
      </c>
      <c r="K39340" s="9">
        <v>84</v>
      </c>
      <c r="L39340" s="6"/>
    </row>
    <row r="39341" spans="1:12">
      <c r="A39341" s="6" t="s">
        <v>38411</v>
      </c>
      <c r="B39341" s="6" t="s">
        <v>38413</v>
      </c>
      <c r="C39341" s="6" t="s">
        <v>32230</v>
      </c>
      <c r="D39341" s="6" t="s">
        <v>38405</v>
      </c>
      <c r="E39341" s="6" t="s">
        <v>9</v>
      </c>
      <c r="F39341" s="7">
        <v>37681</v>
      </c>
      <c r="G39341" s="8">
        <v>3066000</v>
      </c>
      <c r="H39341" s="8">
        <v>1244796</v>
      </c>
      <c r="I39341" s="8">
        <v>1922382</v>
      </c>
      <c r="J39341" s="8">
        <v>1143618</v>
      </c>
      <c r="K39341" s="9">
        <v>51.1</v>
      </c>
      <c r="L39341" s="6"/>
    </row>
    <row r="39342" spans="1:12">
      <c r="A39342" s="6" t="s">
        <v>38411</v>
      </c>
      <c r="B39342" s="6" t="s">
        <v>38414</v>
      </c>
      <c r="C39342" s="6" t="s">
        <v>32230</v>
      </c>
      <c r="D39342" s="6" t="s">
        <v>38405</v>
      </c>
      <c r="E39342" s="6" t="s">
        <v>9</v>
      </c>
      <c r="F39342" s="7">
        <v>40717</v>
      </c>
      <c r="G39342" s="8">
        <v>21413700</v>
      </c>
      <c r="H39342" s="8">
        <v>10621197</v>
      </c>
      <c r="I39342" s="8">
        <v>11991670</v>
      </c>
      <c r="J39342" s="8">
        <v>9422030</v>
      </c>
      <c r="K39342" s="9"/>
      <c r="L39342" s="6"/>
    </row>
    <row r="39343" spans="1:12">
      <c r="A39343" s="6" t="s">
        <v>38411</v>
      </c>
      <c r="B39343" s="6" t="s">
        <v>38414</v>
      </c>
      <c r="C39343" s="6" t="s">
        <v>32230</v>
      </c>
      <c r="D39343" s="6" t="s">
        <v>38405</v>
      </c>
      <c r="E39343" s="6" t="s">
        <v>9</v>
      </c>
      <c r="F39343" s="7">
        <v>40717</v>
      </c>
      <c r="G39343" s="8">
        <v>52680600</v>
      </c>
      <c r="H39343" s="8">
        <v>20914200</v>
      </c>
      <c r="I39343" s="8">
        <v>35296000</v>
      </c>
      <c r="J39343" s="8">
        <v>17384600</v>
      </c>
      <c r="K39343" s="9"/>
      <c r="L39343" s="6"/>
    </row>
    <row r="39344" spans="1:12">
      <c r="A39344" s="6" t="s">
        <v>38411</v>
      </c>
      <c r="B39344" s="6" t="s">
        <v>38414</v>
      </c>
      <c r="C39344" s="6" t="s">
        <v>32230</v>
      </c>
      <c r="D39344" s="6" t="s">
        <v>38405</v>
      </c>
      <c r="E39344" s="6" t="s">
        <v>9</v>
      </c>
      <c r="F39344" s="7">
        <v>40717</v>
      </c>
      <c r="G39344" s="8">
        <v>429765</v>
      </c>
      <c r="H39344" s="8">
        <v>42981</v>
      </c>
      <c r="I39344" s="8">
        <v>429760</v>
      </c>
      <c r="J39344" s="8">
        <v>5</v>
      </c>
      <c r="K39344" s="9"/>
      <c r="L39344" s="6"/>
    </row>
    <row r="39345" spans="1:12">
      <c r="A39345" s="6" t="s">
        <v>38411</v>
      </c>
      <c r="B39345" s="6" t="s">
        <v>38414</v>
      </c>
      <c r="C39345" s="6" t="s">
        <v>32230</v>
      </c>
      <c r="D39345" s="6" t="s">
        <v>38405</v>
      </c>
      <c r="E39345" s="6" t="s">
        <v>9</v>
      </c>
      <c r="F39345" s="7">
        <v>40717</v>
      </c>
      <c r="G39345" s="8">
        <v>99796900</v>
      </c>
      <c r="H39345" s="8">
        <v>75546256</v>
      </c>
      <c r="I39345" s="8">
        <v>26945160</v>
      </c>
      <c r="J39345" s="8">
        <v>72851740</v>
      </c>
      <c r="K39345" s="9">
        <v>1425.67</v>
      </c>
      <c r="L39345" s="6"/>
    </row>
    <row r="39346" spans="1:12">
      <c r="A39346" s="6" t="s">
        <v>38411</v>
      </c>
      <c r="B39346" s="6" t="s">
        <v>38415</v>
      </c>
      <c r="C39346" s="6" t="s">
        <v>32230</v>
      </c>
      <c r="D39346" s="6" t="s">
        <v>38405</v>
      </c>
      <c r="E39346" s="6" t="s">
        <v>9</v>
      </c>
      <c r="F39346" s="7">
        <v>37653</v>
      </c>
      <c r="G39346" s="8">
        <v>21190000</v>
      </c>
      <c r="H39346" s="8">
        <v>8603140</v>
      </c>
      <c r="I39346" s="8">
        <v>13286130</v>
      </c>
      <c r="J39346" s="8">
        <v>7903870</v>
      </c>
      <c r="K39346" s="9">
        <v>165</v>
      </c>
      <c r="L39346" s="6"/>
    </row>
    <row r="39347" spans="1:12">
      <c r="A39347" s="6" t="s">
        <v>38411</v>
      </c>
      <c r="B39347" s="6" t="s">
        <v>38416</v>
      </c>
      <c r="C39347" s="6" t="s">
        <v>32230</v>
      </c>
      <c r="D39347" s="6" t="s">
        <v>38405</v>
      </c>
      <c r="E39347" s="6" t="s">
        <v>9</v>
      </c>
      <c r="F39347" s="7">
        <v>29646</v>
      </c>
      <c r="G39347" s="8">
        <v>7518700</v>
      </c>
      <c r="H39347" s="8">
        <v>1</v>
      </c>
      <c r="I39347" s="8">
        <v>7518699</v>
      </c>
      <c r="J39347" s="8">
        <v>1</v>
      </c>
      <c r="K39347" s="9">
        <v>107.41</v>
      </c>
      <c r="L39347" s="6"/>
    </row>
    <row r="39348" spans="1:12">
      <c r="A39348" s="6" t="s">
        <v>38411</v>
      </c>
      <c r="B39348" s="6" t="s">
        <v>38417</v>
      </c>
      <c r="C39348" s="6" t="s">
        <v>32230</v>
      </c>
      <c r="D39348" s="6" t="s">
        <v>38405</v>
      </c>
      <c r="E39348" s="6" t="s">
        <v>9</v>
      </c>
      <c r="F39348" s="7">
        <v>29646</v>
      </c>
      <c r="G39348" s="8">
        <v>34425500</v>
      </c>
      <c r="H39348" s="8">
        <v>1</v>
      </c>
      <c r="I39348" s="8">
        <v>34425499</v>
      </c>
      <c r="J39348" s="8">
        <v>1</v>
      </c>
      <c r="K39348" s="9">
        <v>222.1</v>
      </c>
      <c r="L39348" s="6"/>
    </row>
    <row r="39349" spans="1:12">
      <c r="A39349" s="6" t="s">
        <v>38411</v>
      </c>
      <c r="B39349" s="6" t="s">
        <v>38418</v>
      </c>
      <c r="C39349" s="6" t="s">
        <v>32230</v>
      </c>
      <c r="D39349" s="6" t="s">
        <v>38405</v>
      </c>
      <c r="E39349" s="6" t="s">
        <v>9</v>
      </c>
      <c r="F39349" s="7">
        <v>29646</v>
      </c>
      <c r="G39349" s="8">
        <v>11467400</v>
      </c>
      <c r="H39349" s="8">
        <v>1</v>
      </c>
      <c r="I39349" s="8">
        <v>11467399</v>
      </c>
      <c r="J39349" s="8">
        <v>1</v>
      </c>
      <c r="K39349" s="9">
        <v>163.82</v>
      </c>
      <c r="L39349" s="6"/>
    </row>
    <row r="39350" spans="1:12">
      <c r="A39350" s="6" t="s">
        <v>38411</v>
      </c>
      <c r="B39350" s="6" t="s">
        <v>38419</v>
      </c>
      <c r="C39350" s="6" t="s">
        <v>32230</v>
      </c>
      <c r="D39350" s="6" t="s">
        <v>38405</v>
      </c>
      <c r="E39350" s="6" t="s">
        <v>9</v>
      </c>
      <c r="F39350" s="7">
        <v>29646</v>
      </c>
      <c r="G39350" s="8">
        <v>4060000</v>
      </c>
      <c r="H39350" s="8">
        <v>1</v>
      </c>
      <c r="I39350" s="8">
        <v>4059999</v>
      </c>
      <c r="J39350" s="8">
        <v>1</v>
      </c>
      <c r="K39350" s="9">
        <v>58</v>
      </c>
      <c r="L39350" s="6"/>
    </row>
    <row r="39351" spans="1:12">
      <c r="A39351" s="6" t="s">
        <v>38411</v>
      </c>
      <c r="B39351" s="6" t="s">
        <v>38420</v>
      </c>
      <c r="C39351" s="6" t="s">
        <v>32230</v>
      </c>
      <c r="D39351" s="6" t="s">
        <v>38405</v>
      </c>
      <c r="E39351" s="6" t="s">
        <v>9</v>
      </c>
      <c r="F39351" s="7">
        <v>36434</v>
      </c>
      <c r="G39351" s="8">
        <v>10500000</v>
      </c>
      <c r="H39351" s="8">
        <v>4546500</v>
      </c>
      <c r="I39351" s="8">
        <v>6237000</v>
      </c>
      <c r="J39351" s="8">
        <v>4263000</v>
      </c>
      <c r="K39351" s="9">
        <v>43</v>
      </c>
      <c r="L39351" s="6"/>
    </row>
    <row r="39352" spans="1:12">
      <c r="A39352" s="6" t="s">
        <v>38411</v>
      </c>
      <c r="B39352" s="6" t="s">
        <v>38421</v>
      </c>
      <c r="C39352" s="6" t="s">
        <v>32230</v>
      </c>
      <c r="D39352" s="6" t="s">
        <v>38405</v>
      </c>
      <c r="E39352" s="6" t="s">
        <v>9</v>
      </c>
      <c r="F39352" s="7">
        <v>43298</v>
      </c>
      <c r="G39352" s="8">
        <v>1598400</v>
      </c>
      <c r="H39352" s="8">
        <v>1384216</v>
      </c>
      <c r="I39352" s="8">
        <v>321276</v>
      </c>
      <c r="J39352" s="8">
        <v>1277124</v>
      </c>
      <c r="K39352" s="9"/>
      <c r="L39352" s="6"/>
    </row>
    <row r="39353" spans="1:12">
      <c r="A39353" s="6" t="s">
        <v>38411</v>
      </c>
      <c r="B39353" s="6" t="s">
        <v>38421</v>
      </c>
      <c r="C39353" s="6" t="s">
        <v>32230</v>
      </c>
      <c r="D39353" s="6" t="s">
        <v>38405</v>
      </c>
      <c r="E39353" s="6" t="s">
        <v>9</v>
      </c>
      <c r="F39353" s="7">
        <v>42216</v>
      </c>
      <c r="G39353" s="8">
        <v>2566080</v>
      </c>
      <c r="H39353" s="8">
        <v>2142680</v>
      </c>
      <c r="I39353" s="8">
        <v>508080</v>
      </c>
      <c r="J39353" s="8">
        <v>2058000</v>
      </c>
      <c r="K39353" s="9"/>
      <c r="L39353" s="6"/>
    </row>
    <row r="39354" spans="1:12">
      <c r="A39354" s="6" t="s">
        <v>38411</v>
      </c>
      <c r="B39354" s="6" t="s">
        <v>38421</v>
      </c>
      <c r="C39354" s="6" t="s">
        <v>32230</v>
      </c>
      <c r="D39354" s="6" t="s">
        <v>38405</v>
      </c>
      <c r="E39354" s="6" t="s">
        <v>9</v>
      </c>
      <c r="F39354" s="7">
        <v>37653</v>
      </c>
      <c r="G39354" s="8">
        <v>117450000</v>
      </c>
      <c r="H39354" s="8">
        <v>47684700</v>
      </c>
      <c r="I39354" s="8">
        <v>73641150</v>
      </c>
      <c r="J39354" s="8">
        <v>43808850</v>
      </c>
      <c r="K39354" s="9">
        <v>1140.67</v>
      </c>
      <c r="L39354" s="6"/>
    </row>
    <row r="39355" spans="1:12">
      <c r="A39355" s="6" t="s">
        <v>38411</v>
      </c>
      <c r="B39355" s="6" t="s">
        <v>38421</v>
      </c>
      <c r="C39355" s="6" t="s">
        <v>32230</v>
      </c>
      <c r="D39355" s="6" t="s">
        <v>38405</v>
      </c>
      <c r="E39355" s="6" t="s">
        <v>9</v>
      </c>
      <c r="F39355" s="7">
        <v>43404</v>
      </c>
      <c r="G39355" s="8">
        <v>701140</v>
      </c>
      <c r="H39355" s="8">
        <v>607188</v>
      </c>
      <c r="I39355" s="8">
        <v>140928</v>
      </c>
      <c r="J39355" s="8">
        <v>560212</v>
      </c>
      <c r="K39355" s="9"/>
      <c r="L39355" s="6"/>
    </row>
    <row r="39356" spans="1:12">
      <c r="A39356" s="6" t="s">
        <v>38411</v>
      </c>
      <c r="B39356" s="6" t="s">
        <v>38421</v>
      </c>
      <c r="C39356" s="6" t="s">
        <v>32230</v>
      </c>
      <c r="D39356" s="6" t="s">
        <v>38405</v>
      </c>
      <c r="E39356" s="6" t="s">
        <v>9</v>
      </c>
      <c r="F39356" s="7">
        <v>42429</v>
      </c>
      <c r="G39356" s="8">
        <v>8424000</v>
      </c>
      <c r="H39356" s="8">
        <v>7034040</v>
      </c>
      <c r="I39356" s="8">
        <v>1667952</v>
      </c>
      <c r="J39356" s="8">
        <v>6756048</v>
      </c>
      <c r="K39356" s="9"/>
      <c r="L39356" s="6"/>
    </row>
    <row r="39357" spans="1:12">
      <c r="A39357" s="6" t="s">
        <v>38411</v>
      </c>
      <c r="B39357" s="6" t="s">
        <v>38422</v>
      </c>
      <c r="C39357" s="6" t="s">
        <v>32230</v>
      </c>
      <c r="D39357" s="6" t="s">
        <v>38405</v>
      </c>
      <c r="E39357" s="6" t="s">
        <v>9</v>
      </c>
      <c r="F39357" s="7">
        <v>35674</v>
      </c>
      <c r="G39357" s="8">
        <v>9870000</v>
      </c>
      <c r="H39357" s="8">
        <v>2378670</v>
      </c>
      <c r="I39357" s="8">
        <v>7817040</v>
      </c>
      <c r="J39357" s="8">
        <v>2052960</v>
      </c>
      <c r="K39357" s="9">
        <v>105</v>
      </c>
      <c r="L39357" s="6"/>
    </row>
    <row r="39358" spans="1:12">
      <c r="A39358" s="6" t="s">
        <v>30134</v>
      </c>
      <c r="B39358" s="6" t="s">
        <v>38423</v>
      </c>
      <c r="C39358" s="6" t="s">
        <v>32230</v>
      </c>
      <c r="D39358" s="6" t="s">
        <v>38424</v>
      </c>
      <c r="E39358" s="6" t="s">
        <v>9</v>
      </c>
      <c r="F39358" s="7">
        <v>30011</v>
      </c>
      <c r="G39358" s="8">
        <v>6900000</v>
      </c>
      <c r="H39358" s="8">
        <v>1</v>
      </c>
      <c r="I39358" s="8">
        <v>6899999</v>
      </c>
      <c r="J39358" s="8">
        <v>1</v>
      </c>
      <c r="K39358" s="9">
        <v>115</v>
      </c>
      <c r="L39358" s="6"/>
    </row>
    <row r="39359" spans="1:12">
      <c r="A39359" s="6" t="s">
        <v>30134</v>
      </c>
      <c r="B39359" s="6" t="s">
        <v>38425</v>
      </c>
      <c r="C39359" s="6" t="s">
        <v>32230</v>
      </c>
      <c r="D39359" s="6" t="s">
        <v>38424</v>
      </c>
      <c r="E39359" s="6" t="s">
        <v>9</v>
      </c>
      <c r="F39359" s="7">
        <v>30011</v>
      </c>
      <c r="G39359" s="8">
        <v>9840000</v>
      </c>
      <c r="H39359" s="8">
        <v>1</v>
      </c>
      <c r="I39359" s="8">
        <v>9839999</v>
      </c>
      <c r="J39359" s="8">
        <v>1</v>
      </c>
      <c r="K39359" s="9">
        <v>164</v>
      </c>
      <c r="L39359" s="6"/>
    </row>
    <row r="39360" spans="1:12">
      <c r="A39360" s="6" t="s">
        <v>30134</v>
      </c>
      <c r="B39360" s="6" t="s">
        <v>38426</v>
      </c>
      <c r="C39360" s="6" t="s">
        <v>32230</v>
      </c>
      <c r="D39360" s="6" t="s">
        <v>38424</v>
      </c>
      <c r="E39360" s="6" t="s">
        <v>9</v>
      </c>
      <c r="F39360" s="7">
        <v>30011</v>
      </c>
      <c r="G39360" s="8">
        <v>480000</v>
      </c>
      <c r="H39360" s="8">
        <v>1</v>
      </c>
      <c r="I39360" s="8">
        <v>479999</v>
      </c>
      <c r="J39360" s="8">
        <v>1</v>
      </c>
      <c r="K39360" s="9">
        <v>8</v>
      </c>
      <c r="L39360" s="6"/>
    </row>
    <row r="39361" spans="1:12">
      <c r="A39361" s="6" t="s">
        <v>30134</v>
      </c>
      <c r="B39361" s="6" t="s">
        <v>38427</v>
      </c>
      <c r="C39361" s="6" t="s">
        <v>32230</v>
      </c>
      <c r="D39361" s="6" t="s">
        <v>38424</v>
      </c>
      <c r="E39361" s="6" t="s">
        <v>9</v>
      </c>
      <c r="F39361" s="7">
        <v>40255</v>
      </c>
      <c r="G39361" s="8">
        <v>2114000</v>
      </c>
      <c r="H39361" s="8">
        <v>1486142</v>
      </c>
      <c r="I39361" s="8">
        <v>684936</v>
      </c>
      <c r="J39361" s="8">
        <v>1429064</v>
      </c>
      <c r="K39361" s="9">
        <v>49.82</v>
      </c>
      <c r="L39361" s="6"/>
    </row>
    <row r="39362" spans="1:12">
      <c r="A39362" s="6" t="s">
        <v>30134</v>
      </c>
      <c r="B39362" s="6" t="s">
        <v>38428</v>
      </c>
      <c r="C39362" s="6" t="s">
        <v>32230</v>
      </c>
      <c r="D39362" s="6" t="s">
        <v>38424</v>
      </c>
      <c r="E39362" s="6" t="s">
        <v>9</v>
      </c>
      <c r="F39362" s="7">
        <v>40255</v>
      </c>
      <c r="G39362" s="8">
        <v>5767000</v>
      </c>
      <c r="H39362" s="8">
        <v>3673579</v>
      </c>
      <c r="I39362" s="8">
        <v>2283732</v>
      </c>
      <c r="J39362" s="8">
        <v>3483268</v>
      </c>
      <c r="K39362" s="9">
        <v>42.5</v>
      </c>
      <c r="L39362" s="6"/>
    </row>
    <row r="39363" spans="1:12">
      <c r="A39363" s="6" t="s">
        <v>30134</v>
      </c>
      <c r="B39363" s="6" t="s">
        <v>38429</v>
      </c>
      <c r="C39363" s="6" t="s">
        <v>32230</v>
      </c>
      <c r="D39363" s="6" t="s">
        <v>38424</v>
      </c>
      <c r="E39363" s="6" t="s">
        <v>9</v>
      </c>
      <c r="F39363" s="7">
        <v>40255</v>
      </c>
      <c r="G39363" s="8">
        <v>165320000</v>
      </c>
      <c r="H39363" s="8">
        <v>116219960</v>
      </c>
      <c r="I39363" s="8">
        <v>53563680</v>
      </c>
      <c r="J39363" s="8">
        <v>111756320</v>
      </c>
      <c r="K39363" s="9">
        <v>493.84</v>
      </c>
      <c r="L39363" s="6"/>
    </row>
    <row r="39364" spans="1:12">
      <c r="A39364" s="6" t="s">
        <v>38430</v>
      </c>
      <c r="B39364" s="6" t="s">
        <v>38430</v>
      </c>
      <c r="C39364" s="6" t="s">
        <v>32230</v>
      </c>
      <c r="D39364" s="6" t="s">
        <v>38431</v>
      </c>
      <c r="E39364" s="6" t="s">
        <v>9</v>
      </c>
      <c r="F39364" s="7">
        <v>39448</v>
      </c>
      <c r="G39364" s="8">
        <v>51910000</v>
      </c>
      <c r="H39364" s="8">
        <v>33689590</v>
      </c>
      <c r="I39364" s="8">
        <v>19621980</v>
      </c>
      <c r="J39364" s="8">
        <v>32288020</v>
      </c>
      <c r="K39364" s="9">
        <v>236</v>
      </c>
      <c r="L39364" s="6"/>
    </row>
    <row r="39365" spans="1:12">
      <c r="A39365" s="6" t="s">
        <v>30161</v>
      </c>
      <c r="B39365" s="6" t="s">
        <v>38432</v>
      </c>
      <c r="C39365" s="6" t="s">
        <v>32230</v>
      </c>
      <c r="D39365" s="6" t="s">
        <v>38433</v>
      </c>
      <c r="E39365" s="6" t="s">
        <v>9</v>
      </c>
      <c r="F39365" s="7">
        <v>42064</v>
      </c>
      <c r="G39365" s="8">
        <v>15390000</v>
      </c>
      <c r="H39365" s="8">
        <v>9203220</v>
      </c>
      <c r="I39365" s="8">
        <v>7217910</v>
      </c>
      <c r="J39365" s="8">
        <v>8172090</v>
      </c>
      <c r="K39365" s="9">
        <v>13.92</v>
      </c>
      <c r="L39365" s="6"/>
    </row>
    <row r="39366" spans="1:12">
      <c r="A39366" s="6" t="s">
        <v>38434</v>
      </c>
      <c r="B39366" s="6" t="s">
        <v>38435</v>
      </c>
      <c r="C39366" s="6" t="s">
        <v>32230</v>
      </c>
      <c r="D39366" s="6" t="s">
        <v>38102</v>
      </c>
      <c r="E39366" s="6" t="s">
        <v>9</v>
      </c>
      <c r="F39366" s="7">
        <v>42794</v>
      </c>
      <c r="G39366" s="8">
        <v>41102593</v>
      </c>
      <c r="H39366" s="8">
        <v>36170285</v>
      </c>
      <c r="I39366" s="8">
        <v>6165385</v>
      </c>
      <c r="J39366" s="8">
        <v>34937208</v>
      </c>
      <c r="K39366" s="9">
        <v>214.97</v>
      </c>
      <c r="L39366" s="6"/>
    </row>
    <row r="39367" spans="1:12">
      <c r="A39367" s="6" t="s">
        <v>38434</v>
      </c>
      <c r="B39367" s="6" t="s">
        <v>38435</v>
      </c>
      <c r="C39367" s="6" t="s">
        <v>32230</v>
      </c>
      <c r="D39367" s="6" t="s">
        <v>38102</v>
      </c>
      <c r="E39367" s="6" t="s">
        <v>9</v>
      </c>
      <c r="F39367" s="7">
        <v>42794</v>
      </c>
      <c r="G39367" s="8">
        <v>5670564</v>
      </c>
      <c r="H39367" s="8">
        <v>4150856</v>
      </c>
      <c r="I39367" s="8">
        <v>1899635</v>
      </c>
      <c r="J39367" s="8">
        <v>3770929</v>
      </c>
      <c r="K39367" s="9"/>
      <c r="L39367" s="6"/>
    </row>
    <row r="39368" spans="1:12">
      <c r="A39368" s="6" t="s">
        <v>38434</v>
      </c>
      <c r="B39368" s="6" t="s">
        <v>38435</v>
      </c>
      <c r="C39368" s="6" t="s">
        <v>32230</v>
      </c>
      <c r="D39368" s="6" t="s">
        <v>38102</v>
      </c>
      <c r="E39368" s="6" t="s">
        <v>9</v>
      </c>
      <c r="F39368" s="7">
        <v>42794</v>
      </c>
      <c r="G39368" s="8">
        <v>12209963</v>
      </c>
      <c r="H39368" s="8">
        <v>8937695</v>
      </c>
      <c r="I39368" s="8">
        <v>4090335</v>
      </c>
      <c r="J39368" s="8">
        <v>8119628</v>
      </c>
      <c r="K39368" s="9"/>
      <c r="L39368" s="6"/>
    </row>
    <row r="39369" spans="1:12">
      <c r="A39369" s="6" t="s">
        <v>30186</v>
      </c>
      <c r="B39369" s="6" t="s">
        <v>30186</v>
      </c>
      <c r="C39369" s="6" t="s">
        <v>32230</v>
      </c>
      <c r="D39369" s="6" t="s">
        <v>38436</v>
      </c>
      <c r="E39369" s="6" t="s">
        <v>9</v>
      </c>
      <c r="F39369" s="7">
        <v>44214</v>
      </c>
      <c r="G39369" s="8">
        <v>1910243189</v>
      </c>
      <c r="H39369" s="8">
        <v>1910243189</v>
      </c>
      <c r="I39369" s="8">
        <v>38204863</v>
      </c>
      <c r="J39369" s="8">
        <v>1872038326</v>
      </c>
      <c r="K39369" s="9">
        <v>3692.31</v>
      </c>
      <c r="L39369" s="6"/>
    </row>
    <row r="39370" spans="1:12">
      <c r="A39370" s="6" t="s">
        <v>30186</v>
      </c>
      <c r="B39370" s="6" t="s">
        <v>30186</v>
      </c>
      <c r="C39370" s="6" t="s">
        <v>32230</v>
      </c>
      <c r="D39370" s="6" t="s">
        <v>38436</v>
      </c>
      <c r="E39370" s="6" t="s">
        <v>9</v>
      </c>
      <c r="F39370" s="7">
        <v>44214</v>
      </c>
      <c r="G39370" s="8">
        <v>236432816</v>
      </c>
      <c r="H39370" s="8">
        <v>236432816</v>
      </c>
      <c r="I39370" s="8">
        <v>15840998</v>
      </c>
      <c r="J39370" s="8">
        <v>220591818</v>
      </c>
      <c r="K39370" s="9"/>
      <c r="L39370" s="6"/>
    </row>
    <row r="39371" spans="1:12">
      <c r="A39371" s="6" t="s">
        <v>30186</v>
      </c>
      <c r="B39371" s="6" t="s">
        <v>30186</v>
      </c>
      <c r="C39371" s="6" t="s">
        <v>32230</v>
      </c>
      <c r="D39371" s="6" t="s">
        <v>38436</v>
      </c>
      <c r="E39371" s="6" t="s">
        <v>9</v>
      </c>
      <c r="F39371" s="7">
        <v>44214</v>
      </c>
      <c r="G39371" s="8">
        <v>307230000</v>
      </c>
      <c r="H39371" s="8">
        <v>307230000</v>
      </c>
      <c r="I39371" s="8">
        <v>17204880</v>
      </c>
      <c r="J39371" s="8">
        <v>290025120</v>
      </c>
      <c r="K39371" s="9"/>
      <c r="L39371" s="6"/>
    </row>
    <row r="39372" spans="1:12">
      <c r="A39372" s="6" t="s">
        <v>30186</v>
      </c>
      <c r="B39372" s="6" t="s">
        <v>30186</v>
      </c>
      <c r="C39372" s="6" t="s">
        <v>32230</v>
      </c>
      <c r="D39372" s="6" t="s">
        <v>38436</v>
      </c>
      <c r="E39372" s="6" t="s">
        <v>9</v>
      </c>
      <c r="F39372" s="7">
        <v>44214</v>
      </c>
      <c r="G39372" s="8">
        <v>318662195</v>
      </c>
      <c r="H39372" s="8">
        <v>318662195</v>
      </c>
      <c r="I39372" s="8">
        <v>21350367</v>
      </c>
      <c r="J39372" s="8">
        <v>297311828</v>
      </c>
      <c r="K39372" s="9"/>
      <c r="L39372" s="6"/>
    </row>
    <row r="39373" spans="1:12">
      <c r="A39373" s="6" t="s">
        <v>38437</v>
      </c>
      <c r="B39373" s="6" t="s">
        <v>38437</v>
      </c>
      <c r="C39373" s="6" t="s">
        <v>32230</v>
      </c>
      <c r="D39373" s="6" t="s">
        <v>38438</v>
      </c>
      <c r="E39373" s="6" t="s">
        <v>9</v>
      </c>
      <c r="F39373" s="7">
        <v>44286</v>
      </c>
      <c r="G39373" s="8">
        <v>276763515</v>
      </c>
      <c r="H39373" s="8">
        <v>276763515</v>
      </c>
      <c r="I39373" s="8">
        <v>5535270</v>
      </c>
      <c r="J39373" s="8">
        <v>271228245</v>
      </c>
      <c r="K39373" s="9"/>
      <c r="L39373" s="6"/>
    </row>
    <row r="39374" spans="1:12">
      <c r="A39374" s="6" t="s">
        <v>38437</v>
      </c>
      <c r="B39374" s="6" t="s">
        <v>38437</v>
      </c>
      <c r="C39374" s="6" t="s">
        <v>32230</v>
      </c>
      <c r="D39374" s="6" t="s">
        <v>38438</v>
      </c>
      <c r="E39374" s="6" t="s">
        <v>9</v>
      </c>
      <c r="F39374" s="7">
        <v>43922</v>
      </c>
      <c r="G39374" s="8">
        <v>292801500</v>
      </c>
      <c r="H39374" s="8">
        <v>292801500</v>
      </c>
      <c r="I39374" s="8">
        <v>5856030</v>
      </c>
      <c r="J39374" s="8">
        <v>286945470</v>
      </c>
      <c r="K39374" s="9">
        <v>2168.9</v>
      </c>
      <c r="L39374" s="6"/>
    </row>
    <row r="39375" spans="1:12">
      <c r="A39375" s="6" t="s">
        <v>38437</v>
      </c>
      <c r="B39375" s="6" t="s">
        <v>38437</v>
      </c>
      <c r="C39375" s="6" t="s">
        <v>32230</v>
      </c>
      <c r="D39375" s="6" t="s">
        <v>38438</v>
      </c>
      <c r="E39375" s="6" t="s">
        <v>9</v>
      </c>
      <c r="F39375" s="7">
        <v>44286</v>
      </c>
      <c r="G39375" s="8">
        <v>51556785</v>
      </c>
      <c r="H39375" s="8">
        <v>51556785</v>
      </c>
      <c r="I39375" s="8">
        <v>3454304</v>
      </c>
      <c r="J39375" s="8">
        <v>48102481</v>
      </c>
      <c r="K39375" s="9"/>
      <c r="L39375" s="6"/>
    </row>
    <row r="39376" spans="1:12">
      <c r="A39376" s="6" t="s">
        <v>38437</v>
      </c>
      <c r="B39376" s="6" t="s">
        <v>38437</v>
      </c>
      <c r="C39376" s="6" t="s">
        <v>32230</v>
      </c>
      <c r="D39376" s="6" t="s">
        <v>38438</v>
      </c>
      <c r="E39376" s="6" t="s">
        <v>9</v>
      </c>
      <c r="F39376" s="7">
        <v>44286</v>
      </c>
      <c r="G39376" s="8">
        <v>73874900</v>
      </c>
      <c r="H39376" s="8">
        <v>73874900</v>
      </c>
      <c r="I39376" s="8">
        <v>4949618</v>
      </c>
      <c r="J39376" s="8">
        <v>68925282</v>
      </c>
      <c r="K39376" s="9"/>
      <c r="L39376" s="6"/>
    </row>
    <row r="39377" spans="1:12">
      <c r="A39377" s="6" t="s">
        <v>30232</v>
      </c>
      <c r="B39377" s="6" t="s">
        <v>38439</v>
      </c>
      <c r="C39377" s="6" t="s">
        <v>32230</v>
      </c>
      <c r="D39377" s="6" t="s">
        <v>38440</v>
      </c>
      <c r="E39377" s="6" t="s">
        <v>9</v>
      </c>
      <c r="F39377" s="7">
        <v>44280</v>
      </c>
      <c r="G39377" s="8">
        <v>47040000</v>
      </c>
      <c r="H39377" s="8">
        <v>47040000</v>
      </c>
      <c r="I39377" s="8">
        <v>940800</v>
      </c>
      <c r="J39377" s="8">
        <v>46099200</v>
      </c>
      <c r="K39377" s="9">
        <v>109.31</v>
      </c>
      <c r="L39377" s="6"/>
    </row>
    <row r="39378" spans="1:12">
      <c r="A39378" s="6" t="s">
        <v>30232</v>
      </c>
      <c r="B39378" s="6" t="s">
        <v>38439</v>
      </c>
      <c r="C39378" s="6" t="s">
        <v>32230</v>
      </c>
      <c r="D39378" s="6" t="s">
        <v>38440</v>
      </c>
      <c r="E39378" s="6" t="s">
        <v>9</v>
      </c>
      <c r="F39378" s="7">
        <v>44280</v>
      </c>
      <c r="G39378" s="8">
        <v>660000</v>
      </c>
      <c r="H39378" s="8">
        <v>660000</v>
      </c>
      <c r="I39378" s="8">
        <v>36960</v>
      </c>
      <c r="J39378" s="8">
        <v>623040</v>
      </c>
      <c r="K39378" s="9"/>
      <c r="L39378" s="6"/>
    </row>
    <row r="39379" spans="1:12">
      <c r="A39379" s="6" t="s">
        <v>30232</v>
      </c>
      <c r="B39379" s="6" t="s">
        <v>38441</v>
      </c>
      <c r="C39379" s="6" t="s">
        <v>32230</v>
      </c>
      <c r="D39379" s="6" t="s">
        <v>38440</v>
      </c>
      <c r="E39379" s="6" t="s">
        <v>9</v>
      </c>
      <c r="F39379" s="7">
        <v>44280</v>
      </c>
      <c r="G39379" s="8">
        <v>29245000</v>
      </c>
      <c r="H39379" s="8">
        <v>29245000</v>
      </c>
      <c r="I39379" s="8">
        <v>789615</v>
      </c>
      <c r="J39379" s="8">
        <v>28455385</v>
      </c>
      <c r="K39379" s="9">
        <v>17.47</v>
      </c>
      <c r="L39379" s="6"/>
    </row>
    <row r="39380" spans="1:12">
      <c r="A39380" s="6" t="s">
        <v>30242</v>
      </c>
      <c r="B39380" s="6" t="s">
        <v>38442</v>
      </c>
      <c r="C39380" s="6" t="s">
        <v>32230</v>
      </c>
      <c r="D39380" s="6" t="s">
        <v>38443</v>
      </c>
      <c r="E39380" s="6" t="s">
        <v>25121</v>
      </c>
      <c r="F39380" s="7">
        <v>44215</v>
      </c>
      <c r="G39380" s="8">
        <v>53740500</v>
      </c>
      <c r="H39380" s="8">
        <v>53740500</v>
      </c>
      <c r="I39380" s="8">
        <v>2687025</v>
      </c>
      <c r="J39380" s="8">
        <v>51053475</v>
      </c>
      <c r="K39380" s="9">
        <v>139.94</v>
      </c>
      <c r="L39380" s="6"/>
    </row>
    <row r="39381" spans="1:12">
      <c r="A39381" s="6" t="s">
        <v>38444</v>
      </c>
      <c r="B39381" s="6" t="s">
        <v>38444</v>
      </c>
      <c r="C39381" s="6" t="s">
        <v>32230</v>
      </c>
      <c r="D39381" s="6" t="s">
        <v>38445</v>
      </c>
      <c r="E39381" s="6" t="s">
        <v>9</v>
      </c>
      <c r="F39381" s="7">
        <v>44286</v>
      </c>
      <c r="G39381" s="8">
        <v>1276000</v>
      </c>
      <c r="H39381" s="8">
        <v>1276000</v>
      </c>
      <c r="I39381" s="8">
        <v>34452</v>
      </c>
      <c r="J39381" s="8">
        <v>1241548</v>
      </c>
      <c r="K39381" s="9"/>
      <c r="L39381" s="6"/>
    </row>
    <row r="39382" spans="1:12">
      <c r="A39382" s="6" t="s">
        <v>38444</v>
      </c>
      <c r="B39382" s="6" t="s">
        <v>38444</v>
      </c>
      <c r="C39382" s="6" t="s">
        <v>32230</v>
      </c>
      <c r="D39382" s="6" t="s">
        <v>38445</v>
      </c>
      <c r="E39382" s="6" t="s">
        <v>9</v>
      </c>
      <c r="F39382" s="7">
        <v>43189</v>
      </c>
      <c r="G39382" s="8">
        <v>2052000</v>
      </c>
      <c r="H39382" s="8">
        <v>1639548</v>
      </c>
      <c r="I39382" s="8">
        <v>549936</v>
      </c>
      <c r="J39382" s="8">
        <v>1502064</v>
      </c>
      <c r="K39382" s="9"/>
      <c r="L39382" s="6"/>
    </row>
    <row r="39383" spans="1:12">
      <c r="A39383" s="6" t="s">
        <v>38444</v>
      </c>
      <c r="B39383" s="6" t="s">
        <v>38444</v>
      </c>
      <c r="C39383" s="6" t="s">
        <v>32230</v>
      </c>
      <c r="D39383" s="6" t="s">
        <v>38445</v>
      </c>
      <c r="E39383" s="6" t="s">
        <v>9</v>
      </c>
      <c r="F39383" s="7">
        <v>41256</v>
      </c>
      <c r="G39383" s="8">
        <v>4515000</v>
      </c>
      <c r="H39383" s="8">
        <v>2094960</v>
      </c>
      <c r="I39383" s="8">
        <v>2722545</v>
      </c>
      <c r="J39383" s="8">
        <v>1792455</v>
      </c>
      <c r="K39383" s="9"/>
      <c r="L39383" s="6"/>
    </row>
    <row r="39384" spans="1:12">
      <c r="A39384" s="6" t="s">
        <v>38444</v>
      </c>
      <c r="B39384" s="6" t="s">
        <v>38444</v>
      </c>
      <c r="C39384" s="6" t="s">
        <v>32230</v>
      </c>
      <c r="D39384" s="6" t="s">
        <v>38445</v>
      </c>
      <c r="E39384" s="6" t="s">
        <v>9</v>
      </c>
      <c r="F39384" s="7">
        <v>41362</v>
      </c>
      <c r="G39384" s="8">
        <v>4809000</v>
      </c>
      <c r="H39384" s="8">
        <v>2231376</v>
      </c>
      <c r="I39384" s="8">
        <v>2899827</v>
      </c>
      <c r="J39384" s="8">
        <v>1909173</v>
      </c>
      <c r="K39384" s="9"/>
      <c r="L39384" s="6"/>
    </row>
    <row r="39385" spans="1:12">
      <c r="A39385" s="6" t="s">
        <v>38444</v>
      </c>
      <c r="B39385" s="6" t="s">
        <v>38444</v>
      </c>
      <c r="C39385" s="6" t="s">
        <v>32230</v>
      </c>
      <c r="D39385" s="6" t="s">
        <v>38445</v>
      </c>
      <c r="E39385" s="6" t="s">
        <v>9</v>
      </c>
      <c r="F39385" s="7">
        <v>44286</v>
      </c>
      <c r="G39385" s="8">
        <v>2321000</v>
      </c>
      <c r="H39385" s="8">
        <v>2321000</v>
      </c>
      <c r="I39385" s="8">
        <v>232100</v>
      </c>
      <c r="J39385" s="8">
        <v>2088900</v>
      </c>
      <c r="K39385" s="9"/>
      <c r="L39385" s="6"/>
    </row>
    <row r="39386" spans="1:12">
      <c r="A39386" s="6" t="s">
        <v>38444</v>
      </c>
      <c r="B39386" s="6" t="s">
        <v>38444</v>
      </c>
      <c r="C39386" s="6" t="s">
        <v>32230</v>
      </c>
      <c r="D39386" s="6" t="s">
        <v>38445</v>
      </c>
      <c r="E39386" s="6" t="s">
        <v>9</v>
      </c>
      <c r="F39386" s="7">
        <v>41628</v>
      </c>
      <c r="G39386" s="8">
        <v>5880000</v>
      </c>
      <c r="H39386" s="8">
        <v>3122280</v>
      </c>
      <c r="I39386" s="8">
        <v>3151680</v>
      </c>
      <c r="J39386" s="8">
        <v>2728320</v>
      </c>
      <c r="K39386" s="9"/>
      <c r="L39386" s="6"/>
    </row>
    <row r="39387" spans="1:12">
      <c r="A39387" s="6" t="s">
        <v>38444</v>
      </c>
      <c r="B39387" s="6" t="s">
        <v>38444</v>
      </c>
      <c r="C39387" s="6" t="s">
        <v>32230</v>
      </c>
      <c r="D39387" s="6" t="s">
        <v>38445</v>
      </c>
      <c r="E39387" s="6" t="s">
        <v>9</v>
      </c>
      <c r="F39387" s="7">
        <v>44270</v>
      </c>
      <c r="G39387" s="8">
        <v>346973000</v>
      </c>
      <c r="H39387" s="8">
        <v>346973000</v>
      </c>
      <c r="I39387" s="8">
        <v>23247191</v>
      </c>
      <c r="J39387" s="8">
        <v>323725809</v>
      </c>
      <c r="K39387" s="9"/>
      <c r="L39387" s="6"/>
    </row>
    <row r="39388" spans="1:12">
      <c r="A39388" s="6" t="s">
        <v>38444</v>
      </c>
      <c r="B39388" s="6" t="s">
        <v>38444</v>
      </c>
      <c r="C39388" s="6" t="s">
        <v>32230</v>
      </c>
      <c r="D39388" s="6" t="s">
        <v>38445</v>
      </c>
      <c r="E39388" s="6" t="s">
        <v>9</v>
      </c>
      <c r="F39388" s="7">
        <v>41564</v>
      </c>
      <c r="G39388" s="8">
        <v>7485450</v>
      </c>
      <c r="H39388" s="8">
        <v>4551155</v>
      </c>
      <c r="I39388" s="8">
        <v>3353480</v>
      </c>
      <c r="J39388" s="8">
        <v>4131970</v>
      </c>
      <c r="K39388" s="9"/>
      <c r="L39388" s="6"/>
    </row>
    <row r="39389" spans="1:12">
      <c r="A39389" s="6" t="s">
        <v>38444</v>
      </c>
      <c r="B39389" s="6" t="s">
        <v>38444</v>
      </c>
      <c r="C39389" s="6" t="s">
        <v>32230</v>
      </c>
      <c r="D39389" s="6" t="s">
        <v>38445</v>
      </c>
      <c r="E39389" s="6" t="s">
        <v>9</v>
      </c>
      <c r="F39389" s="7">
        <v>36220</v>
      </c>
      <c r="G39389" s="8">
        <v>1446900000</v>
      </c>
      <c r="H39389" s="8">
        <v>587441400</v>
      </c>
      <c r="I39389" s="8">
        <v>898524900</v>
      </c>
      <c r="J39389" s="8">
        <v>548375100</v>
      </c>
      <c r="K39389" s="9">
        <v>3397.27</v>
      </c>
      <c r="L39389" s="6"/>
    </row>
    <row r="39390" spans="1:12">
      <c r="A39390" s="6" t="s">
        <v>38444</v>
      </c>
      <c r="B39390" s="6" t="s">
        <v>38444</v>
      </c>
      <c r="C39390" s="6" t="s">
        <v>32230</v>
      </c>
      <c r="D39390" s="6" t="s">
        <v>38445</v>
      </c>
      <c r="E39390" s="6" t="s">
        <v>9</v>
      </c>
      <c r="F39390" s="7">
        <v>43553</v>
      </c>
      <c r="G39390" s="8">
        <v>915840</v>
      </c>
      <c r="H39390" s="8">
        <v>793118</v>
      </c>
      <c r="I39390" s="8">
        <v>184083</v>
      </c>
      <c r="J39390" s="8">
        <v>731757</v>
      </c>
      <c r="K39390" s="9"/>
      <c r="L39390" s="6"/>
    </row>
    <row r="39391" spans="1:12">
      <c r="A39391" s="6" t="s">
        <v>30257</v>
      </c>
      <c r="B39391" s="6" t="s">
        <v>38446</v>
      </c>
      <c r="C39391" s="6" t="s">
        <v>32230</v>
      </c>
      <c r="D39391" s="6" t="s">
        <v>38447</v>
      </c>
      <c r="E39391" s="6" t="s">
        <v>9</v>
      </c>
      <c r="F39391" s="7">
        <v>32417</v>
      </c>
      <c r="G39391" s="8">
        <v>10773000</v>
      </c>
      <c r="H39391" s="8">
        <v>1</v>
      </c>
      <c r="I39391" s="8">
        <v>10772999</v>
      </c>
      <c r="J39391" s="8">
        <v>1</v>
      </c>
      <c r="K39391" s="9">
        <v>113.4</v>
      </c>
      <c r="L39391" s="6"/>
    </row>
    <row r="39392" spans="1:12">
      <c r="A39392" s="6" t="s">
        <v>30276</v>
      </c>
      <c r="B39392" s="6" t="s">
        <v>38448</v>
      </c>
      <c r="C39392" s="6" t="s">
        <v>32230</v>
      </c>
      <c r="D39392" s="6" t="s">
        <v>38449</v>
      </c>
      <c r="E39392" s="6" t="s">
        <v>9</v>
      </c>
      <c r="F39392" s="7">
        <v>43190</v>
      </c>
      <c r="G39392" s="8">
        <v>184680</v>
      </c>
      <c r="H39392" s="8">
        <v>129276</v>
      </c>
      <c r="I39392" s="8">
        <v>73872</v>
      </c>
      <c r="J39392" s="8">
        <v>110808</v>
      </c>
      <c r="K39392" s="9"/>
      <c r="L39392" s="6"/>
    </row>
    <row r="39393" spans="1:12">
      <c r="A39393" s="6" t="s">
        <v>30276</v>
      </c>
      <c r="B39393" s="6" t="s">
        <v>38448</v>
      </c>
      <c r="C39393" s="6" t="s">
        <v>32230</v>
      </c>
      <c r="D39393" s="6" t="s">
        <v>38449</v>
      </c>
      <c r="E39393" s="6" t="s">
        <v>9</v>
      </c>
      <c r="F39393" s="7">
        <v>35152</v>
      </c>
      <c r="G39393" s="8">
        <v>279348000</v>
      </c>
      <c r="H39393" s="8">
        <v>139674000</v>
      </c>
      <c r="I39393" s="8">
        <v>145260960</v>
      </c>
      <c r="J39393" s="8">
        <v>134087040</v>
      </c>
      <c r="K39393" s="9">
        <v>1045.43</v>
      </c>
      <c r="L39393" s="6"/>
    </row>
    <row r="39394" spans="1:12">
      <c r="A39394" s="6" t="s">
        <v>30276</v>
      </c>
      <c r="B39394" s="6" t="s">
        <v>38448</v>
      </c>
      <c r="C39394" s="6" t="s">
        <v>32230</v>
      </c>
      <c r="D39394" s="6" t="s">
        <v>38449</v>
      </c>
      <c r="E39394" s="6" t="s">
        <v>9</v>
      </c>
      <c r="F39394" s="7">
        <v>42394</v>
      </c>
      <c r="G39394" s="8">
        <v>226800</v>
      </c>
      <c r="H39394" s="8">
        <v>150825</v>
      </c>
      <c r="I39394" s="8">
        <v>91170</v>
      </c>
      <c r="J39394" s="8">
        <v>135630</v>
      </c>
      <c r="K39394" s="9"/>
      <c r="L39394" s="6"/>
    </row>
    <row r="39395" spans="1:12">
      <c r="A39395" s="6" t="s">
        <v>30276</v>
      </c>
      <c r="B39395" s="6" t="s">
        <v>38448</v>
      </c>
      <c r="C39395" s="6" t="s">
        <v>32230</v>
      </c>
      <c r="D39395" s="6" t="s">
        <v>38449</v>
      </c>
      <c r="E39395" s="6" t="s">
        <v>9</v>
      </c>
      <c r="F39395" s="7">
        <v>43516</v>
      </c>
      <c r="G39395" s="8">
        <v>270000</v>
      </c>
      <c r="H39395" s="8">
        <v>233820</v>
      </c>
      <c r="I39395" s="8">
        <v>54270</v>
      </c>
      <c r="J39395" s="8">
        <v>215730</v>
      </c>
      <c r="K39395" s="9"/>
      <c r="L39395" s="6"/>
    </row>
    <row r="39396" spans="1:12">
      <c r="A39396" s="6" t="s">
        <v>30276</v>
      </c>
      <c r="B39396" s="6" t="s">
        <v>38448</v>
      </c>
      <c r="C39396" s="6" t="s">
        <v>32230</v>
      </c>
      <c r="D39396" s="6" t="s">
        <v>38449</v>
      </c>
      <c r="E39396" s="6" t="s">
        <v>9</v>
      </c>
      <c r="F39396" s="7">
        <v>43555</v>
      </c>
      <c r="G39396" s="8">
        <v>3024000</v>
      </c>
      <c r="H39396" s="8">
        <v>2618784</v>
      </c>
      <c r="I39396" s="8">
        <v>607824</v>
      </c>
      <c r="J39396" s="8">
        <v>2416176</v>
      </c>
      <c r="K39396" s="9"/>
      <c r="L39396" s="6"/>
    </row>
    <row r="39397" spans="1:12">
      <c r="A39397" s="6" t="s">
        <v>30276</v>
      </c>
      <c r="B39397" s="6" t="s">
        <v>38448</v>
      </c>
      <c r="C39397" s="6" t="s">
        <v>32230</v>
      </c>
      <c r="D39397" s="6" t="s">
        <v>38449</v>
      </c>
      <c r="E39397" s="6" t="s">
        <v>9</v>
      </c>
      <c r="F39397" s="7">
        <v>42571</v>
      </c>
      <c r="G39397" s="8">
        <v>5940000</v>
      </c>
      <c r="H39397" s="8">
        <v>4348080</v>
      </c>
      <c r="I39397" s="8">
        <v>1989900</v>
      </c>
      <c r="J39397" s="8">
        <v>3950100</v>
      </c>
      <c r="K39397" s="9"/>
      <c r="L39397" s="6"/>
    </row>
    <row r="39398" spans="1:12">
      <c r="A39398" s="6" t="s">
        <v>30276</v>
      </c>
      <c r="B39398" s="6" t="s">
        <v>38448</v>
      </c>
      <c r="C39398" s="6" t="s">
        <v>32230</v>
      </c>
      <c r="D39398" s="6" t="s">
        <v>38449</v>
      </c>
      <c r="E39398" s="6" t="s">
        <v>9</v>
      </c>
      <c r="F39398" s="7">
        <v>42713</v>
      </c>
      <c r="G39398" s="8">
        <v>12582000</v>
      </c>
      <c r="H39398" s="8">
        <v>9210024</v>
      </c>
      <c r="I39398" s="8">
        <v>4214970</v>
      </c>
      <c r="J39398" s="8">
        <v>8367030</v>
      </c>
      <c r="K39398" s="9"/>
      <c r="L39398" s="6"/>
    </row>
    <row r="39399" spans="1:12">
      <c r="A39399" s="6" t="s">
        <v>30276</v>
      </c>
      <c r="B39399" s="6" t="s">
        <v>38448</v>
      </c>
      <c r="C39399" s="6" t="s">
        <v>32230</v>
      </c>
      <c r="D39399" s="6" t="s">
        <v>38449</v>
      </c>
      <c r="E39399" s="6" t="s">
        <v>9</v>
      </c>
      <c r="F39399" s="7">
        <v>43096</v>
      </c>
      <c r="G39399" s="8">
        <v>12474000</v>
      </c>
      <c r="H39399" s="8">
        <v>9966726</v>
      </c>
      <c r="I39399" s="8">
        <v>3343032</v>
      </c>
      <c r="J39399" s="8">
        <v>9130968</v>
      </c>
      <c r="K39399" s="9"/>
      <c r="L39399" s="6"/>
    </row>
    <row r="39400" spans="1:12">
      <c r="A39400" s="6" t="s">
        <v>30300</v>
      </c>
      <c r="B39400" s="6" t="s">
        <v>38450</v>
      </c>
      <c r="C39400" s="6" t="s">
        <v>32230</v>
      </c>
      <c r="D39400" s="6" t="s">
        <v>38451</v>
      </c>
      <c r="E39400" s="6" t="s">
        <v>25121</v>
      </c>
      <c r="F39400" s="7">
        <v>39783</v>
      </c>
      <c r="G39400" s="8">
        <v>649700000</v>
      </c>
      <c r="H39400" s="8">
        <v>439197200</v>
      </c>
      <c r="I39400" s="8">
        <v>228044700</v>
      </c>
      <c r="J39400" s="8">
        <v>421655300</v>
      </c>
      <c r="K39400" s="9">
        <v>2396.42</v>
      </c>
      <c r="L39400" s="6"/>
    </row>
    <row r="39401" spans="1:12">
      <c r="A39401" s="6" t="s">
        <v>30300</v>
      </c>
      <c r="B39401" s="6"/>
      <c r="C39401" s="6" t="s">
        <v>32230</v>
      </c>
      <c r="D39401" s="6"/>
      <c r="E39401" s="6"/>
      <c r="F39401" s="7">
        <v>39779</v>
      </c>
      <c r="G39401" s="8">
        <v>83790000</v>
      </c>
      <c r="H39401" s="8">
        <v>27483120</v>
      </c>
      <c r="I39401" s="8">
        <v>60999120</v>
      </c>
      <c r="J39401" s="8">
        <v>22790880</v>
      </c>
      <c r="K39401" s="9"/>
      <c r="L39401" s="6"/>
    </row>
    <row r="39402" spans="1:12">
      <c r="A39402" s="6" t="s">
        <v>30300</v>
      </c>
      <c r="B39402" s="6"/>
      <c r="C39402" s="6" t="s">
        <v>32230</v>
      </c>
      <c r="D39402" s="6"/>
      <c r="E39402" s="6"/>
      <c r="F39402" s="7">
        <v>39779</v>
      </c>
      <c r="G39402" s="8">
        <v>59850000</v>
      </c>
      <c r="H39402" s="8">
        <v>11730600</v>
      </c>
      <c r="I39402" s="8">
        <v>52129350</v>
      </c>
      <c r="J39402" s="8">
        <v>7720650</v>
      </c>
      <c r="K39402" s="9"/>
      <c r="L39402" s="6"/>
    </row>
    <row r="39403" spans="1:12">
      <c r="A39403" s="6" t="s">
        <v>30300</v>
      </c>
      <c r="B39403" s="6"/>
      <c r="C39403" s="6" t="s">
        <v>32230</v>
      </c>
      <c r="D39403" s="6"/>
      <c r="E39403" s="6"/>
      <c r="F39403" s="7">
        <v>39785</v>
      </c>
      <c r="G39403" s="8">
        <v>5334000</v>
      </c>
      <c r="H39403" s="8">
        <v>1</v>
      </c>
      <c r="I39403" s="8">
        <v>5333999</v>
      </c>
      <c r="J39403" s="8">
        <v>1</v>
      </c>
      <c r="K39403" s="9"/>
      <c r="L39403" s="6"/>
    </row>
    <row r="39404" spans="1:12">
      <c r="A39404" s="6" t="s">
        <v>30300</v>
      </c>
      <c r="B39404" s="6"/>
      <c r="C39404" s="6" t="s">
        <v>32230</v>
      </c>
      <c r="D39404" s="6"/>
      <c r="E39404" s="6"/>
      <c r="F39404" s="7">
        <v>39790</v>
      </c>
      <c r="G39404" s="8">
        <v>690900</v>
      </c>
      <c r="H39404" s="8">
        <v>1</v>
      </c>
      <c r="I39404" s="8">
        <v>690899</v>
      </c>
      <c r="J39404" s="8">
        <v>1</v>
      </c>
      <c r="K39404" s="9"/>
      <c r="L39404" s="6"/>
    </row>
    <row r="39405" spans="1:12">
      <c r="A39405" s="6" t="s">
        <v>30300</v>
      </c>
      <c r="B39405" s="6" t="s">
        <v>38452</v>
      </c>
      <c r="C39405" s="6" t="s">
        <v>32230</v>
      </c>
      <c r="D39405" s="6" t="s">
        <v>38451</v>
      </c>
      <c r="E39405" s="6" t="s">
        <v>25121</v>
      </c>
      <c r="F39405" s="7">
        <v>39783</v>
      </c>
      <c r="G39405" s="8">
        <v>25460000</v>
      </c>
      <c r="H39405" s="8">
        <v>15377840</v>
      </c>
      <c r="I39405" s="8">
        <v>10922340</v>
      </c>
      <c r="J39405" s="8">
        <v>14537660</v>
      </c>
      <c r="K39405" s="9">
        <v>279</v>
      </c>
      <c r="L39405" s="6"/>
    </row>
    <row r="39406" spans="1:12">
      <c r="A39406" s="6" t="s">
        <v>30332</v>
      </c>
      <c r="B39406" s="6" t="s">
        <v>38453</v>
      </c>
      <c r="C39406" s="6" t="s">
        <v>32230</v>
      </c>
      <c r="D39406" s="6" t="s">
        <v>38454</v>
      </c>
      <c r="E39406" s="6" t="s">
        <v>9</v>
      </c>
      <c r="F39406" s="7">
        <v>39423</v>
      </c>
      <c r="G39406" s="8">
        <v>11844000</v>
      </c>
      <c r="H39406" s="8">
        <v>7686756</v>
      </c>
      <c r="I39406" s="8">
        <v>4477032</v>
      </c>
      <c r="J39406" s="8">
        <v>7366968</v>
      </c>
      <c r="K39406" s="9">
        <v>16</v>
      </c>
      <c r="L39406" s="6"/>
    </row>
    <row r="39407" spans="1:12">
      <c r="A39407" s="6" t="s">
        <v>30340</v>
      </c>
      <c r="B39407" s="6" t="s">
        <v>38455</v>
      </c>
      <c r="C39407" s="6" t="s">
        <v>32230</v>
      </c>
      <c r="D39407" s="6" t="s">
        <v>38456</v>
      </c>
      <c r="E39407" s="6" t="s">
        <v>9</v>
      </c>
      <c r="F39407" s="7">
        <v>43789</v>
      </c>
      <c r="G39407" s="8">
        <v>1386000</v>
      </c>
      <c r="H39407" s="8">
        <v>1247400</v>
      </c>
      <c r="I39407" s="8">
        <v>277200</v>
      </c>
      <c r="J39407" s="8">
        <v>1108800</v>
      </c>
      <c r="K39407" s="9"/>
      <c r="L39407" s="6"/>
    </row>
    <row r="39408" spans="1:12">
      <c r="A39408" s="6" t="s">
        <v>30340</v>
      </c>
      <c r="B39408" s="6" t="s">
        <v>38455</v>
      </c>
      <c r="C39408" s="6" t="s">
        <v>32230</v>
      </c>
      <c r="D39408" s="6" t="s">
        <v>38456</v>
      </c>
      <c r="E39408" s="6" t="s">
        <v>9</v>
      </c>
      <c r="F39408" s="7">
        <v>42460</v>
      </c>
      <c r="G39408" s="8">
        <v>612360</v>
      </c>
      <c r="H39408" s="8">
        <v>306180</v>
      </c>
      <c r="I39408" s="8">
        <v>367416</v>
      </c>
      <c r="J39408" s="8">
        <v>244944</v>
      </c>
      <c r="K39408" s="9"/>
      <c r="L39408" s="6"/>
    </row>
    <row r="39409" spans="1:12">
      <c r="A39409" s="6" t="s">
        <v>30340</v>
      </c>
      <c r="B39409" s="6" t="s">
        <v>38455</v>
      </c>
      <c r="C39409" s="6" t="s">
        <v>32230</v>
      </c>
      <c r="D39409" s="6" t="s">
        <v>38456</v>
      </c>
      <c r="E39409" s="6" t="s">
        <v>9</v>
      </c>
      <c r="F39409" s="7">
        <v>42328</v>
      </c>
      <c r="G39409" s="8">
        <v>5670000</v>
      </c>
      <c r="H39409" s="8">
        <v>3770550</v>
      </c>
      <c r="I39409" s="8">
        <v>2279340</v>
      </c>
      <c r="J39409" s="8">
        <v>3390660</v>
      </c>
      <c r="K39409" s="9"/>
      <c r="L39409" s="6"/>
    </row>
    <row r="39410" spans="1:12">
      <c r="A39410" s="6" t="s">
        <v>30340</v>
      </c>
      <c r="B39410" s="6" t="s">
        <v>38455</v>
      </c>
      <c r="C39410" s="6" t="s">
        <v>32230</v>
      </c>
      <c r="D39410" s="6" t="s">
        <v>38456</v>
      </c>
      <c r="E39410" s="6" t="s">
        <v>9</v>
      </c>
      <c r="F39410" s="7">
        <v>42704</v>
      </c>
      <c r="G39410" s="8">
        <v>6847200</v>
      </c>
      <c r="H39410" s="8">
        <v>4738264</v>
      </c>
      <c r="I39410" s="8">
        <v>2636170</v>
      </c>
      <c r="J39410" s="8">
        <v>4211030</v>
      </c>
      <c r="K39410" s="9"/>
      <c r="L39410" s="6"/>
    </row>
    <row r="39411" spans="1:12">
      <c r="A39411" s="6" t="s">
        <v>30340</v>
      </c>
      <c r="B39411" s="6" t="s">
        <v>38455</v>
      </c>
      <c r="C39411" s="6" t="s">
        <v>32230</v>
      </c>
      <c r="D39411" s="6" t="s">
        <v>38456</v>
      </c>
      <c r="E39411" s="6" t="s">
        <v>9</v>
      </c>
      <c r="F39411" s="7">
        <v>44286</v>
      </c>
      <c r="G39411" s="8">
        <v>48506700</v>
      </c>
      <c r="H39411" s="8">
        <v>48506700</v>
      </c>
      <c r="I39411" s="8">
        <v>2231308</v>
      </c>
      <c r="J39411" s="8">
        <v>46275392</v>
      </c>
      <c r="K39411" s="9"/>
      <c r="L39411" s="6"/>
    </row>
    <row r="39412" spans="1:12">
      <c r="A39412" s="6" t="s">
        <v>30340</v>
      </c>
      <c r="B39412" s="6" t="s">
        <v>38455</v>
      </c>
      <c r="C39412" s="6" t="s">
        <v>32230</v>
      </c>
      <c r="D39412" s="6" t="s">
        <v>38456</v>
      </c>
      <c r="E39412" s="6" t="s">
        <v>9</v>
      </c>
      <c r="F39412" s="7">
        <v>36586</v>
      </c>
      <c r="G39412" s="8">
        <v>168336000</v>
      </c>
      <c r="H39412" s="8">
        <v>5723424</v>
      </c>
      <c r="I39412" s="8">
        <v>168335999</v>
      </c>
      <c r="J39412" s="8">
        <v>1</v>
      </c>
      <c r="K39412" s="9">
        <v>1870.4</v>
      </c>
      <c r="L39412" s="6"/>
    </row>
    <row r="39413" spans="1:12">
      <c r="A39413" s="6" t="s">
        <v>30340</v>
      </c>
      <c r="B39413" s="6" t="s">
        <v>38455</v>
      </c>
      <c r="C39413" s="6" t="s">
        <v>32230</v>
      </c>
      <c r="D39413" s="6" t="s">
        <v>38456</v>
      </c>
      <c r="E39413" s="6" t="s">
        <v>9</v>
      </c>
      <c r="F39413" s="7">
        <v>43461</v>
      </c>
      <c r="G39413" s="8">
        <v>7387200</v>
      </c>
      <c r="H39413" s="8">
        <v>6397316</v>
      </c>
      <c r="I39413" s="8">
        <v>1484826</v>
      </c>
      <c r="J39413" s="8">
        <v>5902374</v>
      </c>
      <c r="K39413" s="9"/>
      <c r="L39413" s="6"/>
    </row>
    <row r="39414" spans="1:12">
      <c r="A39414" s="6" t="s">
        <v>30340</v>
      </c>
      <c r="B39414" s="6" t="s">
        <v>38457</v>
      </c>
      <c r="C39414" s="6" t="s">
        <v>32230</v>
      </c>
      <c r="D39414" s="6" t="s">
        <v>38456</v>
      </c>
      <c r="E39414" s="6" t="s">
        <v>9</v>
      </c>
      <c r="F39414" s="7">
        <v>36586</v>
      </c>
      <c r="G39414" s="8">
        <v>639800</v>
      </c>
      <c r="H39414" s="8">
        <v>236726</v>
      </c>
      <c r="I39414" s="8">
        <v>422268</v>
      </c>
      <c r="J39414" s="8">
        <v>217532</v>
      </c>
      <c r="K39414" s="9">
        <v>9.14</v>
      </c>
      <c r="L39414" s="6"/>
    </row>
    <row r="39415" spans="1:12">
      <c r="A39415" s="6" t="s">
        <v>30340</v>
      </c>
      <c r="B39415" s="6" t="s">
        <v>38458</v>
      </c>
      <c r="C39415" s="6" t="s">
        <v>32230</v>
      </c>
      <c r="D39415" s="6" t="s">
        <v>38456</v>
      </c>
      <c r="E39415" s="6" t="s">
        <v>9</v>
      </c>
      <c r="F39415" s="7">
        <v>39819</v>
      </c>
      <c r="G39415" s="8">
        <v>8925000</v>
      </c>
      <c r="H39415" s="8">
        <v>1749300</v>
      </c>
      <c r="I39415" s="8">
        <v>7773675</v>
      </c>
      <c r="J39415" s="8">
        <v>1151325</v>
      </c>
      <c r="K39415" s="9"/>
      <c r="L39415" s="6"/>
    </row>
    <row r="39416" spans="1:12">
      <c r="A39416" s="6" t="s">
        <v>30340</v>
      </c>
      <c r="B39416" s="6" t="s">
        <v>38458</v>
      </c>
      <c r="C39416" s="6" t="s">
        <v>32230</v>
      </c>
      <c r="D39416" s="6" t="s">
        <v>38456</v>
      </c>
      <c r="E39416" s="6" t="s">
        <v>9</v>
      </c>
      <c r="F39416" s="7">
        <v>39783</v>
      </c>
      <c r="G39416" s="8">
        <v>13661100</v>
      </c>
      <c r="H39416" s="8">
        <v>6120180</v>
      </c>
      <c r="I39416" s="8">
        <v>8169330</v>
      </c>
      <c r="J39416" s="8">
        <v>5491770</v>
      </c>
      <c r="K39416" s="9">
        <v>151.79</v>
      </c>
      <c r="L39416" s="6"/>
    </row>
    <row r="39417" spans="1:12">
      <c r="A39417" s="6" t="s">
        <v>30340</v>
      </c>
      <c r="B39417" s="6" t="s">
        <v>38459</v>
      </c>
      <c r="C39417" s="6" t="s">
        <v>32230</v>
      </c>
      <c r="D39417" s="6" t="s">
        <v>38456</v>
      </c>
      <c r="E39417" s="6" t="s">
        <v>9</v>
      </c>
      <c r="F39417" s="7">
        <v>36586</v>
      </c>
      <c r="G39417" s="8">
        <v>2187000</v>
      </c>
      <c r="H39417" s="8">
        <v>1</v>
      </c>
      <c r="I39417" s="8">
        <v>2186999</v>
      </c>
      <c r="J39417" s="8">
        <v>1</v>
      </c>
      <c r="K39417" s="9">
        <v>36.450000000000003</v>
      </c>
      <c r="L39417" s="6"/>
    </row>
    <row r="39418" spans="1:12">
      <c r="A39418" s="6" t="s">
        <v>30340</v>
      </c>
      <c r="B39418" s="6" t="s">
        <v>38460</v>
      </c>
      <c r="C39418" s="6" t="s">
        <v>32230</v>
      </c>
      <c r="D39418" s="6" t="s">
        <v>38456</v>
      </c>
      <c r="E39418" s="6" t="s">
        <v>9</v>
      </c>
      <c r="F39418" s="7">
        <v>36586</v>
      </c>
      <c r="G39418" s="8">
        <v>828100</v>
      </c>
      <c r="H39418" s="8">
        <v>306397</v>
      </c>
      <c r="I39418" s="8">
        <v>546546</v>
      </c>
      <c r="J39418" s="8">
        <v>281554</v>
      </c>
      <c r="K39418" s="9">
        <v>11.83</v>
      </c>
      <c r="L39418" s="6"/>
    </row>
    <row r="39419" spans="1:12">
      <c r="A39419" s="6" t="s">
        <v>30359</v>
      </c>
      <c r="B39419" s="6" t="s">
        <v>38461</v>
      </c>
      <c r="C39419" s="6" t="s">
        <v>32230</v>
      </c>
      <c r="D39419" s="6" t="s">
        <v>38462</v>
      </c>
      <c r="E39419" s="6" t="s">
        <v>18740</v>
      </c>
      <c r="F39419" s="7">
        <v>38408</v>
      </c>
      <c r="G39419" s="8">
        <v>15576300</v>
      </c>
      <c r="H39419" s="8">
        <v>4112156</v>
      </c>
      <c r="I39419" s="8">
        <v>12180653</v>
      </c>
      <c r="J39419" s="8">
        <v>3395647</v>
      </c>
      <c r="K39419" s="9">
        <v>173.07</v>
      </c>
      <c r="L39419" s="6"/>
    </row>
    <row r="39420" spans="1:12">
      <c r="A39420" s="6" t="s">
        <v>30367</v>
      </c>
      <c r="B39420" s="6" t="s">
        <v>30367</v>
      </c>
      <c r="C39420" s="6" t="s">
        <v>32230</v>
      </c>
      <c r="D39420" s="6" t="s">
        <v>38463</v>
      </c>
      <c r="E39420" s="6" t="s">
        <v>18740</v>
      </c>
      <c r="F39420" s="7">
        <v>34838</v>
      </c>
      <c r="G39420" s="8">
        <v>25290000</v>
      </c>
      <c r="H39420" s="8">
        <v>1</v>
      </c>
      <c r="I39420" s="8">
        <v>25289999</v>
      </c>
      <c r="J39420" s="8">
        <v>1</v>
      </c>
      <c r="K39420" s="9">
        <v>281</v>
      </c>
      <c r="L39420" s="6"/>
    </row>
    <row r="39421" spans="1:12">
      <c r="A39421" s="6" t="s">
        <v>30384</v>
      </c>
      <c r="B39421" s="6" t="s">
        <v>38464</v>
      </c>
      <c r="C39421" s="6" t="s">
        <v>32230</v>
      </c>
      <c r="D39421" s="6" t="s">
        <v>38465</v>
      </c>
      <c r="E39421" s="6" t="s">
        <v>9</v>
      </c>
      <c r="F39421" s="7">
        <v>38443</v>
      </c>
      <c r="G39421" s="8">
        <v>1200000</v>
      </c>
      <c r="H39421" s="8">
        <v>606000</v>
      </c>
      <c r="I39421" s="8">
        <v>633600</v>
      </c>
      <c r="J39421" s="8">
        <v>566400</v>
      </c>
      <c r="K39421" s="9">
        <v>20</v>
      </c>
      <c r="L39421" s="6"/>
    </row>
    <row r="39422" spans="1:12">
      <c r="A39422" s="6" t="s">
        <v>30397</v>
      </c>
      <c r="B39422" s="6" t="s">
        <v>30397</v>
      </c>
      <c r="C39422" s="6" t="s">
        <v>32230</v>
      </c>
      <c r="D39422" s="6" t="s">
        <v>38466</v>
      </c>
      <c r="E39422" s="6" t="s">
        <v>18740</v>
      </c>
      <c r="F39422" s="7">
        <v>34842</v>
      </c>
      <c r="G39422" s="8">
        <v>24660000</v>
      </c>
      <c r="H39422" s="8">
        <v>1</v>
      </c>
      <c r="I39422" s="8">
        <v>24659999</v>
      </c>
      <c r="J39422" s="8">
        <v>1</v>
      </c>
      <c r="K39422" s="9">
        <v>274</v>
      </c>
      <c r="L39422" s="6"/>
    </row>
    <row r="39423" spans="1:12">
      <c r="A39423" s="6" t="s">
        <v>30529</v>
      </c>
      <c r="B39423" s="6" t="s">
        <v>30529</v>
      </c>
      <c r="C39423" s="6" t="s">
        <v>32230</v>
      </c>
      <c r="D39423" s="6" t="s">
        <v>38467</v>
      </c>
      <c r="E39423" s="6" t="s">
        <v>9</v>
      </c>
      <c r="F39423" s="7">
        <v>34759</v>
      </c>
      <c r="G39423" s="8">
        <v>69215400</v>
      </c>
      <c r="H39423" s="8">
        <v>1</v>
      </c>
      <c r="I39423" s="8">
        <v>69215399</v>
      </c>
      <c r="J39423" s="8">
        <v>1</v>
      </c>
      <c r="K39423" s="9">
        <v>769.06</v>
      </c>
      <c r="L39423" s="6"/>
    </row>
    <row r="39424" spans="1:12">
      <c r="A39424" s="6" t="s">
        <v>30529</v>
      </c>
      <c r="B39424" s="6" t="s">
        <v>30529</v>
      </c>
      <c r="C39424" s="6" t="s">
        <v>32230</v>
      </c>
      <c r="D39424" s="6" t="s">
        <v>38467</v>
      </c>
      <c r="E39424" s="6" t="s">
        <v>9</v>
      </c>
      <c r="F39424" s="7">
        <v>43921</v>
      </c>
      <c r="G39424" s="8">
        <v>9130000</v>
      </c>
      <c r="H39424" s="8">
        <v>8710020</v>
      </c>
      <c r="I39424" s="8">
        <v>839960</v>
      </c>
      <c r="J39424" s="8">
        <v>8290040</v>
      </c>
      <c r="K39424" s="9"/>
      <c r="L39424" s="6"/>
    </row>
    <row r="39425" spans="1:12">
      <c r="A39425" s="6" t="s">
        <v>30529</v>
      </c>
      <c r="B39425" s="6" t="s">
        <v>30529</v>
      </c>
      <c r="C39425" s="6" t="s">
        <v>32230</v>
      </c>
      <c r="D39425" s="6" t="s">
        <v>38467</v>
      </c>
      <c r="E39425" s="6" t="s">
        <v>9</v>
      </c>
      <c r="F39425" s="7">
        <v>43824</v>
      </c>
      <c r="G39425" s="8">
        <v>979000</v>
      </c>
      <c r="H39425" s="8">
        <v>913407</v>
      </c>
      <c r="I39425" s="8">
        <v>131186</v>
      </c>
      <c r="J39425" s="8">
        <v>847814</v>
      </c>
      <c r="K39425" s="9"/>
      <c r="L39425" s="6"/>
    </row>
    <row r="39426" spans="1:12">
      <c r="A39426" s="6" t="s">
        <v>30529</v>
      </c>
      <c r="B39426" s="6" t="s">
        <v>38468</v>
      </c>
      <c r="C39426" s="6" t="s">
        <v>32230</v>
      </c>
      <c r="D39426" s="6" t="s">
        <v>38467</v>
      </c>
      <c r="E39426" s="6" t="s">
        <v>9</v>
      </c>
      <c r="F39426" s="7">
        <v>34759</v>
      </c>
      <c r="G39426" s="8">
        <v>583200</v>
      </c>
      <c r="H39426" s="8">
        <v>82830</v>
      </c>
      <c r="I39426" s="8">
        <v>519615</v>
      </c>
      <c r="J39426" s="8">
        <v>63585</v>
      </c>
      <c r="K39426" s="9">
        <v>9.7200000000000006</v>
      </c>
      <c r="L39426" s="6"/>
    </row>
    <row r="39427" spans="1:12">
      <c r="A39427" s="6" t="s">
        <v>30529</v>
      </c>
      <c r="B39427" s="6" t="s">
        <v>38469</v>
      </c>
      <c r="C39427" s="6" t="s">
        <v>32230</v>
      </c>
      <c r="D39427" s="6" t="s">
        <v>38467</v>
      </c>
      <c r="E39427" s="6" t="s">
        <v>9</v>
      </c>
      <c r="F39427" s="7">
        <v>34759</v>
      </c>
      <c r="G39427" s="8">
        <v>154000</v>
      </c>
      <c r="H39427" s="8">
        <v>33880</v>
      </c>
      <c r="I39427" s="8">
        <v>124740</v>
      </c>
      <c r="J39427" s="8">
        <v>29260</v>
      </c>
      <c r="K39427" s="9">
        <v>2.2000000000000002</v>
      </c>
      <c r="L39427" s="6"/>
    </row>
    <row r="39428" spans="1:12">
      <c r="A39428" s="6" t="s">
        <v>30570</v>
      </c>
      <c r="B39428" s="6" t="s">
        <v>38470</v>
      </c>
      <c r="C39428" s="6" t="s">
        <v>32230</v>
      </c>
      <c r="D39428" s="6" t="s">
        <v>38471</v>
      </c>
      <c r="E39428" s="6" t="s">
        <v>9</v>
      </c>
      <c r="F39428" s="7">
        <v>31686</v>
      </c>
      <c r="G39428" s="8">
        <v>28800000</v>
      </c>
      <c r="H39428" s="8">
        <v>1</v>
      </c>
      <c r="I39428" s="8">
        <v>28799999</v>
      </c>
      <c r="J39428" s="8">
        <v>1</v>
      </c>
      <c r="K39428" s="9">
        <v>480</v>
      </c>
      <c r="L39428" s="6"/>
    </row>
    <row r="39429" spans="1:12">
      <c r="A39429" s="6" t="s">
        <v>30570</v>
      </c>
      <c r="B39429" s="6" t="s">
        <v>38472</v>
      </c>
      <c r="C39429" s="6" t="s">
        <v>32230</v>
      </c>
      <c r="D39429" s="6" t="s">
        <v>38471</v>
      </c>
      <c r="E39429" s="6" t="s">
        <v>9</v>
      </c>
      <c r="F39429" s="7">
        <v>35521</v>
      </c>
      <c r="G39429" s="8">
        <v>1904500</v>
      </c>
      <c r="H39429" s="8">
        <v>721817</v>
      </c>
      <c r="I39429" s="8">
        <v>1234104</v>
      </c>
      <c r="J39429" s="8">
        <v>670396</v>
      </c>
      <c r="K39429" s="9">
        <v>14.65</v>
      </c>
      <c r="L39429" s="6"/>
    </row>
    <row r="39430" spans="1:12">
      <c r="A39430" s="6" t="s">
        <v>30570</v>
      </c>
      <c r="B39430" s="6" t="s">
        <v>38473</v>
      </c>
      <c r="C39430" s="6" t="s">
        <v>32230</v>
      </c>
      <c r="D39430" s="6" t="s">
        <v>38471</v>
      </c>
      <c r="E39430" s="6" t="s">
        <v>9</v>
      </c>
      <c r="F39430" s="7">
        <v>35521</v>
      </c>
      <c r="G39430" s="8">
        <v>2332200</v>
      </c>
      <c r="H39430" s="8">
        <v>883913</v>
      </c>
      <c r="I39430" s="8">
        <v>1511256</v>
      </c>
      <c r="J39430" s="8">
        <v>820944</v>
      </c>
      <c r="K39430" s="9">
        <v>17.940000000000001</v>
      </c>
      <c r="L39430" s="6"/>
    </row>
    <row r="39431" spans="1:12">
      <c r="A39431" s="6" t="s">
        <v>30570</v>
      </c>
      <c r="B39431" s="6" t="s">
        <v>38474</v>
      </c>
      <c r="C39431" s="6" t="s">
        <v>32230</v>
      </c>
      <c r="D39431" s="6" t="s">
        <v>38471</v>
      </c>
      <c r="E39431" s="6" t="s">
        <v>9</v>
      </c>
      <c r="F39431" s="7">
        <v>34790</v>
      </c>
      <c r="G39431" s="8">
        <v>9500000</v>
      </c>
      <c r="H39431" s="8">
        <v>1</v>
      </c>
      <c r="I39431" s="8">
        <v>9499999</v>
      </c>
      <c r="J39431" s="8">
        <v>1</v>
      </c>
      <c r="K39431" s="9">
        <v>100</v>
      </c>
      <c r="L39431" s="6"/>
    </row>
    <row r="39432" spans="1:12">
      <c r="A39432" s="6" t="s">
        <v>30570</v>
      </c>
      <c r="B39432" s="6" t="s">
        <v>38475</v>
      </c>
      <c r="C39432" s="6" t="s">
        <v>32230</v>
      </c>
      <c r="D39432" s="6" t="s">
        <v>38471</v>
      </c>
      <c r="E39432" s="6" t="s">
        <v>9</v>
      </c>
      <c r="F39432" s="7">
        <v>35156</v>
      </c>
      <c r="G39432" s="8">
        <v>8064000</v>
      </c>
      <c r="H39432" s="8">
        <v>1677312</v>
      </c>
      <c r="I39432" s="8">
        <v>6652800</v>
      </c>
      <c r="J39432" s="8">
        <v>1411200</v>
      </c>
      <c r="K39432" s="9">
        <v>134.4</v>
      </c>
      <c r="L39432" s="6"/>
    </row>
    <row r="39433" spans="1:12">
      <c r="A39433" s="6" t="s">
        <v>30596</v>
      </c>
      <c r="B39433" s="6" t="s">
        <v>38476</v>
      </c>
      <c r="C39433" s="6" t="s">
        <v>32230</v>
      </c>
      <c r="D39433" s="6" t="s">
        <v>38477</v>
      </c>
      <c r="E39433" s="6" t="s">
        <v>25121</v>
      </c>
      <c r="F39433" s="7">
        <v>35215</v>
      </c>
      <c r="G39433" s="8">
        <v>439200</v>
      </c>
      <c r="H39433" s="8">
        <v>91368</v>
      </c>
      <c r="I39433" s="8">
        <v>362325</v>
      </c>
      <c r="J39433" s="8">
        <v>76875</v>
      </c>
      <c r="K39433" s="9">
        <v>7.32</v>
      </c>
      <c r="L39433" s="6"/>
    </row>
    <row r="39434" spans="1:12">
      <c r="A39434" s="6" t="s">
        <v>30596</v>
      </c>
      <c r="B39434" s="6" t="s">
        <v>38478</v>
      </c>
      <c r="C39434" s="6" t="s">
        <v>32230</v>
      </c>
      <c r="D39434" s="6" t="s">
        <v>38477</v>
      </c>
      <c r="E39434" s="6" t="s">
        <v>25121</v>
      </c>
      <c r="F39434" s="7">
        <v>42824</v>
      </c>
      <c r="G39434" s="8">
        <v>1368435</v>
      </c>
      <c r="H39434" s="8">
        <v>1001695</v>
      </c>
      <c r="I39434" s="8">
        <v>458425</v>
      </c>
      <c r="J39434" s="8">
        <v>910010</v>
      </c>
      <c r="K39434" s="9"/>
      <c r="L39434" s="6"/>
    </row>
    <row r="39435" spans="1:12">
      <c r="A39435" s="6" t="s">
        <v>30596</v>
      </c>
      <c r="B39435" s="6" t="s">
        <v>38478</v>
      </c>
      <c r="C39435" s="6" t="s">
        <v>32230</v>
      </c>
      <c r="D39435" s="6" t="s">
        <v>38477</v>
      </c>
      <c r="E39435" s="6" t="s">
        <v>25121</v>
      </c>
      <c r="F39435" s="7">
        <v>40031</v>
      </c>
      <c r="G39435" s="8">
        <v>3832500</v>
      </c>
      <c r="H39435" s="8">
        <v>1007953</v>
      </c>
      <c r="I39435" s="8">
        <v>3081324</v>
      </c>
      <c r="J39435" s="8">
        <v>751176</v>
      </c>
      <c r="K39435" s="9"/>
      <c r="L39435" s="6"/>
    </row>
    <row r="39436" spans="1:12">
      <c r="A39436" s="6" t="s">
        <v>30596</v>
      </c>
      <c r="B39436" s="6" t="s">
        <v>38478</v>
      </c>
      <c r="C39436" s="6" t="s">
        <v>32230</v>
      </c>
      <c r="D39436" s="6" t="s">
        <v>38477</v>
      </c>
      <c r="E39436" s="6" t="s">
        <v>25121</v>
      </c>
      <c r="F39436" s="7">
        <v>41152</v>
      </c>
      <c r="G39436" s="8">
        <v>223650</v>
      </c>
      <c r="H39436" s="8">
        <v>103778</v>
      </c>
      <c r="I39436" s="8">
        <v>134856</v>
      </c>
      <c r="J39436" s="8">
        <v>88794</v>
      </c>
      <c r="K39436" s="9"/>
      <c r="L39436" s="6"/>
    </row>
    <row r="39437" spans="1:12">
      <c r="A39437" s="6" t="s">
        <v>30596</v>
      </c>
      <c r="B39437" s="6" t="s">
        <v>38478</v>
      </c>
      <c r="C39437" s="6" t="s">
        <v>32230</v>
      </c>
      <c r="D39437" s="6" t="s">
        <v>38477</v>
      </c>
      <c r="E39437" s="6" t="s">
        <v>25121</v>
      </c>
      <c r="F39437" s="7">
        <v>42824</v>
      </c>
      <c r="G39437" s="8">
        <v>1773217</v>
      </c>
      <c r="H39437" s="8">
        <v>1297997</v>
      </c>
      <c r="I39437" s="8">
        <v>594025</v>
      </c>
      <c r="J39437" s="8">
        <v>1179192</v>
      </c>
      <c r="K39437" s="9"/>
      <c r="L39437" s="6"/>
    </row>
    <row r="39438" spans="1:12">
      <c r="A39438" s="6" t="s">
        <v>30596</v>
      </c>
      <c r="B39438" s="6" t="s">
        <v>38478</v>
      </c>
      <c r="C39438" s="6" t="s">
        <v>32230</v>
      </c>
      <c r="D39438" s="6" t="s">
        <v>38477</v>
      </c>
      <c r="E39438" s="6" t="s">
        <v>25121</v>
      </c>
      <c r="F39438" s="7">
        <v>43555</v>
      </c>
      <c r="G39438" s="8">
        <v>2073600</v>
      </c>
      <c r="H39438" s="8">
        <v>1795738</v>
      </c>
      <c r="I39438" s="8">
        <v>416793</v>
      </c>
      <c r="J39438" s="8">
        <v>1656807</v>
      </c>
      <c r="K39438" s="9"/>
      <c r="L39438" s="6"/>
    </row>
    <row r="39439" spans="1:12">
      <c r="A39439" s="6" t="s">
        <v>30596</v>
      </c>
      <c r="B39439" s="6" t="s">
        <v>38478</v>
      </c>
      <c r="C39439" s="6" t="s">
        <v>32230</v>
      </c>
      <c r="D39439" s="6" t="s">
        <v>38477</v>
      </c>
      <c r="E39439" s="6" t="s">
        <v>25121</v>
      </c>
      <c r="F39439" s="7">
        <v>43651</v>
      </c>
      <c r="G39439" s="8">
        <v>24624000</v>
      </c>
      <c r="H39439" s="8">
        <v>22974192</v>
      </c>
      <c r="I39439" s="8">
        <v>3299616</v>
      </c>
      <c r="J39439" s="8">
        <v>21324384</v>
      </c>
      <c r="K39439" s="9"/>
      <c r="L39439" s="6"/>
    </row>
    <row r="39440" spans="1:12">
      <c r="A39440" s="6" t="s">
        <v>30596</v>
      </c>
      <c r="B39440" s="6" t="s">
        <v>38478</v>
      </c>
      <c r="C39440" s="6" t="s">
        <v>32230</v>
      </c>
      <c r="D39440" s="6" t="s">
        <v>38477</v>
      </c>
      <c r="E39440" s="6" t="s">
        <v>25121</v>
      </c>
      <c r="F39440" s="7">
        <v>43555</v>
      </c>
      <c r="G39440" s="8">
        <v>280908</v>
      </c>
      <c r="H39440" s="8">
        <v>243268</v>
      </c>
      <c r="I39440" s="8">
        <v>56460</v>
      </c>
      <c r="J39440" s="8">
        <v>224448</v>
      </c>
      <c r="K39440" s="9"/>
      <c r="L39440" s="6"/>
    </row>
    <row r="39441" spans="1:12">
      <c r="A39441" s="6" t="s">
        <v>30596</v>
      </c>
      <c r="B39441" s="6" t="s">
        <v>38478</v>
      </c>
      <c r="C39441" s="6" t="s">
        <v>32230</v>
      </c>
      <c r="D39441" s="6" t="s">
        <v>38477</v>
      </c>
      <c r="E39441" s="6" t="s">
        <v>25121</v>
      </c>
      <c r="F39441" s="7">
        <v>40799</v>
      </c>
      <c r="G39441" s="8">
        <v>640500</v>
      </c>
      <c r="H39441" s="8">
        <v>254283</v>
      </c>
      <c r="I39441" s="8">
        <v>429130</v>
      </c>
      <c r="J39441" s="8">
        <v>211370</v>
      </c>
      <c r="K39441" s="9"/>
      <c r="L39441" s="6"/>
    </row>
    <row r="39442" spans="1:12">
      <c r="A39442" s="6" t="s">
        <v>30596</v>
      </c>
      <c r="B39442" s="6" t="s">
        <v>38478</v>
      </c>
      <c r="C39442" s="6" t="s">
        <v>32230</v>
      </c>
      <c r="D39442" s="6" t="s">
        <v>38477</v>
      </c>
      <c r="E39442" s="6" t="s">
        <v>25121</v>
      </c>
      <c r="F39442" s="7">
        <v>32752</v>
      </c>
      <c r="G39442" s="8">
        <v>850490964</v>
      </c>
      <c r="H39442" s="8">
        <v>323186575</v>
      </c>
      <c r="I39442" s="8">
        <v>544314208</v>
      </c>
      <c r="J39442" s="8">
        <v>306176756</v>
      </c>
      <c r="K39442" s="9">
        <v>3750.55</v>
      </c>
      <c r="L39442" s="6"/>
    </row>
    <row r="39443" spans="1:12">
      <c r="A39443" s="6" t="s">
        <v>30596</v>
      </c>
      <c r="B39443" s="6" t="s">
        <v>38478</v>
      </c>
      <c r="C39443" s="6" t="s">
        <v>32230</v>
      </c>
      <c r="D39443" s="6" t="s">
        <v>38477</v>
      </c>
      <c r="E39443" s="6" t="s">
        <v>25121</v>
      </c>
      <c r="F39443" s="7">
        <v>39300</v>
      </c>
      <c r="G39443" s="8">
        <v>262500</v>
      </c>
      <c r="H39443" s="8">
        <v>33869</v>
      </c>
      <c r="I39443" s="8">
        <v>246218</v>
      </c>
      <c r="J39443" s="8">
        <v>16282</v>
      </c>
      <c r="K39443" s="9"/>
      <c r="L39443" s="6"/>
    </row>
    <row r="39444" spans="1:12">
      <c r="A39444" s="6" t="s">
        <v>30596</v>
      </c>
      <c r="B39444" s="6" t="s">
        <v>38478</v>
      </c>
      <c r="C39444" s="6" t="s">
        <v>32230</v>
      </c>
      <c r="D39444" s="6" t="s">
        <v>38477</v>
      </c>
      <c r="E39444" s="6" t="s">
        <v>25121</v>
      </c>
      <c r="F39444" s="7">
        <v>42794</v>
      </c>
      <c r="G39444" s="8">
        <v>7679865</v>
      </c>
      <c r="H39444" s="8">
        <v>3839933</v>
      </c>
      <c r="I39444" s="8">
        <v>4799915</v>
      </c>
      <c r="J39444" s="8">
        <v>2879950</v>
      </c>
      <c r="K39444" s="9"/>
      <c r="L39444" s="6"/>
    </row>
    <row r="39445" spans="1:12">
      <c r="A39445" s="6" t="s">
        <v>30596</v>
      </c>
      <c r="B39445" s="6" t="s">
        <v>38478</v>
      </c>
      <c r="C39445" s="6" t="s">
        <v>32230</v>
      </c>
      <c r="D39445" s="6" t="s">
        <v>38477</v>
      </c>
      <c r="E39445" s="6" t="s">
        <v>25121</v>
      </c>
      <c r="F39445" s="7">
        <v>43921</v>
      </c>
      <c r="G39445" s="8">
        <v>660000</v>
      </c>
      <c r="H39445" s="8">
        <v>615780</v>
      </c>
      <c r="I39445" s="8">
        <v>88440</v>
      </c>
      <c r="J39445" s="8">
        <v>571560</v>
      </c>
      <c r="K39445" s="9"/>
      <c r="L39445" s="6"/>
    </row>
    <row r="39446" spans="1:12">
      <c r="A39446" s="6" t="s">
        <v>30596</v>
      </c>
      <c r="B39446" s="6" t="s">
        <v>38478</v>
      </c>
      <c r="C39446" s="6" t="s">
        <v>32230</v>
      </c>
      <c r="D39446" s="6" t="s">
        <v>38477</v>
      </c>
      <c r="E39446" s="6" t="s">
        <v>25121</v>
      </c>
      <c r="F39446" s="7">
        <v>42794</v>
      </c>
      <c r="G39446" s="8">
        <v>1010122</v>
      </c>
      <c r="H39446" s="8">
        <v>699006</v>
      </c>
      <c r="I39446" s="8">
        <v>388895</v>
      </c>
      <c r="J39446" s="8">
        <v>621227</v>
      </c>
      <c r="K39446" s="9"/>
      <c r="L39446" s="6"/>
    </row>
    <row r="39447" spans="1:12">
      <c r="A39447" s="6" t="s">
        <v>30596</v>
      </c>
      <c r="B39447" s="6" t="s">
        <v>38478</v>
      </c>
      <c r="C39447" s="6" t="s">
        <v>32230</v>
      </c>
      <c r="D39447" s="6" t="s">
        <v>38477</v>
      </c>
      <c r="E39447" s="6" t="s">
        <v>25121</v>
      </c>
      <c r="F39447" s="7">
        <v>42794</v>
      </c>
      <c r="G39447" s="8">
        <v>1125075</v>
      </c>
      <c r="H39447" s="8">
        <v>778555</v>
      </c>
      <c r="I39447" s="8">
        <v>433150</v>
      </c>
      <c r="J39447" s="8">
        <v>691925</v>
      </c>
      <c r="K39447" s="9"/>
      <c r="L39447" s="6"/>
    </row>
    <row r="39448" spans="1:12">
      <c r="A39448" s="6" t="s">
        <v>30596</v>
      </c>
      <c r="B39448" s="6" t="s">
        <v>38478</v>
      </c>
      <c r="C39448" s="6" t="s">
        <v>32230</v>
      </c>
      <c r="D39448" s="6" t="s">
        <v>38477</v>
      </c>
      <c r="E39448" s="6" t="s">
        <v>25121</v>
      </c>
      <c r="F39448" s="7">
        <v>42766</v>
      </c>
      <c r="G39448" s="8">
        <v>1270602</v>
      </c>
      <c r="H39448" s="8">
        <v>879258</v>
      </c>
      <c r="I39448" s="8">
        <v>489180</v>
      </c>
      <c r="J39448" s="8">
        <v>781422</v>
      </c>
      <c r="K39448" s="9"/>
      <c r="L39448" s="6"/>
    </row>
    <row r="39449" spans="1:12">
      <c r="A39449" s="6" t="s">
        <v>30596</v>
      </c>
      <c r="B39449" s="6" t="s">
        <v>38478</v>
      </c>
      <c r="C39449" s="6" t="s">
        <v>32230</v>
      </c>
      <c r="D39449" s="6" t="s">
        <v>38477</v>
      </c>
      <c r="E39449" s="6" t="s">
        <v>25121</v>
      </c>
      <c r="F39449" s="7">
        <v>42824</v>
      </c>
      <c r="G39449" s="8">
        <v>13036204</v>
      </c>
      <c r="H39449" s="8">
        <v>9959660</v>
      </c>
      <c r="I39449" s="8">
        <v>3845680</v>
      </c>
      <c r="J39449" s="8">
        <v>9190524</v>
      </c>
      <c r="K39449" s="9"/>
      <c r="L39449" s="6"/>
    </row>
    <row r="39450" spans="1:12">
      <c r="A39450" s="6" t="s">
        <v>30596</v>
      </c>
      <c r="B39450" s="6" t="s">
        <v>38479</v>
      </c>
      <c r="C39450" s="6" t="s">
        <v>32230</v>
      </c>
      <c r="D39450" s="6" t="s">
        <v>38477</v>
      </c>
      <c r="E39450" s="6" t="s">
        <v>25121</v>
      </c>
      <c r="F39450" s="7">
        <v>32843</v>
      </c>
      <c r="G39450" s="8">
        <v>11640000</v>
      </c>
      <c r="H39450" s="8">
        <v>1</v>
      </c>
      <c r="I39450" s="8">
        <v>11639999</v>
      </c>
      <c r="J39450" s="8">
        <v>1</v>
      </c>
      <c r="K39450" s="9">
        <v>194</v>
      </c>
      <c r="L39450" s="6"/>
    </row>
    <row r="39451" spans="1:12">
      <c r="A39451" s="6" t="s">
        <v>30596</v>
      </c>
      <c r="B39451" s="6" t="s">
        <v>38480</v>
      </c>
      <c r="C39451" s="6" t="s">
        <v>32230</v>
      </c>
      <c r="D39451" s="6" t="s">
        <v>38477</v>
      </c>
      <c r="E39451" s="6" t="s">
        <v>25121</v>
      </c>
      <c r="F39451" s="7">
        <v>32843</v>
      </c>
      <c r="G39451" s="8">
        <v>5280000</v>
      </c>
      <c r="H39451" s="8">
        <v>1</v>
      </c>
      <c r="I39451" s="8">
        <v>5279999</v>
      </c>
      <c r="J39451" s="8">
        <v>1</v>
      </c>
      <c r="K39451" s="9">
        <v>88</v>
      </c>
      <c r="L39451" s="6"/>
    </row>
    <row r="39452" spans="1:12">
      <c r="A39452" s="6" t="s">
        <v>38481</v>
      </c>
      <c r="B39452" s="6" t="s">
        <v>37786</v>
      </c>
      <c r="C39452" s="6" t="s">
        <v>32230</v>
      </c>
      <c r="D39452" s="6" t="s">
        <v>38482</v>
      </c>
      <c r="E39452" s="6" t="s">
        <v>25121</v>
      </c>
      <c r="F39452" s="7">
        <v>32843</v>
      </c>
      <c r="G39452" s="8">
        <v>9520000</v>
      </c>
      <c r="H39452" s="8">
        <v>1</v>
      </c>
      <c r="I39452" s="8">
        <v>9519999</v>
      </c>
      <c r="J39452" s="8">
        <v>1</v>
      </c>
      <c r="K39452" s="9">
        <v>136</v>
      </c>
      <c r="L39452" s="6"/>
    </row>
    <row r="39453" spans="1:12">
      <c r="A39453" s="6" t="s">
        <v>30667</v>
      </c>
      <c r="B39453" s="6" t="s">
        <v>38483</v>
      </c>
      <c r="C39453" s="6" t="s">
        <v>32230</v>
      </c>
      <c r="D39453" s="6" t="s">
        <v>38484</v>
      </c>
      <c r="E39453" s="6" t="s">
        <v>9</v>
      </c>
      <c r="F39453" s="7">
        <v>43555</v>
      </c>
      <c r="G39453" s="8">
        <v>993600</v>
      </c>
      <c r="H39453" s="8">
        <v>745200</v>
      </c>
      <c r="I39453" s="8">
        <v>372600</v>
      </c>
      <c r="J39453" s="8">
        <v>621000</v>
      </c>
      <c r="K39453" s="9"/>
      <c r="L39453" s="6"/>
    </row>
    <row r="39454" spans="1:12">
      <c r="A39454" s="6" t="s">
        <v>30667</v>
      </c>
      <c r="B39454" s="6" t="s">
        <v>38483</v>
      </c>
      <c r="C39454" s="6" t="s">
        <v>32230</v>
      </c>
      <c r="D39454" s="6" t="s">
        <v>38484</v>
      </c>
      <c r="E39454" s="6" t="s">
        <v>9</v>
      </c>
      <c r="F39454" s="7">
        <v>38078</v>
      </c>
      <c r="G39454" s="8">
        <v>36587000</v>
      </c>
      <c r="H39454" s="8">
        <v>9658968</v>
      </c>
      <c r="I39454" s="8">
        <v>28611034</v>
      </c>
      <c r="J39454" s="8">
        <v>7975966</v>
      </c>
      <c r="K39454" s="9">
        <v>365.87</v>
      </c>
      <c r="L39454" s="6"/>
    </row>
    <row r="39455" spans="1:12">
      <c r="A39455" s="6" t="s">
        <v>30667</v>
      </c>
      <c r="B39455" s="6" t="s">
        <v>38485</v>
      </c>
      <c r="C39455" s="6" t="s">
        <v>32230</v>
      </c>
      <c r="D39455" s="6" t="s">
        <v>38484</v>
      </c>
      <c r="E39455" s="6" t="s">
        <v>9</v>
      </c>
      <c r="F39455" s="7">
        <v>38078</v>
      </c>
      <c r="G39455" s="8">
        <v>36587000</v>
      </c>
      <c r="H39455" s="8">
        <v>9658968</v>
      </c>
      <c r="I39455" s="8">
        <v>28611034</v>
      </c>
      <c r="J39455" s="8">
        <v>7975966</v>
      </c>
      <c r="K39455" s="9">
        <v>365.87</v>
      </c>
      <c r="L39455" s="6"/>
    </row>
    <row r="39456" spans="1:12">
      <c r="A39456" s="6" t="s">
        <v>30667</v>
      </c>
      <c r="B39456" s="6" t="s">
        <v>38486</v>
      </c>
      <c r="C39456" s="6" t="s">
        <v>32230</v>
      </c>
      <c r="D39456" s="6" t="s">
        <v>38484</v>
      </c>
      <c r="E39456" s="6" t="s">
        <v>9</v>
      </c>
      <c r="F39456" s="7">
        <v>38078</v>
      </c>
      <c r="G39456" s="8">
        <v>652600</v>
      </c>
      <c r="H39456" s="8">
        <v>370680</v>
      </c>
      <c r="I39456" s="8">
        <v>299540</v>
      </c>
      <c r="J39456" s="8">
        <v>353060</v>
      </c>
      <c r="K39456" s="9">
        <v>5.0199999999999898</v>
      </c>
      <c r="L39456" s="6"/>
    </row>
    <row r="39457" spans="1:12">
      <c r="A39457" s="6" t="s">
        <v>30667</v>
      </c>
      <c r="B39457" s="6" t="s">
        <v>38487</v>
      </c>
      <c r="C39457" s="6" t="s">
        <v>32230</v>
      </c>
      <c r="D39457" s="6" t="s">
        <v>38484</v>
      </c>
      <c r="E39457" s="6" t="s">
        <v>9</v>
      </c>
      <c r="F39457" s="7">
        <v>38078</v>
      </c>
      <c r="G39457" s="8">
        <v>652600</v>
      </c>
      <c r="H39457" s="8">
        <v>370680</v>
      </c>
      <c r="I39457" s="8">
        <v>299540</v>
      </c>
      <c r="J39457" s="8">
        <v>353060</v>
      </c>
      <c r="K39457" s="9">
        <v>5.0199999999999898</v>
      </c>
      <c r="L39457" s="6"/>
    </row>
    <row r="39458" spans="1:12">
      <c r="A39458" s="6" t="s">
        <v>30667</v>
      </c>
      <c r="B39458" s="6" t="s">
        <v>38488</v>
      </c>
      <c r="C39458" s="6" t="s">
        <v>32230</v>
      </c>
      <c r="D39458" s="6" t="s">
        <v>38484</v>
      </c>
      <c r="E39458" s="6" t="s">
        <v>9</v>
      </c>
      <c r="F39458" s="7">
        <v>38078</v>
      </c>
      <c r="G39458" s="8">
        <v>652600</v>
      </c>
      <c r="H39458" s="8">
        <v>370680</v>
      </c>
      <c r="I39458" s="8">
        <v>299540</v>
      </c>
      <c r="J39458" s="8">
        <v>353060</v>
      </c>
      <c r="K39458" s="9">
        <v>5.0199999999999898</v>
      </c>
      <c r="L39458" s="6"/>
    </row>
    <row r="39459" spans="1:12">
      <c r="A39459" s="6" t="s">
        <v>30667</v>
      </c>
      <c r="B39459" s="6" t="s">
        <v>38489</v>
      </c>
      <c r="C39459" s="6" t="s">
        <v>32230</v>
      </c>
      <c r="D39459" s="6" t="s">
        <v>38484</v>
      </c>
      <c r="E39459" s="6" t="s">
        <v>9</v>
      </c>
      <c r="F39459" s="7">
        <v>38078</v>
      </c>
      <c r="G39459" s="8">
        <v>652600</v>
      </c>
      <c r="H39459" s="8">
        <v>370680</v>
      </c>
      <c r="I39459" s="8">
        <v>299540</v>
      </c>
      <c r="J39459" s="8">
        <v>353060</v>
      </c>
      <c r="K39459" s="9">
        <v>5.0199999999999898</v>
      </c>
      <c r="L39459" s="6"/>
    </row>
    <row r="39460" spans="1:12">
      <c r="A39460" s="6" t="s">
        <v>30691</v>
      </c>
      <c r="B39460" s="6" t="s">
        <v>37786</v>
      </c>
      <c r="C39460" s="6" t="s">
        <v>32230</v>
      </c>
      <c r="D39460" s="6" t="s">
        <v>38490</v>
      </c>
      <c r="E39460" s="6" t="s">
        <v>25121</v>
      </c>
      <c r="F39460" s="7">
        <v>34759</v>
      </c>
      <c r="G39460" s="8">
        <v>10220000</v>
      </c>
      <c r="H39460" s="8">
        <v>1451240</v>
      </c>
      <c r="I39460" s="8">
        <v>9106020</v>
      </c>
      <c r="J39460" s="8">
        <v>1113980</v>
      </c>
      <c r="K39460" s="9">
        <v>146</v>
      </c>
      <c r="L39460" s="6"/>
    </row>
    <row r="39461" spans="1:12">
      <c r="A39461" s="6" t="s">
        <v>30691</v>
      </c>
      <c r="B39461" s="6" t="s">
        <v>38491</v>
      </c>
      <c r="C39461" s="6" t="s">
        <v>32230</v>
      </c>
      <c r="D39461" s="6" t="s">
        <v>38490</v>
      </c>
      <c r="E39461" s="6" t="s">
        <v>25121</v>
      </c>
      <c r="F39461" s="7">
        <v>37610</v>
      </c>
      <c r="G39461" s="8">
        <v>2680200</v>
      </c>
      <c r="H39461" s="8">
        <v>1088172</v>
      </c>
      <c r="I39461" s="8">
        <v>1680474</v>
      </c>
      <c r="J39461" s="8">
        <v>999726</v>
      </c>
      <c r="K39461" s="9">
        <v>44.67</v>
      </c>
      <c r="L39461" s="6"/>
    </row>
    <row r="39462" spans="1:12">
      <c r="A39462" s="6" t="s">
        <v>38492</v>
      </c>
      <c r="B39462" s="6" t="s">
        <v>38493</v>
      </c>
      <c r="C39462" s="6" t="s">
        <v>32230</v>
      </c>
      <c r="D39462" s="6" t="s">
        <v>38477</v>
      </c>
      <c r="E39462" s="6" t="s">
        <v>9</v>
      </c>
      <c r="F39462" s="7">
        <v>25294</v>
      </c>
      <c r="G39462" s="8">
        <v>153812250</v>
      </c>
      <c r="H39462" s="8">
        <v>1</v>
      </c>
      <c r="I39462" s="8">
        <v>153812249</v>
      </c>
      <c r="J39462" s="8">
        <v>1</v>
      </c>
      <c r="K39462" s="9">
        <v>1139.3499999999899</v>
      </c>
      <c r="L39462" s="6"/>
    </row>
    <row r="39463" spans="1:12">
      <c r="A39463" s="6" t="s">
        <v>38492</v>
      </c>
      <c r="B39463" s="6"/>
      <c r="C39463" s="6" t="s">
        <v>32230</v>
      </c>
      <c r="D39463" s="6" t="s">
        <v>6171</v>
      </c>
      <c r="E39463" s="6" t="s">
        <v>9</v>
      </c>
      <c r="F39463" s="7"/>
      <c r="G39463" s="8">
        <v>0</v>
      </c>
      <c r="H39463" s="8">
        <v>0</v>
      </c>
      <c r="I39463" s="8">
        <v>0</v>
      </c>
      <c r="J39463" s="8">
        <v>-1</v>
      </c>
      <c r="K39463" s="9"/>
      <c r="L39463" s="6"/>
    </row>
    <row r="39464" spans="1:12">
      <c r="A39464" s="6" t="s">
        <v>30745</v>
      </c>
      <c r="B39464" s="6" t="s">
        <v>30745</v>
      </c>
      <c r="C39464" s="6" t="s">
        <v>32230</v>
      </c>
      <c r="D39464" s="6" t="s">
        <v>38494</v>
      </c>
      <c r="E39464" s="6" t="s">
        <v>18740</v>
      </c>
      <c r="F39464" s="7">
        <v>35516</v>
      </c>
      <c r="G39464" s="8">
        <v>240670000</v>
      </c>
      <c r="H39464" s="8">
        <v>84715840</v>
      </c>
      <c r="I39464" s="8">
        <v>162452250</v>
      </c>
      <c r="J39464" s="8">
        <v>78217750</v>
      </c>
      <c r="K39464" s="9">
        <v>558.63</v>
      </c>
      <c r="L39464" s="6"/>
    </row>
    <row r="39465" spans="1:12">
      <c r="A39465" s="6" t="s">
        <v>30745</v>
      </c>
      <c r="B39465" s="6" t="s">
        <v>38495</v>
      </c>
      <c r="C39465" s="6" t="s">
        <v>32230</v>
      </c>
      <c r="D39465" s="6" t="s">
        <v>38494</v>
      </c>
      <c r="E39465" s="6" t="s">
        <v>18740</v>
      </c>
      <c r="F39465" s="7">
        <v>35516</v>
      </c>
      <c r="G39465" s="8">
        <v>6150600</v>
      </c>
      <c r="H39465" s="8">
        <v>1279344</v>
      </c>
      <c r="I39465" s="8">
        <v>5074225</v>
      </c>
      <c r="J39465" s="8">
        <v>1076375</v>
      </c>
      <c r="K39465" s="9">
        <v>102.51</v>
      </c>
      <c r="L39465" s="6"/>
    </row>
    <row r="39466" spans="1:12">
      <c r="A39466" s="6" t="s">
        <v>30768</v>
      </c>
      <c r="B39466" s="6" t="s">
        <v>30768</v>
      </c>
      <c r="C39466" s="6" t="s">
        <v>32230</v>
      </c>
      <c r="D39466" s="6" t="s">
        <v>38496</v>
      </c>
      <c r="E39466" s="6" t="s">
        <v>9</v>
      </c>
      <c r="F39466" s="7">
        <v>33635</v>
      </c>
      <c r="G39466" s="8">
        <v>148718000</v>
      </c>
      <c r="H39466" s="8">
        <v>1</v>
      </c>
      <c r="I39466" s="8">
        <v>148717999</v>
      </c>
      <c r="J39466" s="8">
        <v>1</v>
      </c>
      <c r="K39466" s="9">
        <v>541.78</v>
      </c>
      <c r="L39466" s="6"/>
    </row>
    <row r="39467" spans="1:12">
      <c r="A39467" s="6" t="s">
        <v>30768</v>
      </c>
      <c r="B39467" s="6" t="s">
        <v>30768</v>
      </c>
      <c r="C39467" s="6" t="s">
        <v>32230</v>
      </c>
      <c r="D39467" s="6" t="s">
        <v>38496</v>
      </c>
      <c r="E39467" s="6" t="s">
        <v>9</v>
      </c>
      <c r="F39467" s="7">
        <v>43784</v>
      </c>
      <c r="G39467" s="8">
        <v>21600</v>
      </c>
      <c r="H39467" s="8">
        <v>20153</v>
      </c>
      <c r="I39467" s="8">
        <v>2894</v>
      </c>
      <c r="J39467" s="8">
        <v>18706</v>
      </c>
      <c r="K39467" s="9"/>
      <c r="L39467" s="6"/>
    </row>
    <row r="39468" spans="1:12">
      <c r="A39468" s="6" t="s">
        <v>30768</v>
      </c>
      <c r="B39468" s="6" t="s">
        <v>30768</v>
      </c>
      <c r="C39468" s="6" t="s">
        <v>32230</v>
      </c>
      <c r="D39468" s="6" t="s">
        <v>38496</v>
      </c>
      <c r="E39468" s="6" t="s">
        <v>9</v>
      </c>
      <c r="F39468" s="7">
        <v>41465</v>
      </c>
      <c r="G39468" s="8">
        <v>498750</v>
      </c>
      <c r="H39468" s="8">
        <v>264838</v>
      </c>
      <c r="I39468" s="8">
        <v>267328</v>
      </c>
      <c r="J39468" s="8">
        <v>231422</v>
      </c>
      <c r="K39468" s="9"/>
      <c r="L39468" s="6"/>
    </row>
    <row r="39469" spans="1:12">
      <c r="A39469" s="6" t="s">
        <v>30768</v>
      </c>
      <c r="B39469" s="6" t="s">
        <v>30768</v>
      </c>
      <c r="C39469" s="6" t="s">
        <v>32230</v>
      </c>
      <c r="D39469" s="6" t="s">
        <v>38496</v>
      </c>
      <c r="E39469" s="6" t="s">
        <v>9</v>
      </c>
      <c r="F39469" s="7">
        <v>42202</v>
      </c>
      <c r="G39469" s="8">
        <v>1057320</v>
      </c>
      <c r="H39469" s="8">
        <v>703120</v>
      </c>
      <c r="I39469" s="8">
        <v>425040</v>
      </c>
      <c r="J39469" s="8">
        <v>632280</v>
      </c>
      <c r="K39469" s="9"/>
      <c r="L39469" s="6"/>
    </row>
    <row r="39470" spans="1:12">
      <c r="A39470" s="6" t="s">
        <v>38497</v>
      </c>
      <c r="B39470" s="6" t="s">
        <v>38497</v>
      </c>
      <c r="C39470" s="6" t="s">
        <v>32230</v>
      </c>
      <c r="D39470" s="6" t="s">
        <v>38498</v>
      </c>
      <c r="E39470" s="6" t="s">
        <v>18740</v>
      </c>
      <c r="F39470" s="7">
        <v>35853</v>
      </c>
      <c r="G39470" s="8">
        <v>162225000</v>
      </c>
      <c r="H39470" s="8">
        <v>87601500</v>
      </c>
      <c r="I39470" s="8">
        <v>77868000</v>
      </c>
      <c r="J39470" s="8">
        <v>84357000</v>
      </c>
      <c r="K39470" s="9">
        <v>506.31</v>
      </c>
      <c r="L39470" s="6"/>
    </row>
    <row r="39471" spans="1:12">
      <c r="A39471" s="6" t="s">
        <v>38499</v>
      </c>
      <c r="B39471" s="6" t="s">
        <v>38500</v>
      </c>
      <c r="C39471" s="6" t="s">
        <v>32230</v>
      </c>
      <c r="D39471" s="6" t="s">
        <v>38501</v>
      </c>
      <c r="E39471" s="6" t="s">
        <v>9</v>
      </c>
      <c r="F39471" s="7">
        <v>40113</v>
      </c>
      <c r="G39471" s="8">
        <v>4840500</v>
      </c>
      <c r="H39471" s="8">
        <v>1273057</v>
      </c>
      <c r="I39471" s="8">
        <v>3891756</v>
      </c>
      <c r="J39471" s="8">
        <v>948744</v>
      </c>
      <c r="K39471" s="9"/>
      <c r="L39471" s="6"/>
    </row>
    <row r="39472" spans="1:12">
      <c r="A39472" s="6" t="s">
        <v>38499</v>
      </c>
      <c r="B39472" s="6" t="s">
        <v>38500</v>
      </c>
      <c r="C39472" s="6" t="s">
        <v>32230</v>
      </c>
      <c r="D39472" s="6" t="s">
        <v>38501</v>
      </c>
      <c r="E39472" s="6" t="s">
        <v>9</v>
      </c>
      <c r="F39472" s="7">
        <v>34119</v>
      </c>
      <c r="G39472" s="8">
        <v>72108000</v>
      </c>
      <c r="H39472" s="8">
        <v>13700520</v>
      </c>
      <c r="I39472" s="8">
        <v>60570720</v>
      </c>
      <c r="J39472" s="8">
        <v>11537280</v>
      </c>
      <c r="K39472" s="9">
        <v>801.2</v>
      </c>
      <c r="L39472" s="6"/>
    </row>
    <row r="39473" spans="1:12">
      <c r="A39473" s="6" t="s">
        <v>38502</v>
      </c>
      <c r="B39473" s="6" t="s">
        <v>38503</v>
      </c>
      <c r="C39473" s="6" t="s">
        <v>32230</v>
      </c>
      <c r="D39473" s="6" t="s">
        <v>38504</v>
      </c>
      <c r="E39473" s="6" t="s">
        <v>18740</v>
      </c>
      <c r="F39473" s="7">
        <v>35853</v>
      </c>
      <c r="G39473" s="8">
        <v>26382000</v>
      </c>
      <c r="H39473" s="8">
        <v>896988</v>
      </c>
      <c r="I39473" s="8">
        <v>26381999</v>
      </c>
      <c r="J39473" s="8">
        <v>1</v>
      </c>
      <c r="K39473" s="9">
        <v>89.44</v>
      </c>
      <c r="L39473" s="6"/>
    </row>
    <row r="39474" spans="1:12">
      <c r="A39474" s="6" t="s">
        <v>30868</v>
      </c>
      <c r="B39474" s="6" t="s">
        <v>38505</v>
      </c>
      <c r="C39474" s="6" t="s">
        <v>32230</v>
      </c>
      <c r="D39474" s="6" t="s">
        <v>38506</v>
      </c>
      <c r="E39474" s="6" t="s">
        <v>9</v>
      </c>
      <c r="F39474" s="7">
        <v>37500</v>
      </c>
      <c r="G39474" s="8">
        <v>15264000</v>
      </c>
      <c r="H39474" s="8">
        <v>2625408</v>
      </c>
      <c r="I39474" s="8">
        <v>13340736</v>
      </c>
      <c r="J39474" s="8">
        <v>1923264</v>
      </c>
      <c r="K39474" s="9">
        <v>152.63999999999899</v>
      </c>
      <c r="L39474" s="6"/>
    </row>
    <row r="39475" spans="1:12">
      <c r="A39475" s="6" t="s">
        <v>30868</v>
      </c>
      <c r="B39475" s="6" t="s">
        <v>38507</v>
      </c>
      <c r="C39475" s="6" t="s">
        <v>32230</v>
      </c>
      <c r="D39475" s="6" t="s">
        <v>38506</v>
      </c>
      <c r="E39475" s="6" t="s">
        <v>9</v>
      </c>
      <c r="F39475" s="7">
        <v>37500</v>
      </c>
      <c r="G39475" s="8">
        <v>15264000</v>
      </c>
      <c r="H39475" s="8">
        <v>2625408</v>
      </c>
      <c r="I39475" s="8">
        <v>13340736</v>
      </c>
      <c r="J39475" s="8">
        <v>1923264</v>
      </c>
      <c r="K39475" s="9">
        <v>152.63999999999899</v>
      </c>
      <c r="L39475" s="6"/>
    </row>
    <row r="39476" spans="1:12">
      <c r="A39476" s="6" t="s">
        <v>30868</v>
      </c>
      <c r="B39476" s="6" t="s">
        <v>38508</v>
      </c>
      <c r="C39476" s="6" t="s">
        <v>32230</v>
      </c>
      <c r="D39476" s="6" t="s">
        <v>38506</v>
      </c>
      <c r="E39476" s="6" t="s">
        <v>9</v>
      </c>
      <c r="F39476" s="7">
        <v>37500</v>
      </c>
      <c r="G39476" s="8">
        <v>15264000</v>
      </c>
      <c r="H39476" s="8">
        <v>2625408</v>
      </c>
      <c r="I39476" s="8">
        <v>13340736</v>
      </c>
      <c r="J39476" s="8">
        <v>1923264</v>
      </c>
      <c r="K39476" s="9">
        <v>152.63999999999899</v>
      </c>
      <c r="L39476" s="6"/>
    </row>
    <row r="39477" spans="1:12">
      <c r="A39477" s="6" t="s">
        <v>30868</v>
      </c>
      <c r="B39477" s="6" t="s">
        <v>38509</v>
      </c>
      <c r="C39477" s="6" t="s">
        <v>32230</v>
      </c>
      <c r="D39477" s="6" t="s">
        <v>38506</v>
      </c>
      <c r="E39477" s="6" t="s">
        <v>9</v>
      </c>
      <c r="F39477" s="7">
        <v>37500</v>
      </c>
      <c r="G39477" s="8">
        <v>18982000</v>
      </c>
      <c r="H39477" s="8">
        <v>3264904</v>
      </c>
      <c r="I39477" s="8">
        <v>16590268</v>
      </c>
      <c r="J39477" s="8">
        <v>2391732</v>
      </c>
      <c r="K39477" s="9">
        <v>189.82</v>
      </c>
      <c r="L39477" s="6"/>
    </row>
    <row r="39478" spans="1:12">
      <c r="A39478" s="6" t="s">
        <v>30868</v>
      </c>
      <c r="B39478" s="6" t="s">
        <v>38510</v>
      </c>
      <c r="C39478" s="6" t="s">
        <v>32230</v>
      </c>
      <c r="D39478" s="6" t="s">
        <v>38506</v>
      </c>
      <c r="E39478" s="6" t="s">
        <v>9</v>
      </c>
      <c r="F39478" s="7">
        <v>37500</v>
      </c>
      <c r="G39478" s="8">
        <v>655200</v>
      </c>
      <c r="H39478" s="8">
        <v>1</v>
      </c>
      <c r="I39478" s="8">
        <v>655199</v>
      </c>
      <c r="J39478" s="8">
        <v>1</v>
      </c>
      <c r="K39478" s="9">
        <v>10.92</v>
      </c>
      <c r="L39478" s="6"/>
    </row>
    <row r="39479" spans="1:12">
      <c r="A39479" s="6" t="s">
        <v>30868</v>
      </c>
      <c r="B39479" s="6" t="s">
        <v>38511</v>
      </c>
      <c r="C39479" s="6" t="s">
        <v>32230</v>
      </c>
      <c r="D39479" s="6" t="s">
        <v>38506</v>
      </c>
      <c r="E39479" s="6" t="s">
        <v>9</v>
      </c>
      <c r="F39479" s="7">
        <v>37500</v>
      </c>
      <c r="G39479" s="8">
        <v>786000</v>
      </c>
      <c r="H39479" s="8">
        <v>1</v>
      </c>
      <c r="I39479" s="8">
        <v>785999</v>
      </c>
      <c r="J39479" s="8">
        <v>1</v>
      </c>
      <c r="K39479" s="9">
        <v>13.1</v>
      </c>
      <c r="L39479" s="6"/>
    </row>
    <row r="39480" spans="1:12">
      <c r="A39480" s="6" t="s">
        <v>30868</v>
      </c>
      <c r="B39480" s="6" t="s">
        <v>38512</v>
      </c>
      <c r="C39480" s="6" t="s">
        <v>32230</v>
      </c>
      <c r="D39480" s="6" t="s">
        <v>38506</v>
      </c>
      <c r="E39480" s="6" t="s">
        <v>9</v>
      </c>
      <c r="F39480" s="7">
        <v>37500</v>
      </c>
      <c r="G39480" s="8">
        <v>600000</v>
      </c>
      <c r="H39480" s="8">
        <v>1</v>
      </c>
      <c r="I39480" s="8">
        <v>599999</v>
      </c>
      <c r="J39480" s="8">
        <v>1</v>
      </c>
      <c r="K39480" s="9">
        <v>10</v>
      </c>
      <c r="L39480" s="6"/>
    </row>
    <row r="39481" spans="1:12">
      <c r="A39481" s="6" t="s">
        <v>30871</v>
      </c>
      <c r="B39481" s="6" t="s">
        <v>38513</v>
      </c>
      <c r="C39481" s="6" t="s">
        <v>32230</v>
      </c>
      <c r="D39481" s="6" t="s">
        <v>38514</v>
      </c>
      <c r="E39481" s="6" t="s">
        <v>9</v>
      </c>
      <c r="F39481" s="7">
        <v>33644</v>
      </c>
      <c r="G39481" s="8">
        <v>5456000</v>
      </c>
      <c r="H39481" s="8">
        <v>1183952</v>
      </c>
      <c r="I39481" s="8">
        <v>4419360</v>
      </c>
      <c r="J39481" s="8">
        <v>1036640</v>
      </c>
      <c r="K39481" s="9">
        <v>35.200000000000003</v>
      </c>
      <c r="L39481" s="6"/>
    </row>
    <row r="39482" spans="1:12">
      <c r="A39482" s="6" t="s">
        <v>30905</v>
      </c>
      <c r="B39482" s="6" t="s">
        <v>30905</v>
      </c>
      <c r="C39482" s="6" t="s">
        <v>32230</v>
      </c>
      <c r="D39482" s="6" t="s">
        <v>38515</v>
      </c>
      <c r="E39482" s="6" t="s">
        <v>9</v>
      </c>
      <c r="F39482" s="7">
        <v>43921</v>
      </c>
      <c r="G39482" s="8">
        <v>1188000</v>
      </c>
      <c r="H39482" s="8">
        <v>1108404</v>
      </c>
      <c r="I39482" s="8">
        <v>159192</v>
      </c>
      <c r="J39482" s="8">
        <v>1028808</v>
      </c>
      <c r="K39482" s="9"/>
      <c r="L39482" s="6"/>
    </row>
    <row r="39483" spans="1:12">
      <c r="A39483" s="6" t="s">
        <v>30905</v>
      </c>
      <c r="B39483" s="6" t="s">
        <v>30905</v>
      </c>
      <c r="C39483" s="6" t="s">
        <v>32230</v>
      </c>
      <c r="D39483" s="6" t="s">
        <v>38515</v>
      </c>
      <c r="E39483" s="6" t="s">
        <v>9</v>
      </c>
      <c r="F39483" s="7">
        <v>37681</v>
      </c>
      <c r="G39483" s="8">
        <v>443551100</v>
      </c>
      <c r="H39483" s="8">
        <v>267904868</v>
      </c>
      <c r="I39483" s="8">
        <v>185404356</v>
      </c>
      <c r="J39483" s="8">
        <v>258146744</v>
      </c>
      <c r="K39483" s="9">
        <v>2861.62</v>
      </c>
      <c r="L39483" s="6"/>
    </row>
    <row r="39484" spans="1:12">
      <c r="A39484" s="6" t="s">
        <v>30905</v>
      </c>
      <c r="B39484" s="6" t="s">
        <v>30905</v>
      </c>
      <c r="C39484" s="6" t="s">
        <v>32230</v>
      </c>
      <c r="D39484" s="6" t="s">
        <v>38515</v>
      </c>
      <c r="E39484" s="6" t="s">
        <v>9</v>
      </c>
      <c r="F39484" s="7">
        <v>43039</v>
      </c>
      <c r="G39484" s="8">
        <v>4266000</v>
      </c>
      <c r="H39484" s="8">
        <v>3510918</v>
      </c>
      <c r="I39484" s="8">
        <v>1006776</v>
      </c>
      <c r="J39484" s="8">
        <v>3259224</v>
      </c>
      <c r="K39484" s="9"/>
      <c r="L39484" s="6"/>
    </row>
    <row r="39485" spans="1:12">
      <c r="A39485" s="6" t="s">
        <v>30905</v>
      </c>
      <c r="B39485" s="6" t="s">
        <v>38516</v>
      </c>
      <c r="C39485" s="6" t="s">
        <v>32230</v>
      </c>
      <c r="D39485" s="6" t="s">
        <v>38515</v>
      </c>
      <c r="E39485" s="6" t="s">
        <v>9</v>
      </c>
      <c r="F39485" s="7">
        <v>37681</v>
      </c>
      <c r="G39485" s="8">
        <v>893200</v>
      </c>
      <c r="H39485" s="8">
        <v>410872</v>
      </c>
      <c r="I39485" s="8">
        <v>509124</v>
      </c>
      <c r="J39485" s="8">
        <v>384076</v>
      </c>
      <c r="K39485" s="9">
        <v>12.76</v>
      </c>
      <c r="L39485" s="6"/>
    </row>
    <row r="39486" spans="1:12">
      <c r="A39486" s="6" t="s">
        <v>30905</v>
      </c>
      <c r="B39486" s="6" t="s">
        <v>38517</v>
      </c>
      <c r="C39486" s="6" t="s">
        <v>32230</v>
      </c>
      <c r="D39486" s="6" t="s">
        <v>38515</v>
      </c>
      <c r="E39486" s="6" t="s">
        <v>9</v>
      </c>
      <c r="F39486" s="7">
        <v>37681</v>
      </c>
      <c r="G39486" s="8">
        <v>595700</v>
      </c>
      <c r="H39486" s="8">
        <v>274022</v>
      </c>
      <c r="I39486" s="8">
        <v>339549</v>
      </c>
      <c r="J39486" s="8">
        <v>256151</v>
      </c>
      <c r="K39486" s="9">
        <v>8.51</v>
      </c>
      <c r="L39486" s="6"/>
    </row>
    <row r="39487" spans="1:12">
      <c r="A39487" s="6" t="s">
        <v>30905</v>
      </c>
      <c r="B39487" s="6" t="s">
        <v>38518</v>
      </c>
      <c r="C39487" s="6" t="s">
        <v>32230</v>
      </c>
      <c r="D39487" s="6" t="s">
        <v>38515</v>
      </c>
      <c r="E39487" s="6" t="s">
        <v>9</v>
      </c>
      <c r="F39487" s="7">
        <v>37681</v>
      </c>
      <c r="G39487" s="8">
        <v>595700</v>
      </c>
      <c r="H39487" s="8">
        <v>274022</v>
      </c>
      <c r="I39487" s="8">
        <v>339549</v>
      </c>
      <c r="J39487" s="8">
        <v>256151</v>
      </c>
      <c r="K39487" s="9">
        <v>8.51</v>
      </c>
      <c r="L39487" s="6"/>
    </row>
    <row r="39488" spans="1:12">
      <c r="A39488" s="6" t="s">
        <v>30905</v>
      </c>
      <c r="B39488" s="6" t="s">
        <v>38519</v>
      </c>
      <c r="C39488" s="6" t="s">
        <v>32230</v>
      </c>
      <c r="D39488" s="6" t="s">
        <v>38515</v>
      </c>
      <c r="E39488" s="6" t="s">
        <v>9</v>
      </c>
      <c r="F39488" s="7">
        <v>37681</v>
      </c>
      <c r="G39488" s="8">
        <v>595700</v>
      </c>
      <c r="H39488" s="8">
        <v>274022</v>
      </c>
      <c r="I39488" s="8">
        <v>339549</v>
      </c>
      <c r="J39488" s="8">
        <v>256151</v>
      </c>
      <c r="K39488" s="9">
        <v>8.51</v>
      </c>
      <c r="L39488" s="6"/>
    </row>
    <row r="39489" spans="1:12">
      <c r="A39489" s="6" t="s">
        <v>30905</v>
      </c>
      <c r="B39489" s="6" t="s">
        <v>38520</v>
      </c>
      <c r="C39489" s="6" t="s">
        <v>32230</v>
      </c>
      <c r="D39489" s="6" t="s">
        <v>38515</v>
      </c>
      <c r="E39489" s="6" t="s">
        <v>9</v>
      </c>
      <c r="F39489" s="7">
        <v>37681</v>
      </c>
      <c r="G39489" s="8">
        <v>457100</v>
      </c>
      <c r="H39489" s="8">
        <v>210266</v>
      </c>
      <c r="I39489" s="8">
        <v>260547</v>
      </c>
      <c r="J39489" s="8">
        <v>196553</v>
      </c>
      <c r="K39489" s="9">
        <v>6.53</v>
      </c>
      <c r="L39489" s="6"/>
    </row>
    <row r="39490" spans="1:12">
      <c r="A39490" s="6" t="s">
        <v>30905</v>
      </c>
      <c r="B39490" s="6" t="s">
        <v>38521</v>
      </c>
      <c r="C39490" s="6" t="s">
        <v>32230</v>
      </c>
      <c r="D39490" s="6" t="s">
        <v>38515</v>
      </c>
      <c r="E39490" s="6" t="s">
        <v>9</v>
      </c>
      <c r="F39490" s="7">
        <v>37681</v>
      </c>
      <c r="G39490" s="8">
        <v>481800</v>
      </c>
      <c r="H39490" s="8">
        <v>195618</v>
      </c>
      <c r="I39490" s="8">
        <v>302081</v>
      </c>
      <c r="J39490" s="8">
        <v>179719</v>
      </c>
      <c r="K39490" s="9">
        <v>8.0299999999999905</v>
      </c>
      <c r="L39490" s="6"/>
    </row>
    <row r="39491" spans="1:12">
      <c r="A39491" s="6" t="s">
        <v>30905</v>
      </c>
      <c r="B39491" s="6" t="s">
        <v>38522</v>
      </c>
      <c r="C39491" s="6" t="s">
        <v>32230</v>
      </c>
      <c r="D39491" s="6" t="s">
        <v>38515</v>
      </c>
      <c r="E39491" s="6" t="s">
        <v>9</v>
      </c>
      <c r="F39491" s="7">
        <v>37681</v>
      </c>
      <c r="G39491" s="8">
        <v>481800</v>
      </c>
      <c r="H39491" s="8">
        <v>195618</v>
      </c>
      <c r="I39491" s="8">
        <v>302081</v>
      </c>
      <c r="J39491" s="8">
        <v>179719</v>
      </c>
      <c r="K39491" s="9">
        <v>8.0299999999999905</v>
      </c>
      <c r="L39491" s="6"/>
    </row>
    <row r="39492" spans="1:12">
      <c r="A39492" s="6" t="s">
        <v>30905</v>
      </c>
      <c r="B39492" s="6" t="s">
        <v>38523</v>
      </c>
      <c r="C39492" s="6" t="s">
        <v>32230</v>
      </c>
      <c r="D39492" s="6" t="s">
        <v>38515</v>
      </c>
      <c r="E39492" s="6" t="s">
        <v>9</v>
      </c>
      <c r="F39492" s="7">
        <v>37681</v>
      </c>
      <c r="G39492" s="8">
        <v>481800</v>
      </c>
      <c r="H39492" s="8">
        <v>195618</v>
      </c>
      <c r="I39492" s="8">
        <v>302081</v>
      </c>
      <c r="J39492" s="8">
        <v>179719</v>
      </c>
      <c r="K39492" s="9">
        <v>8.0299999999999905</v>
      </c>
      <c r="L39492" s="6"/>
    </row>
    <row r="39493" spans="1:12">
      <c r="A39493" s="6" t="s">
        <v>30905</v>
      </c>
      <c r="B39493" s="6" t="s">
        <v>38524</v>
      </c>
      <c r="C39493" s="6" t="s">
        <v>32230</v>
      </c>
      <c r="D39493" s="6" t="s">
        <v>38515</v>
      </c>
      <c r="E39493" s="6" t="s">
        <v>9</v>
      </c>
      <c r="F39493" s="7">
        <v>37681</v>
      </c>
      <c r="G39493" s="8">
        <v>481800</v>
      </c>
      <c r="H39493" s="8">
        <v>195618</v>
      </c>
      <c r="I39493" s="8">
        <v>302081</v>
      </c>
      <c r="J39493" s="8">
        <v>179719</v>
      </c>
      <c r="K39493" s="9">
        <v>8.0299999999999905</v>
      </c>
      <c r="L39493" s="6"/>
    </row>
    <row r="39494" spans="1:12">
      <c r="A39494" s="6" t="s">
        <v>30905</v>
      </c>
      <c r="B39494" s="6" t="s">
        <v>38525</v>
      </c>
      <c r="C39494" s="6" t="s">
        <v>32230</v>
      </c>
      <c r="D39494" s="6" t="s">
        <v>38515</v>
      </c>
      <c r="E39494" s="6" t="s">
        <v>9</v>
      </c>
      <c r="F39494" s="7">
        <v>37681</v>
      </c>
      <c r="G39494" s="8">
        <v>1191400</v>
      </c>
      <c r="H39494" s="8">
        <v>548044</v>
      </c>
      <c r="I39494" s="8">
        <v>679098</v>
      </c>
      <c r="J39494" s="8">
        <v>512302</v>
      </c>
      <c r="K39494" s="9">
        <v>17.02</v>
      </c>
      <c r="L39494" s="6"/>
    </row>
    <row r="39495" spans="1:12">
      <c r="A39495" s="6" t="s">
        <v>30905</v>
      </c>
      <c r="B39495" s="6" t="s">
        <v>38526</v>
      </c>
      <c r="C39495" s="6" t="s">
        <v>32230</v>
      </c>
      <c r="D39495" s="6" t="s">
        <v>38515</v>
      </c>
      <c r="E39495" s="6" t="s">
        <v>9</v>
      </c>
      <c r="F39495" s="7">
        <v>37681</v>
      </c>
      <c r="G39495" s="8">
        <v>1191400</v>
      </c>
      <c r="H39495" s="8">
        <v>548044</v>
      </c>
      <c r="I39495" s="8">
        <v>679098</v>
      </c>
      <c r="J39495" s="8">
        <v>512302</v>
      </c>
      <c r="K39495" s="9">
        <v>17.02</v>
      </c>
      <c r="L39495" s="6"/>
    </row>
    <row r="39496" spans="1:12">
      <c r="A39496" s="6" t="s">
        <v>30905</v>
      </c>
      <c r="B39496" s="6" t="s">
        <v>38527</v>
      </c>
      <c r="C39496" s="6" t="s">
        <v>32230</v>
      </c>
      <c r="D39496" s="6" t="s">
        <v>38515</v>
      </c>
      <c r="E39496" s="6" t="s">
        <v>9</v>
      </c>
      <c r="F39496" s="7">
        <v>37681</v>
      </c>
      <c r="G39496" s="8">
        <v>893200</v>
      </c>
      <c r="H39496" s="8">
        <v>410872</v>
      </c>
      <c r="I39496" s="8">
        <v>509124</v>
      </c>
      <c r="J39496" s="8">
        <v>384076</v>
      </c>
      <c r="K39496" s="9">
        <v>12.76</v>
      </c>
      <c r="L39496" s="6"/>
    </row>
    <row r="39497" spans="1:12">
      <c r="A39497" s="6" t="s">
        <v>30931</v>
      </c>
      <c r="B39497" s="6" t="s">
        <v>38528</v>
      </c>
      <c r="C39497" s="6" t="s">
        <v>32230</v>
      </c>
      <c r="D39497" s="6" t="s">
        <v>38529</v>
      </c>
      <c r="E39497" s="6" t="s">
        <v>9</v>
      </c>
      <c r="F39497" s="7">
        <v>36039</v>
      </c>
      <c r="G39497" s="8">
        <v>15996000</v>
      </c>
      <c r="H39497" s="8">
        <v>1</v>
      </c>
      <c r="I39497" s="8">
        <v>15995999</v>
      </c>
      <c r="J39497" s="8">
        <v>1</v>
      </c>
      <c r="K39497" s="9">
        <v>159.96</v>
      </c>
      <c r="L39497" s="6"/>
    </row>
    <row r="39498" spans="1:12">
      <c r="A39498" s="6" t="s">
        <v>30931</v>
      </c>
      <c r="B39498" s="6" t="s">
        <v>38530</v>
      </c>
      <c r="C39498" s="6" t="s">
        <v>32230</v>
      </c>
      <c r="D39498" s="6" t="s">
        <v>38529</v>
      </c>
      <c r="E39498" s="6" t="s">
        <v>9</v>
      </c>
      <c r="F39498" s="7">
        <v>36039</v>
      </c>
      <c r="G39498" s="8">
        <v>15070000</v>
      </c>
      <c r="H39498" s="8">
        <v>1</v>
      </c>
      <c r="I39498" s="8">
        <v>15069999</v>
      </c>
      <c r="J39498" s="8">
        <v>1</v>
      </c>
      <c r="K39498" s="9">
        <v>150.69999999999899</v>
      </c>
      <c r="L39498" s="6"/>
    </row>
    <row r="39499" spans="1:12">
      <c r="A39499" s="6" t="s">
        <v>30931</v>
      </c>
      <c r="B39499" s="6" t="s">
        <v>38531</v>
      </c>
      <c r="C39499" s="6" t="s">
        <v>32230</v>
      </c>
      <c r="D39499" s="6" t="s">
        <v>38529</v>
      </c>
      <c r="E39499" s="6" t="s">
        <v>9</v>
      </c>
      <c r="F39499" s="7">
        <v>36039</v>
      </c>
      <c r="G39499" s="8">
        <v>9768000</v>
      </c>
      <c r="H39499" s="8">
        <v>1</v>
      </c>
      <c r="I39499" s="8">
        <v>9767999</v>
      </c>
      <c r="J39499" s="8">
        <v>1</v>
      </c>
      <c r="K39499" s="9">
        <v>97.68</v>
      </c>
      <c r="L39499" s="6"/>
    </row>
    <row r="39500" spans="1:12">
      <c r="A39500" s="6" t="s">
        <v>30931</v>
      </c>
      <c r="B39500" s="6" t="s">
        <v>38532</v>
      </c>
      <c r="C39500" s="6" t="s">
        <v>32230</v>
      </c>
      <c r="D39500" s="6" t="s">
        <v>38529</v>
      </c>
      <c r="E39500" s="6" t="s">
        <v>9</v>
      </c>
      <c r="F39500" s="7">
        <v>36039</v>
      </c>
      <c r="G39500" s="8">
        <v>204000</v>
      </c>
      <c r="H39500" s="8">
        <v>1</v>
      </c>
      <c r="I39500" s="8">
        <v>203999</v>
      </c>
      <c r="J39500" s="8">
        <v>1</v>
      </c>
      <c r="K39500" s="9">
        <v>3.4</v>
      </c>
      <c r="L39500" s="6"/>
    </row>
    <row r="39501" spans="1:12">
      <c r="A39501" s="6" t="s">
        <v>30931</v>
      </c>
      <c r="B39501" s="6" t="s">
        <v>38533</v>
      </c>
      <c r="C39501" s="6" t="s">
        <v>32230</v>
      </c>
      <c r="D39501" s="6" t="s">
        <v>38529</v>
      </c>
      <c r="E39501" s="6" t="s">
        <v>9</v>
      </c>
      <c r="F39501" s="7">
        <v>36039</v>
      </c>
      <c r="G39501" s="8">
        <v>204000</v>
      </c>
      <c r="H39501" s="8">
        <v>1</v>
      </c>
      <c r="I39501" s="8">
        <v>203999</v>
      </c>
      <c r="J39501" s="8">
        <v>1</v>
      </c>
      <c r="K39501" s="9">
        <v>3.4</v>
      </c>
      <c r="L39501" s="6"/>
    </row>
    <row r="39502" spans="1:12">
      <c r="A39502" s="6" t="s">
        <v>30931</v>
      </c>
      <c r="B39502" s="6" t="s">
        <v>38534</v>
      </c>
      <c r="C39502" s="6" t="s">
        <v>32230</v>
      </c>
      <c r="D39502" s="6" t="s">
        <v>38529</v>
      </c>
      <c r="E39502" s="6" t="s">
        <v>9</v>
      </c>
      <c r="F39502" s="7">
        <v>36039</v>
      </c>
      <c r="G39502" s="8">
        <v>247800</v>
      </c>
      <c r="H39502" s="8">
        <v>1</v>
      </c>
      <c r="I39502" s="8">
        <v>247799</v>
      </c>
      <c r="J39502" s="8">
        <v>1</v>
      </c>
      <c r="K39502" s="9">
        <v>4.13</v>
      </c>
      <c r="L39502" s="6"/>
    </row>
    <row r="39503" spans="1:12">
      <c r="A39503" s="6" t="s">
        <v>30931</v>
      </c>
      <c r="B39503" s="6" t="s">
        <v>38535</v>
      </c>
      <c r="C39503" s="6" t="s">
        <v>32230</v>
      </c>
      <c r="D39503" s="6" t="s">
        <v>38529</v>
      </c>
      <c r="E39503" s="6" t="s">
        <v>9</v>
      </c>
      <c r="F39503" s="7">
        <v>36039</v>
      </c>
      <c r="G39503" s="8">
        <v>247800</v>
      </c>
      <c r="H39503" s="8">
        <v>1</v>
      </c>
      <c r="I39503" s="8">
        <v>247799</v>
      </c>
      <c r="J39503" s="8">
        <v>1</v>
      </c>
      <c r="K39503" s="9">
        <v>4.13</v>
      </c>
      <c r="L39503" s="6"/>
    </row>
    <row r="39504" spans="1:12">
      <c r="A39504" s="6" t="s">
        <v>30931</v>
      </c>
      <c r="B39504" s="6" t="s">
        <v>38536</v>
      </c>
      <c r="C39504" s="6" t="s">
        <v>32230</v>
      </c>
      <c r="D39504" s="6" t="s">
        <v>38529</v>
      </c>
      <c r="E39504" s="6" t="s">
        <v>9</v>
      </c>
      <c r="F39504" s="7">
        <v>36039</v>
      </c>
      <c r="G39504" s="8">
        <v>247800</v>
      </c>
      <c r="H39504" s="8">
        <v>1</v>
      </c>
      <c r="I39504" s="8">
        <v>247799</v>
      </c>
      <c r="J39504" s="8">
        <v>1</v>
      </c>
      <c r="K39504" s="9">
        <v>4.13</v>
      </c>
      <c r="L39504" s="6"/>
    </row>
    <row r="39505" spans="1:12">
      <c r="A39505" s="6" t="s">
        <v>30931</v>
      </c>
      <c r="B39505" s="6" t="s">
        <v>38537</v>
      </c>
      <c r="C39505" s="6" t="s">
        <v>32230</v>
      </c>
      <c r="D39505" s="6" t="s">
        <v>38529</v>
      </c>
      <c r="E39505" s="6" t="s">
        <v>9</v>
      </c>
      <c r="F39505" s="7">
        <v>36039</v>
      </c>
      <c r="G39505" s="8">
        <v>247800</v>
      </c>
      <c r="H39505" s="8">
        <v>1</v>
      </c>
      <c r="I39505" s="8">
        <v>247799</v>
      </c>
      <c r="J39505" s="8">
        <v>1</v>
      </c>
      <c r="K39505" s="9">
        <v>4.13</v>
      </c>
      <c r="L39505" s="6"/>
    </row>
    <row r="39506" spans="1:12">
      <c r="A39506" s="6" t="s">
        <v>30958</v>
      </c>
      <c r="B39506" s="6" t="s">
        <v>38538</v>
      </c>
      <c r="C39506" s="6" t="s">
        <v>32230</v>
      </c>
      <c r="D39506" s="6" t="s">
        <v>38539</v>
      </c>
      <c r="E39506" s="6" t="s">
        <v>9</v>
      </c>
      <c r="F39506" s="7">
        <v>42748</v>
      </c>
      <c r="G39506" s="8">
        <v>3369600</v>
      </c>
      <c r="H39506" s="8">
        <v>2331764</v>
      </c>
      <c r="I39506" s="8">
        <v>1297295</v>
      </c>
      <c r="J39506" s="8">
        <v>2072305</v>
      </c>
      <c r="K39506" s="9"/>
      <c r="L39506" s="6"/>
    </row>
    <row r="39507" spans="1:12">
      <c r="A39507" s="6" t="s">
        <v>30958</v>
      </c>
      <c r="B39507" s="6" t="s">
        <v>38538</v>
      </c>
      <c r="C39507" s="6" t="s">
        <v>32230</v>
      </c>
      <c r="D39507" s="6" t="s">
        <v>38539</v>
      </c>
      <c r="E39507" s="6" t="s">
        <v>9</v>
      </c>
      <c r="F39507" s="7">
        <v>41823</v>
      </c>
      <c r="G39507" s="8">
        <v>4536000</v>
      </c>
      <c r="H39507" s="8">
        <v>2712528</v>
      </c>
      <c r="I39507" s="8">
        <v>2127384</v>
      </c>
      <c r="J39507" s="8">
        <v>2408616</v>
      </c>
      <c r="K39507" s="9"/>
      <c r="L39507" s="6"/>
    </row>
    <row r="39508" spans="1:12">
      <c r="A39508" s="6" t="s">
        <v>30958</v>
      </c>
      <c r="B39508" s="6" t="s">
        <v>38538</v>
      </c>
      <c r="C39508" s="6" t="s">
        <v>32230</v>
      </c>
      <c r="D39508" s="6" t="s">
        <v>38539</v>
      </c>
      <c r="E39508" s="6" t="s">
        <v>9</v>
      </c>
      <c r="F39508" s="7">
        <v>41446</v>
      </c>
      <c r="G39508" s="8">
        <v>6279000</v>
      </c>
      <c r="H39508" s="8">
        <v>3334149</v>
      </c>
      <c r="I39508" s="8">
        <v>3365544</v>
      </c>
      <c r="J39508" s="8">
        <v>2913456</v>
      </c>
      <c r="K39508" s="9"/>
      <c r="L39508" s="6"/>
    </row>
    <row r="39509" spans="1:12">
      <c r="A39509" s="6" t="s">
        <v>30958</v>
      </c>
      <c r="B39509" s="6" t="s">
        <v>38538</v>
      </c>
      <c r="C39509" s="6" t="s">
        <v>32230</v>
      </c>
      <c r="D39509" s="6" t="s">
        <v>38539</v>
      </c>
      <c r="E39509" s="6" t="s">
        <v>9</v>
      </c>
      <c r="F39509" s="7">
        <v>43486</v>
      </c>
      <c r="G39509" s="8">
        <v>559440</v>
      </c>
      <c r="H39509" s="8">
        <v>484476</v>
      </c>
      <c r="I39509" s="8">
        <v>112446</v>
      </c>
      <c r="J39509" s="8">
        <v>446994</v>
      </c>
      <c r="K39509" s="9"/>
      <c r="L39509" s="6"/>
    </row>
    <row r="39510" spans="1:12">
      <c r="A39510" s="6" t="s">
        <v>30958</v>
      </c>
      <c r="B39510" s="6" t="s">
        <v>38538</v>
      </c>
      <c r="C39510" s="6" t="s">
        <v>32230</v>
      </c>
      <c r="D39510" s="6" t="s">
        <v>38539</v>
      </c>
      <c r="E39510" s="6" t="s">
        <v>9</v>
      </c>
      <c r="F39510" s="7">
        <v>36800</v>
      </c>
      <c r="G39510" s="8">
        <v>935235000</v>
      </c>
      <c r="H39510" s="8">
        <v>523731600</v>
      </c>
      <c r="I39510" s="8">
        <v>432078570</v>
      </c>
      <c r="J39510" s="8">
        <v>503156430</v>
      </c>
      <c r="K39510" s="9">
        <v>3966</v>
      </c>
      <c r="L39510" s="6"/>
    </row>
    <row r="39511" spans="1:12">
      <c r="A39511" s="6" t="s">
        <v>30958</v>
      </c>
      <c r="B39511" s="6" t="s">
        <v>38538</v>
      </c>
      <c r="C39511" s="6" t="s">
        <v>32230</v>
      </c>
      <c r="D39511" s="6" t="s">
        <v>38539</v>
      </c>
      <c r="E39511" s="6" t="s">
        <v>9</v>
      </c>
      <c r="F39511" s="7">
        <v>42573</v>
      </c>
      <c r="G39511" s="8">
        <v>853200</v>
      </c>
      <c r="H39511" s="8">
        <v>590416</v>
      </c>
      <c r="I39511" s="8">
        <v>328480</v>
      </c>
      <c r="J39511" s="8">
        <v>524720</v>
      </c>
      <c r="K39511" s="9"/>
      <c r="L39511" s="6"/>
    </row>
    <row r="39512" spans="1:12">
      <c r="A39512" s="6" t="s">
        <v>30958</v>
      </c>
      <c r="B39512" s="6" t="s">
        <v>38538</v>
      </c>
      <c r="C39512" s="6" t="s">
        <v>32230</v>
      </c>
      <c r="D39512" s="6" t="s">
        <v>38539</v>
      </c>
      <c r="E39512" s="6" t="s">
        <v>9</v>
      </c>
      <c r="F39512" s="7">
        <v>42524</v>
      </c>
      <c r="G39512" s="8">
        <v>1242000</v>
      </c>
      <c r="H39512" s="8">
        <v>859464</v>
      </c>
      <c r="I39512" s="8">
        <v>478170</v>
      </c>
      <c r="J39512" s="8">
        <v>763830</v>
      </c>
      <c r="K39512" s="9"/>
      <c r="L39512" s="6"/>
    </row>
    <row r="39513" spans="1:12">
      <c r="A39513" s="6" t="s">
        <v>30967</v>
      </c>
      <c r="B39513" s="6" t="s">
        <v>30967</v>
      </c>
      <c r="C39513" s="6" t="s">
        <v>32230</v>
      </c>
      <c r="D39513" s="6" t="s">
        <v>38540</v>
      </c>
      <c r="E39513" s="6" t="s">
        <v>9</v>
      </c>
      <c r="F39513" s="7">
        <v>37706</v>
      </c>
      <c r="G39513" s="8">
        <v>289155000</v>
      </c>
      <c r="H39513" s="8">
        <v>49734660</v>
      </c>
      <c r="I39513" s="8">
        <v>252721470</v>
      </c>
      <c r="J39513" s="8">
        <v>36433530</v>
      </c>
      <c r="K39513" s="9">
        <v>997.11</v>
      </c>
      <c r="L39513" s="6"/>
    </row>
    <row r="39514" spans="1:12">
      <c r="A39514" s="6" t="s">
        <v>30967</v>
      </c>
      <c r="B39514" s="6" t="s">
        <v>30967</v>
      </c>
      <c r="C39514" s="6" t="s">
        <v>32230</v>
      </c>
      <c r="D39514" s="6" t="s">
        <v>38540</v>
      </c>
      <c r="E39514" s="6" t="s">
        <v>9</v>
      </c>
      <c r="F39514" s="7">
        <v>43555</v>
      </c>
      <c r="G39514" s="8">
        <v>5608440</v>
      </c>
      <c r="H39514" s="8">
        <v>5092464</v>
      </c>
      <c r="I39514" s="8">
        <v>773964</v>
      </c>
      <c r="J39514" s="8">
        <v>4834476</v>
      </c>
      <c r="K39514" s="9"/>
      <c r="L39514" s="6"/>
    </row>
    <row r="39515" spans="1:12">
      <c r="A39515" s="6" t="s">
        <v>30967</v>
      </c>
      <c r="B39515" s="6" t="s">
        <v>38541</v>
      </c>
      <c r="C39515" s="6" t="s">
        <v>32230</v>
      </c>
      <c r="D39515" s="6" t="s">
        <v>38540</v>
      </c>
      <c r="E39515" s="6" t="s">
        <v>9</v>
      </c>
      <c r="F39515" s="7">
        <v>37706</v>
      </c>
      <c r="G39515" s="8">
        <v>1740000</v>
      </c>
      <c r="H39515" s="8">
        <v>1</v>
      </c>
      <c r="I39515" s="8">
        <v>1739999</v>
      </c>
      <c r="J39515" s="8">
        <v>1</v>
      </c>
      <c r="K39515" s="9">
        <v>6.62</v>
      </c>
      <c r="L39515" s="6"/>
    </row>
    <row r="39516" spans="1:12">
      <c r="A39516" s="6" t="s">
        <v>30967</v>
      </c>
      <c r="B39516" s="6" t="s">
        <v>38542</v>
      </c>
      <c r="C39516" s="6" t="s">
        <v>32230</v>
      </c>
      <c r="D39516" s="6" t="s">
        <v>38540</v>
      </c>
      <c r="E39516" s="6" t="s">
        <v>9</v>
      </c>
      <c r="F39516" s="7">
        <v>37706</v>
      </c>
      <c r="G39516" s="8">
        <v>1740000</v>
      </c>
      <c r="H39516" s="8">
        <v>1</v>
      </c>
      <c r="I39516" s="8">
        <v>1739999</v>
      </c>
      <c r="J39516" s="8">
        <v>1</v>
      </c>
      <c r="K39516" s="9">
        <v>6.62</v>
      </c>
      <c r="L39516" s="6"/>
    </row>
    <row r="39517" spans="1:12">
      <c r="A39517" s="6" t="s">
        <v>31236</v>
      </c>
      <c r="B39517" s="6" t="s">
        <v>38543</v>
      </c>
      <c r="C39517" s="6" t="s">
        <v>32230</v>
      </c>
      <c r="D39517" s="6" t="s">
        <v>38544</v>
      </c>
      <c r="E39517" s="6" t="s">
        <v>9</v>
      </c>
      <c r="F39517" s="7">
        <v>35886</v>
      </c>
      <c r="G39517" s="8">
        <v>1296000</v>
      </c>
      <c r="H39517" s="8">
        <v>355104</v>
      </c>
      <c r="I39517" s="8">
        <v>983664</v>
      </c>
      <c r="J39517" s="8">
        <v>312336</v>
      </c>
      <c r="K39517" s="9">
        <v>21.6</v>
      </c>
      <c r="L39517" s="6"/>
    </row>
    <row r="39518" spans="1:12">
      <c r="A39518" s="6" t="s">
        <v>31236</v>
      </c>
      <c r="B39518" s="6" t="s">
        <v>31236</v>
      </c>
      <c r="C39518" s="6" t="s">
        <v>32230</v>
      </c>
      <c r="D39518" s="6" t="s">
        <v>38544</v>
      </c>
      <c r="E39518" s="6" t="s">
        <v>9</v>
      </c>
      <c r="F39518" s="7">
        <v>43555</v>
      </c>
      <c r="G39518" s="8">
        <v>453600</v>
      </c>
      <c r="H39518" s="8">
        <v>402798</v>
      </c>
      <c r="I39518" s="8">
        <v>76203</v>
      </c>
      <c r="J39518" s="8">
        <v>377397</v>
      </c>
      <c r="K39518" s="9"/>
      <c r="L39518" s="6"/>
    </row>
    <row r="39519" spans="1:12">
      <c r="A39519" s="6" t="s">
        <v>31236</v>
      </c>
      <c r="B39519" s="6" t="s">
        <v>31236</v>
      </c>
      <c r="C39519" s="6" t="s">
        <v>32230</v>
      </c>
      <c r="D39519" s="6" t="s">
        <v>38544</v>
      </c>
      <c r="E39519" s="6" t="s">
        <v>9</v>
      </c>
      <c r="F39519" s="7">
        <v>32577</v>
      </c>
      <c r="G39519" s="8">
        <v>141239000</v>
      </c>
      <c r="H39519" s="8">
        <v>50846040</v>
      </c>
      <c r="I39519" s="8">
        <v>93217740</v>
      </c>
      <c r="J39519" s="8">
        <v>48021260</v>
      </c>
      <c r="K39519" s="9">
        <v>718.43</v>
      </c>
      <c r="L39519" s="6"/>
    </row>
    <row r="39520" spans="1:12">
      <c r="A39520" s="6" t="s">
        <v>31236</v>
      </c>
      <c r="B39520" s="6" t="s">
        <v>31236</v>
      </c>
      <c r="C39520" s="6" t="s">
        <v>32230</v>
      </c>
      <c r="D39520" s="6" t="s">
        <v>38544</v>
      </c>
      <c r="E39520" s="6" t="s">
        <v>9</v>
      </c>
      <c r="F39520" s="7">
        <v>43555</v>
      </c>
      <c r="G39520" s="8">
        <v>594000</v>
      </c>
      <c r="H39520" s="8">
        <v>514404</v>
      </c>
      <c r="I39520" s="8">
        <v>119394</v>
      </c>
      <c r="J39520" s="8">
        <v>474606</v>
      </c>
      <c r="K39520" s="9"/>
      <c r="L39520" s="6"/>
    </row>
    <row r="39521" spans="1:12">
      <c r="A39521" s="6" t="s">
        <v>31236</v>
      </c>
      <c r="B39521" s="6" t="s">
        <v>31236</v>
      </c>
      <c r="C39521" s="6" t="s">
        <v>32230</v>
      </c>
      <c r="D39521" s="6" t="s">
        <v>38544</v>
      </c>
      <c r="E39521" s="6" t="s">
        <v>9</v>
      </c>
      <c r="F39521" s="7">
        <v>44081</v>
      </c>
      <c r="G39521" s="8">
        <v>913000</v>
      </c>
      <c r="H39521" s="8">
        <v>913000</v>
      </c>
      <c r="I39521" s="8">
        <v>61171</v>
      </c>
      <c r="J39521" s="8">
        <v>851829</v>
      </c>
      <c r="K39521" s="9"/>
      <c r="L39521" s="6"/>
    </row>
    <row r="39522" spans="1:12">
      <c r="A39522" s="6" t="s">
        <v>31277</v>
      </c>
      <c r="B39522" s="6" t="s">
        <v>38545</v>
      </c>
      <c r="C39522" s="6" t="s">
        <v>32230</v>
      </c>
      <c r="D39522" s="6" t="s">
        <v>38546</v>
      </c>
      <c r="E39522" s="6" t="s">
        <v>9</v>
      </c>
      <c r="F39522" s="7">
        <v>31846</v>
      </c>
      <c r="G39522" s="8">
        <v>118800000</v>
      </c>
      <c r="H39522" s="8">
        <v>38016000</v>
      </c>
      <c r="I39522" s="8">
        <v>83160000</v>
      </c>
      <c r="J39522" s="8">
        <v>35640000</v>
      </c>
      <c r="K39522" s="9">
        <v>615.36</v>
      </c>
      <c r="L39522" s="6"/>
    </row>
    <row r="39523" spans="1:12">
      <c r="A39523" s="6" t="s">
        <v>31277</v>
      </c>
      <c r="B39523" s="6" t="s">
        <v>38545</v>
      </c>
      <c r="C39523" s="6" t="s">
        <v>32230</v>
      </c>
      <c r="D39523" s="6" t="s">
        <v>38546</v>
      </c>
      <c r="E39523" s="6" t="s">
        <v>9</v>
      </c>
      <c r="F39523" s="7">
        <v>43555</v>
      </c>
      <c r="G39523" s="8">
        <v>481464</v>
      </c>
      <c r="H39523" s="8">
        <v>427542</v>
      </c>
      <c r="I39523" s="8">
        <v>80883</v>
      </c>
      <c r="J39523" s="8">
        <v>400581</v>
      </c>
      <c r="K39523" s="9"/>
      <c r="L39523" s="6"/>
    </row>
    <row r="39524" spans="1:12">
      <c r="A39524" s="6" t="s">
        <v>31277</v>
      </c>
      <c r="B39524" s="6" t="s">
        <v>38545</v>
      </c>
      <c r="C39524" s="6" t="s">
        <v>32230</v>
      </c>
      <c r="D39524" s="6" t="s">
        <v>38546</v>
      </c>
      <c r="E39524" s="6" t="s">
        <v>9</v>
      </c>
      <c r="F39524" s="7">
        <v>44081</v>
      </c>
      <c r="G39524" s="8">
        <v>902000</v>
      </c>
      <c r="H39524" s="8">
        <v>902000</v>
      </c>
      <c r="I39524" s="8">
        <v>60434</v>
      </c>
      <c r="J39524" s="8">
        <v>841566</v>
      </c>
      <c r="K39524" s="9"/>
      <c r="L39524" s="6"/>
    </row>
    <row r="39525" spans="1:12">
      <c r="A39525" s="6" t="s">
        <v>31277</v>
      </c>
      <c r="B39525" s="6" t="s">
        <v>38547</v>
      </c>
      <c r="C39525" s="6" t="s">
        <v>32230</v>
      </c>
      <c r="D39525" s="6" t="s">
        <v>38546</v>
      </c>
      <c r="E39525" s="6" t="s">
        <v>9</v>
      </c>
      <c r="F39525" s="7">
        <v>35521</v>
      </c>
      <c r="G39525" s="8">
        <v>2310000</v>
      </c>
      <c r="H39525" s="8">
        <v>556710</v>
      </c>
      <c r="I39525" s="8">
        <v>1829520</v>
      </c>
      <c r="J39525" s="8">
        <v>480480</v>
      </c>
      <c r="K39525" s="9">
        <v>30.8</v>
      </c>
      <c r="L39525" s="6"/>
    </row>
    <row r="39526" spans="1:12">
      <c r="A39526" s="6" t="s">
        <v>31277</v>
      </c>
      <c r="B39526" s="6" t="s">
        <v>38548</v>
      </c>
      <c r="C39526" s="6" t="s">
        <v>32230</v>
      </c>
      <c r="D39526" s="6" t="s">
        <v>38546</v>
      </c>
      <c r="E39526" s="6" t="s">
        <v>9</v>
      </c>
      <c r="F39526" s="7">
        <v>40709</v>
      </c>
      <c r="G39526" s="8">
        <v>2336218</v>
      </c>
      <c r="H39526" s="8">
        <v>1369024</v>
      </c>
      <c r="I39526" s="8">
        <v>1074660</v>
      </c>
      <c r="J39526" s="8">
        <v>1261558</v>
      </c>
      <c r="K39526" s="9">
        <v>111.14</v>
      </c>
      <c r="L39526" s="6"/>
    </row>
    <row r="39527" spans="1:12">
      <c r="A39527" s="6" t="s">
        <v>31302</v>
      </c>
      <c r="B39527" s="6" t="s">
        <v>31302</v>
      </c>
      <c r="C39527" s="6" t="s">
        <v>32230</v>
      </c>
      <c r="D39527" s="6" t="s">
        <v>37892</v>
      </c>
      <c r="E39527" s="6" t="s">
        <v>9</v>
      </c>
      <c r="F39527" s="7">
        <v>38056</v>
      </c>
      <c r="G39527" s="8">
        <v>224175000</v>
      </c>
      <c r="H39527" s="8">
        <v>64114050</v>
      </c>
      <c r="I39527" s="8">
        <v>169476300</v>
      </c>
      <c r="J39527" s="8">
        <v>54698700</v>
      </c>
      <c r="K39527" s="9">
        <v>984.01</v>
      </c>
      <c r="L39527" s="6"/>
    </row>
    <row r="39528" spans="1:12">
      <c r="A39528" s="6" t="s">
        <v>38549</v>
      </c>
      <c r="B39528" s="6" t="s">
        <v>38549</v>
      </c>
      <c r="C39528" s="6" t="s">
        <v>32230</v>
      </c>
      <c r="D39528" s="6" t="s">
        <v>37817</v>
      </c>
      <c r="E39528" s="6" t="s">
        <v>9</v>
      </c>
      <c r="F39528" s="7">
        <v>43459</v>
      </c>
      <c r="G39528" s="8">
        <v>1642680</v>
      </c>
      <c r="H39528" s="8">
        <v>1422562</v>
      </c>
      <c r="I39528" s="8">
        <v>330177</v>
      </c>
      <c r="J39528" s="8">
        <v>1312503</v>
      </c>
      <c r="K39528" s="9"/>
      <c r="L39528" s="6"/>
    </row>
    <row r="39529" spans="1:12">
      <c r="A39529" s="6" t="s">
        <v>38549</v>
      </c>
      <c r="B39529" s="6" t="s">
        <v>38549</v>
      </c>
      <c r="C39529" s="6" t="s">
        <v>32230</v>
      </c>
      <c r="D39529" s="6" t="s">
        <v>37817</v>
      </c>
      <c r="E39529" s="6" t="s">
        <v>9</v>
      </c>
      <c r="F39529" s="7">
        <v>42573</v>
      </c>
      <c r="G39529" s="8">
        <v>2883600</v>
      </c>
      <c r="H39529" s="8">
        <v>1995452</v>
      </c>
      <c r="I39529" s="8">
        <v>1110185</v>
      </c>
      <c r="J39529" s="8">
        <v>1773415</v>
      </c>
      <c r="K39529" s="9"/>
      <c r="L39529" s="6"/>
    </row>
    <row r="39530" spans="1:12">
      <c r="A39530" s="6" t="s">
        <v>38549</v>
      </c>
      <c r="B39530" s="6" t="s">
        <v>38549</v>
      </c>
      <c r="C39530" s="6" t="s">
        <v>32230</v>
      </c>
      <c r="D39530" s="6" t="s">
        <v>37817</v>
      </c>
      <c r="E39530" s="6" t="s">
        <v>9</v>
      </c>
      <c r="F39530" s="7">
        <v>32212</v>
      </c>
      <c r="G39530" s="8">
        <v>91491140</v>
      </c>
      <c r="H39530" s="8">
        <v>31107014</v>
      </c>
      <c r="I39530" s="8">
        <v>62213948</v>
      </c>
      <c r="J39530" s="8">
        <v>29277192</v>
      </c>
      <c r="K39530" s="9">
        <v>562.19000000000005</v>
      </c>
      <c r="L39530" s="6"/>
    </row>
    <row r="39531" spans="1:12">
      <c r="A39531" s="6" t="s">
        <v>38549</v>
      </c>
      <c r="B39531" s="6" t="s">
        <v>38549</v>
      </c>
      <c r="C39531" s="6" t="s">
        <v>32230</v>
      </c>
      <c r="D39531" s="6" t="s">
        <v>37817</v>
      </c>
      <c r="E39531" s="6" t="s">
        <v>9</v>
      </c>
      <c r="F39531" s="7">
        <v>43555</v>
      </c>
      <c r="G39531" s="8">
        <v>453600</v>
      </c>
      <c r="H39531" s="8">
        <v>392818</v>
      </c>
      <c r="I39531" s="8">
        <v>91173</v>
      </c>
      <c r="J39531" s="8">
        <v>362427</v>
      </c>
      <c r="K39531" s="9"/>
      <c r="L39531" s="6"/>
    </row>
    <row r="39532" spans="1:12">
      <c r="A39532" s="6" t="s">
        <v>38549</v>
      </c>
      <c r="B39532" s="6" t="s">
        <v>38549</v>
      </c>
      <c r="C39532" s="6" t="s">
        <v>32230</v>
      </c>
      <c r="D39532" s="6" t="s">
        <v>37817</v>
      </c>
      <c r="E39532" s="6" t="s">
        <v>9</v>
      </c>
      <c r="F39532" s="7">
        <v>44081</v>
      </c>
      <c r="G39532" s="8">
        <v>913000</v>
      </c>
      <c r="H39532" s="8">
        <v>913000</v>
      </c>
      <c r="I39532" s="8">
        <v>61171</v>
      </c>
      <c r="J39532" s="8">
        <v>851829</v>
      </c>
      <c r="K39532" s="9"/>
      <c r="L39532" s="6"/>
    </row>
    <row r="39533" spans="1:12">
      <c r="A39533" s="6" t="s">
        <v>38549</v>
      </c>
      <c r="B39533" s="6" t="s">
        <v>38550</v>
      </c>
      <c r="C39533" s="6" t="s">
        <v>32230</v>
      </c>
      <c r="D39533" s="6" t="s">
        <v>37817</v>
      </c>
      <c r="E39533" s="6" t="s">
        <v>9</v>
      </c>
      <c r="F39533" s="7">
        <v>36251</v>
      </c>
      <c r="G39533" s="8">
        <v>2131500</v>
      </c>
      <c r="H39533" s="8">
        <v>654381</v>
      </c>
      <c r="I39533" s="8">
        <v>1547458</v>
      </c>
      <c r="J39533" s="8">
        <v>584042</v>
      </c>
      <c r="K39533" s="9">
        <v>21.6</v>
      </c>
      <c r="L39533" s="6"/>
    </row>
    <row r="39534" spans="1:12">
      <c r="A39534" s="6" t="s">
        <v>38549</v>
      </c>
      <c r="B39534" s="6" t="s">
        <v>38551</v>
      </c>
      <c r="C39534" s="6" t="s">
        <v>32230</v>
      </c>
      <c r="D39534" s="6" t="s">
        <v>37817</v>
      </c>
      <c r="E39534" s="6" t="s">
        <v>9</v>
      </c>
      <c r="F39534" s="7">
        <v>43784</v>
      </c>
      <c r="G39534" s="8">
        <v>32400</v>
      </c>
      <c r="H39534" s="8">
        <v>30230</v>
      </c>
      <c r="I39534" s="8">
        <v>4340</v>
      </c>
      <c r="J39534" s="8">
        <v>28060</v>
      </c>
      <c r="K39534" s="9"/>
      <c r="L39534" s="6"/>
    </row>
    <row r="39535" spans="1:12">
      <c r="A39535" s="6" t="s">
        <v>38549</v>
      </c>
      <c r="B39535" s="6" t="s">
        <v>38551</v>
      </c>
      <c r="C39535" s="6" t="s">
        <v>32230</v>
      </c>
      <c r="D39535" s="6" t="s">
        <v>37817</v>
      </c>
      <c r="E39535" s="6" t="s">
        <v>9</v>
      </c>
      <c r="F39535" s="7">
        <v>40599</v>
      </c>
      <c r="G39535" s="8">
        <v>4332000</v>
      </c>
      <c r="H39535" s="8">
        <v>3162360</v>
      </c>
      <c r="I39535" s="8">
        <v>1286604</v>
      </c>
      <c r="J39535" s="8">
        <v>3045396</v>
      </c>
      <c r="K39535" s="9">
        <v>54.15</v>
      </c>
      <c r="L39535" s="6"/>
    </row>
    <row r="39536" spans="1:12">
      <c r="A39536" s="6" t="s">
        <v>31381</v>
      </c>
      <c r="B39536" s="6" t="s">
        <v>31381</v>
      </c>
      <c r="C39536" s="6" t="s">
        <v>32230</v>
      </c>
      <c r="D39536" s="6" t="s">
        <v>38552</v>
      </c>
      <c r="E39536" s="6" t="s">
        <v>18740</v>
      </c>
      <c r="F39536" s="7">
        <v>28795</v>
      </c>
      <c r="G39536" s="8">
        <v>98735000</v>
      </c>
      <c r="H39536" s="8">
        <v>15797600</v>
      </c>
      <c r="I39536" s="8">
        <v>84912100</v>
      </c>
      <c r="J39536" s="8">
        <v>13822900</v>
      </c>
      <c r="K39536" s="9">
        <v>637</v>
      </c>
      <c r="L39536" s="6"/>
    </row>
    <row r="39537" spans="1:12">
      <c r="A39537" s="6" t="s">
        <v>31409</v>
      </c>
      <c r="B39537" s="6" t="s">
        <v>31409</v>
      </c>
      <c r="C39537" s="6" t="s">
        <v>32230</v>
      </c>
      <c r="D39537" s="6" t="s">
        <v>38553</v>
      </c>
      <c r="E39537" s="6" t="s">
        <v>9</v>
      </c>
      <c r="F39537" s="7">
        <v>38561</v>
      </c>
      <c r="G39537" s="8">
        <v>248325000</v>
      </c>
      <c r="H39537" s="8">
        <v>173827500</v>
      </c>
      <c r="I39537" s="8">
        <v>79464000</v>
      </c>
      <c r="J39537" s="8">
        <v>168861000</v>
      </c>
      <c r="K39537" s="9">
        <v>1069.18</v>
      </c>
      <c r="L39537" s="6"/>
    </row>
    <row r="39538" spans="1:12">
      <c r="A39538" s="6" t="s">
        <v>31409</v>
      </c>
      <c r="B39538" s="6" t="s">
        <v>38554</v>
      </c>
      <c r="C39538" s="6" t="s">
        <v>32230</v>
      </c>
      <c r="D39538" s="6" t="s">
        <v>38553</v>
      </c>
      <c r="E39538" s="6" t="s">
        <v>9</v>
      </c>
      <c r="F39538" s="7">
        <v>38561</v>
      </c>
      <c r="G39538" s="8">
        <v>1848000</v>
      </c>
      <c r="H39538" s="8">
        <v>933240</v>
      </c>
      <c r="I39538" s="8">
        <v>975744</v>
      </c>
      <c r="J39538" s="8">
        <v>872256</v>
      </c>
      <c r="K39538" s="9">
        <v>30.8</v>
      </c>
      <c r="L39538" s="6"/>
    </row>
    <row r="39539" spans="1:12">
      <c r="A39539" s="6" t="s">
        <v>31456</v>
      </c>
      <c r="B39539" s="6" t="s">
        <v>38555</v>
      </c>
      <c r="C39539" s="6" t="s">
        <v>32230</v>
      </c>
      <c r="D39539" s="6" t="s">
        <v>38556</v>
      </c>
      <c r="E39539" s="6" t="s">
        <v>9</v>
      </c>
      <c r="F39539" s="7">
        <v>33329</v>
      </c>
      <c r="G39539" s="8">
        <v>50882000</v>
      </c>
      <c r="H39539" s="8">
        <v>1</v>
      </c>
      <c r="I39539" s="8">
        <v>50881999</v>
      </c>
      <c r="J39539" s="8">
        <v>1</v>
      </c>
      <c r="K39539" s="9">
        <v>171</v>
      </c>
      <c r="L39539" s="6"/>
    </row>
    <row r="39540" spans="1:12">
      <c r="A39540" s="6" t="s">
        <v>31456</v>
      </c>
      <c r="B39540" s="6" t="s">
        <v>38555</v>
      </c>
      <c r="C39540" s="6" t="s">
        <v>32230</v>
      </c>
      <c r="D39540" s="6" t="s">
        <v>38556</v>
      </c>
      <c r="E39540" s="6" t="s">
        <v>9</v>
      </c>
      <c r="F39540" s="7">
        <v>40009</v>
      </c>
      <c r="G39540" s="8">
        <v>1186500</v>
      </c>
      <c r="H39540" s="8">
        <v>312055</v>
      </c>
      <c r="I39540" s="8">
        <v>953940</v>
      </c>
      <c r="J39540" s="8">
        <v>232560</v>
      </c>
      <c r="K39540" s="9"/>
      <c r="L39540" s="6"/>
    </row>
    <row r="39541" spans="1:12">
      <c r="A39541" s="6" t="s">
        <v>31456</v>
      </c>
      <c r="B39541" s="6" t="s">
        <v>38555</v>
      </c>
      <c r="C39541" s="6" t="s">
        <v>32230</v>
      </c>
      <c r="D39541" s="6" t="s">
        <v>38556</v>
      </c>
      <c r="E39541" s="6" t="s">
        <v>9</v>
      </c>
      <c r="F39541" s="7">
        <v>43306</v>
      </c>
      <c r="G39541" s="8">
        <v>691200</v>
      </c>
      <c r="H39541" s="8">
        <v>598580</v>
      </c>
      <c r="I39541" s="8">
        <v>138930</v>
      </c>
      <c r="J39541" s="8">
        <v>552270</v>
      </c>
      <c r="K39541" s="9"/>
      <c r="L39541" s="6"/>
    </row>
    <row r="39542" spans="1:12">
      <c r="A39542" s="6" t="s">
        <v>31456</v>
      </c>
      <c r="B39542" s="6" t="s">
        <v>38557</v>
      </c>
      <c r="C39542" s="6" t="s">
        <v>32230</v>
      </c>
      <c r="D39542" s="6" t="s">
        <v>38556</v>
      </c>
      <c r="E39542" s="6" t="s">
        <v>9</v>
      </c>
      <c r="F39542" s="7">
        <v>32933</v>
      </c>
      <c r="G39542" s="8">
        <v>76735000</v>
      </c>
      <c r="H39542" s="8">
        <v>1</v>
      </c>
      <c r="I39542" s="8">
        <v>76734999</v>
      </c>
      <c r="J39542" s="8">
        <v>1</v>
      </c>
      <c r="K39542" s="9">
        <v>341</v>
      </c>
      <c r="L39542" s="6"/>
    </row>
    <row r="39543" spans="1:12">
      <c r="A39543" s="6" t="s">
        <v>31456</v>
      </c>
      <c r="B39543" s="6" t="s">
        <v>38558</v>
      </c>
      <c r="C39543" s="6" t="s">
        <v>32230</v>
      </c>
      <c r="D39543" s="6" t="s">
        <v>38556</v>
      </c>
      <c r="E39543" s="6" t="s">
        <v>9</v>
      </c>
      <c r="F39543" s="7">
        <v>32721</v>
      </c>
      <c r="G39543" s="8">
        <v>61844500</v>
      </c>
      <c r="H39543" s="8">
        <v>1</v>
      </c>
      <c r="I39543" s="8">
        <v>61844499</v>
      </c>
      <c r="J39543" s="8">
        <v>1</v>
      </c>
      <c r="K39543" s="9">
        <v>367.11</v>
      </c>
      <c r="L39543" s="6"/>
    </row>
    <row r="39544" spans="1:12">
      <c r="A39544" s="6" t="s">
        <v>31456</v>
      </c>
      <c r="B39544" s="6" t="s">
        <v>38559</v>
      </c>
      <c r="C39544" s="6" t="s">
        <v>32230</v>
      </c>
      <c r="D39544" s="6" t="s">
        <v>38556</v>
      </c>
      <c r="E39544" s="6" t="s">
        <v>9</v>
      </c>
      <c r="F39544" s="7">
        <v>32933</v>
      </c>
      <c r="G39544" s="8">
        <v>25240150</v>
      </c>
      <c r="H39544" s="8">
        <v>1</v>
      </c>
      <c r="I39544" s="8">
        <v>25240149</v>
      </c>
      <c r="J39544" s="8">
        <v>1</v>
      </c>
      <c r="K39544" s="9">
        <v>102</v>
      </c>
      <c r="L39544" s="6"/>
    </row>
    <row r="39545" spans="1:12">
      <c r="A39545" s="6" t="s">
        <v>31456</v>
      </c>
      <c r="B39545" s="6" t="s">
        <v>38560</v>
      </c>
      <c r="C39545" s="6" t="s">
        <v>32230</v>
      </c>
      <c r="D39545" s="6" t="s">
        <v>38556</v>
      </c>
      <c r="E39545" s="6" t="s">
        <v>9</v>
      </c>
      <c r="F39545" s="7">
        <v>30133</v>
      </c>
      <c r="G39545" s="8">
        <v>15580000</v>
      </c>
      <c r="H39545" s="8">
        <v>1</v>
      </c>
      <c r="I39545" s="8">
        <v>15579999</v>
      </c>
      <c r="J39545" s="8">
        <v>1</v>
      </c>
      <c r="K39545" s="9">
        <v>164</v>
      </c>
      <c r="L39545" s="6"/>
    </row>
    <row r="39546" spans="1:12">
      <c r="A39546" s="6" t="s">
        <v>31456</v>
      </c>
      <c r="B39546" s="6" t="s">
        <v>38560</v>
      </c>
      <c r="C39546" s="6" t="s">
        <v>32230</v>
      </c>
      <c r="D39546" s="6" t="s">
        <v>38556</v>
      </c>
      <c r="E39546" s="6" t="s">
        <v>9</v>
      </c>
      <c r="F39546" s="7">
        <v>39604</v>
      </c>
      <c r="G39546" s="8">
        <v>682500</v>
      </c>
      <c r="H39546" s="8">
        <v>133776</v>
      </c>
      <c r="I39546" s="8">
        <v>594451</v>
      </c>
      <c r="J39546" s="8">
        <v>88049</v>
      </c>
      <c r="K39546" s="9"/>
      <c r="L39546" s="6"/>
    </row>
    <row r="39547" spans="1:12">
      <c r="A39547" s="6" t="s">
        <v>31456</v>
      </c>
      <c r="B39547" s="6" t="s">
        <v>38561</v>
      </c>
      <c r="C39547" s="6" t="s">
        <v>32230</v>
      </c>
      <c r="D39547" s="6" t="s">
        <v>38556</v>
      </c>
      <c r="E39547" s="6" t="s">
        <v>9</v>
      </c>
      <c r="F39547" s="7">
        <v>34790</v>
      </c>
      <c r="G39547" s="8">
        <v>736800</v>
      </c>
      <c r="H39547" s="8">
        <v>128950</v>
      </c>
      <c r="I39547" s="8">
        <v>632164</v>
      </c>
      <c r="J39547" s="8">
        <v>104636</v>
      </c>
      <c r="K39547" s="9">
        <v>12.28</v>
      </c>
      <c r="L39547" s="6"/>
    </row>
    <row r="39548" spans="1:12">
      <c r="A39548" s="6" t="s">
        <v>31456</v>
      </c>
      <c r="B39548" s="6" t="s">
        <v>38562</v>
      </c>
      <c r="C39548" s="6" t="s">
        <v>32230</v>
      </c>
      <c r="D39548" s="6" t="s">
        <v>38556</v>
      </c>
      <c r="E39548" s="6" t="s">
        <v>9</v>
      </c>
      <c r="F39548" s="7">
        <v>33817</v>
      </c>
      <c r="G39548" s="8">
        <v>4367200</v>
      </c>
      <c r="H39548" s="8">
        <v>1</v>
      </c>
      <c r="I39548" s="8">
        <v>4367199</v>
      </c>
      <c r="J39548" s="8">
        <v>1</v>
      </c>
      <c r="K39548" s="9">
        <v>32.4</v>
      </c>
      <c r="L39548" s="6"/>
    </row>
    <row r="39549" spans="1:12">
      <c r="A39549" s="6" t="s">
        <v>31516</v>
      </c>
      <c r="B39549" s="6" t="s">
        <v>31516</v>
      </c>
      <c r="C39549" s="6" t="s">
        <v>32230</v>
      </c>
      <c r="D39549" s="6" t="s">
        <v>38563</v>
      </c>
      <c r="E39549" s="6" t="s">
        <v>9</v>
      </c>
      <c r="F39549" s="7">
        <v>30385</v>
      </c>
      <c r="G39549" s="8">
        <v>106725600</v>
      </c>
      <c r="H39549" s="8">
        <v>25614144</v>
      </c>
      <c r="I39549" s="8">
        <v>83245968</v>
      </c>
      <c r="J39549" s="8">
        <v>23479632</v>
      </c>
      <c r="K39549" s="9">
        <v>790.56</v>
      </c>
      <c r="L39549" s="6"/>
    </row>
    <row r="39550" spans="1:12">
      <c r="A39550" s="6" t="s">
        <v>31516</v>
      </c>
      <c r="B39550" s="6" t="s">
        <v>31516</v>
      </c>
      <c r="C39550" s="6" t="s">
        <v>32230</v>
      </c>
      <c r="D39550" s="6" t="s">
        <v>38563</v>
      </c>
      <c r="E39550" s="6" t="s">
        <v>9</v>
      </c>
      <c r="F39550" s="7">
        <v>43544</v>
      </c>
      <c r="G39550" s="8">
        <v>380160</v>
      </c>
      <c r="H39550" s="8">
        <v>337584</v>
      </c>
      <c r="I39550" s="8">
        <v>63864</v>
      </c>
      <c r="J39550" s="8">
        <v>316296</v>
      </c>
      <c r="K39550" s="9"/>
      <c r="L39550" s="6"/>
    </row>
    <row r="39551" spans="1:12">
      <c r="A39551" s="6" t="s">
        <v>31516</v>
      </c>
      <c r="B39551" s="6" t="s">
        <v>31516</v>
      </c>
      <c r="C39551" s="6" t="s">
        <v>32230</v>
      </c>
      <c r="D39551" s="6" t="s">
        <v>38563</v>
      </c>
      <c r="E39551" s="6" t="s">
        <v>9</v>
      </c>
      <c r="F39551" s="7">
        <v>43185</v>
      </c>
      <c r="G39551" s="8">
        <v>918000</v>
      </c>
      <c r="H39551" s="8">
        <v>733482</v>
      </c>
      <c r="I39551" s="8">
        <v>246024</v>
      </c>
      <c r="J39551" s="8">
        <v>671976</v>
      </c>
      <c r="K39551" s="9"/>
      <c r="L39551" s="6"/>
    </row>
    <row r="39552" spans="1:12">
      <c r="A39552" s="6" t="s">
        <v>31516</v>
      </c>
      <c r="B39552" s="6" t="s">
        <v>31516</v>
      </c>
      <c r="C39552" s="6" t="s">
        <v>32230</v>
      </c>
      <c r="D39552" s="6" t="s">
        <v>38563</v>
      </c>
      <c r="E39552" s="6" t="s">
        <v>9</v>
      </c>
      <c r="F39552" s="7">
        <v>43054</v>
      </c>
      <c r="G39552" s="8">
        <v>1004400</v>
      </c>
      <c r="H39552" s="8">
        <v>802518</v>
      </c>
      <c r="I39552" s="8">
        <v>269176</v>
      </c>
      <c r="J39552" s="8">
        <v>735224</v>
      </c>
      <c r="K39552" s="9"/>
      <c r="L39552" s="6"/>
    </row>
    <row r="39553" spans="1:12">
      <c r="A39553" s="6" t="s">
        <v>31516</v>
      </c>
      <c r="B39553" s="6" t="s">
        <v>31516</v>
      </c>
      <c r="C39553" s="6" t="s">
        <v>32230</v>
      </c>
      <c r="D39553" s="6" t="s">
        <v>38563</v>
      </c>
      <c r="E39553" s="6" t="s">
        <v>9</v>
      </c>
      <c r="F39553" s="7">
        <v>43074</v>
      </c>
      <c r="G39553" s="8">
        <v>1015200</v>
      </c>
      <c r="H39553" s="8">
        <v>811146</v>
      </c>
      <c r="I39553" s="8">
        <v>272072</v>
      </c>
      <c r="J39553" s="8">
        <v>743128</v>
      </c>
      <c r="K39553" s="9"/>
      <c r="L39553" s="6"/>
    </row>
    <row r="39554" spans="1:12">
      <c r="A39554" s="6" t="s">
        <v>31516</v>
      </c>
      <c r="B39554" s="6" t="s">
        <v>31516</v>
      </c>
      <c r="C39554" s="6" t="s">
        <v>32230</v>
      </c>
      <c r="D39554" s="6" t="s">
        <v>38563</v>
      </c>
      <c r="E39554" s="6" t="s">
        <v>9</v>
      </c>
      <c r="F39554" s="7">
        <v>44081</v>
      </c>
      <c r="G39554" s="8">
        <v>924000</v>
      </c>
      <c r="H39554" s="8">
        <v>924000</v>
      </c>
      <c r="I39554" s="8">
        <v>61908</v>
      </c>
      <c r="J39554" s="8">
        <v>862092</v>
      </c>
      <c r="K39554" s="9"/>
      <c r="L39554" s="6"/>
    </row>
    <row r="39555" spans="1:12">
      <c r="A39555" s="6" t="s">
        <v>31516</v>
      </c>
      <c r="B39555" s="6" t="s">
        <v>38564</v>
      </c>
      <c r="C39555" s="6" t="s">
        <v>32230</v>
      </c>
      <c r="D39555" s="6" t="s">
        <v>38563</v>
      </c>
      <c r="E39555" s="6" t="s">
        <v>9</v>
      </c>
      <c r="F39555" s="7">
        <v>35886</v>
      </c>
      <c r="G39555" s="8">
        <v>1296000</v>
      </c>
      <c r="H39555" s="8">
        <v>355104</v>
      </c>
      <c r="I39555" s="8">
        <v>983664</v>
      </c>
      <c r="J39555" s="8">
        <v>312336</v>
      </c>
      <c r="K39555" s="9">
        <v>21.6</v>
      </c>
      <c r="L39555" s="6"/>
    </row>
    <row r="39556" spans="1:12">
      <c r="A39556" s="6" t="s">
        <v>31551</v>
      </c>
      <c r="B39556" s="6" t="s">
        <v>38565</v>
      </c>
      <c r="C39556" s="6" t="s">
        <v>32230</v>
      </c>
      <c r="D39556" s="6" t="s">
        <v>38566</v>
      </c>
      <c r="E39556" s="6" t="s">
        <v>9</v>
      </c>
      <c r="F39556" s="7">
        <v>40959</v>
      </c>
      <c r="G39556" s="8">
        <v>2981400</v>
      </c>
      <c r="H39556" s="8">
        <v>2095926</v>
      </c>
      <c r="I39556" s="8">
        <v>983860</v>
      </c>
      <c r="J39556" s="8">
        <v>1997540</v>
      </c>
      <c r="K39556" s="9">
        <v>49.69</v>
      </c>
      <c r="L39556" s="6"/>
    </row>
    <row r="39557" spans="1:12">
      <c r="A39557" s="6" t="s">
        <v>31551</v>
      </c>
      <c r="B39557" s="6" t="s">
        <v>38567</v>
      </c>
      <c r="C39557" s="6" t="s">
        <v>32230</v>
      </c>
      <c r="D39557" s="6" t="s">
        <v>38566</v>
      </c>
      <c r="E39557" s="6" t="s">
        <v>9</v>
      </c>
      <c r="F39557" s="7">
        <v>40970</v>
      </c>
      <c r="G39557" s="8">
        <v>25620000</v>
      </c>
      <c r="H39557" s="8">
        <v>10171140</v>
      </c>
      <c r="I39557" s="8">
        <v>17165400</v>
      </c>
      <c r="J39557" s="8">
        <v>8454600</v>
      </c>
      <c r="K39557" s="9"/>
      <c r="L39557" s="6"/>
    </row>
    <row r="39558" spans="1:12">
      <c r="A39558" s="6" t="s">
        <v>31551</v>
      </c>
      <c r="B39558" s="6" t="s">
        <v>38567</v>
      </c>
      <c r="C39558" s="6" t="s">
        <v>32230</v>
      </c>
      <c r="D39558" s="6" t="s">
        <v>38566</v>
      </c>
      <c r="E39558" s="6" t="s">
        <v>9</v>
      </c>
      <c r="F39558" s="7">
        <v>40970</v>
      </c>
      <c r="G39558" s="8">
        <v>22690500</v>
      </c>
      <c r="H39558" s="8">
        <v>11254488</v>
      </c>
      <c r="I39558" s="8">
        <v>12706680</v>
      </c>
      <c r="J39558" s="8">
        <v>9983820</v>
      </c>
      <c r="K39558" s="9"/>
      <c r="L39558" s="6"/>
    </row>
    <row r="39559" spans="1:12">
      <c r="A39559" s="6" t="s">
        <v>31551</v>
      </c>
      <c r="B39559" s="6" t="s">
        <v>38567</v>
      </c>
      <c r="C39559" s="6" t="s">
        <v>32230</v>
      </c>
      <c r="D39559" s="6" t="s">
        <v>38566</v>
      </c>
      <c r="E39559" s="6" t="s">
        <v>9</v>
      </c>
      <c r="F39559" s="7">
        <v>43784</v>
      </c>
      <c r="G39559" s="8">
        <v>32400</v>
      </c>
      <c r="H39559" s="8">
        <v>30230</v>
      </c>
      <c r="I39559" s="8">
        <v>4340</v>
      </c>
      <c r="J39559" s="8">
        <v>28060</v>
      </c>
      <c r="K39559" s="9"/>
      <c r="L39559" s="6"/>
    </row>
    <row r="39560" spans="1:12">
      <c r="A39560" s="6" t="s">
        <v>31551</v>
      </c>
      <c r="B39560" s="6" t="s">
        <v>38567</v>
      </c>
      <c r="C39560" s="6" t="s">
        <v>32230</v>
      </c>
      <c r="D39560" s="6" t="s">
        <v>38566</v>
      </c>
      <c r="E39560" s="6" t="s">
        <v>9</v>
      </c>
      <c r="F39560" s="7">
        <v>40959</v>
      </c>
      <c r="G39560" s="8">
        <v>79892800</v>
      </c>
      <c r="H39560" s="8">
        <v>58321744</v>
      </c>
      <c r="I39560" s="8">
        <v>23728161</v>
      </c>
      <c r="J39560" s="8">
        <v>56164639</v>
      </c>
      <c r="K39560" s="9">
        <v>998.66</v>
      </c>
      <c r="L39560" s="6"/>
    </row>
    <row r="39561" spans="1:12">
      <c r="A39561" s="6" t="s">
        <v>31551</v>
      </c>
      <c r="B39561" s="6" t="s">
        <v>38567</v>
      </c>
      <c r="C39561" s="6" t="s">
        <v>32230</v>
      </c>
      <c r="D39561" s="6" t="s">
        <v>38566</v>
      </c>
      <c r="E39561" s="6" t="s">
        <v>9</v>
      </c>
      <c r="F39561" s="7">
        <v>43555</v>
      </c>
      <c r="G39561" s="8">
        <v>88560</v>
      </c>
      <c r="H39561" s="8">
        <v>78642</v>
      </c>
      <c r="I39561" s="8">
        <v>14877</v>
      </c>
      <c r="J39561" s="8">
        <v>73683</v>
      </c>
      <c r="K39561" s="9"/>
      <c r="L39561" s="6"/>
    </row>
    <row r="39562" spans="1:12">
      <c r="A39562" s="6" t="s">
        <v>38568</v>
      </c>
      <c r="B39562" s="6" t="s">
        <v>38569</v>
      </c>
      <c r="C39562" s="6" t="s">
        <v>32230</v>
      </c>
      <c r="D39562" s="6" t="s">
        <v>38570</v>
      </c>
      <c r="E39562" s="6" t="s">
        <v>9</v>
      </c>
      <c r="F39562" s="7">
        <v>30103</v>
      </c>
      <c r="G39562" s="8">
        <v>755259450</v>
      </c>
      <c r="H39562" s="8">
        <v>123862584</v>
      </c>
      <c r="I39562" s="8">
        <v>648012573</v>
      </c>
      <c r="J39562" s="8">
        <v>107246877</v>
      </c>
      <c r="K39562" s="9">
        <v>3213.87</v>
      </c>
      <c r="L39562" s="6"/>
    </row>
    <row r="39563" spans="1:12">
      <c r="A39563" s="6" t="s">
        <v>38568</v>
      </c>
      <c r="B39563" s="6" t="s">
        <v>38569</v>
      </c>
      <c r="C39563" s="6" t="s">
        <v>32230</v>
      </c>
      <c r="D39563" s="6" t="s">
        <v>38570</v>
      </c>
      <c r="E39563" s="6" t="s">
        <v>9</v>
      </c>
      <c r="F39563" s="7">
        <v>44286</v>
      </c>
      <c r="G39563" s="8">
        <v>997590</v>
      </c>
      <c r="H39563" s="8">
        <v>997590</v>
      </c>
      <c r="I39563" s="8">
        <v>66838</v>
      </c>
      <c r="J39563" s="8">
        <v>930752</v>
      </c>
      <c r="K39563" s="9"/>
      <c r="L39563" s="6"/>
    </row>
    <row r="39564" spans="1:12">
      <c r="A39564" s="6" t="s">
        <v>38571</v>
      </c>
      <c r="B39564" s="6" t="s">
        <v>38571</v>
      </c>
      <c r="C39564" s="6" t="s">
        <v>32230</v>
      </c>
      <c r="D39564" s="6" t="s">
        <v>37908</v>
      </c>
      <c r="E39564" s="6" t="s">
        <v>9</v>
      </c>
      <c r="F39564" s="7">
        <v>43475</v>
      </c>
      <c r="G39564" s="8">
        <v>1220400</v>
      </c>
      <c r="H39564" s="8">
        <v>1056868</v>
      </c>
      <c r="I39564" s="8">
        <v>245298</v>
      </c>
      <c r="J39564" s="8">
        <v>975102</v>
      </c>
      <c r="K39564" s="9"/>
      <c r="L39564" s="6"/>
    </row>
    <row r="39565" spans="1:12">
      <c r="A39565" s="6" t="s">
        <v>38571</v>
      </c>
      <c r="B39565" s="6" t="s">
        <v>38571</v>
      </c>
      <c r="C39565" s="6" t="s">
        <v>32230</v>
      </c>
      <c r="D39565" s="6" t="s">
        <v>37908</v>
      </c>
      <c r="E39565" s="6" t="s">
        <v>9</v>
      </c>
      <c r="F39565" s="7">
        <v>30385</v>
      </c>
      <c r="G39565" s="8">
        <v>96032250</v>
      </c>
      <c r="H39565" s="8">
        <v>23047740</v>
      </c>
      <c r="I39565" s="8">
        <v>74905155</v>
      </c>
      <c r="J39565" s="8">
        <v>21127095</v>
      </c>
      <c r="K39565" s="9">
        <v>711.35</v>
      </c>
      <c r="L39565" s="6"/>
    </row>
    <row r="39566" spans="1:12">
      <c r="A39566" s="6" t="s">
        <v>38571</v>
      </c>
      <c r="B39566" s="6" t="s">
        <v>38571</v>
      </c>
      <c r="C39566" s="6" t="s">
        <v>32230</v>
      </c>
      <c r="D39566" s="6" t="s">
        <v>37908</v>
      </c>
      <c r="E39566" s="6" t="s">
        <v>9</v>
      </c>
      <c r="F39566" s="7">
        <v>44081</v>
      </c>
      <c r="G39566" s="8">
        <v>946000</v>
      </c>
      <c r="H39566" s="8">
        <v>946000</v>
      </c>
      <c r="I39566" s="8">
        <v>63382</v>
      </c>
      <c r="J39566" s="8">
        <v>882618</v>
      </c>
      <c r="K39566" s="9"/>
      <c r="L39566" s="6"/>
    </row>
    <row r="39567" spans="1:12">
      <c r="A39567" s="6" t="s">
        <v>38571</v>
      </c>
      <c r="B39567" s="6" t="s">
        <v>38572</v>
      </c>
      <c r="C39567" s="6" t="s">
        <v>32230</v>
      </c>
      <c r="D39567" s="6" t="s">
        <v>37908</v>
      </c>
      <c r="E39567" s="6" t="s">
        <v>9</v>
      </c>
      <c r="F39567" s="7">
        <v>36251</v>
      </c>
      <c r="G39567" s="8">
        <v>493500</v>
      </c>
      <c r="H39567" s="8">
        <v>151515</v>
      </c>
      <c r="I39567" s="8">
        <v>358270</v>
      </c>
      <c r="J39567" s="8">
        <v>135230</v>
      </c>
      <c r="K39567" s="9">
        <v>10</v>
      </c>
      <c r="L39567" s="6"/>
    </row>
    <row r="39568" spans="1:12">
      <c r="A39568" s="6" t="s">
        <v>38571</v>
      </c>
      <c r="B39568" s="6" t="s">
        <v>38573</v>
      </c>
      <c r="C39568" s="6" t="s">
        <v>32230</v>
      </c>
      <c r="D39568" s="6" t="s">
        <v>37908</v>
      </c>
      <c r="E39568" s="6" t="s">
        <v>9</v>
      </c>
      <c r="F39568" s="7">
        <v>40563</v>
      </c>
      <c r="G39568" s="8">
        <v>4914000</v>
      </c>
      <c r="H39568" s="8">
        <v>3587220</v>
      </c>
      <c r="I39568" s="8">
        <v>1459458</v>
      </c>
      <c r="J39568" s="8">
        <v>3454542</v>
      </c>
      <c r="K39568" s="9">
        <v>9.7899999999999903</v>
      </c>
      <c r="L39568" s="6"/>
    </row>
    <row r="39569" spans="1:12">
      <c r="A39569" s="6" t="s">
        <v>31605</v>
      </c>
      <c r="B39569" s="6" t="s">
        <v>37786</v>
      </c>
      <c r="C39569" s="6" t="s">
        <v>32230</v>
      </c>
      <c r="D39569" s="6" t="s">
        <v>38574</v>
      </c>
      <c r="E39569" s="6" t="s">
        <v>25121</v>
      </c>
      <c r="F39569" s="7">
        <v>30987</v>
      </c>
      <c r="G39569" s="8">
        <v>41870150</v>
      </c>
      <c r="H39569" s="8">
        <v>4187042</v>
      </c>
      <c r="I39569" s="8">
        <v>38729861</v>
      </c>
      <c r="J39569" s="8">
        <v>3140289</v>
      </c>
      <c r="K39569" s="9">
        <v>270.13</v>
      </c>
      <c r="L39569" s="6"/>
    </row>
    <row r="39570" spans="1:12">
      <c r="A39570" s="6" t="s">
        <v>31607</v>
      </c>
      <c r="B39570" s="6" t="s">
        <v>31607</v>
      </c>
      <c r="C39570" s="6" t="s">
        <v>32230</v>
      </c>
      <c r="D39570" s="6" t="s">
        <v>38575</v>
      </c>
      <c r="E39570" s="6" t="s">
        <v>9</v>
      </c>
      <c r="F39570" s="7">
        <v>41654</v>
      </c>
      <c r="G39570" s="8">
        <v>142545900</v>
      </c>
      <c r="H39570" s="8">
        <v>122589474</v>
      </c>
      <c r="I39570" s="8">
        <v>22807344</v>
      </c>
      <c r="J39570" s="8">
        <v>119738556</v>
      </c>
      <c r="K39570" s="9"/>
      <c r="L39570" s="6"/>
    </row>
    <row r="39571" spans="1:12">
      <c r="A39571" s="6" t="s">
        <v>31607</v>
      </c>
      <c r="B39571" s="6" t="s">
        <v>31607</v>
      </c>
      <c r="C39571" s="6" t="s">
        <v>32230</v>
      </c>
      <c r="D39571" s="6" t="s">
        <v>38575</v>
      </c>
      <c r="E39571" s="6" t="s">
        <v>9</v>
      </c>
      <c r="F39571" s="7">
        <v>42324</v>
      </c>
      <c r="G39571" s="8">
        <v>291600</v>
      </c>
      <c r="H39571" s="8">
        <v>145800</v>
      </c>
      <c r="I39571" s="8">
        <v>174960</v>
      </c>
      <c r="J39571" s="8">
        <v>116640</v>
      </c>
      <c r="K39571" s="9"/>
      <c r="L39571" s="6"/>
    </row>
    <row r="39572" spans="1:12">
      <c r="A39572" s="6" t="s">
        <v>31607</v>
      </c>
      <c r="B39572" s="6" t="s">
        <v>31607</v>
      </c>
      <c r="C39572" s="6" t="s">
        <v>32230</v>
      </c>
      <c r="D39572" s="6" t="s">
        <v>38575</v>
      </c>
      <c r="E39572" s="6" t="s">
        <v>9</v>
      </c>
      <c r="F39572" s="7">
        <v>29305</v>
      </c>
      <c r="G39572" s="8">
        <v>125624250</v>
      </c>
      <c r="H39572" s="8">
        <v>22612365</v>
      </c>
      <c r="I39572" s="8">
        <v>105524370</v>
      </c>
      <c r="J39572" s="8">
        <v>20099880</v>
      </c>
      <c r="K39572" s="9">
        <v>930.55</v>
      </c>
      <c r="L39572" s="6"/>
    </row>
    <row r="39573" spans="1:12">
      <c r="A39573" s="6" t="s">
        <v>31607</v>
      </c>
      <c r="B39573" s="6" t="s">
        <v>31607</v>
      </c>
      <c r="C39573" s="6" t="s">
        <v>32230</v>
      </c>
      <c r="D39573" s="6" t="s">
        <v>38575</v>
      </c>
      <c r="E39573" s="6" t="s">
        <v>9</v>
      </c>
      <c r="F39573" s="7">
        <v>41670</v>
      </c>
      <c r="G39573" s="8">
        <v>5460000</v>
      </c>
      <c r="H39573" s="8">
        <v>4695600</v>
      </c>
      <c r="I39573" s="8">
        <v>873600</v>
      </c>
      <c r="J39573" s="8">
        <v>4586400</v>
      </c>
      <c r="K39573" s="9"/>
      <c r="L39573" s="6"/>
    </row>
    <row r="39574" spans="1:12">
      <c r="A39574" s="6" t="s">
        <v>31607</v>
      </c>
      <c r="B39574" s="6" t="s">
        <v>31607</v>
      </c>
      <c r="C39574" s="6" t="s">
        <v>32230</v>
      </c>
      <c r="D39574" s="6" t="s">
        <v>38575</v>
      </c>
      <c r="E39574" s="6" t="s">
        <v>9</v>
      </c>
      <c r="F39574" s="7">
        <v>41358</v>
      </c>
      <c r="G39574" s="8">
        <v>6825000</v>
      </c>
      <c r="H39574" s="8">
        <v>5733000</v>
      </c>
      <c r="I39574" s="8">
        <v>1228500</v>
      </c>
      <c r="J39574" s="8">
        <v>5596500</v>
      </c>
      <c r="K39574" s="9"/>
      <c r="L39574" s="6"/>
    </row>
    <row r="39575" spans="1:12">
      <c r="A39575" s="6" t="s">
        <v>31607</v>
      </c>
      <c r="B39575" s="6" t="s">
        <v>31607</v>
      </c>
      <c r="C39575" s="6" t="s">
        <v>32230</v>
      </c>
      <c r="D39575" s="6" t="s">
        <v>38575</v>
      </c>
      <c r="E39575" s="6" t="s">
        <v>9</v>
      </c>
      <c r="F39575" s="7">
        <v>41358</v>
      </c>
      <c r="G39575" s="8">
        <v>74853450</v>
      </c>
      <c r="H39575" s="8">
        <v>62876898</v>
      </c>
      <c r="I39575" s="8">
        <v>13473621</v>
      </c>
      <c r="J39575" s="8">
        <v>61379829</v>
      </c>
      <c r="K39575" s="9"/>
      <c r="L39575" s="6"/>
    </row>
    <row r="39576" spans="1:12">
      <c r="A39576" s="6" t="s">
        <v>31607</v>
      </c>
      <c r="B39576" s="6" t="s">
        <v>31607</v>
      </c>
      <c r="C39576" s="6" t="s">
        <v>32230</v>
      </c>
      <c r="D39576" s="6" t="s">
        <v>38575</v>
      </c>
      <c r="E39576" s="6" t="s">
        <v>9</v>
      </c>
      <c r="F39576" s="7">
        <v>41698</v>
      </c>
      <c r="G39576" s="8">
        <v>227850</v>
      </c>
      <c r="H39576" s="8">
        <v>68355</v>
      </c>
      <c r="I39576" s="8">
        <v>182280</v>
      </c>
      <c r="J39576" s="8">
        <v>45570</v>
      </c>
      <c r="K39576" s="9"/>
      <c r="L39576" s="6"/>
    </row>
    <row r="39577" spans="1:12">
      <c r="A39577" s="6" t="s">
        <v>31607</v>
      </c>
      <c r="B39577" s="6" t="s">
        <v>31607</v>
      </c>
      <c r="C39577" s="6" t="s">
        <v>32230</v>
      </c>
      <c r="D39577" s="6" t="s">
        <v>38575</v>
      </c>
      <c r="E39577" s="6" t="s">
        <v>9</v>
      </c>
      <c r="F39577" s="7">
        <v>40877</v>
      </c>
      <c r="G39577" s="8">
        <v>8400000</v>
      </c>
      <c r="H39577" s="8">
        <v>6888000</v>
      </c>
      <c r="I39577" s="8">
        <v>1680000</v>
      </c>
      <c r="J39577" s="8">
        <v>6720000</v>
      </c>
      <c r="K39577" s="9"/>
      <c r="L39577" s="6"/>
    </row>
    <row r="39578" spans="1:12">
      <c r="A39578" s="6" t="s">
        <v>31607</v>
      </c>
      <c r="B39578" s="6" t="s">
        <v>31607</v>
      </c>
      <c r="C39578" s="6" t="s">
        <v>32230</v>
      </c>
      <c r="D39578" s="6" t="s">
        <v>38575</v>
      </c>
      <c r="E39578" s="6" t="s">
        <v>9</v>
      </c>
      <c r="F39578" s="7">
        <v>41663</v>
      </c>
      <c r="G39578" s="8">
        <v>13937700</v>
      </c>
      <c r="H39578" s="8">
        <v>8474123</v>
      </c>
      <c r="I39578" s="8">
        <v>6244088</v>
      </c>
      <c r="J39578" s="8">
        <v>7693612</v>
      </c>
      <c r="K39578" s="9"/>
      <c r="L39578" s="6"/>
    </row>
    <row r="39579" spans="1:12">
      <c r="A39579" s="6" t="s">
        <v>31607</v>
      </c>
      <c r="B39579" s="6" t="s">
        <v>31607</v>
      </c>
      <c r="C39579" s="6" t="s">
        <v>32230</v>
      </c>
      <c r="D39579" s="6" t="s">
        <v>38575</v>
      </c>
      <c r="E39579" s="6" t="s">
        <v>9</v>
      </c>
      <c r="F39579" s="7">
        <v>41663</v>
      </c>
      <c r="G39579" s="8">
        <v>18585000</v>
      </c>
      <c r="H39579" s="8">
        <v>9868635</v>
      </c>
      <c r="I39579" s="8">
        <v>9961560</v>
      </c>
      <c r="J39579" s="8">
        <v>8623440</v>
      </c>
      <c r="K39579" s="9"/>
      <c r="L39579" s="6"/>
    </row>
    <row r="39580" spans="1:12">
      <c r="A39580" s="6" t="s">
        <v>31640</v>
      </c>
      <c r="B39580" s="6" t="s">
        <v>31640</v>
      </c>
      <c r="C39580" s="6" t="s">
        <v>32230</v>
      </c>
      <c r="D39580" s="6" t="s">
        <v>38576</v>
      </c>
      <c r="E39580" s="6" t="s">
        <v>9</v>
      </c>
      <c r="F39580" s="7">
        <v>42998</v>
      </c>
      <c r="G39580" s="8">
        <v>1544400</v>
      </c>
      <c r="H39580" s="8">
        <v>1233978</v>
      </c>
      <c r="I39580" s="8">
        <v>413896</v>
      </c>
      <c r="J39580" s="8">
        <v>1130504</v>
      </c>
      <c r="K39580" s="9"/>
      <c r="L39580" s="6"/>
    </row>
    <row r="39581" spans="1:12">
      <c r="A39581" s="6" t="s">
        <v>31640</v>
      </c>
      <c r="B39581" s="6" t="s">
        <v>31640</v>
      </c>
      <c r="C39581" s="6" t="s">
        <v>32230</v>
      </c>
      <c r="D39581" s="6" t="s">
        <v>38576</v>
      </c>
      <c r="E39581" s="6" t="s">
        <v>9</v>
      </c>
      <c r="F39581" s="7">
        <v>40305</v>
      </c>
      <c r="G39581" s="8">
        <v>216300</v>
      </c>
      <c r="H39581" s="8">
        <v>71380</v>
      </c>
      <c r="I39581" s="8">
        <v>159412</v>
      </c>
      <c r="J39581" s="8">
        <v>56888</v>
      </c>
      <c r="K39581" s="9"/>
      <c r="L39581" s="6"/>
    </row>
    <row r="39582" spans="1:12">
      <c r="A39582" s="6" t="s">
        <v>31640</v>
      </c>
      <c r="B39582" s="6" t="s">
        <v>31640</v>
      </c>
      <c r="C39582" s="6" t="s">
        <v>32230</v>
      </c>
      <c r="D39582" s="6" t="s">
        <v>38576</v>
      </c>
      <c r="E39582" s="6" t="s">
        <v>9</v>
      </c>
      <c r="F39582" s="7">
        <v>33317</v>
      </c>
      <c r="G39582" s="8">
        <v>195178820</v>
      </c>
      <c r="H39582" s="8">
        <v>78071540</v>
      </c>
      <c r="I39582" s="8">
        <v>121010856</v>
      </c>
      <c r="J39582" s="8">
        <v>74167964</v>
      </c>
      <c r="K39582" s="9">
        <v>932.5</v>
      </c>
      <c r="L39582" s="6"/>
    </row>
    <row r="39583" spans="1:12">
      <c r="A39583" s="6" t="s">
        <v>31640</v>
      </c>
      <c r="B39583" s="6" t="s">
        <v>31640</v>
      </c>
      <c r="C39583" s="6" t="s">
        <v>32230</v>
      </c>
      <c r="D39583" s="6" t="s">
        <v>38576</v>
      </c>
      <c r="E39583" s="6" t="s">
        <v>9</v>
      </c>
      <c r="F39583" s="7">
        <v>44081</v>
      </c>
      <c r="G39583" s="8">
        <v>935000</v>
      </c>
      <c r="H39583" s="8">
        <v>935000</v>
      </c>
      <c r="I39583" s="8">
        <v>62645</v>
      </c>
      <c r="J39583" s="8">
        <v>872355</v>
      </c>
      <c r="K39583" s="9"/>
      <c r="L39583" s="6"/>
    </row>
    <row r="39584" spans="1:12">
      <c r="A39584" s="6" t="s">
        <v>31640</v>
      </c>
      <c r="B39584" s="6" t="s">
        <v>38577</v>
      </c>
      <c r="C39584" s="6" t="s">
        <v>32230</v>
      </c>
      <c r="D39584" s="6" t="s">
        <v>38576</v>
      </c>
      <c r="E39584" s="6" t="s">
        <v>9</v>
      </c>
      <c r="F39584" s="7">
        <v>35886</v>
      </c>
      <c r="G39584" s="8">
        <v>540000</v>
      </c>
      <c r="H39584" s="8">
        <v>147960</v>
      </c>
      <c r="I39584" s="8">
        <v>409860</v>
      </c>
      <c r="J39584" s="8">
        <v>130140</v>
      </c>
      <c r="K39584" s="9">
        <v>9</v>
      </c>
      <c r="L39584" s="6"/>
    </row>
    <row r="39585" spans="1:12">
      <c r="A39585" s="6" t="s">
        <v>31657</v>
      </c>
      <c r="B39585" s="6" t="s">
        <v>38578</v>
      </c>
      <c r="C39585" s="6" t="s">
        <v>32230</v>
      </c>
      <c r="D39585" s="6" t="s">
        <v>38579</v>
      </c>
      <c r="E39585" s="6" t="s">
        <v>9</v>
      </c>
      <c r="F39585" s="7">
        <v>12510</v>
      </c>
      <c r="G39585" s="8">
        <v>56157350</v>
      </c>
      <c r="H39585" s="8">
        <v>1</v>
      </c>
      <c r="I39585" s="8">
        <v>56157349</v>
      </c>
      <c r="J39585" s="8">
        <v>1</v>
      </c>
      <c r="K39585" s="9">
        <v>591.13</v>
      </c>
      <c r="L39585" s="6"/>
    </row>
    <row r="39586" spans="1:12">
      <c r="A39586" s="6" t="s">
        <v>31657</v>
      </c>
      <c r="B39586" s="6" t="s">
        <v>38578</v>
      </c>
      <c r="C39586" s="6" t="s">
        <v>32230</v>
      </c>
      <c r="D39586" s="6" t="s">
        <v>38579</v>
      </c>
      <c r="E39586" s="6" t="s">
        <v>9</v>
      </c>
      <c r="F39586" s="7">
        <v>41360</v>
      </c>
      <c r="G39586" s="8">
        <v>2950500</v>
      </c>
      <c r="H39586" s="8">
        <v>1628676</v>
      </c>
      <c r="I39586" s="8">
        <v>1487052</v>
      </c>
      <c r="J39586" s="8">
        <v>1463448</v>
      </c>
      <c r="K39586" s="9"/>
      <c r="L39586" s="6"/>
    </row>
    <row r="39587" spans="1:12">
      <c r="A39587" s="6" t="s">
        <v>31657</v>
      </c>
      <c r="B39587" s="6" t="s">
        <v>38578</v>
      </c>
      <c r="C39587" s="6" t="s">
        <v>32230</v>
      </c>
      <c r="D39587" s="6" t="s">
        <v>38579</v>
      </c>
      <c r="E39587" s="6" t="s">
        <v>9</v>
      </c>
      <c r="F39587" s="7">
        <v>43262</v>
      </c>
      <c r="G39587" s="8">
        <v>399600</v>
      </c>
      <c r="H39587" s="8">
        <v>346054</v>
      </c>
      <c r="I39587" s="8">
        <v>80319</v>
      </c>
      <c r="J39587" s="8">
        <v>319281</v>
      </c>
      <c r="K39587" s="9"/>
      <c r="L39587" s="6"/>
    </row>
    <row r="39588" spans="1:12">
      <c r="A39588" s="6" t="s">
        <v>31657</v>
      </c>
      <c r="B39588" s="6" t="s">
        <v>38578</v>
      </c>
      <c r="C39588" s="6" t="s">
        <v>32230</v>
      </c>
      <c r="D39588" s="6" t="s">
        <v>38579</v>
      </c>
      <c r="E39588" s="6" t="s">
        <v>9</v>
      </c>
      <c r="F39588" s="7">
        <v>41360</v>
      </c>
      <c r="G39588" s="8">
        <v>8393700</v>
      </c>
      <c r="H39588" s="8">
        <v>3894684</v>
      </c>
      <c r="I39588" s="8">
        <v>5061393</v>
      </c>
      <c r="J39588" s="8">
        <v>3332307</v>
      </c>
      <c r="K39588" s="9"/>
      <c r="L39588" s="6"/>
    </row>
    <row r="39589" spans="1:12">
      <c r="A39589" s="6" t="s">
        <v>31657</v>
      </c>
      <c r="B39589" s="6" t="s">
        <v>38580</v>
      </c>
      <c r="C39589" s="6" t="s">
        <v>32230</v>
      </c>
      <c r="D39589" s="6" t="s">
        <v>38579</v>
      </c>
      <c r="E39589" s="6" t="s">
        <v>9</v>
      </c>
      <c r="F39589" s="7">
        <v>41632</v>
      </c>
      <c r="G39589" s="8">
        <v>3272850</v>
      </c>
      <c r="H39589" s="8">
        <v>1737890</v>
      </c>
      <c r="I39589" s="8">
        <v>1754240</v>
      </c>
      <c r="J39589" s="8">
        <v>1518610</v>
      </c>
      <c r="K39589" s="9"/>
      <c r="L39589" s="6"/>
    </row>
    <row r="39590" spans="1:12">
      <c r="A39590" s="6" t="s">
        <v>31657</v>
      </c>
      <c r="B39590" s="6" t="s">
        <v>38580</v>
      </c>
      <c r="C39590" s="6" t="s">
        <v>32230</v>
      </c>
      <c r="D39590" s="6" t="s">
        <v>38579</v>
      </c>
      <c r="E39590" s="6" t="s">
        <v>9</v>
      </c>
      <c r="F39590" s="7">
        <v>41632</v>
      </c>
      <c r="G39590" s="8">
        <v>33159000</v>
      </c>
      <c r="H39590" s="8">
        <v>23410254</v>
      </c>
      <c r="I39590" s="8">
        <v>11141424</v>
      </c>
      <c r="J39590" s="8">
        <v>22017576</v>
      </c>
      <c r="K39590" s="9">
        <v>0</v>
      </c>
      <c r="L39590" s="6"/>
    </row>
    <row r="39591" spans="1:12">
      <c r="A39591" s="6" t="s">
        <v>31657</v>
      </c>
      <c r="B39591" s="6" t="s">
        <v>38580</v>
      </c>
      <c r="C39591" s="6" t="s">
        <v>32230</v>
      </c>
      <c r="D39591" s="6" t="s">
        <v>38579</v>
      </c>
      <c r="E39591" s="6" t="s">
        <v>9</v>
      </c>
      <c r="F39591" s="7">
        <v>41632</v>
      </c>
      <c r="G39591" s="8">
        <v>5869500</v>
      </c>
      <c r="H39591" s="8">
        <v>3568656</v>
      </c>
      <c r="I39591" s="8">
        <v>2629536</v>
      </c>
      <c r="J39591" s="8">
        <v>3239964</v>
      </c>
      <c r="K39591" s="9"/>
      <c r="L39591" s="6"/>
    </row>
    <row r="39592" spans="1:12">
      <c r="A39592" s="6" t="s">
        <v>31657</v>
      </c>
      <c r="B39592" s="6" t="s">
        <v>38581</v>
      </c>
      <c r="C39592" s="6" t="s">
        <v>32230</v>
      </c>
      <c r="D39592" s="6" t="s">
        <v>38579</v>
      </c>
      <c r="E39592" s="6" t="s">
        <v>9</v>
      </c>
      <c r="F39592" s="7">
        <v>42699</v>
      </c>
      <c r="G39592" s="8">
        <v>448200</v>
      </c>
      <c r="H39592" s="8">
        <v>399796</v>
      </c>
      <c r="I39592" s="8">
        <v>60505</v>
      </c>
      <c r="J39592" s="8">
        <v>387695</v>
      </c>
      <c r="K39592" s="9">
        <v>3.49</v>
      </c>
      <c r="L39592" s="6"/>
    </row>
    <row r="39593" spans="1:12">
      <c r="A39593" s="6" t="s">
        <v>31695</v>
      </c>
      <c r="B39593" s="6" t="s">
        <v>31695</v>
      </c>
      <c r="C39593" s="6" t="s">
        <v>32230</v>
      </c>
      <c r="D39593" s="6" t="s">
        <v>38582</v>
      </c>
      <c r="E39593" s="6" t="s">
        <v>9</v>
      </c>
      <c r="F39593" s="7">
        <v>29670</v>
      </c>
      <c r="G39593" s="8">
        <v>55771200</v>
      </c>
      <c r="H39593" s="8">
        <v>11154240</v>
      </c>
      <c r="I39593" s="8">
        <v>45732384</v>
      </c>
      <c r="J39593" s="8">
        <v>10038816</v>
      </c>
      <c r="K39593" s="9">
        <v>413.12</v>
      </c>
      <c r="L39593" s="6"/>
    </row>
    <row r="39594" spans="1:12">
      <c r="A39594" s="6" t="s">
        <v>31695</v>
      </c>
      <c r="B39594" s="6" t="s">
        <v>31695</v>
      </c>
      <c r="C39594" s="6" t="s">
        <v>32230</v>
      </c>
      <c r="D39594" s="6" t="s">
        <v>38582</v>
      </c>
      <c r="E39594" s="6" t="s">
        <v>9</v>
      </c>
      <c r="F39594" s="7">
        <v>39872</v>
      </c>
      <c r="G39594" s="8">
        <v>320000</v>
      </c>
      <c r="H39594" s="8">
        <v>62720</v>
      </c>
      <c r="I39594" s="8">
        <v>278720</v>
      </c>
      <c r="J39594" s="8">
        <v>41280</v>
      </c>
      <c r="K39594" s="9"/>
      <c r="L39594" s="6"/>
    </row>
    <row r="39595" spans="1:12">
      <c r="A39595" s="6" t="s">
        <v>31695</v>
      </c>
      <c r="B39595" s="6" t="s">
        <v>38583</v>
      </c>
      <c r="C39595" s="6" t="s">
        <v>32230</v>
      </c>
      <c r="D39595" s="6" t="s">
        <v>38582</v>
      </c>
      <c r="E39595" s="6" t="s">
        <v>9</v>
      </c>
      <c r="F39595" s="7">
        <v>40535</v>
      </c>
      <c r="G39595" s="8">
        <v>853939</v>
      </c>
      <c r="H39595" s="8">
        <v>281809</v>
      </c>
      <c r="I39595" s="8">
        <v>629343</v>
      </c>
      <c r="J39595" s="8">
        <v>224596</v>
      </c>
      <c r="K39595" s="9"/>
      <c r="L39595" s="6"/>
    </row>
    <row r="39596" spans="1:12">
      <c r="A39596" s="6" t="s">
        <v>31695</v>
      </c>
      <c r="B39596" s="6" t="s">
        <v>38583</v>
      </c>
      <c r="C39596" s="6" t="s">
        <v>32230</v>
      </c>
      <c r="D39596" s="6" t="s">
        <v>38582</v>
      </c>
      <c r="E39596" s="6" t="s">
        <v>9</v>
      </c>
      <c r="F39596" s="7">
        <v>40539</v>
      </c>
      <c r="G39596" s="8">
        <v>57386076</v>
      </c>
      <c r="H39596" s="8">
        <v>41891836</v>
      </c>
      <c r="I39596" s="8">
        <v>17043664</v>
      </c>
      <c r="J39596" s="8">
        <v>40342412</v>
      </c>
      <c r="K39596" s="9">
        <v>19.32</v>
      </c>
      <c r="L39596" s="6"/>
    </row>
    <row r="39597" spans="1:12">
      <c r="A39597" s="6" t="s">
        <v>31695</v>
      </c>
      <c r="B39597" s="6" t="s">
        <v>38583</v>
      </c>
      <c r="C39597" s="6" t="s">
        <v>32230</v>
      </c>
      <c r="D39597" s="6" t="s">
        <v>38582</v>
      </c>
      <c r="E39597" s="6" t="s">
        <v>9</v>
      </c>
      <c r="F39597" s="7">
        <v>40532</v>
      </c>
      <c r="G39597" s="8">
        <v>1440892</v>
      </c>
      <c r="H39597" s="8">
        <v>634002</v>
      </c>
      <c r="I39597" s="8">
        <v>887579</v>
      </c>
      <c r="J39597" s="8">
        <v>553313</v>
      </c>
      <c r="K39597" s="9"/>
      <c r="L39597" s="6"/>
    </row>
    <row r="39598" spans="1:12">
      <c r="A39598" s="6" t="s">
        <v>31695</v>
      </c>
      <c r="B39598" s="6" t="s">
        <v>38584</v>
      </c>
      <c r="C39598" s="6" t="s">
        <v>32230</v>
      </c>
      <c r="D39598" s="6" t="s">
        <v>38582</v>
      </c>
      <c r="E39598" s="6" t="s">
        <v>9</v>
      </c>
      <c r="F39598" s="7">
        <v>40532</v>
      </c>
      <c r="G39598" s="8">
        <v>24603307</v>
      </c>
      <c r="H39598" s="8">
        <v>10825457</v>
      </c>
      <c r="I39598" s="8">
        <v>15155635</v>
      </c>
      <c r="J39598" s="8">
        <v>9447672</v>
      </c>
      <c r="K39598" s="9"/>
      <c r="L39598" s="6"/>
    </row>
    <row r="39599" spans="1:12">
      <c r="A39599" s="6" t="s">
        <v>31695</v>
      </c>
      <c r="B39599" s="6" t="s">
        <v>38584</v>
      </c>
      <c r="C39599" s="6" t="s">
        <v>32230</v>
      </c>
      <c r="D39599" s="6" t="s">
        <v>38582</v>
      </c>
      <c r="E39599" s="6" t="s">
        <v>9</v>
      </c>
      <c r="F39599" s="7">
        <v>40535</v>
      </c>
      <c r="G39599" s="8">
        <v>14581060</v>
      </c>
      <c r="H39599" s="8">
        <v>4811750</v>
      </c>
      <c r="I39599" s="8">
        <v>10746241</v>
      </c>
      <c r="J39599" s="8">
        <v>3834819</v>
      </c>
      <c r="K39599" s="9"/>
      <c r="L39599" s="6"/>
    </row>
    <row r="39600" spans="1:12">
      <c r="A39600" s="6" t="s">
        <v>31695</v>
      </c>
      <c r="B39600" s="6" t="s">
        <v>38584</v>
      </c>
      <c r="C39600" s="6" t="s">
        <v>32230</v>
      </c>
      <c r="D39600" s="6" t="s">
        <v>38582</v>
      </c>
      <c r="E39600" s="6" t="s">
        <v>9</v>
      </c>
      <c r="F39600" s="7">
        <v>40539</v>
      </c>
      <c r="G39600" s="8">
        <v>82136874</v>
      </c>
      <c r="H39600" s="8">
        <v>59959924</v>
      </c>
      <c r="I39600" s="8">
        <v>24394645</v>
      </c>
      <c r="J39600" s="8">
        <v>57742229</v>
      </c>
      <c r="K39600" s="9">
        <v>329.89</v>
      </c>
      <c r="L39600" s="6"/>
    </row>
    <row r="39601" spans="1:12">
      <c r="A39601" s="6" t="s">
        <v>31716</v>
      </c>
      <c r="B39601" s="6" t="s">
        <v>31716</v>
      </c>
      <c r="C39601" s="6" t="s">
        <v>32230</v>
      </c>
      <c r="D39601" s="6" t="s">
        <v>37923</v>
      </c>
      <c r="E39601" s="6" t="s">
        <v>9</v>
      </c>
      <c r="F39601" s="7">
        <v>36977</v>
      </c>
      <c r="G39601" s="8">
        <v>645968400</v>
      </c>
      <c r="H39601" s="8">
        <v>387581040</v>
      </c>
      <c r="I39601" s="8">
        <v>271306728</v>
      </c>
      <c r="J39601" s="8">
        <v>374661672</v>
      </c>
      <c r="K39601" s="9">
        <v>2346.38</v>
      </c>
      <c r="L39601" s="6"/>
    </row>
    <row r="39602" spans="1:12">
      <c r="A39602" s="6" t="s">
        <v>31716</v>
      </c>
      <c r="B39602" s="6" t="s">
        <v>31716</v>
      </c>
      <c r="C39602" s="6" t="s">
        <v>32230</v>
      </c>
      <c r="D39602" s="6" t="s">
        <v>37923</v>
      </c>
      <c r="E39602" s="6" t="s">
        <v>9</v>
      </c>
      <c r="F39602" s="7">
        <v>43692</v>
      </c>
      <c r="G39602" s="8">
        <v>1036800</v>
      </c>
      <c r="H39602" s="8">
        <v>933120</v>
      </c>
      <c r="I39602" s="8">
        <v>207360</v>
      </c>
      <c r="J39602" s="8">
        <v>829440</v>
      </c>
      <c r="K39602" s="9"/>
      <c r="L39602" s="6"/>
    </row>
    <row r="39603" spans="1:12">
      <c r="A39603" s="6" t="s">
        <v>38585</v>
      </c>
      <c r="B39603" s="6" t="s">
        <v>38585</v>
      </c>
      <c r="C39603" s="6" t="s">
        <v>32230</v>
      </c>
      <c r="D39603" s="6" t="s">
        <v>38586</v>
      </c>
      <c r="E39603" s="6" t="s">
        <v>9</v>
      </c>
      <c r="F39603" s="7">
        <v>38632</v>
      </c>
      <c r="G39603" s="8">
        <v>131775000</v>
      </c>
      <c r="H39603" s="8">
        <v>78406125</v>
      </c>
      <c r="I39603" s="8">
        <v>56926800</v>
      </c>
      <c r="J39603" s="8">
        <v>74848200</v>
      </c>
      <c r="K39603" s="9">
        <v>593.6</v>
      </c>
      <c r="L39603" s="6"/>
    </row>
    <row r="39604" spans="1:12">
      <c r="A39604" s="6" t="s">
        <v>31758</v>
      </c>
      <c r="B39604" s="6" t="s">
        <v>38587</v>
      </c>
      <c r="C39604" s="6" t="s">
        <v>32230</v>
      </c>
      <c r="D39604" s="6" t="s">
        <v>38588</v>
      </c>
      <c r="E39604" s="6" t="s">
        <v>9</v>
      </c>
      <c r="F39604" s="7">
        <v>39173</v>
      </c>
      <c r="G39604" s="8">
        <v>300000</v>
      </c>
      <c r="H39604" s="8">
        <v>69900</v>
      </c>
      <c r="I39604" s="8">
        <v>247800</v>
      </c>
      <c r="J39604" s="8">
        <v>52200</v>
      </c>
      <c r="K39604" s="9">
        <v>5</v>
      </c>
      <c r="L39604" s="6"/>
    </row>
    <row r="39605" spans="1:12">
      <c r="A39605" s="6" t="s">
        <v>31758</v>
      </c>
      <c r="B39605" s="6" t="s">
        <v>38589</v>
      </c>
      <c r="C39605" s="6" t="s">
        <v>32230</v>
      </c>
      <c r="D39605" s="6" t="s">
        <v>38588</v>
      </c>
      <c r="E39605" s="6" t="s">
        <v>9</v>
      </c>
      <c r="F39605" s="7">
        <v>38749</v>
      </c>
      <c r="G39605" s="8">
        <v>159840000</v>
      </c>
      <c r="H39605" s="8">
        <v>107092800</v>
      </c>
      <c r="I39605" s="8">
        <v>56263680</v>
      </c>
      <c r="J39605" s="8">
        <v>103576320</v>
      </c>
      <c r="K39605" s="9">
        <v>1184</v>
      </c>
      <c r="L39605" s="6"/>
    </row>
    <row r="39606" spans="1:12">
      <c r="A39606" s="6" t="s">
        <v>31758</v>
      </c>
      <c r="B39606" s="6" t="s">
        <v>38590</v>
      </c>
      <c r="C39606" s="6" t="s">
        <v>32230</v>
      </c>
      <c r="D39606" s="6" t="s">
        <v>38588</v>
      </c>
      <c r="E39606" s="6" t="s">
        <v>9</v>
      </c>
      <c r="F39606" s="7">
        <v>41703</v>
      </c>
      <c r="G39606" s="8">
        <v>25399500</v>
      </c>
      <c r="H39606" s="8">
        <v>13487138</v>
      </c>
      <c r="I39606" s="8">
        <v>13614128</v>
      </c>
      <c r="J39606" s="8">
        <v>11785372</v>
      </c>
      <c r="K39606" s="9"/>
      <c r="L39606" s="6"/>
    </row>
    <row r="39607" spans="1:12">
      <c r="A39607" s="6" t="s">
        <v>31758</v>
      </c>
      <c r="B39607" s="6" t="s">
        <v>38590</v>
      </c>
      <c r="C39607" s="6" t="s">
        <v>32230</v>
      </c>
      <c r="D39607" s="6" t="s">
        <v>38588</v>
      </c>
      <c r="E39607" s="6" t="s">
        <v>9</v>
      </c>
      <c r="F39607" s="7">
        <v>41703</v>
      </c>
      <c r="G39607" s="8">
        <v>25095000</v>
      </c>
      <c r="H39607" s="8">
        <v>15257760</v>
      </c>
      <c r="I39607" s="8">
        <v>11242560</v>
      </c>
      <c r="J39607" s="8">
        <v>13852440</v>
      </c>
      <c r="K39607" s="9"/>
      <c r="L39607" s="6"/>
    </row>
    <row r="39608" spans="1:12">
      <c r="A39608" s="6" t="s">
        <v>31758</v>
      </c>
      <c r="B39608" s="6" t="s">
        <v>38590</v>
      </c>
      <c r="C39608" s="6" t="s">
        <v>32230</v>
      </c>
      <c r="D39608" s="6" t="s">
        <v>38588</v>
      </c>
      <c r="E39608" s="6" t="s">
        <v>9</v>
      </c>
      <c r="F39608" s="7">
        <v>41715</v>
      </c>
      <c r="G39608" s="8">
        <v>1008000</v>
      </c>
      <c r="H39608" s="8">
        <v>302400</v>
      </c>
      <c r="I39608" s="8">
        <v>806400</v>
      </c>
      <c r="J39608" s="8">
        <v>201600</v>
      </c>
      <c r="K39608" s="9"/>
      <c r="L39608" s="6"/>
    </row>
    <row r="39609" spans="1:12">
      <c r="A39609" s="6" t="s">
        <v>31758</v>
      </c>
      <c r="B39609" s="6" t="s">
        <v>38590</v>
      </c>
      <c r="C39609" s="6" t="s">
        <v>32230</v>
      </c>
      <c r="D39609" s="6" t="s">
        <v>38588</v>
      </c>
      <c r="E39609" s="6" t="s">
        <v>9</v>
      </c>
      <c r="F39609" s="7">
        <v>41671</v>
      </c>
      <c r="G39609" s="8">
        <v>92745000</v>
      </c>
      <c r="H39609" s="8">
        <v>78462270</v>
      </c>
      <c r="I39609" s="8">
        <v>16323119</v>
      </c>
      <c r="J39609" s="8">
        <v>76421881</v>
      </c>
      <c r="K39609" s="9">
        <v>687</v>
      </c>
      <c r="L39609" s="6"/>
    </row>
    <row r="39610" spans="1:12">
      <c r="A39610" s="6" t="s">
        <v>31758</v>
      </c>
      <c r="B39610" s="6" t="s">
        <v>38591</v>
      </c>
      <c r="C39610" s="6" t="s">
        <v>32230</v>
      </c>
      <c r="D39610" s="6" t="s">
        <v>38588</v>
      </c>
      <c r="E39610" s="6" t="s">
        <v>9</v>
      </c>
      <c r="F39610" s="7"/>
      <c r="G39610" s="8">
        <v>1177200</v>
      </c>
      <c r="H39610" s="8">
        <v>1125404</v>
      </c>
      <c r="I39610" s="8">
        <v>77694</v>
      </c>
      <c r="J39610" s="8">
        <v>1099506</v>
      </c>
      <c r="K39610" s="9"/>
      <c r="L39610" s="6"/>
    </row>
    <row r="39611" spans="1:12">
      <c r="A39611" s="6" t="s">
        <v>31758</v>
      </c>
      <c r="B39611" s="6" t="s">
        <v>38591</v>
      </c>
      <c r="C39611" s="6" t="s">
        <v>32230</v>
      </c>
      <c r="D39611" s="6" t="s">
        <v>38588</v>
      </c>
      <c r="E39611" s="6" t="s">
        <v>9</v>
      </c>
      <c r="F39611" s="7">
        <v>42247</v>
      </c>
      <c r="G39611" s="8">
        <v>3888000</v>
      </c>
      <c r="H39611" s="8">
        <v>2585520</v>
      </c>
      <c r="I39611" s="8">
        <v>1562976</v>
      </c>
      <c r="J39611" s="8">
        <v>2325024</v>
      </c>
      <c r="K39611" s="9"/>
      <c r="L39611" s="6"/>
    </row>
    <row r="39612" spans="1:12">
      <c r="A39612" s="6" t="s">
        <v>31758</v>
      </c>
      <c r="B39612" s="6" t="s">
        <v>38591</v>
      </c>
      <c r="C39612" s="6" t="s">
        <v>32230</v>
      </c>
      <c r="D39612" s="6" t="s">
        <v>38588</v>
      </c>
      <c r="E39612" s="6" t="s">
        <v>9</v>
      </c>
      <c r="F39612" s="7">
        <v>43555</v>
      </c>
      <c r="G39612" s="8">
        <v>3787200</v>
      </c>
      <c r="H39612" s="8">
        <v>3279716</v>
      </c>
      <c r="I39612" s="8">
        <v>761226</v>
      </c>
      <c r="J39612" s="8">
        <v>3025974</v>
      </c>
      <c r="K39612" s="9"/>
      <c r="L39612" s="6"/>
    </row>
    <row r="39613" spans="1:12">
      <c r="A39613" s="6" t="s">
        <v>31758</v>
      </c>
      <c r="B39613" s="6" t="s">
        <v>38591</v>
      </c>
      <c r="C39613" s="6" t="s">
        <v>32230</v>
      </c>
      <c r="D39613" s="6" t="s">
        <v>38588</v>
      </c>
      <c r="E39613" s="6" t="s">
        <v>9</v>
      </c>
      <c r="F39613" s="7"/>
      <c r="G39613" s="8">
        <v>38068000</v>
      </c>
      <c r="H39613" s="8">
        <v>37230504</v>
      </c>
      <c r="I39613" s="8">
        <v>1674992</v>
      </c>
      <c r="J39613" s="8">
        <v>36393008</v>
      </c>
      <c r="K39613" s="9"/>
      <c r="L39613" s="6"/>
    </row>
    <row r="39614" spans="1:12">
      <c r="A39614" s="6" t="s">
        <v>31758</v>
      </c>
      <c r="B39614" s="6" t="s">
        <v>38591</v>
      </c>
      <c r="C39614" s="6" t="s">
        <v>32230</v>
      </c>
      <c r="D39614" s="6" t="s">
        <v>38588</v>
      </c>
      <c r="E39614" s="6" t="s">
        <v>9</v>
      </c>
      <c r="F39614" s="7">
        <v>38749</v>
      </c>
      <c r="G39614" s="8">
        <v>842535000</v>
      </c>
      <c r="H39614" s="8">
        <v>564498450</v>
      </c>
      <c r="I39614" s="8">
        <v>296572320</v>
      </c>
      <c r="J39614" s="8">
        <v>545962680</v>
      </c>
      <c r="K39614" s="9">
        <v>6241</v>
      </c>
      <c r="L39614" s="6"/>
    </row>
    <row r="39615" spans="1:12">
      <c r="A39615" s="6" t="s">
        <v>31758</v>
      </c>
      <c r="B39615" s="6" t="s">
        <v>38592</v>
      </c>
      <c r="C39615" s="6" t="s">
        <v>32230</v>
      </c>
      <c r="D39615" s="6" t="s">
        <v>38588</v>
      </c>
      <c r="E39615" s="6" t="s">
        <v>9</v>
      </c>
      <c r="F39615" s="7">
        <v>38749</v>
      </c>
      <c r="G39615" s="8">
        <v>174825000</v>
      </c>
      <c r="H39615" s="8">
        <v>117132750</v>
      </c>
      <c r="I39615" s="8">
        <v>61538400</v>
      </c>
      <c r="J39615" s="8">
        <v>113286600</v>
      </c>
      <c r="K39615" s="9">
        <v>1295</v>
      </c>
      <c r="L39615" s="6"/>
    </row>
    <row r="39616" spans="1:12">
      <c r="A39616" s="6" t="s">
        <v>31758</v>
      </c>
      <c r="B39616" s="6" t="s">
        <v>38592</v>
      </c>
      <c r="C39616" s="6" t="s">
        <v>32230</v>
      </c>
      <c r="D39616" s="6" t="s">
        <v>38588</v>
      </c>
      <c r="E39616" s="6" t="s">
        <v>9</v>
      </c>
      <c r="F39616" s="7">
        <v>41718</v>
      </c>
      <c r="G39616" s="8">
        <v>2879318</v>
      </c>
      <c r="H39616" s="8">
        <v>2435910</v>
      </c>
      <c r="I39616" s="8">
        <v>506752</v>
      </c>
      <c r="J39616" s="8">
        <v>2372566</v>
      </c>
      <c r="K39616" s="9"/>
      <c r="L39616" s="6"/>
    </row>
    <row r="39617" spans="1:12">
      <c r="A39617" s="6" t="s">
        <v>31758</v>
      </c>
      <c r="B39617" s="6" t="s">
        <v>38592</v>
      </c>
      <c r="C39617" s="6" t="s">
        <v>32230</v>
      </c>
      <c r="D39617" s="6" t="s">
        <v>38588</v>
      </c>
      <c r="E39617" s="6" t="s">
        <v>9</v>
      </c>
      <c r="F39617" s="7">
        <v>41912</v>
      </c>
      <c r="G39617" s="8">
        <v>85860000</v>
      </c>
      <c r="H39617" s="8">
        <v>74526480</v>
      </c>
      <c r="I39617" s="8">
        <v>13222440</v>
      </c>
      <c r="J39617" s="8">
        <v>72637560</v>
      </c>
      <c r="K39617" s="9"/>
      <c r="L39617" s="6"/>
    </row>
    <row r="39618" spans="1:12">
      <c r="A39618" s="6" t="s">
        <v>31758</v>
      </c>
      <c r="B39618" s="6" t="s">
        <v>38593</v>
      </c>
      <c r="C39618" s="6" t="s">
        <v>32230</v>
      </c>
      <c r="D39618" s="6" t="s">
        <v>38588</v>
      </c>
      <c r="E39618" s="6" t="s">
        <v>9</v>
      </c>
      <c r="F39618" s="7">
        <v>39142</v>
      </c>
      <c r="G39618" s="8">
        <v>23870000</v>
      </c>
      <c r="H39618" s="8">
        <v>16518040</v>
      </c>
      <c r="I39618" s="8">
        <v>7877100</v>
      </c>
      <c r="J39618" s="8">
        <v>15992900</v>
      </c>
      <c r="K39618" s="9">
        <v>154</v>
      </c>
      <c r="L39618" s="6"/>
    </row>
    <row r="39619" spans="1:12">
      <c r="A39619" s="6" t="s">
        <v>31758</v>
      </c>
      <c r="B39619" s="6" t="s">
        <v>38594</v>
      </c>
      <c r="C39619" s="6" t="s">
        <v>32230</v>
      </c>
      <c r="D39619" s="6" t="s">
        <v>38588</v>
      </c>
      <c r="E39619" s="6" t="s">
        <v>9</v>
      </c>
      <c r="F39619" s="7">
        <v>39142</v>
      </c>
      <c r="G39619" s="8">
        <v>26460000</v>
      </c>
      <c r="H39619" s="8">
        <v>18310320</v>
      </c>
      <c r="I39619" s="8">
        <v>8731800</v>
      </c>
      <c r="J39619" s="8">
        <v>17728200</v>
      </c>
      <c r="K39619" s="9">
        <v>196</v>
      </c>
      <c r="L39619" s="6"/>
    </row>
    <row r="39620" spans="1:12">
      <c r="A39620" s="6" t="s">
        <v>31758</v>
      </c>
      <c r="B39620" s="6" t="s">
        <v>38594</v>
      </c>
      <c r="C39620" s="6" t="s">
        <v>32230</v>
      </c>
      <c r="D39620" s="6" t="s">
        <v>38588</v>
      </c>
      <c r="E39620" s="6" t="s">
        <v>9</v>
      </c>
      <c r="F39620" s="7">
        <v>40228</v>
      </c>
      <c r="G39620" s="8">
        <v>2798250</v>
      </c>
      <c r="H39620" s="8">
        <v>735948</v>
      </c>
      <c r="I39620" s="8">
        <v>2249784</v>
      </c>
      <c r="J39620" s="8">
        <v>548466</v>
      </c>
      <c r="K39620" s="9"/>
      <c r="L39620" s="6"/>
    </row>
    <row r="39621" spans="1:12">
      <c r="A39621" s="6" t="s">
        <v>31758</v>
      </c>
      <c r="B39621" s="6" t="s">
        <v>38595</v>
      </c>
      <c r="C39621" s="6" t="s">
        <v>32230</v>
      </c>
      <c r="D39621" s="6" t="s">
        <v>38588</v>
      </c>
      <c r="E39621" s="6" t="s">
        <v>9</v>
      </c>
      <c r="F39621" s="7">
        <v>39142</v>
      </c>
      <c r="G39621" s="8">
        <v>650000</v>
      </c>
      <c r="H39621" s="8">
        <v>404300</v>
      </c>
      <c r="I39621" s="8">
        <v>263250</v>
      </c>
      <c r="J39621" s="8">
        <v>386750</v>
      </c>
      <c r="K39621" s="9">
        <v>5</v>
      </c>
      <c r="L39621" s="6"/>
    </row>
    <row r="39622" spans="1:12">
      <c r="A39622" s="6" t="s">
        <v>31758</v>
      </c>
      <c r="B39622" s="6" t="s">
        <v>38596</v>
      </c>
      <c r="C39622" s="6" t="s">
        <v>32230</v>
      </c>
      <c r="D39622" s="6" t="s">
        <v>38588</v>
      </c>
      <c r="E39622" s="6" t="s">
        <v>9</v>
      </c>
      <c r="F39622" s="7">
        <v>39142</v>
      </c>
      <c r="G39622" s="8">
        <v>1560000</v>
      </c>
      <c r="H39622" s="8">
        <v>970320</v>
      </c>
      <c r="I39622" s="8">
        <v>631800</v>
      </c>
      <c r="J39622" s="8">
        <v>928200</v>
      </c>
      <c r="K39622" s="9">
        <v>12</v>
      </c>
      <c r="L39622" s="6"/>
    </row>
    <row r="39623" spans="1:12">
      <c r="A39623" s="6" t="s">
        <v>31758</v>
      </c>
      <c r="B39623" s="6" t="s">
        <v>38597</v>
      </c>
      <c r="C39623" s="6" t="s">
        <v>32230</v>
      </c>
      <c r="D39623" s="6" t="s">
        <v>38588</v>
      </c>
      <c r="E39623" s="6" t="s">
        <v>9</v>
      </c>
      <c r="F39623" s="7">
        <v>38749</v>
      </c>
      <c r="G39623" s="8">
        <v>121500000</v>
      </c>
      <c r="H39623" s="8">
        <v>81405000</v>
      </c>
      <c r="I39623" s="8">
        <v>42768000</v>
      </c>
      <c r="J39623" s="8">
        <v>78732000</v>
      </c>
      <c r="K39623" s="9">
        <v>900</v>
      </c>
      <c r="L39623" s="6"/>
    </row>
    <row r="39624" spans="1:12">
      <c r="A39624" s="6" t="s">
        <v>31758</v>
      </c>
      <c r="B39624" s="6" t="s">
        <v>38598</v>
      </c>
      <c r="C39624" s="6" t="s">
        <v>32230</v>
      </c>
      <c r="D39624" s="6" t="s">
        <v>38588</v>
      </c>
      <c r="E39624" s="6" t="s">
        <v>9</v>
      </c>
      <c r="F39624" s="7">
        <v>43784</v>
      </c>
      <c r="G39624" s="8">
        <v>216000</v>
      </c>
      <c r="H39624" s="8">
        <v>201528</v>
      </c>
      <c r="I39624" s="8">
        <v>28944</v>
      </c>
      <c r="J39624" s="8">
        <v>187056</v>
      </c>
      <c r="K39624" s="9"/>
      <c r="L39624" s="6"/>
    </row>
    <row r="39625" spans="1:12">
      <c r="A39625" s="6" t="s">
        <v>31758</v>
      </c>
      <c r="B39625" s="6" t="s">
        <v>38598</v>
      </c>
      <c r="C39625" s="6" t="s">
        <v>32230</v>
      </c>
      <c r="D39625" s="6" t="s">
        <v>38588</v>
      </c>
      <c r="E39625" s="6" t="s">
        <v>9</v>
      </c>
      <c r="F39625" s="7">
        <v>38749</v>
      </c>
      <c r="G39625" s="8">
        <v>61695000</v>
      </c>
      <c r="H39625" s="8">
        <v>41335650</v>
      </c>
      <c r="I39625" s="8">
        <v>21716640</v>
      </c>
      <c r="J39625" s="8">
        <v>39978360</v>
      </c>
      <c r="K39625" s="9">
        <v>457</v>
      </c>
      <c r="L39625" s="6"/>
    </row>
    <row r="39626" spans="1:12">
      <c r="A39626" s="6" t="s">
        <v>31799</v>
      </c>
      <c r="B39626" s="6" t="s">
        <v>38599</v>
      </c>
      <c r="C39626" s="6" t="s">
        <v>32230</v>
      </c>
      <c r="D39626" s="6" t="s">
        <v>38600</v>
      </c>
      <c r="E39626" s="6" t="s">
        <v>9</v>
      </c>
      <c r="F39626" s="7">
        <v>43921</v>
      </c>
      <c r="G39626" s="8">
        <v>15357400</v>
      </c>
      <c r="H39626" s="8">
        <v>13821660</v>
      </c>
      <c r="I39626" s="8">
        <v>3071480</v>
      </c>
      <c r="J39626" s="8">
        <v>12285920</v>
      </c>
      <c r="K39626" s="9"/>
      <c r="L39626" s="6"/>
    </row>
    <row r="39627" spans="1:12">
      <c r="A39627" s="6" t="s">
        <v>31799</v>
      </c>
      <c r="B39627" s="6" t="s">
        <v>38599</v>
      </c>
      <c r="C39627" s="6" t="s">
        <v>32230</v>
      </c>
      <c r="D39627" s="6" t="s">
        <v>38600</v>
      </c>
      <c r="E39627" s="6" t="s">
        <v>9</v>
      </c>
      <c r="F39627" s="7">
        <v>40022</v>
      </c>
      <c r="G39627" s="8">
        <v>798000</v>
      </c>
      <c r="H39627" s="8">
        <v>209874</v>
      </c>
      <c r="I39627" s="8">
        <v>641592</v>
      </c>
      <c r="J39627" s="8">
        <v>156408</v>
      </c>
      <c r="K39627" s="9"/>
      <c r="L39627" s="6"/>
    </row>
    <row r="39628" spans="1:12">
      <c r="A39628" s="6" t="s">
        <v>31799</v>
      </c>
      <c r="B39628" s="6" t="s">
        <v>38599</v>
      </c>
      <c r="C39628" s="6" t="s">
        <v>32230</v>
      </c>
      <c r="D39628" s="6" t="s">
        <v>38600</v>
      </c>
      <c r="E39628" s="6" t="s">
        <v>9</v>
      </c>
      <c r="F39628" s="7">
        <v>38776</v>
      </c>
      <c r="G39628" s="8">
        <v>509145000</v>
      </c>
      <c r="H39628" s="8">
        <v>341127150</v>
      </c>
      <c r="I39628" s="8">
        <v>179219040</v>
      </c>
      <c r="J39628" s="8">
        <v>329925960</v>
      </c>
      <c r="K39628" s="9">
        <v>1550</v>
      </c>
      <c r="L39628" s="6"/>
    </row>
    <row r="39629" spans="1:12">
      <c r="A39629" s="6" t="s">
        <v>31799</v>
      </c>
      <c r="B39629" s="6" t="s">
        <v>38599</v>
      </c>
      <c r="C39629" s="6" t="s">
        <v>32230</v>
      </c>
      <c r="D39629" s="6" t="s">
        <v>38600</v>
      </c>
      <c r="E39629" s="6" t="s">
        <v>9</v>
      </c>
      <c r="F39629" s="7">
        <v>41488</v>
      </c>
      <c r="G39629" s="8">
        <v>945000</v>
      </c>
      <c r="H39629" s="8">
        <v>501795</v>
      </c>
      <c r="I39629" s="8">
        <v>506520</v>
      </c>
      <c r="J39629" s="8">
        <v>438480</v>
      </c>
      <c r="K39629" s="9"/>
      <c r="L39629" s="6"/>
    </row>
    <row r="39630" spans="1:12">
      <c r="A39630" s="6" t="s">
        <v>31799</v>
      </c>
      <c r="B39630" s="6" t="s">
        <v>38599</v>
      </c>
      <c r="C39630" s="6" t="s">
        <v>32230</v>
      </c>
      <c r="D39630" s="6" t="s">
        <v>38600</v>
      </c>
      <c r="E39630" s="6" t="s">
        <v>9</v>
      </c>
      <c r="F39630" s="7">
        <v>43553</v>
      </c>
      <c r="G39630" s="8">
        <v>9028800</v>
      </c>
      <c r="H39630" s="8">
        <v>7818942</v>
      </c>
      <c r="I39630" s="8">
        <v>1814787</v>
      </c>
      <c r="J39630" s="8">
        <v>7214013</v>
      </c>
      <c r="K39630" s="9"/>
      <c r="L39630" s="6"/>
    </row>
    <row r="39631" spans="1:12">
      <c r="A39631" s="6" t="s">
        <v>31799</v>
      </c>
      <c r="B39631" s="6" t="s">
        <v>38599</v>
      </c>
      <c r="C39631" s="6" t="s">
        <v>32230</v>
      </c>
      <c r="D39631" s="6" t="s">
        <v>38600</v>
      </c>
      <c r="E39631" s="6" t="s">
        <v>9</v>
      </c>
      <c r="F39631" s="7">
        <v>43798</v>
      </c>
      <c r="G39631" s="8">
        <v>10962000</v>
      </c>
      <c r="H39631" s="8">
        <v>9865800</v>
      </c>
      <c r="I39631" s="8">
        <v>2192400</v>
      </c>
      <c r="J39631" s="8">
        <v>8769600</v>
      </c>
      <c r="K39631" s="9"/>
      <c r="L39631" s="6"/>
    </row>
    <row r="39632" spans="1:12">
      <c r="A39632" s="6" t="s">
        <v>31820</v>
      </c>
      <c r="B39632" s="6" t="s">
        <v>31820</v>
      </c>
      <c r="C39632" s="6" t="s">
        <v>32230</v>
      </c>
      <c r="D39632" s="6" t="s">
        <v>38601</v>
      </c>
      <c r="E39632" s="6" t="s">
        <v>9</v>
      </c>
      <c r="F39632" s="7">
        <v>38779</v>
      </c>
      <c r="G39632" s="8">
        <v>247537500</v>
      </c>
      <c r="H39632" s="8">
        <v>91588875</v>
      </c>
      <c r="I39632" s="8">
        <v>166345200</v>
      </c>
      <c r="J39632" s="8">
        <v>81192300</v>
      </c>
      <c r="K39632" s="9">
        <v>999.24</v>
      </c>
      <c r="L39632" s="6"/>
    </row>
    <row r="39633" spans="1:12">
      <c r="A39633" s="6" t="s">
        <v>31820</v>
      </c>
      <c r="B39633" s="6" t="s">
        <v>38602</v>
      </c>
      <c r="C39633" s="6" t="s">
        <v>32230</v>
      </c>
      <c r="D39633" s="6" t="s">
        <v>38601</v>
      </c>
      <c r="E39633" s="6" t="s">
        <v>9</v>
      </c>
      <c r="F39633" s="7">
        <v>35886</v>
      </c>
      <c r="G39633" s="8">
        <v>1968000</v>
      </c>
      <c r="H39633" s="8">
        <v>539232</v>
      </c>
      <c r="I39633" s="8">
        <v>1493712</v>
      </c>
      <c r="J39633" s="8">
        <v>474288</v>
      </c>
      <c r="K39633" s="9">
        <v>32.799999999999898</v>
      </c>
      <c r="L39633" s="6"/>
    </row>
    <row r="39634" spans="1:12">
      <c r="A39634" s="6" t="s">
        <v>31820</v>
      </c>
      <c r="B39634" s="6" t="s">
        <v>38603</v>
      </c>
      <c r="C39634" s="6" t="s">
        <v>32230</v>
      </c>
      <c r="D39634" s="6" t="s">
        <v>38601</v>
      </c>
      <c r="E39634" s="6" t="s">
        <v>9</v>
      </c>
      <c r="F39634" s="7">
        <v>38779</v>
      </c>
      <c r="G39634" s="8">
        <v>1500000</v>
      </c>
      <c r="H39634" s="8">
        <v>757500</v>
      </c>
      <c r="I39634" s="8">
        <v>792000</v>
      </c>
      <c r="J39634" s="8">
        <v>708000</v>
      </c>
      <c r="K39634" s="9">
        <v>25</v>
      </c>
      <c r="L39634" s="6"/>
    </row>
    <row r="39635" spans="1:12">
      <c r="A39635" s="6" t="s">
        <v>38604</v>
      </c>
      <c r="B39635" s="6" t="s">
        <v>37786</v>
      </c>
      <c r="C39635" s="6" t="s">
        <v>32230</v>
      </c>
      <c r="D39635" s="6" t="s">
        <v>38605</v>
      </c>
      <c r="E39635" s="6" t="s">
        <v>25121</v>
      </c>
      <c r="F39635" s="7">
        <v>39022</v>
      </c>
      <c r="G39635" s="8">
        <v>10028200</v>
      </c>
      <c r="H39635" s="8">
        <v>5395180</v>
      </c>
      <c r="I39635" s="8">
        <v>4963950</v>
      </c>
      <c r="J39635" s="8">
        <v>5064250</v>
      </c>
      <c r="K39635" s="9">
        <v>143.26</v>
      </c>
      <c r="L39635" s="6"/>
    </row>
    <row r="39636" spans="1:12">
      <c r="A39636" s="6" t="s">
        <v>31859</v>
      </c>
      <c r="B39636" s="6" t="s">
        <v>38606</v>
      </c>
      <c r="C39636" s="6" t="s">
        <v>32230</v>
      </c>
      <c r="D39636" s="6" t="s">
        <v>38607</v>
      </c>
      <c r="E39636" s="6" t="s">
        <v>25121</v>
      </c>
      <c r="F39636" s="7">
        <v>42348</v>
      </c>
      <c r="G39636" s="8">
        <v>561170850</v>
      </c>
      <c r="H39636" s="8">
        <v>280585425</v>
      </c>
      <c r="I39636" s="8">
        <v>336702510</v>
      </c>
      <c r="J39636" s="8">
        <v>224468340</v>
      </c>
      <c r="K39636" s="9"/>
      <c r="L39636" s="6"/>
    </row>
    <row r="39637" spans="1:12">
      <c r="A39637" s="6" t="s">
        <v>31859</v>
      </c>
      <c r="B39637" s="6" t="s">
        <v>38606</v>
      </c>
      <c r="C39637" s="6" t="s">
        <v>32230</v>
      </c>
      <c r="D39637" s="6" t="s">
        <v>38607</v>
      </c>
      <c r="E39637" s="6" t="s">
        <v>25121</v>
      </c>
      <c r="F39637" s="7">
        <v>38412</v>
      </c>
      <c r="G39637" s="8">
        <v>1044057000</v>
      </c>
      <c r="H39637" s="8">
        <v>593024376</v>
      </c>
      <c r="I39637" s="8">
        <v>479222163</v>
      </c>
      <c r="J39637" s="8">
        <v>564834837</v>
      </c>
      <c r="K39637" s="9">
        <v>2931.43</v>
      </c>
      <c r="L39637" s="6"/>
    </row>
    <row r="39638" spans="1:12">
      <c r="A39638" s="6" t="s">
        <v>31859</v>
      </c>
      <c r="B39638" s="6" t="s">
        <v>38608</v>
      </c>
      <c r="C39638" s="6" t="s">
        <v>32230</v>
      </c>
      <c r="D39638" s="6" t="s">
        <v>38607</v>
      </c>
      <c r="E39638" s="6" t="s">
        <v>25121</v>
      </c>
      <c r="F39638" s="7">
        <v>38412</v>
      </c>
      <c r="G39638" s="8">
        <v>34930000</v>
      </c>
      <c r="H39638" s="8">
        <v>16486960</v>
      </c>
      <c r="I39638" s="8">
        <v>19595730</v>
      </c>
      <c r="J39638" s="8">
        <v>15334270</v>
      </c>
      <c r="K39638" s="9">
        <v>499</v>
      </c>
      <c r="L39638" s="6"/>
    </row>
    <row r="39639" spans="1:12">
      <c r="A39639" s="6" t="s">
        <v>31859</v>
      </c>
      <c r="B39639" s="6" t="s">
        <v>38609</v>
      </c>
      <c r="C39639" s="6" t="s">
        <v>32230</v>
      </c>
      <c r="D39639" s="6" t="s">
        <v>38607</v>
      </c>
      <c r="E39639" s="6" t="s">
        <v>25121</v>
      </c>
      <c r="F39639" s="7">
        <v>38412</v>
      </c>
      <c r="G39639" s="8">
        <v>4519800</v>
      </c>
      <c r="H39639" s="8">
        <v>2567256</v>
      </c>
      <c r="I39639" s="8">
        <v>2074578</v>
      </c>
      <c r="J39639" s="8">
        <v>2445222</v>
      </c>
      <c r="K39639" s="9">
        <v>29.16</v>
      </c>
      <c r="L39639" s="6"/>
    </row>
    <row r="39640" spans="1:12">
      <c r="A39640" s="6" t="s">
        <v>31880</v>
      </c>
      <c r="B39640" s="6" t="s">
        <v>38610</v>
      </c>
      <c r="C39640" s="6" t="s">
        <v>32230</v>
      </c>
      <c r="D39640" s="6" t="s">
        <v>38611</v>
      </c>
      <c r="E39640" s="6" t="s">
        <v>9</v>
      </c>
      <c r="F39640" s="7">
        <v>24929</v>
      </c>
      <c r="G39640" s="8">
        <v>3100000</v>
      </c>
      <c r="H39640" s="8">
        <v>1</v>
      </c>
      <c r="I39640" s="8">
        <v>3099999</v>
      </c>
      <c r="J39640" s="8">
        <v>1</v>
      </c>
      <c r="K39640" s="9">
        <v>20</v>
      </c>
      <c r="L39640" s="6"/>
    </row>
    <row r="39641" spans="1:12">
      <c r="A39641" s="6" t="s">
        <v>31905</v>
      </c>
      <c r="B39641" s="6" t="s">
        <v>38612</v>
      </c>
      <c r="C39641" s="6" t="s">
        <v>32230</v>
      </c>
      <c r="D39641" s="6" t="s">
        <v>38613</v>
      </c>
      <c r="E39641" s="6" t="s">
        <v>9</v>
      </c>
      <c r="F39641" s="7">
        <v>40694</v>
      </c>
      <c r="G39641" s="8">
        <v>2185500</v>
      </c>
      <c r="H39641" s="8">
        <v>1654428</v>
      </c>
      <c r="I39641" s="8">
        <v>590080</v>
      </c>
      <c r="J39641" s="8">
        <v>1595420</v>
      </c>
      <c r="K39641" s="9">
        <v>14.1</v>
      </c>
      <c r="L39641" s="6"/>
    </row>
    <row r="39642" spans="1:12">
      <c r="A39642" s="6" t="s">
        <v>31923</v>
      </c>
      <c r="B39642" s="6" t="s">
        <v>38614</v>
      </c>
      <c r="C39642" s="6" t="s">
        <v>32230</v>
      </c>
      <c r="D39642" s="6" t="s">
        <v>38615</v>
      </c>
      <c r="E39642" s="6" t="s">
        <v>9</v>
      </c>
      <c r="F39642" s="7">
        <v>42034</v>
      </c>
      <c r="G39642" s="8">
        <v>17218000</v>
      </c>
      <c r="H39642" s="8">
        <v>14428684</v>
      </c>
      <c r="I39642" s="8">
        <v>3254202</v>
      </c>
      <c r="J39642" s="8">
        <v>13963798</v>
      </c>
      <c r="K39642" s="9">
        <v>17.670000000000002</v>
      </c>
      <c r="L39642" s="6"/>
    </row>
    <row r="39643" spans="1:12">
      <c r="A39643" s="6" t="s">
        <v>31966</v>
      </c>
      <c r="B39643" s="6" t="s">
        <v>38616</v>
      </c>
      <c r="C39643" s="6" t="s">
        <v>32230</v>
      </c>
      <c r="D39643" s="6" t="s">
        <v>38617</v>
      </c>
      <c r="E39643" s="6" t="s">
        <v>9</v>
      </c>
      <c r="F39643" s="7">
        <v>29587</v>
      </c>
      <c r="G39643" s="8">
        <v>3255000</v>
      </c>
      <c r="H39643" s="8">
        <v>1</v>
      </c>
      <c r="I39643" s="8">
        <v>3254999</v>
      </c>
      <c r="J39643" s="8">
        <v>1</v>
      </c>
      <c r="K39643" s="9">
        <v>21</v>
      </c>
      <c r="L39643" s="6"/>
    </row>
    <row r="39644" spans="1:12">
      <c r="A39644" s="6" t="s">
        <v>32002</v>
      </c>
      <c r="B39644" s="6" t="s">
        <v>38618</v>
      </c>
      <c r="C39644" s="6" t="s">
        <v>32230</v>
      </c>
      <c r="D39644" s="6" t="s">
        <v>38619</v>
      </c>
      <c r="E39644" s="6" t="s">
        <v>9</v>
      </c>
      <c r="F39644" s="7">
        <v>27851</v>
      </c>
      <c r="G39644" s="8">
        <v>3255000</v>
      </c>
      <c r="H39644" s="8">
        <v>1</v>
      </c>
      <c r="I39644" s="8">
        <v>3254999</v>
      </c>
      <c r="J39644" s="8">
        <v>1</v>
      </c>
      <c r="K39644" s="9">
        <v>21</v>
      </c>
      <c r="L39644" s="6"/>
    </row>
    <row r="39645" spans="1:12">
      <c r="A39645" s="6" t="s">
        <v>32002</v>
      </c>
      <c r="B39645" s="6" t="s">
        <v>38620</v>
      </c>
      <c r="C39645" s="6" t="s">
        <v>32230</v>
      </c>
      <c r="D39645" s="6" t="s">
        <v>38619</v>
      </c>
      <c r="E39645" s="6" t="s">
        <v>9</v>
      </c>
      <c r="F39645" s="7">
        <v>27851</v>
      </c>
      <c r="G39645" s="8">
        <v>3255000</v>
      </c>
      <c r="H39645" s="8">
        <v>1</v>
      </c>
      <c r="I39645" s="8">
        <v>3254999</v>
      </c>
      <c r="J39645" s="8">
        <v>1</v>
      </c>
      <c r="K39645" s="9">
        <v>21</v>
      </c>
      <c r="L39645" s="6"/>
    </row>
    <row r="39646" spans="1:12">
      <c r="A39646" s="6" t="s">
        <v>32002</v>
      </c>
      <c r="B39646" s="6" t="s">
        <v>38621</v>
      </c>
      <c r="C39646" s="6" t="s">
        <v>32230</v>
      </c>
      <c r="D39646" s="6" t="s">
        <v>38619</v>
      </c>
      <c r="E39646" s="6" t="s">
        <v>9</v>
      </c>
      <c r="F39646" s="7">
        <v>41000</v>
      </c>
      <c r="G39646" s="8">
        <v>5891000</v>
      </c>
      <c r="H39646" s="8">
        <v>4618544</v>
      </c>
      <c r="I39646" s="8">
        <v>1431513</v>
      </c>
      <c r="J39646" s="8">
        <v>4459487</v>
      </c>
      <c r="K39646" s="9">
        <v>5.7</v>
      </c>
      <c r="L39646" s="6"/>
    </row>
    <row r="39647" spans="1:12">
      <c r="A39647" s="6" t="s">
        <v>38622</v>
      </c>
      <c r="B39647" s="6" t="s">
        <v>38623</v>
      </c>
      <c r="C39647" s="6" t="s">
        <v>32230</v>
      </c>
      <c r="D39647" s="6" t="s">
        <v>38624</v>
      </c>
      <c r="E39647" s="6" t="s">
        <v>9</v>
      </c>
      <c r="F39647" s="7">
        <v>36251</v>
      </c>
      <c r="G39647" s="8">
        <v>2945000</v>
      </c>
      <c r="H39647" s="8">
        <v>1275185</v>
      </c>
      <c r="I39647" s="8">
        <v>1749330</v>
      </c>
      <c r="J39647" s="8">
        <v>1195670</v>
      </c>
      <c r="K39647" s="9">
        <v>19</v>
      </c>
      <c r="L39647" s="6"/>
    </row>
    <row r="39648" spans="1:12">
      <c r="A39648" s="6" t="s">
        <v>32056</v>
      </c>
      <c r="B39648" s="6" t="s">
        <v>38625</v>
      </c>
      <c r="C39648" s="6" t="s">
        <v>32230</v>
      </c>
      <c r="D39648" s="6" t="s">
        <v>38626</v>
      </c>
      <c r="E39648" s="6" t="s">
        <v>9</v>
      </c>
      <c r="F39648" s="7">
        <v>32356</v>
      </c>
      <c r="G39648" s="8">
        <v>65400000</v>
      </c>
      <c r="H39648" s="8">
        <v>1</v>
      </c>
      <c r="I39648" s="8">
        <v>65399999</v>
      </c>
      <c r="J39648" s="8">
        <v>1</v>
      </c>
      <c r="K39648" s="9">
        <v>403.83</v>
      </c>
      <c r="L39648" s="6"/>
    </row>
    <row r="39649" spans="1:12">
      <c r="A39649" s="6" t="s">
        <v>32056</v>
      </c>
      <c r="B39649" s="6" t="s">
        <v>38625</v>
      </c>
      <c r="C39649" s="6" t="s">
        <v>32230</v>
      </c>
      <c r="D39649" s="6" t="s">
        <v>38626</v>
      </c>
      <c r="E39649" s="6" t="s">
        <v>9</v>
      </c>
      <c r="F39649" s="7"/>
      <c r="G39649" s="8">
        <v>1220400</v>
      </c>
      <c r="H39649" s="8">
        <v>1108124</v>
      </c>
      <c r="I39649" s="8">
        <v>168414</v>
      </c>
      <c r="J39649" s="8">
        <v>1051986</v>
      </c>
      <c r="K39649" s="9"/>
      <c r="L39649" s="6"/>
    </row>
    <row r="39650" spans="1:12">
      <c r="A39650" s="6" t="s">
        <v>32056</v>
      </c>
      <c r="B39650" s="6" t="s">
        <v>38625</v>
      </c>
      <c r="C39650" s="6" t="s">
        <v>32230</v>
      </c>
      <c r="D39650" s="6" t="s">
        <v>38626</v>
      </c>
      <c r="E39650" s="6" t="s">
        <v>9</v>
      </c>
      <c r="F39650" s="7">
        <v>43600</v>
      </c>
      <c r="G39650" s="8">
        <v>20304</v>
      </c>
      <c r="H39650" s="8">
        <v>18944</v>
      </c>
      <c r="I39650" s="8">
        <v>2720</v>
      </c>
      <c r="J39650" s="8">
        <v>17584</v>
      </c>
      <c r="K39650" s="9"/>
      <c r="L39650" s="6"/>
    </row>
    <row r="39651" spans="1:12">
      <c r="A39651" s="6" t="s">
        <v>32056</v>
      </c>
      <c r="B39651" s="6" t="s">
        <v>38625</v>
      </c>
      <c r="C39651" s="6" t="s">
        <v>32230</v>
      </c>
      <c r="D39651" s="6" t="s">
        <v>38626</v>
      </c>
      <c r="E39651" s="6" t="s">
        <v>9</v>
      </c>
      <c r="F39651" s="7"/>
      <c r="G39651" s="8">
        <v>238680</v>
      </c>
      <c r="H39651" s="8">
        <v>216722</v>
      </c>
      <c r="I39651" s="8">
        <v>32937</v>
      </c>
      <c r="J39651" s="8">
        <v>205743</v>
      </c>
      <c r="K39651" s="9"/>
      <c r="L39651" s="6"/>
    </row>
    <row r="39652" spans="1:12">
      <c r="A39652" s="6" t="s">
        <v>32056</v>
      </c>
      <c r="B39652" s="6" t="s">
        <v>38625</v>
      </c>
      <c r="C39652" s="6" t="s">
        <v>32230</v>
      </c>
      <c r="D39652" s="6" t="s">
        <v>38626</v>
      </c>
      <c r="E39652" s="6" t="s">
        <v>9</v>
      </c>
      <c r="F39652" s="7">
        <v>44068</v>
      </c>
      <c r="G39652" s="8">
        <v>231000</v>
      </c>
      <c r="H39652" s="8">
        <v>231000</v>
      </c>
      <c r="I39652" s="8">
        <v>15477</v>
      </c>
      <c r="J39652" s="8">
        <v>215523</v>
      </c>
      <c r="K39652" s="9"/>
      <c r="L39652" s="6"/>
    </row>
    <row r="39653" spans="1:12">
      <c r="A39653" s="6" t="s">
        <v>32056</v>
      </c>
      <c r="B39653" s="6" t="s">
        <v>38625</v>
      </c>
      <c r="C39653" s="6" t="s">
        <v>32230</v>
      </c>
      <c r="D39653" s="6" t="s">
        <v>38626</v>
      </c>
      <c r="E39653" s="6" t="s">
        <v>9</v>
      </c>
      <c r="F39653" s="7">
        <v>43555</v>
      </c>
      <c r="G39653" s="8">
        <v>517320</v>
      </c>
      <c r="H39653" s="8">
        <v>459382</v>
      </c>
      <c r="I39653" s="8">
        <v>86907</v>
      </c>
      <c r="J39653" s="8">
        <v>430413</v>
      </c>
      <c r="K39653" s="9"/>
      <c r="L39653" s="6"/>
    </row>
    <row r="39654" spans="1:12">
      <c r="A39654" s="6" t="s">
        <v>32056</v>
      </c>
      <c r="B39654" s="6" t="s">
        <v>38625</v>
      </c>
      <c r="C39654" s="6" t="s">
        <v>32230</v>
      </c>
      <c r="D39654" s="6" t="s">
        <v>38626</v>
      </c>
      <c r="E39654" s="6" t="s">
        <v>9</v>
      </c>
      <c r="F39654" s="7"/>
      <c r="G39654" s="8">
        <v>58374000</v>
      </c>
      <c r="H39654" s="8">
        <v>53003592</v>
      </c>
      <c r="I39654" s="8">
        <v>8055612</v>
      </c>
      <c r="J39654" s="8">
        <v>50318388</v>
      </c>
      <c r="K39654" s="9"/>
      <c r="L39654" s="6"/>
    </row>
    <row r="39655" spans="1:12">
      <c r="A39655" s="6" t="s">
        <v>32056</v>
      </c>
      <c r="B39655" s="6" t="s">
        <v>38625</v>
      </c>
      <c r="C39655" s="6" t="s">
        <v>32230</v>
      </c>
      <c r="D39655" s="6" t="s">
        <v>38626</v>
      </c>
      <c r="E39655" s="6" t="s">
        <v>9</v>
      </c>
      <c r="F39655" s="7">
        <v>43555</v>
      </c>
      <c r="G39655" s="8">
        <v>733320</v>
      </c>
      <c r="H39655" s="8">
        <v>665856</v>
      </c>
      <c r="I39655" s="8">
        <v>101196</v>
      </c>
      <c r="J39655" s="8">
        <v>632124</v>
      </c>
      <c r="K39655" s="9"/>
      <c r="L39655" s="6"/>
    </row>
    <row r="39656" spans="1:12">
      <c r="A39656" s="6" t="s">
        <v>32056</v>
      </c>
      <c r="B39656" s="6" t="s">
        <v>38625</v>
      </c>
      <c r="C39656" s="6" t="s">
        <v>32230</v>
      </c>
      <c r="D39656" s="6" t="s">
        <v>38626</v>
      </c>
      <c r="E39656" s="6" t="s">
        <v>9</v>
      </c>
      <c r="F39656" s="7"/>
      <c r="G39656" s="8">
        <v>766800</v>
      </c>
      <c r="H39656" s="8">
        <v>696256</v>
      </c>
      <c r="I39656" s="8">
        <v>105816</v>
      </c>
      <c r="J39656" s="8">
        <v>660984</v>
      </c>
      <c r="K39656" s="9"/>
      <c r="L39656" s="6"/>
    </row>
    <row r="39657" spans="1:12">
      <c r="A39657" s="6" t="s">
        <v>32056</v>
      </c>
      <c r="B39657" s="6" t="s">
        <v>38625</v>
      </c>
      <c r="C39657" s="6" t="s">
        <v>32230</v>
      </c>
      <c r="D39657" s="6" t="s">
        <v>38626</v>
      </c>
      <c r="E39657" s="6" t="s">
        <v>9</v>
      </c>
      <c r="F39657" s="7"/>
      <c r="G39657" s="8">
        <v>1069200</v>
      </c>
      <c r="H39657" s="8">
        <v>970834</v>
      </c>
      <c r="I39657" s="8">
        <v>147549</v>
      </c>
      <c r="J39657" s="8">
        <v>921651</v>
      </c>
      <c r="K39657" s="9"/>
      <c r="L39657" s="6"/>
    </row>
    <row r="39658" spans="1:12">
      <c r="A39658" s="6" t="s">
        <v>32127</v>
      </c>
      <c r="B39658" s="6" t="s">
        <v>38627</v>
      </c>
      <c r="C39658" s="6" t="s">
        <v>32230</v>
      </c>
      <c r="D39658" s="6" t="s">
        <v>38628</v>
      </c>
      <c r="E39658" s="6" t="s">
        <v>9</v>
      </c>
      <c r="F39658" s="7">
        <v>30042</v>
      </c>
      <c r="G39658" s="8">
        <v>6975000</v>
      </c>
      <c r="H39658" s="8">
        <v>1</v>
      </c>
      <c r="I39658" s="8">
        <v>6974999</v>
      </c>
      <c r="J39658" s="8">
        <v>1</v>
      </c>
      <c r="K39658" s="9">
        <v>45</v>
      </c>
      <c r="L39658" s="6"/>
    </row>
    <row r="39659" spans="1:12">
      <c r="A39659" s="6" t="s">
        <v>38629</v>
      </c>
      <c r="B39659" s="6"/>
      <c r="C39659" s="6"/>
      <c r="D39659" s="6"/>
      <c r="E39659" s="6"/>
      <c r="F39659" s="7"/>
      <c r="G39659" s="8">
        <v>215400000</v>
      </c>
      <c r="H39659" s="8">
        <v>0</v>
      </c>
      <c r="I39659" s="8">
        <v>0</v>
      </c>
      <c r="J39659" s="8">
        <v>215400000</v>
      </c>
      <c r="K39659" s="9"/>
      <c r="L39659" s="6"/>
    </row>
    <row r="39660" spans="1:12">
      <c r="A39660" s="6" t="s">
        <v>38630</v>
      </c>
      <c r="B39660" s="6"/>
      <c r="C39660" s="6"/>
      <c r="D39660" s="6"/>
      <c r="E39660" s="6"/>
      <c r="F39660" s="7"/>
      <c r="G39660" s="8">
        <v>9370000</v>
      </c>
      <c r="H39660" s="8">
        <v>0</v>
      </c>
      <c r="I39660" s="8">
        <v>0</v>
      </c>
      <c r="J39660" s="8">
        <v>9370000</v>
      </c>
      <c r="K39660" s="9"/>
      <c r="L39660" s="6"/>
    </row>
    <row r="39661" spans="1:12">
      <c r="A39661" s="6" t="s">
        <v>38630</v>
      </c>
      <c r="B39661" s="6"/>
      <c r="C39661" s="6"/>
      <c r="D39661" s="6"/>
      <c r="E39661" s="6"/>
      <c r="F39661" s="7"/>
      <c r="G39661" s="8">
        <v>13551800</v>
      </c>
      <c r="H39661" s="8">
        <v>0</v>
      </c>
      <c r="I39661" s="8">
        <v>0</v>
      </c>
      <c r="J39661" s="8">
        <v>13551800</v>
      </c>
      <c r="K39661" s="9"/>
      <c r="L39661" s="6"/>
    </row>
    <row r="39662" spans="1:12">
      <c r="A39662" s="6" t="s">
        <v>38631</v>
      </c>
      <c r="B39662" s="6"/>
      <c r="C39662" s="6"/>
      <c r="D39662" s="6"/>
      <c r="E39662" s="6"/>
      <c r="F39662" s="7"/>
      <c r="G39662" s="8">
        <v>141350000</v>
      </c>
      <c r="H39662" s="8">
        <v>0</v>
      </c>
      <c r="I39662" s="8">
        <v>0</v>
      </c>
      <c r="J39662" s="8">
        <v>141350000</v>
      </c>
      <c r="K39662" s="9"/>
      <c r="L39662" s="6"/>
    </row>
    <row r="39663" spans="1:12">
      <c r="A39663" s="6" t="s">
        <v>38632</v>
      </c>
      <c r="B39663" s="6"/>
      <c r="C39663" s="6"/>
      <c r="D39663" s="6"/>
      <c r="E39663" s="6"/>
      <c r="F39663" s="7"/>
      <c r="G39663" s="8">
        <v>400000000</v>
      </c>
      <c r="H39663" s="8">
        <v>0</v>
      </c>
      <c r="I39663" s="8">
        <v>0</v>
      </c>
      <c r="J39663" s="8">
        <v>400000000</v>
      </c>
      <c r="K39663" s="9"/>
      <c r="L39663" s="6"/>
    </row>
    <row r="39664" spans="1:12">
      <c r="A39664" s="6" t="s">
        <v>38633</v>
      </c>
      <c r="B39664" s="6"/>
      <c r="C39664" s="6"/>
      <c r="D39664" s="6"/>
      <c r="E39664" s="6"/>
      <c r="F39664" s="7"/>
      <c r="G39664" s="8">
        <v>5148000</v>
      </c>
      <c r="H39664" s="8">
        <v>0</v>
      </c>
      <c r="I39664" s="8">
        <v>0</v>
      </c>
      <c r="J39664" s="8">
        <v>5148000</v>
      </c>
      <c r="K39664" s="9"/>
      <c r="L39664" s="6"/>
    </row>
    <row r="39665" spans="1:12">
      <c r="A39665" s="6" t="s">
        <v>38634</v>
      </c>
      <c r="B39665" s="6"/>
      <c r="C39665" s="6"/>
      <c r="D39665" s="6"/>
      <c r="E39665" s="6"/>
      <c r="F39665" s="7"/>
      <c r="G39665" s="8">
        <v>18590000</v>
      </c>
      <c r="H39665" s="8">
        <v>0</v>
      </c>
      <c r="I39665" s="8">
        <v>0</v>
      </c>
      <c r="J39665" s="8">
        <v>18590000</v>
      </c>
      <c r="K39665" s="9"/>
      <c r="L39665" s="6"/>
    </row>
    <row r="39666" spans="1:12">
      <c r="A39666" s="6" t="s">
        <v>38635</v>
      </c>
      <c r="B39666" s="6"/>
      <c r="C39666" s="6"/>
      <c r="D39666" s="6"/>
      <c r="E39666" s="6"/>
      <c r="F39666" s="7"/>
      <c r="G39666" s="8">
        <v>3454000</v>
      </c>
      <c r="H39666" s="8">
        <v>0</v>
      </c>
      <c r="I39666" s="8">
        <v>0</v>
      </c>
      <c r="J39666" s="8">
        <v>3454000</v>
      </c>
      <c r="K39666" s="9"/>
      <c r="L39666" s="6"/>
    </row>
    <row r="39667" spans="1:12">
      <c r="A39667" s="6" t="s">
        <v>38636</v>
      </c>
      <c r="B39667" s="6"/>
      <c r="C39667" s="6"/>
      <c r="D39667" s="6"/>
      <c r="E39667" s="6"/>
      <c r="F39667" s="7"/>
      <c r="G39667" s="8">
        <v>544000000</v>
      </c>
      <c r="H39667" s="8">
        <v>0</v>
      </c>
      <c r="I39667" s="8">
        <v>0</v>
      </c>
      <c r="J39667" s="8">
        <v>544000000</v>
      </c>
      <c r="K39667" s="9"/>
      <c r="L39667" s="6"/>
    </row>
    <row r="39668" spans="1:12">
      <c r="A39668" s="6" t="s">
        <v>38637</v>
      </c>
      <c r="B39668" s="6"/>
      <c r="C39668" s="6"/>
      <c r="D39668" s="6"/>
      <c r="E39668" s="6"/>
      <c r="F39668" s="7"/>
      <c r="G39668" s="8">
        <v>252800000</v>
      </c>
      <c r="H39668" s="8">
        <v>0</v>
      </c>
      <c r="I39668" s="8">
        <v>0</v>
      </c>
      <c r="J39668" s="8">
        <v>252800000</v>
      </c>
      <c r="K39668" s="9"/>
      <c r="L39668" s="6"/>
    </row>
    <row r="39669" spans="1:12">
      <c r="A39669" s="6" t="s">
        <v>38638</v>
      </c>
      <c r="B39669" s="6"/>
      <c r="C39669" s="6"/>
      <c r="D39669" s="6"/>
      <c r="E39669" s="6"/>
      <c r="F39669" s="7"/>
      <c r="G39669" s="8">
        <v>1337600</v>
      </c>
      <c r="H39669" s="8">
        <v>0</v>
      </c>
      <c r="I39669" s="8">
        <v>0</v>
      </c>
      <c r="J39669" s="8">
        <v>1337600</v>
      </c>
      <c r="K39669" s="9"/>
      <c r="L39669" s="6"/>
    </row>
    <row r="39670" spans="1:12">
      <c r="A39670" s="6" t="s">
        <v>38639</v>
      </c>
      <c r="B39670" s="6"/>
      <c r="C39670" s="6"/>
      <c r="D39670" s="6"/>
      <c r="E39670" s="6"/>
      <c r="F39670" s="7"/>
      <c r="G39670" s="8">
        <v>45210000</v>
      </c>
      <c r="H39670" s="8">
        <v>0</v>
      </c>
      <c r="I39670" s="8">
        <v>0</v>
      </c>
      <c r="J39670" s="8">
        <v>45210000</v>
      </c>
      <c r="K39670" s="9"/>
      <c r="L39670" s="6"/>
    </row>
    <row r="39671" spans="1:12">
      <c r="A39671" s="6" t="s">
        <v>38640</v>
      </c>
      <c r="B39671" s="6"/>
      <c r="C39671" s="6"/>
      <c r="D39671" s="6"/>
      <c r="E39671" s="6"/>
      <c r="F39671" s="7"/>
      <c r="G39671" s="8">
        <v>1100000</v>
      </c>
      <c r="H39671" s="8">
        <v>0</v>
      </c>
      <c r="I39671" s="8">
        <v>0</v>
      </c>
      <c r="J39671" s="8">
        <v>1100000</v>
      </c>
      <c r="K39671" s="9"/>
      <c r="L39671" s="6"/>
    </row>
    <row r="39672" spans="1:12">
      <c r="A39672" s="6" t="s">
        <v>38641</v>
      </c>
      <c r="B39672" s="6"/>
      <c r="C39672" s="6"/>
      <c r="D39672" s="6"/>
      <c r="E39672" s="6"/>
      <c r="F39672" s="7"/>
      <c r="G39672" s="8">
        <v>71390000</v>
      </c>
      <c r="H39672" s="8">
        <v>0</v>
      </c>
      <c r="I39672" s="8">
        <v>0</v>
      </c>
      <c r="J39672" s="8">
        <v>71390000</v>
      </c>
      <c r="K39672" s="9"/>
      <c r="L39672" s="6"/>
    </row>
    <row r="39673" spans="1:12">
      <c r="A39673" s="6" t="s">
        <v>38642</v>
      </c>
      <c r="B39673" s="6"/>
      <c r="C39673" s="6"/>
      <c r="D39673" s="6"/>
      <c r="E39673" s="6"/>
      <c r="F39673" s="7"/>
      <c r="G39673" s="8">
        <v>9240000</v>
      </c>
      <c r="H39673" s="8">
        <v>0</v>
      </c>
      <c r="I39673" s="8">
        <v>0</v>
      </c>
      <c r="J39673" s="8">
        <v>9240000</v>
      </c>
      <c r="K39673" s="9"/>
      <c r="L39673" s="6"/>
    </row>
    <row r="39674" spans="1:12">
      <c r="A39674" s="6" t="s">
        <v>38643</v>
      </c>
      <c r="B39674" s="6"/>
      <c r="C39674" s="6"/>
      <c r="D39674" s="6"/>
      <c r="E39674" s="6"/>
      <c r="F39674" s="7"/>
      <c r="G39674" s="8">
        <v>24640000</v>
      </c>
      <c r="H39674" s="8">
        <v>0</v>
      </c>
      <c r="I39674" s="8">
        <v>0</v>
      </c>
      <c r="J39674" s="8">
        <v>24640000</v>
      </c>
      <c r="K39674" s="9"/>
      <c r="L39674" s="6"/>
    </row>
    <row r="39675" spans="1:12">
      <c r="A39675" s="6" t="s">
        <v>38644</v>
      </c>
      <c r="B39675" s="6"/>
      <c r="C39675" s="6"/>
      <c r="D39675" s="6"/>
      <c r="E39675" s="6"/>
      <c r="F39675" s="7"/>
      <c r="G39675" s="8">
        <v>36960000</v>
      </c>
      <c r="H39675" s="8">
        <v>0</v>
      </c>
      <c r="I39675" s="8">
        <v>0</v>
      </c>
      <c r="J39675" s="8">
        <v>36960000</v>
      </c>
      <c r="K39675" s="9"/>
      <c r="L39675" s="6"/>
    </row>
    <row r="39676" spans="1:12">
      <c r="A39676" s="6" t="s">
        <v>38645</v>
      </c>
      <c r="B39676" s="6"/>
      <c r="C39676" s="6"/>
      <c r="D39676" s="6"/>
      <c r="E39676" s="6"/>
      <c r="F39676" s="7"/>
      <c r="G39676" s="8">
        <v>138160000</v>
      </c>
      <c r="H39676" s="8">
        <v>0</v>
      </c>
      <c r="I39676" s="8">
        <v>0</v>
      </c>
      <c r="J39676" s="8">
        <v>138160000</v>
      </c>
      <c r="K39676" s="9"/>
      <c r="L39676" s="6"/>
    </row>
    <row r="39677" spans="1:12">
      <c r="A39677" s="6" t="s">
        <v>38646</v>
      </c>
      <c r="B39677" s="6"/>
      <c r="C39677" s="6"/>
      <c r="D39677" s="6"/>
      <c r="E39677" s="6"/>
      <c r="F39677" s="7"/>
      <c r="G39677" s="8">
        <v>69080000</v>
      </c>
      <c r="H39677" s="8">
        <v>0</v>
      </c>
      <c r="I39677" s="8">
        <v>0</v>
      </c>
      <c r="J39677" s="8">
        <v>69080000</v>
      </c>
      <c r="K39677" s="9"/>
      <c r="L39677" s="6"/>
    </row>
    <row r="39678" spans="1:12">
      <c r="A39678" s="6" t="s">
        <v>38647</v>
      </c>
      <c r="B39678" s="6"/>
      <c r="C39678" s="6"/>
      <c r="D39678" s="6"/>
      <c r="E39678" s="6"/>
      <c r="F39678" s="7"/>
      <c r="G39678" s="8">
        <v>138160000</v>
      </c>
      <c r="H39678" s="8">
        <v>0</v>
      </c>
      <c r="I39678" s="8">
        <v>0</v>
      </c>
      <c r="J39678" s="8">
        <v>138160000</v>
      </c>
      <c r="K39678" s="9"/>
      <c r="L39678" s="6"/>
    </row>
    <row r="39679" spans="1:12">
      <c r="A39679" s="6" t="s">
        <v>38648</v>
      </c>
      <c r="B39679" s="6"/>
      <c r="C39679" s="6"/>
      <c r="D39679" s="6"/>
      <c r="E39679" s="6"/>
      <c r="F39679" s="7"/>
      <c r="G39679" s="8">
        <v>7480000</v>
      </c>
      <c r="H39679" s="8">
        <v>0</v>
      </c>
      <c r="I39679" s="8">
        <v>0</v>
      </c>
      <c r="J39679" s="8">
        <v>7480000</v>
      </c>
      <c r="K39679" s="9"/>
      <c r="L39679" s="6"/>
    </row>
    <row r="39680" spans="1:12">
      <c r="A39680" s="6" t="s">
        <v>38649</v>
      </c>
      <c r="B39680" s="6"/>
      <c r="C39680" s="6"/>
      <c r="D39680" s="6"/>
      <c r="E39680" s="6"/>
      <c r="F39680" s="7"/>
      <c r="G39680" s="8">
        <v>7645000</v>
      </c>
      <c r="H39680" s="8">
        <v>0</v>
      </c>
      <c r="I39680" s="8">
        <v>0</v>
      </c>
      <c r="J39680" s="8">
        <v>7645000</v>
      </c>
      <c r="K39680" s="9"/>
      <c r="L39680" s="6"/>
    </row>
    <row r="39681" spans="1:12">
      <c r="A39681" s="6" t="s">
        <v>38650</v>
      </c>
      <c r="B39681" s="6"/>
      <c r="C39681" s="6"/>
      <c r="D39681" s="6"/>
      <c r="E39681" s="6"/>
      <c r="F39681" s="7"/>
      <c r="G39681" s="8">
        <v>76950000</v>
      </c>
      <c r="H39681" s="8">
        <v>0</v>
      </c>
      <c r="I39681" s="8">
        <v>0</v>
      </c>
      <c r="J39681" s="8">
        <v>76950000</v>
      </c>
      <c r="K39681" s="9"/>
      <c r="L39681" s="6"/>
    </row>
    <row r="39682" spans="1:12">
      <c r="A39682" s="6" t="s">
        <v>38651</v>
      </c>
      <c r="B39682" s="6"/>
      <c r="C39682" s="6"/>
      <c r="D39682" s="6"/>
      <c r="E39682" s="6"/>
      <c r="F39682" s="7"/>
      <c r="G39682" s="8">
        <v>14316380</v>
      </c>
      <c r="H39682" s="8">
        <v>0</v>
      </c>
      <c r="I39682" s="8">
        <v>0</v>
      </c>
      <c r="J39682" s="8">
        <v>14316380</v>
      </c>
      <c r="K39682" s="9"/>
      <c r="L39682" s="6"/>
    </row>
    <row r="39683" spans="1:12">
      <c r="A39683" s="6" t="s">
        <v>38651</v>
      </c>
      <c r="B39683" s="6"/>
      <c r="C39683" s="6"/>
      <c r="D39683" s="6"/>
      <c r="E39683" s="6"/>
      <c r="F39683" s="7"/>
      <c r="G39683" s="8">
        <v>4580420</v>
      </c>
      <c r="H39683" s="8">
        <v>0</v>
      </c>
      <c r="I39683" s="8">
        <v>0</v>
      </c>
      <c r="J39683" s="8">
        <v>4580420</v>
      </c>
      <c r="K39683" s="9"/>
      <c r="L39683" s="6"/>
    </row>
    <row r="39684" spans="1:12">
      <c r="A39684" s="6" t="s">
        <v>38652</v>
      </c>
      <c r="B39684" s="6"/>
      <c r="C39684" s="6"/>
      <c r="D39684" s="6"/>
      <c r="E39684" s="6"/>
      <c r="F39684" s="7"/>
      <c r="G39684" s="8">
        <v>22001220</v>
      </c>
      <c r="H39684" s="8">
        <v>0</v>
      </c>
      <c r="I39684" s="8">
        <v>0</v>
      </c>
      <c r="J39684" s="8">
        <v>22001220</v>
      </c>
      <c r="K39684" s="9"/>
      <c r="L39684" s="6"/>
    </row>
    <row r="39685" spans="1:12">
      <c r="A39685" s="6" t="s">
        <v>38652</v>
      </c>
      <c r="B39685" s="6"/>
      <c r="C39685" s="6"/>
      <c r="D39685" s="6"/>
      <c r="E39685" s="6"/>
      <c r="F39685" s="7"/>
      <c r="G39685" s="8">
        <v>6874980</v>
      </c>
      <c r="H39685" s="8">
        <v>0</v>
      </c>
      <c r="I39685" s="8">
        <v>0</v>
      </c>
      <c r="J39685" s="8">
        <v>6874980</v>
      </c>
      <c r="K39685" s="9"/>
      <c r="L39685" s="6"/>
    </row>
    <row r="39686" spans="1:12">
      <c r="A39686" s="6" t="s">
        <v>38653</v>
      </c>
      <c r="B39686" s="6"/>
      <c r="C39686" s="6"/>
      <c r="D39686" s="6"/>
      <c r="E39686" s="6"/>
      <c r="F39686" s="7"/>
      <c r="G39686" s="8">
        <v>726000</v>
      </c>
      <c r="H39686" s="8">
        <v>0</v>
      </c>
      <c r="I39686" s="8">
        <v>0</v>
      </c>
      <c r="J39686" s="8">
        <v>726000</v>
      </c>
      <c r="K39686" s="9"/>
      <c r="L39686" s="6"/>
    </row>
    <row r="39687" spans="1:12">
      <c r="A39687" s="6" t="s">
        <v>38654</v>
      </c>
      <c r="B39687" s="6"/>
      <c r="C39687" s="6"/>
      <c r="D39687" s="6"/>
      <c r="E39687" s="6"/>
      <c r="F39687" s="7"/>
      <c r="G39687" s="8">
        <v>23100000</v>
      </c>
      <c r="H39687" s="8">
        <v>0</v>
      </c>
      <c r="I39687" s="8">
        <v>0</v>
      </c>
      <c r="J39687" s="8">
        <v>23100000</v>
      </c>
      <c r="K39687" s="9"/>
      <c r="L39687" s="6"/>
    </row>
    <row r="39688" spans="1:12">
      <c r="A39688" s="6" t="s">
        <v>38655</v>
      </c>
      <c r="B39688" s="6"/>
      <c r="C39688" s="6"/>
      <c r="D39688" s="6"/>
      <c r="E39688" s="6"/>
      <c r="F39688" s="7"/>
      <c r="G39688" s="8">
        <v>21200000</v>
      </c>
      <c r="H39688" s="8">
        <v>0</v>
      </c>
      <c r="I39688" s="8">
        <v>0</v>
      </c>
      <c r="J39688" s="8">
        <v>21200000</v>
      </c>
      <c r="K39688" s="9"/>
      <c r="L39688" s="6"/>
    </row>
    <row r="39689" spans="1:12">
      <c r="A39689" s="6" t="s">
        <v>38656</v>
      </c>
      <c r="B39689" s="6"/>
      <c r="C39689" s="6"/>
      <c r="D39689" s="6"/>
      <c r="E39689" s="6"/>
      <c r="F39689" s="7"/>
      <c r="G39689" s="8">
        <v>30745300</v>
      </c>
      <c r="H39689" s="8">
        <v>0</v>
      </c>
      <c r="I39689" s="8">
        <v>0</v>
      </c>
      <c r="J39689" s="8">
        <v>30745300</v>
      </c>
      <c r="K39689" s="9"/>
      <c r="L39689" s="6"/>
    </row>
    <row r="39690" spans="1:12">
      <c r="A39690" s="6" t="s">
        <v>38657</v>
      </c>
      <c r="B39690" s="6"/>
      <c r="C39690" s="6"/>
      <c r="D39690" s="6"/>
      <c r="E39690" s="6"/>
      <c r="F39690" s="7"/>
      <c r="G39690" s="8">
        <v>11440000</v>
      </c>
      <c r="H39690" s="8">
        <v>0</v>
      </c>
      <c r="I39690" s="8">
        <v>0</v>
      </c>
      <c r="J39690" s="8">
        <v>11440000</v>
      </c>
      <c r="K39690" s="9"/>
      <c r="L39690" s="6"/>
    </row>
    <row r="39691" spans="1:12">
      <c r="A39691" s="6" t="s">
        <v>38658</v>
      </c>
      <c r="B39691" s="6"/>
      <c r="C39691" s="6"/>
      <c r="D39691" s="6"/>
      <c r="E39691" s="6"/>
      <c r="F39691" s="7"/>
      <c r="G39691" s="8">
        <v>17933300</v>
      </c>
      <c r="H39691" s="8">
        <v>0</v>
      </c>
      <c r="I39691" s="8">
        <v>0</v>
      </c>
      <c r="J39691" s="8">
        <v>17933300</v>
      </c>
      <c r="K39691" s="9"/>
      <c r="L39691" s="6"/>
    </row>
    <row r="39692" spans="1:12">
      <c r="A39692" s="6" t="s">
        <v>38659</v>
      </c>
      <c r="B39692" s="6"/>
      <c r="C39692" s="6"/>
      <c r="D39692" s="6"/>
      <c r="E39692" s="6"/>
      <c r="F39692" s="7"/>
      <c r="G39692" s="8">
        <v>5830000</v>
      </c>
      <c r="H39692" s="8">
        <v>0</v>
      </c>
      <c r="I39692" s="8">
        <v>0</v>
      </c>
      <c r="J39692" s="8">
        <v>5830000</v>
      </c>
      <c r="K39692" s="9"/>
      <c r="L39692" s="6"/>
    </row>
    <row r="39693" spans="1:12">
      <c r="A39693" s="6" t="s">
        <v>38660</v>
      </c>
      <c r="B39693" s="6"/>
      <c r="C39693" s="6"/>
      <c r="D39693" s="6"/>
      <c r="E39693" s="6"/>
      <c r="F39693" s="7"/>
      <c r="G39693" s="8">
        <v>2810000</v>
      </c>
      <c r="H39693" s="8">
        <v>0</v>
      </c>
      <c r="I39693" s="8">
        <v>0</v>
      </c>
      <c r="J39693" s="8">
        <v>2810000</v>
      </c>
      <c r="K39693" s="9"/>
      <c r="L39693" s="6"/>
    </row>
    <row r="39694" spans="1:12">
      <c r="A39694" s="6" t="s">
        <v>38661</v>
      </c>
      <c r="B39694" s="6"/>
      <c r="C39694" s="6"/>
      <c r="D39694" s="6"/>
      <c r="E39694" s="6"/>
      <c r="F39694" s="7"/>
      <c r="G39694" s="8">
        <v>4161800</v>
      </c>
      <c r="H39694" s="8">
        <v>0</v>
      </c>
      <c r="I39694" s="8">
        <v>0</v>
      </c>
      <c r="J39694" s="8">
        <v>4161800</v>
      </c>
      <c r="K39694" s="9"/>
      <c r="L39694" s="6"/>
    </row>
    <row r="39695" spans="1:12">
      <c r="A39695" s="6" t="s">
        <v>38662</v>
      </c>
      <c r="B39695" s="6"/>
      <c r="C39695" s="6"/>
      <c r="D39695" s="6"/>
      <c r="E39695" s="6"/>
      <c r="F39695" s="7"/>
      <c r="G39695" s="8">
        <v>18480000</v>
      </c>
      <c r="H39695" s="8">
        <v>0</v>
      </c>
      <c r="I39695" s="8">
        <v>0</v>
      </c>
      <c r="J39695" s="8">
        <v>18480000</v>
      </c>
      <c r="K39695" s="9"/>
      <c r="L39695" s="6"/>
    </row>
    <row r="39696" spans="1:12">
      <c r="A39696" s="6" t="s">
        <v>38663</v>
      </c>
      <c r="B39696" s="6"/>
      <c r="C39696" s="6"/>
      <c r="D39696" s="6"/>
      <c r="E39696" s="6"/>
      <c r="F39696" s="7"/>
      <c r="G39696" s="8">
        <v>31192700</v>
      </c>
      <c r="H39696" s="8">
        <v>0</v>
      </c>
      <c r="I39696" s="8">
        <v>0</v>
      </c>
      <c r="J39696" s="8">
        <v>31192700</v>
      </c>
      <c r="K39696" s="9"/>
      <c r="L39696" s="6"/>
    </row>
    <row r="39697" spans="1:12">
      <c r="A39697" s="6" t="s">
        <v>38664</v>
      </c>
      <c r="B39697" s="6"/>
      <c r="C39697" s="6"/>
      <c r="D39697" s="6"/>
      <c r="E39697" s="6"/>
      <c r="F39697" s="7"/>
      <c r="G39697" s="8">
        <v>1570000</v>
      </c>
      <c r="H39697" s="8">
        <v>0</v>
      </c>
      <c r="I39697" s="8">
        <v>0</v>
      </c>
      <c r="J39697" s="8">
        <v>1570000</v>
      </c>
      <c r="K39697" s="9"/>
      <c r="L39697" s="6"/>
    </row>
    <row r="39698" spans="1:12">
      <c r="A39698" s="6" t="s">
        <v>38665</v>
      </c>
      <c r="B39698" s="6"/>
      <c r="C39698" s="6"/>
      <c r="D39698" s="6"/>
      <c r="E39698" s="6"/>
      <c r="F39698" s="7"/>
      <c r="G39698" s="8">
        <v>3800000</v>
      </c>
      <c r="H39698" s="8">
        <v>0</v>
      </c>
      <c r="I39698" s="8">
        <v>0</v>
      </c>
      <c r="J39698" s="8">
        <v>3800000</v>
      </c>
      <c r="K39698" s="9"/>
      <c r="L39698" s="6"/>
    </row>
    <row r="39699" spans="1:12">
      <c r="A39699" s="6" t="s">
        <v>38666</v>
      </c>
      <c r="B39699" s="6"/>
      <c r="C39699" s="6"/>
      <c r="D39699" s="6"/>
      <c r="E39699" s="6"/>
      <c r="F39699" s="7"/>
      <c r="G39699" s="8">
        <v>9000000</v>
      </c>
      <c r="H39699" s="8">
        <v>0</v>
      </c>
      <c r="I39699" s="8">
        <v>0</v>
      </c>
      <c r="J39699" s="8">
        <v>9000000</v>
      </c>
      <c r="K39699" s="9"/>
      <c r="L39699" s="6"/>
    </row>
    <row r="39700" spans="1:12">
      <c r="A39700" s="6" t="s">
        <v>38667</v>
      </c>
      <c r="B39700" s="6"/>
      <c r="C39700" s="6"/>
      <c r="D39700" s="6"/>
      <c r="E39700" s="6"/>
      <c r="F39700" s="7"/>
      <c r="G39700" s="8">
        <v>2744200</v>
      </c>
      <c r="H39700" s="8">
        <v>0</v>
      </c>
      <c r="I39700" s="8">
        <v>0</v>
      </c>
      <c r="J39700" s="8">
        <v>2744200</v>
      </c>
      <c r="K39700" s="9"/>
      <c r="L39700" s="6"/>
    </row>
    <row r="39701" spans="1:12">
      <c r="A39701" s="6" t="s">
        <v>38668</v>
      </c>
      <c r="B39701" s="6"/>
      <c r="C39701" s="6"/>
      <c r="D39701" s="6"/>
      <c r="E39701" s="6"/>
      <c r="F39701" s="7"/>
      <c r="G39701" s="8">
        <v>14401400</v>
      </c>
      <c r="H39701" s="8">
        <v>0</v>
      </c>
      <c r="I39701" s="8">
        <v>0</v>
      </c>
      <c r="J39701" s="8">
        <v>14401400</v>
      </c>
      <c r="K39701" s="9"/>
      <c r="L39701" s="6"/>
    </row>
    <row r="39702" spans="1:12">
      <c r="A39702" s="6" t="s">
        <v>38669</v>
      </c>
      <c r="B39702" s="6"/>
      <c r="C39702" s="6"/>
      <c r="D39702" s="6"/>
      <c r="E39702" s="6"/>
      <c r="F39702" s="7"/>
      <c r="G39702" s="8">
        <v>6831500</v>
      </c>
      <c r="H39702" s="8">
        <v>0</v>
      </c>
      <c r="I39702" s="8">
        <v>0</v>
      </c>
      <c r="J39702" s="8">
        <v>6831500</v>
      </c>
      <c r="K39702" s="9"/>
      <c r="L39702" s="6"/>
    </row>
    <row r="39703" spans="1:12">
      <c r="A39703" s="6" t="s">
        <v>38670</v>
      </c>
      <c r="B39703" s="6"/>
      <c r="C39703" s="6"/>
      <c r="D39703" s="6"/>
      <c r="E39703" s="6"/>
      <c r="F39703" s="7"/>
      <c r="G39703" s="8">
        <v>18100000</v>
      </c>
      <c r="H39703" s="8">
        <v>0</v>
      </c>
      <c r="I39703" s="8">
        <v>0</v>
      </c>
      <c r="J39703" s="8">
        <v>18100000</v>
      </c>
      <c r="K39703" s="9"/>
      <c r="L39703" s="6"/>
    </row>
    <row r="39704" spans="1:12">
      <c r="A39704" s="6" t="s">
        <v>38671</v>
      </c>
      <c r="B39704" s="6"/>
      <c r="C39704" s="6"/>
      <c r="D39704" s="6"/>
      <c r="E39704" s="6"/>
      <c r="F39704" s="7"/>
      <c r="G39704" s="8">
        <v>6968500</v>
      </c>
      <c r="H39704" s="8">
        <v>0</v>
      </c>
      <c r="I39704" s="8">
        <v>0</v>
      </c>
      <c r="J39704" s="8">
        <v>6968500</v>
      </c>
      <c r="K39704" s="9"/>
      <c r="L39704" s="6"/>
    </row>
    <row r="39705" spans="1:12">
      <c r="A39705" s="6" t="s">
        <v>38672</v>
      </c>
      <c r="B39705" s="6"/>
      <c r="C39705" s="6"/>
      <c r="D39705" s="6"/>
      <c r="E39705" s="6"/>
      <c r="F39705" s="7"/>
      <c r="G39705" s="8">
        <v>14701500</v>
      </c>
      <c r="H39705" s="8">
        <v>0</v>
      </c>
      <c r="I39705" s="8">
        <v>0</v>
      </c>
      <c r="J39705" s="8">
        <v>14701500</v>
      </c>
      <c r="K39705" s="9"/>
      <c r="L39705" s="6"/>
    </row>
    <row r="39706" spans="1:12">
      <c r="A39706" s="6" t="s">
        <v>38672</v>
      </c>
      <c r="B39706" s="6"/>
      <c r="C39706" s="6"/>
      <c r="D39706" s="6"/>
      <c r="E39706" s="6"/>
      <c r="F39706" s="7"/>
      <c r="G39706" s="8">
        <v>4810300</v>
      </c>
      <c r="H39706" s="8">
        <v>0</v>
      </c>
      <c r="I39706" s="8">
        <v>0</v>
      </c>
      <c r="J39706" s="8">
        <v>4810300</v>
      </c>
      <c r="K39706" s="9"/>
      <c r="L39706" s="6"/>
    </row>
    <row r="39707" spans="1:12">
      <c r="A39707" s="6" t="s">
        <v>38673</v>
      </c>
      <c r="B39707" s="6"/>
      <c r="C39707" s="6"/>
      <c r="D39707" s="6"/>
      <c r="E39707" s="6"/>
      <c r="F39707" s="7"/>
      <c r="G39707" s="8">
        <v>4310000</v>
      </c>
      <c r="H39707" s="8">
        <v>0</v>
      </c>
      <c r="I39707" s="8">
        <v>0</v>
      </c>
      <c r="J39707" s="8">
        <v>4310000</v>
      </c>
      <c r="K39707" s="9"/>
      <c r="L39707" s="6"/>
    </row>
    <row r="39708" spans="1:12">
      <c r="A39708" s="6" t="s">
        <v>38674</v>
      </c>
      <c r="B39708" s="6"/>
      <c r="C39708" s="6"/>
      <c r="D39708" s="6"/>
      <c r="E39708" s="6"/>
      <c r="F39708" s="7"/>
      <c r="G39708" s="8">
        <v>7135500</v>
      </c>
      <c r="H39708" s="8">
        <v>0</v>
      </c>
      <c r="I39708" s="8">
        <v>0</v>
      </c>
      <c r="J39708" s="8">
        <v>7135500</v>
      </c>
      <c r="K39708" s="9"/>
      <c r="L39708" s="6"/>
    </row>
    <row r="39709" spans="1:12">
      <c r="A39709" s="6" t="s">
        <v>38675</v>
      </c>
      <c r="B39709" s="6"/>
      <c r="C39709" s="6"/>
      <c r="D39709" s="6"/>
      <c r="E39709" s="6"/>
      <c r="F39709" s="7"/>
      <c r="G39709" s="8">
        <v>9100000</v>
      </c>
      <c r="H39709" s="8">
        <v>0</v>
      </c>
      <c r="I39709" s="8">
        <v>0</v>
      </c>
      <c r="J39709" s="8">
        <v>9100000</v>
      </c>
      <c r="K39709" s="9"/>
      <c r="L39709" s="6"/>
    </row>
    <row r="39710" spans="1:12">
      <c r="A39710" s="6" t="s">
        <v>38676</v>
      </c>
      <c r="B39710" s="6"/>
      <c r="C39710" s="6"/>
      <c r="D39710" s="6"/>
      <c r="E39710" s="6"/>
      <c r="F39710" s="7"/>
      <c r="G39710" s="8">
        <v>3916000</v>
      </c>
      <c r="H39710" s="8">
        <v>0</v>
      </c>
      <c r="I39710" s="8">
        <v>0</v>
      </c>
      <c r="J39710" s="8">
        <v>3916000</v>
      </c>
      <c r="K39710" s="9"/>
      <c r="L39710" s="6"/>
    </row>
    <row r="39711" spans="1:12">
      <c r="A39711" s="6" t="s">
        <v>38677</v>
      </c>
      <c r="B39711" s="6"/>
      <c r="C39711" s="6"/>
      <c r="D39711" s="6"/>
      <c r="E39711" s="6"/>
      <c r="F39711" s="7"/>
      <c r="G39711" s="8">
        <v>2156000</v>
      </c>
      <c r="H39711" s="8">
        <v>0</v>
      </c>
      <c r="I39711" s="8">
        <v>0</v>
      </c>
      <c r="J39711" s="8">
        <v>2156000</v>
      </c>
      <c r="K39711" s="9"/>
      <c r="L39711" s="6"/>
    </row>
    <row r="39712" spans="1:12">
      <c r="A39712" s="6" t="s">
        <v>38678</v>
      </c>
      <c r="B39712" s="6"/>
      <c r="C39712" s="6"/>
      <c r="D39712" s="6"/>
      <c r="E39712" s="6"/>
      <c r="F39712" s="7"/>
      <c r="G39712" s="8">
        <v>14960000</v>
      </c>
      <c r="H39712" s="8">
        <v>0</v>
      </c>
      <c r="I39712" s="8">
        <v>0</v>
      </c>
      <c r="J39712" s="8">
        <v>14960000</v>
      </c>
      <c r="K39712" s="9"/>
      <c r="L39712" s="6"/>
    </row>
    <row r="39713" spans="1:12">
      <c r="A39713" s="6" t="s">
        <v>38679</v>
      </c>
      <c r="B39713" s="6"/>
      <c r="C39713" s="6"/>
      <c r="D39713" s="6"/>
      <c r="E39713" s="6"/>
      <c r="F39713" s="7"/>
      <c r="G39713" s="8">
        <v>8440000</v>
      </c>
      <c r="H39713" s="8">
        <v>0</v>
      </c>
      <c r="I39713" s="8">
        <v>0</v>
      </c>
      <c r="J39713" s="8">
        <v>8440000</v>
      </c>
      <c r="K39713" s="9"/>
      <c r="L39713" s="6"/>
    </row>
    <row r="39714" spans="1:12">
      <c r="A39714" s="6" t="s">
        <v>38680</v>
      </c>
      <c r="B39714" s="6"/>
      <c r="C39714" s="6"/>
      <c r="D39714" s="6"/>
      <c r="E39714" s="6"/>
      <c r="F39714" s="7"/>
      <c r="G39714" s="8">
        <v>35452400</v>
      </c>
      <c r="H39714" s="8">
        <v>0</v>
      </c>
      <c r="I39714" s="8">
        <v>0</v>
      </c>
      <c r="J39714" s="8">
        <v>35452400</v>
      </c>
      <c r="K39714" s="9"/>
      <c r="L39714" s="6"/>
    </row>
    <row r="39715" spans="1:12">
      <c r="A39715" s="6" t="s">
        <v>38681</v>
      </c>
      <c r="B39715" s="6"/>
      <c r="C39715" s="6"/>
      <c r="D39715" s="6"/>
      <c r="E39715" s="6"/>
      <c r="F39715" s="7"/>
      <c r="G39715" s="8">
        <v>9430000</v>
      </c>
      <c r="H39715" s="8">
        <v>0</v>
      </c>
      <c r="I39715" s="8">
        <v>0</v>
      </c>
      <c r="J39715" s="8">
        <v>9430000</v>
      </c>
      <c r="K39715" s="9"/>
      <c r="L39715" s="6"/>
    </row>
    <row r="39716" spans="1:12">
      <c r="A39716" s="6" t="s">
        <v>38682</v>
      </c>
      <c r="B39716" s="6"/>
      <c r="C39716" s="6"/>
      <c r="D39716" s="6"/>
      <c r="E39716" s="6"/>
      <c r="F39716" s="7"/>
      <c r="G39716" s="8">
        <v>22880000</v>
      </c>
      <c r="H39716" s="8">
        <v>0</v>
      </c>
      <c r="I39716" s="8">
        <v>0</v>
      </c>
      <c r="J39716" s="8">
        <v>22880000</v>
      </c>
      <c r="K39716" s="9"/>
      <c r="L39716" s="6"/>
    </row>
    <row r="39717" spans="1:12">
      <c r="A39717" s="6" t="s">
        <v>38683</v>
      </c>
      <c r="B39717" s="6"/>
      <c r="C39717" s="6"/>
      <c r="D39717" s="6"/>
      <c r="E39717" s="6"/>
      <c r="F39717" s="7"/>
      <c r="G39717" s="8">
        <v>3850000</v>
      </c>
      <c r="H39717" s="8">
        <v>0</v>
      </c>
      <c r="I39717" s="8">
        <v>0</v>
      </c>
      <c r="J39717" s="8">
        <v>3850000</v>
      </c>
      <c r="K39717" s="9"/>
      <c r="L39717" s="6"/>
    </row>
    <row r="39718" spans="1:12">
      <c r="A39718" s="6" t="s">
        <v>38684</v>
      </c>
      <c r="B39718" s="6"/>
      <c r="C39718" s="6"/>
      <c r="D39718" s="6"/>
      <c r="E39718" s="6"/>
      <c r="F39718" s="7"/>
      <c r="G39718" s="8">
        <v>45100000</v>
      </c>
      <c r="H39718" s="8">
        <v>0</v>
      </c>
      <c r="I39718" s="8">
        <v>0</v>
      </c>
      <c r="J39718" s="8">
        <v>45100000</v>
      </c>
      <c r="K39718" s="9"/>
      <c r="L39718" s="6"/>
    </row>
    <row r="39719" spans="1:12">
      <c r="A39719" s="6" t="s">
        <v>38685</v>
      </c>
      <c r="B39719" s="6"/>
      <c r="C39719" s="6"/>
      <c r="D39719" s="6"/>
      <c r="E39719" s="6"/>
      <c r="F39719" s="7"/>
      <c r="G39719" s="8">
        <v>998800</v>
      </c>
      <c r="H39719" s="8">
        <v>0</v>
      </c>
      <c r="I39719" s="8">
        <v>0</v>
      </c>
      <c r="J39719" s="8">
        <v>998800</v>
      </c>
      <c r="K39719" s="9"/>
      <c r="L39719" s="6"/>
    </row>
    <row r="39720" spans="1:12">
      <c r="A39720" s="6" t="s">
        <v>38686</v>
      </c>
      <c r="B39720" s="6"/>
      <c r="C39720" s="6"/>
      <c r="D39720" s="6"/>
      <c r="E39720" s="6"/>
      <c r="F39720" s="7"/>
      <c r="G39720" s="8">
        <v>13904000</v>
      </c>
      <c r="H39720" s="8">
        <v>0</v>
      </c>
      <c r="I39720" s="8">
        <v>0</v>
      </c>
      <c r="J39720" s="8">
        <v>13904000</v>
      </c>
      <c r="K39720" s="9"/>
      <c r="L39720" s="6"/>
    </row>
    <row r="39721" spans="1:12">
      <c r="A39721" s="6" t="s">
        <v>38687</v>
      </c>
      <c r="B39721" s="6"/>
      <c r="C39721" s="6"/>
      <c r="D39721" s="6"/>
      <c r="E39721" s="6"/>
      <c r="F39721" s="7"/>
      <c r="G39721" s="8">
        <v>643500</v>
      </c>
      <c r="H39721" s="8">
        <v>0</v>
      </c>
      <c r="I39721" s="8">
        <v>0</v>
      </c>
      <c r="J39721" s="8">
        <v>643500</v>
      </c>
      <c r="K39721" s="9"/>
      <c r="L39721" s="6"/>
    </row>
    <row r="39722" spans="1:12">
      <c r="A39722" s="6" t="s">
        <v>38688</v>
      </c>
      <c r="B39722" s="6"/>
      <c r="C39722" s="6"/>
      <c r="D39722" s="6"/>
      <c r="E39722" s="6"/>
      <c r="F39722" s="7"/>
      <c r="G39722" s="8">
        <v>13000000</v>
      </c>
      <c r="H39722" s="8">
        <v>0</v>
      </c>
      <c r="I39722" s="8">
        <v>0</v>
      </c>
      <c r="J39722" s="8">
        <v>13000000</v>
      </c>
      <c r="K39722" s="9"/>
      <c r="L39722" s="6"/>
    </row>
    <row r="39723" spans="1:12">
      <c r="A39723" s="6" t="s">
        <v>38689</v>
      </c>
      <c r="B39723" s="6"/>
      <c r="C39723" s="6"/>
      <c r="D39723" s="6"/>
      <c r="E39723" s="6"/>
      <c r="F39723" s="7"/>
      <c r="G39723" s="8">
        <v>17930000</v>
      </c>
      <c r="H39723" s="8">
        <v>0</v>
      </c>
      <c r="I39723" s="8">
        <v>0</v>
      </c>
      <c r="J39723" s="8">
        <v>17930000</v>
      </c>
      <c r="K39723" s="9"/>
      <c r="L39723" s="6"/>
    </row>
    <row r="39724" spans="1:12">
      <c r="A39724" s="6" t="s">
        <v>38690</v>
      </c>
      <c r="B39724" s="6"/>
      <c r="C39724" s="6"/>
      <c r="D39724" s="6"/>
      <c r="E39724" s="6"/>
      <c r="F39724" s="7"/>
      <c r="G39724" s="8">
        <v>24400000</v>
      </c>
      <c r="H39724" s="8">
        <v>0</v>
      </c>
      <c r="I39724" s="8">
        <v>0</v>
      </c>
      <c r="J39724" s="8">
        <v>24400000</v>
      </c>
      <c r="K39724" s="9"/>
      <c r="L39724" s="6"/>
    </row>
    <row r="39725" spans="1:12">
      <c r="A39725" s="6" t="s">
        <v>38691</v>
      </c>
      <c r="B39725" s="6"/>
      <c r="C39725" s="6"/>
      <c r="D39725" s="6"/>
      <c r="E39725" s="6"/>
      <c r="F39725" s="7"/>
      <c r="G39725" s="8">
        <v>36705000</v>
      </c>
      <c r="H39725" s="8">
        <v>0</v>
      </c>
      <c r="I39725" s="8">
        <v>0</v>
      </c>
      <c r="J39725" s="8">
        <v>36705000</v>
      </c>
      <c r="K39725" s="9"/>
      <c r="L39725" s="6"/>
    </row>
    <row r="39726" spans="1:12">
      <c r="A39726" s="6" t="s">
        <v>38692</v>
      </c>
      <c r="B39726" s="6"/>
      <c r="C39726" s="6"/>
      <c r="D39726" s="6"/>
      <c r="E39726" s="6"/>
      <c r="F39726" s="7"/>
      <c r="G39726" s="8">
        <v>10552200</v>
      </c>
      <c r="H39726" s="8">
        <v>10552200</v>
      </c>
      <c r="I39726" s="8">
        <v>0</v>
      </c>
      <c r="J39726" s="8">
        <v>10552200</v>
      </c>
      <c r="K39726" s="9"/>
      <c r="L39726" s="6"/>
    </row>
    <row r="39727" spans="1:12">
      <c r="A39727" s="6" t="s">
        <v>38693</v>
      </c>
      <c r="B39727" s="6"/>
      <c r="C39727" s="6"/>
      <c r="D39727" s="6"/>
      <c r="E39727" s="6"/>
      <c r="F39727" s="7"/>
      <c r="G39727" s="8">
        <v>106154920</v>
      </c>
      <c r="H39727" s="8">
        <v>106154920</v>
      </c>
      <c r="I39727" s="8">
        <v>0</v>
      </c>
      <c r="J39727" s="8">
        <v>106154920</v>
      </c>
      <c r="K39727" s="9"/>
      <c r="L39727" s="6"/>
    </row>
    <row r="39728" spans="1:12">
      <c r="A39728" s="6" t="s">
        <v>38694</v>
      </c>
      <c r="B39728" s="6"/>
      <c r="C39728" s="6"/>
      <c r="D39728" s="6"/>
      <c r="E39728" s="6"/>
      <c r="F39728" s="7"/>
      <c r="G39728" s="8">
        <v>10879920</v>
      </c>
      <c r="H39728" s="8">
        <v>10879920</v>
      </c>
      <c r="I39728" s="8">
        <v>0</v>
      </c>
      <c r="J39728" s="8">
        <v>10879920</v>
      </c>
      <c r="K39728" s="9"/>
      <c r="L39728" s="6"/>
    </row>
    <row r="39729" spans="1:12">
      <c r="A39729" s="6" t="s">
        <v>38695</v>
      </c>
      <c r="B39729" s="6"/>
      <c r="C39729" s="6"/>
      <c r="D39729" s="6"/>
      <c r="E39729" s="6"/>
      <c r="F39729" s="7"/>
      <c r="G39729" s="8">
        <v>119071300</v>
      </c>
      <c r="H39729" s="8">
        <v>119071300</v>
      </c>
      <c r="I39729" s="8">
        <v>0</v>
      </c>
      <c r="J39729" s="8">
        <v>119071300</v>
      </c>
      <c r="K39729" s="9"/>
      <c r="L39729" s="6"/>
    </row>
    <row r="39730" spans="1:12">
      <c r="A39730" s="6" t="s">
        <v>38695</v>
      </c>
      <c r="B39730" s="6"/>
      <c r="C39730" s="6"/>
      <c r="D39730" s="6"/>
      <c r="E39730" s="6"/>
      <c r="F39730" s="7"/>
      <c r="G39730" s="8">
        <v>0</v>
      </c>
      <c r="H39730" s="8">
        <v>0</v>
      </c>
      <c r="I39730" s="8">
        <v>0</v>
      </c>
      <c r="J39730" s="8">
        <v>-119071300</v>
      </c>
      <c r="K39730" s="9"/>
      <c r="L39730" s="6"/>
    </row>
    <row r="39731" spans="1:12">
      <c r="A39731" s="6" t="s">
        <v>38695</v>
      </c>
      <c r="B39731" s="6"/>
      <c r="C39731" s="6"/>
      <c r="D39731" s="6"/>
      <c r="E39731" s="6"/>
      <c r="F39731" s="7"/>
      <c r="G39731" s="8">
        <v>0</v>
      </c>
      <c r="H39731" s="8">
        <v>0</v>
      </c>
      <c r="I39731" s="8">
        <v>0</v>
      </c>
      <c r="J39731" s="8">
        <v>119071300</v>
      </c>
      <c r="K39731" s="9"/>
      <c r="L39731" s="6"/>
    </row>
    <row r="39732" spans="1:12">
      <c r="A39732" s="6" t="s">
        <v>38696</v>
      </c>
      <c r="B39732" s="6"/>
      <c r="C39732" s="6"/>
      <c r="D39732" s="6"/>
      <c r="E39732" s="6"/>
      <c r="F39732" s="7"/>
      <c r="G39732" s="8">
        <v>119818000</v>
      </c>
      <c r="H39732" s="8">
        <v>119818000</v>
      </c>
      <c r="I39732" s="8">
        <v>0</v>
      </c>
      <c r="J39732" s="8">
        <v>119818000</v>
      </c>
      <c r="K39732" s="9"/>
      <c r="L39732" s="6"/>
    </row>
    <row r="39733" spans="1:12">
      <c r="A39733" s="6" t="s">
        <v>38697</v>
      </c>
      <c r="B39733" s="6"/>
      <c r="C39733" s="6"/>
      <c r="D39733" s="6"/>
      <c r="E39733" s="6"/>
      <c r="F39733" s="7"/>
      <c r="G39733" s="8">
        <v>12060400</v>
      </c>
      <c r="H39733" s="8">
        <v>12060400</v>
      </c>
      <c r="I39733" s="8">
        <v>0</v>
      </c>
      <c r="J39733" s="8">
        <v>12060400</v>
      </c>
      <c r="K39733" s="9"/>
      <c r="L39733" s="6"/>
    </row>
    <row r="39734" spans="1:12">
      <c r="A39734" s="6" t="s">
        <v>38698</v>
      </c>
      <c r="B39734" s="6"/>
      <c r="C39734" s="6"/>
      <c r="D39734" s="6"/>
      <c r="E39734" s="6"/>
      <c r="F39734" s="7"/>
      <c r="G39734" s="8">
        <v>12262840</v>
      </c>
      <c r="H39734" s="8">
        <v>12262840</v>
      </c>
      <c r="I39734" s="8">
        <v>0</v>
      </c>
      <c r="J39734" s="8">
        <v>12262840</v>
      </c>
      <c r="K39734" s="9"/>
      <c r="L39734" s="6"/>
    </row>
    <row r="39735" spans="1:12">
      <c r="A39735" s="6" t="s">
        <v>38699</v>
      </c>
      <c r="B39735" s="6"/>
      <c r="C39735" s="6"/>
      <c r="D39735" s="6"/>
      <c r="E39735" s="6"/>
      <c r="F39735" s="7"/>
      <c r="G39735" s="8">
        <v>13386200</v>
      </c>
      <c r="H39735" s="8">
        <v>13386200</v>
      </c>
      <c r="I39735" s="8">
        <v>0</v>
      </c>
      <c r="J39735" s="8">
        <v>13386200</v>
      </c>
      <c r="K39735" s="9"/>
      <c r="L39735" s="6"/>
    </row>
    <row r="39736" spans="1:12">
      <c r="A39736" s="6" t="s">
        <v>38700</v>
      </c>
      <c r="B39736" s="6"/>
      <c r="C39736" s="6"/>
      <c r="D39736" s="6"/>
      <c r="E39736" s="6"/>
      <c r="F39736" s="7"/>
      <c r="G39736" s="8">
        <v>15376900</v>
      </c>
      <c r="H39736" s="8">
        <v>15376900</v>
      </c>
      <c r="I39736" s="8">
        <v>0</v>
      </c>
      <c r="J39736" s="8">
        <v>15376900</v>
      </c>
      <c r="K39736" s="9"/>
      <c r="L39736" s="6"/>
    </row>
    <row r="39737" spans="1:12">
      <c r="A39737" s="6" t="s">
        <v>33080</v>
      </c>
      <c r="B39737" s="6"/>
      <c r="C39737" s="6"/>
      <c r="D39737" s="6"/>
      <c r="E39737" s="6"/>
      <c r="F39737" s="7"/>
      <c r="G39737" s="8">
        <v>1595000</v>
      </c>
      <c r="H39737" s="8">
        <v>1595000</v>
      </c>
      <c r="I39737" s="8">
        <v>0</v>
      </c>
      <c r="J39737" s="8">
        <v>1595000</v>
      </c>
      <c r="K39737" s="9"/>
      <c r="L39737" s="6"/>
    </row>
    <row r="39738" spans="1:12">
      <c r="A39738" s="6" t="s">
        <v>33080</v>
      </c>
      <c r="B39738" s="6"/>
      <c r="C39738" s="6"/>
      <c r="D39738" s="6"/>
      <c r="E39738" s="6"/>
      <c r="F39738" s="7"/>
      <c r="G39738" s="8">
        <v>0</v>
      </c>
      <c r="H39738" s="8">
        <v>0</v>
      </c>
      <c r="I39738" s="8">
        <v>0</v>
      </c>
      <c r="J39738" s="8">
        <v>-1595000</v>
      </c>
      <c r="K39738" s="9"/>
      <c r="L39738" s="6"/>
    </row>
    <row r="39739" spans="1:12">
      <c r="A39739" s="6" t="s">
        <v>33080</v>
      </c>
      <c r="B39739" s="6"/>
      <c r="C39739" s="6"/>
      <c r="D39739" s="6"/>
      <c r="E39739" s="6"/>
      <c r="F39739" s="7"/>
      <c r="G39739" s="8">
        <v>0</v>
      </c>
      <c r="H39739" s="8">
        <v>0</v>
      </c>
      <c r="I39739" s="8">
        <v>0</v>
      </c>
      <c r="J39739" s="8">
        <v>1595000</v>
      </c>
      <c r="K39739" s="9"/>
      <c r="L39739" s="6"/>
    </row>
    <row r="39740" spans="1:12">
      <c r="A39740" s="6" t="s">
        <v>38701</v>
      </c>
      <c r="B39740" s="6"/>
      <c r="C39740" s="6"/>
      <c r="D39740" s="6"/>
      <c r="E39740" s="6"/>
      <c r="F39740" s="7"/>
      <c r="G39740" s="8">
        <v>165528300</v>
      </c>
      <c r="H39740" s="8">
        <v>165528300</v>
      </c>
      <c r="I39740" s="8">
        <v>0</v>
      </c>
      <c r="J39740" s="8">
        <v>165528300</v>
      </c>
      <c r="K39740" s="9"/>
      <c r="L39740" s="6"/>
    </row>
    <row r="39741" spans="1:12">
      <c r="A39741" s="6" t="s">
        <v>38702</v>
      </c>
      <c r="B39741" s="6"/>
      <c r="C39741" s="6"/>
      <c r="D39741" s="6"/>
      <c r="E39741" s="6"/>
      <c r="F39741" s="7"/>
      <c r="G39741" s="8">
        <v>1675299979</v>
      </c>
      <c r="H39741" s="8">
        <v>1675299979</v>
      </c>
      <c r="I39741" s="8">
        <v>0</v>
      </c>
      <c r="J39741" s="8">
        <v>1675299979</v>
      </c>
      <c r="K39741" s="9"/>
      <c r="L39741" s="6"/>
    </row>
    <row r="39742" spans="1:12">
      <c r="A39742" s="6" t="s">
        <v>38703</v>
      </c>
      <c r="B39742" s="6"/>
      <c r="C39742" s="6"/>
      <c r="D39742" s="6"/>
      <c r="E39742" s="6"/>
      <c r="F39742" s="7"/>
      <c r="G39742" s="8">
        <v>17335700</v>
      </c>
      <c r="H39742" s="8">
        <v>17335700</v>
      </c>
      <c r="I39742" s="8">
        <v>0</v>
      </c>
      <c r="J39742" s="8">
        <v>17335700</v>
      </c>
      <c r="K39742" s="9"/>
      <c r="L39742" s="6"/>
    </row>
    <row r="39743" spans="1:12">
      <c r="A39743" s="6" t="s">
        <v>38704</v>
      </c>
      <c r="B39743" s="6"/>
      <c r="C39743" s="6"/>
      <c r="D39743" s="6"/>
      <c r="E39743" s="6"/>
      <c r="F39743" s="7"/>
      <c r="G39743" s="8">
        <v>17916300</v>
      </c>
      <c r="H39743" s="8">
        <v>17916300</v>
      </c>
      <c r="I39743" s="8">
        <v>0</v>
      </c>
      <c r="J39743" s="8">
        <v>17916300</v>
      </c>
      <c r="K39743" s="9"/>
      <c r="L39743" s="6"/>
    </row>
    <row r="39744" spans="1:12">
      <c r="A39744" s="6" t="s">
        <v>38705</v>
      </c>
      <c r="B39744" s="6"/>
      <c r="C39744" s="6"/>
      <c r="D39744" s="6"/>
      <c r="E39744" s="6"/>
      <c r="F39744" s="7"/>
      <c r="G39744" s="8">
        <v>19620000</v>
      </c>
      <c r="H39744" s="8">
        <v>19620000</v>
      </c>
      <c r="I39744" s="8">
        <v>0</v>
      </c>
      <c r="J39744" s="8">
        <v>19620000</v>
      </c>
      <c r="K39744" s="9"/>
      <c r="L39744" s="6"/>
    </row>
    <row r="39745" spans="1:12">
      <c r="A39745" s="6" t="s">
        <v>38705</v>
      </c>
      <c r="B39745" s="6"/>
      <c r="C39745" s="6"/>
      <c r="D39745" s="6"/>
      <c r="E39745" s="6"/>
      <c r="F39745" s="7"/>
      <c r="G39745" s="8">
        <v>0</v>
      </c>
      <c r="H39745" s="8">
        <v>0</v>
      </c>
      <c r="I39745" s="8">
        <v>0</v>
      </c>
      <c r="J39745" s="8">
        <v>-19620000</v>
      </c>
      <c r="K39745" s="9"/>
      <c r="L39745" s="6"/>
    </row>
    <row r="39746" spans="1:12">
      <c r="A39746" s="6" t="s">
        <v>38705</v>
      </c>
      <c r="B39746" s="6"/>
      <c r="C39746" s="6"/>
      <c r="D39746" s="6"/>
      <c r="E39746" s="6"/>
      <c r="F39746" s="7"/>
      <c r="G39746" s="8">
        <v>0</v>
      </c>
      <c r="H39746" s="8">
        <v>0</v>
      </c>
      <c r="I39746" s="8">
        <v>0</v>
      </c>
      <c r="J39746" s="8">
        <v>19620000</v>
      </c>
      <c r="K39746" s="9"/>
      <c r="L39746" s="6"/>
    </row>
    <row r="39747" spans="1:12">
      <c r="A39747" s="6" t="s">
        <v>38706</v>
      </c>
      <c r="B39747" s="6"/>
      <c r="C39747" s="6"/>
      <c r="D39747" s="6"/>
      <c r="E39747" s="6"/>
      <c r="F39747" s="7"/>
      <c r="G39747" s="8">
        <v>20894800</v>
      </c>
      <c r="H39747" s="8">
        <v>20894800</v>
      </c>
      <c r="I39747" s="8">
        <v>0</v>
      </c>
      <c r="J39747" s="8">
        <v>20894800</v>
      </c>
      <c r="K39747" s="9"/>
      <c r="L39747" s="6"/>
    </row>
    <row r="39748" spans="1:12">
      <c r="A39748" s="6" t="s">
        <v>38707</v>
      </c>
      <c r="B39748" s="6"/>
      <c r="C39748" s="6"/>
      <c r="D39748" s="6"/>
      <c r="E39748" s="6"/>
      <c r="F39748" s="7"/>
      <c r="G39748" s="8">
        <v>209888500</v>
      </c>
      <c r="H39748" s="8">
        <v>209888500</v>
      </c>
      <c r="I39748" s="8">
        <v>0</v>
      </c>
      <c r="J39748" s="8">
        <v>209888500</v>
      </c>
      <c r="K39748" s="9"/>
      <c r="L39748" s="6"/>
    </row>
    <row r="39749" spans="1:12">
      <c r="A39749" s="6" t="s">
        <v>38707</v>
      </c>
      <c r="B39749" s="6"/>
      <c r="C39749" s="6"/>
      <c r="D39749" s="6"/>
      <c r="E39749" s="6"/>
      <c r="F39749" s="7"/>
      <c r="G39749" s="8">
        <v>0</v>
      </c>
      <c r="H39749" s="8">
        <v>0</v>
      </c>
      <c r="I39749" s="8">
        <v>0</v>
      </c>
      <c r="J39749" s="8">
        <v>-209888500</v>
      </c>
      <c r="K39749" s="9"/>
      <c r="L39749" s="6"/>
    </row>
    <row r="39750" spans="1:12">
      <c r="A39750" s="6" t="s">
        <v>38707</v>
      </c>
      <c r="B39750" s="6"/>
      <c r="C39750" s="6"/>
      <c r="D39750" s="6"/>
      <c r="E39750" s="6"/>
      <c r="F39750" s="7"/>
      <c r="G39750" s="8">
        <v>0</v>
      </c>
      <c r="H39750" s="8">
        <v>0</v>
      </c>
      <c r="I39750" s="8">
        <v>0</v>
      </c>
      <c r="J39750" s="8">
        <v>209888500</v>
      </c>
      <c r="K39750" s="9"/>
      <c r="L39750" s="6"/>
    </row>
    <row r="39751" spans="1:12">
      <c r="A39751" s="6" t="s">
        <v>38708</v>
      </c>
      <c r="B39751" s="6"/>
      <c r="C39751" s="6"/>
      <c r="D39751" s="6"/>
      <c r="E39751" s="6"/>
      <c r="F39751" s="7"/>
      <c r="G39751" s="8">
        <v>21289900</v>
      </c>
      <c r="H39751" s="8">
        <v>21289900</v>
      </c>
      <c r="I39751" s="8">
        <v>0</v>
      </c>
      <c r="J39751" s="8">
        <v>21289900</v>
      </c>
      <c r="K39751" s="9"/>
      <c r="L39751" s="6"/>
    </row>
    <row r="39752" spans="1:12">
      <c r="A39752" s="6" t="s">
        <v>38708</v>
      </c>
      <c r="B39752" s="6"/>
      <c r="C39752" s="6"/>
      <c r="D39752" s="6"/>
      <c r="E39752" s="6"/>
      <c r="F39752" s="7"/>
      <c r="G39752" s="8">
        <v>0</v>
      </c>
      <c r="H39752" s="8">
        <v>0</v>
      </c>
      <c r="I39752" s="8">
        <v>0</v>
      </c>
      <c r="J39752" s="8">
        <v>-21289900</v>
      </c>
      <c r="K39752" s="9"/>
      <c r="L39752" s="6"/>
    </row>
    <row r="39753" spans="1:12">
      <c r="A39753" s="6" t="s">
        <v>38708</v>
      </c>
      <c r="B39753" s="6"/>
      <c r="C39753" s="6"/>
      <c r="D39753" s="6"/>
      <c r="E39753" s="6"/>
      <c r="F39753" s="7"/>
      <c r="G39753" s="8">
        <v>0</v>
      </c>
      <c r="H39753" s="8">
        <v>0</v>
      </c>
      <c r="I39753" s="8">
        <v>0</v>
      </c>
      <c r="J39753" s="8">
        <v>21289900</v>
      </c>
      <c r="K39753" s="9"/>
      <c r="L39753" s="6"/>
    </row>
    <row r="39754" spans="1:12">
      <c r="A39754" s="6" t="s">
        <v>38709</v>
      </c>
      <c r="B39754" s="6"/>
      <c r="C39754" s="6"/>
      <c r="D39754" s="6"/>
      <c r="E39754" s="6"/>
      <c r="F39754" s="7"/>
      <c r="G39754" s="8">
        <v>23125600</v>
      </c>
      <c r="H39754" s="8">
        <v>23125600</v>
      </c>
      <c r="I39754" s="8">
        <v>0</v>
      </c>
      <c r="J39754" s="8">
        <v>23125600</v>
      </c>
      <c r="K39754" s="9"/>
      <c r="L39754" s="6"/>
    </row>
    <row r="39755" spans="1:12">
      <c r="A39755" s="6" t="s">
        <v>38709</v>
      </c>
      <c r="B39755" s="6"/>
      <c r="C39755" s="6"/>
      <c r="D39755" s="6"/>
      <c r="E39755" s="6"/>
      <c r="F39755" s="7"/>
      <c r="G39755" s="8">
        <v>0</v>
      </c>
      <c r="H39755" s="8">
        <v>0</v>
      </c>
      <c r="I39755" s="8">
        <v>0</v>
      </c>
      <c r="J39755" s="8">
        <v>-23125600</v>
      </c>
      <c r="K39755" s="9"/>
      <c r="L39755" s="6"/>
    </row>
    <row r="39756" spans="1:12">
      <c r="A39756" s="6" t="s">
        <v>38709</v>
      </c>
      <c r="B39756" s="6"/>
      <c r="C39756" s="6"/>
      <c r="D39756" s="6"/>
      <c r="E39756" s="6"/>
      <c r="F39756" s="7"/>
      <c r="G39756" s="8">
        <v>0</v>
      </c>
      <c r="H39756" s="8">
        <v>0</v>
      </c>
      <c r="I39756" s="8">
        <v>0</v>
      </c>
      <c r="J39756" s="8">
        <v>23125600</v>
      </c>
      <c r="K39756" s="9"/>
      <c r="L39756" s="6"/>
    </row>
    <row r="39757" spans="1:12">
      <c r="A39757" s="6" t="s">
        <v>38710</v>
      </c>
      <c r="B39757" s="6"/>
      <c r="C39757" s="6"/>
      <c r="D39757" s="6"/>
      <c r="E39757" s="6"/>
      <c r="F39757" s="7"/>
      <c r="G39757" s="8">
        <v>0</v>
      </c>
      <c r="H39757" s="8">
        <v>0</v>
      </c>
      <c r="I39757" s="8">
        <v>0</v>
      </c>
      <c r="J39757" s="8">
        <v>237949500</v>
      </c>
      <c r="K39757" s="9"/>
      <c r="L39757" s="6"/>
    </row>
    <row r="39758" spans="1:12">
      <c r="A39758" s="6" t="s">
        <v>38711</v>
      </c>
      <c r="B39758" s="6"/>
      <c r="C39758" s="6"/>
      <c r="D39758" s="6"/>
      <c r="E39758" s="6"/>
      <c r="F39758" s="7"/>
      <c r="G39758" s="8">
        <v>2599300</v>
      </c>
      <c r="H39758" s="8">
        <v>2599300</v>
      </c>
      <c r="I39758" s="8">
        <v>0</v>
      </c>
      <c r="J39758" s="8">
        <v>2599300</v>
      </c>
      <c r="K39758" s="9"/>
      <c r="L39758" s="6"/>
    </row>
    <row r="39759" spans="1:12">
      <c r="A39759" s="6" t="s">
        <v>38712</v>
      </c>
      <c r="B39759" s="6"/>
      <c r="C39759" s="6"/>
      <c r="D39759" s="6"/>
      <c r="E39759" s="6"/>
      <c r="F39759" s="7"/>
      <c r="G39759" s="8">
        <v>2687321200</v>
      </c>
      <c r="H39759" s="8">
        <v>2687321200</v>
      </c>
      <c r="I39759" s="8">
        <v>0</v>
      </c>
      <c r="J39759" s="8">
        <v>2687321200</v>
      </c>
      <c r="K39759" s="9"/>
      <c r="L39759" s="6"/>
    </row>
    <row r="39760" spans="1:12">
      <c r="A39760" s="6" t="s">
        <v>38713</v>
      </c>
      <c r="B39760" s="6"/>
      <c r="C39760" s="6"/>
      <c r="D39760" s="6"/>
      <c r="E39760" s="6"/>
      <c r="F39760" s="7"/>
      <c r="G39760" s="8">
        <v>2701200</v>
      </c>
      <c r="H39760" s="8">
        <v>2701200</v>
      </c>
      <c r="I39760" s="8">
        <v>0</v>
      </c>
      <c r="J39760" s="8">
        <v>2701200</v>
      </c>
      <c r="K39760" s="9"/>
      <c r="L39760" s="6"/>
    </row>
    <row r="39761" spans="1:12">
      <c r="A39761" s="6" t="s">
        <v>38714</v>
      </c>
      <c r="B39761" s="6"/>
      <c r="C39761" s="6"/>
      <c r="D39761" s="6"/>
      <c r="E39761" s="6"/>
      <c r="F39761" s="7"/>
      <c r="G39761" s="8">
        <v>27060000</v>
      </c>
      <c r="H39761" s="8">
        <v>27060000</v>
      </c>
      <c r="I39761" s="8">
        <v>0</v>
      </c>
      <c r="J39761" s="8">
        <v>27060000</v>
      </c>
      <c r="K39761" s="9"/>
      <c r="L39761" s="6"/>
    </row>
    <row r="39762" spans="1:12">
      <c r="A39762" s="6" t="s">
        <v>38714</v>
      </c>
      <c r="B39762" s="6"/>
      <c r="C39762" s="6"/>
      <c r="D39762" s="6"/>
      <c r="E39762" s="6"/>
      <c r="F39762" s="7"/>
      <c r="G39762" s="8">
        <v>0</v>
      </c>
      <c r="H39762" s="8">
        <v>0</v>
      </c>
      <c r="I39762" s="8">
        <v>0</v>
      </c>
      <c r="J39762" s="8">
        <v>-27060000</v>
      </c>
      <c r="K39762" s="9"/>
      <c r="L39762" s="6"/>
    </row>
    <row r="39763" spans="1:12">
      <c r="A39763" s="6" t="s">
        <v>38714</v>
      </c>
      <c r="B39763" s="6"/>
      <c r="C39763" s="6"/>
      <c r="D39763" s="6"/>
      <c r="E39763" s="6"/>
      <c r="F39763" s="7"/>
      <c r="G39763" s="8">
        <v>0</v>
      </c>
      <c r="H39763" s="8">
        <v>0</v>
      </c>
      <c r="I39763" s="8">
        <v>0</v>
      </c>
      <c r="J39763" s="8">
        <v>27060000</v>
      </c>
      <c r="K39763" s="9"/>
      <c r="L39763" s="6"/>
    </row>
    <row r="39764" spans="1:12">
      <c r="A39764" s="6" t="s">
        <v>38715</v>
      </c>
      <c r="B39764" s="6"/>
      <c r="C39764" s="6"/>
      <c r="D39764" s="6"/>
      <c r="E39764" s="6"/>
      <c r="F39764" s="7"/>
      <c r="G39764" s="8">
        <v>29700000</v>
      </c>
      <c r="H39764" s="8">
        <v>29700000</v>
      </c>
      <c r="I39764" s="8">
        <v>0</v>
      </c>
      <c r="J39764" s="8">
        <v>29700000</v>
      </c>
      <c r="K39764" s="9"/>
      <c r="L39764" s="6"/>
    </row>
    <row r="39765" spans="1:12">
      <c r="A39765" s="6" t="s">
        <v>28531</v>
      </c>
      <c r="B39765" s="6"/>
      <c r="C39765" s="6"/>
      <c r="D39765" s="6"/>
      <c r="E39765" s="6"/>
      <c r="F39765" s="7"/>
      <c r="G39765" s="8">
        <v>3300000</v>
      </c>
      <c r="H39765" s="8">
        <v>3300000</v>
      </c>
      <c r="I39765" s="8">
        <v>0</v>
      </c>
      <c r="J39765" s="8">
        <v>3300000</v>
      </c>
      <c r="K39765" s="9"/>
      <c r="L39765" s="6"/>
    </row>
    <row r="39766" spans="1:12">
      <c r="A39766" s="6" t="s">
        <v>38716</v>
      </c>
      <c r="B39766" s="6"/>
      <c r="C39766" s="6"/>
      <c r="D39766" s="6"/>
      <c r="E39766" s="6"/>
      <c r="F39766" s="7"/>
      <c r="G39766" s="8">
        <v>3960000</v>
      </c>
      <c r="H39766" s="8">
        <v>3960000</v>
      </c>
      <c r="I39766" s="8">
        <v>0</v>
      </c>
      <c r="J39766" s="8">
        <v>3960000</v>
      </c>
      <c r="K39766" s="9"/>
      <c r="L39766" s="6"/>
    </row>
    <row r="39767" spans="1:12">
      <c r="A39767" s="6" t="s">
        <v>38717</v>
      </c>
      <c r="B39767" s="6"/>
      <c r="C39767" s="6"/>
      <c r="D39767" s="6"/>
      <c r="E39767" s="6"/>
      <c r="F39767" s="7"/>
      <c r="G39767" s="8">
        <v>4009500</v>
      </c>
      <c r="H39767" s="8">
        <v>4009500</v>
      </c>
      <c r="I39767" s="8">
        <v>0</v>
      </c>
      <c r="J39767" s="8">
        <v>4009500</v>
      </c>
      <c r="K39767" s="9"/>
      <c r="L39767" s="6"/>
    </row>
    <row r="39768" spans="1:12">
      <c r="A39768" s="6" t="s">
        <v>38718</v>
      </c>
      <c r="B39768" s="6"/>
      <c r="C39768" s="6"/>
      <c r="D39768" s="6"/>
      <c r="E39768" s="6"/>
      <c r="F39768" s="7"/>
      <c r="G39768" s="8">
        <v>4070000</v>
      </c>
      <c r="H39768" s="8">
        <v>4070000</v>
      </c>
      <c r="I39768" s="8">
        <v>0</v>
      </c>
      <c r="J39768" s="8">
        <v>4070000</v>
      </c>
      <c r="K39768" s="9"/>
      <c r="L39768" s="6"/>
    </row>
    <row r="39769" spans="1:12">
      <c r="A39769" s="6" t="s">
        <v>38719</v>
      </c>
      <c r="B39769" s="6"/>
      <c r="C39769" s="6"/>
      <c r="D39769" s="6"/>
      <c r="E39769" s="6"/>
      <c r="F39769" s="7"/>
      <c r="G39769" s="8">
        <v>4070000</v>
      </c>
      <c r="H39769" s="8">
        <v>4070000</v>
      </c>
      <c r="I39769" s="8">
        <v>0</v>
      </c>
      <c r="J39769" s="8">
        <v>4070000</v>
      </c>
      <c r="K39769" s="9"/>
      <c r="L39769" s="6"/>
    </row>
    <row r="39770" spans="1:12">
      <c r="A39770" s="6" t="s">
        <v>38720</v>
      </c>
      <c r="B39770" s="6"/>
      <c r="C39770" s="6"/>
      <c r="D39770" s="6"/>
      <c r="E39770" s="6"/>
      <c r="F39770" s="7"/>
      <c r="G39770" s="8">
        <v>421200</v>
      </c>
      <c r="H39770" s="8">
        <v>421200</v>
      </c>
      <c r="I39770" s="8">
        <v>0</v>
      </c>
      <c r="J39770" s="8">
        <v>421200</v>
      </c>
      <c r="K39770" s="9"/>
      <c r="L39770" s="6"/>
    </row>
    <row r="39771" spans="1:12">
      <c r="A39771" s="6" t="s">
        <v>38721</v>
      </c>
      <c r="B39771" s="6"/>
      <c r="C39771" s="6"/>
      <c r="D39771" s="6"/>
      <c r="E39771" s="6"/>
      <c r="F39771" s="7"/>
      <c r="G39771" s="8">
        <v>4266000</v>
      </c>
      <c r="H39771" s="8">
        <v>4266000</v>
      </c>
      <c r="I39771" s="8">
        <v>0</v>
      </c>
      <c r="J39771" s="8">
        <v>4266000</v>
      </c>
      <c r="K39771" s="9"/>
      <c r="L39771" s="6"/>
    </row>
    <row r="39772" spans="1:12">
      <c r="A39772" s="6" t="s">
        <v>38722</v>
      </c>
      <c r="B39772" s="6"/>
      <c r="C39772" s="6"/>
      <c r="D39772" s="6"/>
      <c r="E39772" s="6"/>
      <c r="F39772" s="7"/>
      <c r="G39772" s="8">
        <v>49041760</v>
      </c>
      <c r="H39772" s="8">
        <v>49041760</v>
      </c>
      <c r="I39772" s="8">
        <v>0</v>
      </c>
      <c r="J39772" s="8">
        <v>49041760</v>
      </c>
      <c r="K39772" s="9"/>
      <c r="L39772" s="6"/>
    </row>
    <row r="39773" spans="1:12">
      <c r="A39773" s="6" t="s">
        <v>38723</v>
      </c>
      <c r="B39773" s="6"/>
      <c r="C39773" s="6"/>
      <c r="D39773" s="6"/>
      <c r="E39773" s="6"/>
      <c r="F39773" s="7"/>
      <c r="G39773" s="8">
        <v>4919200</v>
      </c>
      <c r="H39773" s="8">
        <v>4919200</v>
      </c>
      <c r="I39773" s="8">
        <v>0</v>
      </c>
      <c r="J39773" s="8">
        <v>4919200</v>
      </c>
      <c r="K39773" s="9"/>
      <c r="L39773" s="6"/>
    </row>
    <row r="39774" spans="1:12">
      <c r="A39774" s="6" t="s">
        <v>38723</v>
      </c>
      <c r="B39774" s="6"/>
      <c r="C39774" s="6"/>
      <c r="D39774" s="6"/>
      <c r="E39774" s="6"/>
      <c r="F39774" s="7"/>
      <c r="G39774" s="8">
        <v>0</v>
      </c>
      <c r="H39774" s="8">
        <v>0</v>
      </c>
      <c r="I39774" s="8">
        <v>0</v>
      </c>
      <c r="J39774" s="8">
        <v>-4919200</v>
      </c>
      <c r="K39774" s="9"/>
      <c r="L39774" s="6"/>
    </row>
    <row r="39775" spans="1:12">
      <c r="A39775" s="6" t="s">
        <v>38723</v>
      </c>
      <c r="B39775" s="6"/>
      <c r="C39775" s="6"/>
      <c r="D39775" s="6"/>
      <c r="E39775" s="6"/>
      <c r="F39775" s="7"/>
      <c r="G39775" s="8">
        <v>0</v>
      </c>
      <c r="H39775" s="8">
        <v>0</v>
      </c>
      <c r="I39775" s="8">
        <v>0</v>
      </c>
      <c r="J39775" s="8">
        <v>4919200</v>
      </c>
      <c r="K39775" s="9"/>
      <c r="L39775" s="6"/>
    </row>
    <row r="39776" spans="1:12">
      <c r="A39776" s="6" t="s">
        <v>38724</v>
      </c>
      <c r="B39776" s="6"/>
      <c r="C39776" s="6"/>
      <c r="D39776" s="6"/>
      <c r="E39776" s="6"/>
      <c r="F39776" s="7"/>
      <c r="G39776" s="8">
        <v>4943400</v>
      </c>
      <c r="H39776" s="8">
        <v>4943400</v>
      </c>
      <c r="I39776" s="8">
        <v>0</v>
      </c>
      <c r="J39776" s="8">
        <v>4943400</v>
      </c>
      <c r="K39776" s="9"/>
      <c r="L39776" s="6"/>
    </row>
    <row r="39777" spans="1:12">
      <c r="A39777" s="6" t="s">
        <v>38725</v>
      </c>
      <c r="B39777" s="6"/>
      <c r="C39777" s="6"/>
      <c r="D39777" s="6"/>
      <c r="E39777" s="6"/>
      <c r="F39777" s="7"/>
      <c r="G39777" s="8">
        <v>5045000</v>
      </c>
      <c r="H39777" s="8">
        <v>5045000</v>
      </c>
      <c r="I39777" s="8">
        <v>0</v>
      </c>
      <c r="J39777" s="8">
        <v>5045000</v>
      </c>
      <c r="K39777" s="9"/>
      <c r="L39777" s="6"/>
    </row>
    <row r="39778" spans="1:12">
      <c r="A39778" s="6" t="s">
        <v>38726</v>
      </c>
      <c r="B39778" s="6"/>
      <c r="C39778" s="6"/>
      <c r="D39778" s="6"/>
      <c r="E39778" s="6"/>
      <c r="F39778" s="7"/>
      <c r="G39778" s="8">
        <v>5610000</v>
      </c>
      <c r="H39778" s="8">
        <v>5610000</v>
      </c>
      <c r="I39778" s="8">
        <v>0</v>
      </c>
      <c r="J39778" s="8">
        <v>5610000</v>
      </c>
      <c r="K39778" s="9"/>
      <c r="L39778" s="6"/>
    </row>
    <row r="39779" spans="1:12">
      <c r="A39779" s="6" t="s">
        <v>38727</v>
      </c>
      <c r="B39779" s="6"/>
      <c r="C39779" s="6"/>
      <c r="D39779" s="6"/>
      <c r="E39779" s="6"/>
      <c r="F39779" s="7"/>
      <c r="G39779" s="8">
        <v>584800</v>
      </c>
      <c r="H39779" s="8">
        <v>584800</v>
      </c>
      <c r="I39779" s="8">
        <v>0</v>
      </c>
      <c r="J39779" s="8">
        <v>584800</v>
      </c>
      <c r="K39779" s="9"/>
      <c r="L39779" s="6"/>
    </row>
    <row r="39780" spans="1:12">
      <c r="A39780" s="6" t="s">
        <v>38728</v>
      </c>
      <c r="B39780" s="6"/>
      <c r="C39780" s="6"/>
      <c r="D39780" s="6"/>
      <c r="E39780" s="6"/>
      <c r="F39780" s="7"/>
      <c r="G39780" s="8">
        <v>5908100</v>
      </c>
      <c r="H39780" s="8">
        <v>5908100</v>
      </c>
      <c r="I39780" s="8">
        <v>0</v>
      </c>
      <c r="J39780" s="8">
        <v>5908100</v>
      </c>
      <c r="K39780" s="9"/>
      <c r="L39780" s="6"/>
    </row>
    <row r="39781" spans="1:12">
      <c r="A39781" s="6" t="s">
        <v>38728</v>
      </c>
      <c r="B39781" s="6"/>
      <c r="C39781" s="6"/>
      <c r="D39781" s="6"/>
      <c r="E39781" s="6"/>
      <c r="F39781" s="7"/>
      <c r="G39781" s="8">
        <v>0</v>
      </c>
      <c r="H39781" s="8">
        <v>0</v>
      </c>
      <c r="I39781" s="8">
        <v>0</v>
      </c>
      <c r="J39781" s="8">
        <v>-5908100</v>
      </c>
      <c r="K39781" s="9"/>
      <c r="L39781" s="6"/>
    </row>
    <row r="39782" spans="1:12">
      <c r="A39782" s="6" t="s">
        <v>38728</v>
      </c>
      <c r="B39782" s="6"/>
      <c r="C39782" s="6"/>
      <c r="D39782" s="6"/>
      <c r="E39782" s="6"/>
      <c r="F39782" s="7"/>
      <c r="G39782" s="8">
        <v>0</v>
      </c>
      <c r="H39782" s="8">
        <v>0</v>
      </c>
      <c r="I39782" s="8">
        <v>0</v>
      </c>
      <c r="J39782" s="8">
        <v>5908100</v>
      </c>
      <c r="K39782" s="9"/>
      <c r="L39782" s="6"/>
    </row>
    <row r="39783" spans="1:12">
      <c r="A39783" s="6" t="s">
        <v>38729</v>
      </c>
      <c r="B39783" s="6"/>
      <c r="C39783" s="6"/>
      <c r="D39783" s="6"/>
      <c r="E39783" s="6"/>
      <c r="F39783" s="7"/>
      <c r="G39783" s="8">
        <v>6080000</v>
      </c>
      <c r="H39783" s="8">
        <v>6080000</v>
      </c>
      <c r="I39783" s="8">
        <v>0</v>
      </c>
      <c r="J39783" s="8">
        <v>6080000</v>
      </c>
      <c r="K39783" s="9"/>
      <c r="L39783" s="6"/>
    </row>
    <row r="39784" spans="1:12">
      <c r="A39784" s="6" t="s">
        <v>38729</v>
      </c>
      <c r="B39784" s="6"/>
      <c r="C39784" s="6"/>
      <c r="D39784" s="6"/>
      <c r="E39784" s="6"/>
      <c r="F39784" s="7"/>
      <c r="G39784" s="8">
        <v>0</v>
      </c>
      <c r="H39784" s="8">
        <v>0</v>
      </c>
      <c r="I39784" s="8">
        <v>0</v>
      </c>
      <c r="J39784" s="8">
        <v>-6080000</v>
      </c>
      <c r="K39784" s="9"/>
      <c r="L39784" s="6"/>
    </row>
    <row r="39785" spans="1:12">
      <c r="A39785" s="6" t="s">
        <v>38729</v>
      </c>
      <c r="B39785" s="6"/>
      <c r="C39785" s="6"/>
      <c r="D39785" s="6"/>
      <c r="E39785" s="6"/>
      <c r="F39785" s="7"/>
      <c r="G39785" s="8">
        <v>0</v>
      </c>
      <c r="H39785" s="8">
        <v>0</v>
      </c>
      <c r="I39785" s="8">
        <v>0</v>
      </c>
      <c r="J39785" s="8">
        <v>6080000</v>
      </c>
      <c r="K39785" s="9"/>
      <c r="L39785" s="6"/>
    </row>
    <row r="39786" spans="1:12">
      <c r="A39786" s="6" t="s">
        <v>38730</v>
      </c>
      <c r="B39786" s="6"/>
      <c r="C39786" s="6"/>
      <c r="D39786" s="6"/>
      <c r="E39786" s="6"/>
      <c r="F39786" s="7"/>
      <c r="G39786" s="8">
        <v>70180000</v>
      </c>
      <c r="H39786" s="8">
        <v>70180000</v>
      </c>
      <c r="I39786" s="8">
        <v>0</v>
      </c>
      <c r="J39786" s="8">
        <v>70180000</v>
      </c>
      <c r="K39786" s="9"/>
      <c r="L39786" s="6"/>
    </row>
    <row r="39787" spans="1:12">
      <c r="A39787" s="6" t="s">
        <v>32854</v>
      </c>
      <c r="B39787" s="6"/>
      <c r="C39787" s="6"/>
      <c r="D39787" s="6"/>
      <c r="E39787" s="6"/>
      <c r="F39787" s="7"/>
      <c r="G39787" s="8">
        <v>7246800</v>
      </c>
      <c r="H39787" s="8">
        <v>7246800</v>
      </c>
      <c r="I39787" s="8">
        <v>0</v>
      </c>
      <c r="J39787" s="8">
        <v>7246800</v>
      </c>
      <c r="K39787" s="9"/>
      <c r="L39787" s="6"/>
    </row>
    <row r="39788" spans="1:12">
      <c r="A39788" s="6" t="s">
        <v>32854</v>
      </c>
      <c r="B39788" s="6"/>
      <c r="C39788" s="6"/>
      <c r="D39788" s="6"/>
      <c r="E39788" s="6"/>
      <c r="F39788" s="7"/>
      <c r="G39788" s="8">
        <v>0</v>
      </c>
      <c r="H39788" s="8">
        <v>0</v>
      </c>
      <c r="I39788" s="8">
        <v>0</v>
      </c>
      <c r="J39788" s="8">
        <v>-7246800</v>
      </c>
      <c r="K39788" s="9"/>
      <c r="L39788" s="6"/>
    </row>
    <row r="39789" spans="1:12">
      <c r="A39789" s="6" t="s">
        <v>32854</v>
      </c>
      <c r="B39789" s="6"/>
      <c r="C39789" s="6"/>
      <c r="D39789" s="6"/>
      <c r="E39789" s="6"/>
      <c r="F39789" s="7"/>
      <c r="G39789" s="8">
        <v>0</v>
      </c>
      <c r="H39789" s="8">
        <v>0</v>
      </c>
      <c r="I39789" s="8">
        <v>0</v>
      </c>
      <c r="J39789" s="8">
        <v>7246800</v>
      </c>
      <c r="K39789" s="9"/>
      <c r="L39789" s="6"/>
    </row>
    <row r="39790" spans="1:12">
      <c r="A39790" s="6" t="s">
        <v>38731</v>
      </c>
      <c r="B39790" s="6"/>
      <c r="C39790" s="6"/>
      <c r="D39790" s="6"/>
      <c r="E39790" s="6"/>
      <c r="F39790" s="7"/>
      <c r="G39790" s="8">
        <v>783909320</v>
      </c>
      <c r="H39790" s="8">
        <v>783909320</v>
      </c>
      <c r="I39790" s="8">
        <v>0</v>
      </c>
      <c r="J39790" s="8">
        <v>783909320</v>
      </c>
      <c r="K39790" s="9"/>
      <c r="L39790" s="6"/>
    </row>
    <row r="39791" spans="1:12">
      <c r="A39791" s="6" t="s">
        <v>38732</v>
      </c>
      <c r="B39791" s="6"/>
      <c r="C39791" s="6"/>
      <c r="D39791" s="6"/>
      <c r="E39791" s="6"/>
      <c r="F39791" s="7"/>
      <c r="G39791" s="8">
        <v>79204200</v>
      </c>
      <c r="H39791" s="8">
        <v>79204200</v>
      </c>
      <c r="I39791" s="8">
        <v>0</v>
      </c>
      <c r="J39791" s="8">
        <v>79204200</v>
      </c>
      <c r="K39791" s="9"/>
      <c r="L39791" s="6"/>
    </row>
    <row r="39792" spans="1:12">
      <c r="A39792" s="6" t="s">
        <v>38732</v>
      </c>
      <c r="B39792" s="6"/>
      <c r="C39792" s="6"/>
      <c r="D39792" s="6"/>
      <c r="E39792" s="6"/>
      <c r="F39792" s="7"/>
      <c r="G39792" s="8">
        <v>0</v>
      </c>
      <c r="H39792" s="8">
        <v>0</v>
      </c>
      <c r="I39792" s="8">
        <v>0</v>
      </c>
      <c r="J39792" s="8">
        <v>-79204200</v>
      </c>
      <c r="K39792" s="9"/>
      <c r="L39792" s="6"/>
    </row>
    <row r="39793" spans="1:12">
      <c r="A39793" s="6" t="s">
        <v>38732</v>
      </c>
      <c r="B39793" s="6"/>
      <c r="C39793" s="6"/>
      <c r="D39793" s="6"/>
      <c r="E39793" s="6"/>
      <c r="F39793" s="7"/>
      <c r="G39793" s="8">
        <v>0</v>
      </c>
      <c r="H39793" s="8">
        <v>0</v>
      </c>
      <c r="I39793" s="8">
        <v>0</v>
      </c>
      <c r="J39793" s="8">
        <v>79204200</v>
      </c>
      <c r="K39793" s="9"/>
      <c r="L39793" s="6"/>
    </row>
    <row r="39794" spans="1:12">
      <c r="A39794" s="6" t="s">
        <v>38733</v>
      </c>
      <c r="B39794" s="6"/>
      <c r="C39794" s="6"/>
      <c r="D39794" s="6"/>
      <c r="E39794" s="6"/>
      <c r="F39794" s="7"/>
      <c r="G39794" s="8">
        <v>79530000</v>
      </c>
      <c r="H39794" s="8">
        <v>79530000</v>
      </c>
      <c r="I39794" s="8">
        <v>0</v>
      </c>
      <c r="J39794" s="8">
        <v>79530000</v>
      </c>
      <c r="K39794" s="9"/>
      <c r="L39794" s="6"/>
    </row>
    <row r="39795" spans="1:12">
      <c r="A39795" s="6" t="s">
        <v>38734</v>
      </c>
      <c r="B39795" s="6"/>
      <c r="C39795" s="6"/>
      <c r="D39795" s="6"/>
      <c r="E39795" s="6"/>
      <c r="F39795" s="7"/>
      <c r="G39795" s="8">
        <v>81881700</v>
      </c>
      <c r="H39795" s="8">
        <v>81881700</v>
      </c>
      <c r="I39795" s="8">
        <v>0</v>
      </c>
      <c r="J39795" s="8">
        <v>81881700</v>
      </c>
      <c r="K39795" s="9"/>
      <c r="L39795" s="6"/>
    </row>
    <row r="39796" spans="1:12">
      <c r="A39796" s="6" t="s">
        <v>38735</v>
      </c>
      <c r="B39796" s="6"/>
      <c r="C39796" s="6"/>
      <c r="D39796" s="6"/>
      <c r="E39796" s="6"/>
      <c r="F39796" s="7"/>
      <c r="G39796" s="8">
        <v>8208000</v>
      </c>
      <c r="H39796" s="8">
        <v>8208000</v>
      </c>
      <c r="I39796" s="8">
        <v>0</v>
      </c>
      <c r="J39796" s="8">
        <v>8208000</v>
      </c>
      <c r="K39796" s="9"/>
      <c r="L39796" s="6"/>
    </row>
    <row r="39797" spans="1:12">
      <c r="A39797" s="6" t="s">
        <v>38736</v>
      </c>
      <c r="B39797" s="6"/>
      <c r="C39797" s="6"/>
      <c r="D39797" s="6"/>
      <c r="E39797" s="6"/>
      <c r="F39797" s="7"/>
      <c r="G39797" s="8">
        <v>8470000</v>
      </c>
      <c r="H39797" s="8">
        <v>8470000</v>
      </c>
      <c r="I39797" s="8">
        <v>0</v>
      </c>
      <c r="J39797" s="8">
        <v>8470000</v>
      </c>
      <c r="K39797" s="9"/>
      <c r="L39797" s="6"/>
    </row>
    <row r="39798" spans="1:12">
      <c r="A39798" s="6" t="s">
        <v>38736</v>
      </c>
      <c r="B39798" s="6"/>
      <c r="C39798" s="6"/>
      <c r="D39798" s="6"/>
      <c r="E39798" s="6"/>
      <c r="F39798" s="7"/>
      <c r="G39798" s="8">
        <v>0</v>
      </c>
      <c r="H39798" s="8">
        <v>0</v>
      </c>
      <c r="I39798" s="8">
        <v>0</v>
      </c>
      <c r="J39798" s="8">
        <v>-8470000</v>
      </c>
      <c r="K39798" s="9"/>
      <c r="L39798" s="6"/>
    </row>
    <row r="39799" spans="1:12">
      <c r="A39799" s="6" t="s">
        <v>38736</v>
      </c>
      <c r="B39799" s="6"/>
      <c r="C39799" s="6"/>
      <c r="D39799" s="6"/>
      <c r="E39799" s="6"/>
      <c r="F39799" s="7"/>
      <c r="G39799" s="8">
        <v>0</v>
      </c>
      <c r="H39799" s="8">
        <v>0</v>
      </c>
      <c r="I39799" s="8">
        <v>0</v>
      </c>
      <c r="J39799" s="8">
        <v>8470000</v>
      </c>
      <c r="K39799" s="9"/>
      <c r="L39799" s="6"/>
    </row>
    <row r="39800" spans="1:12">
      <c r="A39800" s="6" t="s">
        <v>38692</v>
      </c>
      <c r="B39800" s="6"/>
      <c r="C39800" s="6"/>
      <c r="D39800" s="6"/>
      <c r="E39800" s="6"/>
      <c r="F39800" s="7"/>
      <c r="G39800" s="8">
        <v>8596500</v>
      </c>
      <c r="H39800" s="8">
        <v>8596500</v>
      </c>
      <c r="I39800" s="8">
        <v>0</v>
      </c>
      <c r="J39800" s="8">
        <v>8596500</v>
      </c>
      <c r="K39800" s="9"/>
      <c r="L39800" s="6"/>
    </row>
    <row r="39801" spans="1:12">
      <c r="A39801" s="6" t="s">
        <v>38737</v>
      </c>
      <c r="B39801" s="6"/>
      <c r="C39801" s="6"/>
      <c r="D39801" s="6"/>
      <c r="E39801" s="6"/>
      <c r="F39801" s="7"/>
      <c r="G39801" s="8">
        <v>891000</v>
      </c>
      <c r="H39801" s="8">
        <v>891000</v>
      </c>
      <c r="I39801" s="8">
        <v>0</v>
      </c>
      <c r="J39801" s="8">
        <v>891000</v>
      </c>
      <c r="K39801" s="9"/>
      <c r="L39801" s="6"/>
    </row>
    <row r="39802" spans="1:12">
      <c r="A39802" s="6" t="s">
        <v>38737</v>
      </c>
      <c r="B39802" s="6"/>
      <c r="C39802" s="6"/>
      <c r="D39802" s="6"/>
      <c r="E39802" s="6"/>
      <c r="F39802" s="7"/>
      <c r="G39802" s="8">
        <v>0</v>
      </c>
      <c r="H39802" s="8">
        <v>0</v>
      </c>
      <c r="I39802" s="8">
        <v>0</v>
      </c>
      <c r="J39802" s="8">
        <v>-891000</v>
      </c>
      <c r="K39802" s="9"/>
      <c r="L39802" s="6"/>
    </row>
    <row r="39803" spans="1:12">
      <c r="A39803" s="6" t="s">
        <v>38737</v>
      </c>
      <c r="B39803" s="6"/>
      <c r="C39803" s="6"/>
      <c r="D39803" s="6"/>
      <c r="E39803" s="6"/>
      <c r="F39803" s="7"/>
      <c r="G39803" s="8">
        <v>0</v>
      </c>
      <c r="H39803" s="8">
        <v>0</v>
      </c>
      <c r="I39803" s="8">
        <v>0</v>
      </c>
      <c r="J39803" s="8">
        <v>891000</v>
      </c>
      <c r="K39803" s="9"/>
      <c r="L39803" s="6"/>
    </row>
    <row r="39804" spans="1:12">
      <c r="A39804" s="6" t="s">
        <v>38738</v>
      </c>
      <c r="B39804" s="6"/>
      <c r="C39804" s="6"/>
      <c r="D39804" s="6"/>
      <c r="E39804" s="6"/>
      <c r="F39804" s="7"/>
      <c r="G39804" s="8">
        <v>9134400</v>
      </c>
      <c r="H39804" s="8">
        <v>9134400</v>
      </c>
      <c r="I39804" s="8">
        <v>0</v>
      </c>
      <c r="J39804" s="8">
        <v>9134400</v>
      </c>
      <c r="K39804" s="9"/>
      <c r="L39804" s="6"/>
    </row>
    <row r="39805" spans="1:12">
      <c r="A39805" s="6" t="s">
        <v>38739</v>
      </c>
      <c r="B39805" s="6"/>
      <c r="C39805" s="6"/>
      <c r="D39805" s="6"/>
      <c r="E39805" s="6"/>
      <c r="F39805" s="7"/>
      <c r="G39805" s="8">
        <v>914760</v>
      </c>
      <c r="H39805" s="8">
        <v>914760</v>
      </c>
      <c r="I39805" s="8">
        <v>0</v>
      </c>
      <c r="J39805" s="8">
        <v>914760</v>
      </c>
      <c r="K39805" s="9"/>
      <c r="L39805" s="6"/>
    </row>
    <row r="39806" spans="1:12">
      <c r="A39806" s="6" t="s">
        <v>38740</v>
      </c>
      <c r="B39806" s="6"/>
      <c r="C39806" s="6" t="s">
        <v>32230</v>
      </c>
      <c r="D39806" s="6"/>
      <c r="E39806" s="6"/>
      <c r="F39806" s="7">
        <v>40263</v>
      </c>
      <c r="G39806" s="8">
        <v>540750</v>
      </c>
      <c r="H39806" s="8">
        <v>0</v>
      </c>
      <c r="I39806" s="8">
        <v>540750</v>
      </c>
      <c r="J39806" s="8">
        <v>0</v>
      </c>
      <c r="K39806" s="9"/>
      <c r="L39806" s="6"/>
    </row>
    <row r="39807" spans="1:12">
      <c r="A39807" s="6" t="s">
        <v>38740</v>
      </c>
      <c r="B39807" s="6"/>
      <c r="C39807" s="6" t="s">
        <v>32230</v>
      </c>
      <c r="D39807" s="6"/>
      <c r="E39807" s="6"/>
      <c r="F39807" s="7">
        <v>40263</v>
      </c>
      <c r="G39807" s="8">
        <v>540750</v>
      </c>
      <c r="H39807" s="8">
        <v>0</v>
      </c>
      <c r="I39807" s="8">
        <v>540750</v>
      </c>
      <c r="J39807" s="8">
        <v>0</v>
      </c>
      <c r="K39807" s="9"/>
      <c r="L39807" s="6"/>
    </row>
    <row r="39808" spans="1:12">
      <c r="A39808" s="6" t="s">
        <v>38740</v>
      </c>
      <c r="B39808" s="6"/>
      <c r="C39808" s="6" t="s">
        <v>32230</v>
      </c>
      <c r="D39808" s="6"/>
      <c r="E39808" s="6"/>
      <c r="F39808" s="7">
        <v>40263</v>
      </c>
      <c r="G39808" s="8">
        <v>540750</v>
      </c>
      <c r="H39808" s="8">
        <v>0</v>
      </c>
      <c r="I39808" s="8">
        <v>540750</v>
      </c>
      <c r="J39808" s="8">
        <v>0</v>
      </c>
      <c r="K39808" s="9"/>
      <c r="L39808" s="6"/>
    </row>
    <row r="39809" spans="1:12">
      <c r="A39809" s="6" t="s">
        <v>38740</v>
      </c>
      <c r="B39809" s="6"/>
      <c r="C39809" s="6" t="s">
        <v>32230</v>
      </c>
      <c r="D39809" s="6"/>
      <c r="E39809" s="6"/>
      <c r="F39809" s="7">
        <v>40263</v>
      </c>
      <c r="G39809" s="8">
        <v>540750</v>
      </c>
      <c r="H39809" s="8">
        <v>0</v>
      </c>
      <c r="I39809" s="8">
        <v>540750</v>
      </c>
      <c r="J39809" s="8">
        <v>0</v>
      </c>
      <c r="K39809" s="9"/>
      <c r="L39809" s="6"/>
    </row>
    <row r="39810" spans="1:12">
      <c r="A39810" s="6" t="s">
        <v>38740</v>
      </c>
      <c r="B39810" s="6"/>
      <c r="C39810" s="6" t="s">
        <v>32230</v>
      </c>
      <c r="D39810" s="6"/>
      <c r="E39810" s="6"/>
      <c r="F39810" s="7">
        <v>40263</v>
      </c>
      <c r="G39810" s="8">
        <v>540750</v>
      </c>
      <c r="H39810" s="8">
        <v>0</v>
      </c>
      <c r="I39810" s="8">
        <v>540750</v>
      </c>
      <c r="J39810" s="8">
        <v>0</v>
      </c>
      <c r="K39810" s="9"/>
      <c r="L39810" s="6"/>
    </row>
    <row r="39811" spans="1:12">
      <c r="A39811" s="6" t="s">
        <v>38740</v>
      </c>
      <c r="B39811" s="6"/>
      <c r="C39811" s="6" t="s">
        <v>32230</v>
      </c>
      <c r="D39811" s="6"/>
      <c r="E39811" s="6"/>
      <c r="F39811" s="7">
        <v>40263</v>
      </c>
      <c r="G39811" s="8">
        <v>540750</v>
      </c>
      <c r="H39811" s="8">
        <v>0</v>
      </c>
      <c r="I39811" s="8">
        <v>540750</v>
      </c>
      <c r="J39811" s="8">
        <v>0</v>
      </c>
      <c r="K39811" s="9"/>
      <c r="L39811" s="6"/>
    </row>
    <row r="39812" spans="1:12">
      <c r="A39812" s="6" t="s">
        <v>38740</v>
      </c>
      <c r="B39812" s="6"/>
      <c r="C39812" s="6" t="s">
        <v>32230</v>
      </c>
      <c r="D39812" s="6"/>
      <c r="E39812" s="6"/>
      <c r="F39812" s="7">
        <v>40263</v>
      </c>
      <c r="G39812" s="8">
        <v>540750</v>
      </c>
      <c r="H39812" s="8">
        <v>0</v>
      </c>
      <c r="I39812" s="8">
        <v>540750</v>
      </c>
      <c r="J39812" s="8">
        <v>0</v>
      </c>
      <c r="K39812" s="9"/>
      <c r="L39812" s="6"/>
    </row>
    <row r="39813" spans="1:12">
      <c r="A39813" s="6" t="s">
        <v>38741</v>
      </c>
      <c r="B39813" s="6"/>
      <c r="C39813" s="6" t="s">
        <v>32230</v>
      </c>
      <c r="D39813" s="6"/>
      <c r="E39813" s="6"/>
      <c r="F39813" s="7">
        <v>41912</v>
      </c>
      <c r="G39813" s="8">
        <v>23760000</v>
      </c>
      <c r="H39813" s="8">
        <v>0</v>
      </c>
      <c r="I39813" s="8">
        <v>23760000</v>
      </c>
      <c r="J39813" s="8">
        <v>0</v>
      </c>
      <c r="K39813" s="9"/>
      <c r="L39813" s="6"/>
    </row>
    <row r="39814" spans="1:12">
      <c r="A39814" s="6" t="s">
        <v>38742</v>
      </c>
      <c r="B39814" s="6"/>
      <c r="C39814" s="6" t="s">
        <v>32230</v>
      </c>
      <c r="D39814" s="6"/>
      <c r="E39814" s="6"/>
      <c r="F39814" s="7">
        <v>42580</v>
      </c>
      <c r="G39814" s="8">
        <v>6099948</v>
      </c>
      <c r="H39814" s="8">
        <v>1219992</v>
      </c>
      <c r="I39814" s="8">
        <v>6099945</v>
      </c>
      <c r="J39814" s="8">
        <v>3</v>
      </c>
      <c r="K39814" s="9"/>
      <c r="L39814" s="6"/>
    </row>
    <row r="39815" spans="1:12">
      <c r="A39815" s="6" t="s">
        <v>38743</v>
      </c>
      <c r="B39815" s="6"/>
      <c r="C39815" s="6" t="s">
        <v>32230</v>
      </c>
      <c r="D39815" s="6"/>
      <c r="E39815" s="6"/>
      <c r="F39815" s="7">
        <v>42613</v>
      </c>
      <c r="G39815" s="8">
        <v>2899800</v>
      </c>
      <c r="H39815" s="8">
        <v>579960</v>
      </c>
      <c r="I39815" s="8">
        <v>2899799</v>
      </c>
      <c r="J39815" s="8">
        <v>1</v>
      </c>
      <c r="K39815" s="9"/>
      <c r="L39815" s="6"/>
    </row>
    <row r="39816" spans="1:12">
      <c r="A39816" s="6" t="s">
        <v>38744</v>
      </c>
      <c r="B39816" s="6"/>
      <c r="C39816" s="6" t="s">
        <v>32230</v>
      </c>
      <c r="D39816" s="6"/>
      <c r="E39816" s="6"/>
      <c r="F39816" s="7">
        <v>42673</v>
      </c>
      <c r="G39816" s="8">
        <v>9234000</v>
      </c>
      <c r="H39816" s="8">
        <v>1846800</v>
      </c>
      <c r="I39816" s="8">
        <v>9233999</v>
      </c>
      <c r="J39816" s="8">
        <v>1</v>
      </c>
      <c r="K39816" s="9"/>
      <c r="L39816" s="6"/>
    </row>
    <row r="39817" spans="1:12">
      <c r="A39817" s="6" t="s">
        <v>38745</v>
      </c>
      <c r="B39817" s="6"/>
      <c r="C39817" s="6" t="s">
        <v>32230</v>
      </c>
      <c r="D39817" s="6"/>
      <c r="E39817" s="6"/>
      <c r="F39817" s="7">
        <v>42681</v>
      </c>
      <c r="G39817" s="8">
        <v>1999080</v>
      </c>
      <c r="H39817" s="8">
        <v>399816</v>
      </c>
      <c r="I39817" s="8">
        <v>1999079</v>
      </c>
      <c r="J39817" s="8">
        <v>1</v>
      </c>
      <c r="K39817" s="9"/>
      <c r="L39817" s="6"/>
    </row>
    <row r="39818" spans="1:12">
      <c r="A39818" s="6" t="s">
        <v>38746</v>
      </c>
      <c r="B39818" s="6"/>
      <c r="C39818" s="6" t="s">
        <v>32230</v>
      </c>
      <c r="D39818" s="6"/>
      <c r="E39818" s="6"/>
      <c r="F39818" s="7">
        <v>42541</v>
      </c>
      <c r="G39818" s="8">
        <v>3215160</v>
      </c>
      <c r="H39818" s="8">
        <v>643032</v>
      </c>
      <c r="I39818" s="8">
        <v>3215159</v>
      </c>
      <c r="J39818" s="8">
        <v>1</v>
      </c>
      <c r="K39818" s="9"/>
      <c r="L39818" s="6"/>
    </row>
    <row r="39819" spans="1:12">
      <c r="A39819" s="6" t="s">
        <v>38747</v>
      </c>
      <c r="B39819" s="6"/>
      <c r="C39819" s="6" t="s">
        <v>32230</v>
      </c>
      <c r="D39819" s="6"/>
      <c r="E39819" s="6"/>
      <c r="F39819" s="7">
        <v>42521</v>
      </c>
      <c r="G39819" s="8">
        <v>1921320</v>
      </c>
      <c r="H39819" s="8">
        <v>384264</v>
      </c>
      <c r="I39819" s="8">
        <v>1921319</v>
      </c>
      <c r="J39819" s="8">
        <v>1</v>
      </c>
      <c r="K39819" s="9"/>
      <c r="L39819" s="6"/>
    </row>
    <row r="39820" spans="1:12">
      <c r="A39820" s="6" t="s">
        <v>38748</v>
      </c>
      <c r="B39820" s="6"/>
      <c r="C39820" s="6" t="s">
        <v>32230</v>
      </c>
      <c r="D39820" s="6"/>
      <c r="E39820" s="6"/>
      <c r="F39820" s="7">
        <v>42793</v>
      </c>
      <c r="G39820" s="8">
        <v>1728000</v>
      </c>
      <c r="H39820" s="8">
        <v>345600</v>
      </c>
      <c r="I39820" s="8">
        <v>1727999</v>
      </c>
      <c r="J39820" s="8">
        <v>1</v>
      </c>
      <c r="K39820" s="9"/>
      <c r="L39820" s="6"/>
    </row>
    <row r="39821" spans="1:12">
      <c r="A39821" s="6" t="s">
        <v>38749</v>
      </c>
      <c r="B39821" s="6"/>
      <c r="C39821" s="6" t="s">
        <v>32230</v>
      </c>
      <c r="D39821" s="6"/>
      <c r="E39821" s="6"/>
      <c r="F39821" s="7">
        <v>42793</v>
      </c>
      <c r="G39821" s="8">
        <v>1728000</v>
      </c>
      <c r="H39821" s="8">
        <v>345600</v>
      </c>
      <c r="I39821" s="8">
        <v>1727999</v>
      </c>
      <c r="J39821" s="8">
        <v>1</v>
      </c>
      <c r="K39821" s="9"/>
      <c r="L39821" s="6"/>
    </row>
    <row r="39822" spans="1:12">
      <c r="A39822" s="6" t="s">
        <v>38750</v>
      </c>
      <c r="B39822" s="6"/>
      <c r="C39822" s="6" t="s">
        <v>32230</v>
      </c>
      <c r="D39822" s="6"/>
      <c r="E39822" s="6"/>
      <c r="F39822" s="7">
        <v>42898</v>
      </c>
      <c r="G39822" s="8">
        <v>253800</v>
      </c>
      <c r="H39822" s="8">
        <v>101520</v>
      </c>
      <c r="I39822" s="8">
        <v>203040</v>
      </c>
      <c r="J39822" s="8">
        <v>50760</v>
      </c>
      <c r="K39822" s="9"/>
      <c r="L39822" s="6"/>
    </row>
    <row r="39823" spans="1:12">
      <c r="A39823" s="6" t="s">
        <v>38751</v>
      </c>
      <c r="B39823" s="6"/>
      <c r="C39823" s="6" t="s">
        <v>32230</v>
      </c>
      <c r="D39823" s="6"/>
      <c r="E39823" s="6"/>
      <c r="F39823" s="7">
        <v>43555</v>
      </c>
      <c r="G39823" s="8">
        <v>2160000</v>
      </c>
      <c r="H39823" s="8">
        <v>1296000</v>
      </c>
      <c r="I39823" s="8">
        <v>1296000</v>
      </c>
      <c r="J39823" s="8">
        <v>864000</v>
      </c>
      <c r="K39823" s="9"/>
      <c r="L39823" s="6"/>
    </row>
    <row r="39824" spans="1:12">
      <c r="A39824" s="6" t="s">
        <v>38752</v>
      </c>
      <c r="B39824" s="6"/>
      <c r="C39824" s="6" t="s">
        <v>32230</v>
      </c>
      <c r="D39824" s="6"/>
      <c r="E39824" s="6"/>
      <c r="F39824" s="7">
        <v>42536</v>
      </c>
      <c r="G39824" s="8">
        <v>464400</v>
      </c>
      <c r="H39824" s="8">
        <v>92880</v>
      </c>
      <c r="I39824" s="8">
        <v>464399</v>
      </c>
      <c r="J39824" s="8">
        <v>1</v>
      </c>
      <c r="K39824" s="9"/>
      <c r="L39824" s="6"/>
    </row>
    <row r="39825" spans="1:12">
      <c r="A39825" s="6" t="s">
        <v>38753</v>
      </c>
      <c r="B39825" s="6"/>
      <c r="C39825" s="6" t="s">
        <v>32230</v>
      </c>
      <c r="D39825" s="6"/>
      <c r="E39825" s="6"/>
      <c r="F39825" s="7">
        <v>41852</v>
      </c>
      <c r="G39825" s="8">
        <v>0</v>
      </c>
      <c r="H39825" s="8">
        <v>0</v>
      </c>
      <c r="I39825" s="8">
        <v>0</v>
      </c>
      <c r="J39825" s="8">
        <v>0</v>
      </c>
      <c r="K39825" s="9"/>
      <c r="L39825" s="6"/>
    </row>
    <row r="39826" spans="1:12">
      <c r="A39826" s="6" t="s">
        <v>38754</v>
      </c>
      <c r="B39826" s="6"/>
      <c r="C39826" s="6" t="s">
        <v>32230</v>
      </c>
      <c r="D39826" s="6"/>
      <c r="E39826" s="6"/>
      <c r="F39826" s="7">
        <v>41717</v>
      </c>
      <c r="G39826" s="8">
        <v>0</v>
      </c>
      <c r="H39826" s="8">
        <v>0</v>
      </c>
      <c r="I39826" s="8">
        <v>0</v>
      </c>
      <c r="J39826" s="8">
        <v>0</v>
      </c>
      <c r="K39826" s="9"/>
      <c r="L39826" s="6"/>
    </row>
    <row r="39827" spans="1:12">
      <c r="A39827" s="6" t="s">
        <v>38755</v>
      </c>
      <c r="B39827" s="6"/>
      <c r="C39827" s="6" t="s">
        <v>32230</v>
      </c>
      <c r="D39827" s="6"/>
      <c r="E39827" s="6"/>
      <c r="F39827" s="7">
        <v>43461</v>
      </c>
      <c r="G39827" s="8">
        <v>3834000</v>
      </c>
      <c r="H39827" s="8">
        <v>2300400</v>
      </c>
      <c r="I39827" s="8">
        <v>2300400</v>
      </c>
      <c r="J39827" s="8">
        <v>1533600</v>
      </c>
      <c r="K39827" s="9"/>
      <c r="L39827" s="6"/>
    </row>
    <row r="39828" spans="1:12">
      <c r="A39828" s="6" t="s">
        <v>38756</v>
      </c>
      <c r="B39828" s="6"/>
      <c r="C39828" s="6" t="s">
        <v>32230</v>
      </c>
      <c r="D39828" s="6"/>
      <c r="E39828" s="6"/>
      <c r="F39828" s="7">
        <v>44180</v>
      </c>
      <c r="G39828" s="8">
        <v>715000</v>
      </c>
      <c r="H39828" s="8">
        <v>715000</v>
      </c>
      <c r="I39828" s="8">
        <v>143000</v>
      </c>
      <c r="J39828" s="8">
        <v>572000</v>
      </c>
      <c r="K39828" s="9"/>
      <c r="L39828" s="6"/>
    </row>
    <row r="39829" spans="1:12">
      <c r="A39829" s="6" t="s">
        <v>38757</v>
      </c>
      <c r="B39829" s="6"/>
      <c r="C39829" s="6" t="s">
        <v>32230</v>
      </c>
      <c r="D39829" s="6"/>
      <c r="E39829" s="6"/>
      <c r="F39829" s="7">
        <v>40056</v>
      </c>
      <c r="G39829" s="8">
        <v>16800000</v>
      </c>
      <c r="H39829" s="8">
        <v>4418400</v>
      </c>
      <c r="I39829" s="8">
        <v>13507200</v>
      </c>
      <c r="J39829" s="8">
        <v>3292800</v>
      </c>
      <c r="K39829" s="9"/>
      <c r="L39829" s="6"/>
    </row>
    <row r="39830" spans="1:12">
      <c r="A39830" s="6" t="s">
        <v>38758</v>
      </c>
      <c r="B39830" s="6"/>
      <c r="C39830" s="6" t="s">
        <v>32230</v>
      </c>
      <c r="D39830" s="6"/>
      <c r="E39830" s="6"/>
      <c r="F39830" s="7">
        <v>38968</v>
      </c>
      <c r="G39830" s="8">
        <v>16800000</v>
      </c>
      <c r="H39830" s="8">
        <v>1041600</v>
      </c>
      <c r="I39830" s="8">
        <v>16799999</v>
      </c>
      <c r="J39830" s="8">
        <v>1</v>
      </c>
      <c r="K39830" s="9"/>
      <c r="L39830" s="6"/>
    </row>
    <row r="39831" spans="1:12">
      <c r="A39831" s="6" t="s">
        <v>38759</v>
      </c>
      <c r="B39831" s="6"/>
      <c r="C39831" s="6" t="s">
        <v>32230</v>
      </c>
      <c r="D39831" s="6"/>
      <c r="E39831" s="6"/>
      <c r="F39831" s="7">
        <v>38657</v>
      </c>
      <c r="G39831" s="8">
        <v>787500</v>
      </c>
      <c r="H39831" s="8">
        <v>1</v>
      </c>
      <c r="I39831" s="8">
        <v>787499</v>
      </c>
      <c r="J39831" s="8">
        <v>1</v>
      </c>
      <c r="K39831" s="9"/>
      <c r="L39831" s="6"/>
    </row>
    <row r="39832" spans="1:12">
      <c r="A39832" s="6" t="s">
        <v>38760</v>
      </c>
      <c r="B39832" s="6"/>
      <c r="C39832" s="6" t="s">
        <v>32230</v>
      </c>
      <c r="D39832" s="6"/>
      <c r="E39832" s="6"/>
      <c r="F39832" s="7">
        <v>41778</v>
      </c>
      <c r="G39832" s="8">
        <v>3287587</v>
      </c>
      <c r="H39832" s="8">
        <v>1</v>
      </c>
      <c r="I39832" s="8">
        <v>3287586</v>
      </c>
      <c r="J39832" s="8">
        <v>1</v>
      </c>
      <c r="K39832" s="9"/>
      <c r="L39832" s="6"/>
    </row>
    <row r="39833" spans="1:12">
      <c r="A39833" s="6" t="s">
        <v>38761</v>
      </c>
      <c r="B39833" s="6"/>
      <c r="C39833" s="6"/>
      <c r="D39833" s="6"/>
      <c r="E39833" s="6"/>
      <c r="F39833" s="7">
        <v>37825</v>
      </c>
      <c r="G39833" s="8">
        <v>0</v>
      </c>
      <c r="H39833" s="8">
        <v>0</v>
      </c>
      <c r="I39833" s="8">
        <v>0</v>
      </c>
      <c r="J39833" s="8">
        <v>0</v>
      </c>
      <c r="K39833" s="9"/>
      <c r="L39833" s="6"/>
    </row>
    <row r="39834" spans="1:12">
      <c r="A39834" s="6" t="s">
        <v>38762</v>
      </c>
      <c r="B39834" s="6"/>
      <c r="C39834" s="6" t="s">
        <v>32230</v>
      </c>
      <c r="D39834" s="6"/>
      <c r="E39834" s="6"/>
      <c r="F39834" s="7">
        <v>38968</v>
      </c>
      <c r="G39834" s="8">
        <v>2929500</v>
      </c>
      <c r="H39834" s="8">
        <v>1</v>
      </c>
      <c r="I39834" s="8">
        <v>2929499</v>
      </c>
      <c r="J39834" s="8">
        <v>1</v>
      </c>
      <c r="K39834" s="9"/>
      <c r="L39834" s="6"/>
    </row>
    <row r="39835" spans="1:12">
      <c r="A39835" s="6" t="s">
        <v>38762</v>
      </c>
      <c r="B39835" s="6"/>
      <c r="C39835" s="6" t="s">
        <v>32230</v>
      </c>
      <c r="D39835" s="6"/>
      <c r="E39835" s="6"/>
      <c r="F39835" s="7">
        <v>40035</v>
      </c>
      <c r="G39835" s="8">
        <v>3328498</v>
      </c>
      <c r="H39835" s="8">
        <v>1</v>
      </c>
      <c r="I39835" s="8">
        <v>3328497</v>
      </c>
      <c r="J39835" s="8">
        <v>1</v>
      </c>
      <c r="K39835" s="9"/>
      <c r="L39835" s="6"/>
    </row>
    <row r="39836" spans="1:12">
      <c r="A39836" s="6" t="s">
        <v>38763</v>
      </c>
      <c r="B39836" s="6"/>
      <c r="C39836" s="6" t="s">
        <v>32230</v>
      </c>
      <c r="D39836" s="6"/>
      <c r="E39836" s="6"/>
      <c r="F39836" s="7">
        <v>36831</v>
      </c>
      <c r="G39836" s="8">
        <v>15900000</v>
      </c>
      <c r="H39836" s="8">
        <v>1</v>
      </c>
      <c r="I39836" s="8">
        <v>15899999</v>
      </c>
      <c r="J39836" s="8">
        <v>1</v>
      </c>
      <c r="K39836" s="9"/>
      <c r="L39836" s="6"/>
    </row>
    <row r="39837" spans="1:12">
      <c r="A39837" s="6" t="s">
        <v>38763</v>
      </c>
      <c r="B39837" s="6"/>
      <c r="C39837" s="6" t="s">
        <v>32230</v>
      </c>
      <c r="D39837" s="6"/>
      <c r="E39837" s="6"/>
      <c r="F39837" s="7">
        <v>36892</v>
      </c>
      <c r="G39837" s="8">
        <v>3000000</v>
      </c>
      <c r="H39837" s="8">
        <v>1</v>
      </c>
      <c r="I39837" s="8">
        <v>2999999</v>
      </c>
      <c r="J39837" s="8">
        <v>1</v>
      </c>
      <c r="K39837" s="9"/>
      <c r="L39837" s="6"/>
    </row>
    <row r="39838" spans="1:12">
      <c r="A39838" s="6" t="s">
        <v>38764</v>
      </c>
      <c r="B39838" s="6"/>
      <c r="C39838" s="6" t="s">
        <v>32230</v>
      </c>
      <c r="D39838" s="6"/>
      <c r="E39838" s="6"/>
      <c r="F39838" s="7">
        <v>37196</v>
      </c>
      <c r="G39838" s="8">
        <v>10000000</v>
      </c>
      <c r="H39838" s="8">
        <v>1</v>
      </c>
      <c r="I39838" s="8">
        <v>9999999</v>
      </c>
      <c r="J39838" s="8">
        <v>1</v>
      </c>
      <c r="K39838" s="9"/>
      <c r="L39838" s="6"/>
    </row>
    <row r="39839" spans="1:12">
      <c r="A39839" s="6" t="s">
        <v>38764</v>
      </c>
      <c r="B39839" s="6"/>
      <c r="C39839" s="6" t="s">
        <v>32230</v>
      </c>
      <c r="D39839" s="6"/>
      <c r="E39839" s="6"/>
      <c r="F39839" s="7">
        <v>35735</v>
      </c>
      <c r="G39839" s="8">
        <v>11580000</v>
      </c>
      <c r="H39839" s="8">
        <v>1</v>
      </c>
      <c r="I39839" s="8">
        <v>11579999</v>
      </c>
      <c r="J39839" s="8">
        <v>1</v>
      </c>
      <c r="K39839" s="9"/>
      <c r="L39839" s="6"/>
    </row>
    <row r="39840" spans="1:12">
      <c r="A39840" s="6" t="s">
        <v>38764</v>
      </c>
      <c r="B39840" s="6"/>
      <c r="C39840" s="6" t="s">
        <v>32230</v>
      </c>
      <c r="D39840" s="6"/>
      <c r="E39840" s="6"/>
      <c r="F39840" s="7">
        <v>36861</v>
      </c>
      <c r="G39840" s="8">
        <v>11350000</v>
      </c>
      <c r="H39840" s="8">
        <v>1</v>
      </c>
      <c r="I39840" s="8">
        <v>11349999</v>
      </c>
      <c r="J39840" s="8">
        <v>1</v>
      </c>
      <c r="K39840" s="9"/>
      <c r="L39840" s="6"/>
    </row>
    <row r="39841" spans="1:12">
      <c r="A39841" s="6" t="s">
        <v>38764</v>
      </c>
      <c r="B39841" s="6"/>
      <c r="C39841" s="6" t="s">
        <v>32230</v>
      </c>
      <c r="D39841" s="6"/>
      <c r="E39841" s="6"/>
      <c r="F39841" s="7">
        <v>35765</v>
      </c>
      <c r="G39841" s="8">
        <v>12460000</v>
      </c>
      <c r="H39841" s="8">
        <v>1</v>
      </c>
      <c r="I39841" s="8">
        <v>12459999</v>
      </c>
      <c r="J39841" s="8">
        <v>1</v>
      </c>
      <c r="K39841" s="9"/>
      <c r="L39841" s="6"/>
    </row>
    <row r="39842" spans="1:12">
      <c r="A39842" s="6" t="s">
        <v>38764</v>
      </c>
      <c r="B39842" s="6"/>
      <c r="C39842" s="6" t="s">
        <v>32230</v>
      </c>
      <c r="D39842" s="6"/>
      <c r="E39842" s="6"/>
      <c r="F39842" s="7">
        <v>37591</v>
      </c>
      <c r="G39842" s="8">
        <v>6150000</v>
      </c>
      <c r="H39842" s="8">
        <v>1</v>
      </c>
      <c r="I39842" s="8">
        <v>6149999</v>
      </c>
      <c r="J39842" s="8">
        <v>1</v>
      </c>
      <c r="K39842" s="9"/>
      <c r="L39842" s="6"/>
    </row>
    <row r="39843" spans="1:12">
      <c r="A39843" s="6" t="s">
        <v>38764</v>
      </c>
      <c r="B39843" s="6"/>
      <c r="C39843" s="6" t="s">
        <v>32230</v>
      </c>
      <c r="D39843" s="6"/>
      <c r="E39843" s="6"/>
      <c r="F39843" s="7">
        <v>35034</v>
      </c>
      <c r="G39843" s="8">
        <v>3500000</v>
      </c>
      <c r="H39843" s="8">
        <v>1</v>
      </c>
      <c r="I39843" s="8">
        <v>3499999</v>
      </c>
      <c r="J39843" s="8">
        <v>1</v>
      </c>
      <c r="K39843" s="9"/>
      <c r="L39843" s="6"/>
    </row>
    <row r="39844" spans="1:12">
      <c r="A39844" s="6" t="s">
        <v>38764</v>
      </c>
      <c r="B39844" s="6"/>
      <c r="C39844" s="6" t="s">
        <v>32230</v>
      </c>
      <c r="D39844" s="6"/>
      <c r="E39844" s="6"/>
      <c r="F39844" s="7">
        <v>35370</v>
      </c>
      <c r="G39844" s="8">
        <v>3470000</v>
      </c>
      <c r="H39844" s="8">
        <v>1</v>
      </c>
      <c r="I39844" s="8">
        <v>3469999</v>
      </c>
      <c r="J39844" s="8">
        <v>1</v>
      </c>
      <c r="K39844" s="9"/>
      <c r="L39844" s="6"/>
    </row>
    <row r="39845" spans="1:12">
      <c r="A39845" s="6" t="s">
        <v>38764</v>
      </c>
      <c r="B39845" s="6"/>
      <c r="C39845" s="6" t="s">
        <v>32230</v>
      </c>
      <c r="D39845" s="6"/>
      <c r="E39845" s="6"/>
      <c r="F39845" s="7">
        <v>35400</v>
      </c>
      <c r="G39845" s="8">
        <v>3390000</v>
      </c>
      <c r="H39845" s="8">
        <v>1</v>
      </c>
      <c r="I39845" s="8">
        <v>3389999</v>
      </c>
      <c r="J39845" s="8">
        <v>1</v>
      </c>
      <c r="K39845" s="9"/>
      <c r="L39845" s="6"/>
    </row>
    <row r="39846" spans="1:12">
      <c r="A39846" s="6" t="s">
        <v>38764</v>
      </c>
      <c r="B39846" s="6"/>
      <c r="C39846" s="6" t="s">
        <v>32230</v>
      </c>
      <c r="D39846" s="6"/>
      <c r="E39846" s="6"/>
      <c r="F39846" s="7">
        <v>35765</v>
      </c>
      <c r="G39846" s="8">
        <v>4790000</v>
      </c>
      <c r="H39846" s="8">
        <v>1</v>
      </c>
      <c r="I39846" s="8">
        <v>4789999</v>
      </c>
      <c r="J39846" s="8">
        <v>1</v>
      </c>
      <c r="K39846" s="9"/>
      <c r="L39846" s="6"/>
    </row>
    <row r="39847" spans="1:12">
      <c r="A39847" s="6" t="s">
        <v>38764</v>
      </c>
      <c r="B39847" s="6"/>
      <c r="C39847" s="6" t="s">
        <v>32230</v>
      </c>
      <c r="D39847" s="6"/>
      <c r="E39847" s="6"/>
      <c r="F39847" s="7">
        <v>36100</v>
      </c>
      <c r="G39847" s="8">
        <v>4720000</v>
      </c>
      <c r="H39847" s="8">
        <v>1</v>
      </c>
      <c r="I39847" s="8">
        <v>4719999</v>
      </c>
      <c r="J39847" s="8">
        <v>1</v>
      </c>
      <c r="K39847" s="9"/>
      <c r="L39847" s="6"/>
    </row>
    <row r="39848" spans="1:12">
      <c r="A39848" s="6" t="s">
        <v>38764</v>
      </c>
      <c r="B39848" s="6"/>
      <c r="C39848" s="6" t="s">
        <v>32230</v>
      </c>
      <c r="D39848" s="6"/>
      <c r="E39848" s="6"/>
      <c r="F39848" s="7">
        <v>36495</v>
      </c>
      <c r="G39848" s="8">
        <v>3880000</v>
      </c>
      <c r="H39848" s="8">
        <v>1</v>
      </c>
      <c r="I39848" s="8">
        <v>3879999</v>
      </c>
      <c r="J39848" s="8">
        <v>1</v>
      </c>
      <c r="K39848" s="9"/>
      <c r="L39848" s="6"/>
    </row>
    <row r="39849" spans="1:12">
      <c r="A39849" s="6" t="s">
        <v>38764</v>
      </c>
      <c r="B39849" s="6"/>
      <c r="C39849" s="6" t="s">
        <v>32230</v>
      </c>
      <c r="D39849" s="6"/>
      <c r="E39849" s="6"/>
      <c r="F39849" s="7">
        <v>36495</v>
      </c>
      <c r="G39849" s="8">
        <v>4720000</v>
      </c>
      <c r="H39849" s="8">
        <v>1</v>
      </c>
      <c r="I39849" s="8">
        <v>4719999</v>
      </c>
      <c r="J39849" s="8">
        <v>1</v>
      </c>
      <c r="K39849" s="9"/>
      <c r="L39849" s="6"/>
    </row>
    <row r="39850" spans="1:12">
      <c r="A39850" s="6" t="s">
        <v>38764</v>
      </c>
      <c r="B39850" s="6"/>
      <c r="C39850" s="6" t="s">
        <v>32230</v>
      </c>
      <c r="D39850" s="6"/>
      <c r="E39850" s="6"/>
      <c r="F39850" s="7">
        <v>36831</v>
      </c>
      <c r="G39850" s="8">
        <v>4510000</v>
      </c>
      <c r="H39850" s="8">
        <v>1</v>
      </c>
      <c r="I39850" s="8">
        <v>4509999</v>
      </c>
      <c r="J39850" s="8">
        <v>1</v>
      </c>
      <c r="K39850" s="9"/>
      <c r="L39850" s="6"/>
    </row>
    <row r="39851" spans="1:12">
      <c r="A39851" s="6" t="s">
        <v>38764</v>
      </c>
      <c r="B39851" s="6"/>
      <c r="C39851" s="6" t="s">
        <v>32230</v>
      </c>
      <c r="D39851" s="6"/>
      <c r="E39851" s="6"/>
      <c r="F39851" s="7">
        <v>37196</v>
      </c>
      <c r="G39851" s="8">
        <v>3010000</v>
      </c>
      <c r="H39851" s="8">
        <v>1</v>
      </c>
      <c r="I39851" s="8">
        <v>3009999</v>
      </c>
      <c r="J39851" s="8">
        <v>1</v>
      </c>
      <c r="K39851" s="9"/>
      <c r="L39851" s="6"/>
    </row>
    <row r="39852" spans="1:12">
      <c r="A39852" s="6" t="s">
        <v>38764</v>
      </c>
      <c r="B39852" s="6"/>
      <c r="C39852" s="6" t="s">
        <v>32230</v>
      </c>
      <c r="D39852" s="6"/>
      <c r="E39852" s="6"/>
      <c r="F39852" s="7">
        <v>37561</v>
      </c>
      <c r="G39852" s="8">
        <v>3560000</v>
      </c>
      <c r="H39852" s="8">
        <v>1</v>
      </c>
      <c r="I39852" s="8">
        <v>3559999</v>
      </c>
      <c r="J39852" s="8">
        <v>1</v>
      </c>
      <c r="K39852" s="9"/>
      <c r="L39852" s="6"/>
    </row>
    <row r="39853" spans="1:12">
      <c r="A39853" s="6" t="s">
        <v>38764</v>
      </c>
      <c r="B39853" s="6"/>
      <c r="C39853" s="6" t="s">
        <v>32230</v>
      </c>
      <c r="D39853" s="6"/>
      <c r="E39853" s="6"/>
      <c r="F39853" s="7">
        <v>37926</v>
      </c>
      <c r="G39853" s="8">
        <v>3440000</v>
      </c>
      <c r="H39853" s="8">
        <v>1</v>
      </c>
      <c r="I39853" s="8">
        <v>3439999</v>
      </c>
      <c r="J39853" s="8">
        <v>1</v>
      </c>
      <c r="K39853" s="9"/>
      <c r="L39853" s="6"/>
    </row>
    <row r="39854" spans="1:12">
      <c r="A39854" s="6" t="s">
        <v>38764</v>
      </c>
      <c r="B39854" s="6"/>
      <c r="C39854" s="6" t="s">
        <v>32230</v>
      </c>
      <c r="D39854" s="6"/>
      <c r="E39854" s="6"/>
      <c r="F39854" s="7">
        <v>38292</v>
      </c>
      <c r="G39854" s="8">
        <v>3540000</v>
      </c>
      <c r="H39854" s="8">
        <v>1</v>
      </c>
      <c r="I39854" s="8">
        <v>3539999</v>
      </c>
      <c r="J39854" s="8">
        <v>1</v>
      </c>
      <c r="K39854" s="9"/>
      <c r="L39854" s="6"/>
    </row>
    <row r="39855" spans="1:12">
      <c r="A39855" s="6" t="s">
        <v>38764</v>
      </c>
      <c r="B39855" s="6"/>
      <c r="C39855" s="6" t="s">
        <v>32230</v>
      </c>
      <c r="D39855" s="6"/>
      <c r="E39855" s="6"/>
      <c r="F39855" s="7">
        <v>38687</v>
      </c>
      <c r="G39855" s="8">
        <v>3550000</v>
      </c>
      <c r="H39855" s="8">
        <v>1</v>
      </c>
      <c r="I39855" s="8">
        <v>3549999</v>
      </c>
      <c r="J39855" s="8">
        <v>1</v>
      </c>
      <c r="K39855" s="9"/>
      <c r="L39855" s="6"/>
    </row>
    <row r="39856" spans="1:12">
      <c r="A39856" s="6" t="s">
        <v>38764</v>
      </c>
      <c r="B39856" s="6"/>
      <c r="C39856" s="6" t="s">
        <v>32230</v>
      </c>
      <c r="D39856" s="6"/>
      <c r="E39856" s="6"/>
      <c r="F39856" s="7">
        <v>39066</v>
      </c>
      <c r="G39856" s="8">
        <v>2814000</v>
      </c>
      <c r="H39856" s="8">
        <v>1</v>
      </c>
      <c r="I39856" s="8">
        <v>2813999</v>
      </c>
      <c r="J39856" s="8">
        <v>1</v>
      </c>
      <c r="K39856" s="9"/>
      <c r="L39856" s="6"/>
    </row>
    <row r="39857" spans="1:12">
      <c r="A39857" s="6" t="s">
        <v>38764</v>
      </c>
      <c r="B39857" s="6"/>
      <c r="C39857" s="6" t="s">
        <v>32230</v>
      </c>
      <c r="D39857" s="6"/>
      <c r="E39857" s="6"/>
      <c r="F39857" s="7">
        <v>39421</v>
      </c>
      <c r="G39857" s="8">
        <v>2782500</v>
      </c>
      <c r="H39857" s="8">
        <v>1</v>
      </c>
      <c r="I39857" s="8">
        <v>2782499</v>
      </c>
      <c r="J39857" s="8">
        <v>1</v>
      </c>
      <c r="K39857" s="9"/>
      <c r="L39857" s="6"/>
    </row>
    <row r="39858" spans="1:12">
      <c r="A39858" s="6" t="s">
        <v>38764</v>
      </c>
      <c r="B39858" s="6"/>
      <c r="C39858" s="6" t="s">
        <v>32230</v>
      </c>
      <c r="D39858" s="6"/>
      <c r="E39858" s="6"/>
      <c r="F39858" s="7">
        <v>39787</v>
      </c>
      <c r="G39858" s="8">
        <v>2919000</v>
      </c>
      <c r="H39858" s="8">
        <v>1</v>
      </c>
      <c r="I39858" s="8">
        <v>2918999</v>
      </c>
      <c r="J39858" s="8">
        <v>1</v>
      </c>
      <c r="K39858" s="9"/>
      <c r="L39858" s="6"/>
    </row>
    <row r="39859" spans="1:12">
      <c r="A39859" s="6" t="s">
        <v>38764</v>
      </c>
      <c r="B39859" s="6"/>
      <c r="C39859" s="6" t="s">
        <v>32230</v>
      </c>
      <c r="D39859" s="6"/>
      <c r="E39859" s="6"/>
      <c r="F39859" s="7">
        <v>40147</v>
      </c>
      <c r="G39859" s="8">
        <v>2849699</v>
      </c>
      <c r="H39859" s="8">
        <v>1</v>
      </c>
      <c r="I39859" s="8">
        <v>2849698</v>
      </c>
      <c r="J39859" s="8">
        <v>1</v>
      </c>
      <c r="K39859" s="9"/>
      <c r="L39859" s="6"/>
    </row>
    <row r="39860" spans="1:12">
      <c r="A39860" s="6" t="s">
        <v>38764</v>
      </c>
      <c r="B39860" s="6"/>
      <c r="C39860" s="6" t="s">
        <v>32230</v>
      </c>
      <c r="D39860" s="6"/>
      <c r="E39860" s="6"/>
      <c r="F39860" s="7">
        <v>40518</v>
      </c>
      <c r="G39860" s="8">
        <v>1617000</v>
      </c>
      <c r="H39860" s="8">
        <v>1</v>
      </c>
      <c r="I39860" s="8">
        <v>1616999</v>
      </c>
      <c r="J39860" s="8">
        <v>1</v>
      </c>
      <c r="K39860" s="9"/>
      <c r="L39860" s="6"/>
    </row>
    <row r="39861" spans="1:12">
      <c r="A39861" s="6" t="s">
        <v>38764</v>
      </c>
      <c r="B39861" s="6"/>
      <c r="C39861" s="6" t="s">
        <v>32230</v>
      </c>
      <c r="D39861" s="6"/>
      <c r="E39861" s="6"/>
      <c r="F39861" s="7">
        <v>40557</v>
      </c>
      <c r="G39861" s="8">
        <v>3139500</v>
      </c>
      <c r="H39861" s="8">
        <v>1</v>
      </c>
      <c r="I39861" s="8">
        <v>3139499</v>
      </c>
      <c r="J39861" s="8">
        <v>1</v>
      </c>
      <c r="K39861" s="9"/>
      <c r="L39861" s="6"/>
    </row>
    <row r="39862" spans="1:12">
      <c r="A39862" s="6" t="s">
        <v>38764</v>
      </c>
      <c r="B39862" s="6"/>
      <c r="C39862" s="6" t="s">
        <v>32230</v>
      </c>
      <c r="D39862" s="6"/>
      <c r="E39862" s="6"/>
      <c r="F39862" s="7">
        <v>40863</v>
      </c>
      <c r="G39862" s="8">
        <v>2990400</v>
      </c>
      <c r="H39862" s="8">
        <v>1</v>
      </c>
      <c r="I39862" s="8">
        <v>2990399</v>
      </c>
      <c r="J39862" s="8">
        <v>1</v>
      </c>
      <c r="K39862" s="9"/>
      <c r="L39862" s="6"/>
    </row>
    <row r="39863" spans="1:12">
      <c r="A39863" s="6" t="s">
        <v>38764</v>
      </c>
      <c r="B39863" s="6"/>
      <c r="C39863" s="6" t="s">
        <v>32230</v>
      </c>
      <c r="D39863" s="6"/>
      <c r="E39863" s="6"/>
      <c r="F39863" s="7">
        <v>40877</v>
      </c>
      <c r="G39863" s="8">
        <v>1554000</v>
      </c>
      <c r="H39863" s="8">
        <v>1</v>
      </c>
      <c r="I39863" s="8">
        <v>1553999</v>
      </c>
      <c r="J39863" s="8">
        <v>1</v>
      </c>
      <c r="K39863" s="9"/>
      <c r="L39863" s="6"/>
    </row>
    <row r="39864" spans="1:12">
      <c r="A39864" s="6" t="s">
        <v>38764</v>
      </c>
      <c r="B39864" s="6"/>
      <c r="C39864" s="6" t="s">
        <v>32230</v>
      </c>
      <c r="D39864" s="6"/>
      <c r="E39864" s="6"/>
      <c r="F39864" s="7">
        <v>41256</v>
      </c>
      <c r="G39864" s="8">
        <v>1564500</v>
      </c>
      <c r="H39864" s="8">
        <v>1</v>
      </c>
      <c r="I39864" s="8">
        <v>1564499</v>
      </c>
      <c r="J39864" s="8">
        <v>1</v>
      </c>
      <c r="K39864" s="9"/>
      <c r="L39864" s="6"/>
    </row>
    <row r="39865" spans="1:12">
      <c r="A39865" s="6" t="s">
        <v>38764</v>
      </c>
      <c r="B39865" s="6"/>
      <c r="C39865" s="6" t="s">
        <v>32230</v>
      </c>
      <c r="D39865" s="6"/>
      <c r="E39865" s="6"/>
      <c r="F39865" s="7">
        <v>41256</v>
      </c>
      <c r="G39865" s="8">
        <v>2822400</v>
      </c>
      <c r="H39865" s="8">
        <v>1</v>
      </c>
      <c r="I39865" s="8">
        <v>2822399</v>
      </c>
      <c r="J39865" s="8">
        <v>1</v>
      </c>
      <c r="K39865" s="9"/>
      <c r="L39865" s="6"/>
    </row>
    <row r="39866" spans="1:12">
      <c r="A39866" s="6" t="s">
        <v>38764</v>
      </c>
      <c r="B39866" s="6"/>
      <c r="C39866" s="6" t="s">
        <v>32230</v>
      </c>
      <c r="D39866" s="6"/>
      <c r="E39866" s="6"/>
      <c r="F39866" s="7">
        <v>41964</v>
      </c>
      <c r="G39866" s="8">
        <v>2999160</v>
      </c>
      <c r="H39866" s="8">
        <v>1</v>
      </c>
      <c r="I39866" s="8">
        <v>2999159</v>
      </c>
      <c r="J39866" s="8">
        <v>1</v>
      </c>
      <c r="K39866" s="9"/>
      <c r="L39866" s="6"/>
    </row>
    <row r="39867" spans="1:12">
      <c r="A39867" s="6" t="s">
        <v>38764</v>
      </c>
      <c r="B39867" s="6"/>
      <c r="C39867" s="6" t="s">
        <v>32230</v>
      </c>
      <c r="D39867" s="6"/>
      <c r="E39867" s="6"/>
      <c r="F39867" s="7">
        <v>41964</v>
      </c>
      <c r="G39867" s="8">
        <v>1625400</v>
      </c>
      <c r="H39867" s="8">
        <v>1</v>
      </c>
      <c r="I39867" s="8">
        <v>1625399</v>
      </c>
      <c r="J39867" s="8">
        <v>1</v>
      </c>
      <c r="K39867" s="9"/>
      <c r="L39867" s="6"/>
    </row>
    <row r="39868" spans="1:12">
      <c r="A39868" s="6" t="s">
        <v>38764</v>
      </c>
      <c r="B39868" s="6"/>
      <c r="C39868" s="6" t="s">
        <v>32230</v>
      </c>
      <c r="D39868" s="6"/>
      <c r="E39868" s="6"/>
      <c r="F39868" s="7">
        <v>42333</v>
      </c>
      <c r="G39868" s="8">
        <v>3071520</v>
      </c>
      <c r="H39868" s="8">
        <v>1</v>
      </c>
      <c r="I39868" s="8">
        <v>3071519</v>
      </c>
      <c r="J39868" s="8">
        <v>1</v>
      </c>
      <c r="K39868" s="9"/>
      <c r="L39868" s="6"/>
    </row>
    <row r="39869" spans="1:12">
      <c r="A39869" s="6" t="s">
        <v>38762</v>
      </c>
      <c r="B39869" s="6"/>
      <c r="C39869" s="6" t="s">
        <v>32230</v>
      </c>
      <c r="D39869" s="6"/>
      <c r="E39869" s="6"/>
      <c r="F39869" s="7">
        <v>37326</v>
      </c>
      <c r="G39869" s="8">
        <v>1046000</v>
      </c>
      <c r="H39869" s="8">
        <v>1</v>
      </c>
      <c r="I39869" s="8">
        <v>1045999</v>
      </c>
      <c r="J39869" s="8">
        <v>1</v>
      </c>
      <c r="K39869" s="9"/>
      <c r="L39869" s="6"/>
    </row>
    <row r="39870" spans="1:12">
      <c r="A39870" s="6" t="s">
        <v>38765</v>
      </c>
      <c r="B39870" s="6"/>
      <c r="C39870" s="6" t="s">
        <v>32230</v>
      </c>
      <c r="D39870" s="6"/>
      <c r="E39870" s="6"/>
      <c r="F39870" s="7">
        <v>35034</v>
      </c>
      <c r="G39870" s="8">
        <v>1720000</v>
      </c>
      <c r="H39870" s="8">
        <v>1</v>
      </c>
      <c r="I39870" s="8">
        <v>1719999</v>
      </c>
      <c r="J39870" s="8">
        <v>1</v>
      </c>
      <c r="K39870" s="9"/>
      <c r="L39870" s="6"/>
    </row>
    <row r="39871" spans="1:12">
      <c r="A39871" s="6" t="s">
        <v>38765</v>
      </c>
      <c r="B39871" s="6"/>
      <c r="C39871" s="6" t="s">
        <v>32230</v>
      </c>
      <c r="D39871" s="6"/>
      <c r="E39871" s="6"/>
      <c r="F39871" s="7">
        <v>35370</v>
      </c>
      <c r="G39871" s="8">
        <v>1720000</v>
      </c>
      <c r="H39871" s="8">
        <v>1</v>
      </c>
      <c r="I39871" s="8">
        <v>1719999</v>
      </c>
      <c r="J39871" s="8">
        <v>1</v>
      </c>
      <c r="K39871" s="9"/>
      <c r="L39871" s="6"/>
    </row>
    <row r="39872" spans="1:12">
      <c r="A39872" s="6" t="s">
        <v>38765</v>
      </c>
      <c r="B39872" s="6"/>
      <c r="C39872" s="6" t="s">
        <v>32230</v>
      </c>
      <c r="D39872" s="6"/>
      <c r="E39872" s="6"/>
      <c r="F39872" s="7">
        <v>35400</v>
      </c>
      <c r="G39872" s="8">
        <v>1900000</v>
      </c>
      <c r="H39872" s="8">
        <v>1</v>
      </c>
      <c r="I39872" s="8">
        <v>1899999</v>
      </c>
      <c r="J39872" s="8">
        <v>1</v>
      </c>
      <c r="K39872" s="9"/>
      <c r="L39872" s="6"/>
    </row>
    <row r="39873" spans="1:12">
      <c r="A39873" s="6" t="s">
        <v>38765</v>
      </c>
      <c r="B39873" s="6"/>
      <c r="C39873" s="6" t="s">
        <v>32230</v>
      </c>
      <c r="D39873" s="6"/>
      <c r="E39873" s="6"/>
      <c r="F39873" s="7">
        <v>36831</v>
      </c>
      <c r="G39873" s="8">
        <v>1660000</v>
      </c>
      <c r="H39873" s="8">
        <v>1</v>
      </c>
      <c r="I39873" s="8">
        <v>1659999</v>
      </c>
      <c r="J39873" s="8">
        <v>1</v>
      </c>
      <c r="K39873" s="9"/>
      <c r="L39873" s="6"/>
    </row>
    <row r="39874" spans="1:12">
      <c r="A39874" s="6" t="s">
        <v>38765</v>
      </c>
      <c r="B39874" s="6"/>
      <c r="C39874" s="6" t="s">
        <v>32230</v>
      </c>
      <c r="D39874" s="6"/>
      <c r="E39874" s="6"/>
      <c r="F39874" s="7">
        <v>37926</v>
      </c>
      <c r="G39874" s="8">
        <v>1500000</v>
      </c>
      <c r="H39874" s="8">
        <v>1</v>
      </c>
      <c r="I39874" s="8">
        <v>1499999</v>
      </c>
      <c r="J39874" s="8">
        <v>1</v>
      </c>
      <c r="K39874" s="9"/>
      <c r="L39874" s="6"/>
    </row>
    <row r="39875" spans="1:12">
      <c r="A39875" s="6" t="s">
        <v>38765</v>
      </c>
      <c r="B39875" s="6"/>
      <c r="C39875" s="6" t="s">
        <v>32230</v>
      </c>
      <c r="D39875" s="6"/>
      <c r="E39875" s="6"/>
      <c r="F39875" s="7">
        <v>38292</v>
      </c>
      <c r="G39875" s="8">
        <v>1660000</v>
      </c>
      <c r="H39875" s="8">
        <v>1</v>
      </c>
      <c r="I39875" s="8">
        <v>1659999</v>
      </c>
      <c r="J39875" s="8">
        <v>1</v>
      </c>
      <c r="K39875" s="9"/>
      <c r="L39875" s="6"/>
    </row>
    <row r="39876" spans="1:12">
      <c r="A39876" s="6" t="s">
        <v>38766</v>
      </c>
      <c r="B39876" s="6"/>
      <c r="C39876" s="6" t="s">
        <v>32230</v>
      </c>
      <c r="D39876" s="6"/>
      <c r="E39876" s="6"/>
      <c r="F39876" s="7">
        <v>41607</v>
      </c>
      <c r="G39876" s="8">
        <v>2859150</v>
      </c>
      <c r="H39876" s="8">
        <v>1</v>
      </c>
      <c r="I39876" s="8">
        <v>2859149</v>
      </c>
      <c r="J39876" s="8">
        <v>1</v>
      </c>
      <c r="K39876" s="9"/>
      <c r="L39876" s="6"/>
    </row>
    <row r="39877" spans="1:12">
      <c r="A39877" s="6" t="s">
        <v>38765</v>
      </c>
      <c r="B39877" s="6"/>
      <c r="C39877" s="6" t="s">
        <v>32230</v>
      </c>
      <c r="D39877" s="6"/>
      <c r="E39877" s="6"/>
      <c r="F39877" s="7">
        <v>42333</v>
      </c>
      <c r="G39877" s="8">
        <v>1593000</v>
      </c>
      <c r="H39877" s="8">
        <v>1</v>
      </c>
      <c r="I39877" s="8">
        <v>1592999</v>
      </c>
      <c r="J39877" s="8">
        <v>1</v>
      </c>
      <c r="K39877" s="9"/>
      <c r="L39877" s="6"/>
    </row>
    <row r="39878" spans="1:12">
      <c r="A39878" s="6" t="s">
        <v>38767</v>
      </c>
      <c r="B39878" s="6"/>
      <c r="C39878" s="6" t="s">
        <v>32230</v>
      </c>
      <c r="D39878" s="6"/>
      <c r="E39878" s="6"/>
      <c r="F39878" s="7">
        <v>40262</v>
      </c>
      <c r="G39878" s="8">
        <v>767550</v>
      </c>
      <c r="H39878" s="8">
        <v>201875</v>
      </c>
      <c r="I39878" s="8">
        <v>617100</v>
      </c>
      <c r="J39878" s="8">
        <v>150450</v>
      </c>
      <c r="K39878" s="9"/>
      <c r="L39878" s="6"/>
    </row>
    <row r="39879" spans="1:12">
      <c r="A39879" s="6" t="s">
        <v>38768</v>
      </c>
      <c r="B39879" s="6"/>
      <c r="C39879" s="6" t="s">
        <v>32230</v>
      </c>
      <c r="D39879" s="6"/>
      <c r="E39879" s="6"/>
      <c r="F39879" s="7">
        <v>42363</v>
      </c>
      <c r="G39879" s="8">
        <v>6143040</v>
      </c>
      <c r="H39879" s="8">
        <v>1</v>
      </c>
      <c r="I39879" s="8">
        <v>6143039</v>
      </c>
      <c r="J39879" s="8">
        <v>1</v>
      </c>
      <c r="K39879" s="9"/>
      <c r="L39879" s="6"/>
    </row>
    <row r="39880" spans="1:12">
      <c r="A39880" s="6" t="s">
        <v>38769</v>
      </c>
      <c r="B39880" s="6"/>
      <c r="C39880" s="6" t="s">
        <v>32230</v>
      </c>
      <c r="D39880" s="6"/>
      <c r="E39880" s="6"/>
      <c r="F39880" s="7">
        <v>42374</v>
      </c>
      <c r="G39880" s="8">
        <v>3186000</v>
      </c>
      <c r="H39880" s="8">
        <v>1</v>
      </c>
      <c r="I39880" s="8">
        <v>3185999</v>
      </c>
      <c r="J39880" s="8">
        <v>1</v>
      </c>
      <c r="K39880" s="9"/>
      <c r="L39880" s="6"/>
    </row>
    <row r="39881" spans="1:12">
      <c r="A39881" s="6" t="s">
        <v>38770</v>
      </c>
      <c r="B39881" s="6"/>
      <c r="C39881" s="6" t="s">
        <v>32230</v>
      </c>
      <c r="D39881" s="6"/>
      <c r="E39881" s="6"/>
      <c r="F39881" s="7">
        <v>42818</v>
      </c>
      <c r="G39881" s="8">
        <v>4203360</v>
      </c>
      <c r="H39881" s="8">
        <v>840672</v>
      </c>
      <c r="I39881" s="8">
        <v>4203359</v>
      </c>
      <c r="J39881" s="8">
        <v>1</v>
      </c>
      <c r="K39881" s="9"/>
      <c r="L39881" s="6"/>
    </row>
    <row r="39882" spans="1:12">
      <c r="A39882" s="6" t="s">
        <v>38771</v>
      </c>
      <c r="B39882" s="6"/>
      <c r="C39882" s="6" t="s">
        <v>32230</v>
      </c>
      <c r="D39882" s="6"/>
      <c r="E39882" s="6"/>
      <c r="F39882" s="7">
        <v>38657</v>
      </c>
      <c r="G39882" s="8">
        <v>1110000</v>
      </c>
      <c r="H39882" s="8">
        <v>1</v>
      </c>
      <c r="I39882" s="8">
        <v>1109999</v>
      </c>
      <c r="J39882" s="8">
        <v>1</v>
      </c>
      <c r="K39882" s="9"/>
      <c r="L39882" s="6"/>
    </row>
    <row r="39883" spans="1:12">
      <c r="A39883" s="6" t="s">
        <v>38772</v>
      </c>
      <c r="B39883" s="6"/>
      <c r="C39883" s="6" t="s">
        <v>32230</v>
      </c>
      <c r="D39883" s="6"/>
      <c r="E39883" s="6"/>
      <c r="F39883" s="7">
        <v>43490</v>
      </c>
      <c r="G39883" s="8">
        <v>622391</v>
      </c>
      <c r="H39883" s="8">
        <v>311197</v>
      </c>
      <c r="I39883" s="8">
        <v>466791</v>
      </c>
      <c r="J39883" s="8">
        <v>155600</v>
      </c>
      <c r="K39883" s="9"/>
      <c r="L39883" s="6"/>
    </row>
    <row r="39884" spans="1:12">
      <c r="A39884" s="6" t="s">
        <v>38773</v>
      </c>
      <c r="B39884" s="6"/>
      <c r="C39884" s="6" t="s">
        <v>32230</v>
      </c>
      <c r="D39884" s="6"/>
      <c r="E39884" s="6"/>
      <c r="F39884" s="7">
        <v>42293</v>
      </c>
      <c r="G39884" s="8">
        <v>13986000</v>
      </c>
      <c r="H39884" s="8">
        <v>1</v>
      </c>
      <c r="I39884" s="8">
        <v>13985999</v>
      </c>
      <c r="J39884" s="8">
        <v>1</v>
      </c>
      <c r="K39884" s="9"/>
      <c r="L39884" s="6"/>
    </row>
    <row r="39885" spans="1:12">
      <c r="A39885" s="6" t="s">
        <v>38774</v>
      </c>
      <c r="B39885" s="6"/>
      <c r="C39885" s="6"/>
      <c r="D39885" s="6"/>
      <c r="E39885" s="6"/>
      <c r="F39885" s="7">
        <v>41150</v>
      </c>
      <c r="G39885" s="8">
        <v>0</v>
      </c>
      <c r="H39885" s="8">
        <v>0</v>
      </c>
      <c r="I39885" s="8">
        <v>0</v>
      </c>
      <c r="J39885" s="8">
        <v>0</v>
      </c>
      <c r="K39885" s="9"/>
      <c r="L39885" s="6"/>
    </row>
    <row r="39886" spans="1:12">
      <c r="A39886" s="6" t="s">
        <v>38775</v>
      </c>
      <c r="B39886" s="6"/>
      <c r="C39886" s="6" t="s">
        <v>32230</v>
      </c>
      <c r="D39886" s="6"/>
      <c r="E39886" s="6"/>
      <c r="F39886" s="7">
        <v>39107</v>
      </c>
      <c r="G39886" s="8">
        <v>2505300</v>
      </c>
      <c r="H39886" s="8">
        <v>1</v>
      </c>
      <c r="I39886" s="8">
        <v>2505299</v>
      </c>
      <c r="J39886" s="8">
        <v>1</v>
      </c>
      <c r="K39886" s="9"/>
      <c r="L39886" s="6"/>
    </row>
    <row r="39887" spans="1:12">
      <c r="A39887" s="6" t="s">
        <v>38776</v>
      </c>
      <c r="B39887" s="6"/>
      <c r="C39887" s="6" t="s">
        <v>32230</v>
      </c>
      <c r="D39887" s="6"/>
      <c r="E39887" s="6"/>
      <c r="F39887" s="7">
        <v>42355</v>
      </c>
      <c r="G39887" s="8">
        <v>1333800</v>
      </c>
      <c r="H39887" s="8">
        <v>220080</v>
      </c>
      <c r="I39887" s="8">
        <v>1333799</v>
      </c>
      <c r="J39887" s="8">
        <v>1</v>
      </c>
      <c r="K39887" s="9"/>
      <c r="L39887" s="6"/>
    </row>
    <row r="39888" spans="1:12">
      <c r="A39888" s="6" t="s">
        <v>38776</v>
      </c>
      <c r="B39888" s="6"/>
      <c r="C39888" s="6" t="s">
        <v>32230</v>
      </c>
      <c r="D39888" s="6"/>
      <c r="E39888" s="6"/>
      <c r="F39888" s="7">
        <v>42355</v>
      </c>
      <c r="G39888" s="8">
        <v>1414800</v>
      </c>
      <c r="H39888" s="8">
        <v>233445</v>
      </c>
      <c r="I39888" s="8">
        <v>1414799</v>
      </c>
      <c r="J39888" s="8">
        <v>1</v>
      </c>
      <c r="K39888" s="9"/>
      <c r="L39888" s="6"/>
    </row>
    <row r="39889" spans="1:12">
      <c r="A39889" s="6" t="s">
        <v>38777</v>
      </c>
      <c r="B39889" s="6"/>
      <c r="C39889" s="6" t="s">
        <v>32230</v>
      </c>
      <c r="D39889" s="6"/>
      <c r="E39889" s="6"/>
      <c r="F39889" s="7">
        <v>42355</v>
      </c>
      <c r="G39889" s="8">
        <v>2160000</v>
      </c>
      <c r="H39889" s="8">
        <v>1</v>
      </c>
      <c r="I39889" s="8">
        <v>2159999</v>
      </c>
      <c r="J39889" s="8">
        <v>1</v>
      </c>
      <c r="K39889" s="9"/>
      <c r="L39889" s="6"/>
    </row>
    <row r="39890" spans="1:12">
      <c r="A39890" s="6" t="s">
        <v>38778</v>
      </c>
      <c r="B39890" s="6"/>
      <c r="C39890" s="6" t="s">
        <v>32230</v>
      </c>
      <c r="D39890" s="6"/>
      <c r="E39890" s="6"/>
      <c r="F39890" s="7">
        <v>42355</v>
      </c>
      <c r="G39890" s="8">
        <v>1728000</v>
      </c>
      <c r="H39890" s="8">
        <v>1</v>
      </c>
      <c r="I39890" s="8">
        <v>1727999</v>
      </c>
      <c r="J39890" s="8">
        <v>1</v>
      </c>
      <c r="K39890" s="9"/>
      <c r="L39890" s="6"/>
    </row>
    <row r="39891" spans="1:12">
      <c r="A39891" s="6" t="s">
        <v>38779</v>
      </c>
      <c r="B39891" s="6"/>
      <c r="C39891" s="6" t="s">
        <v>32230</v>
      </c>
      <c r="D39891" s="6"/>
      <c r="E39891" s="6"/>
      <c r="F39891" s="7">
        <v>39496</v>
      </c>
      <c r="G39891" s="8">
        <v>24517500</v>
      </c>
      <c r="H39891" s="8">
        <v>1</v>
      </c>
      <c r="I39891" s="8">
        <v>24517499</v>
      </c>
      <c r="J39891" s="8">
        <v>1</v>
      </c>
      <c r="K39891" s="9"/>
      <c r="L39891" s="6"/>
    </row>
    <row r="39892" spans="1:12">
      <c r="A39892" s="6" t="s">
        <v>38780</v>
      </c>
      <c r="B39892" s="6"/>
      <c r="C39892" s="6" t="s">
        <v>32230</v>
      </c>
      <c r="D39892" s="6"/>
      <c r="E39892" s="6"/>
      <c r="F39892" s="7">
        <v>41949</v>
      </c>
      <c r="G39892" s="8">
        <v>1000000</v>
      </c>
      <c r="H39892" s="8">
        <v>1</v>
      </c>
      <c r="I39892" s="8">
        <v>999999</v>
      </c>
      <c r="J39892" s="8">
        <v>1</v>
      </c>
      <c r="K39892" s="9"/>
      <c r="L39892" s="6"/>
    </row>
    <row r="39893" spans="1:12">
      <c r="A39893" s="6" t="s">
        <v>38781</v>
      </c>
      <c r="B39893" s="6"/>
      <c r="C39893" s="6" t="s">
        <v>32230</v>
      </c>
      <c r="D39893" s="6"/>
      <c r="E39893" s="6"/>
      <c r="F39893" s="7">
        <v>36033</v>
      </c>
      <c r="G39893" s="8">
        <v>16117500</v>
      </c>
      <c r="H39893" s="8">
        <v>1</v>
      </c>
      <c r="I39893" s="8">
        <v>16117499</v>
      </c>
      <c r="J39893" s="8">
        <v>1</v>
      </c>
      <c r="K39893" s="9"/>
      <c r="L39893" s="6"/>
    </row>
    <row r="39894" spans="1:12">
      <c r="A39894" s="6" t="s">
        <v>38782</v>
      </c>
      <c r="B39894" s="6"/>
      <c r="C39894" s="6" t="s">
        <v>32230</v>
      </c>
      <c r="D39894" s="6" t="s">
        <v>6171</v>
      </c>
      <c r="E39894" s="6"/>
      <c r="F39894" s="7"/>
      <c r="G39894" s="8">
        <v>0</v>
      </c>
      <c r="H39894" s="8">
        <v>0</v>
      </c>
      <c r="I39894" s="8">
        <v>0</v>
      </c>
      <c r="J39894" s="8">
        <v>-1</v>
      </c>
      <c r="K39894" s="9"/>
      <c r="L39894" s="6"/>
    </row>
    <row r="39895" spans="1:12">
      <c r="A39895" s="6" t="s">
        <v>38783</v>
      </c>
      <c r="B39895" s="6"/>
      <c r="C39895" s="6" t="s">
        <v>32230</v>
      </c>
      <c r="D39895" s="6"/>
      <c r="E39895" s="6"/>
      <c r="F39895" s="7">
        <v>41645</v>
      </c>
      <c r="G39895" s="8">
        <v>903142</v>
      </c>
      <c r="H39895" s="8">
        <v>1</v>
      </c>
      <c r="I39895" s="8">
        <v>903141</v>
      </c>
      <c r="J39895" s="8">
        <v>1</v>
      </c>
      <c r="K39895" s="9"/>
      <c r="L39895" s="6"/>
    </row>
    <row r="39896" spans="1:12">
      <c r="A39896" s="6" t="s">
        <v>38784</v>
      </c>
      <c r="B39896" s="6"/>
      <c r="C39896" s="6" t="s">
        <v>32230</v>
      </c>
      <c r="D39896" s="6"/>
      <c r="E39896" s="6"/>
      <c r="F39896" s="7">
        <v>40263</v>
      </c>
      <c r="G39896" s="8">
        <v>577500</v>
      </c>
      <c r="H39896" s="8">
        <v>1</v>
      </c>
      <c r="I39896" s="8">
        <v>577499</v>
      </c>
      <c r="J39896" s="8">
        <v>1</v>
      </c>
      <c r="K39896" s="9"/>
      <c r="L39896" s="6"/>
    </row>
    <row r="39897" spans="1:12">
      <c r="A39897" s="6" t="s">
        <v>38785</v>
      </c>
      <c r="B39897" s="6"/>
      <c r="C39897" s="6" t="s">
        <v>32230</v>
      </c>
      <c r="D39897" s="6"/>
      <c r="E39897" s="6"/>
      <c r="F39897" s="7">
        <v>40263</v>
      </c>
      <c r="G39897" s="8">
        <v>577500</v>
      </c>
      <c r="H39897" s="8">
        <v>1</v>
      </c>
      <c r="I39897" s="8">
        <v>577499</v>
      </c>
      <c r="J39897" s="8">
        <v>1</v>
      </c>
      <c r="K39897" s="9"/>
      <c r="L39897" s="6"/>
    </row>
    <row r="39898" spans="1:12">
      <c r="A39898" s="6" t="s">
        <v>38786</v>
      </c>
      <c r="B39898" s="6"/>
      <c r="C39898" s="6" t="s">
        <v>32230</v>
      </c>
      <c r="D39898" s="6"/>
      <c r="E39898" s="6"/>
      <c r="F39898" s="7">
        <v>41362</v>
      </c>
      <c r="G39898" s="8">
        <v>1200000</v>
      </c>
      <c r="H39898" s="8">
        <v>1</v>
      </c>
      <c r="I39898" s="8">
        <v>1199999</v>
      </c>
      <c r="J39898" s="8">
        <v>1</v>
      </c>
      <c r="K39898" s="9"/>
      <c r="L39898" s="6"/>
    </row>
    <row r="39899" spans="1:12">
      <c r="A39899" s="6" t="s">
        <v>38787</v>
      </c>
      <c r="B39899" s="6"/>
      <c r="C39899" s="6" t="s">
        <v>32230</v>
      </c>
      <c r="D39899" s="6"/>
      <c r="E39899" s="6"/>
      <c r="F39899" s="7">
        <v>40263</v>
      </c>
      <c r="G39899" s="8">
        <v>577500</v>
      </c>
      <c r="H39899" s="8">
        <v>1</v>
      </c>
      <c r="I39899" s="8">
        <v>577499</v>
      </c>
      <c r="J39899" s="8">
        <v>1</v>
      </c>
      <c r="K39899" s="9"/>
      <c r="L39899" s="6"/>
    </row>
    <row r="39900" spans="1:12">
      <c r="A39900" s="6" t="s">
        <v>38788</v>
      </c>
      <c r="B39900" s="6"/>
      <c r="C39900" s="6" t="s">
        <v>32230</v>
      </c>
      <c r="D39900" s="6"/>
      <c r="E39900" s="6"/>
      <c r="F39900" s="7">
        <v>37061</v>
      </c>
      <c r="G39900" s="8">
        <v>921000</v>
      </c>
      <c r="H39900" s="8">
        <v>1</v>
      </c>
      <c r="I39900" s="8">
        <v>920999</v>
      </c>
      <c r="J39900" s="8">
        <v>1</v>
      </c>
      <c r="K39900" s="9"/>
      <c r="L39900" s="6"/>
    </row>
    <row r="39901" spans="1:12">
      <c r="A39901" s="6" t="s">
        <v>38789</v>
      </c>
      <c r="B39901" s="6"/>
      <c r="C39901" s="6" t="s">
        <v>32230</v>
      </c>
      <c r="D39901" s="6"/>
      <c r="E39901" s="6"/>
      <c r="F39901" s="7">
        <v>36707</v>
      </c>
      <c r="G39901" s="8">
        <v>12380000</v>
      </c>
      <c r="H39901" s="8">
        <v>1</v>
      </c>
      <c r="I39901" s="8">
        <v>12379999</v>
      </c>
      <c r="J39901" s="8">
        <v>1</v>
      </c>
      <c r="K39901" s="9"/>
      <c r="L39901" s="6"/>
    </row>
    <row r="39902" spans="1:12">
      <c r="A39902" s="6" t="s">
        <v>38790</v>
      </c>
      <c r="B39902" s="6"/>
      <c r="C39902" s="6" t="s">
        <v>32230</v>
      </c>
      <c r="D39902" s="6"/>
      <c r="E39902" s="6"/>
      <c r="F39902" s="7">
        <v>38834</v>
      </c>
      <c r="G39902" s="8">
        <v>638000</v>
      </c>
      <c r="H39902" s="8">
        <v>1</v>
      </c>
      <c r="I39902" s="8">
        <v>637999</v>
      </c>
      <c r="J39902" s="8">
        <v>1</v>
      </c>
      <c r="K39902" s="9"/>
      <c r="L39902" s="6"/>
    </row>
    <row r="39903" spans="1:12">
      <c r="A39903" s="6" t="s">
        <v>38791</v>
      </c>
      <c r="B39903" s="6"/>
      <c r="C39903" s="6" t="s">
        <v>32230</v>
      </c>
      <c r="D39903" s="6"/>
      <c r="E39903" s="6"/>
      <c r="F39903" s="7">
        <v>40263</v>
      </c>
      <c r="G39903" s="8">
        <v>577500</v>
      </c>
      <c r="H39903" s="8">
        <v>1</v>
      </c>
      <c r="I39903" s="8">
        <v>577499</v>
      </c>
      <c r="J39903" s="8">
        <v>1</v>
      </c>
      <c r="K39903" s="9"/>
      <c r="L39903" s="6"/>
    </row>
    <row r="39904" spans="1:12">
      <c r="A39904" s="6" t="s">
        <v>38792</v>
      </c>
      <c r="B39904" s="6"/>
      <c r="C39904" s="6" t="s">
        <v>32230</v>
      </c>
      <c r="D39904" s="6"/>
      <c r="E39904" s="6"/>
      <c r="F39904" s="7">
        <v>37712</v>
      </c>
      <c r="G39904" s="8">
        <v>710000</v>
      </c>
      <c r="H39904" s="8">
        <v>1</v>
      </c>
      <c r="I39904" s="8">
        <v>709999</v>
      </c>
      <c r="J39904" s="8">
        <v>1</v>
      </c>
      <c r="K39904" s="9"/>
      <c r="L39904" s="6"/>
    </row>
    <row r="39905" spans="1:12">
      <c r="A39905" s="6" t="s">
        <v>38793</v>
      </c>
      <c r="B39905" s="6"/>
      <c r="C39905" s="6" t="s">
        <v>32230</v>
      </c>
      <c r="D39905" s="6"/>
      <c r="E39905" s="6"/>
      <c r="F39905" s="7">
        <v>36234</v>
      </c>
      <c r="G39905" s="8">
        <v>984900</v>
      </c>
      <c r="H39905" s="8">
        <v>1</v>
      </c>
      <c r="I39905" s="8">
        <v>984899</v>
      </c>
      <c r="J39905" s="8">
        <v>1</v>
      </c>
      <c r="K39905" s="9"/>
      <c r="L39905" s="6"/>
    </row>
    <row r="39906" spans="1:12">
      <c r="A39906" s="6" t="s">
        <v>38794</v>
      </c>
      <c r="B39906" s="6"/>
      <c r="C39906" s="6" t="s">
        <v>32230</v>
      </c>
      <c r="D39906" s="6"/>
      <c r="E39906" s="6"/>
      <c r="F39906" s="7">
        <v>36557</v>
      </c>
      <c r="G39906" s="8">
        <v>1600000</v>
      </c>
      <c r="H39906" s="8">
        <v>1</v>
      </c>
      <c r="I39906" s="8">
        <v>1599999</v>
      </c>
      <c r="J39906" s="8">
        <v>1</v>
      </c>
      <c r="K39906" s="9"/>
      <c r="L39906" s="6"/>
    </row>
    <row r="39907" spans="1:12">
      <c r="A39907" s="6" t="s">
        <v>38795</v>
      </c>
      <c r="B39907" s="6"/>
      <c r="C39907" s="6" t="s">
        <v>32230</v>
      </c>
      <c r="D39907" s="6"/>
      <c r="E39907" s="6"/>
      <c r="F39907" s="7">
        <v>37253</v>
      </c>
      <c r="G39907" s="8">
        <v>685000</v>
      </c>
      <c r="H39907" s="8">
        <v>1</v>
      </c>
      <c r="I39907" s="8">
        <v>684999</v>
      </c>
      <c r="J39907" s="8">
        <v>1</v>
      </c>
      <c r="K39907" s="9"/>
      <c r="L39907" s="6"/>
    </row>
    <row r="39908" spans="1:12">
      <c r="A39908" s="6" t="s">
        <v>38796</v>
      </c>
      <c r="B39908" s="6"/>
      <c r="C39908" s="6" t="s">
        <v>32230</v>
      </c>
      <c r="D39908" s="6"/>
      <c r="E39908" s="6"/>
      <c r="F39908" s="7">
        <v>40549</v>
      </c>
      <c r="G39908" s="8">
        <v>756000</v>
      </c>
      <c r="H39908" s="8">
        <v>1</v>
      </c>
      <c r="I39908" s="8">
        <v>755999</v>
      </c>
      <c r="J39908" s="8">
        <v>1</v>
      </c>
      <c r="K39908" s="9"/>
      <c r="L39908" s="6"/>
    </row>
    <row r="39909" spans="1:12">
      <c r="A39909" s="6" t="s">
        <v>38797</v>
      </c>
      <c r="B39909" s="6"/>
      <c r="C39909" s="6" t="s">
        <v>32230</v>
      </c>
      <c r="D39909" s="6"/>
      <c r="E39909" s="6"/>
      <c r="F39909" s="7">
        <v>41365</v>
      </c>
      <c r="G39909" s="8">
        <v>588000</v>
      </c>
      <c r="H39909" s="8">
        <v>1</v>
      </c>
      <c r="I39909" s="8">
        <v>587999</v>
      </c>
      <c r="J39909" s="8">
        <v>1</v>
      </c>
      <c r="K39909" s="9"/>
      <c r="L39909" s="6"/>
    </row>
    <row r="39910" spans="1:12">
      <c r="A39910" s="6" t="s">
        <v>38797</v>
      </c>
      <c r="B39910" s="6"/>
      <c r="C39910" s="6" t="s">
        <v>32230</v>
      </c>
      <c r="D39910" s="6"/>
      <c r="E39910" s="6"/>
      <c r="F39910" s="7">
        <v>36453</v>
      </c>
      <c r="G39910" s="8">
        <v>554400</v>
      </c>
      <c r="H39910" s="8">
        <v>1</v>
      </c>
      <c r="I39910" s="8">
        <v>554399</v>
      </c>
      <c r="J39910" s="8">
        <v>1</v>
      </c>
      <c r="K39910" s="9"/>
      <c r="L39910" s="6"/>
    </row>
    <row r="39911" spans="1:12">
      <c r="A39911" s="6" t="s">
        <v>38798</v>
      </c>
      <c r="B39911" s="6"/>
      <c r="C39911" s="6" t="s">
        <v>32230</v>
      </c>
      <c r="D39911" s="6"/>
      <c r="E39911" s="6"/>
      <c r="F39911" s="7">
        <v>40263</v>
      </c>
      <c r="G39911" s="8">
        <v>577500</v>
      </c>
      <c r="H39911" s="8">
        <v>1</v>
      </c>
      <c r="I39911" s="8">
        <v>577499</v>
      </c>
      <c r="J39911" s="8">
        <v>1</v>
      </c>
      <c r="K39911" s="9"/>
      <c r="L39911" s="6"/>
    </row>
    <row r="39912" spans="1:12">
      <c r="A39912" s="6" t="s">
        <v>38799</v>
      </c>
      <c r="B39912" s="6"/>
      <c r="C39912" s="6" t="s">
        <v>32230</v>
      </c>
      <c r="D39912" s="6"/>
      <c r="E39912" s="6"/>
      <c r="F39912" s="7">
        <v>37347</v>
      </c>
      <c r="G39912" s="8">
        <v>1450000</v>
      </c>
      <c r="H39912" s="8">
        <v>1</v>
      </c>
      <c r="I39912" s="8">
        <v>1449999</v>
      </c>
      <c r="J39912" s="8">
        <v>1</v>
      </c>
      <c r="K39912" s="9"/>
      <c r="L39912" s="6"/>
    </row>
    <row r="39913" spans="1:12">
      <c r="A39913" s="6" t="s">
        <v>38800</v>
      </c>
      <c r="B39913" s="6"/>
      <c r="C39913" s="6" t="s">
        <v>32230</v>
      </c>
      <c r="D39913" s="6"/>
      <c r="E39913" s="6"/>
      <c r="F39913" s="7">
        <v>43921</v>
      </c>
      <c r="G39913" s="8">
        <v>4125000</v>
      </c>
      <c r="H39913" s="8">
        <v>3300000</v>
      </c>
      <c r="I39913" s="8">
        <v>1650000</v>
      </c>
      <c r="J39913" s="8">
        <v>2475000</v>
      </c>
      <c r="K39913" s="9"/>
      <c r="L39913" s="6"/>
    </row>
    <row r="39914" spans="1:12">
      <c r="A39914" s="6" t="s">
        <v>38801</v>
      </c>
      <c r="B39914" s="6"/>
      <c r="C39914" s="6" t="s">
        <v>32230</v>
      </c>
      <c r="D39914" s="6"/>
      <c r="E39914" s="6"/>
      <c r="F39914" s="7">
        <v>38657</v>
      </c>
      <c r="G39914" s="8">
        <v>1070000</v>
      </c>
      <c r="H39914" s="8">
        <v>1</v>
      </c>
      <c r="I39914" s="8">
        <v>1069999</v>
      </c>
      <c r="J39914" s="8">
        <v>1</v>
      </c>
      <c r="K39914" s="9"/>
      <c r="L39914" s="6"/>
    </row>
    <row r="39915" spans="1:12">
      <c r="A39915" s="6" t="s">
        <v>38802</v>
      </c>
      <c r="B39915" s="6"/>
      <c r="C39915" s="6" t="s">
        <v>32230</v>
      </c>
      <c r="D39915" s="6"/>
      <c r="E39915" s="6"/>
      <c r="F39915" s="7">
        <v>38070</v>
      </c>
      <c r="G39915" s="8">
        <v>15200000</v>
      </c>
      <c r="H39915" s="8">
        <v>1</v>
      </c>
      <c r="I39915" s="8">
        <v>15199999</v>
      </c>
      <c r="J39915" s="8">
        <v>1</v>
      </c>
      <c r="K39915" s="9"/>
      <c r="L39915" s="6"/>
    </row>
    <row r="39916" spans="1:12">
      <c r="A39916" s="6" t="s">
        <v>38803</v>
      </c>
      <c r="B39916" s="6"/>
      <c r="C39916" s="6" t="s">
        <v>32230</v>
      </c>
      <c r="D39916" s="6"/>
      <c r="E39916" s="6"/>
      <c r="F39916" s="7">
        <v>36105</v>
      </c>
      <c r="G39916" s="8">
        <v>1060000</v>
      </c>
      <c r="H39916" s="8">
        <v>1</v>
      </c>
      <c r="I39916" s="8">
        <v>1059999</v>
      </c>
      <c r="J39916" s="8">
        <v>1</v>
      </c>
      <c r="K39916" s="9"/>
      <c r="L39916" s="6"/>
    </row>
    <row r="39917" spans="1:12">
      <c r="A39917" s="6" t="s">
        <v>38804</v>
      </c>
      <c r="B39917" s="6"/>
      <c r="C39917" s="6" t="s">
        <v>32230</v>
      </c>
      <c r="D39917" s="6"/>
      <c r="E39917" s="6"/>
      <c r="F39917" s="7">
        <v>36942</v>
      </c>
      <c r="G39917" s="8">
        <v>9760000</v>
      </c>
      <c r="H39917" s="8">
        <v>1</v>
      </c>
      <c r="I39917" s="8">
        <v>9759999</v>
      </c>
      <c r="J39917" s="8">
        <v>1</v>
      </c>
      <c r="K39917" s="9"/>
      <c r="L39917" s="6"/>
    </row>
    <row r="39918" spans="1:12">
      <c r="A39918" s="6" t="s">
        <v>38805</v>
      </c>
      <c r="B39918" s="6"/>
      <c r="C39918" s="6" t="s">
        <v>32230</v>
      </c>
      <c r="D39918" s="6"/>
      <c r="E39918" s="6"/>
      <c r="F39918" s="7">
        <v>36551</v>
      </c>
      <c r="G39918" s="8">
        <v>15225000</v>
      </c>
      <c r="H39918" s="8">
        <v>1</v>
      </c>
      <c r="I39918" s="8">
        <v>15224999</v>
      </c>
      <c r="J39918" s="8">
        <v>1</v>
      </c>
      <c r="K39918" s="9"/>
      <c r="L39918" s="6"/>
    </row>
    <row r="39919" spans="1:12">
      <c r="A39919" s="6" t="s">
        <v>38806</v>
      </c>
      <c r="B39919" s="6"/>
      <c r="C39919" s="6" t="s">
        <v>32230</v>
      </c>
      <c r="D39919" s="6" t="s">
        <v>6171</v>
      </c>
      <c r="E39919" s="6"/>
      <c r="F39919" s="7"/>
      <c r="G39919" s="8">
        <v>0</v>
      </c>
      <c r="H39919" s="8">
        <v>0</v>
      </c>
      <c r="I39919" s="8">
        <v>0</v>
      </c>
      <c r="J39919" s="8">
        <v>-1</v>
      </c>
      <c r="K39919" s="9"/>
      <c r="L39919" s="6"/>
    </row>
    <row r="39920" spans="1:12">
      <c r="A39920" s="6" t="s">
        <v>38807</v>
      </c>
      <c r="B39920" s="6"/>
      <c r="C39920" s="6" t="s">
        <v>32230</v>
      </c>
      <c r="D39920" s="6"/>
      <c r="E39920" s="6"/>
      <c r="F39920" s="7">
        <v>34878</v>
      </c>
      <c r="G39920" s="8">
        <v>1093860</v>
      </c>
      <c r="H39920" s="8">
        <v>1</v>
      </c>
      <c r="I39920" s="8">
        <v>1093859</v>
      </c>
      <c r="J39920" s="8">
        <v>1</v>
      </c>
      <c r="K39920" s="9"/>
      <c r="L39920" s="6"/>
    </row>
    <row r="39921" spans="1:12">
      <c r="A39921" s="6" t="s">
        <v>38807</v>
      </c>
      <c r="B39921" s="6"/>
      <c r="C39921" s="6" t="s">
        <v>32230</v>
      </c>
      <c r="D39921" s="6"/>
      <c r="E39921" s="6"/>
      <c r="F39921" s="7">
        <v>37189</v>
      </c>
      <c r="G39921" s="8">
        <v>1200000</v>
      </c>
      <c r="H39921" s="8">
        <v>1</v>
      </c>
      <c r="I39921" s="8">
        <v>1199999</v>
      </c>
      <c r="J39921" s="8">
        <v>1</v>
      </c>
      <c r="K39921" s="9"/>
      <c r="L39921" s="6"/>
    </row>
    <row r="39922" spans="1:12">
      <c r="A39922" s="6" t="s">
        <v>38808</v>
      </c>
      <c r="B39922" s="6"/>
      <c r="C39922" s="6" t="s">
        <v>32230</v>
      </c>
      <c r="D39922" s="6"/>
      <c r="E39922" s="6"/>
      <c r="F39922" s="7">
        <v>37189</v>
      </c>
      <c r="G39922" s="8">
        <v>3450000</v>
      </c>
      <c r="H39922" s="8">
        <v>1</v>
      </c>
      <c r="I39922" s="8">
        <v>3449999</v>
      </c>
      <c r="J39922" s="8">
        <v>1</v>
      </c>
      <c r="K39922" s="9"/>
      <c r="L39922" s="6"/>
    </row>
    <row r="39923" spans="1:12">
      <c r="A39923" s="6" t="s">
        <v>38808</v>
      </c>
      <c r="B39923" s="6"/>
      <c r="C39923" s="6" t="s">
        <v>32230</v>
      </c>
      <c r="D39923" s="6"/>
      <c r="E39923" s="6"/>
      <c r="F39923" s="7">
        <v>36551</v>
      </c>
      <c r="G39923" s="8">
        <v>13328000</v>
      </c>
      <c r="H39923" s="8">
        <v>1</v>
      </c>
      <c r="I39923" s="8">
        <v>13327999</v>
      </c>
      <c r="J39923" s="8">
        <v>1</v>
      </c>
      <c r="K39923" s="9"/>
      <c r="L39923" s="6"/>
    </row>
    <row r="39924" spans="1:12">
      <c r="A39924" s="6" t="s">
        <v>38809</v>
      </c>
      <c r="B39924" s="6"/>
      <c r="C39924" s="6" t="s">
        <v>32230</v>
      </c>
      <c r="D39924" s="6" t="s">
        <v>6171</v>
      </c>
      <c r="E39924" s="6"/>
      <c r="F39924" s="7"/>
      <c r="G39924" s="8">
        <v>0</v>
      </c>
      <c r="H39924" s="8">
        <v>0</v>
      </c>
      <c r="I39924" s="8">
        <v>0</v>
      </c>
      <c r="J39924" s="8">
        <v>-1</v>
      </c>
      <c r="K39924" s="9"/>
      <c r="L39924" s="6"/>
    </row>
    <row r="39925" spans="1:12">
      <c r="A39925" s="6" t="s">
        <v>38810</v>
      </c>
      <c r="B39925" s="6"/>
      <c r="C39925" s="6" t="s">
        <v>32230</v>
      </c>
      <c r="D39925" s="6"/>
      <c r="E39925" s="6"/>
      <c r="F39925" s="7">
        <v>38422</v>
      </c>
      <c r="G39925" s="8">
        <v>1239000</v>
      </c>
      <c r="H39925" s="8">
        <v>1</v>
      </c>
      <c r="I39925" s="8">
        <v>1238999</v>
      </c>
      <c r="J39925" s="8">
        <v>1</v>
      </c>
      <c r="K39925" s="9"/>
      <c r="L39925" s="6"/>
    </row>
    <row r="39926" spans="1:12">
      <c r="A39926" s="6" t="s">
        <v>38811</v>
      </c>
      <c r="B39926" s="6"/>
      <c r="C39926" s="6" t="s">
        <v>32230</v>
      </c>
      <c r="D39926" s="6"/>
      <c r="E39926" s="6"/>
      <c r="F39926" s="7">
        <v>34737</v>
      </c>
      <c r="G39926" s="8">
        <v>13530000</v>
      </c>
      <c r="H39926" s="8">
        <v>1</v>
      </c>
      <c r="I39926" s="8">
        <v>13529999</v>
      </c>
      <c r="J39926" s="8">
        <v>1</v>
      </c>
      <c r="K39926" s="9"/>
      <c r="L39926" s="6"/>
    </row>
    <row r="39927" spans="1:12">
      <c r="A39927" s="6" t="s">
        <v>38812</v>
      </c>
      <c r="B39927" s="6"/>
      <c r="C39927" s="6" t="s">
        <v>32230</v>
      </c>
      <c r="D39927" s="6"/>
      <c r="E39927" s="6"/>
      <c r="F39927" s="7">
        <v>43069</v>
      </c>
      <c r="G39927" s="8">
        <v>14148000</v>
      </c>
      <c r="H39927" s="8">
        <v>5659200</v>
      </c>
      <c r="I39927" s="8">
        <v>11318400</v>
      </c>
      <c r="J39927" s="8">
        <v>2829600</v>
      </c>
      <c r="K39927" s="9"/>
      <c r="L39927" s="6"/>
    </row>
    <row r="39928" spans="1:12">
      <c r="A39928" s="6" t="s">
        <v>38813</v>
      </c>
      <c r="B39928" s="6"/>
      <c r="C39928" s="6" t="s">
        <v>32230</v>
      </c>
      <c r="D39928" s="6"/>
      <c r="E39928" s="6"/>
      <c r="F39928" s="7">
        <v>34878</v>
      </c>
      <c r="G39928" s="8">
        <v>1093860</v>
      </c>
      <c r="H39928" s="8">
        <v>1</v>
      </c>
      <c r="I39928" s="8">
        <v>1093859</v>
      </c>
      <c r="J39928" s="8">
        <v>1</v>
      </c>
      <c r="K39928" s="9"/>
      <c r="L39928" s="6"/>
    </row>
    <row r="39929" spans="1:12">
      <c r="A39929" s="6" t="s">
        <v>38814</v>
      </c>
      <c r="B39929" s="6"/>
      <c r="C39929" s="6" t="s">
        <v>32230</v>
      </c>
      <c r="D39929" s="6"/>
      <c r="E39929" s="6"/>
      <c r="F39929" s="7">
        <v>39476</v>
      </c>
      <c r="G39929" s="8">
        <v>10762500</v>
      </c>
      <c r="H39929" s="8">
        <v>1</v>
      </c>
      <c r="I39929" s="8">
        <v>10762499</v>
      </c>
      <c r="J39929" s="8">
        <v>1</v>
      </c>
      <c r="K39929" s="9"/>
      <c r="L39929" s="6"/>
    </row>
    <row r="39930" spans="1:12">
      <c r="A39930" s="6" t="s">
        <v>38815</v>
      </c>
      <c r="B39930" s="6"/>
      <c r="C39930" s="6" t="s">
        <v>32230</v>
      </c>
      <c r="D39930" s="6"/>
      <c r="E39930" s="6"/>
      <c r="F39930" s="7">
        <v>40263</v>
      </c>
      <c r="G39930" s="8">
        <v>577500</v>
      </c>
      <c r="H39930" s="8">
        <v>1</v>
      </c>
      <c r="I39930" s="8">
        <v>577499</v>
      </c>
      <c r="J39930" s="8">
        <v>1</v>
      </c>
      <c r="K39930" s="9"/>
      <c r="L39930" s="6"/>
    </row>
    <row r="39931" spans="1:12">
      <c r="A39931" s="6" t="s">
        <v>38816</v>
      </c>
      <c r="B39931" s="6"/>
      <c r="C39931" s="6" t="s">
        <v>32230</v>
      </c>
      <c r="D39931" s="6"/>
      <c r="E39931" s="6"/>
      <c r="F39931" s="7">
        <v>37398</v>
      </c>
      <c r="G39931" s="8">
        <v>2646000</v>
      </c>
      <c r="H39931" s="8">
        <v>1</v>
      </c>
      <c r="I39931" s="8">
        <v>2645999</v>
      </c>
      <c r="J39931" s="8">
        <v>1</v>
      </c>
      <c r="K39931" s="9"/>
      <c r="L39931" s="6"/>
    </row>
    <row r="39932" spans="1:12">
      <c r="A39932" s="6" t="s">
        <v>38817</v>
      </c>
      <c r="B39932" s="6"/>
      <c r="C39932" s="6" t="s">
        <v>32230</v>
      </c>
      <c r="D39932" s="6"/>
      <c r="E39932" s="6"/>
      <c r="F39932" s="7">
        <v>36474</v>
      </c>
      <c r="G39932" s="8">
        <v>1070000</v>
      </c>
      <c r="H39932" s="8">
        <v>1</v>
      </c>
      <c r="I39932" s="8">
        <v>1069999</v>
      </c>
      <c r="J39932" s="8">
        <v>1</v>
      </c>
      <c r="K39932" s="9"/>
      <c r="L39932" s="6"/>
    </row>
    <row r="39933" spans="1:12">
      <c r="A39933" s="6" t="s">
        <v>38818</v>
      </c>
      <c r="B39933" s="6"/>
      <c r="C39933" s="6" t="s">
        <v>32230</v>
      </c>
      <c r="D39933" s="6"/>
      <c r="E39933" s="6"/>
      <c r="F39933" s="7">
        <v>35149</v>
      </c>
      <c r="G39933" s="8">
        <v>15850000</v>
      </c>
      <c r="H39933" s="8">
        <v>1</v>
      </c>
      <c r="I39933" s="8">
        <v>15849999</v>
      </c>
      <c r="J39933" s="8">
        <v>1</v>
      </c>
      <c r="K39933" s="9"/>
      <c r="L39933" s="6"/>
    </row>
    <row r="39934" spans="1:12">
      <c r="A39934" s="6" t="s">
        <v>38819</v>
      </c>
      <c r="B39934" s="6"/>
      <c r="C39934" s="6" t="s">
        <v>32230</v>
      </c>
      <c r="D39934" s="6"/>
      <c r="E39934" s="6"/>
      <c r="F39934" s="7">
        <v>44151</v>
      </c>
      <c r="G39934" s="8">
        <v>15818000</v>
      </c>
      <c r="H39934" s="8">
        <v>15818000</v>
      </c>
      <c r="I39934" s="8">
        <v>3163600</v>
      </c>
      <c r="J39934" s="8">
        <v>12654400</v>
      </c>
      <c r="K39934" s="9"/>
      <c r="L39934" s="6"/>
    </row>
    <row r="39935" spans="1:12">
      <c r="A39935" s="6" t="s">
        <v>38820</v>
      </c>
      <c r="B39935" s="6"/>
      <c r="C39935" s="6" t="s">
        <v>32230</v>
      </c>
      <c r="D39935" s="6"/>
      <c r="E39935" s="6"/>
      <c r="F39935" s="7">
        <v>37778</v>
      </c>
      <c r="G39935" s="8">
        <v>588000</v>
      </c>
      <c r="H39935" s="8">
        <v>1</v>
      </c>
      <c r="I39935" s="8">
        <v>587999</v>
      </c>
      <c r="J39935" s="8">
        <v>1</v>
      </c>
      <c r="K39935" s="9"/>
      <c r="L39935" s="6"/>
    </row>
    <row r="39936" spans="1:12">
      <c r="A39936" s="6" t="s">
        <v>38821</v>
      </c>
      <c r="B39936" s="6"/>
      <c r="C39936" s="6" t="s">
        <v>32230</v>
      </c>
      <c r="D39936" s="6"/>
      <c r="E39936" s="6"/>
      <c r="F39936" s="7">
        <v>37787</v>
      </c>
      <c r="G39936" s="8">
        <v>907000</v>
      </c>
      <c r="H39936" s="8">
        <v>1</v>
      </c>
      <c r="I39936" s="8">
        <v>906999</v>
      </c>
      <c r="J39936" s="8">
        <v>1</v>
      </c>
      <c r="K39936" s="9"/>
      <c r="L39936" s="6"/>
    </row>
    <row r="39937" spans="1:12">
      <c r="A39937" s="6" t="s">
        <v>38822</v>
      </c>
      <c r="B39937" s="6"/>
      <c r="C39937" s="6" t="s">
        <v>32230</v>
      </c>
      <c r="D39937" s="6"/>
      <c r="E39937" s="6"/>
      <c r="F39937" s="7">
        <v>42766</v>
      </c>
      <c r="G39937" s="8">
        <v>14148000</v>
      </c>
      <c r="H39937" s="8">
        <v>2829600</v>
      </c>
      <c r="I39937" s="8">
        <v>14147999</v>
      </c>
      <c r="J39937" s="8">
        <v>1</v>
      </c>
      <c r="K39937" s="9"/>
      <c r="L39937" s="6"/>
    </row>
    <row r="39938" spans="1:12">
      <c r="A39938" s="6" t="s">
        <v>38823</v>
      </c>
      <c r="B39938" s="6"/>
      <c r="C39938" s="6" t="s">
        <v>32230</v>
      </c>
      <c r="D39938" s="6"/>
      <c r="E39938" s="6"/>
      <c r="F39938" s="7">
        <v>41437</v>
      </c>
      <c r="G39938" s="8">
        <v>1500000</v>
      </c>
      <c r="H39938" s="8">
        <v>1</v>
      </c>
      <c r="I39938" s="8">
        <v>1499999</v>
      </c>
      <c r="J39938" s="8">
        <v>1</v>
      </c>
      <c r="K39938" s="9"/>
      <c r="L39938" s="6"/>
    </row>
    <row r="39939" spans="1:12">
      <c r="A39939" s="6" t="s">
        <v>38824</v>
      </c>
      <c r="B39939" s="6"/>
      <c r="C39939" s="6" t="s">
        <v>32230</v>
      </c>
      <c r="D39939" s="6"/>
      <c r="E39939" s="6"/>
      <c r="F39939" s="7">
        <v>38602</v>
      </c>
      <c r="G39939" s="8">
        <v>1029000</v>
      </c>
      <c r="H39939" s="8">
        <v>1</v>
      </c>
      <c r="I39939" s="8">
        <v>1028999</v>
      </c>
      <c r="J39939" s="8">
        <v>1</v>
      </c>
      <c r="K39939" s="9"/>
      <c r="L39939" s="6"/>
    </row>
    <row r="39940" spans="1:12">
      <c r="A39940" s="6" t="s">
        <v>38824</v>
      </c>
      <c r="B39940" s="6"/>
      <c r="C39940" s="6" t="s">
        <v>32230</v>
      </c>
      <c r="D39940" s="6"/>
      <c r="E39940" s="6"/>
      <c r="F39940" s="7">
        <v>37006</v>
      </c>
      <c r="G39940" s="8">
        <v>617400</v>
      </c>
      <c r="H39940" s="8">
        <v>1</v>
      </c>
      <c r="I39940" s="8">
        <v>617399</v>
      </c>
      <c r="J39940" s="8">
        <v>1</v>
      </c>
      <c r="K39940" s="9"/>
      <c r="L39940" s="6"/>
    </row>
    <row r="39941" spans="1:12">
      <c r="A39941" s="6" t="s">
        <v>38825</v>
      </c>
      <c r="B39941" s="6"/>
      <c r="C39941" s="6" t="s">
        <v>32230</v>
      </c>
      <c r="D39941" s="6"/>
      <c r="E39941" s="6"/>
      <c r="F39941" s="7">
        <v>37435</v>
      </c>
      <c r="G39941" s="8">
        <v>623000</v>
      </c>
      <c r="H39941" s="8">
        <v>1</v>
      </c>
      <c r="I39941" s="8">
        <v>622999</v>
      </c>
      <c r="J39941" s="8">
        <v>1</v>
      </c>
      <c r="K39941" s="9"/>
      <c r="L39941" s="6"/>
    </row>
    <row r="39942" spans="1:12">
      <c r="A39942" s="6" t="s">
        <v>38826</v>
      </c>
      <c r="B39942" s="6"/>
      <c r="C39942" s="6" t="s">
        <v>32230</v>
      </c>
      <c r="D39942" s="6"/>
      <c r="E39942" s="6"/>
      <c r="F39942" s="7">
        <v>37435</v>
      </c>
      <c r="G39942" s="8">
        <v>546000</v>
      </c>
      <c r="H39942" s="8">
        <v>1</v>
      </c>
      <c r="I39942" s="8">
        <v>545999</v>
      </c>
      <c r="J39942" s="8">
        <v>1</v>
      </c>
      <c r="K39942" s="9"/>
      <c r="L39942" s="6"/>
    </row>
    <row r="39943" spans="1:12">
      <c r="A39943" s="6" t="s">
        <v>38827</v>
      </c>
      <c r="B39943" s="6"/>
      <c r="C39943" s="6" t="s">
        <v>32230</v>
      </c>
      <c r="D39943" s="6"/>
      <c r="E39943" s="6"/>
      <c r="F39943" s="7">
        <v>37435</v>
      </c>
      <c r="G39943" s="8">
        <v>553000</v>
      </c>
      <c r="H39943" s="8">
        <v>1</v>
      </c>
      <c r="I39943" s="8">
        <v>552999</v>
      </c>
      <c r="J39943" s="8">
        <v>1</v>
      </c>
      <c r="K39943" s="9"/>
      <c r="L39943" s="6"/>
    </row>
    <row r="39944" spans="1:12">
      <c r="A39944" s="6" t="s">
        <v>38827</v>
      </c>
      <c r="B39944" s="6"/>
      <c r="C39944" s="6" t="s">
        <v>32230</v>
      </c>
      <c r="D39944" s="6"/>
      <c r="E39944" s="6"/>
      <c r="F39944" s="7">
        <v>37435</v>
      </c>
      <c r="G39944" s="8">
        <v>609000</v>
      </c>
      <c r="H39944" s="8">
        <v>1</v>
      </c>
      <c r="I39944" s="8">
        <v>608999</v>
      </c>
      <c r="J39944" s="8">
        <v>1</v>
      </c>
      <c r="K39944" s="9"/>
      <c r="L39944" s="6"/>
    </row>
    <row r="39945" spans="1:12">
      <c r="A39945" s="6" t="s">
        <v>38827</v>
      </c>
      <c r="B39945" s="6"/>
      <c r="C39945" s="6" t="s">
        <v>32230</v>
      </c>
      <c r="D39945" s="6"/>
      <c r="E39945" s="6"/>
      <c r="F39945" s="7">
        <v>37435</v>
      </c>
      <c r="G39945" s="8">
        <v>609000</v>
      </c>
      <c r="H39945" s="8">
        <v>1</v>
      </c>
      <c r="I39945" s="8">
        <v>608999</v>
      </c>
      <c r="J39945" s="8">
        <v>1</v>
      </c>
      <c r="K39945" s="9"/>
      <c r="L39945" s="6"/>
    </row>
    <row r="39946" spans="1:12">
      <c r="A39946" s="6" t="s">
        <v>38827</v>
      </c>
      <c r="B39946" s="6"/>
      <c r="C39946" s="6" t="s">
        <v>32230</v>
      </c>
      <c r="D39946" s="6"/>
      <c r="E39946" s="6"/>
      <c r="F39946" s="7">
        <v>37435</v>
      </c>
      <c r="G39946" s="8">
        <v>581000</v>
      </c>
      <c r="H39946" s="8">
        <v>1</v>
      </c>
      <c r="I39946" s="8">
        <v>580999</v>
      </c>
      <c r="J39946" s="8">
        <v>1</v>
      </c>
      <c r="K39946" s="9"/>
      <c r="L39946" s="6"/>
    </row>
    <row r="39947" spans="1:12">
      <c r="A39947" s="26" t="s">
        <v>38828</v>
      </c>
      <c r="B39947" s="26"/>
      <c r="C39947" s="26"/>
      <c r="D39947" s="26"/>
      <c r="E39947" s="23"/>
      <c r="F39947" s="23">
        <v>39969</v>
      </c>
      <c r="G39947" s="24">
        <v>1785000</v>
      </c>
      <c r="H39947" s="24">
        <v>1</v>
      </c>
      <c r="I39947" s="24">
        <v>1784999</v>
      </c>
      <c r="J39947" s="24">
        <v>1</v>
      </c>
      <c r="K39947" s="25"/>
      <c r="L39947" s="6"/>
    </row>
    <row r="39948" spans="1:12">
      <c r="A39948" s="6" t="s">
        <v>38829</v>
      </c>
      <c r="B39948" s="6"/>
      <c r="C39948" s="6" t="s">
        <v>32230</v>
      </c>
      <c r="D39948" s="6"/>
      <c r="E39948" s="6"/>
      <c r="F39948" s="7">
        <v>38708</v>
      </c>
      <c r="G39948" s="8">
        <v>2814000</v>
      </c>
      <c r="H39948" s="8">
        <v>1</v>
      </c>
      <c r="I39948" s="8">
        <v>2813999</v>
      </c>
      <c r="J39948" s="8">
        <v>1</v>
      </c>
      <c r="K39948" s="9"/>
      <c r="L39948" s="6"/>
    </row>
    <row r="39949" spans="1:12">
      <c r="A39949" s="6" t="s">
        <v>38830</v>
      </c>
      <c r="B39949" s="6"/>
      <c r="C39949" s="6" t="s">
        <v>32230</v>
      </c>
      <c r="D39949" s="6"/>
      <c r="E39949" s="6"/>
      <c r="F39949" s="7">
        <v>40263</v>
      </c>
      <c r="G39949" s="8">
        <v>577500</v>
      </c>
      <c r="H39949" s="8">
        <v>1</v>
      </c>
      <c r="I39949" s="8">
        <v>577499</v>
      </c>
      <c r="J39949" s="8">
        <v>1</v>
      </c>
      <c r="K39949" s="9"/>
      <c r="L39949" s="6"/>
    </row>
    <row r="39950" spans="1:12">
      <c r="A39950" s="6" t="s">
        <v>38831</v>
      </c>
      <c r="B39950" s="6"/>
      <c r="C39950" s="6" t="s">
        <v>32230</v>
      </c>
      <c r="D39950" s="6"/>
      <c r="E39950" s="6"/>
      <c r="F39950" s="7">
        <v>42726</v>
      </c>
      <c r="G39950" s="8">
        <v>568512</v>
      </c>
      <c r="H39950" s="8">
        <v>1</v>
      </c>
      <c r="I39950" s="8">
        <v>568511</v>
      </c>
      <c r="J39950" s="8">
        <v>1</v>
      </c>
      <c r="K39950" s="9"/>
      <c r="L39950" s="6"/>
    </row>
    <row r="39951" spans="1:12">
      <c r="A39951" s="6" t="s">
        <v>38832</v>
      </c>
      <c r="B39951" s="6"/>
      <c r="C39951" s="6" t="s">
        <v>32230</v>
      </c>
      <c r="D39951" s="6"/>
      <c r="E39951" s="6"/>
      <c r="F39951" s="7">
        <v>42972</v>
      </c>
      <c r="G39951" s="8">
        <v>1404000</v>
      </c>
      <c r="H39951" s="8">
        <v>1</v>
      </c>
      <c r="I39951" s="8">
        <v>1403999</v>
      </c>
      <c r="J39951" s="8">
        <v>1</v>
      </c>
      <c r="K39951" s="9"/>
      <c r="L39951" s="6"/>
    </row>
    <row r="39952" spans="1:12">
      <c r="A39952" s="6" t="s">
        <v>38833</v>
      </c>
      <c r="B39952" s="6"/>
      <c r="C39952" s="6" t="s">
        <v>32230</v>
      </c>
      <c r="D39952" s="6"/>
      <c r="E39952" s="6"/>
      <c r="F39952" s="7">
        <v>37721</v>
      </c>
      <c r="G39952" s="8">
        <v>571200</v>
      </c>
      <c r="H39952" s="8">
        <v>1</v>
      </c>
      <c r="I39952" s="8">
        <v>571199</v>
      </c>
      <c r="J39952" s="8">
        <v>1</v>
      </c>
      <c r="K39952" s="9"/>
      <c r="L39952" s="6"/>
    </row>
    <row r="39953" spans="1:12">
      <c r="A39953" s="6" t="s">
        <v>38834</v>
      </c>
      <c r="B39953" s="6"/>
      <c r="C39953" s="6" t="s">
        <v>32230</v>
      </c>
      <c r="D39953" s="6"/>
      <c r="E39953" s="6"/>
      <c r="F39953" s="7">
        <v>36262</v>
      </c>
      <c r="G39953" s="8">
        <v>1764000</v>
      </c>
      <c r="H39953" s="8">
        <v>1</v>
      </c>
      <c r="I39953" s="8">
        <v>1763999</v>
      </c>
      <c r="J39953" s="8">
        <v>1</v>
      </c>
      <c r="K39953" s="9"/>
      <c r="L39953" s="6"/>
    </row>
    <row r="39954" spans="1:12">
      <c r="A39954" s="6" t="s">
        <v>38835</v>
      </c>
      <c r="B39954" s="6"/>
      <c r="C39954" s="6" t="s">
        <v>32230</v>
      </c>
      <c r="D39954" s="6"/>
      <c r="E39954" s="6"/>
      <c r="F39954" s="7">
        <v>38632</v>
      </c>
      <c r="G39954" s="8">
        <v>540300</v>
      </c>
      <c r="H39954" s="8">
        <v>1</v>
      </c>
      <c r="I39954" s="8">
        <v>540299</v>
      </c>
      <c r="J39954" s="8">
        <v>1</v>
      </c>
      <c r="K39954" s="9"/>
      <c r="L39954" s="6"/>
    </row>
    <row r="39955" spans="1:12">
      <c r="A39955" s="6" t="s">
        <v>38836</v>
      </c>
      <c r="B39955" s="6"/>
      <c r="C39955" s="6" t="s">
        <v>32230</v>
      </c>
      <c r="D39955" s="6"/>
      <c r="E39955" s="6"/>
      <c r="F39955" s="7">
        <v>38632</v>
      </c>
      <c r="G39955" s="8">
        <v>549000</v>
      </c>
      <c r="H39955" s="8">
        <v>1</v>
      </c>
      <c r="I39955" s="8">
        <v>548999</v>
      </c>
      <c r="J39955" s="8">
        <v>1</v>
      </c>
      <c r="K39955" s="9"/>
      <c r="L39955" s="6"/>
    </row>
    <row r="39956" spans="1:12">
      <c r="A39956" s="6" t="s">
        <v>38837</v>
      </c>
      <c r="B39956" s="6"/>
      <c r="C39956" s="6" t="s">
        <v>32230</v>
      </c>
      <c r="D39956" s="6"/>
      <c r="E39956" s="6"/>
      <c r="F39956" s="7">
        <v>38458</v>
      </c>
      <c r="G39956" s="8">
        <v>559000</v>
      </c>
      <c r="H39956" s="8">
        <v>1</v>
      </c>
      <c r="I39956" s="8">
        <v>558999</v>
      </c>
      <c r="J39956" s="8">
        <v>1</v>
      </c>
      <c r="K39956" s="9"/>
      <c r="L39956" s="6"/>
    </row>
    <row r="39957" spans="1:12">
      <c r="A39957" s="6" t="s">
        <v>38838</v>
      </c>
      <c r="B39957" s="6"/>
      <c r="C39957" s="6" t="s">
        <v>32230</v>
      </c>
      <c r="D39957" s="6"/>
      <c r="E39957" s="6"/>
      <c r="F39957" s="7">
        <v>40577</v>
      </c>
      <c r="G39957" s="8">
        <v>1312500</v>
      </c>
      <c r="H39957" s="8">
        <v>1</v>
      </c>
      <c r="I39957" s="8">
        <v>1312499</v>
      </c>
      <c r="J39957" s="8">
        <v>1</v>
      </c>
      <c r="K39957" s="9"/>
      <c r="L39957" s="6"/>
    </row>
    <row r="39958" spans="1:12">
      <c r="A39958" s="6" t="s">
        <v>38839</v>
      </c>
      <c r="B39958" s="6"/>
      <c r="C39958" s="6" t="s">
        <v>32230</v>
      </c>
      <c r="D39958" s="6"/>
      <c r="E39958" s="6"/>
      <c r="F39958" s="7">
        <v>40801</v>
      </c>
      <c r="G39958" s="8">
        <v>2520000</v>
      </c>
      <c r="H39958" s="8">
        <v>1</v>
      </c>
      <c r="I39958" s="8">
        <v>2519999</v>
      </c>
      <c r="J39958" s="8">
        <v>1</v>
      </c>
      <c r="K39958" s="9"/>
      <c r="L39958" s="6"/>
    </row>
    <row r="39959" spans="1:12">
      <c r="A39959" s="6" t="s">
        <v>38840</v>
      </c>
      <c r="B39959" s="6"/>
      <c r="C39959" s="6" t="s">
        <v>32230</v>
      </c>
      <c r="D39959" s="6"/>
      <c r="E39959" s="6"/>
      <c r="F39959" s="7">
        <v>42580</v>
      </c>
      <c r="G39959" s="8">
        <v>2430000</v>
      </c>
      <c r="H39959" s="8">
        <v>1458000</v>
      </c>
      <c r="I39959" s="8">
        <v>1215000</v>
      </c>
      <c r="J39959" s="8">
        <v>1215000</v>
      </c>
      <c r="K39959" s="9"/>
      <c r="L39959" s="6"/>
    </row>
    <row r="39960" spans="1:12">
      <c r="A39960" s="6" t="s">
        <v>38841</v>
      </c>
      <c r="B39960" s="6"/>
      <c r="C39960" s="6" t="s">
        <v>32230</v>
      </c>
      <c r="D39960" s="6"/>
      <c r="E39960" s="6"/>
      <c r="F39960" s="7">
        <v>43921</v>
      </c>
      <c r="G39960" s="8">
        <v>2596000</v>
      </c>
      <c r="H39960" s="8">
        <v>2076800</v>
      </c>
      <c r="I39960" s="8">
        <v>1038400</v>
      </c>
      <c r="J39960" s="8">
        <v>1557600</v>
      </c>
      <c r="K39960" s="9"/>
      <c r="L39960" s="6"/>
    </row>
    <row r="39961" spans="1:12">
      <c r="A39961" s="6" t="s">
        <v>38842</v>
      </c>
      <c r="B39961" s="6"/>
      <c r="C39961" s="6" t="s">
        <v>32230</v>
      </c>
      <c r="D39961" s="6"/>
      <c r="E39961" s="6"/>
      <c r="F39961" s="7">
        <v>44109</v>
      </c>
      <c r="G39961" s="8">
        <v>3613500</v>
      </c>
      <c r="H39961" s="8">
        <v>3613500</v>
      </c>
      <c r="I39961" s="8">
        <v>722700</v>
      </c>
      <c r="J39961" s="8">
        <v>2890800</v>
      </c>
      <c r="K39961" s="9"/>
      <c r="L39961" s="6"/>
    </row>
    <row r="39962" spans="1:12">
      <c r="A39962" s="6" t="s">
        <v>38843</v>
      </c>
      <c r="B39962" s="6"/>
      <c r="C39962" s="6" t="s">
        <v>32230</v>
      </c>
      <c r="D39962" s="6"/>
      <c r="E39962" s="6"/>
      <c r="F39962" s="7">
        <v>41670</v>
      </c>
      <c r="G39962" s="8">
        <v>2500000</v>
      </c>
      <c r="H39962" s="8">
        <v>1</v>
      </c>
      <c r="I39962" s="8">
        <v>2499999</v>
      </c>
      <c r="J39962" s="8">
        <v>1</v>
      </c>
      <c r="K39962" s="9"/>
      <c r="L39962" s="6"/>
    </row>
    <row r="39963" spans="1:12">
      <c r="A39963" s="6" t="s">
        <v>38844</v>
      </c>
      <c r="B39963" s="6"/>
      <c r="C39963" s="6" t="s">
        <v>32230</v>
      </c>
      <c r="D39963" s="6"/>
      <c r="E39963" s="6"/>
      <c r="F39963" s="7">
        <v>35642</v>
      </c>
      <c r="G39963" s="8">
        <v>1260000</v>
      </c>
      <c r="H39963" s="8">
        <v>1</v>
      </c>
      <c r="I39963" s="8">
        <v>1259999</v>
      </c>
      <c r="J39963" s="8">
        <v>1</v>
      </c>
      <c r="K39963" s="9"/>
      <c r="L39963" s="6"/>
    </row>
    <row r="39964" spans="1:12">
      <c r="A39964" s="6" t="s">
        <v>38845</v>
      </c>
      <c r="B39964" s="6"/>
      <c r="C39964" s="6" t="s">
        <v>32230</v>
      </c>
      <c r="D39964" s="6"/>
      <c r="E39964" s="6"/>
      <c r="F39964" s="7">
        <v>36707</v>
      </c>
      <c r="G39964" s="8">
        <v>12380000</v>
      </c>
      <c r="H39964" s="8">
        <v>1</v>
      </c>
      <c r="I39964" s="8">
        <v>12379999</v>
      </c>
      <c r="J39964" s="8">
        <v>1</v>
      </c>
      <c r="K39964" s="9"/>
      <c r="L39964" s="6"/>
    </row>
    <row r="39965" spans="1:12">
      <c r="A39965" s="6" t="s">
        <v>38846</v>
      </c>
      <c r="B39965" s="6"/>
      <c r="C39965" s="6" t="s">
        <v>32230</v>
      </c>
      <c r="D39965" s="6"/>
      <c r="E39965" s="6"/>
      <c r="F39965" s="7">
        <v>36692</v>
      </c>
      <c r="G39965" s="8">
        <v>650000</v>
      </c>
      <c r="H39965" s="8">
        <v>1</v>
      </c>
      <c r="I39965" s="8">
        <v>649999</v>
      </c>
      <c r="J39965" s="8">
        <v>1</v>
      </c>
      <c r="K39965" s="9"/>
      <c r="L39965" s="6"/>
    </row>
    <row r="39966" spans="1:12">
      <c r="A39966" s="6" t="s">
        <v>38847</v>
      </c>
      <c r="B39966" s="6"/>
      <c r="C39966" s="6" t="s">
        <v>32230</v>
      </c>
      <c r="D39966" s="6"/>
      <c r="E39966" s="6"/>
      <c r="F39966" s="7">
        <v>38639</v>
      </c>
      <c r="G39966" s="8">
        <v>729750</v>
      </c>
      <c r="H39966" s="8">
        <v>1</v>
      </c>
      <c r="I39966" s="8">
        <v>729749</v>
      </c>
      <c r="J39966" s="8">
        <v>1</v>
      </c>
      <c r="K39966" s="9"/>
      <c r="L39966" s="6"/>
    </row>
    <row r="39967" spans="1:12">
      <c r="A39967" s="6" t="s">
        <v>38848</v>
      </c>
      <c r="B39967" s="6"/>
      <c r="C39967" s="6" t="s">
        <v>32230</v>
      </c>
      <c r="D39967" s="6"/>
      <c r="E39967" s="6"/>
      <c r="F39967" s="7">
        <v>38338</v>
      </c>
      <c r="G39967" s="8">
        <v>525000</v>
      </c>
      <c r="H39967" s="8">
        <v>1</v>
      </c>
      <c r="I39967" s="8">
        <v>524999</v>
      </c>
      <c r="J39967" s="8">
        <v>1</v>
      </c>
      <c r="K39967" s="9"/>
      <c r="L39967" s="6"/>
    </row>
    <row r="39968" spans="1:12">
      <c r="A39968" s="6" t="s">
        <v>38849</v>
      </c>
      <c r="B39968" s="6"/>
      <c r="C39968" s="6" t="s">
        <v>32230</v>
      </c>
      <c r="D39968" s="6"/>
      <c r="E39968" s="6"/>
      <c r="F39968" s="7">
        <v>39496</v>
      </c>
      <c r="G39968" s="8">
        <v>792750</v>
      </c>
      <c r="H39968" s="8">
        <v>1</v>
      </c>
      <c r="I39968" s="8">
        <v>792749</v>
      </c>
      <c r="J39968" s="8">
        <v>1</v>
      </c>
      <c r="K39968" s="9"/>
      <c r="L39968" s="6"/>
    </row>
    <row r="39969" spans="1:12">
      <c r="A39969" s="6" t="s">
        <v>38850</v>
      </c>
      <c r="B39969" s="6"/>
      <c r="C39969" s="6" t="s">
        <v>32230</v>
      </c>
      <c r="D39969" s="6"/>
      <c r="E39969" s="6"/>
      <c r="F39969" s="7">
        <v>38559</v>
      </c>
      <c r="G39969" s="8">
        <v>768390</v>
      </c>
      <c r="H39969" s="8">
        <v>1</v>
      </c>
      <c r="I39969" s="8">
        <v>768389</v>
      </c>
      <c r="J39969" s="8">
        <v>1</v>
      </c>
      <c r="K39969" s="9"/>
      <c r="L39969" s="6"/>
    </row>
    <row r="39970" spans="1:12">
      <c r="A39970" s="6" t="s">
        <v>38851</v>
      </c>
      <c r="B39970" s="6"/>
      <c r="C39970" s="6" t="s">
        <v>32230</v>
      </c>
      <c r="D39970" s="6"/>
      <c r="E39970" s="6"/>
      <c r="F39970" s="7">
        <v>38229</v>
      </c>
      <c r="G39970" s="8">
        <v>1890000</v>
      </c>
      <c r="H39970" s="8">
        <v>1</v>
      </c>
      <c r="I39970" s="8">
        <v>1889999</v>
      </c>
      <c r="J39970" s="8">
        <v>1</v>
      </c>
      <c r="K39970" s="9"/>
      <c r="L39970" s="6"/>
    </row>
    <row r="39971" spans="1:12">
      <c r="A39971" s="6" t="s">
        <v>38852</v>
      </c>
      <c r="B39971" s="6"/>
      <c r="C39971" s="6" t="s">
        <v>32230</v>
      </c>
      <c r="D39971" s="6"/>
      <c r="E39971" s="6"/>
      <c r="F39971" s="7">
        <v>42216</v>
      </c>
      <c r="G39971" s="8">
        <v>501120</v>
      </c>
      <c r="H39971" s="8">
        <v>1</v>
      </c>
      <c r="I39971" s="8">
        <v>501119</v>
      </c>
      <c r="J39971" s="8">
        <v>1</v>
      </c>
      <c r="K39971" s="9"/>
      <c r="L39971" s="6"/>
    </row>
    <row r="39972" spans="1:12">
      <c r="A39972" s="6" t="s">
        <v>38853</v>
      </c>
      <c r="B39972" s="6"/>
      <c r="C39972" s="6" t="s">
        <v>32230</v>
      </c>
      <c r="D39972" s="6"/>
      <c r="E39972" s="6"/>
      <c r="F39972" s="7">
        <v>38520</v>
      </c>
      <c r="G39972" s="8">
        <v>2520000</v>
      </c>
      <c r="H39972" s="8">
        <v>1</v>
      </c>
      <c r="I39972" s="8">
        <v>2519999</v>
      </c>
      <c r="J39972" s="8">
        <v>1</v>
      </c>
      <c r="K39972" s="9"/>
      <c r="L39972" s="6"/>
    </row>
    <row r="39973" spans="1:12">
      <c r="A39973" s="6" t="s">
        <v>38854</v>
      </c>
      <c r="B39973" s="6"/>
      <c r="C39973" s="6" t="s">
        <v>32230</v>
      </c>
      <c r="D39973" s="6"/>
      <c r="E39973" s="6"/>
      <c r="F39973" s="7">
        <v>38188</v>
      </c>
      <c r="G39973" s="8">
        <v>2908500</v>
      </c>
      <c r="H39973" s="8">
        <v>1</v>
      </c>
      <c r="I39973" s="8">
        <v>2908499</v>
      </c>
      <c r="J39973" s="8">
        <v>1</v>
      </c>
      <c r="K39973" s="9"/>
      <c r="L39973" s="6"/>
    </row>
    <row r="39974" spans="1:12">
      <c r="A39974" s="6" t="s">
        <v>38854</v>
      </c>
      <c r="B39974" s="6"/>
      <c r="C39974" s="6" t="s">
        <v>32230</v>
      </c>
      <c r="D39974" s="6"/>
      <c r="E39974" s="6"/>
      <c r="F39974" s="7">
        <v>42459</v>
      </c>
      <c r="G39974" s="8">
        <v>2507112</v>
      </c>
      <c r="H39974" s="8">
        <v>1</v>
      </c>
      <c r="I39974" s="8">
        <v>2507111</v>
      </c>
      <c r="J39974" s="8">
        <v>1</v>
      </c>
      <c r="K39974" s="9"/>
      <c r="L39974" s="6"/>
    </row>
    <row r="39975" spans="1:12">
      <c r="A39975" s="6" t="s">
        <v>38855</v>
      </c>
      <c r="B39975" s="6"/>
      <c r="C39975" s="6" t="s">
        <v>32230</v>
      </c>
      <c r="D39975" s="6"/>
      <c r="E39975" s="6"/>
      <c r="F39975" s="7">
        <v>40099</v>
      </c>
      <c r="G39975" s="8">
        <v>3000000</v>
      </c>
      <c r="H39975" s="8">
        <v>3000000</v>
      </c>
      <c r="I39975" s="8">
        <v>0</v>
      </c>
      <c r="J39975" s="8">
        <v>3000000</v>
      </c>
      <c r="K39975" s="9"/>
      <c r="L39975" s="6"/>
    </row>
    <row r="39976" spans="1:12">
      <c r="A39976" s="6" t="s">
        <v>38856</v>
      </c>
      <c r="B39976" s="6"/>
      <c r="C39976" s="6" t="s">
        <v>32230</v>
      </c>
      <c r="D39976" s="6"/>
      <c r="E39976" s="6"/>
      <c r="F39976" s="7">
        <v>40528</v>
      </c>
      <c r="G39976" s="8">
        <v>4305000</v>
      </c>
      <c r="H39976" s="8">
        <v>4305000</v>
      </c>
      <c r="I39976" s="8">
        <v>0</v>
      </c>
      <c r="J39976" s="8">
        <v>4305000</v>
      </c>
      <c r="K39976" s="9"/>
      <c r="L39976" s="6"/>
    </row>
    <row r="39977" spans="1:12">
      <c r="A39977" s="6" t="s">
        <v>38857</v>
      </c>
      <c r="B39977" s="6"/>
      <c r="C39977" s="6" t="s">
        <v>32230</v>
      </c>
      <c r="D39977" s="6"/>
      <c r="E39977" s="6"/>
      <c r="F39977" s="7">
        <v>40617</v>
      </c>
      <c r="G39977" s="8">
        <v>549386</v>
      </c>
      <c r="H39977" s="8">
        <v>1</v>
      </c>
      <c r="I39977" s="8">
        <v>549385</v>
      </c>
      <c r="J39977" s="8">
        <v>1</v>
      </c>
      <c r="K39977" s="9"/>
      <c r="L39977" s="6"/>
    </row>
    <row r="39978" spans="1:12">
      <c r="A39978" s="6" t="s">
        <v>38858</v>
      </c>
      <c r="B39978" s="6"/>
      <c r="C39978" s="6" t="s">
        <v>32230</v>
      </c>
      <c r="D39978" s="6"/>
      <c r="E39978" s="6"/>
      <c r="F39978" s="7">
        <v>40263</v>
      </c>
      <c r="G39978" s="8">
        <v>577500</v>
      </c>
      <c r="H39978" s="8">
        <v>1</v>
      </c>
      <c r="I39978" s="8">
        <v>577499</v>
      </c>
      <c r="J39978" s="8">
        <v>1</v>
      </c>
      <c r="K39978" s="9"/>
      <c r="L39978" s="6"/>
    </row>
    <row r="39979" spans="1:12">
      <c r="A39979" s="6" t="s">
        <v>38859</v>
      </c>
      <c r="B39979" s="6"/>
      <c r="C39979" s="6" t="s">
        <v>32230</v>
      </c>
      <c r="D39979" s="6"/>
      <c r="E39979" s="6"/>
      <c r="F39979" s="7">
        <v>40263</v>
      </c>
      <c r="G39979" s="8">
        <v>577500</v>
      </c>
      <c r="H39979" s="8">
        <v>1</v>
      </c>
      <c r="I39979" s="8">
        <v>577499</v>
      </c>
      <c r="J39979" s="8">
        <v>1</v>
      </c>
      <c r="K39979" s="9"/>
      <c r="L39979" s="6"/>
    </row>
    <row r="39980" spans="1:12">
      <c r="A39980" s="6" t="s">
        <v>38860</v>
      </c>
      <c r="B39980" s="6"/>
      <c r="C39980" s="6" t="s">
        <v>32230</v>
      </c>
      <c r="D39980" s="6"/>
      <c r="E39980" s="6"/>
      <c r="F39980" s="7">
        <v>35139</v>
      </c>
      <c r="G39980" s="8">
        <v>535600</v>
      </c>
      <c r="H39980" s="8">
        <v>1</v>
      </c>
      <c r="I39980" s="8">
        <v>535599</v>
      </c>
      <c r="J39980" s="8">
        <v>1</v>
      </c>
      <c r="K39980" s="9"/>
      <c r="L39980" s="6"/>
    </row>
    <row r="39981" spans="1:12">
      <c r="A39981" s="6" t="s">
        <v>38861</v>
      </c>
      <c r="B39981" s="6"/>
      <c r="C39981" s="6" t="s">
        <v>32230</v>
      </c>
      <c r="D39981" s="6"/>
      <c r="E39981" s="6"/>
      <c r="F39981" s="7">
        <v>35149</v>
      </c>
      <c r="G39981" s="8">
        <v>846000</v>
      </c>
      <c r="H39981" s="8">
        <v>1</v>
      </c>
      <c r="I39981" s="8">
        <v>845999</v>
      </c>
      <c r="J39981" s="8">
        <v>1</v>
      </c>
      <c r="K39981" s="9"/>
      <c r="L39981" s="6"/>
    </row>
    <row r="39982" spans="1:12">
      <c r="A39982" s="6" t="s">
        <v>38862</v>
      </c>
      <c r="B39982" s="6"/>
      <c r="C39982" s="6" t="s">
        <v>32230</v>
      </c>
      <c r="D39982" s="6"/>
      <c r="E39982" s="6"/>
      <c r="F39982" s="7">
        <v>35395</v>
      </c>
      <c r="G39982" s="8">
        <v>1003220</v>
      </c>
      <c r="H39982" s="8">
        <v>1</v>
      </c>
      <c r="I39982" s="8">
        <v>1003219</v>
      </c>
      <c r="J39982" s="8">
        <v>1</v>
      </c>
      <c r="K39982" s="9"/>
      <c r="L39982" s="6"/>
    </row>
    <row r="39983" spans="1:12">
      <c r="A39983" s="6" t="s">
        <v>38863</v>
      </c>
      <c r="B39983" s="6"/>
      <c r="C39983" s="6" t="s">
        <v>32230</v>
      </c>
      <c r="D39983" s="6"/>
      <c r="E39983" s="6"/>
      <c r="F39983" s="7">
        <v>34984</v>
      </c>
      <c r="G39983" s="8">
        <v>613000</v>
      </c>
      <c r="H39983" s="8">
        <v>1</v>
      </c>
      <c r="I39983" s="8">
        <v>612999</v>
      </c>
      <c r="J39983" s="8">
        <v>1</v>
      </c>
      <c r="K39983" s="9"/>
      <c r="L39983" s="6"/>
    </row>
    <row r="39984" spans="1:12">
      <c r="A39984" s="6" t="s">
        <v>38864</v>
      </c>
      <c r="B39984" s="6"/>
      <c r="C39984" s="6" t="s">
        <v>32230</v>
      </c>
      <c r="D39984" s="6"/>
      <c r="E39984" s="6"/>
      <c r="F39984" s="7">
        <v>40228</v>
      </c>
      <c r="G39984" s="8">
        <v>887250</v>
      </c>
      <c r="H39984" s="8">
        <v>1</v>
      </c>
      <c r="I39984" s="8">
        <v>887249</v>
      </c>
      <c r="J39984" s="8">
        <v>1</v>
      </c>
      <c r="K39984" s="9"/>
      <c r="L39984" s="6"/>
    </row>
    <row r="39985" spans="1:12">
      <c r="A39985" s="6" t="s">
        <v>38865</v>
      </c>
      <c r="B39985" s="6"/>
      <c r="C39985" s="6" t="s">
        <v>32230</v>
      </c>
      <c r="D39985" s="6"/>
      <c r="E39985" s="6"/>
      <c r="F39985" s="7">
        <v>40263</v>
      </c>
      <c r="G39985" s="8">
        <v>577500</v>
      </c>
      <c r="H39985" s="8">
        <v>1</v>
      </c>
      <c r="I39985" s="8">
        <v>577499</v>
      </c>
      <c r="J39985" s="8">
        <v>1</v>
      </c>
      <c r="K39985" s="9"/>
      <c r="L39985" s="6"/>
    </row>
    <row r="39986" spans="1:12">
      <c r="A39986" s="6" t="s">
        <v>38866</v>
      </c>
      <c r="B39986" s="6"/>
      <c r="C39986" s="6" t="s">
        <v>32230</v>
      </c>
      <c r="D39986" s="6"/>
      <c r="E39986" s="6"/>
      <c r="F39986" s="7">
        <v>37599</v>
      </c>
      <c r="G39986" s="8">
        <v>634096</v>
      </c>
      <c r="H39986" s="8">
        <v>1</v>
      </c>
      <c r="I39986" s="8">
        <v>634095</v>
      </c>
      <c r="J39986" s="8">
        <v>1</v>
      </c>
      <c r="K39986" s="9"/>
      <c r="L39986" s="6"/>
    </row>
    <row r="39987" spans="1:12">
      <c r="A39987" s="6" t="s">
        <v>38867</v>
      </c>
      <c r="B39987" s="6"/>
      <c r="C39987" s="6" t="s">
        <v>32230</v>
      </c>
      <c r="D39987" s="6"/>
      <c r="E39987" s="6"/>
      <c r="F39987" s="7">
        <v>38049</v>
      </c>
      <c r="G39987" s="8">
        <v>3000000</v>
      </c>
      <c r="H39987" s="8">
        <v>3000000</v>
      </c>
      <c r="I39987" s="8">
        <v>0</v>
      </c>
      <c r="J39987" s="8">
        <v>3000000</v>
      </c>
      <c r="K39987" s="9"/>
      <c r="L39987" s="6"/>
    </row>
    <row r="39988" spans="1:12">
      <c r="A39988" s="6" t="s">
        <v>38868</v>
      </c>
      <c r="B39988" s="6"/>
      <c r="C39988" s="6" t="s">
        <v>32230</v>
      </c>
      <c r="D39988" s="6"/>
      <c r="E39988" s="6"/>
      <c r="F39988" s="7">
        <v>40263</v>
      </c>
      <c r="G39988" s="8">
        <v>577500</v>
      </c>
      <c r="H39988" s="8">
        <v>1</v>
      </c>
      <c r="I39988" s="8">
        <v>577499</v>
      </c>
      <c r="J39988" s="8">
        <v>1</v>
      </c>
      <c r="K39988" s="9"/>
      <c r="L39988" s="6"/>
    </row>
    <row r="39989" spans="1:12">
      <c r="A39989" s="6" t="s">
        <v>38869</v>
      </c>
      <c r="B39989" s="6"/>
      <c r="C39989" s="6" t="s">
        <v>32230</v>
      </c>
      <c r="D39989" s="6"/>
      <c r="E39989" s="6"/>
      <c r="F39989" s="7">
        <v>37617</v>
      </c>
      <c r="G39989" s="8">
        <v>518000</v>
      </c>
      <c r="H39989" s="8">
        <v>1</v>
      </c>
      <c r="I39989" s="8">
        <v>517999</v>
      </c>
      <c r="J39989" s="8">
        <v>1</v>
      </c>
      <c r="K39989" s="9"/>
      <c r="L39989" s="6"/>
    </row>
    <row r="39990" spans="1:12">
      <c r="A39990" s="6" t="s">
        <v>38870</v>
      </c>
      <c r="B39990" s="6"/>
      <c r="C39990" s="6" t="s">
        <v>32230</v>
      </c>
      <c r="D39990" s="6"/>
      <c r="E39990" s="6"/>
      <c r="F39990" s="7">
        <v>40228</v>
      </c>
      <c r="G39990" s="8">
        <v>900000</v>
      </c>
      <c r="H39990" s="8">
        <v>1</v>
      </c>
      <c r="I39990" s="8">
        <v>899999</v>
      </c>
      <c r="J39990" s="8">
        <v>1</v>
      </c>
      <c r="K39990" s="9"/>
      <c r="L39990" s="6"/>
    </row>
    <row r="39991" spans="1:12">
      <c r="A39991" s="6" t="s">
        <v>38871</v>
      </c>
      <c r="B39991" s="6"/>
      <c r="C39991" s="6" t="s">
        <v>32230</v>
      </c>
      <c r="D39991" s="6"/>
      <c r="E39991" s="6"/>
      <c r="F39991" s="7">
        <v>39710</v>
      </c>
      <c r="G39991" s="8">
        <v>600000</v>
      </c>
      <c r="H39991" s="8">
        <v>1</v>
      </c>
      <c r="I39991" s="8">
        <v>599999</v>
      </c>
      <c r="J39991" s="8">
        <v>1</v>
      </c>
      <c r="K39991" s="9"/>
      <c r="L39991" s="6"/>
    </row>
    <row r="39992" spans="1:12">
      <c r="A39992" s="6" t="s">
        <v>38872</v>
      </c>
      <c r="B39992" s="6"/>
      <c r="C39992" s="6" t="s">
        <v>32230</v>
      </c>
      <c r="D39992" s="6"/>
      <c r="E39992" s="6"/>
      <c r="F39992" s="7">
        <v>39380</v>
      </c>
      <c r="G39992" s="8">
        <v>4326000</v>
      </c>
      <c r="H39992" s="8">
        <v>1</v>
      </c>
      <c r="I39992" s="8">
        <v>4325999</v>
      </c>
      <c r="J39992" s="8">
        <v>1</v>
      </c>
      <c r="K39992" s="9"/>
      <c r="L39992" s="6"/>
    </row>
    <row r="39993" spans="1:12">
      <c r="A39993" s="6" t="s">
        <v>38872</v>
      </c>
      <c r="B39993" s="6"/>
      <c r="C39993" s="6" t="s">
        <v>32230</v>
      </c>
      <c r="D39993" s="6"/>
      <c r="E39993" s="6"/>
      <c r="F39993" s="7">
        <v>40261</v>
      </c>
      <c r="G39993" s="8">
        <v>4882500</v>
      </c>
      <c r="H39993" s="8">
        <v>1</v>
      </c>
      <c r="I39993" s="8">
        <v>4882499</v>
      </c>
      <c r="J39993" s="8">
        <v>1</v>
      </c>
      <c r="K39993" s="9"/>
      <c r="L39993" s="6"/>
    </row>
    <row r="39994" spans="1:12">
      <c r="A39994" s="6" t="s">
        <v>38873</v>
      </c>
      <c r="B39994" s="6"/>
      <c r="C39994" s="6" t="s">
        <v>32230</v>
      </c>
      <c r="D39994" s="6"/>
      <c r="E39994" s="6"/>
      <c r="F39994" s="7">
        <v>38384</v>
      </c>
      <c r="G39994" s="8">
        <v>1126200</v>
      </c>
      <c r="H39994" s="8">
        <v>1</v>
      </c>
      <c r="I39994" s="8">
        <v>1126199</v>
      </c>
      <c r="J39994" s="8">
        <v>1</v>
      </c>
      <c r="K39994" s="9"/>
      <c r="L39994" s="6"/>
    </row>
    <row r="39995" spans="1:12">
      <c r="A39995" s="6" t="s">
        <v>38874</v>
      </c>
      <c r="B39995" s="6"/>
      <c r="C39995" s="6" t="s">
        <v>32230</v>
      </c>
      <c r="D39995" s="6"/>
      <c r="E39995" s="6"/>
      <c r="F39995" s="7">
        <v>40263</v>
      </c>
      <c r="G39995" s="8">
        <v>577500</v>
      </c>
      <c r="H39995" s="8">
        <v>1</v>
      </c>
      <c r="I39995" s="8">
        <v>577499</v>
      </c>
      <c r="J39995" s="8">
        <v>1</v>
      </c>
      <c r="K39995" s="9"/>
      <c r="L39995" s="6"/>
    </row>
    <row r="39996" spans="1:12">
      <c r="A39996" s="6" t="s">
        <v>38875</v>
      </c>
      <c r="B39996" s="6"/>
      <c r="C39996" s="6" t="s">
        <v>32230</v>
      </c>
      <c r="D39996" s="6"/>
      <c r="E39996" s="6"/>
      <c r="F39996" s="7">
        <v>35149</v>
      </c>
      <c r="G39996" s="8">
        <v>512060</v>
      </c>
      <c r="H39996" s="8">
        <v>1</v>
      </c>
      <c r="I39996" s="8">
        <v>512059</v>
      </c>
      <c r="J39996" s="8">
        <v>1</v>
      </c>
      <c r="K39996" s="9"/>
      <c r="L39996" s="6"/>
    </row>
    <row r="39997" spans="1:12">
      <c r="A39997" s="6" t="s">
        <v>38876</v>
      </c>
      <c r="B39997" s="6"/>
      <c r="C39997" s="6" t="s">
        <v>32230</v>
      </c>
      <c r="D39997" s="6"/>
      <c r="E39997" s="6"/>
      <c r="F39997" s="7">
        <v>39984</v>
      </c>
      <c r="G39997" s="8">
        <v>682500</v>
      </c>
      <c r="H39997" s="8">
        <v>1</v>
      </c>
      <c r="I39997" s="8">
        <v>682499</v>
      </c>
      <c r="J39997" s="8">
        <v>1</v>
      </c>
      <c r="K39997" s="9"/>
      <c r="L39997" s="6"/>
    </row>
    <row r="39998" spans="1:12">
      <c r="A39998" s="6" t="s">
        <v>38877</v>
      </c>
      <c r="B39998" s="6"/>
      <c r="C39998" s="6" t="s">
        <v>32230</v>
      </c>
      <c r="D39998" s="6"/>
      <c r="E39998" s="6"/>
      <c r="F39998" s="7">
        <v>40263</v>
      </c>
      <c r="G39998" s="8">
        <v>577500</v>
      </c>
      <c r="H39998" s="8">
        <v>1</v>
      </c>
      <c r="I39998" s="8">
        <v>577499</v>
      </c>
      <c r="J39998" s="8">
        <v>1</v>
      </c>
      <c r="K39998" s="9"/>
      <c r="L39998" s="6"/>
    </row>
    <row r="39999" spans="1:12">
      <c r="A39999" s="6" t="s">
        <v>38878</v>
      </c>
      <c r="B39999" s="6"/>
      <c r="C39999" s="6" t="s">
        <v>32230</v>
      </c>
      <c r="D39999" s="6"/>
      <c r="E39999" s="6"/>
      <c r="F39999" s="7">
        <v>37692</v>
      </c>
      <c r="G39999" s="8">
        <v>522900</v>
      </c>
      <c r="H39999" s="8">
        <v>1</v>
      </c>
      <c r="I39999" s="8">
        <v>522899</v>
      </c>
      <c r="J39999" s="8">
        <v>1</v>
      </c>
      <c r="K39999" s="9"/>
      <c r="L39999" s="6"/>
    </row>
    <row r="40000" spans="1:12">
      <c r="A40000" s="6" t="s">
        <v>38879</v>
      </c>
      <c r="B40000" s="6"/>
      <c r="C40000" s="6" t="s">
        <v>32230</v>
      </c>
      <c r="D40000" s="6"/>
      <c r="E40000" s="6"/>
      <c r="F40000" s="7">
        <v>37141</v>
      </c>
      <c r="G40000" s="8">
        <v>570972</v>
      </c>
      <c r="H40000" s="8">
        <v>1</v>
      </c>
      <c r="I40000" s="8">
        <v>570971</v>
      </c>
      <c r="J40000" s="8">
        <v>1</v>
      </c>
      <c r="K40000" s="9"/>
      <c r="L40000" s="6"/>
    </row>
    <row r="40001" spans="1:12">
      <c r="A40001" s="6" t="s">
        <v>38880</v>
      </c>
      <c r="B40001" s="6"/>
      <c r="C40001" s="6" t="s">
        <v>32230</v>
      </c>
      <c r="D40001" s="6"/>
      <c r="E40001" s="6"/>
      <c r="F40001" s="7">
        <v>39884</v>
      </c>
      <c r="G40001" s="8">
        <v>540225</v>
      </c>
      <c r="H40001" s="8">
        <v>1</v>
      </c>
      <c r="I40001" s="8">
        <v>540224</v>
      </c>
      <c r="J40001" s="8">
        <v>1</v>
      </c>
      <c r="K40001" s="9"/>
      <c r="L40001" s="6"/>
    </row>
    <row r="40002" spans="1:12">
      <c r="A40002" s="6" t="s">
        <v>38881</v>
      </c>
      <c r="B40002" s="6"/>
      <c r="C40002" s="6" t="s">
        <v>32230</v>
      </c>
      <c r="D40002" s="6"/>
      <c r="E40002" s="6"/>
      <c r="F40002" s="7">
        <v>39884</v>
      </c>
      <c r="G40002" s="8">
        <v>1743000</v>
      </c>
      <c r="H40002" s="8">
        <v>1</v>
      </c>
      <c r="I40002" s="8">
        <v>1742999</v>
      </c>
      <c r="J40002" s="8">
        <v>1</v>
      </c>
      <c r="K40002" s="9"/>
      <c r="L40002" s="6"/>
    </row>
    <row r="40003" spans="1:12">
      <c r="A40003" s="6" t="s">
        <v>38881</v>
      </c>
      <c r="B40003" s="6"/>
      <c r="C40003" s="6" t="s">
        <v>32230</v>
      </c>
      <c r="D40003" s="6"/>
      <c r="E40003" s="6"/>
      <c r="F40003" s="7">
        <v>38657</v>
      </c>
      <c r="G40003" s="8">
        <v>3000000</v>
      </c>
      <c r="H40003" s="8">
        <v>1</v>
      </c>
      <c r="I40003" s="8">
        <v>2999999</v>
      </c>
      <c r="J40003" s="8">
        <v>1</v>
      </c>
      <c r="K40003" s="9"/>
      <c r="L40003" s="6"/>
    </row>
    <row r="40004" spans="1:12">
      <c r="A40004" s="6" t="s">
        <v>38882</v>
      </c>
      <c r="B40004" s="6"/>
      <c r="C40004" s="6" t="s">
        <v>32230</v>
      </c>
      <c r="D40004" s="6"/>
      <c r="E40004" s="6"/>
      <c r="F40004" s="7">
        <v>41968</v>
      </c>
      <c r="G40004" s="8">
        <v>2332800</v>
      </c>
      <c r="H40004" s="8">
        <v>1</v>
      </c>
      <c r="I40004" s="8">
        <v>2332799</v>
      </c>
      <c r="J40004" s="8">
        <v>1</v>
      </c>
      <c r="K40004" s="9"/>
      <c r="L40004" s="6"/>
    </row>
    <row r="40005" spans="1:12">
      <c r="A40005" s="6" t="s">
        <v>38883</v>
      </c>
      <c r="B40005" s="6"/>
      <c r="C40005" s="6" t="s">
        <v>32230</v>
      </c>
      <c r="D40005" s="6"/>
      <c r="E40005" s="6"/>
      <c r="F40005" s="7">
        <v>36304</v>
      </c>
      <c r="G40005" s="8">
        <v>3744000</v>
      </c>
      <c r="H40005" s="8">
        <v>1</v>
      </c>
      <c r="I40005" s="8">
        <v>3743999</v>
      </c>
      <c r="J40005" s="8">
        <v>1</v>
      </c>
      <c r="K40005" s="9"/>
      <c r="L40005" s="6"/>
    </row>
    <row r="40006" spans="1:12">
      <c r="A40006" s="6" t="s">
        <v>38883</v>
      </c>
      <c r="B40006" s="6"/>
      <c r="C40006" s="6" t="s">
        <v>32230</v>
      </c>
      <c r="D40006" s="6"/>
      <c r="E40006" s="6"/>
      <c r="F40006" s="7">
        <v>39316</v>
      </c>
      <c r="G40006" s="8">
        <v>3885000</v>
      </c>
      <c r="H40006" s="8">
        <v>1</v>
      </c>
      <c r="I40006" s="8">
        <v>3884999</v>
      </c>
      <c r="J40006" s="8">
        <v>1</v>
      </c>
      <c r="K40006" s="9"/>
      <c r="L40006" s="6"/>
    </row>
    <row r="40007" spans="1:12">
      <c r="A40007" s="6" t="s">
        <v>38884</v>
      </c>
      <c r="B40007" s="6"/>
      <c r="C40007" s="6" t="s">
        <v>32230</v>
      </c>
      <c r="D40007" s="6"/>
      <c r="E40007" s="6"/>
      <c r="F40007" s="7">
        <v>41480</v>
      </c>
      <c r="G40007" s="8">
        <v>13554030</v>
      </c>
      <c r="H40007" s="8">
        <v>1</v>
      </c>
      <c r="I40007" s="8">
        <v>13554029</v>
      </c>
      <c r="J40007" s="8">
        <v>1</v>
      </c>
      <c r="K40007" s="9"/>
      <c r="L40007" s="6"/>
    </row>
    <row r="40008" spans="1:12">
      <c r="A40008" s="6" t="s">
        <v>38885</v>
      </c>
      <c r="B40008" s="6"/>
      <c r="C40008" s="6" t="s">
        <v>32230</v>
      </c>
      <c r="D40008" s="6"/>
      <c r="E40008" s="6"/>
      <c r="F40008" s="7">
        <v>42265</v>
      </c>
      <c r="G40008" s="8">
        <v>8424000</v>
      </c>
      <c r="H40008" s="8">
        <v>1</v>
      </c>
      <c r="I40008" s="8">
        <v>8423999</v>
      </c>
      <c r="J40008" s="8">
        <v>1</v>
      </c>
      <c r="K40008" s="9"/>
      <c r="L40008" s="6"/>
    </row>
    <row r="40009" spans="1:12">
      <c r="A40009" s="6" t="s">
        <v>38886</v>
      </c>
      <c r="B40009" s="6"/>
      <c r="C40009" s="6" t="s">
        <v>32230</v>
      </c>
      <c r="D40009" s="6"/>
      <c r="E40009" s="6"/>
      <c r="F40009" s="7">
        <v>37341</v>
      </c>
      <c r="G40009" s="8">
        <v>798000</v>
      </c>
      <c r="H40009" s="8">
        <v>1</v>
      </c>
      <c r="I40009" s="8">
        <v>797999</v>
      </c>
      <c r="J40009" s="8">
        <v>1</v>
      </c>
      <c r="K40009" s="9"/>
      <c r="L40009" s="6"/>
    </row>
    <row r="40010" spans="1:12">
      <c r="A40010" s="6" t="s">
        <v>38886</v>
      </c>
      <c r="B40010" s="6"/>
      <c r="C40010" s="6" t="s">
        <v>32230</v>
      </c>
      <c r="D40010" s="6"/>
      <c r="E40010" s="6"/>
      <c r="F40010" s="7">
        <v>38307</v>
      </c>
      <c r="G40010" s="8">
        <v>819900</v>
      </c>
      <c r="H40010" s="8">
        <v>1</v>
      </c>
      <c r="I40010" s="8">
        <v>819899</v>
      </c>
      <c r="J40010" s="8">
        <v>1</v>
      </c>
      <c r="K40010" s="9"/>
      <c r="L40010" s="6"/>
    </row>
    <row r="40011" spans="1:12">
      <c r="A40011" s="6" t="s">
        <v>38887</v>
      </c>
      <c r="B40011" s="6"/>
      <c r="C40011" s="6" t="s">
        <v>32230</v>
      </c>
      <c r="D40011" s="6"/>
      <c r="E40011" s="6"/>
      <c r="F40011" s="7">
        <v>38657</v>
      </c>
      <c r="G40011" s="8">
        <v>610000</v>
      </c>
      <c r="H40011" s="8">
        <v>1</v>
      </c>
      <c r="I40011" s="8">
        <v>609999</v>
      </c>
      <c r="J40011" s="8">
        <v>1</v>
      </c>
      <c r="K40011" s="9"/>
      <c r="L40011" s="6"/>
    </row>
    <row r="40012" spans="1:12">
      <c r="A40012" s="6" t="s">
        <v>38888</v>
      </c>
      <c r="B40012" s="6"/>
      <c r="C40012" s="6" t="s">
        <v>32230</v>
      </c>
      <c r="D40012" s="6"/>
      <c r="E40012" s="6"/>
      <c r="F40012" s="7">
        <v>41911</v>
      </c>
      <c r="G40012" s="8">
        <v>3653100</v>
      </c>
      <c r="H40012" s="8">
        <v>1</v>
      </c>
      <c r="I40012" s="8">
        <v>3653099</v>
      </c>
      <c r="J40012" s="8">
        <v>1</v>
      </c>
      <c r="K40012" s="9"/>
      <c r="L40012" s="6"/>
    </row>
    <row r="40013" spans="1:12">
      <c r="A40013" s="6" t="s">
        <v>38889</v>
      </c>
      <c r="B40013" s="6"/>
      <c r="C40013" s="6" t="s">
        <v>32230</v>
      </c>
      <c r="D40013" s="6"/>
      <c r="E40013" s="6"/>
      <c r="F40013" s="7">
        <v>42566</v>
      </c>
      <c r="G40013" s="8">
        <v>5184000</v>
      </c>
      <c r="H40013" s="8">
        <v>1</v>
      </c>
      <c r="I40013" s="8">
        <v>5183999</v>
      </c>
      <c r="J40013" s="8">
        <v>1</v>
      </c>
      <c r="K40013" s="9"/>
      <c r="L40013" s="6"/>
    </row>
    <row r="40014" spans="1:12">
      <c r="A40014" s="6" t="s">
        <v>38890</v>
      </c>
      <c r="B40014" s="6"/>
      <c r="C40014" s="6" t="s">
        <v>32230</v>
      </c>
      <c r="D40014" s="6"/>
      <c r="E40014" s="6"/>
      <c r="F40014" s="7">
        <v>43738</v>
      </c>
      <c r="G40014" s="8">
        <v>7992000</v>
      </c>
      <c r="H40014" s="8">
        <v>5322672</v>
      </c>
      <c r="I40014" s="8">
        <v>5338656</v>
      </c>
      <c r="J40014" s="8">
        <v>2653344</v>
      </c>
      <c r="K40014" s="9"/>
      <c r="L40014" s="6"/>
    </row>
    <row r="40015" spans="1:12">
      <c r="A40015" s="6" t="s">
        <v>38891</v>
      </c>
      <c r="B40015" s="6"/>
      <c r="C40015" s="6" t="s">
        <v>32230</v>
      </c>
      <c r="D40015" s="6"/>
      <c r="E40015" s="6"/>
      <c r="F40015" s="7">
        <v>35349</v>
      </c>
      <c r="G40015" s="8">
        <v>1017640</v>
      </c>
      <c r="H40015" s="8">
        <v>1</v>
      </c>
      <c r="I40015" s="8">
        <v>1017639</v>
      </c>
      <c r="J40015" s="8">
        <v>1</v>
      </c>
      <c r="K40015" s="9"/>
      <c r="L40015" s="6"/>
    </row>
    <row r="40016" spans="1:12">
      <c r="A40016" s="6" t="s">
        <v>38892</v>
      </c>
      <c r="B40016" s="6"/>
      <c r="C40016" s="6" t="s">
        <v>32230</v>
      </c>
      <c r="D40016" s="6"/>
      <c r="E40016" s="6"/>
      <c r="F40016" s="7">
        <v>40268</v>
      </c>
      <c r="G40016" s="8">
        <v>650000</v>
      </c>
      <c r="H40016" s="8">
        <v>1</v>
      </c>
      <c r="I40016" s="8">
        <v>649999</v>
      </c>
      <c r="J40016" s="8">
        <v>1</v>
      </c>
      <c r="K40016" s="9"/>
      <c r="L40016" s="6"/>
    </row>
    <row r="40017" spans="1:12">
      <c r="A40017" s="6" t="s">
        <v>38893</v>
      </c>
      <c r="B40017" s="6"/>
      <c r="C40017" s="6" t="s">
        <v>32230</v>
      </c>
      <c r="D40017" s="6"/>
      <c r="E40017" s="6"/>
      <c r="F40017" s="7">
        <v>42138</v>
      </c>
      <c r="G40017" s="8">
        <v>749520</v>
      </c>
      <c r="H40017" s="8">
        <v>1</v>
      </c>
      <c r="I40017" s="8">
        <v>749519</v>
      </c>
      <c r="J40017" s="8">
        <v>1</v>
      </c>
      <c r="K40017" s="9"/>
      <c r="L40017" s="6"/>
    </row>
    <row r="40018" spans="1:12">
      <c r="A40018" s="6" t="s">
        <v>38894</v>
      </c>
      <c r="B40018" s="6"/>
      <c r="C40018" s="6" t="s">
        <v>32230</v>
      </c>
      <c r="D40018" s="6"/>
      <c r="E40018" s="6"/>
      <c r="F40018" s="7">
        <v>37316</v>
      </c>
      <c r="G40018" s="8">
        <v>1499400</v>
      </c>
      <c r="H40018" s="8">
        <v>1</v>
      </c>
      <c r="I40018" s="8">
        <v>1499399</v>
      </c>
      <c r="J40018" s="8">
        <v>1</v>
      </c>
      <c r="K40018" s="9"/>
      <c r="L40018" s="6"/>
    </row>
    <row r="40019" spans="1:12">
      <c r="A40019" s="6" t="s">
        <v>38895</v>
      </c>
      <c r="B40019" s="6"/>
      <c r="C40019" s="6" t="s">
        <v>32230</v>
      </c>
      <c r="D40019" s="6"/>
      <c r="E40019" s="6"/>
      <c r="F40019" s="7">
        <v>35483</v>
      </c>
      <c r="G40019" s="8">
        <v>1750000</v>
      </c>
      <c r="H40019" s="8">
        <v>1</v>
      </c>
      <c r="I40019" s="8">
        <v>1749999</v>
      </c>
      <c r="J40019" s="8">
        <v>1</v>
      </c>
      <c r="K40019" s="6"/>
      <c r="L40019" s="6"/>
    </row>
    <row r="40020" spans="1:12">
      <c r="A40020" s="6" t="s">
        <v>38896</v>
      </c>
      <c r="B40020" s="6"/>
      <c r="C40020" s="6" t="s">
        <v>32230</v>
      </c>
      <c r="D40020" s="6"/>
      <c r="E40020" s="6"/>
      <c r="F40020" s="7">
        <v>35483</v>
      </c>
      <c r="G40020" s="8">
        <v>520000</v>
      </c>
      <c r="H40020" s="8">
        <v>1</v>
      </c>
      <c r="I40020" s="8">
        <v>519999</v>
      </c>
      <c r="J40020" s="8">
        <v>1</v>
      </c>
      <c r="K40020" s="6"/>
      <c r="L40020" s="6"/>
    </row>
    <row r="40021" spans="1:12">
      <c r="A40021" s="6" t="s">
        <v>38897</v>
      </c>
      <c r="B40021" s="6"/>
      <c r="C40021" s="6" t="s">
        <v>32230</v>
      </c>
      <c r="D40021" s="6"/>
      <c r="E40021" s="6"/>
      <c r="F40021" s="7">
        <v>36816</v>
      </c>
      <c r="G40021" s="8">
        <v>648980</v>
      </c>
      <c r="H40021" s="8">
        <v>1</v>
      </c>
      <c r="I40021" s="8">
        <v>648979</v>
      </c>
      <c r="J40021" s="8">
        <v>1</v>
      </c>
      <c r="K40021" s="6"/>
      <c r="L40021" s="6"/>
    </row>
    <row r="40022" spans="1:12">
      <c r="A40022" s="6" t="s">
        <v>38898</v>
      </c>
      <c r="B40022" s="6"/>
      <c r="C40022" s="6" t="s">
        <v>32230</v>
      </c>
      <c r="D40022" s="6"/>
      <c r="E40022" s="6"/>
      <c r="F40022" s="7">
        <v>36600</v>
      </c>
      <c r="G40022" s="8">
        <v>2803500</v>
      </c>
      <c r="H40022" s="8">
        <v>1</v>
      </c>
      <c r="I40022" s="8">
        <v>2803499</v>
      </c>
      <c r="J40022" s="8">
        <v>1</v>
      </c>
      <c r="K40022" s="6"/>
      <c r="L40022" s="6"/>
    </row>
    <row r="40023" spans="1:12">
      <c r="A40023" s="6" t="s">
        <v>38899</v>
      </c>
      <c r="B40023" s="6"/>
      <c r="C40023" s="6" t="s">
        <v>32230</v>
      </c>
      <c r="D40023" s="6"/>
      <c r="E40023" s="6"/>
      <c r="F40023" s="7">
        <v>36613</v>
      </c>
      <c r="G40023" s="8">
        <v>700000</v>
      </c>
      <c r="H40023" s="8">
        <v>1</v>
      </c>
      <c r="I40023" s="8">
        <v>699999</v>
      </c>
      <c r="J40023" s="8">
        <v>1</v>
      </c>
      <c r="K40023" s="9"/>
      <c r="L40023" s="6"/>
    </row>
    <row r="40024" spans="1:12">
      <c r="A40024" s="6" t="s">
        <v>38899</v>
      </c>
      <c r="B40024" s="6"/>
      <c r="C40024" s="6" t="s">
        <v>32230</v>
      </c>
      <c r="D40024" s="6"/>
      <c r="E40024" s="6"/>
      <c r="F40024" s="7">
        <v>36613</v>
      </c>
      <c r="G40024" s="8">
        <v>900000</v>
      </c>
      <c r="H40024" s="8">
        <v>1</v>
      </c>
      <c r="I40024" s="8">
        <v>899999</v>
      </c>
      <c r="J40024" s="8">
        <v>1</v>
      </c>
      <c r="K40024" s="9"/>
      <c r="L40024" s="6"/>
    </row>
    <row r="40025" spans="1:12">
      <c r="A40025" s="6" t="s">
        <v>38899</v>
      </c>
      <c r="B40025" s="6"/>
      <c r="C40025" s="6" t="s">
        <v>32230</v>
      </c>
      <c r="D40025" s="6"/>
      <c r="E40025" s="6"/>
      <c r="F40025" s="7">
        <v>35030</v>
      </c>
      <c r="G40025" s="8">
        <v>793600</v>
      </c>
      <c r="H40025" s="8">
        <v>1</v>
      </c>
      <c r="I40025" s="8">
        <v>793599</v>
      </c>
      <c r="J40025" s="8">
        <v>1</v>
      </c>
      <c r="K40025" s="9"/>
      <c r="L40025" s="6"/>
    </row>
    <row r="40026" spans="1:12">
      <c r="A40026" s="6" t="s">
        <v>38900</v>
      </c>
      <c r="B40026" s="6"/>
      <c r="C40026" s="6" t="s">
        <v>32230</v>
      </c>
      <c r="D40026" s="6"/>
      <c r="E40026" s="6"/>
      <c r="F40026" s="7">
        <v>41187</v>
      </c>
      <c r="G40026" s="8">
        <v>1270500</v>
      </c>
      <c r="H40026" s="8">
        <v>1</v>
      </c>
      <c r="I40026" s="8">
        <v>1270499</v>
      </c>
      <c r="J40026" s="8">
        <v>1</v>
      </c>
      <c r="K40026" s="9"/>
      <c r="L40026" s="6"/>
    </row>
    <row r="40027" spans="1:12">
      <c r="A40027" s="6" t="s">
        <v>38901</v>
      </c>
      <c r="B40027" s="6"/>
      <c r="C40027" s="6" t="s">
        <v>32230</v>
      </c>
      <c r="D40027" s="6"/>
      <c r="E40027" s="6"/>
      <c r="F40027" s="7">
        <v>40996</v>
      </c>
      <c r="G40027" s="8">
        <v>4998000</v>
      </c>
      <c r="H40027" s="8">
        <v>1</v>
      </c>
      <c r="I40027" s="8">
        <v>4997999</v>
      </c>
      <c r="J40027" s="8">
        <v>1</v>
      </c>
      <c r="K40027" s="9"/>
      <c r="L40027" s="6"/>
    </row>
    <row r="40028" spans="1:12">
      <c r="A40028" s="6" t="s">
        <v>38902</v>
      </c>
      <c r="B40028" s="6"/>
      <c r="C40028" s="6" t="s">
        <v>32230</v>
      </c>
      <c r="D40028" s="6"/>
      <c r="E40028" s="6"/>
      <c r="F40028" s="7">
        <v>41550</v>
      </c>
      <c r="G40028" s="8">
        <v>2488500</v>
      </c>
      <c r="H40028" s="8">
        <v>1</v>
      </c>
      <c r="I40028" s="8">
        <v>2488499</v>
      </c>
      <c r="J40028" s="8">
        <v>1</v>
      </c>
      <c r="K40028" s="9"/>
      <c r="L40028" s="6"/>
    </row>
    <row r="40029" spans="1:12">
      <c r="A40029" s="6" t="s">
        <v>38903</v>
      </c>
      <c r="B40029" s="6"/>
      <c r="C40029" s="6" t="s">
        <v>32230</v>
      </c>
      <c r="D40029" s="6"/>
      <c r="E40029" s="6"/>
      <c r="F40029" s="7">
        <v>42013</v>
      </c>
      <c r="G40029" s="8">
        <v>1077300</v>
      </c>
      <c r="H40029" s="8">
        <v>1</v>
      </c>
      <c r="I40029" s="8">
        <v>1077299</v>
      </c>
      <c r="J40029" s="8">
        <v>1</v>
      </c>
      <c r="K40029" s="9"/>
      <c r="L40029" s="6"/>
    </row>
    <row r="40030" spans="1:12">
      <c r="A40030" s="6" t="s">
        <v>38904</v>
      </c>
      <c r="B40030" s="6"/>
      <c r="C40030" s="6" t="s">
        <v>32230</v>
      </c>
      <c r="D40030" s="6"/>
      <c r="E40030" s="6"/>
      <c r="F40030" s="7">
        <v>40186</v>
      </c>
      <c r="G40030" s="8">
        <v>1935500</v>
      </c>
      <c r="H40030" s="8">
        <v>1</v>
      </c>
      <c r="I40030" s="8">
        <v>1935499</v>
      </c>
      <c r="J40030" s="8">
        <v>1</v>
      </c>
      <c r="K40030" s="9"/>
      <c r="L40030" s="6"/>
    </row>
    <row r="40031" spans="1:12">
      <c r="A40031" s="6" t="s">
        <v>38905</v>
      </c>
      <c r="B40031" s="6"/>
      <c r="C40031" s="6" t="s">
        <v>32230</v>
      </c>
      <c r="D40031" s="6"/>
      <c r="E40031" s="6"/>
      <c r="F40031" s="7">
        <v>40206</v>
      </c>
      <c r="G40031" s="8">
        <v>1218000</v>
      </c>
      <c r="H40031" s="8">
        <v>1</v>
      </c>
      <c r="I40031" s="8">
        <v>1217999</v>
      </c>
      <c r="J40031" s="8">
        <v>1</v>
      </c>
      <c r="K40031" s="9"/>
      <c r="L40031" s="6"/>
    </row>
    <row r="40032" spans="1:12">
      <c r="A40032" s="6" t="s">
        <v>38906</v>
      </c>
      <c r="B40032" s="6"/>
      <c r="C40032" s="6" t="s">
        <v>32230</v>
      </c>
      <c r="D40032" s="6"/>
      <c r="E40032" s="6"/>
      <c r="F40032" s="7">
        <v>40252</v>
      </c>
      <c r="G40032" s="8">
        <v>707000</v>
      </c>
      <c r="H40032" s="8">
        <v>1</v>
      </c>
      <c r="I40032" s="8">
        <v>706999</v>
      </c>
      <c r="J40032" s="8">
        <v>1</v>
      </c>
      <c r="K40032" s="9"/>
      <c r="L40032" s="6"/>
    </row>
    <row r="40033" spans="1:12">
      <c r="A40033" s="6" t="s">
        <v>38904</v>
      </c>
      <c r="B40033" s="6"/>
      <c r="C40033" s="6" t="s">
        <v>32230</v>
      </c>
      <c r="D40033" s="6"/>
      <c r="E40033" s="6"/>
      <c r="F40033" s="7">
        <v>40186</v>
      </c>
      <c r="G40033" s="8">
        <v>1935500</v>
      </c>
      <c r="H40033" s="8">
        <v>1</v>
      </c>
      <c r="I40033" s="8">
        <v>1935499</v>
      </c>
      <c r="J40033" s="8">
        <v>1</v>
      </c>
      <c r="K40033" s="9"/>
      <c r="L40033" s="6"/>
    </row>
    <row r="40034" spans="1:12">
      <c r="A40034" s="6" t="s">
        <v>38906</v>
      </c>
      <c r="B40034" s="6"/>
      <c r="C40034" s="6" t="s">
        <v>32230</v>
      </c>
      <c r="D40034" s="6"/>
      <c r="E40034" s="6"/>
      <c r="F40034" s="7">
        <v>40252</v>
      </c>
      <c r="G40034" s="8">
        <v>707000</v>
      </c>
      <c r="H40034" s="8">
        <v>1</v>
      </c>
      <c r="I40034" s="8">
        <v>706999</v>
      </c>
      <c r="J40034" s="8">
        <v>1</v>
      </c>
      <c r="K40034" s="9"/>
      <c r="L40034" s="6"/>
    </row>
    <row r="40035" spans="1:12">
      <c r="A40035" s="6" t="s">
        <v>38904</v>
      </c>
      <c r="B40035" s="6"/>
      <c r="C40035" s="6" t="s">
        <v>32230</v>
      </c>
      <c r="D40035" s="6"/>
      <c r="E40035" s="6"/>
      <c r="F40035" s="7">
        <v>35886</v>
      </c>
      <c r="G40035" s="8">
        <v>2000000</v>
      </c>
      <c r="H40035" s="8">
        <v>1</v>
      </c>
      <c r="I40035" s="8">
        <v>1999999</v>
      </c>
      <c r="J40035" s="8">
        <v>1</v>
      </c>
      <c r="K40035" s="9"/>
      <c r="L40035" s="6"/>
    </row>
    <row r="40036" spans="1:12">
      <c r="A40036" s="6" t="s">
        <v>38904</v>
      </c>
      <c r="B40036" s="6"/>
      <c r="C40036" s="6" t="s">
        <v>32230</v>
      </c>
      <c r="D40036" s="6"/>
      <c r="E40036" s="6"/>
      <c r="F40036" s="7">
        <v>39422</v>
      </c>
      <c r="G40036" s="8">
        <v>1627498</v>
      </c>
      <c r="H40036" s="8">
        <v>1</v>
      </c>
      <c r="I40036" s="8">
        <v>1627497</v>
      </c>
      <c r="J40036" s="8">
        <v>1</v>
      </c>
      <c r="K40036" s="9"/>
      <c r="L40036" s="6"/>
    </row>
    <row r="40037" spans="1:12">
      <c r="A40037" s="6" t="s">
        <v>38905</v>
      </c>
      <c r="B40037" s="6"/>
      <c r="C40037" s="6" t="s">
        <v>32230</v>
      </c>
      <c r="D40037" s="6"/>
      <c r="E40037" s="6"/>
      <c r="F40037" s="7">
        <v>40206</v>
      </c>
      <c r="G40037" s="8">
        <v>1218000</v>
      </c>
      <c r="H40037" s="8">
        <v>1</v>
      </c>
      <c r="I40037" s="8">
        <v>1217999</v>
      </c>
      <c r="J40037" s="8">
        <v>1</v>
      </c>
      <c r="K40037" s="9"/>
      <c r="L40037" s="6"/>
    </row>
    <row r="40038" spans="1:12">
      <c r="A40038" s="6" t="s">
        <v>38906</v>
      </c>
      <c r="B40038" s="6"/>
      <c r="C40038" s="6" t="s">
        <v>32230</v>
      </c>
      <c r="D40038" s="6"/>
      <c r="E40038" s="6"/>
      <c r="F40038" s="7">
        <v>36657</v>
      </c>
      <c r="G40038" s="8">
        <v>800000</v>
      </c>
      <c r="H40038" s="8">
        <v>1</v>
      </c>
      <c r="I40038" s="8">
        <v>799999</v>
      </c>
      <c r="J40038" s="8">
        <v>1</v>
      </c>
      <c r="K40038" s="9"/>
      <c r="L40038" s="6"/>
    </row>
    <row r="40039" spans="1:12">
      <c r="A40039" s="6" t="s">
        <v>38904</v>
      </c>
      <c r="B40039" s="6"/>
      <c r="C40039" s="6" t="s">
        <v>32230</v>
      </c>
      <c r="D40039" s="6"/>
      <c r="E40039" s="6"/>
      <c r="F40039" s="7">
        <v>41743</v>
      </c>
      <c r="G40039" s="8">
        <v>3823200</v>
      </c>
      <c r="H40039" s="8">
        <v>1</v>
      </c>
      <c r="I40039" s="8">
        <v>3823199</v>
      </c>
      <c r="J40039" s="8">
        <v>1</v>
      </c>
      <c r="K40039" s="9"/>
      <c r="L40039" s="6"/>
    </row>
    <row r="40040" spans="1:12">
      <c r="A40040" s="6" t="s">
        <v>38907</v>
      </c>
      <c r="B40040" s="6"/>
      <c r="C40040" s="6" t="s">
        <v>32230</v>
      </c>
      <c r="D40040" s="6"/>
      <c r="E40040" s="6"/>
      <c r="F40040" s="7">
        <v>36708</v>
      </c>
      <c r="G40040" s="8">
        <v>19000000</v>
      </c>
      <c r="H40040" s="8">
        <v>1</v>
      </c>
      <c r="I40040" s="8">
        <v>18999999</v>
      </c>
      <c r="J40040" s="8">
        <v>1</v>
      </c>
      <c r="K40040" s="9"/>
      <c r="L40040" s="6"/>
    </row>
    <row r="40041" spans="1:12">
      <c r="A40041" s="6" t="s">
        <v>38908</v>
      </c>
      <c r="B40041" s="6"/>
      <c r="C40041" s="6" t="s">
        <v>32230</v>
      </c>
      <c r="D40041" s="6"/>
      <c r="E40041" s="6"/>
      <c r="F40041" s="7">
        <v>35977</v>
      </c>
      <c r="G40041" s="8">
        <v>16000000</v>
      </c>
      <c r="H40041" s="8">
        <v>1</v>
      </c>
      <c r="I40041" s="8">
        <v>15999999</v>
      </c>
      <c r="J40041" s="8">
        <v>1</v>
      </c>
      <c r="K40041" s="9"/>
      <c r="L40041" s="6"/>
    </row>
    <row r="40042" spans="1:12">
      <c r="A40042" s="6" t="s">
        <v>38906</v>
      </c>
      <c r="B40042" s="6"/>
      <c r="C40042" s="6" t="s">
        <v>32230</v>
      </c>
      <c r="D40042" s="6"/>
      <c r="E40042" s="6"/>
      <c r="F40042" s="7">
        <v>41810</v>
      </c>
      <c r="G40042" s="8">
        <v>700422</v>
      </c>
      <c r="H40042" s="8">
        <v>1</v>
      </c>
      <c r="I40042" s="8">
        <v>700421</v>
      </c>
      <c r="J40042" s="8">
        <v>1</v>
      </c>
      <c r="K40042" s="9"/>
      <c r="L40042" s="6"/>
    </row>
    <row r="40043" spans="1:12">
      <c r="A40043" s="6" t="s">
        <v>38904</v>
      </c>
      <c r="B40043" s="6"/>
      <c r="C40043" s="6" t="s">
        <v>32230</v>
      </c>
      <c r="D40043" s="6"/>
      <c r="E40043" s="6"/>
      <c r="F40043" s="7">
        <v>37250</v>
      </c>
      <c r="G40043" s="8">
        <v>976500</v>
      </c>
      <c r="H40043" s="8">
        <v>1</v>
      </c>
      <c r="I40043" s="8">
        <v>976499</v>
      </c>
      <c r="J40043" s="8">
        <v>1</v>
      </c>
      <c r="K40043" s="9"/>
      <c r="L40043" s="6"/>
    </row>
    <row r="40044" spans="1:12">
      <c r="A40044" s="6" t="s">
        <v>38905</v>
      </c>
      <c r="B40044" s="6"/>
      <c r="C40044" s="6" t="s">
        <v>32230</v>
      </c>
      <c r="D40044" s="6"/>
      <c r="E40044" s="6"/>
      <c r="F40044" s="7">
        <v>40634</v>
      </c>
      <c r="G40044" s="8">
        <v>1365000</v>
      </c>
      <c r="H40044" s="8">
        <v>1</v>
      </c>
      <c r="I40044" s="8">
        <v>1364999</v>
      </c>
      <c r="J40044" s="8">
        <v>1</v>
      </c>
      <c r="K40044" s="9"/>
      <c r="L40044" s="6"/>
    </row>
    <row r="40045" spans="1:12">
      <c r="A40045" s="6" t="s">
        <v>38904</v>
      </c>
      <c r="B40045" s="6"/>
      <c r="C40045" s="6" t="s">
        <v>32230</v>
      </c>
      <c r="D40045" s="6"/>
      <c r="E40045" s="6"/>
      <c r="F40045" s="7">
        <v>39329</v>
      </c>
      <c r="G40045" s="8">
        <v>2087638</v>
      </c>
      <c r="H40045" s="8">
        <v>1</v>
      </c>
      <c r="I40045" s="8">
        <v>2087637</v>
      </c>
      <c r="J40045" s="8">
        <v>1</v>
      </c>
      <c r="K40045" s="9"/>
      <c r="L40045" s="6"/>
    </row>
    <row r="40046" spans="1:12">
      <c r="A40046" s="6" t="s">
        <v>38904</v>
      </c>
      <c r="B40046" s="6"/>
      <c r="C40046" s="6" t="s">
        <v>32230</v>
      </c>
      <c r="D40046" s="6"/>
      <c r="E40046" s="6"/>
      <c r="F40046" s="7">
        <v>42178</v>
      </c>
      <c r="G40046" s="8">
        <v>2000000</v>
      </c>
      <c r="H40046" s="8">
        <v>330000</v>
      </c>
      <c r="I40046" s="8">
        <v>1999999</v>
      </c>
      <c r="J40046" s="8">
        <v>1</v>
      </c>
      <c r="K40046" s="9"/>
      <c r="L40046" s="6"/>
    </row>
    <row r="40047" spans="1:12">
      <c r="A40047" s="6" t="s">
        <v>38904</v>
      </c>
      <c r="B40047" s="6"/>
      <c r="C40047" s="6" t="s">
        <v>32230</v>
      </c>
      <c r="D40047" s="6"/>
      <c r="E40047" s="6"/>
      <c r="F40047" s="7">
        <v>40812</v>
      </c>
      <c r="G40047" s="8">
        <v>3640400</v>
      </c>
      <c r="H40047" s="8">
        <v>1</v>
      </c>
      <c r="I40047" s="8">
        <v>3640399</v>
      </c>
      <c r="J40047" s="8">
        <v>1</v>
      </c>
      <c r="K40047" s="9"/>
      <c r="L40047" s="6"/>
    </row>
    <row r="40048" spans="1:12">
      <c r="A40048" s="6" t="s">
        <v>38905</v>
      </c>
      <c r="B40048" s="6"/>
      <c r="C40048" s="6" t="s">
        <v>32230</v>
      </c>
      <c r="D40048" s="6"/>
      <c r="E40048" s="6"/>
      <c r="F40048" s="7">
        <v>41414</v>
      </c>
      <c r="G40048" s="8">
        <v>2000000</v>
      </c>
      <c r="H40048" s="8">
        <v>1</v>
      </c>
      <c r="I40048" s="8">
        <v>1999999</v>
      </c>
      <c r="J40048" s="8">
        <v>1</v>
      </c>
      <c r="K40048" s="9"/>
      <c r="L40048" s="6"/>
    </row>
    <row r="40049" spans="1:12">
      <c r="A40049" s="6" t="s">
        <v>38906</v>
      </c>
      <c r="B40049" s="6"/>
      <c r="C40049" s="6" t="s">
        <v>32230</v>
      </c>
      <c r="D40049" s="6"/>
      <c r="E40049" s="6"/>
      <c r="F40049" s="7">
        <v>41730</v>
      </c>
      <c r="G40049" s="8">
        <v>1292650</v>
      </c>
      <c r="H40049" s="8">
        <v>1</v>
      </c>
      <c r="I40049" s="8">
        <v>1292649</v>
      </c>
      <c r="J40049" s="8">
        <v>1</v>
      </c>
      <c r="K40049" s="9"/>
      <c r="L40049" s="6"/>
    </row>
    <row r="40050" spans="1:12">
      <c r="A40050" s="6" t="s">
        <v>38906</v>
      </c>
      <c r="B40050" s="6"/>
      <c r="C40050" s="6" t="s">
        <v>32230</v>
      </c>
      <c r="D40050" s="6"/>
      <c r="E40050" s="6"/>
      <c r="F40050" s="7">
        <v>41121</v>
      </c>
      <c r="G40050" s="8">
        <v>849450</v>
      </c>
      <c r="H40050" s="8">
        <v>1</v>
      </c>
      <c r="I40050" s="8">
        <v>849449</v>
      </c>
      <c r="J40050" s="8">
        <v>1</v>
      </c>
      <c r="K40050" s="9"/>
      <c r="L40050" s="6"/>
    </row>
    <row r="40051" spans="1:12">
      <c r="A40051" s="6" t="s">
        <v>38904</v>
      </c>
      <c r="B40051" s="6"/>
      <c r="C40051" s="6" t="s">
        <v>32230</v>
      </c>
      <c r="D40051" s="6"/>
      <c r="E40051" s="6"/>
      <c r="F40051" s="7">
        <v>38883</v>
      </c>
      <c r="G40051" s="8">
        <v>1540000</v>
      </c>
      <c r="H40051" s="8">
        <v>1</v>
      </c>
      <c r="I40051" s="8">
        <v>1539999</v>
      </c>
      <c r="J40051" s="8">
        <v>1</v>
      </c>
      <c r="K40051" s="9"/>
      <c r="L40051" s="6"/>
    </row>
    <row r="40052" spans="1:12">
      <c r="A40052" s="6" t="s">
        <v>38904</v>
      </c>
      <c r="B40052" s="6"/>
      <c r="C40052" s="6" t="s">
        <v>32230</v>
      </c>
      <c r="D40052" s="6"/>
      <c r="E40052" s="6"/>
      <c r="F40052" s="7">
        <v>39287</v>
      </c>
      <c r="G40052" s="8">
        <v>2800000</v>
      </c>
      <c r="H40052" s="8">
        <v>1</v>
      </c>
      <c r="I40052" s="8">
        <v>2799999</v>
      </c>
      <c r="J40052" s="8">
        <v>1</v>
      </c>
      <c r="K40052" s="9"/>
      <c r="L40052" s="6"/>
    </row>
    <row r="40053" spans="1:12">
      <c r="A40053" s="6" t="s">
        <v>38905</v>
      </c>
      <c r="B40053" s="6"/>
      <c r="C40053" s="6" t="s">
        <v>32230</v>
      </c>
      <c r="D40053" s="6"/>
      <c r="E40053" s="6"/>
      <c r="F40053" s="7">
        <v>37749</v>
      </c>
      <c r="G40053" s="8">
        <v>1500000</v>
      </c>
      <c r="H40053" s="8">
        <v>1</v>
      </c>
      <c r="I40053" s="8">
        <v>1499999</v>
      </c>
      <c r="J40053" s="8">
        <v>1</v>
      </c>
      <c r="K40053" s="9"/>
      <c r="L40053" s="6"/>
    </row>
    <row r="40054" spans="1:12">
      <c r="A40054" s="6" t="s">
        <v>38909</v>
      </c>
      <c r="B40054" s="6"/>
      <c r="C40054" s="6" t="s">
        <v>32230</v>
      </c>
      <c r="D40054" s="6"/>
      <c r="E40054" s="6"/>
      <c r="F40054" s="7">
        <v>36557</v>
      </c>
      <c r="G40054" s="8">
        <v>6500000</v>
      </c>
      <c r="H40054" s="8">
        <v>1</v>
      </c>
      <c r="I40054" s="8">
        <v>6499999</v>
      </c>
      <c r="J40054" s="8">
        <v>1</v>
      </c>
      <c r="K40054" s="9"/>
      <c r="L40054" s="6"/>
    </row>
    <row r="40055" spans="1:12">
      <c r="A40055" s="6" t="s">
        <v>38904</v>
      </c>
      <c r="B40055" s="6"/>
      <c r="C40055" s="6" t="s">
        <v>32230</v>
      </c>
      <c r="D40055" s="6"/>
      <c r="E40055" s="6"/>
      <c r="F40055" s="7">
        <v>40939</v>
      </c>
      <c r="G40055" s="8">
        <v>2226000</v>
      </c>
      <c r="H40055" s="8">
        <v>1</v>
      </c>
      <c r="I40055" s="8">
        <v>2225999</v>
      </c>
      <c r="J40055" s="8">
        <v>1</v>
      </c>
      <c r="K40055" s="9"/>
      <c r="L40055" s="6"/>
    </row>
    <row r="40056" spans="1:12">
      <c r="A40056" s="6" t="s">
        <v>38906</v>
      </c>
      <c r="B40056" s="6"/>
      <c r="C40056" s="6" t="s">
        <v>32230</v>
      </c>
      <c r="D40056" s="6"/>
      <c r="E40056" s="6"/>
      <c r="F40056" s="7">
        <v>40324</v>
      </c>
      <c r="G40056" s="8">
        <v>800000</v>
      </c>
      <c r="H40056" s="8">
        <v>1</v>
      </c>
      <c r="I40056" s="8">
        <v>799999</v>
      </c>
      <c r="J40056" s="8">
        <v>1</v>
      </c>
      <c r="K40056" s="9"/>
      <c r="L40056" s="6"/>
    </row>
    <row r="40057" spans="1:12">
      <c r="A40057" s="6" t="s">
        <v>38905</v>
      </c>
      <c r="B40057" s="6"/>
      <c r="C40057" s="6" t="s">
        <v>32230</v>
      </c>
      <c r="D40057" s="6"/>
      <c r="E40057" s="6"/>
      <c r="F40057" s="7">
        <v>39539</v>
      </c>
      <c r="G40057" s="8">
        <v>1480500</v>
      </c>
      <c r="H40057" s="8">
        <v>1</v>
      </c>
      <c r="I40057" s="8">
        <v>1480499</v>
      </c>
      <c r="J40057" s="8">
        <v>1</v>
      </c>
      <c r="K40057" s="9"/>
      <c r="L40057" s="6"/>
    </row>
    <row r="40058" spans="1:12">
      <c r="A40058" s="6" t="s">
        <v>38910</v>
      </c>
      <c r="B40058" s="6"/>
      <c r="C40058" s="6" t="s">
        <v>32230</v>
      </c>
      <c r="D40058" s="6"/>
      <c r="E40058" s="6"/>
      <c r="F40058" s="7">
        <v>38657</v>
      </c>
      <c r="G40058" s="8">
        <v>20517000</v>
      </c>
      <c r="H40058" s="8">
        <v>1</v>
      </c>
      <c r="I40058" s="8">
        <v>20516999</v>
      </c>
      <c r="J40058" s="8">
        <v>1</v>
      </c>
      <c r="K40058" s="9"/>
      <c r="L40058" s="6"/>
    </row>
    <row r="40059" spans="1:12">
      <c r="A40059" s="6" t="s">
        <v>38911</v>
      </c>
      <c r="B40059" s="6"/>
      <c r="C40059" s="6" t="s">
        <v>32230</v>
      </c>
      <c r="D40059" s="6"/>
      <c r="E40059" s="6"/>
      <c r="F40059" s="7">
        <v>38657</v>
      </c>
      <c r="G40059" s="8">
        <v>1268820</v>
      </c>
      <c r="H40059" s="8">
        <v>1</v>
      </c>
      <c r="I40059" s="8">
        <v>1268819</v>
      </c>
      <c r="J40059" s="8">
        <v>1</v>
      </c>
      <c r="K40059" s="9"/>
      <c r="L40059" s="6"/>
    </row>
    <row r="40060" spans="1:12">
      <c r="A40060" s="6" t="s">
        <v>38912</v>
      </c>
      <c r="B40060" s="6"/>
      <c r="C40060" s="6" t="s">
        <v>32230</v>
      </c>
      <c r="D40060" s="6"/>
      <c r="E40060" s="6"/>
      <c r="F40060" s="7">
        <v>42063</v>
      </c>
      <c r="G40060" s="8">
        <v>14979600</v>
      </c>
      <c r="H40060" s="8">
        <v>1</v>
      </c>
      <c r="I40060" s="8">
        <v>14979599</v>
      </c>
      <c r="J40060" s="8">
        <v>1</v>
      </c>
      <c r="K40060" s="9"/>
      <c r="L40060" s="6"/>
    </row>
    <row r="40061" spans="1:12">
      <c r="A40061" s="6" t="s">
        <v>38913</v>
      </c>
      <c r="B40061" s="6"/>
      <c r="C40061" s="6" t="s">
        <v>32230</v>
      </c>
      <c r="D40061" s="6"/>
      <c r="E40061" s="6"/>
      <c r="F40061" s="7">
        <v>39731</v>
      </c>
      <c r="G40061" s="8">
        <v>3837750</v>
      </c>
      <c r="H40061" s="8">
        <v>1</v>
      </c>
      <c r="I40061" s="8">
        <v>3837749</v>
      </c>
      <c r="J40061" s="8">
        <v>1</v>
      </c>
      <c r="K40061" s="9"/>
      <c r="L40061" s="6"/>
    </row>
    <row r="40062" spans="1:12">
      <c r="A40062" s="6" t="s">
        <v>38911</v>
      </c>
      <c r="B40062" s="6"/>
      <c r="C40062" s="6" t="s">
        <v>32230</v>
      </c>
      <c r="D40062" s="6"/>
      <c r="E40062" s="6"/>
      <c r="F40062" s="7">
        <v>39416</v>
      </c>
      <c r="G40062" s="8">
        <v>630000</v>
      </c>
      <c r="H40062" s="8">
        <v>1</v>
      </c>
      <c r="I40062" s="8">
        <v>629999</v>
      </c>
      <c r="J40062" s="8">
        <v>1</v>
      </c>
      <c r="K40062" s="9"/>
      <c r="L40062" s="6"/>
    </row>
    <row r="40063" spans="1:12">
      <c r="A40063" s="6" t="s">
        <v>38914</v>
      </c>
      <c r="B40063" s="6"/>
      <c r="C40063" s="6" t="s">
        <v>32230</v>
      </c>
      <c r="D40063" s="6"/>
      <c r="E40063" s="6"/>
      <c r="F40063" s="7">
        <v>42156</v>
      </c>
      <c r="G40063" s="8">
        <v>27812160</v>
      </c>
      <c r="H40063" s="8">
        <v>0</v>
      </c>
      <c r="I40063" s="8">
        <v>27812160</v>
      </c>
      <c r="J40063" s="8">
        <v>0</v>
      </c>
      <c r="K40063" s="9"/>
      <c r="L40063" s="6"/>
    </row>
    <row r="40064" spans="1:12">
      <c r="A40064" s="6" t="s">
        <v>38915</v>
      </c>
      <c r="B40064" s="6"/>
      <c r="C40064" s="6" t="s">
        <v>32230</v>
      </c>
      <c r="D40064" s="6"/>
      <c r="E40064" s="6"/>
      <c r="F40064" s="7">
        <v>41671</v>
      </c>
      <c r="G40064" s="8">
        <v>7982100</v>
      </c>
      <c r="H40064" s="8">
        <v>0</v>
      </c>
      <c r="I40064" s="8">
        <v>7982100</v>
      </c>
      <c r="J40064" s="8">
        <v>0</v>
      </c>
      <c r="K40064" s="9"/>
      <c r="L40064" s="6"/>
    </row>
    <row r="40065" spans="1:12">
      <c r="A40065" s="6" t="s">
        <v>38916</v>
      </c>
      <c r="B40065" s="6"/>
      <c r="C40065" s="6" t="s">
        <v>32230</v>
      </c>
      <c r="D40065" s="6"/>
      <c r="E40065" s="6"/>
      <c r="F40065" s="7">
        <v>42641</v>
      </c>
      <c r="G40065" s="8">
        <v>3002400</v>
      </c>
      <c r="H40065" s="8">
        <v>996800</v>
      </c>
      <c r="I40065" s="8">
        <v>2507000</v>
      </c>
      <c r="J40065" s="8">
        <v>495400</v>
      </c>
      <c r="K40065" s="9"/>
      <c r="L40065" s="6"/>
    </row>
    <row r="40066" spans="1:12">
      <c r="A40066" s="6" t="s">
        <v>38917</v>
      </c>
      <c r="B40066" s="6"/>
      <c r="C40066" s="6" t="s">
        <v>32230</v>
      </c>
      <c r="D40066" s="6"/>
      <c r="E40066" s="6"/>
      <c r="F40066" s="7">
        <v>42636</v>
      </c>
      <c r="G40066" s="8">
        <v>5047920</v>
      </c>
      <c r="H40066" s="8">
        <v>1009584</v>
      </c>
      <c r="I40066" s="8">
        <v>5047919</v>
      </c>
      <c r="J40066" s="8">
        <v>1</v>
      </c>
      <c r="K40066" s="9"/>
      <c r="L40066" s="6"/>
    </row>
    <row r="40067" spans="1:12">
      <c r="A40067" s="6" t="s">
        <v>38918</v>
      </c>
      <c r="B40067" s="6"/>
      <c r="C40067" s="6" t="s">
        <v>32230</v>
      </c>
      <c r="D40067" s="6"/>
      <c r="E40067" s="6"/>
      <c r="F40067" s="7">
        <v>42825</v>
      </c>
      <c r="G40067" s="8">
        <v>714700</v>
      </c>
      <c r="H40067" s="8">
        <v>357352</v>
      </c>
      <c r="I40067" s="8">
        <v>446685</v>
      </c>
      <c r="J40067" s="8">
        <v>268015</v>
      </c>
      <c r="K40067" s="9"/>
      <c r="L40067" s="6"/>
    </row>
    <row r="40068" spans="1:12">
      <c r="A40068" s="6" t="s">
        <v>38919</v>
      </c>
      <c r="B40068" s="6"/>
      <c r="C40068" s="6" t="s">
        <v>32230</v>
      </c>
      <c r="D40068" s="6"/>
      <c r="E40068" s="6"/>
      <c r="F40068" s="7">
        <v>42636</v>
      </c>
      <c r="G40068" s="8">
        <v>2449440</v>
      </c>
      <c r="H40068" s="8">
        <v>489888</v>
      </c>
      <c r="I40068" s="8">
        <v>2449439</v>
      </c>
      <c r="J40068" s="8">
        <v>1</v>
      </c>
      <c r="K40068" s="9"/>
      <c r="L40068" s="6"/>
    </row>
    <row r="40069" spans="1:12">
      <c r="A40069" s="6" t="s">
        <v>38920</v>
      </c>
      <c r="B40069" s="6"/>
      <c r="C40069" s="6" t="s">
        <v>32230</v>
      </c>
      <c r="D40069" s="6"/>
      <c r="E40069" s="6"/>
      <c r="F40069" s="7">
        <v>35521</v>
      </c>
      <c r="G40069" s="8">
        <v>2910000</v>
      </c>
      <c r="H40069" s="8">
        <v>1</v>
      </c>
      <c r="I40069" s="8">
        <v>2909999</v>
      </c>
      <c r="J40069" s="8">
        <v>1</v>
      </c>
      <c r="K40069" s="9"/>
      <c r="L40069" s="6"/>
    </row>
    <row r="40070" spans="1:12">
      <c r="A40070" s="6" t="s">
        <v>38921</v>
      </c>
      <c r="B40070" s="6"/>
      <c r="C40070" s="6" t="s">
        <v>32230</v>
      </c>
      <c r="D40070" s="6"/>
      <c r="E40070" s="6"/>
      <c r="F40070" s="7">
        <v>38322</v>
      </c>
      <c r="G40070" s="8">
        <v>800000</v>
      </c>
      <c r="H40070" s="8">
        <v>1</v>
      </c>
      <c r="I40070" s="8">
        <v>799999</v>
      </c>
      <c r="J40070" s="8">
        <v>1</v>
      </c>
      <c r="K40070" s="9"/>
      <c r="L40070" s="6"/>
    </row>
    <row r="40071" spans="1:12">
      <c r="A40071" s="6" t="s">
        <v>38922</v>
      </c>
      <c r="B40071" s="6"/>
      <c r="C40071" s="6" t="s">
        <v>32230</v>
      </c>
      <c r="D40071" s="6"/>
      <c r="E40071" s="6"/>
      <c r="F40071" s="7">
        <v>38261</v>
      </c>
      <c r="G40071" s="8">
        <v>800000</v>
      </c>
      <c r="H40071" s="8">
        <v>1</v>
      </c>
      <c r="I40071" s="8">
        <v>799999</v>
      </c>
      <c r="J40071" s="8">
        <v>1</v>
      </c>
      <c r="K40071" s="9"/>
      <c r="L40071" s="6"/>
    </row>
    <row r="40072" spans="1:12">
      <c r="A40072" s="6" t="s">
        <v>38923</v>
      </c>
      <c r="B40072" s="6"/>
      <c r="C40072" s="6" t="s">
        <v>32230</v>
      </c>
      <c r="D40072" s="6"/>
      <c r="E40072" s="6"/>
      <c r="F40072" s="7">
        <v>42950</v>
      </c>
      <c r="G40072" s="8">
        <v>583200</v>
      </c>
      <c r="H40072" s="8">
        <v>233280</v>
      </c>
      <c r="I40072" s="8">
        <v>466560</v>
      </c>
      <c r="J40072" s="8">
        <v>116640</v>
      </c>
      <c r="K40072" s="9"/>
      <c r="L40072" s="6"/>
    </row>
    <row r="40073" spans="1:12">
      <c r="A40073" s="6" t="s">
        <v>38924</v>
      </c>
      <c r="B40073" s="6"/>
      <c r="C40073" s="6" t="s">
        <v>32230</v>
      </c>
      <c r="D40073" s="6"/>
      <c r="E40073" s="6"/>
      <c r="F40073" s="7">
        <v>43626</v>
      </c>
      <c r="G40073" s="8">
        <v>787320</v>
      </c>
      <c r="H40073" s="8">
        <v>629856</v>
      </c>
      <c r="I40073" s="8">
        <v>314928</v>
      </c>
      <c r="J40073" s="8">
        <v>472392</v>
      </c>
      <c r="K40073" s="9"/>
      <c r="L40073" s="6"/>
    </row>
    <row r="40074" spans="1:12">
      <c r="A40074" s="6" t="s">
        <v>38925</v>
      </c>
      <c r="B40074" s="6"/>
      <c r="C40074" s="6" t="s">
        <v>32230</v>
      </c>
      <c r="D40074" s="6"/>
      <c r="E40074" s="6"/>
      <c r="F40074" s="7">
        <v>44134</v>
      </c>
      <c r="G40074" s="8">
        <v>2574000</v>
      </c>
      <c r="H40074" s="8">
        <v>2574000</v>
      </c>
      <c r="I40074" s="8">
        <v>257400</v>
      </c>
      <c r="J40074" s="8">
        <v>2316600</v>
      </c>
      <c r="K40074" s="9"/>
      <c r="L40074" s="6"/>
    </row>
    <row r="40075" spans="1:12">
      <c r="A40075" s="6" t="s">
        <v>38913</v>
      </c>
      <c r="B40075" s="6"/>
      <c r="C40075" s="6" t="s">
        <v>32230</v>
      </c>
      <c r="D40075" s="6"/>
      <c r="E40075" s="6"/>
      <c r="F40075" s="7">
        <v>44165</v>
      </c>
      <c r="G40075" s="8">
        <v>2148300</v>
      </c>
      <c r="H40075" s="8">
        <v>2148300</v>
      </c>
      <c r="I40075" s="8">
        <v>429660</v>
      </c>
      <c r="J40075" s="8">
        <v>1718640</v>
      </c>
      <c r="K40075" s="9"/>
      <c r="L40075" s="6"/>
    </row>
    <row r="40076" spans="1:12">
      <c r="A40076" s="6" t="s">
        <v>38904</v>
      </c>
      <c r="B40076" s="6"/>
      <c r="C40076" s="6" t="s">
        <v>32230</v>
      </c>
      <c r="D40076" s="6"/>
      <c r="E40076" s="6"/>
      <c r="F40076" s="7">
        <v>44286</v>
      </c>
      <c r="G40076" s="8">
        <v>3143800</v>
      </c>
      <c r="H40076" s="8">
        <v>3143800</v>
      </c>
      <c r="I40076" s="8">
        <v>525014</v>
      </c>
      <c r="J40076" s="8">
        <v>2618786</v>
      </c>
      <c r="K40076" s="9"/>
      <c r="L40076" s="6"/>
    </row>
    <row r="40077" spans="1:12">
      <c r="A40077" s="6" t="s">
        <v>38926</v>
      </c>
      <c r="B40077" s="6"/>
      <c r="C40077" s="6" t="s">
        <v>32230</v>
      </c>
      <c r="D40077" s="6"/>
      <c r="E40077" s="6"/>
      <c r="F40077" s="7">
        <v>44286</v>
      </c>
      <c r="G40077" s="8">
        <v>3446735</v>
      </c>
      <c r="H40077" s="8">
        <v>3446735</v>
      </c>
      <c r="I40077" s="8">
        <v>689347</v>
      </c>
      <c r="J40077" s="8">
        <v>2757388</v>
      </c>
      <c r="K40077" s="9"/>
      <c r="L40077" s="6"/>
    </row>
    <row r="40078" spans="1:12">
      <c r="A40078" s="6" t="s">
        <v>38927</v>
      </c>
      <c r="B40078" s="6"/>
      <c r="C40078" s="6" t="s">
        <v>32230</v>
      </c>
      <c r="D40078" s="6"/>
      <c r="E40078" s="6"/>
      <c r="F40078" s="7">
        <v>38793</v>
      </c>
      <c r="G40078" s="8">
        <v>1365000</v>
      </c>
      <c r="H40078" s="8">
        <v>1</v>
      </c>
      <c r="I40078" s="8">
        <v>1364999</v>
      </c>
      <c r="J40078" s="8">
        <v>1</v>
      </c>
      <c r="K40078" s="9"/>
      <c r="L40078" s="6"/>
    </row>
    <row r="40079" spans="1:12">
      <c r="A40079" s="6" t="s">
        <v>38928</v>
      </c>
      <c r="B40079" s="6"/>
      <c r="C40079" s="6" t="s">
        <v>32230</v>
      </c>
      <c r="D40079" s="6"/>
      <c r="E40079" s="6"/>
      <c r="F40079" s="7">
        <v>39476</v>
      </c>
      <c r="G40079" s="8">
        <v>10762500</v>
      </c>
      <c r="H40079" s="8">
        <v>1</v>
      </c>
      <c r="I40079" s="8">
        <v>10762499</v>
      </c>
      <c r="J40079" s="8">
        <v>1</v>
      </c>
      <c r="K40079" s="9"/>
      <c r="L40079" s="6"/>
    </row>
    <row r="40080" spans="1:12">
      <c r="A40080" s="6" t="s">
        <v>38929</v>
      </c>
      <c r="B40080" s="6"/>
      <c r="C40080" s="6" t="s">
        <v>32230</v>
      </c>
      <c r="D40080" s="6"/>
      <c r="E40080" s="6"/>
      <c r="F40080" s="7">
        <v>43096</v>
      </c>
      <c r="G40080" s="8">
        <v>3196800</v>
      </c>
      <c r="H40080" s="8">
        <v>799200</v>
      </c>
      <c r="I40080" s="8">
        <v>3196799</v>
      </c>
      <c r="J40080" s="8">
        <v>1</v>
      </c>
      <c r="K40080" s="9"/>
      <c r="L40080" s="6"/>
    </row>
    <row r="40081" spans="1:12">
      <c r="A40081" s="6" t="s">
        <v>38930</v>
      </c>
      <c r="B40081" s="6"/>
      <c r="C40081" s="6" t="s">
        <v>32230</v>
      </c>
      <c r="D40081" s="6"/>
      <c r="E40081" s="6"/>
      <c r="F40081" s="7">
        <v>42639</v>
      </c>
      <c r="G40081" s="8">
        <v>125856315</v>
      </c>
      <c r="H40081" s="8">
        <v>97664503</v>
      </c>
      <c r="I40081" s="8">
        <v>35239765</v>
      </c>
      <c r="J40081" s="8">
        <v>90616550</v>
      </c>
      <c r="K40081" s="9"/>
      <c r="L40081" s="6"/>
    </row>
    <row r="40082" spans="1:12">
      <c r="A40082" s="6" t="s">
        <v>38931</v>
      </c>
      <c r="B40082" s="6"/>
      <c r="C40082" s="6" t="s">
        <v>32230</v>
      </c>
      <c r="D40082" s="6"/>
      <c r="E40082" s="6"/>
      <c r="F40082" s="7">
        <v>42639</v>
      </c>
      <c r="G40082" s="8">
        <v>82161944</v>
      </c>
      <c r="H40082" s="8">
        <v>63757672</v>
      </c>
      <c r="I40082" s="8">
        <v>23005340</v>
      </c>
      <c r="J40082" s="8">
        <v>59156604</v>
      </c>
      <c r="K40082" s="9"/>
      <c r="L40082" s="6"/>
    </row>
    <row r="40083" spans="1:12">
      <c r="A40083" s="6" t="s">
        <v>38932</v>
      </c>
      <c r="B40083" s="6"/>
      <c r="C40083" s="6" t="s">
        <v>32230</v>
      </c>
      <c r="D40083" s="6"/>
      <c r="E40083" s="6"/>
      <c r="F40083" s="7">
        <v>42639</v>
      </c>
      <c r="G40083" s="8">
        <v>30245772</v>
      </c>
      <c r="H40083" s="8">
        <v>23470720</v>
      </c>
      <c r="I40083" s="8">
        <v>8468815</v>
      </c>
      <c r="J40083" s="8">
        <v>21776957</v>
      </c>
      <c r="K40083" s="9"/>
      <c r="L40083" s="6"/>
    </row>
    <row r="40084" spans="1:12">
      <c r="A40084" s="6" t="s">
        <v>38933</v>
      </c>
      <c r="B40084" s="6"/>
      <c r="C40084" s="6" t="s">
        <v>32230</v>
      </c>
      <c r="D40084" s="6"/>
      <c r="E40084" s="6"/>
      <c r="F40084" s="7">
        <v>42639</v>
      </c>
      <c r="G40084" s="8">
        <v>69123745</v>
      </c>
      <c r="H40084" s="8">
        <v>53640029</v>
      </c>
      <c r="I40084" s="8">
        <v>19354645</v>
      </c>
      <c r="J40084" s="8">
        <v>49769100</v>
      </c>
      <c r="K40084" s="9"/>
      <c r="L40084" s="6"/>
    </row>
    <row r="40085" spans="1:12">
      <c r="A40085" s="6" t="s">
        <v>38934</v>
      </c>
      <c r="B40085" s="6"/>
      <c r="C40085" s="6" t="s">
        <v>32230</v>
      </c>
      <c r="D40085" s="6"/>
      <c r="E40085" s="6"/>
      <c r="F40085" s="7">
        <v>42639</v>
      </c>
      <c r="G40085" s="8">
        <v>17903469</v>
      </c>
      <c r="H40085" s="8">
        <v>13893093</v>
      </c>
      <c r="I40085" s="8">
        <v>5012970</v>
      </c>
      <c r="J40085" s="8">
        <v>12890499</v>
      </c>
      <c r="K40085" s="9"/>
      <c r="L40085" s="6"/>
    </row>
    <row r="40086" spans="1:12">
      <c r="A40086" s="6" t="s">
        <v>38935</v>
      </c>
      <c r="B40086" s="6"/>
      <c r="C40086" s="6" t="s">
        <v>32230</v>
      </c>
      <c r="D40086" s="6"/>
      <c r="E40086" s="6"/>
      <c r="F40086" s="7">
        <v>42639</v>
      </c>
      <c r="G40086" s="8">
        <v>2461085</v>
      </c>
      <c r="H40086" s="8">
        <v>1909805</v>
      </c>
      <c r="I40086" s="8">
        <v>689100</v>
      </c>
      <c r="J40086" s="8">
        <v>1771985</v>
      </c>
      <c r="K40086" s="9"/>
      <c r="L40086" s="6"/>
    </row>
    <row r="40087" spans="1:12">
      <c r="A40087" s="6" t="s">
        <v>38936</v>
      </c>
      <c r="B40087" s="6"/>
      <c r="C40087" s="6" t="s">
        <v>32230</v>
      </c>
      <c r="D40087" s="6"/>
      <c r="E40087" s="6"/>
      <c r="F40087" s="7">
        <v>42639</v>
      </c>
      <c r="G40087" s="8">
        <v>4062298</v>
      </c>
      <c r="H40087" s="8">
        <v>3152346</v>
      </c>
      <c r="I40087" s="8">
        <v>1137440</v>
      </c>
      <c r="J40087" s="8">
        <v>2924858</v>
      </c>
      <c r="K40087" s="9"/>
      <c r="L40087" s="6"/>
    </row>
    <row r="40088" spans="1:12">
      <c r="A40088" s="6" t="s">
        <v>38937</v>
      </c>
      <c r="B40088" s="6"/>
      <c r="C40088" s="6" t="s">
        <v>32230</v>
      </c>
      <c r="D40088" s="6"/>
      <c r="E40088" s="6"/>
      <c r="F40088" s="7">
        <v>42639</v>
      </c>
      <c r="G40088" s="8">
        <v>9623589</v>
      </c>
      <c r="H40088" s="8">
        <v>7467909</v>
      </c>
      <c r="I40088" s="8">
        <v>2694600</v>
      </c>
      <c r="J40088" s="8">
        <v>6928989</v>
      </c>
      <c r="K40088" s="9"/>
      <c r="L40088" s="6"/>
    </row>
    <row r="40089" spans="1:12">
      <c r="A40089" s="6" t="s">
        <v>38938</v>
      </c>
      <c r="B40089" s="6"/>
      <c r="C40089" s="6" t="s">
        <v>32230</v>
      </c>
      <c r="D40089" s="6"/>
      <c r="E40089" s="6"/>
      <c r="F40089" s="7">
        <v>42639</v>
      </c>
      <c r="G40089" s="8">
        <v>3501995</v>
      </c>
      <c r="H40089" s="8">
        <v>2717551</v>
      </c>
      <c r="I40089" s="8">
        <v>980555</v>
      </c>
      <c r="J40089" s="8">
        <v>2521440</v>
      </c>
      <c r="K40089" s="9"/>
      <c r="L40089" s="6"/>
    </row>
    <row r="40090" spans="1:12">
      <c r="A40090" s="6" t="s">
        <v>38939</v>
      </c>
      <c r="B40090" s="6"/>
      <c r="C40090" s="6" t="s">
        <v>32230</v>
      </c>
      <c r="D40090" s="6"/>
      <c r="E40090" s="6"/>
      <c r="F40090" s="7">
        <v>42639</v>
      </c>
      <c r="G40090" s="8">
        <v>8184799</v>
      </c>
      <c r="H40090" s="8">
        <v>6351407</v>
      </c>
      <c r="I40090" s="8">
        <v>2291740</v>
      </c>
      <c r="J40090" s="8">
        <v>5893059</v>
      </c>
      <c r="K40090" s="9"/>
      <c r="L40090" s="6"/>
    </row>
    <row r="40091" spans="1:12">
      <c r="A40091" s="6" t="s">
        <v>38932</v>
      </c>
      <c r="B40091" s="6"/>
      <c r="C40091" s="6" t="s">
        <v>32230</v>
      </c>
      <c r="D40091" s="6"/>
      <c r="E40091" s="6"/>
      <c r="F40091" s="7">
        <v>42639</v>
      </c>
      <c r="G40091" s="8">
        <v>4203051</v>
      </c>
      <c r="H40091" s="8">
        <v>3261571</v>
      </c>
      <c r="I40091" s="8">
        <v>1176850</v>
      </c>
      <c r="J40091" s="8">
        <v>3026201</v>
      </c>
      <c r="K40091" s="9"/>
      <c r="L40091" s="6"/>
    </row>
    <row r="40092" spans="1:12">
      <c r="A40092" s="6" t="s">
        <v>38932</v>
      </c>
      <c r="B40092" s="6"/>
      <c r="C40092" s="6" t="s">
        <v>32230</v>
      </c>
      <c r="D40092" s="6"/>
      <c r="E40092" s="6"/>
      <c r="F40092" s="7">
        <v>42639</v>
      </c>
      <c r="G40092" s="8">
        <v>3438879</v>
      </c>
      <c r="H40092" s="8">
        <v>2668571</v>
      </c>
      <c r="I40092" s="8">
        <v>962885</v>
      </c>
      <c r="J40092" s="8">
        <v>2475994</v>
      </c>
      <c r="K40092" s="9"/>
      <c r="L40092" s="6"/>
    </row>
    <row r="40093" spans="1:12">
      <c r="A40093" s="6" t="s">
        <v>38940</v>
      </c>
      <c r="B40093" s="6"/>
      <c r="C40093" s="6" t="s">
        <v>32230</v>
      </c>
      <c r="D40093" s="6"/>
      <c r="E40093" s="6"/>
      <c r="F40093" s="7">
        <v>42639</v>
      </c>
      <c r="G40093" s="8">
        <v>2566594</v>
      </c>
      <c r="H40093" s="8">
        <v>1991678</v>
      </c>
      <c r="I40093" s="8">
        <v>718645</v>
      </c>
      <c r="J40093" s="8">
        <v>1847949</v>
      </c>
      <c r="K40093" s="9"/>
      <c r="L40093" s="6"/>
    </row>
    <row r="40094" spans="1:12">
      <c r="A40094" s="6" t="s">
        <v>38941</v>
      </c>
      <c r="B40094" s="6"/>
      <c r="C40094" s="6" t="s">
        <v>32230</v>
      </c>
      <c r="D40094" s="6"/>
      <c r="E40094" s="6"/>
      <c r="F40094" s="7">
        <v>42639</v>
      </c>
      <c r="G40094" s="8">
        <v>305756861</v>
      </c>
      <c r="H40094" s="8">
        <v>237267325</v>
      </c>
      <c r="I40094" s="8">
        <v>85611920</v>
      </c>
      <c r="J40094" s="8">
        <v>220144941</v>
      </c>
      <c r="K40094" s="9"/>
      <c r="L40094" s="6"/>
    </row>
    <row r="40095" spans="1:12">
      <c r="A40095" s="6" t="s">
        <v>38942</v>
      </c>
      <c r="B40095" s="6"/>
      <c r="C40095" s="6" t="s">
        <v>32230</v>
      </c>
      <c r="D40095" s="6"/>
      <c r="E40095" s="6"/>
      <c r="F40095" s="7">
        <v>42639</v>
      </c>
      <c r="G40095" s="8">
        <v>97717096</v>
      </c>
      <c r="H40095" s="8">
        <v>75828468</v>
      </c>
      <c r="I40095" s="8">
        <v>27360785</v>
      </c>
      <c r="J40095" s="8">
        <v>70356311</v>
      </c>
      <c r="K40095" s="9"/>
      <c r="L40095" s="6"/>
    </row>
    <row r="40096" spans="1:12">
      <c r="A40096" s="6" t="s">
        <v>38943</v>
      </c>
      <c r="B40096" s="6"/>
      <c r="C40096" s="6" t="s">
        <v>32230</v>
      </c>
      <c r="D40096" s="6"/>
      <c r="E40096" s="6"/>
      <c r="F40096" s="7">
        <v>42639</v>
      </c>
      <c r="G40096" s="8">
        <v>17410407</v>
      </c>
      <c r="H40096" s="8">
        <v>13510479</v>
      </c>
      <c r="I40096" s="8">
        <v>4874910</v>
      </c>
      <c r="J40096" s="8">
        <v>12535497</v>
      </c>
      <c r="K40096" s="9"/>
      <c r="L40096" s="6"/>
    </row>
    <row r="40097" spans="1:12">
      <c r="A40097" s="6" t="s">
        <v>38944</v>
      </c>
      <c r="B40097" s="6"/>
      <c r="C40097" s="6" t="s">
        <v>32230</v>
      </c>
      <c r="D40097" s="6"/>
      <c r="E40097" s="6"/>
      <c r="F40097" s="7">
        <v>42639</v>
      </c>
      <c r="G40097" s="8">
        <v>39250663</v>
      </c>
      <c r="H40097" s="8">
        <v>30458515</v>
      </c>
      <c r="I40097" s="8">
        <v>10990185</v>
      </c>
      <c r="J40097" s="8">
        <v>28260478</v>
      </c>
      <c r="K40097" s="9"/>
      <c r="L40097" s="6"/>
    </row>
    <row r="40098" spans="1:12">
      <c r="A40098" s="6" t="s">
        <v>38945</v>
      </c>
      <c r="B40098" s="6"/>
      <c r="C40098" s="6" t="s">
        <v>32230</v>
      </c>
      <c r="D40098" s="6"/>
      <c r="E40098" s="6"/>
      <c r="F40098" s="7">
        <v>42639</v>
      </c>
      <c r="G40098" s="8">
        <v>19708726</v>
      </c>
      <c r="H40098" s="8">
        <v>15293974</v>
      </c>
      <c r="I40098" s="8">
        <v>5518440</v>
      </c>
      <c r="J40098" s="8">
        <v>14190286</v>
      </c>
      <c r="K40098" s="9"/>
      <c r="L40098" s="6"/>
    </row>
    <row r="40099" spans="1:12">
      <c r="A40099" s="6" t="s">
        <v>38932</v>
      </c>
      <c r="B40099" s="6"/>
      <c r="C40099" s="6" t="s">
        <v>32230</v>
      </c>
      <c r="D40099" s="6"/>
      <c r="E40099" s="6"/>
      <c r="F40099" s="7">
        <v>42639</v>
      </c>
      <c r="G40099" s="8">
        <v>3486522</v>
      </c>
      <c r="H40099" s="8">
        <v>2705542</v>
      </c>
      <c r="I40099" s="8">
        <v>976225</v>
      </c>
      <c r="J40099" s="8">
        <v>2510297</v>
      </c>
      <c r="K40099" s="9"/>
      <c r="L40099" s="6"/>
    </row>
    <row r="40100" spans="1:12">
      <c r="A40100" s="6" t="s">
        <v>38932</v>
      </c>
      <c r="B40100" s="6"/>
      <c r="C40100" s="6" t="s">
        <v>32230</v>
      </c>
      <c r="D40100" s="6"/>
      <c r="E40100" s="6"/>
      <c r="F40100" s="7">
        <v>42639</v>
      </c>
      <c r="G40100" s="8">
        <v>3908954</v>
      </c>
      <c r="H40100" s="8">
        <v>3033350</v>
      </c>
      <c r="I40100" s="8">
        <v>1094505</v>
      </c>
      <c r="J40100" s="8">
        <v>2814449</v>
      </c>
      <c r="K40100" s="9"/>
      <c r="L40100" s="6"/>
    </row>
    <row r="40101" spans="1:12">
      <c r="A40101" s="6" t="s">
        <v>38940</v>
      </c>
      <c r="B40101" s="6"/>
      <c r="C40101" s="6" t="s">
        <v>32230</v>
      </c>
      <c r="D40101" s="6"/>
      <c r="E40101" s="6"/>
      <c r="F40101" s="7">
        <v>42639</v>
      </c>
      <c r="G40101" s="8">
        <v>2560021</v>
      </c>
      <c r="H40101" s="8">
        <v>1986577</v>
      </c>
      <c r="I40101" s="8">
        <v>716805</v>
      </c>
      <c r="J40101" s="8">
        <v>1843216</v>
      </c>
      <c r="K40101" s="9"/>
      <c r="L40101" s="6"/>
    </row>
    <row r="40102" spans="1:12">
      <c r="A40102" s="6" t="s">
        <v>38946</v>
      </c>
      <c r="B40102" s="6"/>
      <c r="C40102" s="6" t="s">
        <v>32230</v>
      </c>
      <c r="D40102" s="6"/>
      <c r="E40102" s="6"/>
      <c r="F40102" s="7">
        <v>42639</v>
      </c>
      <c r="G40102" s="8">
        <v>1069347</v>
      </c>
      <c r="H40102" s="8">
        <v>829815</v>
      </c>
      <c r="I40102" s="8">
        <v>299415</v>
      </c>
      <c r="J40102" s="8">
        <v>769932</v>
      </c>
      <c r="K40102" s="9"/>
      <c r="L40102" s="6"/>
    </row>
    <row r="40103" spans="1:12">
      <c r="A40103" s="6" t="s">
        <v>38947</v>
      </c>
      <c r="B40103" s="6"/>
      <c r="C40103" s="6" t="s">
        <v>32230</v>
      </c>
      <c r="D40103" s="6"/>
      <c r="E40103" s="6"/>
      <c r="F40103" s="7">
        <v>42639</v>
      </c>
      <c r="G40103" s="8">
        <v>54364387</v>
      </c>
      <c r="H40103" s="8">
        <v>32618635</v>
      </c>
      <c r="I40103" s="8">
        <v>27182190</v>
      </c>
      <c r="J40103" s="8">
        <v>27182197</v>
      </c>
      <c r="K40103" s="9"/>
      <c r="L40103" s="6"/>
    </row>
    <row r="40104" spans="1:12">
      <c r="A40104" s="6" t="s">
        <v>38948</v>
      </c>
      <c r="B40104" s="6"/>
      <c r="C40104" s="6" t="s">
        <v>32230</v>
      </c>
      <c r="D40104" s="6"/>
      <c r="E40104" s="6"/>
      <c r="F40104" s="7">
        <v>42639</v>
      </c>
      <c r="G40104" s="8">
        <v>50227128</v>
      </c>
      <c r="H40104" s="8">
        <v>30136280</v>
      </c>
      <c r="I40104" s="8">
        <v>25113560</v>
      </c>
      <c r="J40104" s="8">
        <v>25113568</v>
      </c>
      <c r="K40104" s="9"/>
      <c r="L40104" s="6"/>
    </row>
    <row r="40105" spans="1:12">
      <c r="A40105" s="6" t="s">
        <v>38949</v>
      </c>
      <c r="B40105" s="6"/>
      <c r="C40105" s="6" t="s">
        <v>32230</v>
      </c>
      <c r="D40105" s="6"/>
      <c r="E40105" s="6"/>
      <c r="F40105" s="7">
        <v>42639</v>
      </c>
      <c r="G40105" s="8">
        <v>21566899</v>
      </c>
      <c r="H40105" s="8">
        <v>12940143</v>
      </c>
      <c r="I40105" s="8">
        <v>10783445</v>
      </c>
      <c r="J40105" s="8">
        <v>10783454</v>
      </c>
      <c r="K40105" s="9"/>
      <c r="L40105" s="6"/>
    </row>
    <row r="40106" spans="1:12">
      <c r="A40106" s="6" t="s">
        <v>38950</v>
      </c>
      <c r="B40106" s="6"/>
      <c r="C40106" s="6" t="s">
        <v>32230</v>
      </c>
      <c r="D40106" s="6"/>
      <c r="E40106" s="6"/>
      <c r="F40106" s="7">
        <v>37316</v>
      </c>
      <c r="G40106" s="8">
        <v>835000</v>
      </c>
      <c r="H40106" s="8">
        <v>1</v>
      </c>
      <c r="I40106" s="8">
        <v>834999</v>
      </c>
      <c r="J40106" s="8">
        <v>1</v>
      </c>
      <c r="K40106" s="6"/>
      <c r="L40106" s="6"/>
    </row>
    <row r="40107" spans="1:12">
      <c r="A40107" s="6" t="s">
        <v>38951</v>
      </c>
      <c r="B40107" s="6"/>
      <c r="C40107" s="6" t="s">
        <v>32230</v>
      </c>
      <c r="D40107" s="6"/>
      <c r="E40107" s="6"/>
      <c r="F40107" s="7">
        <v>37305</v>
      </c>
      <c r="G40107" s="8">
        <v>651000</v>
      </c>
      <c r="H40107" s="8">
        <v>1</v>
      </c>
      <c r="I40107" s="8">
        <v>650999</v>
      </c>
      <c r="J40107" s="8">
        <v>1</v>
      </c>
      <c r="K40107" s="6"/>
      <c r="L40107" s="6"/>
    </row>
    <row r="40108" spans="1:12">
      <c r="A40108" s="6" t="s">
        <v>38952</v>
      </c>
      <c r="B40108" s="6"/>
      <c r="C40108" s="6" t="s">
        <v>32230</v>
      </c>
      <c r="D40108" s="6"/>
      <c r="E40108" s="6"/>
      <c r="F40108" s="7">
        <v>36612</v>
      </c>
      <c r="G40108" s="8">
        <v>992250</v>
      </c>
      <c r="H40108" s="8">
        <v>1</v>
      </c>
      <c r="I40108" s="8">
        <v>992249</v>
      </c>
      <c r="J40108" s="8">
        <v>1</v>
      </c>
      <c r="K40108" s="9"/>
      <c r="L40108" s="6"/>
    </row>
    <row r="40109" spans="1:12">
      <c r="A40109" s="6" t="s">
        <v>38953</v>
      </c>
      <c r="B40109" s="6"/>
      <c r="C40109" s="6" t="s">
        <v>32230</v>
      </c>
      <c r="D40109" s="6"/>
      <c r="E40109" s="6"/>
      <c r="F40109" s="7">
        <v>42815</v>
      </c>
      <c r="G40109" s="8">
        <v>540000</v>
      </c>
      <c r="H40109" s="8">
        <v>179280</v>
      </c>
      <c r="I40109" s="8">
        <v>450900</v>
      </c>
      <c r="J40109" s="8">
        <v>89100</v>
      </c>
      <c r="K40109" s="9"/>
      <c r="L40109" s="6"/>
    </row>
    <row r="40110" spans="1:12">
      <c r="A40110" s="6" t="s">
        <v>38954</v>
      </c>
      <c r="B40110" s="6"/>
      <c r="C40110" s="6" t="s">
        <v>32230</v>
      </c>
      <c r="D40110" s="6"/>
      <c r="E40110" s="6"/>
      <c r="F40110" s="7">
        <v>43318</v>
      </c>
      <c r="G40110" s="8">
        <v>729000</v>
      </c>
      <c r="H40110" s="8">
        <v>485514</v>
      </c>
      <c r="I40110" s="8">
        <v>365229</v>
      </c>
      <c r="J40110" s="8">
        <v>363771</v>
      </c>
      <c r="K40110" s="9"/>
      <c r="L40110" s="6"/>
    </row>
    <row r="40111" spans="1:12">
      <c r="A40111" s="6" t="s">
        <v>38955</v>
      </c>
      <c r="B40111" s="6"/>
      <c r="C40111" s="6"/>
      <c r="D40111" s="6"/>
      <c r="E40111" s="6"/>
      <c r="F40111" s="7"/>
      <c r="G40111" s="8">
        <v>27560786</v>
      </c>
      <c r="H40111" s="8">
        <v>0</v>
      </c>
      <c r="I40111" s="8">
        <v>0</v>
      </c>
      <c r="J40111" s="8">
        <v>27560786</v>
      </c>
      <c r="K40111" s="9"/>
      <c r="L40111" s="6"/>
    </row>
    <row r="40112" spans="1:12">
      <c r="A40112" s="6" t="s">
        <v>38956</v>
      </c>
      <c r="B40112" s="6"/>
      <c r="C40112" s="6"/>
      <c r="D40112" s="6"/>
      <c r="E40112" s="6"/>
      <c r="F40112" s="7"/>
      <c r="G40112" s="8">
        <v>2999150</v>
      </c>
      <c r="H40112" s="8">
        <v>0</v>
      </c>
      <c r="I40112" s="8">
        <v>0</v>
      </c>
      <c r="J40112" s="8">
        <v>2999150</v>
      </c>
      <c r="K40112" s="9"/>
      <c r="L40112" s="6"/>
    </row>
    <row r="40113" spans="1:12">
      <c r="A40113" s="6" t="s">
        <v>38957</v>
      </c>
      <c r="B40113" s="6"/>
      <c r="C40113" s="6"/>
      <c r="D40113" s="6"/>
      <c r="E40113" s="6"/>
      <c r="F40113" s="12">
        <v>44511</v>
      </c>
      <c r="G40113" s="8">
        <v>1535600</v>
      </c>
      <c r="H40113" s="8">
        <v>0</v>
      </c>
      <c r="I40113" s="8">
        <v>0</v>
      </c>
      <c r="J40113" s="8">
        <v>1535600</v>
      </c>
      <c r="K40113" s="9"/>
      <c r="L40113" s="6"/>
    </row>
    <row r="40114" spans="1:12">
      <c r="A40114" s="6" t="s">
        <v>38958</v>
      </c>
      <c r="B40114" s="6"/>
      <c r="C40114" s="6"/>
      <c r="D40114" s="6"/>
      <c r="E40114" s="6"/>
      <c r="F40114" s="7"/>
      <c r="G40114" s="8">
        <v>9515000</v>
      </c>
      <c r="H40114" s="8">
        <v>0</v>
      </c>
      <c r="I40114" s="8">
        <v>0</v>
      </c>
      <c r="J40114" s="8">
        <v>9515000</v>
      </c>
      <c r="K40114" s="9"/>
      <c r="L40114" s="6"/>
    </row>
    <row r="40115" spans="1:12">
      <c r="A40115" s="6" t="s">
        <v>38959</v>
      </c>
      <c r="B40115" s="6"/>
      <c r="C40115" s="6"/>
      <c r="D40115" s="6"/>
      <c r="E40115" s="6"/>
      <c r="F40115" s="7"/>
      <c r="G40115" s="8">
        <v>4995100</v>
      </c>
      <c r="H40115" s="8">
        <v>0</v>
      </c>
      <c r="I40115" s="8">
        <v>0</v>
      </c>
      <c r="J40115" s="8">
        <v>4995100</v>
      </c>
      <c r="K40115" s="9"/>
      <c r="L40115" s="6"/>
    </row>
    <row r="40116" spans="1:12">
      <c r="A40116" s="6" t="s">
        <v>38960</v>
      </c>
      <c r="B40116" s="6"/>
      <c r="C40116" s="6"/>
      <c r="D40116" s="6"/>
      <c r="E40116" s="6"/>
      <c r="F40116" s="7"/>
      <c r="G40116" s="8">
        <v>12925000</v>
      </c>
      <c r="H40116" s="8">
        <v>0</v>
      </c>
      <c r="I40116" s="8">
        <v>0</v>
      </c>
      <c r="J40116" s="8">
        <v>12925000</v>
      </c>
      <c r="K40116" s="9"/>
      <c r="L40116" s="6"/>
    </row>
    <row r="40117" spans="1:12">
      <c r="A40117" s="6" t="s">
        <v>38961</v>
      </c>
      <c r="B40117" s="6"/>
      <c r="C40117" s="6"/>
      <c r="D40117" s="6"/>
      <c r="E40117" s="6"/>
      <c r="F40117" s="7"/>
      <c r="G40117" s="8">
        <v>16280000</v>
      </c>
      <c r="H40117" s="8">
        <v>0</v>
      </c>
      <c r="I40117" s="8">
        <v>0</v>
      </c>
      <c r="J40117" s="8">
        <v>16280000</v>
      </c>
      <c r="K40117" s="9"/>
      <c r="L40117" s="6"/>
    </row>
    <row r="40118" spans="1:12">
      <c r="A40118" s="6" t="s">
        <v>38962</v>
      </c>
      <c r="B40118" s="6"/>
      <c r="C40118" s="6"/>
      <c r="D40118" s="6"/>
      <c r="E40118" s="6"/>
      <c r="F40118" s="7"/>
      <c r="G40118" s="8">
        <v>660000</v>
      </c>
      <c r="H40118" s="8">
        <v>0</v>
      </c>
      <c r="I40118" s="8">
        <v>0</v>
      </c>
      <c r="J40118" s="8">
        <v>660000</v>
      </c>
      <c r="K40118" s="9"/>
      <c r="L40118" s="6"/>
    </row>
    <row r="40119" spans="1:12">
      <c r="A40119" s="6" t="s">
        <v>38963</v>
      </c>
      <c r="B40119" s="6"/>
      <c r="C40119" s="6"/>
      <c r="D40119" s="6"/>
      <c r="E40119" s="6"/>
      <c r="F40119" s="7"/>
      <c r="G40119" s="8">
        <v>29975000</v>
      </c>
      <c r="H40119" s="8">
        <v>0</v>
      </c>
      <c r="I40119" s="8">
        <v>0</v>
      </c>
      <c r="J40119" s="8">
        <v>29975000</v>
      </c>
      <c r="K40119" s="9"/>
      <c r="L40119" s="6"/>
    </row>
    <row r="40120" spans="1:12">
      <c r="A40120" s="6" t="s">
        <v>38964</v>
      </c>
      <c r="B40120" s="6"/>
      <c r="C40120" s="6"/>
      <c r="D40120" s="6"/>
      <c r="E40120" s="6"/>
      <c r="F40120" s="7"/>
      <c r="G40120" s="8">
        <v>6556000</v>
      </c>
      <c r="H40120" s="8">
        <v>0</v>
      </c>
      <c r="I40120" s="8">
        <v>0</v>
      </c>
      <c r="J40120" s="8">
        <v>6556000</v>
      </c>
      <c r="K40120" s="9"/>
      <c r="L40120" s="6"/>
    </row>
    <row r="40121" spans="1:12">
      <c r="A40121" s="6" t="s">
        <v>38965</v>
      </c>
      <c r="B40121" s="6"/>
      <c r="C40121" s="6"/>
      <c r="D40121" s="6"/>
      <c r="E40121" s="6"/>
      <c r="F40121" s="7"/>
      <c r="G40121" s="8">
        <v>759000</v>
      </c>
      <c r="H40121" s="8">
        <v>0</v>
      </c>
      <c r="I40121" s="8">
        <v>0</v>
      </c>
      <c r="J40121" s="8">
        <v>759000</v>
      </c>
      <c r="K40121" s="9"/>
      <c r="L40121" s="6"/>
    </row>
    <row r="40122" spans="1:12">
      <c r="A40122" s="6" t="s">
        <v>38966</v>
      </c>
      <c r="B40122" s="6"/>
      <c r="C40122" s="6" t="s">
        <v>32230</v>
      </c>
      <c r="D40122" s="6"/>
      <c r="E40122" s="6"/>
      <c r="F40122" s="7">
        <v>39073</v>
      </c>
      <c r="G40122" s="8">
        <v>8715000</v>
      </c>
      <c r="H40122" s="8">
        <v>1</v>
      </c>
      <c r="I40122" s="8">
        <v>8714999</v>
      </c>
      <c r="J40122" s="8">
        <v>1</v>
      </c>
      <c r="K40122" s="9"/>
      <c r="L40122" s="6"/>
    </row>
    <row r="40123" spans="1:12">
      <c r="A40123" s="6" t="s">
        <v>38967</v>
      </c>
      <c r="B40123" s="6"/>
      <c r="C40123" s="6" t="s">
        <v>32230</v>
      </c>
      <c r="D40123" s="6"/>
      <c r="E40123" s="6"/>
      <c r="F40123" s="7">
        <v>39073</v>
      </c>
      <c r="G40123" s="8">
        <v>8715000</v>
      </c>
      <c r="H40123" s="8">
        <v>1</v>
      </c>
      <c r="I40123" s="8">
        <v>8714999</v>
      </c>
      <c r="J40123" s="8">
        <v>1</v>
      </c>
      <c r="K40123" s="9"/>
      <c r="L40123" s="6"/>
    </row>
    <row r="40124" spans="1:12">
      <c r="A40124" s="6" t="s">
        <v>38968</v>
      </c>
      <c r="B40124" s="6"/>
      <c r="C40124" s="6" t="s">
        <v>32230</v>
      </c>
      <c r="D40124" s="6"/>
      <c r="E40124" s="6"/>
      <c r="F40124" s="7">
        <v>41543</v>
      </c>
      <c r="G40124" s="8">
        <v>13093500</v>
      </c>
      <c r="H40124" s="8">
        <v>1</v>
      </c>
      <c r="I40124" s="8">
        <v>13093499</v>
      </c>
      <c r="J40124" s="8">
        <v>1</v>
      </c>
      <c r="K40124" s="9"/>
      <c r="L40124" s="6"/>
    </row>
    <row r="40125" spans="1:12">
      <c r="A40125" s="6" t="s">
        <v>38969</v>
      </c>
      <c r="B40125" s="6"/>
      <c r="C40125" s="6" t="s">
        <v>32230</v>
      </c>
      <c r="D40125" s="6"/>
      <c r="E40125" s="6"/>
      <c r="F40125" s="7">
        <v>41199</v>
      </c>
      <c r="G40125" s="8">
        <v>12600000</v>
      </c>
      <c r="H40125" s="8">
        <v>1</v>
      </c>
      <c r="I40125" s="8">
        <v>12599999</v>
      </c>
      <c r="J40125" s="8">
        <v>1</v>
      </c>
      <c r="K40125" s="9"/>
      <c r="L40125" s="6"/>
    </row>
    <row r="40126" spans="1:12">
      <c r="A40126" s="6" t="s">
        <v>38970</v>
      </c>
      <c r="B40126" s="6"/>
      <c r="C40126" s="6" t="s">
        <v>32230</v>
      </c>
      <c r="D40126" s="6"/>
      <c r="E40126" s="6"/>
      <c r="F40126" s="7">
        <v>43069</v>
      </c>
      <c r="G40126" s="8">
        <v>14148000</v>
      </c>
      <c r="H40126" s="8">
        <v>5659200</v>
      </c>
      <c r="I40126" s="8">
        <v>11318400</v>
      </c>
      <c r="J40126" s="8">
        <v>2829600</v>
      </c>
      <c r="K40126" s="9"/>
      <c r="L40126" s="6"/>
    </row>
    <row r="40127" spans="1:12">
      <c r="A40127" s="6" t="s">
        <v>38971</v>
      </c>
      <c r="B40127" s="6"/>
      <c r="C40127" s="6" t="s">
        <v>32230</v>
      </c>
      <c r="D40127" s="6"/>
      <c r="E40127" s="6"/>
      <c r="F40127" s="7">
        <v>37924</v>
      </c>
      <c r="G40127" s="8">
        <v>2050000</v>
      </c>
      <c r="H40127" s="8">
        <v>1</v>
      </c>
      <c r="I40127" s="8">
        <v>2049999</v>
      </c>
      <c r="J40127" s="8">
        <v>1</v>
      </c>
      <c r="K40127" s="9"/>
      <c r="L40127" s="6"/>
    </row>
    <row r="40128" spans="1:12">
      <c r="A40128" s="6" t="s">
        <v>38972</v>
      </c>
      <c r="B40128" s="6"/>
      <c r="C40128" s="6" t="s">
        <v>32230</v>
      </c>
      <c r="D40128" s="6"/>
      <c r="E40128" s="6"/>
      <c r="F40128" s="7">
        <v>42355</v>
      </c>
      <c r="G40128" s="8">
        <v>1333800</v>
      </c>
      <c r="H40128" s="8">
        <v>220080</v>
      </c>
      <c r="I40128" s="8">
        <v>1333799</v>
      </c>
      <c r="J40128" s="8">
        <v>1</v>
      </c>
      <c r="K40128" s="9"/>
      <c r="L40128" s="6"/>
    </row>
    <row r="40129" spans="1:12">
      <c r="A40129" s="6" t="s">
        <v>38972</v>
      </c>
      <c r="B40129" s="6"/>
      <c r="C40129" s="6" t="s">
        <v>32230</v>
      </c>
      <c r="D40129" s="6"/>
      <c r="E40129" s="6"/>
      <c r="F40129" s="7">
        <v>42355</v>
      </c>
      <c r="G40129" s="8">
        <v>1414800</v>
      </c>
      <c r="H40129" s="8">
        <v>233445</v>
      </c>
      <c r="I40129" s="8">
        <v>1414799</v>
      </c>
      <c r="J40129" s="8">
        <v>1</v>
      </c>
      <c r="K40129" s="9"/>
      <c r="L40129" s="6"/>
    </row>
    <row r="40130" spans="1:12">
      <c r="A40130" s="6" t="s">
        <v>38973</v>
      </c>
      <c r="B40130" s="6"/>
      <c r="C40130" s="6" t="s">
        <v>32230</v>
      </c>
      <c r="D40130" s="6"/>
      <c r="E40130" s="6"/>
      <c r="F40130" s="7">
        <v>42355</v>
      </c>
      <c r="G40130" s="8">
        <v>2160000</v>
      </c>
      <c r="H40130" s="8">
        <v>1</v>
      </c>
      <c r="I40130" s="8">
        <v>2159999</v>
      </c>
      <c r="J40130" s="8">
        <v>1</v>
      </c>
      <c r="K40130" s="9"/>
      <c r="L40130" s="6"/>
    </row>
    <row r="40131" spans="1:12">
      <c r="A40131" s="6" t="s">
        <v>38974</v>
      </c>
      <c r="B40131" s="6"/>
      <c r="C40131" s="6" t="s">
        <v>32230</v>
      </c>
      <c r="D40131" s="6"/>
      <c r="E40131" s="6"/>
      <c r="F40131" s="7">
        <v>42355</v>
      </c>
      <c r="G40131" s="8">
        <v>1728000</v>
      </c>
      <c r="H40131" s="8">
        <v>1</v>
      </c>
      <c r="I40131" s="8">
        <v>1727999</v>
      </c>
      <c r="J40131" s="8">
        <v>1</v>
      </c>
      <c r="K40131" s="9"/>
      <c r="L40131" s="6"/>
    </row>
    <row r="40132" spans="1:12">
      <c r="A40132" s="6" t="s">
        <v>38975</v>
      </c>
      <c r="B40132" s="6"/>
      <c r="C40132" s="6" t="s">
        <v>32230</v>
      </c>
      <c r="D40132" s="6"/>
      <c r="E40132" s="6"/>
      <c r="F40132" s="7">
        <v>37225</v>
      </c>
      <c r="G40132" s="8">
        <v>104737500</v>
      </c>
      <c r="H40132" s="8">
        <v>1</v>
      </c>
      <c r="I40132" s="8">
        <v>104737499</v>
      </c>
      <c r="J40132" s="8">
        <v>1</v>
      </c>
      <c r="K40132" s="9"/>
      <c r="L40132" s="6"/>
    </row>
    <row r="40133" spans="1:12">
      <c r="A40133" s="6" t="s">
        <v>38976</v>
      </c>
      <c r="B40133" s="6"/>
      <c r="C40133" s="6" t="s">
        <v>32230</v>
      </c>
      <c r="D40133" s="6" t="s">
        <v>6171</v>
      </c>
      <c r="E40133" s="6"/>
      <c r="F40133" s="7"/>
      <c r="G40133" s="8">
        <v>0</v>
      </c>
      <c r="H40133" s="8">
        <v>0</v>
      </c>
      <c r="I40133" s="8">
        <v>0</v>
      </c>
      <c r="J40133" s="8">
        <v>-1</v>
      </c>
      <c r="K40133" s="9"/>
      <c r="L40133" s="6"/>
    </row>
    <row r="40134" spans="1:12">
      <c r="A40134" s="6" t="s">
        <v>38975</v>
      </c>
      <c r="B40134" s="6"/>
      <c r="C40134" s="6" t="s">
        <v>32230</v>
      </c>
      <c r="D40134" s="6"/>
      <c r="E40134" s="6"/>
      <c r="F40134" s="7">
        <v>39869</v>
      </c>
      <c r="G40134" s="8">
        <v>23625000</v>
      </c>
      <c r="H40134" s="8">
        <v>1</v>
      </c>
      <c r="I40134" s="8">
        <v>23624999</v>
      </c>
      <c r="J40134" s="8">
        <v>1</v>
      </c>
      <c r="K40134" s="9"/>
      <c r="L40134" s="6"/>
    </row>
    <row r="40135" spans="1:12">
      <c r="A40135" s="6" t="s">
        <v>38975</v>
      </c>
      <c r="B40135" s="6"/>
      <c r="C40135" s="6" t="s">
        <v>32230</v>
      </c>
      <c r="D40135" s="6"/>
      <c r="E40135" s="6"/>
      <c r="F40135" s="7">
        <v>36210</v>
      </c>
      <c r="G40135" s="8">
        <v>3899600</v>
      </c>
      <c r="H40135" s="8">
        <v>1</v>
      </c>
      <c r="I40135" s="8">
        <v>3899599</v>
      </c>
      <c r="J40135" s="8">
        <v>1</v>
      </c>
      <c r="K40135" s="9"/>
      <c r="L40135" s="6"/>
    </row>
    <row r="40136" spans="1:12">
      <c r="A40136" s="6" t="s">
        <v>38977</v>
      </c>
      <c r="B40136" s="6"/>
      <c r="C40136" s="6" t="s">
        <v>32230</v>
      </c>
      <c r="D40136" s="6"/>
      <c r="E40136" s="6"/>
      <c r="F40136" s="7">
        <v>41962</v>
      </c>
      <c r="G40136" s="8">
        <v>14256000</v>
      </c>
      <c r="H40136" s="8">
        <v>1</v>
      </c>
      <c r="I40136" s="8">
        <v>14255999</v>
      </c>
      <c r="J40136" s="8">
        <v>1</v>
      </c>
      <c r="K40136" s="9"/>
      <c r="L40136" s="6"/>
    </row>
    <row r="40137" spans="1:12">
      <c r="A40137" s="6" t="s">
        <v>38978</v>
      </c>
      <c r="B40137" s="6"/>
      <c r="C40137" s="6" t="s">
        <v>32230</v>
      </c>
      <c r="D40137" s="6"/>
      <c r="E40137" s="6"/>
      <c r="F40137" s="7">
        <v>41962</v>
      </c>
      <c r="G40137" s="8">
        <v>14256000</v>
      </c>
      <c r="H40137" s="8">
        <v>1</v>
      </c>
      <c r="I40137" s="8">
        <v>14255999</v>
      </c>
      <c r="J40137" s="8">
        <v>1</v>
      </c>
      <c r="K40137" s="9"/>
      <c r="L40137" s="6"/>
    </row>
    <row r="40138" spans="1:12">
      <c r="A40138" s="6" t="s">
        <v>38979</v>
      </c>
      <c r="B40138" s="6"/>
      <c r="C40138" s="6" t="s">
        <v>32230</v>
      </c>
      <c r="D40138" s="6"/>
      <c r="E40138" s="6"/>
      <c r="F40138" s="7">
        <v>43409</v>
      </c>
      <c r="G40138" s="8">
        <v>14148000</v>
      </c>
      <c r="H40138" s="8">
        <v>8488800</v>
      </c>
      <c r="I40138" s="8">
        <v>8488800</v>
      </c>
      <c r="J40138" s="8">
        <v>5659200</v>
      </c>
      <c r="K40138" s="9"/>
      <c r="L40138" s="6"/>
    </row>
    <row r="40139" spans="1:12">
      <c r="A40139" s="6" t="s">
        <v>38980</v>
      </c>
      <c r="B40139" s="6"/>
      <c r="C40139" s="6" t="s">
        <v>32230</v>
      </c>
      <c r="D40139" s="6"/>
      <c r="E40139" s="6"/>
      <c r="F40139" s="7">
        <v>34809</v>
      </c>
      <c r="G40139" s="8">
        <v>900000</v>
      </c>
      <c r="H40139" s="8">
        <v>1</v>
      </c>
      <c r="I40139" s="8">
        <v>899999</v>
      </c>
      <c r="J40139" s="8">
        <v>1</v>
      </c>
      <c r="K40139" s="9"/>
      <c r="L40139" s="6"/>
    </row>
    <row r="40140" spans="1:12">
      <c r="A40140" s="6" t="s">
        <v>38981</v>
      </c>
      <c r="B40140" s="6"/>
      <c r="C40140" s="6" t="s">
        <v>32230</v>
      </c>
      <c r="D40140" s="6"/>
      <c r="E40140" s="6"/>
      <c r="F40140" s="7">
        <v>35606</v>
      </c>
      <c r="G40140" s="8">
        <v>840000</v>
      </c>
      <c r="H40140" s="8">
        <v>1</v>
      </c>
      <c r="I40140" s="8">
        <v>839999</v>
      </c>
      <c r="J40140" s="8">
        <v>1</v>
      </c>
      <c r="K40140" s="9"/>
      <c r="L40140" s="6"/>
    </row>
    <row r="40141" spans="1:12">
      <c r="A40141" s="6" t="s">
        <v>38982</v>
      </c>
      <c r="B40141" s="6"/>
      <c r="C40141" s="6" t="s">
        <v>32230</v>
      </c>
      <c r="D40141" s="6"/>
      <c r="E40141" s="6"/>
      <c r="F40141" s="7">
        <v>35657</v>
      </c>
      <c r="G40141" s="8">
        <v>3097500</v>
      </c>
      <c r="H40141" s="8">
        <v>1</v>
      </c>
      <c r="I40141" s="8">
        <v>3097499</v>
      </c>
      <c r="J40141" s="8">
        <v>1</v>
      </c>
      <c r="K40141" s="9"/>
      <c r="L40141" s="6"/>
    </row>
    <row r="40142" spans="1:12">
      <c r="A40142" s="6" t="s">
        <v>38983</v>
      </c>
      <c r="B40142" s="6"/>
      <c r="C40142" s="6" t="s">
        <v>32230</v>
      </c>
      <c r="D40142" s="6"/>
      <c r="E40142" s="6"/>
      <c r="F40142" s="7">
        <v>35031</v>
      </c>
      <c r="G40142" s="8">
        <v>1000000</v>
      </c>
      <c r="H40142" s="8">
        <v>1</v>
      </c>
      <c r="I40142" s="8">
        <v>999999</v>
      </c>
      <c r="J40142" s="8">
        <v>1</v>
      </c>
      <c r="K40142" s="9"/>
      <c r="L40142" s="6"/>
    </row>
    <row r="40143" spans="1:12">
      <c r="A40143" s="6" t="s">
        <v>38984</v>
      </c>
      <c r="B40143" s="6"/>
      <c r="C40143" s="6" t="s">
        <v>32230</v>
      </c>
      <c r="D40143" s="6"/>
      <c r="E40143" s="6"/>
      <c r="F40143" s="7">
        <v>42460</v>
      </c>
      <c r="G40143" s="8">
        <v>5000000</v>
      </c>
      <c r="H40143" s="8">
        <v>825000</v>
      </c>
      <c r="I40143" s="8">
        <v>4999999</v>
      </c>
      <c r="J40143" s="8">
        <v>1</v>
      </c>
      <c r="K40143" s="9"/>
      <c r="L40143" s="6"/>
    </row>
    <row r="40144" spans="1:12">
      <c r="A40144" s="6" t="s">
        <v>38984</v>
      </c>
      <c r="B40144" s="6"/>
      <c r="C40144" s="6" t="s">
        <v>32230</v>
      </c>
      <c r="D40144" s="6"/>
      <c r="E40144" s="6"/>
      <c r="F40144" s="7">
        <v>42475</v>
      </c>
      <c r="G40144" s="8">
        <v>19000000</v>
      </c>
      <c r="H40144" s="8">
        <v>3800000</v>
      </c>
      <c r="I40144" s="8">
        <v>18999999</v>
      </c>
      <c r="J40144" s="8">
        <v>1</v>
      </c>
      <c r="K40144" s="9"/>
      <c r="L40144" s="6"/>
    </row>
    <row r="40145" spans="1:12">
      <c r="A40145" s="6" t="s">
        <v>38985</v>
      </c>
      <c r="B40145" s="6"/>
      <c r="C40145" s="6" t="s">
        <v>32230</v>
      </c>
      <c r="D40145" s="6"/>
      <c r="E40145" s="6"/>
      <c r="F40145" s="7">
        <v>44286</v>
      </c>
      <c r="G40145" s="8">
        <v>4991250</v>
      </c>
      <c r="H40145" s="8">
        <v>4991250</v>
      </c>
      <c r="I40145" s="8">
        <v>1667077</v>
      </c>
      <c r="J40145" s="8">
        <v>3324173</v>
      </c>
      <c r="K40145" s="9"/>
      <c r="L40145" s="6"/>
    </row>
    <row r="40146" spans="1:12">
      <c r="A40146" s="6" t="s">
        <v>38985</v>
      </c>
      <c r="B40146" s="6"/>
      <c r="C40146" s="6" t="s">
        <v>32230</v>
      </c>
      <c r="D40146" s="6"/>
      <c r="E40146" s="6"/>
      <c r="F40146" s="7">
        <v>44286</v>
      </c>
      <c r="G40146" s="8">
        <v>4991250</v>
      </c>
      <c r="H40146" s="8">
        <v>4991250</v>
      </c>
      <c r="I40146" s="8">
        <v>1667077</v>
      </c>
      <c r="J40146" s="8">
        <v>3324173</v>
      </c>
      <c r="K40146" s="9"/>
      <c r="L40146" s="6"/>
    </row>
    <row r="40147" spans="1:12">
      <c r="A40147" s="6" t="s">
        <v>38986</v>
      </c>
      <c r="B40147" s="6"/>
      <c r="C40147" s="6" t="s">
        <v>32230</v>
      </c>
      <c r="D40147" s="6"/>
      <c r="E40147" s="6"/>
      <c r="F40147" s="7">
        <v>44280</v>
      </c>
      <c r="G40147" s="8">
        <v>13970418</v>
      </c>
      <c r="H40147" s="8">
        <v>13970418</v>
      </c>
      <c r="I40147" s="8">
        <v>2333059</v>
      </c>
      <c r="J40147" s="8">
        <v>11637359</v>
      </c>
      <c r="K40147" s="9"/>
      <c r="L40147" s="6"/>
    </row>
    <row r="40148" spans="1:12">
      <c r="A40148" s="6" t="s">
        <v>38987</v>
      </c>
      <c r="B40148" s="6"/>
      <c r="C40148" s="6" t="s">
        <v>32230</v>
      </c>
      <c r="D40148" s="6"/>
      <c r="E40148" s="6"/>
      <c r="F40148" s="7">
        <v>44124</v>
      </c>
      <c r="G40148" s="8">
        <v>715000</v>
      </c>
      <c r="H40148" s="8">
        <v>715000</v>
      </c>
      <c r="I40148" s="8">
        <v>143000</v>
      </c>
      <c r="J40148" s="8">
        <v>572000</v>
      </c>
      <c r="K40148" s="9"/>
      <c r="L40148" s="6"/>
    </row>
    <row r="40149" spans="1:12">
      <c r="A40149" s="6" t="s">
        <v>38988</v>
      </c>
      <c r="B40149" s="6"/>
      <c r="C40149" s="6" t="s">
        <v>32230</v>
      </c>
      <c r="D40149" s="6"/>
      <c r="E40149" s="6"/>
      <c r="F40149" s="7">
        <v>44124</v>
      </c>
      <c r="G40149" s="8">
        <v>715000</v>
      </c>
      <c r="H40149" s="8">
        <v>715000</v>
      </c>
      <c r="I40149" s="8">
        <v>143000</v>
      </c>
      <c r="J40149" s="8">
        <v>572000</v>
      </c>
      <c r="K40149" s="9"/>
      <c r="L40149" s="6"/>
    </row>
    <row r="40150" spans="1:12">
      <c r="A40150" s="6" t="s">
        <v>38989</v>
      </c>
      <c r="B40150" s="6"/>
      <c r="C40150" s="6" t="s">
        <v>32230</v>
      </c>
      <c r="D40150" s="6"/>
      <c r="E40150" s="6"/>
      <c r="F40150" s="7">
        <v>36407</v>
      </c>
      <c r="G40150" s="8">
        <v>2496900</v>
      </c>
      <c r="H40150" s="8">
        <v>1</v>
      </c>
      <c r="I40150" s="8">
        <v>2496899</v>
      </c>
      <c r="J40150" s="8">
        <v>1</v>
      </c>
      <c r="K40150" s="9"/>
      <c r="L40150" s="6"/>
    </row>
    <row r="40151" spans="1:12">
      <c r="A40151" s="6" t="s">
        <v>38990</v>
      </c>
      <c r="B40151" s="6"/>
      <c r="C40151" s="6" t="s">
        <v>32230</v>
      </c>
      <c r="D40151" s="6"/>
      <c r="E40151" s="6"/>
      <c r="F40151" s="7">
        <v>39539</v>
      </c>
      <c r="G40151" s="8">
        <v>525000</v>
      </c>
      <c r="H40151" s="8">
        <v>102900</v>
      </c>
      <c r="I40151" s="8">
        <v>457275</v>
      </c>
      <c r="J40151" s="8">
        <v>67725</v>
      </c>
      <c r="K40151" s="9"/>
      <c r="L40151" s="6"/>
    </row>
    <row r="40152" spans="1:12">
      <c r="A40152" s="6" t="s">
        <v>38991</v>
      </c>
      <c r="B40152" s="6"/>
      <c r="C40152" s="6" t="s">
        <v>32230</v>
      </c>
      <c r="D40152" s="6"/>
      <c r="E40152" s="6"/>
      <c r="F40152" s="7">
        <v>36251</v>
      </c>
      <c r="G40152" s="8">
        <v>598500</v>
      </c>
      <c r="H40152" s="8">
        <v>1</v>
      </c>
      <c r="I40152" s="8">
        <v>598499</v>
      </c>
      <c r="J40152" s="8">
        <v>1</v>
      </c>
      <c r="K40152" s="9"/>
      <c r="L40152" s="6"/>
    </row>
    <row r="40153" spans="1:12">
      <c r="A40153" s="6" t="s">
        <v>38992</v>
      </c>
      <c r="B40153" s="6"/>
      <c r="C40153" s="6" t="s">
        <v>32230</v>
      </c>
      <c r="D40153" s="6"/>
      <c r="E40153" s="6"/>
      <c r="F40153" s="7">
        <v>38657</v>
      </c>
      <c r="G40153" s="8">
        <v>787500</v>
      </c>
      <c r="H40153" s="8">
        <v>1</v>
      </c>
      <c r="I40153" s="8">
        <v>787499</v>
      </c>
      <c r="J40153" s="8">
        <v>1</v>
      </c>
      <c r="K40153" s="9"/>
      <c r="L40153" s="6"/>
    </row>
    <row r="40154" spans="1:12">
      <c r="A40154" s="6" t="s">
        <v>38993</v>
      </c>
      <c r="B40154" s="6"/>
      <c r="C40154" s="6" t="s">
        <v>32230</v>
      </c>
      <c r="D40154" s="6"/>
      <c r="E40154" s="6"/>
      <c r="F40154" s="7">
        <v>38077</v>
      </c>
      <c r="G40154" s="8">
        <v>2330000</v>
      </c>
      <c r="H40154" s="8">
        <v>1</v>
      </c>
      <c r="I40154" s="8">
        <v>2329999</v>
      </c>
      <c r="J40154" s="8">
        <v>1</v>
      </c>
      <c r="K40154" s="9"/>
      <c r="L40154" s="6"/>
    </row>
    <row r="40155" spans="1:12">
      <c r="A40155" s="6" t="s">
        <v>38994</v>
      </c>
      <c r="B40155" s="6"/>
      <c r="C40155" s="6" t="s">
        <v>32230</v>
      </c>
      <c r="D40155" s="6"/>
      <c r="E40155" s="6"/>
      <c r="F40155" s="7">
        <v>40634</v>
      </c>
      <c r="G40155" s="8">
        <v>1218000</v>
      </c>
      <c r="H40155" s="8">
        <v>1</v>
      </c>
      <c r="I40155" s="8">
        <v>1217999</v>
      </c>
      <c r="J40155" s="8">
        <v>1</v>
      </c>
      <c r="K40155" s="9"/>
      <c r="L40155" s="6"/>
    </row>
    <row r="40156" spans="1:12" s="17" customFormat="1">
      <c r="A40156" s="26" t="s">
        <v>39179</v>
      </c>
      <c r="B40156" s="26"/>
      <c r="C40156" s="26" t="s">
        <v>32230</v>
      </c>
      <c r="D40156" s="26"/>
      <c r="E40156" s="26"/>
      <c r="F40156" s="23">
        <v>35520</v>
      </c>
      <c r="G40156" s="24">
        <v>1000000</v>
      </c>
      <c r="H40156" s="24">
        <v>1</v>
      </c>
      <c r="I40156" s="24">
        <v>999999</v>
      </c>
      <c r="J40156" s="24">
        <v>1</v>
      </c>
      <c r="K40156" s="27"/>
      <c r="L40156" s="11"/>
    </row>
    <row r="40157" spans="1:12">
      <c r="A40157" s="6" t="s">
        <v>38995</v>
      </c>
      <c r="B40157" s="6"/>
      <c r="C40157" s="6"/>
      <c r="D40157" s="6"/>
      <c r="E40157" s="6"/>
      <c r="F40157" s="7">
        <v>39059</v>
      </c>
      <c r="G40157" s="8">
        <v>0</v>
      </c>
      <c r="H40157" s="8">
        <v>0</v>
      </c>
      <c r="I40157" s="8">
        <v>0</v>
      </c>
      <c r="J40157" s="8">
        <v>0</v>
      </c>
      <c r="K40157" s="9"/>
      <c r="L40157" s="6"/>
    </row>
    <row r="40158" spans="1:12">
      <c r="A40158" s="6" t="s">
        <v>38996</v>
      </c>
      <c r="B40158" s="6"/>
      <c r="C40158" s="6" t="s">
        <v>32230</v>
      </c>
      <c r="D40158" s="6"/>
      <c r="E40158" s="6"/>
      <c r="F40158" s="7">
        <v>37711</v>
      </c>
      <c r="G40158" s="8">
        <v>5250000</v>
      </c>
      <c r="H40158" s="8">
        <v>5250000</v>
      </c>
      <c r="I40158" s="8">
        <v>0</v>
      </c>
      <c r="J40158" s="8">
        <v>5250000</v>
      </c>
      <c r="K40158" s="9"/>
      <c r="L40158" s="6"/>
    </row>
    <row r="40159" spans="1:12">
      <c r="A40159" s="6" t="s">
        <v>38996</v>
      </c>
      <c r="B40159" s="6"/>
      <c r="C40159" s="6" t="s">
        <v>32230</v>
      </c>
      <c r="D40159" s="6"/>
      <c r="E40159" s="6"/>
      <c r="F40159" s="7">
        <v>37021</v>
      </c>
      <c r="G40159" s="8">
        <v>5250000</v>
      </c>
      <c r="H40159" s="8">
        <v>5250000</v>
      </c>
      <c r="I40159" s="8">
        <v>0</v>
      </c>
      <c r="J40159" s="8">
        <v>5250000</v>
      </c>
      <c r="K40159" s="9"/>
      <c r="L40159" s="6"/>
    </row>
    <row r="40160" spans="1:12">
      <c r="A40160" s="6" t="s">
        <v>38996</v>
      </c>
      <c r="B40160" s="6"/>
      <c r="C40160" s="6" t="s">
        <v>32230</v>
      </c>
      <c r="D40160" s="6"/>
      <c r="E40160" s="6"/>
      <c r="F40160" s="7">
        <v>36980</v>
      </c>
      <c r="G40160" s="8">
        <v>4998000</v>
      </c>
      <c r="H40160" s="8">
        <v>4998000</v>
      </c>
      <c r="I40160" s="8">
        <v>0</v>
      </c>
      <c r="J40160" s="8">
        <v>4998000</v>
      </c>
      <c r="K40160" s="9"/>
      <c r="L40160" s="6"/>
    </row>
    <row r="40161" spans="1:12">
      <c r="A40161" s="6" t="s">
        <v>38996</v>
      </c>
      <c r="B40161" s="6"/>
      <c r="C40161" s="6" t="s">
        <v>32230</v>
      </c>
      <c r="D40161" s="6"/>
      <c r="E40161" s="6"/>
      <c r="F40161" s="7">
        <v>35607</v>
      </c>
      <c r="G40161" s="8">
        <v>4000000</v>
      </c>
      <c r="H40161" s="8">
        <v>4000000</v>
      </c>
      <c r="I40161" s="8">
        <v>0</v>
      </c>
      <c r="J40161" s="8">
        <v>4000000</v>
      </c>
      <c r="K40161" s="9"/>
      <c r="L40161" s="6"/>
    </row>
    <row r="40162" spans="1:12">
      <c r="A40162" s="6" t="s">
        <v>38996</v>
      </c>
      <c r="B40162" s="6"/>
      <c r="C40162" s="6" t="s">
        <v>32230</v>
      </c>
      <c r="D40162" s="6"/>
      <c r="E40162" s="6"/>
      <c r="F40162" s="7">
        <v>40171</v>
      </c>
      <c r="G40162" s="8">
        <v>5040000</v>
      </c>
      <c r="H40162" s="8">
        <v>5040000</v>
      </c>
      <c r="I40162" s="8">
        <v>0</v>
      </c>
      <c r="J40162" s="8">
        <v>5040000</v>
      </c>
      <c r="K40162" s="9"/>
      <c r="L40162" s="6"/>
    </row>
    <row r="40163" spans="1:12">
      <c r="A40163" s="6" t="s">
        <v>38997</v>
      </c>
      <c r="B40163" s="6"/>
      <c r="C40163" s="6" t="s">
        <v>32230</v>
      </c>
      <c r="D40163" s="6"/>
      <c r="E40163" s="6"/>
      <c r="F40163" s="7">
        <v>37865</v>
      </c>
      <c r="G40163" s="8">
        <v>600000</v>
      </c>
      <c r="H40163" s="8">
        <v>90000</v>
      </c>
      <c r="I40163" s="8">
        <v>540000</v>
      </c>
      <c r="J40163" s="8">
        <v>60000</v>
      </c>
      <c r="K40163" s="9"/>
      <c r="L40163" s="6"/>
    </row>
    <row r="40164" spans="1:12">
      <c r="A40164" s="6" t="s">
        <v>38998</v>
      </c>
      <c r="B40164" s="6"/>
      <c r="C40164" s="6" t="s">
        <v>32230</v>
      </c>
      <c r="D40164" s="6"/>
      <c r="E40164" s="6"/>
      <c r="F40164" s="7">
        <v>37865</v>
      </c>
      <c r="G40164" s="8">
        <v>1609800</v>
      </c>
      <c r="H40164" s="8">
        <v>1</v>
      </c>
      <c r="I40164" s="8">
        <v>1609799</v>
      </c>
      <c r="J40164" s="8">
        <v>1</v>
      </c>
      <c r="K40164" s="9"/>
      <c r="L40164" s="6"/>
    </row>
    <row r="40165" spans="1:12">
      <c r="A40165" s="6" t="s">
        <v>38999</v>
      </c>
      <c r="B40165" s="6"/>
      <c r="C40165" s="6" t="s">
        <v>32230</v>
      </c>
      <c r="D40165" s="6"/>
      <c r="E40165" s="6"/>
      <c r="F40165" s="7">
        <v>41183</v>
      </c>
      <c r="G40165" s="8">
        <v>48384000</v>
      </c>
      <c r="H40165" s="8">
        <v>0</v>
      </c>
      <c r="I40165" s="8">
        <v>48384000</v>
      </c>
      <c r="J40165" s="8">
        <v>0</v>
      </c>
      <c r="K40165" s="9"/>
      <c r="L40165" s="6"/>
    </row>
    <row r="40166" spans="1:12">
      <c r="A40166" s="6" t="s">
        <v>39000</v>
      </c>
      <c r="B40166" s="6"/>
      <c r="C40166" s="6" t="s">
        <v>32230</v>
      </c>
      <c r="D40166" s="6"/>
      <c r="E40166" s="6"/>
      <c r="F40166" s="7">
        <v>41183</v>
      </c>
      <c r="G40166" s="8">
        <v>43470000</v>
      </c>
      <c r="H40166" s="8">
        <v>0</v>
      </c>
      <c r="I40166" s="8">
        <v>43470000</v>
      </c>
      <c r="J40166" s="8">
        <v>0</v>
      </c>
      <c r="K40166" s="9"/>
      <c r="L40166" s="6"/>
    </row>
    <row r="40167" spans="1:12">
      <c r="A40167" s="6" t="s">
        <v>39001</v>
      </c>
      <c r="B40167" s="6"/>
      <c r="C40167" s="6" t="s">
        <v>32230</v>
      </c>
      <c r="D40167" s="6"/>
      <c r="E40167" s="6"/>
      <c r="F40167" s="7">
        <v>41548</v>
      </c>
      <c r="G40167" s="8">
        <v>30870000</v>
      </c>
      <c r="H40167" s="8">
        <v>0</v>
      </c>
      <c r="I40167" s="8">
        <v>30870000</v>
      </c>
      <c r="J40167" s="8">
        <v>0</v>
      </c>
      <c r="K40167" s="9"/>
      <c r="L40167" s="6"/>
    </row>
    <row r="40168" spans="1:12">
      <c r="A40168" s="6" t="s">
        <v>39002</v>
      </c>
      <c r="B40168" s="6"/>
      <c r="C40168" s="6" t="s">
        <v>32230</v>
      </c>
      <c r="D40168" s="6"/>
      <c r="E40168" s="6"/>
      <c r="F40168" s="7">
        <v>41548</v>
      </c>
      <c r="G40168" s="8">
        <v>18144000</v>
      </c>
      <c r="H40168" s="8">
        <v>0</v>
      </c>
      <c r="I40168" s="8">
        <v>18144000</v>
      </c>
      <c r="J40168" s="8">
        <v>0</v>
      </c>
      <c r="K40168" s="9"/>
      <c r="L40168" s="6"/>
    </row>
    <row r="40169" spans="1:12">
      <c r="A40169" s="6" t="s">
        <v>39003</v>
      </c>
      <c r="B40169" s="6"/>
      <c r="C40169" s="6" t="s">
        <v>32230</v>
      </c>
      <c r="D40169" s="6"/>
      <c r="E40169" s="6"/>
      <c r="F40169" s="7">
        <v>41944</v>
      </c>
      <c r="G40169" s="8">
        <v>972000</v>
      </c>
      <c r="H40169" s="8">
        <v>0</v>
      </c>
      <c r="I40169" s="8">
        <v>972000</v>
      </c>
      <c r="J40169" s="8">
        <v>0</v>
      </c>
      <c r="K40169" s="9"/>
      <c r="L40169" s="6"/>
    </row>
    <row r="40170" spans="1:12">
      <c r="A40170" s="6" t="s">
        <v>39004</v>
      </c>
      <c r="B40170" s="6"/>
      <c r="C40170" s="6" t="s">
        <v>32230</v>
      </c>
      <c r="D40170" s="6"/>
      <c r="E40170" s="6"/>
      <c r="F40170" s="7">
        <v>42036</v>
      </c>
      <c r="G40170" s="8">
        <v>4267080</v>
      </c>
      <c r="H40170" s="8">
        <v>0</v>
      </c>
      <c r="I40170" s="8">
        <v>4267080</v>
      </c>
      <c r="J40170" s="8">
        <v>0</v>
      </c>
      <c r="K40170" s="9"/>
      <c r="L40170" s="6"/>
    </row>
    <row r="40171" spans="1:12">
      <c r="A40171" s="6" t="s">
        <v>39005</v>
      </c>
      <c r="B40171" s="6"/>
      <c r="C40171" s="6" t="s">
        <v>32230</v>
      </c>
      <c r="D40171" s="6"/>
      <c r="E40171" s="6"/>
      <c r="F40171" s="7">
        <v>41548</v>
      </c>
      <c r="G40171" s="8">
        <v>68670000</v>
      </c>
      <c r="H40171" s="8">
        <v>0</v>
      </c>
      <c r="I40171" s="8">
        <v>68670000</v>
      </c>
      <c r="J40171" s="8">
        <v>0</v>
      </c>
      <c r="K40171" s="9"/>
      <c r="L40171" s="6"/>
    </row>
    <row r="40172" spans="1:12">
      <c r="A40172" s="6" t="s">
        <v>39006</v>
      </c>
      <c r="B40172" s="6"/>
      <c r="C40172" s="6" t="s">
        <v>32230</v>
      </c>
      <c r="D40172" s="6"/>
      <c r="E40172" s="6"/>
      <c r="F40172" s="7">
        <v>36980</v>
      </c>
      <c r="G40172" s="8">
        <v>3801000</v>
      </c>
      <c r="H40172" s="8">
        <v>1</v>
      </c>
      <c r="I40172" s="8">
        <v>3800999</v>
      </c>
      <c r="J40172" s="8">
        <v>1</v>
      </c>
      <c r="K40172" s="9"/>
      <c r="L40172" s="6"/>
    </row>
    <row r="40173" spans="1:12">
      <c r="A40173" s="6" t="s">
        <v>39006</v>
      </c>
      <c r="B40173" s="6"/>
      <c r="C40173" s="6" t="s">
        <v>32230</v>
      </c>
      <c r="D40173" s="6"/>
      <c r="E40173" s="6"/>
      <c r="F40173" s="7">
        <v>37712</v>
      </c>
      <c r="G40173" s="8">
        <v>2520000</v>
      </c>
      <c r="H40173" s="8">
        <v>1</v>
      </c>
      <c r="I40173" s="8">
        <v>2519999</v>
      </c>
      <c r="J40173" s="8">
        <v>1</v>
      </c>
      <c r="K40173" s="9"/>
      <c r="L40173" s="6"/>
    </row>
    <row r="40174" spans="1:12">
      <c r="A40174" s="6" t="s">
        <v>39006</v>
      </c>
      <c r="B40174" s="6"/>
      <c r="C40174" s="6" t="s">
        <v>32230</v>
      </c>
      <c r="D40174" s="6"/>
      <c r="E40174" s="6"/>
      <c r="F40174" s="7">
        <v>38071</v>
      </c>
      <c r="G40174" s="8">
        <v>2520000</v>
      </c>
      <c r="H40174" s="8">
        <v>1</v>
      </c>
      <c r="I40174" s="8">
        <v>2519999</v>
      </c>
      <c r="J40174" s="8">
        <v>1</v>
      </c>
      <c r="K40174" s="9"/>
      <c r="L40174" s="6"/>
    </row>
    <row r="40175" spans="1:12">
      <c r="A40175" s="6" t="s">
        <v>39006</v>
      </c>
      <c r="B40175" s="6"/>
      <c r="C40175" s="6" t="s">
        <v>32230</v>
      </c>
      <c r="D40175" s="6"/>
      <c r="E40175" s="6"/>
      <c r="F40175" s="7">
        <v>37347</v>
      </c>
      <c r="G40175" s="8">
        <v>3801000</v>
      </c>
      <c r="H40175" s="8">
        <v>1</v>
      </c>
      <c r="I40175" s="8">
        <v>3800999</v>
      </c>
      <c r="J40175" s="8">
        <v>1</v>
      </c>
      <c r="K40175" s="9"/>
      <c r="L40175" s="6"/>
    </row>
    <row r="40176" spans="1:12">
      <c r="A40176" s="6" t="s">
        <v>39007</v>
      </c>
      <c r="B40176" s="6"/>
      <c r="C40176" s="6" t="s">
        <v>32230</v>
      </c>
      <c r="D40176" s="6"/>
      <c r="E40176" s="6"/>
      <c r="F40176" s="7">
        <v>38807</v>
      </c>
      <c r="G40176" s="8">
        <v>1050000</v>
      </c>
      <c r="H40176" s="8">
        <v>1</v>
      </c>
      <c r="I40176" s="8">
        <v>1049999</v>
      </c>
      <c r="J40176" s="8">
        <v>1</v>
      </c>
      <c r="K40176" s="9"/>
      <c r="L40176" s="6"/>
    </row>
    <row r="40177" spans="1:12">
      <c r="A40177" s="6" t="s">
        <v>39007</v>
      </c>
      <c r="B40177" s="6"/>
      <c r="C40177" s="6" t="s">
        <v>32230</v>
      </c>
      <c r="D40177" s="6"/>
      <c r="E40177" s="6"/>
      <c r="F40177" s="7">
        <v>37712</v>
      </c>
      <c r="G40177" s="8">
        <v>1050000</v>
      </c>
      <c r="H40177" s="8">
        <v>1</v>
      </c>
      <c r="I40177" s="8">
        <v>1049999</v>
      </c>
      <c r="J40177" s="8">
        <v>1</v>
      </c>
      <c r="K40177" s="9"/>
      <c r="L40177" s="6"/>
    </row>
    <row r="40178" spans="1:12">
      <c r="A40178" s="6" t="s">
        <v>39008</v>
      </c>
      <c r="B40178" s="6"/>
      <c r="C40178" s="6" t="s">
        <v>32230</v>
      </c>
      <c r="D40178" s="6"/>
      <c r="E40178" s="6"/>
      <c r="F40178" s="7">
        <v>36245</v>
      </c>
      <c r="G40178" s="8">
        <v>537600</v>
      </c>
      <c r="H40178" s="8">
        <v>1</v>
      </c>
      <c r="I40178" s="8">
        <v>537599</v>
      </c>
      <c r="J40178" s="8">
        <v>1</v>
      </c>
      <c r="K40178" s="9"/>
      <c r="L40178" s="6"/>
    </row>
    <row r="40179" spans="1:12">
      <c r="A40179" s="6" t="s">
        <v>39009</v>
      </c>
      <c r="B40179" s="6"/>
      <c r="C40179" s="6" t="s">
        <v>32230</v>
      </c>
      <c r="D40179" s="6"/>
      <c r="E40179" s="6"/>
      <c r="F40179" s="7">
        <v>36245</v>
      </c>
      <c r="G40179" s="8">
        <v>808500</v>
      </c>
      <c r="H40179" s="8">
        <v>1</v>
      </c>
      <c r="I40179" s="8">
        <v>808499</v>
      </c>
      <c r="J40179" s="8">
        <v>1</v>
      </c>
      <c r="K40179" s="9"/>
      <c r="L40179" s="6"/>
    </row>
    <row r="40180" spans="1:12">
      <c r="A40180" s="6" t="s">
        <v>39010</v>
      </c>
      <c r="B40180" s="6"/>
      <c r="C40180" s="6" t="s">
        <v>32230</v>
      </c>
      <c r="D40180" s="6"/>
      <c r="E40180" s="6"/>
      <c r="F40180" s="7">
        <v>41993</v>
      </c>
      <c r="G40180" s="8">
        <v>5250000</v>
      </c>
      <c r="H40180" s="8">
        <v>5250000</v>
      </c>
      <c r="I40180" s="8">
        <v>0</v>
      </c>
      <c r="J40180" s="8">
        <v>5250000</v>
      </c>
      <c r="K40180" s="9"/>
      <c r="L40180" s="6"/>
    </row>
    <row r="40181" spans="1:12">
      <c r="A40181" s="6" t="s">
        <v>39010</v>
      </c>
      <c r="B40181" s="6"/>
      <c r="C40181" s="6" t="s">
        <v>32230</v>
      </c>
      <c r="D40181" s="6"/>
      <c r="E40181" s="6"/>
      <c r="F40181" s="7">
        <v>41993</v>
      </c>
      <c r="G40181" s="8">
        <v>4998000</v>
      </c>
      <c r="H40181" s="8">
        <v>4998000</v>
      </c>
      <c r="I40181" s="8">
        <v>0</v>
      </c>
      <c r="J40181" s="8">
        <v>4998000</v>
      </c>
      <c r="K40181" s="9"/>
      <c r="L40181" s="6"/>
    </row>
    <row r="40182" spans="1:12">
      <c r="A40182" s="6" t="s">
        <v>39011</v>
      </c>
      <c r="B40182" s="6"/>
      <c r="C40182" s="6" t="s">
        <v>32230</v>
      </c>
      <c r="D40182" s="6"/>
      <c r="E40182" s="6"/>
      <c r="F40182" s="7">
        <v>36069</v>
      </c>
      <c r="G40182" s="8">
        <v>3000000</v>
      </c>
      <c r="H40182" s="8">
        <v>3000000</v>
      </c>
      <c r="I40182" s="8">
        <v>0</v>
      </c>
      <c r="J40182" s="8">
        <v>3000000</v>
      </c>
      <c r="K40182" s="9"/>
      <c r="L40182" s="6"/>
    </row>
    <row r="40183" spans="1:12">
      <c r="A40183" s="6" t="s">
        <v>39011</v>
      </c>
      <c r="B40183" s="6"/>
      <c r="C40183" s="6" t="s">
        <v>32230</v>
      </c>
      <c r="D40183" s="6"/>
      <c r="E40183" s="6"/>
      <c r="F40183" s="7">
        <v>36069</v>
      </c>
      <c r="G40183" s="8">
        <v>3500000</v>
      </c>
      <c r="H40183" s="8">
        <v>3500000</v>
      </c>
      <c r="I40183" s="8">
        <v>0</v>
      </c>
      <c r="J40183" s="8">
        <v>3500000</v>
      </c>
      <c r="K40183" s="9"/>
      <c r="L40183" s="6"/>
    </row>
    <row r="40184" spans="1:12">
      <c r="A40184" s="6" t="s">
        <v>39011</v>
      </c>
      <c r="B40184" s="6"/>
      <c r="C40184" s="6" t="s">
        <v>32230</v>
      </c>
      <c r="D40184" s="6"/>
      <c r="E40184" s="6"/>
      <c r="F40184" s="7">
        <v>36075</v>
      </c>
      <c r="G40184" s="8">
        <v>7000000</v>
      </c>
      <c r="H40184" s="8">
        <v>7000000</v>
      </c>
      <c r="I40184" s="8">
        <v>0</v>
      </c>
      <c r="J40184" s="8">
        <v>7000000</v>
      </c>
      <c r="K40184" s="9"/>
      <c r="L40184" s="6"/>
    </row>
    <row r="40185" spans="1:12">
      <c r="A40185" s="6" t="s">
        <v>39011</v>
      </c>
      <c r="B40185" s="6"/>
      <c r="C40185" s="6" t="s">
        <v>32230</v>
      </c>
      <c r="D40185" s="6"/>
      <c r="E40185" s="6"/>
      <c r="F40185" s="7">
        <v>36295</v>
      </c>
      <c r="G40185" s="8">
        <v>8000000</v>
      </c>
      <c r="H40185" s="8">
        <v>8000000</v>
      </c>
      <c r="I40185" s="8">
        <v>0</v>
      </c>
      <c r="J40185" s="8">
        <v>8000000</v>
      </c>
      <c r="K40185" s="9"/>
      <c r="L40185" s="6"/>
    </row>
    <row r="40186" spans="1:12">
      <c r="A40186" s="6" t="s">
        <v>39011</v>
      </c>
      <c r="B40186" s="6"/>
      <c r="C40186" s="6" t="s">
        <v>32230</v>
      </c>
      <c r="D40186" s="6"/>
      <c r="E40186" s="6"/>
      <c r="F40186" s="7">
        <v>36326</v>
      </c>
      <c r="G40186" s="8">
        <v>3100000</v>
      </c>
      <c r="H40186" s="8">
        <v>3100000</v>
      </c>
      <c r="I40186" s="8">
        <v>0</v>
      </c>
      <c r="J40186" s="8">
        <v>3100000</v>
      </c>
      <c r="K40186" s="9"/>
      <c r="L40186" s="6"/>
    </row>
    <row r="40187" spans="1:12">
      <c r="A40187" s="6" t="s">
        <v>39011</v>
      </c>
      <c r="B40187" s="6"/>
      <c r="C40187" s="6" t="s">
        <v>32230</v>
      </c>
      <c r="D40187" s="6"/>
      <c r="E40187" s="6"/>
      <c r="F40187" s="7">
        <v>36075</v>
      </c>
      <c r="G40187" s="8">
        <v>4000000</v>
      </c>
      <c r="H40187" s="8">
        <v>4000000</v>
      </c>
      <c r="I40187" s="8">
        <v>0</v>
      </c>
      <c r="J40187" s="8">
        <v>4000000</v>
      </c>
      <c r="K40187" s="9"/>
      <c r="L40187" s="6"/>
    </row>
    <row r="40188" spans="1:12">
      <c r="A40188" s="6" t="s">
        <v>39011</v>
      </c>
      <c r="B40188" s="6"/>
      <c r="C40188" s="6" t="s">
        <v>32230</v>
      </c>
      <c r="D40188" s="6"/>
      <c r="E40188" s="6"/>
      <c r="F40188" s="7">
        <v>36075</v>
      </c>
      <c r="G40188" s="8">
        <v>6000000</v>
      </c>
      <c r="H40188" s="8">
        <v>6000000</v>
      </c>
      <c r="I40188" s="8">
        <v>0</v>
      </c>
      <c r="J40188" s="8">
        <v>6000000</v>
      </c>
      <c r="K40188" s="9"/>
      <c r="L40188" s="6"/>
    </row>
    <row r="40189" spans="1:12">
      <c r="A40189" s="6" t="s">
        <v>39012</v>
      </c>
      <c r="B40189" s="6"/>
      <c r="C40189" s="6" t="s">
        <v>32230</v>
      </c>
      <c r="D40189" s="6"/>
      <c r="E40189" s="6"/>
      <c r="F40189" s="7">
        <v>42216</v>
      </c>
      <c r="G40189" s="8">
        <v>10000000</v>
      </c>
      <c r="H40189" s="8">
        <v>10000000</v>
      </c>
      <c r="I40189" s="8">
        <v>0</v>
      </c>
      <c r="J40189" s="8">
        <v>10000000</v>
      </c>
      <c r="K40189" s="9"/>
      <c r="L40189" s="6"/>
    </row>
    <row r="40190" spans="1:12">
      <c r="A40190" s="6" t="s">
        <v>39013</v>
      </c>
      <c r="B40190" s="6"/>
      <c r="C40190" s="6" t="s">
        <v>32230</v>
      </c>
      <c r="D40190" s="6"/>
      <c r="E40190" s="6"/>
      <c r="F40190" s="7">
        <v>43105</v>
      </c>
      <c r="G40190" s="8">
        <v>1593000</v>
      </c>
      <c r="H40190" s="8">
        <v>398250</v>
      </c>
      <c r="I40190" s="8">
        <v>1592999</v>
      </c>
      <c r="J40190" s="8">
        <v>1</v>
      </c>
      <c r="K40190" s="9"/>
      <c r="L40190" s="6"/>
    </row>
    <row r="40191" spans="1:12">
      <c r="A40191" s="6" t="s">
        <v>39014</v>
      </c>
      <c r="B40191" s="6"/>
      <c r="C40191" s="6" t="s">
        <v>32230</v>
      </c>
      <c r="D40191" s="6"/>
      <c r="E40191" s="6"/>
      <c r="F40191" s="7">
        <v>35642</v>
      </c>
      <c r="G40191" s="8">
        <v>1260000</v>
      </c>
      <c r="H40191" s="8">
        <v>1</v>
      </c>
      <c r="I40191" s="8">
        <v>1259999</v>
      </c>
      <c r="J40191" s="8">
        <v>1</v>
      </c>
      <c r="K40191" s="9"/>
      <c r="L40191" s="6"/>
    </row>
    <row r="40192" spans="1:12">
      <c r="A40192" s="6" t="s">
        <v>39015</v>
      </c>
      <c r="B40192" s="6"/>
      <c r="C40192" s="6" t="s">
        <v>32230</v>
      </c>
      <c r="D40192" s="6"/>
      <c r="E40192" s="6"/>
      <c r="F40192" s="7">
        <v>37540</v>
      </c>
      <c r="G40192" s="8">
        <v>17535000</v>
      </c>
      <c r="H40192" s="8">
        <v>1</v>
      </c>
      <c r="I40192" s="8">
        <v>17534999</v>
      </c>
      <c r="J40192" s="8">
        <v>1</v>
      </c>
      <c r="K40192" s="9"/>
      <c r="L40192" s="6"/>
    </row>
    <row r="40193" spans="1:12">
      <c r="A40193" s="6" t="s">
        <v>39016</v>
      </c>
      <c r="B40193" s="6"/>
      <c r="C40193" s="6" t="s">
        <v>32230</v>
      </c>
      <c r="D40193" s="6"/>
      <c r="E40193" s="6"/>
      <c r="F40193" s="7">
        <v>35180</v>
      </c>
      <c r="G40193" s="8">
        <v>1394620</v>
      </c>
      <c r="H40193" s="8">
        <v>1</v>
      </c>
      <c r="I40193" s="8">
        <v>1394619</v>
      </c>
      <c r="J40193" s="8">
        <v>1</v>
      </c>
      <c r="K40193" s="9"/>
      <c r="L40193" s="6"/>
    </row>
    <row r="40194" spans="1:12">
      <c r="A40194" s="6" t="s">
        <v>39017</v>
      </c>
      <c r="B40194" s="6"/>
      <c r="C40194" s="6" t="s">
        <v>32230</v>
      </c>
      <c r="D40194" s="6"/>
      <c r="E40194" s="6"/>
      <c r="F40194" s="7">
        <v>36196</v>
      </c>
      <c r="G40194" s="8">
        <v>645750</v>
      </c>
      <c r="H40194" s="8">
        <v>1</v>
      </c>
      <c r="I40194" s="8">
        <v>645749</v>
      </c>
      <c r="J40194" s="8">
        <v>1</v>
      </c>
      <c r="K40194" s="9"/>
      <c r="L40194" s="6"/>
    </row>
    <row r="40195" spans="1:12">
      <c r="A40195" s="6" t="s">
        <v>39018</v>
      </c>
      <c r="B40195" s="6"/>
      <c r="C40195" s="6" t="s">
        <v>32230</v>
      </c>
      <c r="D40195" s="6"/>
      <c r="E40195" s="6"/>
      <c r="F40195" s="7">
        <v>33756</v>
      </c>
      <c r="G40195" s="8">
        <v>2270000</v>
      </c>
      <c r="H40195" s="8">
        <v>1</v>
      </c>
      <c r="I40195" s="8">
        <v>2269999</v>
      </c>
      <c r="J40195" s="8">
        <v>1</v>
      </c>
      <c r="K40195" s="9"/>
      <c r="L40195" s="6"/>
    </row>
    <row r="40196" spans="1:12">
      <c r="A40196" s="6" t="s">
        <v>39019</v>
      </c>
      <c r="B40196" s="6"/>
      <c r="C40196" s="6" t="s">
        <v>32230</v>
      </c>
      <c r="D40196" s="6"/>
      <c r="E40196" s="6"/>
      <c r="F40196" s="7">
        <v>38071</v>
      </c>
      <c r="G40196" s="8">
        <v>728175</v>
      </c>
      <c r="H40196" s="8">
        <v>1</v>
      </c>
      <c r="I40196" s="8">
        <v>728174</v>
      </c>
      <c r="J40196" s="8">
        <v>1</v>
      </c>
      <c r="K40196" s="9"/>
      <c r="L40196" s="6"/>
    </row>
    <row r="40197" spans="1:12">
      <c r="A40197" s="6" t="s">
        <v>39020</v>
      </c>
      <c r="B40197" s="6"/>
      <c r="C40197" s="6" t="s">
        <v>32230</v>
      </c>
      <c r="D40197" s="6"/>
      <c r="E40197" s="6"/>
      <c r="F40197" s="7">
        <v>38071</v>
      </c>
      <c r="G40197" s="8">
        <v>6021750</v>
      </c>
      <c r="H40197" s="8">
        <v>1</v>
      </c>
      <c r="I40197" s="8">
        <v>6021749</v>
      </c>
      <c r="J40197" s="8">
        <v>1</v>
      </c>
      <c r="K40197" s="9"/>
      <c r="L40197" s="6"/>
    </row>
    <row r="40198" spans="1:12">
      <c r="A40198" s="6" t="s">
        <v>39021</v>
      </c>
      <c r="B40198" s="6"/>
      <c r="C40198" s="6" t="s">
        <v>32230</v>
      </c>
      <c r="D40198" s="6"/>
      <c r="E40198" s="6"/>
      <c r="F40198" s="7">
        <v>41800</v>
      </c>
      <c r="G40198" s="8">
        <v>645840</v>
      </c>
      <c r="H40198" s="8">
        <v>1</v>
      </c>
      <c r="I40198" s="8">
        <v>645839</v>
      </c>
      <c r="J40198" s="8">
        <v>1</v>
      </c>
      <c r="K40198" s="9"/>
      <c r="L40198" s="6"/>
    </row>
    <row r="40199" spans="1:12">
      <c r="A40199" s="6" t="s">
        <v>39022</v>
      </c>
      <c r="B40199" s="6"/>
      <c r="C40199" s="6" t="s">
        <v>32230</v>
      </c>
      <c r="D40199" s="6"/>
      <c r="E40199" s="6"/>
      <c r="F40199" s="7">
        <v>38626</v>
      </c>
      <c r="G40199" s="8">
        <v>3320940</v>
      </c>
      <c r="H40199" s="8">
        <v>1</v>
      </c>
      <c r="I40199" s="8">
        <v>3320939</v>
      </c>
      <c r="J40199" s="8">
        <v>1</v>
      </c>
      <c r="K40199" s="9"/>
      <c r="L40199" s="6"/>
    </row>
    <row r="40200" spans="1:12">
      <c r="A40200" s="6" t="s">
        <v>39023</v>
      </c>
      <c r="B40200" s="6"/>
      <c r="C40200" s="6" t="s">
        <v>32230</v>
      </c>
      <c r="D40200" s="6"/>
      <c r="E40200" s="6"/>
      <c r="F40200" s="7">
        <v>36108</v>
      </c>
      <c r="G40200" s="8">
        <v>1092210</v>
      </c>
      <c r="H40200" s="8">
        <v>1</v>
      </c>
      <c r="I40200" s="8">
        <v>1092209</v>
      </c>
      <c r="J40200" s="8">
        <v>1</v>
      </c>
      <c r="K40200" s="9"/>
      <c r="L40200" s="6"/>
    </row>
    <row r="40201" spans="1:12">
      <c r="A40201" s="6" t="s">
        <v>39024</v>
      </c>
      <c r="B40201" s="6"/>
      <c r="C40201" s="6" t="s">
        <v>32230</v>
      </c>
      <c r="D40201" s="6"/>
      <c r="E40201" s="6"/>
      <c r="F40201" s="7">
        <v>36108</v>
      </c>
      <c r="G40201" s="8">
        <v>1645000</v>
      </c>
      <c r="H40201" s="8">
        <v>1</v>
      </c>
      <c r="I40201" s="8">
        <v>1644999</v>
      </c>
      <c r="J40201" s="8">
        <v>1</v>
      </c>
      <c r="K40201" s="9"/>
      <c r="L40201" s="6"/>
    </row>
    <row r="40202" spans="1:12">
      <c r="A40202" s="6" t="s">
        <v>39025</v>
      </c>
      <c r="B40202" s="6"/>
      <c r="C40202" s="6" t="s">
        <v>32230</v>
      </c>
      <c r="D40202" s="6"/>
      <c r="E40202" s="6"/>
      <c r="F40202" s="7">
        <v>36124</v>
      </c>
      <c r="G40202" s="8">
        <v>849450</v>
      </c>
      <c r="H40202" s="8">
        <v>1</v>
      </c>
      <c r="I40202" s="8">
        <v>849449</v>
      </c>
      <c r="J40202" s="8">
        <v>1</v>
      </c>
      <c r="K40202" s="9"/>
      <c r="L40202" s="6"/>
    </row>
    <row r="40203" spans="1:12">
      <c r="A40203" s="6" t="s">
        <v>39026</v>
      </c>
      <c r="B40203" s="6"/>
      <c r="C40203" s="6" t="s">
        <v>32230</v>
      </c>
      <c r="D40203" s="6"/>
      <c r="E40203" s="6"/>
      <c r="F40203" s="7">
        <v>35447</v>
      </c>
      <c r="G40203" s="8">
        <v>598000</v>
      </c>
      <c r="H40203" s="8">
        <v>1</v>
      </c>
      <c r="I40203" s="8">
        <v>597999</v>
      </c>
      <c r="J40203" s="8">
        <v>1</v>
      </c>
      <c r="K40203" s="9"/>
      <c r="L40203" s="6"/>
    </row>
    <row r="40204" spans="1:12">
      <c r="A40204" s="6" t="s">
        <v>39026</v>
      </c>
      <c r="B40204" s="6"/>
      <c r="C40204" s="6" t="s">
        <v>32230</v>
      </c>
      <c r="D40204" s="6"/>
      <c r="E40204" s="6"/>
      <c r="F40204" s="7">
        <v>35447</v>
      </c>
      <c r="G40204" s="8">
        <v>780000</v>
      </c>
      <c r="H40204" s="8">
        <v>1</v>
      </c>
      <c r="I40204" s="8">
        <v>779999</v>
      </c>
      <c r="J40204" s="8">
        <v>1</v>
      </c>
      <c r="K40204" s="9"/>
      <c r="L40204" s="6"/>
    </row>
    <row r="40205" spans="1:12">
      <c r="A40205" s="6" t="s">
        <v>39026</v>
      </c>
      <c r="B40205" s="6"/>
      <c r="C40205" s="6" t="s">
        <v>32230</v>
      </c>
      <c r="D40205" s="6"/>
      <c r="E40205" s="6"/>
      <c r="F40205" s="7">
        <v>35447</v>
      </c>
      <c r="G40205" s="8">
        <v>1880000</v>
      </c>
      <c r="H40205" s="8">
        <v>1</v>
      </c>
      <c r="I40205" s="8">
        <v>1879999</v>
      </c>
      <c r="J40205" s="8">
        <v>1</v>
      </c>
      <c r="K40205" s="9"/>
      <c r="L40205" s="6"/>
    </row>
    <row r="40206" spans="1:12">
      <c r="A40206" s="6" t="s">
        <v>39027</v>
      </c>
      <c r="B40206" s="6"/>
      <c r="C40206" s="6" t="s">
        <v>32230</v>
      </c>
      <c r="D40206" s="6"/>
      <c r="E40206" s="6"/>
      <c r="F40206" s="7">
        <v>40015</v>
      </c>
      <c r="G40206" s="8">
        <v>1249500</v>
      </c>
      <c r="H40206" s="8">
        <v>328624</v>
      </c>
      <c r="I40206" s="8">
        <v>1004592</v>
      </c>
      <c r="J40206" s="8">
        <v>244908</v>
      </c>
      <c r="K40206" s="9"/>
      <c r="L40206" s="6"/>
    </row>
    <row r="40207" spans="1:12">
      <c r="A40207" s="6" t="s">
        <v>39028</v>
      </c>
      <c r="B40207" s="6"/>
      <c r="C40207" s="6" t="s">
        <v>32230</v>
      </c>
      <c r="D40207" s="6"/>
      <c r="E40207" s="6"/>
      <c r="F40207" s="7">
        <v>35513</v>
      </c>
      <c r="G40207" s="8">
        <v>875500</v>
      </c>
      <c r="H40207" s="8">
        <v>1</v>
      </c>
      <c r="I40207" s="8">
        <v>875499</v>
      </c>
      <c r="J40207" s="8">
        <v>1</v>
      </c>
      <c r="K40207" s="9"/>
      <c r="L40207" s="6"/>
    </row>
    <row r="40208" spans="1:12">
      <c r="A40208" s="6" t="s">
        <v>39029</v>
      </c>
      <c r="B40208" s="6"/>
      <c r="C40208" s="6" t="s">
        <v>32230</v>
      </c>
      <c r="D40208" s="6"/>
      <c r="E40208" s="6"/>
      <c r="F40208" s="7">
        <v>37591</v>
      </c>
      <c r="G40208" s="8">
        <v>554956</v>
      </c>
      <c r="H40208" s="8">
        <v>1</v>
      </c>
      <c r="I40208" s="8">
        <v>554955</v>
      </c>
      <c r="J40208" s="8">
        <v>1</v>
      </c>
      <c r="K40208" s="9"/>
      <c r="L40208" s="6"/>
    </row>
    <row r="40209" spans="1:12">
      <c r="A40209" s="6" t="s">
        <v>39029</v>
      </c>
      <c r="B40209" s="6"/>
      <c r="C40209" s="6" t="s">
        <v>32230</v>
      </c>
      <c r="D40209" s="6"/>
      <c r="E40209" s="6"/>
      <c r="F40209" s="7">
        <v>37591</v>
      </c>
      <c r="G40209" s="8">
        <v>2503095</v>
      </c>
      <c r="H40209" s="8">
        <v>1</v>
      </c>
      <c r="I40209" s="8">
        <v>2503094</v>
      </c>
      <c r="J40209" s="8">
        <v>1</v>
      </c>
      <c r="K40209" s="9"/>
      <c r="L40209" s="6"/>
    </row>
    <row r="40210" spans="1:12">
      <c r="A40210" s="6" t="s">
        <v>39030</v>
      </c>
      <c r="B40210" s="6"/>
      <c r="C40210" s="6" t="s">
        <v>32230</v>
      </c>
      <c r="D40210" s="6"/>
      <c r="E40210" s="6"/>
      <c r="F40210" s="7">
        <v>37712</v>
      </c>
      <c r="G40210" s="8">
        <v>6674400</v>
      </c>
      <c r="H40210" s="8">
        <v>1</v>
      </c>
      <c r="I40210" s="8">
        <v>6674399</v>
      </c>
      <c r="J40210" s="8">
        <v>1</v>
      </c>
      <c r="K40210" s="9"/>
      <c r="L40210" s="6"/>
    </row>
    <row r="40211" spans="1:12">
      <c r="A40211" s="6" t="s">
        <v>39031</v>
      </c>
      <c r="B40211" s="6"/>
      <c r="C40211" s="6" t="s">
        <v>32230</v>
      </c>
      <c r="D40211" s="6"/>
      <c r="E40211" s="6"/>
      <c r="F40211" s="7">
        <v>37712</v>
      </c>
      <c r="G40211" s="8">
        <v>5040000</v>
      </c>
      <c r="H40211" s="8">
        <v>1</v>
      </c>
      <c r="I40211" s="8">
        <v>5039999</v>
      </c>
      <c r="J40211" s="8">
        <v>1</v>
      </c>
      <c r="K40211" s="9"/>
      <c r="L40211" s="6"/>
    </row>
    <row r="40212" spans="1:12">
      <c r="A40212" s="6" t="s">
        <v>39032</v>
      </c>
      <c r="B40212" s="6"/>
      <c r="C40212" s="6" t="s">
        <v>32230</v>
      </c>
      <c r="D40212" s="6"/>
      <c r="E40212" s="6"/>
      <c r="F40212" s="7">
        <v>37712</v>
      </c>
      <c r="G40212" s="8">
        <v>2282175</v>
      </c>
      <c r="H40212" s="8">
        <v>1</v>
      </c>
      <c r="I40212" s="8">
        <v>2282174</v>
      </c>
      <c r="J40212" s="8">
        <v>1</v>
      </c>
      <c r="K40212" s="9"/>
      <c r="L40212" s="6"/>
    </row>
    <row r="40213" spans="1:12">
      <c r="A40213" s="6" t="s">
        <v>39033</v>
      </c>
      <c r="B40213" s="6"/>
      <c r="C40213" s="6" t="s">
        <v>32230</v>
      </c>
      <c r="D40213" s="6"/>
      <c r="E40213" s="6"/>
      <c r="F40213" s="7">
        <v>37712</v>
      </c>
      <c r="G40213" s="8">
        <v>1680000</v>
      </c>
      <c r="H40213" s="8">
        <v>1</v>
      </c>
      <c r="I40213" s="8">
        <v>1679999</v>
      </c>
      <c r="J40213" s="8">
        <v>1</v>
      </c>
      <c r="K40213" s="9"/>
      <c r="L40213" s="6"/>
    </row>
    <row r="40214" spans="1:12">
      <c r="A40214" s="6" t="s">
        <v>39034</v>
      </c>
      <c r="B40214" s="6"/>
      <c r="C40214" s="6" t="s">
        <v>32230</v>
      </c>
      <c r="D40214" s="6"/>
      <c r="E40214" s="6"/>
      <c r="F40214" s="7">
        <v>37712</v>
      </c>
      <c r="G40214" s="8">
        <v>627900</v>
      </c>
      <c r="H40214" s="8">
        <v>1</v>
      </c>
      <c r="I40214" s="8">
        <v>627899</v>
      </c>
      <c r="J40214" s="8">
        <v>1</v>
      </c>
      <c r="K40214" s="9"/>
      <c r="L40214" s="6"/>
    </row>
    <row r="40215" spans="1:12">
      <c r="A40215" s="6" t="s">
        <v>39034</v>
      </c>
      <c r="B40215" s="6"/>
      <c r="C40215" s="6" t="s">
        <v>32230</v>
      </c>
      <c r="D40215" s="6"/>
      <c r="E40215" s="6"/>
      <c r="F40215" s="7">
        <v>37712</v>
      </c>
      <c r="G40215" s="8">
        <v>638600</v>
      </c>
      <c r="H40215" s="8">
        <v>1</v>
      </c>
      <c r="I40215" s="8">
        <v>638599</v>
      </c>
      <c r="J40215" s="8">
        <v>1</v>
      </c>
      <c r="K40215" s="9"/>
      <c r="L40215" s="6"/>
    </row>
    <row r="40216" spans="1:12">
      <c r="A40216" s="6" t="s">
        <v>39035</v>
      </c>
      <c r="B40216" s="6"/>
      <c r="C40216" s="6" t="s">
        <v>32230</v>
      </c>
      <c r="D40216" s="6"/>
      <c r="E40216" s="6"/>
      <c r="F40216" s="7">
        <v>40627</v>
      </c>
      <c r="G40216" s="8">
        <v>583800</v>
      </c>
      <c r="H40216" s="8">
        <v>1</v>
      </c>
      <c r="I40216" s="8">
        <v>583799</v>
      </c>
      <c r="J40216" s="8">
        <v>1</v>
      </c>
      <c r="K40216" s="9"/>
      <c r="L40216" s="6"/>
    </row>
    <row r="40217" spans="1:12">
      <c r="A40217" s="6" t="s">
        <v>39036</v>
      </c>
      <c r="B40217" s="6"/>
      <c r="C40217" s="6" t="s">
        <v>32230</v>
      </c>
      <c r="D40217" s="6"/>
      <c r="E40217" s="6"/>
      <c r="F40217" s="7">
        <v>37072</v>
      </c>
      <c r="G40217" s="8">
        <v>8348500</v>
      </c>
      <c r="H40217" s="8">
        <v>1</v>
      </c>
      <c r="I40217" s="8">
        <v>8348499</v>
      </c>
      <c r="J40217" s="8">
        <v>1</v>
      </c>
      <c r="K40217" s="9"/>
      <c r="L40217" s="6"/>
    </row>
    <row r="40218" spans="1:12">
      <c r="A40218" s="6" t="s">
        <v>39037</v>
      </c>
      <c r="B40218" s="6"/>
      <c r="C40218" s="6" t="s">
        <v>32230</v>
      </c>
      <c r="D40218" s="6"/>
      <c r="E40218" s="6"/>
      <c r="F40218" s="7">
        <v>43424</v>
      </c>
      <c r="G40218" s="8">
        <v>898560</v>
      </c>
      <c r="H40218" s="8">
        <v>449280</v>
      </c>
      <c r="I40218" s="8">
        <v>673920</v>
      </c>
      <c r="J40218" s="8">
        <v>224640</v>
      </c>
      <c r="K40218" s="9"/>
      <c r="L40218" s="6"/>
    </row>
    <row r="40219" spans="1:12">
      <c r="A40219" s="6" t="s">
        <v>39038</v>
      </c>
      <c r="B40219" s="6"/>
      <c r="C40219" s="6" t="s">
        <v>32230</v>
      </c>
      <c r="D40219" s="6"/>
      <c r="E40219" s="6"/>
      <c r="F40219" s="7">
        <v>36472</v>
      </c>
      <c r="G40219" s="8">
        <v>580000</v>
      </c>
      <c r="H40219" s="8">
        <v>1</v>
      </c>
      <c r="I40219" s="8">
        <v>579999</v>
      </c>
      <c r="J40219" s="8">
        <v>1</v>
      </c>
      <c r="K40219" s="9"/>
      <c r="L40219" s="6"/>
    </row>
    <row r="40220" spans="1:12">
      <c r="A40220" s="6" t="s">
        <v>39038</v>
      </c>
      <c r="B40220" s="6"/>
      <c r="C40220" s="6" t="s">
        <v>32230</v>
      </c>
      <c r="D40220" s="6"/>
      <c r="E40220" s="6"/>
      <c r="F40220" s="7">
        <v>36472</v>
      </c>
      <c r="G40220" s="8">
        <v>650000</v>
      </c>
      <c r="H40220" s="8">
        <v>1</v>
      </c>
      <c r="I40220" s="8">
        <v>649999</v>
      </c>
      <c r="J40220" s="8">
        <v>1</v>
      </c>
      <c r="K40220" s="9"/>
      <c r="L40220" s="6"/>
    </row>
    <row r="40221" spans="1:12">
      <c r="A40221" s="6" t="s">
        <v>39038</v>
      </c>
      <c r="B40221" s="6"/>
      <c r="C40221" s="6" t="s">
        <v>32230</v>
      </c>
      <c r="D40221" s="6"/>
      <c r="E40221" s="6"/>
      <c r="F40221" s="7">
        <v>36472</v>
      </c>
      <c r="G40221" s="8">
        <v>600000</v>
      </c>
      <c r="H40221" s="8">
        <v>1</v>
      </c>
      <c r="I40221" s="8">
        <v>599999</v>
      </c>
      <c r="J40221" s="8">
        <v>1</v>
      </c>
      <c r="K40221" s="9"/>
      <c r="L40221" s="6"/>
    </row>
    <row r="40222" spans="1:12">
      <c r="A40222" s="6" t="s">
        <v>39038</v>
      </c>
      <c r="B40222" s="6"/>
      <c r="C40222" s="6" t="s">
        <v>32230</v>
      </c>
      <c r="D40222" s="6"/>
      <c r="E40222" s="6"/>
      <c r="F40222" s="7">
        <v>36472</v>
      </c>
      <c r="G40222" s="8">
        <v>950000</v>
      </c>
      <c r="H40222" s="8">
        <v>1</v>
      </c>
      <c r="I40222" s="8">
        <v>949999</v>
      </c>
      <c r="J40222" s="8">
        <v>1</v>
      </c>
      <c r="K40222" s="9"/>
      <c r="L40222" s="6"/>
    </row>
    <row r="40223" spans="1:12">
      <c r="A40223" s="6" t="s">
        <v>39038</v>
      </c>
      <c r="B40223" s="6"/>
      <c r="C40223" s="6" t="s">
        <v>32230</v>
      </c>
      <c r="D40223" s="6"/>
      <c r="E40223" s="6"/>
      <c r="F40223" s="7">
        <v>36472</v>
      </c>
      <c r="G40223" s="8">
        <v>1250000</v>
      </c>
      <c r="H40223" s="8">
        <v>1</v>
      </c>
      <c r="I40223" s="8">
        <v>1249999</v>
      </c>
      <c r="J40223" s="8">
        <v>1</v>
      </c>
      <c r="K40223" s="9"/>
      <c r="L40223" s="6"/>
    </row>
    <row r="40224" spans="1:12">
      <c r="A40224" s="6" t="s">
        <v>39038</v>
      </c>
      <c r="B40224" s="6"/>
      <c r="C40224" s="6" t="s">
        <v>32230</v>
      </c>
      <c r="D40224" s="6"/>
      <c r="E40224" s="6"/>
      <c r="F40224" s="7">
        <v>36472</v>
      </c>
      <c r="G40224" s="8">
        <v>700000</v>
      </c>
      <c r="H40224" s="8">
        <v>1</v>
      </c>
      <c r="I40224" s="8">
        <v>699999</v>
      </c>
      <c r="J40224" s="8">
        <v>1</v>
      </c>
      <c r="K40224" s="9"/>
      <c r="L40224" s="6"/>
    </row>
    <row r="40225" spans="1:12">
      <c r="A40225" s="6" t="s">
        <v>39038</v>
      </c>
      <c r="B40225" s="6"/>
      <c r="C40225" s="6" t="s">
        <v>32230</v>
      </c>
      <c r="D40225" s="6"/>
      <c r="E40225" s="6"/>
      <c r="F40225" s="7">
        <v>36472</v>
      </c>
      <c r="G40225" s="8">
        <v>3200000</v>
      </c>
      <c r="H40225" s="8">
        <v>1</v>
      </c>
      <c r="I40225" s="8">
        <v>3199999</v>
      </c>
      <c r="J40225" s="8">
        <v>1</v>
      </c>
      <c r="K40225" s="9"/>
      <c r="L40225" s="6"/>
    </row>
    <row r="40226" spans="1:12">
      <c r="A40226" s="6" t="s">
        <v>39038</v>
      </c>
      <c r="B40226" s="6"/>
      <c r="C40226" s="6" t="s">
        <v>32230</v>
      </c>
      <c r="D40226" s="6"/>
      <c r="E40226" s="6"/>
      <c r="F40226" s="7">
        <v>36472</v>
      </c>
      <c r="G40226" s="8">
        <v>1630000</v>
      </c>
      <c r="H40226" s="8">
        <v>1</v>
      </c>
      <c r="I40226" s="8">
        <v>1629999</v>
      </c>
      <c r="J40226" s="8">
        <v>1</v>
      </c>
      <c r="K40226" s="9"/>
      <c r="L40226" s="6"/>
    </row>
    <row r="40227" spans="1:12">
      <c r="A40227" s="6" t="s">
        <v>39038</v>
      </c>
      <c r="B40227" s="6"/>
      <c r="C40227" s="6" t="s">
        <v>32230</v>
      </c>
      <c r="D40227" s="6"/>
      <c r="E40227" s="6"/>
      <c r="F40227" s="7">
        <v>36472</v>
      </c>
      <c r="G40227" s="8">
        <v>3000000</v>
      </c>
      <c r="H40227" s="8">
        <v>1</v>
      </c>
      <c r="I40227" s="8">
        <v>2999999</v>
      </c>
      <c r="J40227" s="8">
        <v>1</v>
      </c>
      <c r="K40227" s="9"/>
      <c r="L40227" s="6"/>
    </row>
    <row r="40228" spans="1:12">
      <c r="A40228" s="6" t="s">
        <v>39039</v>
      </c>
      <c r="B40228" s="6"/>
      <c r="C40228" s="6" t="s">
        <v>32230</v>
      </c>
      <c r="D40228" s="6"/>
      <c r="E40228" s="6"/>
      <c r="F40228" s="7">
        <v>37341</v>
      </c>
      <c r="G40228" s="8">
        <v>798000</v>
      </c>
      <c r="H40228" s="8">
        <v>1</v>
      </c>
      <c r="I40228" s="8">
        <v>797999</v>
      </c>
      <c r="J40228" s="8">
        <v>1</v>
      </c>
      <c r="K40228" s="9"/>
      <c r="L40228" s="6"/>
    </row>
    <row r="40229" spans="1:12">
      <c r="A40229" s="6" t="s">
        <v>39040</v>
      </c>
      <c r="B40229" s="6"/>
      <c r="C40229" s="6" t="s">
        <v>32230</v>
      </c>
      <c r="D40229" s="6"/>
      <c r="E40229" s="6"/>
      <c r="F40229" s="7">
        <v>35135</v>
      </c>
      <c r="G40229" s="8">
        <v>1450000</v>
      </c>
      <c r="H40229" s="8">
        <v>1</v>
      </c>
      <c r="I40229" s="8">
        <v>1449999</v>
      </c>
      <c r="J40229" s="8">
        <v>1</v>
      </c>
      <c r="K40229" s="9"/>
      <c r="L40229" s="6"/>
    </row>
    <row r="40230" spans="1:12">
      <c r="A40230" s="6" t="s">
        <v>39041</v>
      </c>
      <c r="B40230" s="6"/>
      <c r="C40230" s="6" t="s">
        <v>32230</v>
      </c>
      <c r="D40230" s="6"/>
      <c r="E40230" s="6"/>
      <c r="F40230" s="7">
        <v>40206</v>
      </c>
      <c r="G40230" s="8">
        <v>1218000</v>
      </c>
      <c r="H40230" s="8">
        <v>1</v>
      </c>
      <c r="I40230" s="8">
        <v>1217999</v>
      </c>
      <c r="J40230" s="8">
        <v>1</v>
      </c>
      <c r="K40230" s="9"/>
      <c r="L40230" s="6"/>
    </row>
    <row r="40231" spans="1:12">
      <c r="A40231" s="6" t="s">
        <v>39042</v>
      </c>
      <c r="B40231" s="6"/>
      <c r="C40231" s="6" t="s">
        <v>32230</v>
      </c>
      <c r="D40231" s="6"/>
      <c r="E40231" s="6"/>
      <c r="F40231" s="7">
        <v>37071</v>
      </c>
      <c r="G40231" s="8">
        <v>892350</v>
      </c>
      <c r="H40231" s="8">
        <v>1</v>
      </c>
      <c r="I40231" s="8">
        <v>892349</v>
      </c>
      <c r="J40231" s="8">
        <v>1</v>
      </c>
      <c r="K40231" s="9"/>
      <c r="L40231" s="6"/>
    </row>
    <row r="40232" spans="1:12">
      <c r="A40232" s="6" t="s">
        <v>39041</v>
      </c>
      <c r="B40232" s="6"/>
      <c r="C40232" s="6" t="s">
        <v>32230</v>
      </c>
      <c r="D40232" s="6"/>
      <c r="E40232" s="6"/>
      <c r="F40232" s="7">
        <v>35222</v>
      </c>
      <c r="G40232" s="8">
        <v>931279</v>
      </c>
      <c r="H40232" s="8">
        <v>1</v>
      </c>
      <c r="I40232" s="8">
        <v>931278</v>
      </c>
      <c r="J40232" s="8">
        <v>1</v>
      </c>
      <c r="K40232" s="9"/>
      <c r="L40232" s="6"/>
    </row>
    <row r="40233" spans="1:12">
      <c r="A40233" s="6" t="s">
        <v>39043</v>
      </c>
      <c r="B40233" s="6"/>
      <c r="C40233" s="6" t="s">
        <v>32230</v>
      </c>
      <c r="D40233" s="6"/>
      <c r="E40233" s="6"/>
      <c r="F40233" s="7">
        <v>36088</v>
      </c>
      <c r="G40233" s="8">
        <v>1158150</v>
      </c>
      <c r="H40233" s="8">
        <v>1</v>
      </c>
      <c r="I40233" s="8">
        <v>1158149</v>
      </c>
      <c r="J40233" s="8">
        <v>1</v>
      </c>
      <c r="K40233" s="9"/>
      <c r="L40233" s="6"/>
    </row>
    <row r="40234" spans="1:12">
      <c r="A40234" s="6" t="s">
        <v>39041</v>
      </c>
      <c r="B40234" s="6"/>
      <c r="C40234" s="6" t="s">
        <v>32230</v>
      </c>
      <c r="D40234" s="6"/>
      <c r="E40234" s="6"/>
      <c r="F40234" s="7">
        <v>35985</v>
      </c>
      <c r="G40234" s="8">
        <v>886500</v>
      </c>
      <c r="H40234" s="8">
        <v>1</v>
      </c>
      <c r="I40234" s="8">
        <v>886499</v>
      </c>
      <c r="J40234" s="8">
        <v>1</v>
      </c>
      <c r="K40234" s="9"/>
      <c r="L40234" s="6"/>
    </row>
    <row r="40235" spans="1:12">
      <c r="A40235" s="6" t="s">
        <v>39044</v>
      </c>
      <c r="B40235" s="6"/>
      <c r="C40235" s="6" t="s">
        <v>32230</v>
      </c>
      <c r="D40235" s="6"/>
      <c r="E40235" s="6"/>
      <c r="F40235" s="7">
        <v>36951</v>
      </c>
      <c r="G40235" s="8">
        <v>1630000</v>
      </c>
      <c r="H40235" s="8">
        <v>1</v>
      </c>
      <c r="I40235" s="8">
        <v>1629999</v>
      </c>
      <c r="J40235" s="8">
        <v>1</v>
      </c>
      <c r="K40235" s="9"/>
      <c r="L40235" s="6"/>
    </row>
    <row r="40236" spans="1:12">
      <c r="A40236" s="6" t="s">
        <v>39045</v>
      </c>
      <c r="B40236" s="6"/>
      <c r="C40236" s="6" t="s">
        <v>32230</v>
      </c>
      <c r="D40236" s="6"/>
      <c r="E40236" s="6"/>
      <c r="F40236" s="7">
        <v>37043</v>
      </c>
      <c r="G40236" s="8">
        <v>1260000</v>
      </c>
      <c r="H40236" s="8">
        <v>1</v>
      </c>
      <c r="I40236" s="8">
        <v>1259999</v>
      </c>
      <c r="J40236" s="8">
        <v>1</v>
      </c>
      <c r="K40236" s="9"/>
      <c r="L40236" s="6"/>
    </row>
    <row r="40237" spans="1:12">
      <c r="A40237" s="6" t="s">
        <v>39046</v>
      </c>
      <c r="B40237" s="6"/>
      <c r="C40237" s="6" t="s">
        <v>32230</v>
      </c>
      <c r="D40237" s="6"/>
      <c r="E40237" s="6"/>
      <c r="F40237" s="7">
        <v>40897</v>
      </c>
      <c r="G40237" s="8">
        <v>3255000</v>
      </c>
      <c r="H40237" s="8">
        <v>1</v>
      </c>
      <c r="I40237" s="8">
        <v>3254999</v>
      </c>
      <c r="J40237" s="8">
        <v>1</v>
      </c>
      <c r="K40237" s="9"/>
      <c r="L40237" s="6"/>
    </row>
    <row r="40238" spans="1:12">
      <c r="A40238" s="6" t="s">
        <v>39047</v>
      </c>
      <c r="B40238" s="6"/>
      <c r="C40238" s="6" t="s">
        <v>32230</v>
      </c>
      <c r="D40238" s="6"/>
      <c r="E40238" s="6"/>
      <c r="F40238" s="7">
        <v>35811</v>
      </c>
      <c r="G40238" s="8">
        <v>703500</v>
      </c>
      <c r="H40238" s="8">
        <v>1</v>
      </c>
      <c r="I40238" s="8">
        <v>703499</v>
      </c>
      <c r="J40238" s="8">
        <v>1</v>
      </c>
      <c r="K40238" s="9"/>
      <c r="L40238" s="6"/>
    </row>
    <row r="40239" spans="1:12">
      <c r="A40239" s="6" t="s">
        <v>39048</v>
      </c>
      <c r="B40239" s="6"/>
      <c r="C40239" s="6" t="s">
        <v>32230</v>
      </c>
      <c r="D40239" s="6"/>
      <c r="E40239" s="6"/>
      <c r="F40239" s="7">
        <v>35734</v>
      </c>
      <c r="G40239" s="8">
        <v>672000</v>
      </c>
      <c r="H40239" s="8">
        <v>1</v>
      </c>
      <c r="I40239" s="8">
        <v>671999</v>
      </c>
      <c r="J40239" s="8">
        <v>1</v>
      </c>
      <c r="K40239" s="9"/>
      <c r="L40239" s="6"/>
    </row>
    <row r="40240" spans="1:12">
      <c r="A40240" s="6" t="s">
        <v>39048</v>
      </c>
      <c r="B40240" s="6"/>
      <c r="C40240" s="6" t="s">
        <v>32230</v>
      </c>
      <c r="D40240" s="6"/>
      <c r="E40240" s="6"/>
      <c r="F40240" s="7">
        <v>42355</v>
      </c>
      <c r="G40240" s="8">
        <v>1377000</v>
      </c>
      <c r="H40240" s="8">
        <v>227205</v>
      </c>
      <c r="I40240" s="8">
        <v>1376999</v>
      </c>
      <c r="J40240" s="8">
        <v>1</v>
      </c>
      <c r="K40240" s="9"/>
      <c r="L40240" s="6"/>
    </row>
    <row r="40241" spans="1:12">
      <c r="A40241" s="6" t="s">
        <v>39049</v>
      </c>
      <c r="B40241" s="6"/>
      <c r="C40241" s="6" t="s">
        <v>32230</v>
      </c>
      <c r="D40241" s="6"/>
      <c r="E40241" s="6"/>
      <c r="F40241" s="7">
        <v>42355</v>
      </c>
      <c r="G40241" s="8">
        <v>1728000</v>
      </c>
      <c r="H40241" s="8">
        <v>1</v>
      </c>
      <c r="I40241" s="8">
        <v>1727999</v>
      </c>
      <c r="J40241" s="8">
        <v>1</v>
      </c>
      <c r="K40241" s="9"/>
      <c r="L40241" s="6"/>
    </row>
    <row r="40242" spans="1:12">
      <c r="A40242" s="6" t="s">
        <v>39050</v>
      </c>
      <c r="B40242" s="6"/>
      <c r="C40242" s="6" t="s">
        <v>32230</v>
      </c>
      <c r="D40242" s="6"/>
      <c r="E40242" s="6"/>
      <c r="F40242" s="7">
        <v>38273</v>
      </c>
      <c r="G40242" s="8">
        <v>535500</v>
      </c>
      <c r="H40242" s="8">
        <v>1</v>
      </c>
      <c r="I40242" s="8">
        <v>535499</v>
      </c>
      <c r="J40242" s="8">
        <v>1</v>
      </c>
      <c r="K40242" s="9"/>
      <c r="L40242" s="6"/>
    </row>
    <row r="40243" spans="1:12">
      <c r="A40243" s="6" t="s">
        <v>39050</v>
      </c>
      <c r="B40243" s="6"/>
      <c r="C40243" s="6" t="s">
        <v>32230</v>
      </c>
      <c r="D40243" s="6"/>
      <c r="E40243" s="6"/>
      <c r="F40243" s="7">
        <v>35205</v>
      </c>
      <c r="G40243" s="8">
        <v>2369000</v>
      </c>
      <c r="H40243" s="8">
        <v>1</v>
      </c>
      <c r="I40243" s="8">
        <v>2368999</v>
      </c>
      <c r="J40243" s="8">
        <v>1</v>
      </c>
      <c r="K40243" s="9"/>
      <c r="L40243" s="6"/>
    </row>
    <row r="40244" spans="1:12">
      <c r="A40244" s="6" t="s">
        <v>39051</v>
      </c>
      <c r="B40244" s="6"/>
      <c r="C40244" s="6" t="s">
        <v>32230</v>
      </c>
      <c r="D40244" s="6"/>
      <c r="E40244" s="6"/>
      <c r="F40244" s="7">
        <v>35821</v>
      </c>
      <c r="G40244" s="8">
        <v>8194000</v>
      </c>
      <c r="H40244" s="8">
        <v>1</v>
      </c>
      <c r="I40244" s="8">
        <v>8193999</v>
      </c>
      <c r="J40244" s="8">
        <v>1</v>
      </c>
      <c r="K40244" s="9"/>
      <c r="L40244" s="6"/>
    </row>
    <row r="40245" spans="1:12">
      <c r="A40245" s="6" t="s">
        <v>39052</v>
      </c>
      <c r="B40245" s="6"/>
      <c r="C40245" s="6" t="s">
        <v>32230</v>
      </c>
      <c r="D40245" s="6" t="s">
        <v>6171</v>
      </c>
      <c r="E40245" s="6"/>
      <c r="F40245" s="7"/>
      <c r="G40245" s="8">
        <v>0</v>
      </c>
      <c r="H40245" s="8">
        <v>0</v>
      </c>
      <c r="I40245" s="8">
        <v>0</v>
      </c>
      <c r="J40245" s="8">
        <v>-1</v>
      </c>
      <c r="K40245" s="9"/>
      <c r="L40245" s="6"/>
    </row>
    <row r="40246" spans="1:12">
      <c r="A40246" s="6" t="s">
        <v>39053</v>
      </c>
      <c r="B40246" s="6"/>
      <c r="C40246" s="6" t="s">
        <v>32230</v>
      </c>
      <c r="D40246" s="6"/>
      <c r="E40246" s="6"/>
      <c r="F40246" s="7">
        <v>36472</v>
      </c>
      <c r="G40246" s="8">
        <v>3500000</v>
      </c>
      <c r="H40246" s="8">
        <v>1</v>
      </c>
      <c r="I40246" s="8">
        <v>3499999</v>
      </c>
      <c r="J40246" s="8">
        <v>1</v>
      </c>
      <c r="K40246" s="9"/>
      <c r="L40246" s="6"/>
    </row>
    <row r="40247" spans="1:12">
      <c r="A40247" s="6" t="s">
        <v>39053</v>
      </c>
      <c r="B40247" s="6"/>
      <c r="C40247" s="6" t="s">
        <v>32230</v>
      </c>
      <c r="D40247" s="6"/>
      <c r="E40247" s="6"/>
      <c r="F40247" s="7">
        <v>37250</v>
      </c>
      <c r="G40247" s="8">
        <v>27720000</v>
      </c>
      <c r="H40247" s="8">
        <v>1</v>
      </c>
      <c r="I40247" s="8">
        <v>27719999</v>
      </c>
      <c r="J40247" s="8">
        <v>1</v>
      </c>
      <c r="K40247" s="9"/>
      <c r="L40247" s="6"/>
    </row>
    <row r="40248" spans="1:12">
      <c r="A40248" s="6" t="s">
        <v>39054</v>
      </c>
      <c r="B40248" s="6"/>
      <c r="C40248" s="6" t="s">
        <v>32230</v>
      </c>
      <c r="D40248" s="6" t="s">
        <v>6171</v>
      </c>
      <c r="E40248" s="6"/>
      <c r="F40248" s="7"/>
      <c r="G40248" s="8">
        <v>0</v>
      </c>
      <c r="H40248" s="8">
        <v>0</v>
      </c>
      <c r="I40248" s="8">
        <v>0</v>
      </c>
      <c r="J40248" s="8">
        <v>-1</v>
      </c>
      <c r="K40248" s="9"/>
      <c r="L40248" s="6"/>
    </row>
    <row r="40249" spans="1:12">
      <c r="A40249" s="6" t="s">
        <v>39053</v>
      </c>
      <c r="B40249" s="6"/>
      <c r="C40249" s="6" t="s">
        <v>32230</v>
      </c>
      <c r="D40249" s="6"/>
      <c r="E40249" s="6"/>
      <c r="F40249" s="7">
        <v>40506</v>
      </c>
      <c r="G40249" s="8">
        <v>34650000</v>
      </c>
      <c r="H40249" s="8">
        <v>1</v>
      </c>
      <c r="I40249" s="8">
        <v>34649999</v>
      </c>
      <c r="J40249" s="8">
        <v>1</v>
      </c>
      <c r="K40249" s="9"/>
      <c r="L40249" s="6"/>
    </row>
    <row r="40250" spans="1:12">
      <c r="A40250" s="6" t="s">
        <v>39053</v>
      </c>
      <c r="B40250" s="6"/>
      <c r="C40250" s="6" t="s">
        <v>32230</v>
      </c>
      <c r="D40250" s="6"/>
      <c r="E40250" s="6"/>
      <c r="F40250" s="7">
        <v>40942</v>
      </c>
      <c r="G40250" s="8">
        <v>3864000</v>
      </c>
      <c r="H40250" s="8">
        <v>1</v>
      </c>
      <c r="I40250" s="8">
        <v>3863999</v>
      </c>
      <c r="J40250" s="8">
        <v>1</v>
      </c>
      <c r="K40250" s="9"/>
      <c r="L40250" s="6"/>
    </row>
    <row r="40251" spans="1:12">
      <c r="A40251" s="6" t="s">
        <v>39053</v>
      </c>
      <c r="B40251" s="6"/>
      <c r="C40251" s="6" t="s">
        <v>32230</v>
      </c>
      <c r="D40251" s="6"/>
      <c r="E40251" s="6"/>
      <c r="F40251" s="7">
        <v>42051</v>
      </c>
      <c r="G40251" s="8">
        <v>92016000</v>
      </c>
      <c r="H40251" s="8">
        <v>1</v>
      </c>
      <c r="I40251" s="8">
        <v>92015999</v>
      </c>
      <c r="J40251" s="8">
        <v>1</v>
      </c>
      <c r="K40251" s="9"/>
      <c r="L40251" s="6"/>
    </row>
    <row r="40252" spans="1:12">
      <c r="A40252" s="6" t="s">
        <v>39053</v>
      </c>
      <c r="B40252" s="6"/>
      <c r="C40252" s="6" t="s">
        <v>32230</v>
      </c>
      <c r="D40252" s="6"/>
      <c r="E40252" s="6"/>
      <c r="F40252" s="7">
        <v>42271</v>
      </c>
      <c r="G40252" s="8">
        <v>25812000</v>
      </c>
      <c r="H40252" s="8">
        <v>1</v>
      </c>
      <c r="I40252" s="8">
        <v>25811999</v>
      </c>
      <c r="J40252" s="8">
        <v>1</v>
      </c>
      <c r="K40252" s="9"/>
      <c r="L40252" s="6"/>
    </row>
    <row r="40253" spans="1:12">
      <c r="A40253" s="6" t="s">
        <v>39055</v>
      </c>
      <c r="B40253" s="6"/>
      <c r="C40253" s="6" t="s">
        <v>32230</v>
      </c>
      <c r="D40253" s="6"/>
      <c r="E40253" s="6"/>
      <c r="F40253" s="7">
        <v>41304</v>
      </c>
      <c r="G40253" s="8">
        <v>24086454</v>
      </c>
      <c r="H40253" s="8">
        <v>1</v>
      </c>
      <c r="I40253" s="8">
        <v>24086453</v>
      </c>
      <c r="J40253" s="8">
        <v>1</v>
      </c>
      <c r="K40253" s="9"/>
      <c r="L40253" s="6"/>
    </row>
    <row r="40254" spans="1:12">
      <c r="A40254" s="6" t="s">
        <v>39056</v>
      </c>
      <c r="B40254" s="6"/>
      <c r="C40254" s="6"/>
      <c r="D40254" s="6"/>
      <c r="E40254" s="6"/>
      <c r="F40254" s="7">
        <v>38534</v>
      </c>
      <c r="G40254" s="8">
        <v>0</v>
      </c>
      <c r="H40254" s="8">
        <v>0</v>
      </c>
      <c r="I40254" s="8">
        <v>0</v>
      </c>
      <c r="J40254" s="8">
        <v>0</v>
      </c>
      <c r="K40254" s="9"/>
      <c r="L40254" s="6"/>
    </row>
    <row r="40255" spans="1:12">
      <c r="A40255" s="6" t="s">
        <v>39057</v>
      </c>
      <c r="B40255" s="6"/>
      <c r="C40255" s="6" t="s">
        <v>32230</v>
      </c>
      <c r="D40255" s="6"/>
      <c r="E40255" s="6"/>
      <c r="F40255" s="7">
        <v>36616</v>
      </c>
      <c r="G40255" s="8">
        <v>1134000</v>
      </c>
      <c r="H40255" s="8">
        <v>1</v>
      </c>
      <c r="I40255" s="8">
        <v>1133999</v>
      </c>
      <c r="J40255" s="8">
        <v>1</v>
      </c>
      <c r="K40255" s="6"/>
      <c r="L40255" s="6"/>
    </row>
    <row r="40256" spans="1:12">
      <c r="A40256" s="6" t="s">
        <v>39058</v>
      </c>
      <c r="B40256" s="6"/>
      <c r="C40256" s="6" t="s">
        <v>32230</v>
      </c>
      <c r="D40256" s="6"/>
      <c r="E40256" s="6"/>
      <c r="F40256" s="7">
        <v>36616</v>
      </c>
      <c r="G40256" s="8">
        <v>766500</v>
      </c>
      <c r="H40256" s="8">
        <v>1</v>
      </c>
      <c r="I40256" s="8">
        <v>766499</v>
      </c>
      <c r="J40256" s="8">
        <v>1</v>
      </c>
      <c r="K40256" s="6"/>
      <c r="L40256" s="6"/>
    </row>
    <row r="40257" spans="1:12">
      <c r="A40257" s="6" t="s">
        <v>39058</v>
      </c>
      <c r="B40257" s="6"/>
      <c r="C40257" s="6" t="s">
        <v>32230</v>
      </c>
      <c r="D40257" s="6"/>
      <c r="E40257" s="6"/>
      <c r="F40257" s="7">
        <v>36616</v>
      </c>
      <c r="G40257" s="8">
        <v>696500</v>
      </c>
      <c r="H40257" s="8">
        <v>1</v>
      </c>
      <c r="I40257" s="8">
        <v>696499</v>
      </c>
      <c r="J40257" s="8">
        <v>1</v>
      </c>
      <c r="K40257" s="6"/>
      <c r="L40257" s="6"/>
    </row>
    <row r="40258" spans="1:12">
      <c r="A40258" s="6" t="s">
        <v>39059</v>
      </c>
      <c r="B40258" s="6"/>
      <c r="C40258" s="6" t="s">
        <v>32230</v>
      </c>
      <c r="D40258" s="6"/>
      <c r="E40258" s="6"/>
      <c r="F40258" s="7">
        <v>36616</v>
      </c>
      <c r="G40258" s="8">
        <v>1160600</v>
      </c>
      <c r="H40258" s="8">
        <v>1</v>
      </c>
      <c r="I40258" s="8">
        <v>1160599</v>
      </c>
      <c r="J40258" s="8">
        <v>1</v>
      </c>
      <c r="K40258" s="6"/>
      <c r="L40258" s="6"/>
    </row>
    <row r="40259" spans="1:12">
      <c r="A40259" s="6" t="s">
        <v>39059</v>
      </c>
      <c r="B40259" s="6"/>
      <c r="C40259" s="6" t="s">
        <v>32230</v>
      </c>
      <c r="D40259" s="6"/>
      <c r="E40259" s="6"/>
      <c r="F40259" s="7">
        <v>36616</v>
      </c>
      <c r="G40259" s="8">
        <v>576000</v>
      </c>
      <c r="H40259" s="8">
        <v>1</v>
      </c>
      <c r="I40259" s="8">
        <v>575999</v>
      </c>
      <c r="J40259" s="8">
        <v>1</v>
      </c>
      <c r="K40259" s="6"/>
      <c r="L40259" s="6"/>
    </row>
    <row r="40260" spans="1:12">
      <c r="A40260" s="6" t="s">
        <v>39059</v>
      </c>
      <c r="B40260" s="6"/>
      <c r="C40260" s="6" t="s">
        <v>32230</v>
      </c>
      <c r="D40260" s="6"/>
      <c r="E40260" s="6"/>
      <c r="F40260" s="7">
        <v>36616</v>
      </c>
      <c r="G40260" s="8">
        <v>502600</v>
      </c>
      <c r="H40260" s="8">
        <v>1</v>
      </c>
      <c r="I40260" s="8">
        <v>502599</v>
      </c>
      <c r="J40260" s="8">
        <v>1</v>
      </c>
      <c r="K40260" s="6"/>
      <c r="L40260" s="6"/>
    </row>
    <row r="40261" spans="1:12">
      <c r="A40261" s="6" t="s">
        <v>39060</v>
      </c>
      <c r="B40261" s="6"/>
      <c r="C40261" s="6" t="s">
        <v>32230</v>
      </c>
      <c r="D40261" s="6"/>
      <c r="E40261" s="6"/>
      <c r="F40261" s="7">
        <v>36616</v>
      </c>
      <c r="G40261" s="8">
        <v>1351000</v>
      </c>
      <c r="H40261" s="8">
        <v>1</v>
      </c>
      <c r="I40261" s="8">
        <v>1350999</v>
      </c>
      <c r="J40261" s="8">
        <v>1</v>
      </c>
      <c r="K40261" s="9"/>
      <c r="L40261" s="6"/>
    </row>
    <row r="40262" spans="1:12">
      <c r="A40262" s="6" t="s">
        <v>39061</v>
      </c>
      <c r="B40262" s="6"/>
      <c r="C40262" s="6" t="s">
        <v>32230</v>
      </c>
      <c r="D40262" s="6"/>
      <c r="E40262" s="6"/>
      <c r="F40262" s="7">
        <v>35521</v>
      </c>
      <c r="G40262" s="8">
        <v>665668</v>
      </c>
      <c r="H40262" s="8">
        <v>1</v>
      </c>
      <c r="I40262" s="8">
        <v>665667</v>
      </c>
      <c r="J40262" s="8">
        <v>1</v>
      </c>
      <c r="K40262" s="9"/>
      <c r="L40262" s="6"/>
    </row>
    <row r="40263" spans="1:12">
      <c r="A40263" s="6" t="s">
        <v>39062</v>
      </c>
      <c r="B40263" s="6"/>
      <c r="C40263" s="6" t="s">
        <v>32230</v>
      </c>
      <c r="D40263" s="6"/>
      <c r="E40263" s="6"/>
      <c r="F40263" s="7">
        <v>35185</v>
      </c>
      <c r="G40263" s="8">
        <v>1504000</v>
      </c>
      <c r="H40263" s="8">
        <v>1</v>
      </c>
      <c r="I40263" s="8">
        <v>1503999</v>
      </c>
      <c r="J40263" s="8">
        <v>1</v>
      </c>
      <c r="K40263" s="9"/>
      <c r="L40263" s="6"/>
    </row>
    <row r="40264" spans="1:12">
      <c r="A40264" s="6" t="s">
        <v>39063</v>
      </c>
      <c r="B40264" s="6"/>
      <c r="C40264" s="6" t="s">
        <v>32230</v>
      </c>
      <c r="D40264" s="6"/>
      <c r="E40264" s="6"/>
      <c r="F40264" s="7">
        <v>40206</v>
      </c>
      <c r="G40264" s="8">
        <v>1218000</v>
      </c>
      <c r="H40264" s="8">
        <v>1</v>
      </c>
      <c r="I40264" s="8">
        <v>1217999</v>
      </c>
      <c r="J40264" s="8">
        <v>1</v>
      </c>
      <c r="K40264" s="9"/>
      <c r="L40264" s="6"/>
    </row>
    <row r="40265" spans="1:12">
      <c r="A40265" s="6" t="s">
        <v>39064</v>
      </c>
      <c r="B40265" s="6"/>
      <c r="C40265" s="6" t="s">
        <v>32230</v>
      </c>
      <c r="D40265" s="6"/>
      <c r="E40265" s="6"/>
      <c r="F40265" s="7">
        <v>40186</v>
      </c>
      <c r="G40265" s="8">
        <v>1935500</v>
      </c>
      <c r="H40265" s="8">
        <v>1</v>
      </c>
      <c r="I40265" s="8">
        <v>1935499</v>
      </c>
      <c r="J40265" s="8">
        <v>1</v>
      </c>
      <c r="K40265" s="9"/>
      <c r="L40265" s="6"/>
    </row>
    <row r="40266" spans="1:12">
      <c r="A40266" s="6" t="s">
        <v>39063</v>
      </c>
      <c r="B40266" s="6"/>
      <c r="C40266" s="6" t="s">
        <v>32230</v>
      </c>
      <c r="D40266" s="6"/>
      <c r="E40266" s="6"/>
      <c r="F40266" s="7">
        <v>40206</v>
      </c>
      <c r="G40266" s="8">
        <v>1218000</v>
      </c>
      <c r="H40266" s="8">
        <v>1</v>
      </c>
      <c r="I40266" s="8">
        <v>1217999</v>
      </c>
      <c r="J40266" s="8">
        <v>1</v>
      </c>
      <c r="K40266" s="9"/>
      <c r="L40266" s="6"/>
    </row>
    <row r="40267" spans="1:12">
      <c r="A40267" s="6" t="s">
        <v>39065</v>
      </c>
      <c r="B40267" s="6"/>
      <c r="C40267" s="6" t="s">
        <v>32230</v>
      </c>
      <c r="D40267" s="6"/>
      <c r="E40267" s="6"/>
      <c r="F40267" s="7">
        <v>40252</v>
      </c>
      <c r="G40267" s="8">
        <v>707000</v>
      </c>
      <c r="H40267" s="8">
        <v>1</v>
      </c>
      <c r="I40267" s="8">
        <v>706999</v>
      </c>
      <c r="J40267" s="8">
        <v>1</v>
      </c>
      <c r="K40267" s="9"/>
      <c r="L40267" s="6"/>
    </row>
    <row r="40268" spans="1:12">
      <c r="A40268" s="6" t="s">
        <v>39065</v>
      </c>
      <c r="B40268" s="6"/>
      <c r="C40268" s="6" t="s">
        <v>32230</v>
      </c>
      <c r="D40268" s="6"/>
      <c r="E40268" s="6"/>
      <c r="F40268" s="7">
        <v>36873</v>
      </c>
      <c r="G40268" s="8">
        <v>1050000</v>
      </c>
      <c r="H40268" s="8">
        <v>1</v>
      </c>
      <c r="I40268" s="8">
        <v>1049999</v>
      </c>
      <c r="J40268" s="8">
        <v>1</v>
      </c>
      <c r="K40268" s="9"/>
      <c r="L40268" s="6"/>
    </row>
    <row r="40269" spans="1:12">
      <c r="A40269" s="6" t="s">
        <v>39066</v>
      </c>
      <c r="B40269" s="6"/>
      <c r="C40269" s="6" t="s">
        <v>32230</v>
      </c>
      <c r="D40269" s="6"/>
      <c r="E40269" s="6"/>
      <c r="F40269" s="7">
        <v>38657</v>
      </c>
      <c r="G40269" s="8">
        <v>787500</v>
      </c>
      <c r="H40269" s="8">
        <v>1</v>
      </c>
      <c r="I40269" s="8">
        <v>787499</v>
      </c>
      <c r="J40269" s="8">
        <v>1</v>
      </c>
      <c r="K40269" s="9"/>
      <c r="L40269" s="6"/>
    </row>
    <row r="40270" spans="1:12">
      <c r="A40270" s="6" t="s">
        <v>39067</v>
      </c>
      <c r="B40270" s="6"/>
      <c r="C40270" s="6" t="s">
        <v>32230</v>
      </c>
      <c r="D40270" s="6"/>
      <c r="E40270" s="6"/>
      <c r="F40270" s="7">
        <v>35704</v>
      </c>
      <c r="G40270" s="8">
        <v>4000000</v>
      </c>
      <c r="H40270" s="8">
        <v>4000000</v>
      </c>
      <c r="I40270" s="8">
        <v>0</v>
      </c>
      <c r="J40270" s="8">
        <v>4000000</v>
      </c>
      <c r="K40270" s="9"/>
      <c r="L40270" s="6"/>
    </row>
    <row r="40271" spans="1:12">
      <c r="A40271" s="6" t="s">
        <v>39068</v>
      </c>
      <c r="B40271" s="6"/>
      <c r="C40271" s="6" t="s">
        <v>32230</v>
      </c>
      <c r="D40271" s="6"/>
      <c r="E40271" s="6"/>
      <c r="F40271" s="7">
        <v>35812</v>
      </c>
      <c r="G40271" s="8">
        <v>1044750</v>
      </c>
      <c r="H40271" s="8">
        <v>1</v>
      </c>
      <c r="I40271" s="8">
        <v>1044749</v>
      </c>
      <c r="J40271" s="8">
        <v>1</v>
      </c>
      <c r="K40271" s="9"/>
      <c r="L40271" s="6"/>
    </row>
    <row r="40272" spans="1:12">
      <c r="A40272" s="6" t="s">
        <v>39069</v>
      </c>
      <c r="B40272" s="6"/>
      <c r="C40272" s="6" t="s">
        <v>32230</v>
      </c>
      <c r="D40272" s="6"/>
      <c r="E40272" s="6"/>
      <c r="F40272" s="7">
        <v>42692</v>
      </c>
      <c r="G40272" s="8">
        <v>6048000</v>
      </c>
      <c r="H40272" s="8">
        <v>1</v>
      </c>
      <c r="I40272" s="8">
        <v>6047999</v>
      </c>
      <c r="J40272" s="8">
        <v>1</v>
      </c>
      <c r="K40272" s="9"/>
      <c r="L40272" s="6"/>
    </row>
    <row r="40273" spans="1:12">
      <c r="A40273" s="6" t="s">
        <v>39070</v>
      </c>
      <c r="B40273" s="6"/>
      <c r="C40273" s="6" t="s">
        <v>32230</v>
      </c>
      <c r="D40273" s="6"/>
      <c r="E40273" s="6"/>
      <c r="F40273" s="7">
        <v>42699</v>
      </c>
      <c r="G40273" s="8">
        <v>1641600</v>
      </c>
      <c r="H40273" s="8">
        <v>1</v>
      </c>
      <c r="I40273" s="8">
        <v>1641599</v>
      </c>
      <c r="J40273" s="8">
        <v>1</v>
      </c>
      <c r="K40273" s="9"/>
      <c r="L40273" s="6"/>
    </row>
    <row r="40274" spans="1:12">
      <c r="A40274" s="6" t="s">
        <v>39071</v>
      </c>
      <c r="B40274" s="6"/>
      <c r="C40274" s="6" t="s">
        <v>32230</v>
      </c>
      <c r="D40274" s="6"/>
      <c r="E40274" s="6"/>
      <c r="F40274" s="7">
        <v>42725</v>
      </c>
      <c r="G40274" s="8">
        <v>1596240</v>
      </c>
      <c r="H40274" s="8">
        <v>1</v>
      </c>
      <c r="I40274" s="8">
        <v>1596239</v>
      </c>
      <c r="J40274" s="8">
        <v>1</v>
      </c>
      <c r="K40274" s="9"/>
      <c r="L40274" s="6"/>
    </row>
    <row r="40275" spans="1:12">
      <c r="A40275" s="6" t="s">
        <v>39072</v>
      </c>
      <c r="B40275" s="6"/>
      <c r="C40275" s="6" t="s">
        <v>32230</v>
      </c>
      <c r="D40275" s="6"/>
      <c r="E40275" s="6"/>
      <c r="F40275" s="7">
        <v>36100</v>
      </c>
      <c r="G40275" s="8">
        <v>1250000</v>
      </c>
      <c r="H40275" s="8">
        <v>1</v>
      </c>
      <c r="I40275" s="8">
        <v>1249999</v>
      </c>
      <c r="J40275" s="8">
        <v>1</v>
      </c>
      <c r="K40275" s="9"/>
      <c r="L40275" s="6"/>
    </row>
    <row r="40276" spans="1:12">
      <c r="A40276" s="6" t="s">
        <v>39073</v>
      </c>
      <c r="B40276" s="6"/>
      <c r="C40276" s="6" t="s">
        <v>32230</v>
      </c>
      <c r="D40276" s="6"/>
      <c r="E40276" s="6"/>
      <c r="F40276" s="7">
        <v>43459</v>
      </c>
      <c r="G40276" s="8">
        <v>6307200</v>
      </c>
      <c r="H40276" s="8">
        <v>3153600</v>
      </c>
      <c r="I40276" s="8">
        <v>4730400</v>
      </c>
      <c r="J40276" s="8">
        <v>1576800</v>
      </c>
      <c r="K40276" s="9"/>
      <c r="L40276" s="6"/>
    </row>
    <row r="40277" spans="1:12">
      <c r="A40277" s="6" t="s">
        <v>39074</v>
      </c>
      <c r="B40277" s="6"/>
      <c r="C40277" s="6" t="s">
        <v>32230</v>
      </c>
      <c r="D40277" s="6"/>
      <c r="E40277" s="6"/>
      <c r="F40277" s="7">
        <v>43459</v>
      </c>
      <c r="G40277" s="8">
        <v>1490400</v>
      </c>
      <c r="H40277" s="8">
        <v>745200</v>
      </c>
      <c r="I40277" s="8">
        <v>1117800</v>
      </c>
      <c r="J40277" s="8">
        <v>372600</v>
      </c>
      <c r="K40277" s="9"/>
      <c r="L40277" s="6"/>
    </row>
    <row r="40278" spans="1:12">
      <c r="A40278" s="6" t="s">
        <v>39075</v>
      </c>
      <c r="B40278" s="6"/>
      <c r="C40278" s="6" t="s">
        <v>32230</v>
      </c>
      <c r="D40278" s="6"/>
      <c r="E40278" s="6"/>
      <c r="F40278" s="7">
        <v>43789</v>
      </c>
      <c r="G40278" s="8">
        <v>3850000</v>
      </c>
      <c r="H40278" s="8">
        <v>2887500</v>
      </c>
      <c r="I40278" s="8">
        <v>1925000</v>
      </c>
      <c r="J40278" s="8">
        <v>1925000</v>
      </c>
      <c r="K40278" s="9"/>
      <c r="L40278" s="6"/>
    </row>
    <row r="40279" spans="1:12">
      <c r="A40279" s="6" t="s">
        <v>39076</v>
      </c>
      <c r="B40279" s="6"/>
      <c r="C40279" s="6" t="s">
        <v>32230</v>
      </c>
      <c r="D40279" s="6"/>
      <c r="E40279" s="6"/>
      <c r="F40279" s="7">
        <v>43804</v>
      </c>
      <c r="G40279" s="8">
        <v>1646700</v>
      </c>
      <c r="H40279" s="8">
        <v>1235025</v>
      </c>
      <c r="I40279" s="8">
        <v>823350</v>
      </c>
      <c r="J40279" s="8">
        <v>823350</v>
      </c>
      <c r="K40279" s="9"/>
      <c r="L40279" s="6"/>
    </row>
    <row r="40280" spans="1:12">
      <c r="A40280" s="6" t="s">
        <v>39077</v>
      </c>
      <c r="B40280" s="6"/>
      <c r="C40280" s="6" t="s">
        <v>32230</v>
      </c>
      <c r="D40280" s="6"/>
      <c r="E40280" s="6"/>
      <c r="F40280" s="7">
        <v>43871</v>
      </c>
      <c r="G40280" s="8">
        <v>1705000</v>
      </c>
      <c r="H40280" s="8">
        <v>1278750</v>
      </c>
      <c r="I40280" s="8">
        <v>852500</v>
      </c>
      <c r="J40280" s="8">
        <v>852500</v>
      </c>
      <c r="K40280" s="9"/>
      <c r="L40280" s="6"/>
    </row>
    <row r="40281" spans="1:12">
      <c r="A40281" s="6" t="s">
        <v>39078</v>
      </c>
      <c r="B40281" s="6"/>
      <c r="C40281" s="6" t="s">
        <v>32230</v>
      </c>
      <c r="D40281" s="6"/>
      <c r="E40281" s="6"/>
      <c r="F40281" s="7">
        <v>43871</v>
      </c>
      <c r="G40281" s="8">
        <v>1705000</v>
      </c>
      <c r="H40281" s="8">
        <v>1278750</v>
      </c>
      <c r="I40281" s="8">
        <v>852500</v>
      </c>
      <c r="J40281" s="8">
        <v>852500</v>
      </c>
      <c r="K40281" s="9"/>
      <c r="L40281" s="6"/>
    </row>
    <row r="40282" spans="1:12">
      <c r="A40282" s="6" t="s">
        <v>39079</v>
      </c>
      <c r="B40282" s="6"/>
      <c r="C40282" s="6" t="s">
        <v>32230</v>
      </c>
      <c r="D40282" s="6"/>
      <c r="E40282" s="6"/>
      <c r="F40282" s="7">
        <v>44180</v>
      </c>
      <c r="G40282" s="8">
        <v>623700</v>
      </c>
      <c r="H40282" s="8">
        <v>623700</v>
      </c>
      <c r="I40282" s="8">
        <v>155925</v>
      </c>
      <c r="J40282" s="8">
        <v>467775</v>
      </c>
      <c r="K40282" s="9"/>
      <c r="L40282" s="6"/>
    </row>
    <row r="40283" spans="1:12">
      <c r="A40283" s="6" t="s">
        <v>39080</v>
      </c>
      <c r="B40283" s="6"/>
      <c r="C40283" s="6" t="s">
        <v>32230</v>
      </c>
      <c r="D40283" s="6"/>
      <c r="E40283" s="6"/>
      <c r="F40283" s="7">
        <v>44208</v>
      </c>
      <c r="G40283" s="8">
        <v>6578000</v>
      </c>
      <c r="H40283" s="8">
        <v>6578000</v>
      </c>
      <c r="I40283" s="8">
        <v>1644500</v>
      </c>
      <c r="J40283" s="8">
        <v>4933500</v>
      </c>
      <c r="K40283" s="9"/>
      <c r="L40283" s="6"/>
    </row>
    <row r="40284" spans="1:12">
      <c r="A40284" s="6" t="s">
        <v>39081</v>
      </c>
      <c r="B40284" s="6"/>
      <c r="C40284" s="6" t="s">
        <v>32230</v>
      </c>
      <c r="D40284" s="6"/>
      <c r="E40284" s="6"/>
      <c r="F40284" s="7">
        <v>43409</v>
      </c>
      <c r="G40284" s="8">
        <v>14148000</v>
      </c>
      <c r="H40284" s="8">
        <v>8488800</v>
      </c>
      <c r="I40284" s="8">
        <v>8488800</v>
      </c>
      <c r="J40284" s="8">
        <v>5659200</v>
      </c>
      <c r="K40284" s="9"/>
      <c r="L40284" s="6"/>
    </row>
    <row r="40285" spans="1:12">
      <c r="A40285" s="6" t="s">
        <v>39082</v>
      </c>
      <c r="B40285" s="6"/>
      <c r="C40285" s="6" t="s">
        <v>32230</v>
      </c>
      <c r="D40285" s="6"/>
      <c r="E40285" s="6"/>
      <c r="F40285" s="7">
        <v>36129</v>
      </c>
      <c r="G40285" s="8">
        <v>4500000</v>
      </c>
      <c r="H40285" s="8">
        <v>1</v>
      </c>
      <c r="I40285" s="8">
        <v>4499999</v>
      </c>
      <c r="J40285" s="8">
        <v>1</v>
      </c>
      <c r="K40285" s="9"/>
      <c r="L40285" s="6"/>
    </row>
    <row r="40286" spans="1:12">
      <c r="A40286" s="6" t="s">
        <v>39083</v>
      </c>
      <c r="B40286" s="6"/>
      <c r="C40286" s="6" t="s">
        <v>32230</v>
      </c>
      <c r="D40286" s="6"/>
      <c r="E40286" s="6"/>
      <c r="F40286" s="7">
        <v>43845</v>
      </c>
      <c r="G40286" s="8">
        <v>15378000</v>
      </c>
      <c r="H40286" s="8">
        <v>12302400</v>
      </c>
      <c r="I40286" s="8">
        <v>6151200</v>
      </c>
      <c r="J40286" s="8">
        <v>9226800</v>
      </c>
      <c r="K40286" s="9"/>
      <c r="L40286" s="6"/>
    </row>
    <row r="40287" spans="1:12">
      <c r="A40287" s="6" t="s">
        <v>39084</v>
      </c>
      <c r="B40287" s="6"/>
      <c r="C40287" s="6" t="s">
        <v>32230</v>
      </c>
      <c r="D40287" s="6"/>
      <c r="E40287" s="6"/>
      <c r="F40287" s="7">
        <v>36770</v>
      </c>
      <c r="G40287" s="8">
        <v>973434</v>
      </c>
      <c r="H40287" s="8">
        <v>1</v>
      </c>
      <c r="I40287" s="8">
        <v>973433</v>
      </c>
      <c r="J40287" s="8">
        <v>1</v>
      </c>
      <c r="K40287" s="9"/>
      <c r="L40287" s="6"/>
    </row>
    <row r="40288" spans="1:12">
      <c r="A40288" s="6" t="s">
        <v>39084</v>
      </c>
      <c r="B40288" s="6"/>
      <c r="C40288" s="6" t="s">
        <v>32230</v>
      </c>
      <c r="D40288" s="6"/>
      <c r="E40288" s="6"/>
      <c r="F40288" s="7">
        <v>36770</v>
      </c>
      <c r="G40288" s="8">
        <v>2122322</v>
      </c>
      <c r="H40288" s="8">
        <v>1</v>
      </c>
      <c r="I40288" s="8">
        <v>2122321</v>
      </c>
      <c r="J40288" s="8">
        <v>1</v>
      </c>
      <c r="K40288" s="9"/>
      <c r="L40288" s="6"/>
    </row>
    <row r="40289" spans="1:12">
      <c r="A40289" s="6" t="s">
        <v>39084</v>
      </c>
      <c r="B40289" s="6"/>
      <c r="C40289" s="6" t="s">
        <v>32230</v>
      </c>
      <c r="D40289" s="6"/>
      <c r="E40289" s="6"/>
      <c r="F40289" s="7">
        <v>36770</v>
      </c>
      <c r="G40289" s="8">
        <v>962115</v>
      </c>
      <c r="H40289" s="8">
        <v>1</v>
      </c>
      <c r="I40289" s="8">
        <v>962114</v>
      </c>
      <c r="J40289" s="8">
        <v>1</v>
      </c>
      <c r="K40289" s="9"/>
      <c r="L40289" s="6"/>
    </row>
    <row r="40290" spans="1:12">
      <c r="A40290" s="6" t="s">
        <v>39085</v>
      </c>
      <c r="B40290" s="6"/>
      <c r="C40290" s="6" t="s">
        <v>32230</v>
      </c>
      <c r="D40290" s="6"/>
      <c r="E40290" s="6"/>
      <c r="F40290" s="7">
        <v>36770</v>
      </c>
      <c r="G40290" s="8">
        <v>3150000</v>
      </c>
      <c r="H40290" s="8">
        <v>3150000</v>
      </c>
      <c r="I40290" s="8">
        <v>0</v>
      </c>
      <c r="J40290" s="8">
        <v>3150000</v>
      </c>
      <c r="K40290" s="9"/>
      <c r="L40290" s="6"/>
    </row>
    <row r="40291" spans="1:12">
      <c r="A40291" s="6" t="s">
        <v>39086</v>
      </c>
      <c r="B40291" s="6"/>
      <c r="C40291" s="6" t="s">
        <v>32230</v>
      </c>
      <c r="D40291" s="6"/>
      <c r="E40291" s="6"/>
      <c r="F40291" s="7">
        <v>36770</v>
      </c>
      <c r="G40291" s="8">
        <v>539123</v>
      </c>
      <c r="H40291" s="8">
        <v>1</v>
      </c>
      <c r="I40291" s="8">
        <v>539122</v>
      </c>
      <c r="J40291" s="8">
        <v>1</v>
      </c>
      <c r="K40291" s="9"/>
      <c r="L40291" s="6"/>
    </row>
    <row r="40292" spans="1:12">
      <c r="A40292" s="6" t="s">
        <v>39087</v>
      </c>
      <c r="B40292" s="6"/>
      <c r="C40292" s="6" t="s">
        <v>32230</v>
      </c>
      <c r="D40292" s="6"/>
      <c r="E40292" s="6"/>
      <c r="F40292" s="7">
        <v>38807</v>
      </c>
      <c r="G40292" s="8">
        <v>960750</v>
      </c>
      <c r="H40292" s="8">
        <v>1</v>
      </c>
      <c r="I40292" s="8">
        <v>960749</v>
      </c>
      <c r="J40292" s="8">
        <v>1</v>
      </c>
      <c r="K40292" s="9"/>
      <c r="L40292" s="6"/>
    </row>
    <row r="40293" spans="1:12">
      <c r="A40293" s="6" t="s">
        <v>39088</v>
      </c>
      <c r="B40293" s="6"/>
      <c r="C40293" s="6" t="s">
        <v>32230</v>
      </c>
      <c r="D40293" s="6"/>
      <c r="E40293" s="6"/>
      <c r="F40293" s="7">
        <v>38072</v>
      </c>
      <c r="G40293" s="8">
        <v>505260</v>
      </c>
      <c r="H40293" s="8">
        <v>1</v>
      </c>
      <c r="I40293" s="8">
        <v>505259</v>
      </c>
      <c r="J40293" s="8">
        <v>1</v>
      </c>
      <c r="K40293" s="9"/>
      <c r="L40293" s="6"/>
    </row>
    <row r="40294" spans="1:12">
      <c r="A40294" s="6" t="s">
        <v>39089</v>
      </c>
      <c r="B40294" s="6"/>
      <c r="C40294" s="6" t="s">
        <v>32230</v>
      </c>
      <c r="D40294" s="6"/>
      <c r="E40294" s="6"/>
      <c r="F40294" s="7">
        <v>43096</v>
      </c>
      <c r="G40294" s="8">
        <v>3196800</v>
      </c>
      <c r="H40294" s="8">
        <v>799200</v>
      </c>
      <c r="I40294" s="8">
        <v>3196799</v>
      </c>
      <c r="J40294" s="8">
        <v>1</v>
      </c>
      <c r="K40294" s="9"/>
      <c r="L40294" s="6"/>
    </row>
    <row r="40295" spans="1:12">
      <c r="A40295" s="6" t="s">
        <v>39090</v>
      </c>
      <c r="B40295" s="6"/>
      <c r="C40295" s="6" t="s">
        <v>32230</v>
      </c>
      <c r="D40295" s="6"/>
      <c r="E40295" s="6"/>
      <c r="F40295" s="7">
        <v>37499</v>
      </c>
      <c r="G40295" s="8">
        <v>600000</v>
      </c>
      <c r="H40295" s="8">
        <v>1</v>
      </c>
      <c r="I40295" s="8">
        <v>599999</v>
      </c>
      <c r="J40295" s="8">
        <v>1</v>
      </c>
      <c r="K40295" s="9"/>
      <c r="L40295" s="6"/>
    </row>
    <row r="40296" spans="1:12">
      <c r="A40296" s="6" t="s">
        <v>39091</v>
      </c>
      <c r="B40296" s="6"/>
      <c r="C40296" s="6" t="s">
        <v>32230</v>
      </c>
      <c r="D40296" s="6"/>
      <c r="E40296" s="6"/>
      <c r="F40296" s="7">
        <v>37799</v>
      </c>
      <c r="G40296" s="8">
        <v>1328250</v>
      </c>
      <c r="H40296" s="8">
        <v>1</v>
      </c>
      <c r="I40296" s="8">
        <v>1328249</v>
      </c>
      <c r="J40296" s="8">
        <v>1</v>
      </c>
      <c r="K40296" s="9"/>
      <c r="L40296" s="6"/>
    </row>
    <row r="40297" spans="1:12">
      <c r="A40297" s="6" t="s">
        <v>39091</v>
      </c>
      <c r="B40297" s="6"/>
      <c r="C40297" s="6" t="s">
        <v>32230</v>
      </c>
      <c r="D40297" s="6"/>
      <c r="E40297" s="6"/>
      <c r="F40297" s="7">
        <v>38657</v>
      </c>
      <c r="G40297" s="8">
        <v>829500</v>
      </c>
      <c r="H40297" s="8">
        <v>1</v>
      </c>
      <c r="I40297" s="8">
        <v>829499</v>
      </c>
      <c r="J40297" s="8">
        <v>1</v>
      </c>
      <c r="K40297" s="9"/>
      <c r="L40297" s="6"/>
    </row>
    <row r="40298" spans="1:12">
      <c r="A40298" s="6" t="s">
        <v>39091</v>
      </c>
      <c r="B40298" s="6"/>
      <c r="C40298" s="6" t="s">
        <v>32230</v>
      </c>
      <c r="D40298" s="6"/>
      <c r="E40298" s="6"/>
      <c r="F40298" s="7">
        <v>39317</v>
      </c>
      <c r="G40298" s="8">
        <v>1869000</v>
      </c>
      <c r="H40298" s="8">
        <v>1</v>
      </c>
      <c r="I40298" s="8">
        <v>1868999</v>
      </c>
      <c r="J40298" s="8">
        <v>1</v>
      </c>
      <c r="K40298" s="9"/>
      <c r="L40298" s="6"/>
    </row>
    <row r="40299" spans="1:12">
      <c r="A40299" s="6" t="s">
        <v>39091</v>
      </c>
      <c r="B40299" s="6"/>
      <c r="C40299" s="6" t="s">
        <v>32230</v>
      </c>
      <c r="D40299" s="6"/>
      <c r="E40299" s="6"/>
      <c r="F40299" s="7">
        <v>40172</v>
      </c>
      <c r="G40299" s="8">
        <v>1155000</v>
      </c>
      <c r="H40299" s="8">
        <v>1</v>
      </c>
      <c r="I40299" s="8">
        <v>1154999</v>
      </c>
      <c r="J40299" s="8">
        <v>1</v>
      </c>
      <c r="K40299" s="9"/>
      <c r="L40299" s="6"/>
    </row>
    <row r="40300" spans="1:12">
      <c r="A40300" s="6" t="s">
        <v>39091</v>
      </c>
      <c r="B40300" s="6"/>
      <c r="C40300" s="6" t="s">
        <v>32230</v>
      </c>
      <c r="D40300" s="6"/>
      <c r="E40300" s="6"/>
      <c r="F40300" s="7">
        <v>41057</v>
      </c>
      <c r="G40300" s="8">
        <v>1260000</v>
      </c>
      <c r="H40300" s="8">
        <v>1</v>
      </c>
      <c r="I40300" s="8">
        <v>1259999</v>
      </c>
      <c r="J40300" s="8">
        <v>1</v>
      </c>
      <c r="K40300" s="9"/>
      <c r="L40300" s="6"/>
    </row>
    <row r="40301" spans="1:12">
      <c r="A40301" s="6" t="s">
        <v>39092</v>
      </c>
      <c r="B40301" s="6"/>
      <c r="C40301" s="6" t="s">
        <v>32230</v>
      </c>
      <c r="D40301" s="6"/>
      <c r="E40301" s="6"/>
      <c r="F40301" s="7">
        <v>43266</v>
      </c>
      <c r="G40301" s="8">
        <v>588600</v>
      </c>
      <c r="H40301" s="8">
        <v>509728</v>
      </c>
      <c r="I40301" s="8">
        <v>118308</v>
      </c>
      <c r="J40301" s="8">
        <v>470292</v>
      </c>
      <c r="K40301" s="9"/>
      <c r="L40301" s="6"/>
    </row>
    <row r="40302" spans="1:12">
      <c r="A40302" s="6" t="s">
        <v>39093</v>
      </c>
      <c r="B40302" s="6"/>
      <c r="C40302" s="6" t="s">
        <v>32230</v>
      </c>
      <c r="D40302" s="6"/>
      <c r="E40302" s="6"/>
      <c r="F40302" s="7">
        <v>43668</v>
      </c>
      <c r="G40302" s="8">
        <v>1350000</v>
      </c>
      <c r="H40302" s="8">
        <v>1124550</v>
      </c>
      <c r="I40302" s="8">
        <v>450900</v>
      </c>
      <c r="J40302" s="8">
        <v>899100</v>
      </c>
      <c r="K40302" s="9"/>
      <c r="L40302" s="6"/>
    </row>
    <row r="40303" spans="1:12">
      <c r="A40303" s="6" t="s">
        <v>39090</v>
      </c>
      <c r="B40303" s="6"/>
      <c r="C40303" s="6" t="s">
        <v>32230</v>
      </c>
      <c r="D40303" s="6"/>
      <c r="E40303" s="6"/>
      <c r="F40303" s="7">
        <v>36383</v>
      </c>
      <c r="G40303" s="8">
        <v>661500</v>
      </c>
      <c r="H40303" s="8">
        <v>1</v>
      </c>
      <c r="I40303" s="8">
        <v>661499</v>
      </c>
      <c r="J40303" s="8">
        <v>1</v>
      </c>
      <c r="K40303" s="9"/>
      <c r="L40303" s="6"/>
    </row>
    <row r="40304" spans="1:12">
      <c r="A40304" s="6" t="s">
        <v>39094</v>
      </c>
      <c r="B40304" s="6"/>
      <c r="C40304" s="6" t="s">
        <v>32230</v>
      </c>
      <c r="D40304" s="6"/>
      <c r="E40304" s="6"/>
      <c r="F40304" s="7">
        <v>35968</v>
      </c>
      <c r="G40304" s="8">
        <v>748650</v>
      </c>
      <c r="H40304" s="8">
        <v>1</v>
      </c>
      <c r="I40304" s="8">
        <v>748649</v>
      </c>
      <c r="J40304" s="8">
        <v>1</v>
      </c>
      <c r="K40304" s="9"/>
      <c r="L40304" s="6"/>
    </row>
    <row r="40305" spans="1:12">
      <c r="A40305" s="6" t="s">
        <v>39095</v>
      </c>
      <c r="B40305" s="6"/>
      <c r="C40305" s="6" t="s">
        <v>32230</v>
      </c>
      <c r="D40305" s="6"/>
      <c r="E40305" s="6"/>
      <c r="F40305" s="7">
        <v>43845</v>
      </c>
      <c r="G40305" s="8">
        <v>15378000</v>
      </c>
      <c r="H40305" s="8">
        <v>12302400</v>
      </c>
      <c r="I40305" s="8">
        <v>6151200</v>
      </c>
      <c r="J40305" s="8">
        <v>9226800</v>
      </c>
      <c r="K40305" s="9"/>
      <c r="L40305" s="6"/>
    </row>
    <row r="40306" spans="1:12">
      <c r="A40306" s="6" t="s">
        <v>39096</v>
      </c>
      <c r="B40306" s="6"/>
      <c r="C40306" s="6" t="s">
        <v>32230</v>
      </c>
      <c r="D40306" s="6"/>
      <c r="E40306" s="6"/>
      <c r="F40306" s="7">
        <v>36981</v>
      </c>
      <c r="G40306" s="8">
        <v>529294</v>
      </c>
      <c r="H40306" s="8">
        <v>1</v>
      </c>
      <c r="I40306" s="8">
        <v>529293</v>
      </c>
      <c r="J40306" s="8">
        <v>1</v>
      </c>
      <c r="K40306" s="9"/>
      <c r="L40306" s="6"/>
    </row>
    <row r="40307" spans="1:12">
      <c r="A40307" s="6" t="s">
        <v>39097</v>
      </c>
      <c r="B40307" s="6"/>
      <c r="C40307" s="6" t="s">
        <v>32230</v>
      </c>
      <c r="D40307" s="6"/>
      <c r="E40307" s="6"/>
      <c r="F40307" s="7">
        <v>40269</v>
      </c>
      <c r="G40307" s="8">
        <v>1600000</v>
      </c>
      <c r="H40307" s="8">
        <v>1</v>
      </c>
      <c r="I40307" s="8">
        <v>1599999</v>
      </c>
      <c r="J40307" s="8">
        <v>1</v>
      </c>
      <c r="K40307" s="9"/>
      <c r="L40307" s="6"/>
    </row>
    <row r="40308" spans="1:12">
      <c r="A40308" s="6" t="s">
        <v>39097</v>
      </c>
      <c r="B40308" s="6"/>
      <c r="C40308" s="6" t="s">
        <v>32230</v>
      </c>
      <c r="D40308" s="6"/>
      <c r="E40308" s="6"/>
      <c r="F40308" s="7">
        <v>38657</v>
      </c>
      <c r="G40308" s="8">
        <v>4253750</v>
      </c>
      <c r="H40308" s="8">
        <v>1</v>
      </c>
      <c r="I40308" s="8">
        <v>4253749</v>
      </c>
      <c r="J40308" s="8">
        <v>1</v>
      </c>
      <c r="K40308" s="9"/>
      <c r="L40308" s="6"/>
    </row>
    <row r="40309" spans="1:12">
      <c r="A40309" s="6" t="s">
        <v>39098</v>
      </c>
      <c r="B40309" s="6"/>
      <c r="C40309" s="6" t="s">
        <v>32230</v>
      </c>
      <c r="D40309" s="6"/>
      <c r="E40309" s="6"/>
      <c r="F40309" s="7">
        <v>41548</v>
      </c>
      <c r="G40309" s="8">
        <v>11970000</v>
      </c>
      <c r="H40309" s="8">
        <v>0</v>
      </c>
      <c r="I40309" s="8">
        <v>11970000</v>
      </c>
      <c r="J40309" s="8">
        <v>0</v>
      </c>
      <c r="K40309" s="9"/>
      <c r="L40309" s="6"/>
    </row>
    <row r="40310" spans="1:12">
      <c r="A40310" s="6" t="s">
        <v>39099</v>
      </c>
      <c r="B40310" s="6"/>
      <c r="C40310" s="6" t="s">
        <v>32230</v>
      </c>
      <c r="D40310" s="6"/>
      <c r="E40310" s="6"/>
      <c r="F40310" s="7">
        <v>42338</v>
      </c>
      <c r="G40310" s="8">
        <v>4212000</v>
      </c>
      <c r="H40310" s="8">
        <v>2800980</v>
      </c>
      <c r="I40310" s="8">
        <v>1693224</v>
      </c>
      <c r="J40310" s="8">
        <v>2518776</v>
      </c>
      <c r="K40310" s="9"/>
      <c r="L40310" s="6"/>
    </row>
    <row r="40311" spans="1:12">
      <c r="A40311" s="6" t="s">
        <v>39100</v>
      </c>
      <c r="B40311" s="6"/>
      <c r="C40311" s="6" t="s">
        <v>32230</v>
      </c>
      <c r="D40311" s="6"/>
      <c r="E40311" s="6"/>
      <c r="F40311" s="7">
        <v>44119</v>
      </c>
      <c r="G40311" s="8">
        <v>4356000</v>
      </c>
      <c r="H40311" s="8">
        <v>4356000</v>
      </c>
      <c r="I40311" s="8">
        <v>871200</v>
      </c>
      <c r="J40311" s="8">
        <v>3484800</v>
      </c>
      <c r="K40311" s="9"/>
      <c r="L40311" s="6"/>
    </row>
    <row r="40312" spans="1:12">
      <c r="A40312" s="6" t="s">
        <v>39101</v>
      </c>
      <c r="B40312" s="6"/>
      <c r="C40312" s="6" t="s">
        <v>32230</v>
      </c>
      <c r="D40312" s="6"/>
      <c r="E40312" s="6"/>
      <c r="F40312" s="7">
        <v>40325</v>
      </c>
      <c r="G40312" s="8">
        <v>1207500</v>
      </c>
      <c r="H40312" s="8">
        <v>1</v>
      </c>
      <c r="I40312" s="8">
        <v>1207499</v>
      </c>
      <c r="J40312" s="8">
        <v>1</v>
      </c>
      <c r="K40312" s="9"/>
      <c r="L40312" s="6"/>
    </row>
    <row r="40313" spans="1:12">
      <c r="A40313" s="6" t="s">
        <v>39101</v>
      </c>
      <c r="B40313" s="6"/>
      <c r="C40313" s="6" t="s">
        <v>32230</v>
      </c>
      <c r="D40313" s="6"/>
      <c r="E40313" s="6"/>
      <c r="F40313" s="7">
        <v>40751</v>
      </c>
      <c r="G40313" s="8">
        <v>5134500</v>
      </c>
      <c r="H40313" s="8">
        <v>1</v>
      </c>
      <c r="I40313" s="8">
        <v>5134499</v>
      </c>
      <c r="J40313" s="8">
        <v>1</v>
      </c>
      <c r="K40313" s="9"/>
      <c r="L40313" s="6"/>
    </row>
    <row r="40314" spans="1:12">
      <c r="A40314" s="6" t="s">
        <v>39101</v>
      </c>
      <c r="B40314" s="6"/>
      <c r="C40314" s="6" t="s">
        <v>32230</v>
      </c>
      <c r="D40314" s="6"/>
      <c r="E40314" s="6"/>
      <c r="F40314" s="7">
        <v>40849</v>
      </c>
      <c r="G40314" s="8">
        <v>7665000</v>
      </c>
      <c r="H40314" s="8">
        <v>1</v>
      </c>
      <c r="I40314" s="8">
        <v>7664999</v>
      </c>
      <c r="J40314" s="8">
        <v>1</v>
      </c>
      <c r="K40314" s="9"/>
      <c r="L40314" s="6"/>
    </row>
    <row r="40315" spans="1:12">
      <c r="A40315" s="6" t="s">
        <v>39102</v>
      </c>
      <c r="B40315" s="6"/>
      <c r="C40315" s="6" t="s">
        <v>32230</v>
      </c>
      <c r="D40315" s="6"/>
      <c r="E40315" s="6"/>
      <c r="F40315" s="7">
        <v>39237</v>
      </c>
      <c r="G40315" s="8">
        <v>840000</v>
      </c>
      <c r="H40315" s="8">
        <v>1</v>
      </c>
      <c r="I40315" s="8">
        <v>839999</v>
      </c>
      <c r="J40315" s="8">
        <v>1</v>
      </c>
      <c r="K40315" s="9"/>
      <c r="L40315" s="6"/>
    </row>
    <row r="40316" spans="1:12">
      <c r="A40316" s="6" t="s">
        <v>39103</v>
      </c>
      <c r="B40316" s="6"/>
      <c r="C40316" s="6" t="s">
        <v>32230</v>
      </c>
      <c r="D40316" s="6"/>
      <c r="E40316" s="6"/>
      <c r="F40316" s="7">
        <v>40901</v>
      </c>
      <c r="G40316" s="8">
        <v>807765</v>
      </c>
      <c r="H40316" s="8">
        <v>1</v>
      </c>
      <c r="I40316" s="8">
        <v>807764</v>
      </c>
      <c r="J40316" s="8">
        <v>1</v>
      </c>
      <c r="K40316" s="9"/>
      <c r="L40316" s="6"/>
    </row>
    <row r="40317" spans="1:12">
      <c r="A40317" s="6" t="s">
        <v>39104</v>
      </c>
      <c r="B40317" s="6"/>
      <c r="C40317" s="6" t="s">
        <v>32230</v>
      </c>
      <c r="D40317" s="6"/>
      <c r="E40317" s="6"/>
      <c r="F40317" s="7">
        <v>42094</v>
      </c>
      <c r="G40317" s="8">
        <v>637200</v>
      </c>
      <c r="H40317" s="8">
        <v>1</v>
      </c>
      <c r="I40317" s="8">
        <v>637199</v>
      </c>
      <c r="J40317" s="8">
        <v>1</v>
      </c>
      <c r="K40317" s="9"/>
      <c r="L40317" s="6"/>
    </row>
    <row r="40318" spans="1:12">
      <c r="A40318" s="6" t="s">
        <v>39105</v>
      </c>
      <c r="B40318" s="6"/>
      <c r="C40318" s="6" t="s">
        <v>32230</v>
      </c>
      <c r="D40318" s="6"/>
      <c r="E40318" s="6"/>
      <c r="F40318" s="7">
        <v>40263</v>
      </c>
      <c r="G40318" s="8">
        <v>577500</v>
      </c>
      <c r="H40318" s="8">
        <v>1</v>
      </c>
      <c r="I40318" s="8">
        <v>577499</v>
      </c>
      <c r="J40318" s="8">
        <v>1</v>
      </c>
      <c r="K40318" s="9"/>
      <c r="L40318" s="6"/>
    </row>
    <row r="40319" spans="1:12">
      <c r="A40319" s="6" t="s">
        <v>39106</v>
      </c>
      <c r="B40319" s="6"/>
      <c r="C40319" s="6" t="s">
        <v>32230</v>
      </c>
      <c r="D40319" s="6"/>
      <c r="E40319" s="6"/>
      <c r="F40319" s="7">
        <v>37524</v>
      </c>
      <c r="G40319" s="8">
        <v>558600</v>
      </c>
      <c r="H40319" s="8">
        <v>1</v>
      </c>
      <c r="I40319" s="8">
        <v>558599</v>
      </c>
      <c r="J40319" s="8">
        <v>1</v>
      </c>
      <c r="K40319" s="9"/>
      <c r="L40319" s="6"/>
    </row>
    <row r="40320" spans="1:12">
      <c r="A40320" s="6" t="s">
        <v>39107</v>
      </c>
      <c r="B40320" s="6"/>
      <c r="C40320" s="6" t="s">
        <v>32230</v>
      </c>
      <c r="D40320" s="6"/>
      <c r="E40320" s="6"/>
      <c r="F40320" s="7">
        <v>43921</v>
      </c>
      <c r="G40320" s="8">
        <v>4125000</v>
      </c>
      <c r="H40320" s="8">
        <v>3300000</v>
      </c>
      <c r="I40320" s="8">
        <v>1650000</v>
      </c>
      <c r="J40320" s="8">
        <v>2475000</v>
      </c>
      <c r="K40320" s="9"/>
      <c r="L40320" s="6"/>
    </row>
    <row r="40321" spans="1:12">
      <c r="A40321" s="6" t="s">
        <v>39108</v>
      </c>
      <c r="B40321" s="6"/>
      <c r="C40321" s="6" t="s">
        <v>32230</v>
      </c>
      <c r="D40321" s="6"/>
      <c r="E40321" s="6"/>
      <c r="F40321" s="7">
        <v>36242</v>
      </c>
      <c r="G40321" s="8">
        <v>12000000</v>
      </c>
      <c r="H40321" s="8">
        <v>1</v>
      </c>
      <c r="I40321" s="8">
        <v>11999999</v>
      </c>
      <c r="J40321" s="8">
        <v>1</v>
      </c>
      <c r="K40321" s="9"/>
      <c r="L40321" s="6"/>
    </row>
    <row r="40322" spans="1:12">
      <c r="A40322" s="6" t="s">
        <v>39109</v>
      </c>
      <c r="B40322" s="6"/>
      <c r="C40322" s="6" t="s">
        <v>32230</v>
      </c>
      <c r="D40322" s="6"/>
      <c r="E40322" s="6"/>
      <c r="F40322" s="7">
        <v>37568</v>
      </c>
      <c r="G40322" s="8">
        <v>1179500</v>
      </c>
      <c r="H40322" s="8">
        <v>1</v>
      </c>
      <c r="I40322" s="8">
        <v>1179499</v>
      </c>
      <c r="J40322" s="8">
        <v>1</v>
      </c>
      <c r="K40322" s="9"/>
      <c r="L40322" s="6"/>
    </row>
    <row r="40323" spans="1:12">
      <c r="A40323" s="6" t="s">
        <v>39110</v>
      </c>
      <c r="B40323" s="6"/>
      <c r="C40323" s="6" t="s">
        <v>32230</v>
      </c>
      <c r="D40323" s="6"/>
      <c r="E40323" s="6"/>
      <c r="F40323" s="7">
        <v>38070</v>
      </c>
      <c r="G40323" s="8">
        <v>15200000</v>
      </c>
      <c r="H40323" s="8">
        <v>1</v>
      </c>
      <c r="I40323" s="8">
        <v>15199999</v>
      </c>
      <c r="J40323" s="8">
        <v>1</v>
      </c>
      <c r="K40323" s="9"/>
      <c r="L40323" s="6"/>
    </row>
    <row r="40324" spans="1:12">
      <c r="A40324" s="6" t="s">
        <v>39111</v>
      </c>
      <c r="B40324" s="6"/>
      <c r="C40324" s="6" t="s">
        <v>32230</v>
      </c>
      <c r="D40324" s="6"/>
      <c r="E40324" s="6"/>
      <c r="F40324" s="7">
        <v>42355</v>
      </c>
      <c r="G40324" s="8">
        <v>604800</v>
      </c>
      <c r="H40324" s="8">
        <v>1</v>
      </c>
      <c r="I40324" s="8">
        <v>604799</v>
      </c>
      <c r="J40324" s="8">
        <v>1</v>
      </c>
      <c r="K40324" s="9"/>
      <c r="L40324" s="6"/>
    </row>
    <row r="40325" spans="1:12">
      <c r="A40325" s="6" t="s">
        <v>39112</v>
      </c>
      <c r="B40325" s="6"/>
      <c r="C40325" s="6" t="s">
        <v>32230</v>
      </c>
      <c r="D40325" s="6"/>
      <c r="E40325" s="6"/>
      <c r="F40325" s="7">
        <v>39114</v>
      </c>
      <c r="G40325" s="8">
        <v>2637418</v>
      </c>
      <c r="H40325" s="8">
        <v>1</v>
      </c>
      <c r="I40325" s="8">
        <v>2637417</v>
      </c>
      <c r="J40325" s="8">
        <v>1</v>
      </c>
      <c r="K40325" s="9"/>
      <c r="L40325" s="6"/>
    </row>
    <row r="40326" spans="1:12">
      <c r="A40326" s="6" t="s">
        <v>39113</v>
      </c>
      <c r="B40326" s="6"/>
      <c r="C40326" s="6" t="s">
        <v>32230</v>
      </c>
      <c r="D40326" s="6"/>
      <c r="E40326" s="6"/>
      <c r="F40326" s="7">
        <v>42355</v>
      </c>
      <c r="G40326" s="8">
        <v>3456000</v>
      </c>
      <c r="H40326" s="8">
        <v>570240</v>
      </c>
      <c r="I40326" s="8">
        <v>3455999</v>
      </c>
      <c r="J40326" s="8">
        <v>1</v>
      </c>
      <c r="K40326" s="9"/>
      <c r="L40326" s="6"/>
    </row>
    <row r="40327" spans="1:12">
      <c r="A40327" s="6" t="s">
        <v>39113</v>
      </c>
      <c r="B40327" s="6"/>
      <c r="C40327" s="6" t="s">
        <v>32230</v>
      </c>
      <c r="D40327" s="6"/>
      <c r="E40327" s="6"/>
      <c r="F40327" s="7">
        <v>42355</v>
      </c>
      <c r="G40327" s="8">
        <v>3456000</v>
      </c>
      <c r="H40327" s="8">
        <v>570240</v>
      </c>
      <c r="I40327" s="8">
        <v>3455999</v>
      </c>
      <c r="J40327" s="8">
        <v>1</v>
      </c>
      <c r="K40327" s="9"/>
      <c r="L40327" s="6"/>
    </row>
    <row r="40328" spans="1:12">
      <c r="A40328" s="6" t="s">
        <v>39113</v>
      </c>
      <c r="B40328" s="6"/>
      <c r="C40328" s="6" t="s">
        <v>32230</v>
      </c>
      <c r="D40328" s="6"/>
      <c r="E40328" s="6"/>
      <c r="F40328" s="7">
        <v>42355</v>
      </c>
      <c r="G40328" s="8">
        <v>3456000</v>
      </c>
      <c r="H40328" s="8">
        <v>570240</v>
      </c>
      <c r="I40328" s="8">
        <v>3455999</v>
      </c>
      <c r="J40328" s="8">
        <v>1</v>
      </c>
      <c r="K40328" s="9"/>
      <c r="L40328" s="6"/>
    </row>
    <row r="40329" spans="1:12">
      <c r="A40329" s="6" t="s">
        <v>39113</v>
      </c>
      <c r="B40329" s="6"/>
      <c r="C40329" s="6" t="s">
        <v>32230</v>
      </c>
      <c r="D40329" s="6"/>
      <c r="E40329" s="6"/>
      <c r="F40329" s="7">
        <v>42355</v>
      </c>
      <c r="G40329" s="8">
        <v>604800</v>
      </c>
      <c r="H40329" s="8">
        <v>99795</v>
      </c>
      <c r="I40329" s="8">
        <v>604799</v>
      </c>
      <c r="J40329" s="8">
        <v>1</v>
      </c>
      <c r="K40329" s="9"/>
      <c r="L40329" s="6"/>
    </row>
    <row r="40330" spans="1:12">
      <c r="A40330" s="6" t="s">
        <v>39114</v>
      </c>
      <c r="B40330" s="6"/>
      <c r="C40330" s="6" t="s">
        <v>32230</v>
      </c>
      <c r="D40330" s="6"/>
      <c r="E40330" s="6"/>
      <c r="F40330" s="7">
        <v>37977</v>
      </c>
      <c r="G40330" s="8">
        <v>698326</v>
      </c>
      <c r="H40330" s="8">
        <v>1</v>
      </c>
      <c r="I40330" s="8">
        <v>698325</v>
      </c>
      <c r="J40330" s="8">
        <v>1</v>
      </c>
      <c r="K40330" s="9"/>
      <c r="L40330" s="6"/>
    </row>
    <row r="40331" spans="1:12">
      <c r="A40331" s="6" t="s">
        <v>39115</v>
      </c>
      <c r="B40331" s="6"/>
      <c r="C40331" s="6" t="s">
        <v>32230</v>
      </c>
      <c r="D40331" s="6"/>
      <c r="E40331" s="6"/>
      <c r="F40331" s="7">
        <v>38078</v>
      </c>
      <c r="G40331" s="8">
        <v>897900</v>
      </c>
      <c r="H40331" s="8">
        <v>1</v>
      </c>
      <c r="I40331" s="8">
        <v>897899</v>
      </c>
      <c r="J40331" s="8">
        <v>1</v>
      </c>
      <c r="K40331" s="9"/>
      <c r="L40331" s="6"/>
    </row>
    <row r="40332" spans="1:12">
      <c r="A40332" s="6" t="s">
        <v>39115</v>
      </c>
      <c r="B40332" s="6"/>
      <c r="C40332" s="6" t="s">
        <v>32230</v>
      </c>
      <c r="D40332" s="6"/>
      <c r="E40332" s="6"/>
      <c r="F40332" s="7">
        <v>38078</v>
      </c>
      <c r="G40332" s="8">
        <v>567000</v>
      </c>
      <c r="H40332" s="8">
        <v>1</v>
      </c>
      <c r="I40332" s="8">
        <v>566999</v>
      </c>
      <c r="J40332" s="8">
        <v>1</v>
      </c>
      <c r="K40332" s="9"/>
      <c r="L40332" s="6"/>
    </row>
    <row r="40333" spans="1:12">
      <c r="A40333" s="6" t="s">
        <v>39115</v>
      </c>
      <c r="B40333" s="6"/>
      <c r="C40333" s="6" t="s">
        <v>32230</v>
      </c>
      <c r="D40333" s="6"/>
      <c r="E40333" s="6"/>
      <c r="F40333" s="7">
        <v>38078</v>
      </c>
      <c r="G40333" s="8">
        <v>800000</v>
      </c>
      <c r="H40333" s="8">
        <v>1</v>
      </c>
      <c r="I40333" s="8">
        <v>799999</v>
      </c>
      <c r="J40333" s="8">
        <v>1</v>
      </c>
      <c r="K40333" s="9"/>
      <c r="L40333" s="6"/>
    </row>
    <row r="40334" spans="1:12">
      <c r="A40334" s="6" t="s">
        <v>39116</v>
      </c>
      <c r="B40334" s="6"/>
      <c r="C40334" s="6" t="s">
        <v>32230</v>
      </c>
      <c r="D40334" s="6"/>
      <c r="E40334" s="6"/>
      <c r="F40334" s="7">
        <v>39597</v>
      </c>
      <c r="G40334" s="8">
        <v>819000</v>
      </c>
      <c r="H40334" s="8">
        <v>160524</v>
      </c>
      <c r="I40334" s="8">
        <v>713349</v>
      </c>
      <c r="J40334" s="8">
        <v>105651</v>
      </c>
      <c r="K40334" s="9"/>
      <c r="L40334" s="6"/>
    </row>
    <row r="40335" spans="1:12">
      <c r="A40335" s="6" t="s">
        <v>39117</v>
      </c>
      <c r="B40335" s="6"/>
      <c r="C40335" s="6" t="s">
        <v>32230</v>
      </c>
      <c r="D40335" s="6"/>
      <c r="E40335" s="6"/>
      <c r="F40335" s="7">
        <v>37554</v>
      </c>
      <c r="G40335" s="8">
        <v>3370000</v>
      </c>
      <c r="H40335" s="8">
        <v>1</v>
      </c>
      <c r="I40335" s="8">
        <v>3369999</v>
      </c>
      <c r="J40335" s="8">
        <v>1</v>
      </c>
      <c r="K40335" s="9"/>
      <c r="L40335" s="6"/>
    </row>
    <row r="40336" spans="1:12">
      <c r="A40336" s="6" t="s">
        <v>39118</v>
      </c>
      <c r="B40336" s="6"/>
      <c r="C40336" s="6"/>
      <c r="D40336" s="6"/>
      <c r="E40336" s="6"/>
      <c r="F40336" s="7">
        <v>38433</v>
      </c>
      <c r="G40336" s="8">
        <v>0</v>
      </c>
      <c r="H40336" s="8">
        <v>0</v>
      </c>
      <c r="I40336" s="8">
        <v>0</v>
      </c>
      <c r="J40336" s="8">
        <v>0</v>
      </c>
      <c r="K40336" s="9"/>
      <c r="L40336" s="6"/>
    </row>
    <row r="40337" spans="1:12">
      <c r="A40337" s="6" t="s">
        <v>39119</v>
      </c>
      <c r="B40337" s="6"/>
      <c r="C40337" s="6" t="s">
        <v>32230</v>
      </c>
      <c r="D40337" s="6"/>
      <c r="E40337" s="6"/>
      <c r="F40337" s="7">
        <v>37977</v>
      </c>
      <c r="G40337" s="8">
        <v>1384150</v>
      </c>
      <c r="H40337" s="8">
        <v>1</v>
      </c>
      <c r="I40337" s="8">
        <v>1384149</v>
      </c>
      <c r="J40337" s="8">
        <v>1</v>
      </c>
      <c r="K40337" s="9"/>
      <c r="L40337" s="6"/>
    </row>
    <row r="40338" spans="1:12">
      <c r="A40338" s="6" t="s">
        <v>39120</v>
      </c>
      <c r="B40338" s="6"/>
      <c r="C40338" s="6" t="s">
        <v>32230</v>
      </c>
      <c r="D40338" s="6"/>
      <c r="E40338" s="6"/>
      <c r="F40338" s="7">
        <v>37977</v>
      </c>
      <c r="G40338" s="8">
        <v>660000</v>
      </c>
      <c r="H40338" s="8">
        <v>1</v>
      </c>
      <c r="I40338" s="8">
        <v>659999</v>
      </c>
      <c r="J40338" s="8">
        <v>1</v>
      </c>
      <c r="K40338" s="9"/>
      <c r="L40338" s="6"/>
    </row>
    <row r="40339" spans="1:12">
      <c r="A40339" s="6" t="s">
        <v>39121</v>
      </c>
      <c r="B40339" s="6"/>
      <c r="C40339" s="6" t="s">
        <v>32230</v>
      </c>
      <c r="D40339" s="6"/>
      <c r="E40339" s="6"/>
      <c r="F40339" s="7">
        <v>37977</v>
      </c>
      <c r="G40339" s="8">
        <v>906395</v>
      </c>
      <c r="H40339" s="8">
        <v>1</v>
      </c>
      <c r="I40339" s="8">
        <v>906394</v>
      </c>
      <c r="J40339" s="8">
        <v>1</v>
      </c>
      <c r="K40339" s="9"/>
      <c r="L40339" s="6"/>
    </row>
    <row r="40340" spans="1:12">
      <c r="A40340" s="6" t="s">
        <v>39122</v>
      </c>
      <c r="B40340" s="6"/>
      <c r="C40340" s="6" t="s">
        <v>32230</v>
      </c>
      <c r="D40340" s="6"/>
      <c r="E40340" s="6"/>
      <c r="F40340" s="7">
        <v>37977</v>
      </c>
      <c r="G40340" s="8">
        <v>542944</v>
      </c>
      <c r="H40340" s="8">
        <v>1</v>
      </c>
      <c r="I40340" s="8">
        <v>542943</v>
      </c>
      <c r="J40340" s="8">
        <v>1</v>
      </c>
      <c r="K40340" s="9"/>
      <c r="L40340" s="6"/>
    </row>
    <row r="40341" spans="1:12">
      <c r="A40341" s="6" t="s">
        <v>39123</v>
      </c>
      <c r="B40341" s="6"/>
      <c r="C40341" s="6" t="s">
        <v>32230</v>
      </c>
      <c r="D40341" s="6"/>
      <c r="E40341" s="6"/>
      <c r="F40341" s="7">
        <v>37977</v>
      </c>
      <c r="G40341" s="8">
        <v>714400</v>
      </c>
      <c r="H40341" s="8">
        <v>1</v>
      </c>
      <c r="I40341" s="8">
        <v>714399</v>
      </c>
      <c r="J40341" s="8">
        <v>1</v>
      </c>
      <c r="K40341" s="9"/>
      <c r="L40341" s="6"/>
    </row>
    <row r="40342" spans="1:12">
      <c r="A40342" s="6" t="s">
        <v>39124</v>
      </c>
      <c r="B40342" s="6"/>
      <c r="C40342" s="6" t="s">
        <v>32230</v>
      </c>
      <c r="D40342" s="6"/>
      <c r="E40342" s="6"/>
      <c r="F40342" s="7">
        <v>37977</v>
      </c>
      <c r="G40342" s="8">
        <v>669750</v>
      </c>
      <c r="H40342" s="8">
        <v>1</v>
      </c>
      <c r="I40342" s="8">
        <v>669749</v>
      </c>
      <c r="J40342" s="8">
        <v>1</v>
      </c>
      <c r="K40342" s="9"/>
      <c r="L40342" s="6"/>
    </row>
    <row r="40343" spans="1:12">
      <c r="A40343" s="6" t="s">
        <v>39125</v>
      </c>
      <c r="B40343" s="6"/>
      <c r="C40343" s="6" t="s">
        <v>32230</v>
      </c>
      <c r="D40343" s="6"/>
      <c r="E40343" s="6"/>
      <c r="F40343" s="7">
        <v>37977</v>
      </c>
      <c r="G40343" s="8">
        <v>1250200</v>
      </c>
      <c r="H40343" s="8">
        <v>1</v>
      </c>
      <c r="I40343" s="8">
        <v>1250199</v>
      </c>
      <c r="J40343" s="8">
        <v>1</v>
      </c>
      <c r="K40343" s="9"/>
      <c r="L40343" s="6"/>
    </row>
    <row r="40344" spans="1:12">
      <c r="A40344" s="6" t="s">
        <v>39126</v>
      </c>
      <c r="B40344" s="6"/>
      <c r="C40344" s="6" t="s">
        <v>32230</v>
      </c>
      <c r="D40344" s="6"/>
      <c r="E40344" s="6"/>
      <c r="F40344" s="7">
        <v>37977</v>
      </c>
      <c r="G40344" s="8">
        <v>2599344</v>
      </c>
      <c r="H40344" s="8">
        <v>1</v>
      </c>
      <c r="I40344" s="8">
        <v>2599343</v>
      </c>
      <c r="J40344" s="8">
        <v>1</v>
      </c>
      <c r="K40344" s="9"/>
      <c r="L40344" s="6"/>
    </row>
    <row r="40345" spans="1:12">
      <c r="A40345" s="6" t="s">
        <v>39127</v>
      </c>
      <c r="B40345" s="6"/>
      <c r="C40345" s="6" t="s">
        <v>32230</v>
      </c>
      <c r="D40345" s="6"/>
      <c r="E40345" s="6"/>
      <c r="F40345" s="7">
        <v>36246</v>
      </c>
      <c r="G40345" s="8">
        <v>2630000</v>
      </c>
      <c r="H40345" s="8">
        <v>1</v>
      </c>
      <c r="I40345" s="8">
        <v>2629999</v>
      </c>
      <c r="J40345" s="8">
        <v>1</v>
      </c>
      <c r="K40345" s="9"/>
      <c r="L40345" s="6"/>
    </row>
    <row r="40346" spans="1:12">
      <c r="A40346" s="6" t="s">
        <v>39128</v>
      </c>
      <c r="B40346" s="6"/>
      <c r="C40346" s="6" t="s">
        <v>32230</v>
      </c>
      <c r="D40346" s="6"/>
      <c r="E40346" s="6"/>
      <c r="F40346" s="7">
        <v>37977</v>
      </c>
      <c r="G40346" s="8">
        <v>1428800</v>
      </c>
      <c r="H40346" s="8">
        <v>1</v>
      </c>
      <c r="I40346" s="8">
        <v>1428799</v>
      </c>
      <c r="J40346" s="8">
        <v>1</v>
      </c>
      <c r="K40346" s="9"/>
      <c r="L40346" s="6"/>
    </row>
    <row r="40347" spans="1:12">
      <c r="A40347" s="6" t="s">
        <v>39129</v>
      </c>
      <c r="B40347" s="6"/>
      <c r="C40347" s="6" t="s">
        <v>32230</v>
      </c>
      <c r="D40347" s="6"/>
      <c r="E40347" s="6"/>
      <c r="F40347" s="7">
        <v>42355</v>
      </c>
      <c r="G40347" s="8">
        <v>1377000</v>
      </c>
      <c r="H40347" s="8">
        <v>227205</v>
      </c>
      <c r="I40347" s="8">
        <v>1376999</v>
      </c>
      <c r="J40347" s="8">
        <v>1</v>
      </c>
      <c r="K40347" s="9"/>
      <c r="L40347" s="6"/>
    </row>
    <row r="40348" spans="1:12">
      <c r="A40348" s="6" t="s">
        <v>39130</v>
      </c>
      <c r="B40348" s="6"/>
      <c r="C40348" s="6" t="s">
        <v>32230</v>
      </c>
      <c r="D40348" s="6"/>
      <c r="E40348" s="6"/>
      <c r="F40348" s="7">
        <v>38994</v>
      </c>
      <c r="G40348" s="8">
        <v>2677500</v>
      </c>
      <c r="H40348" s="8">
        <v>1</v>
      </c>
      <c r="I40348" s="8">
        <v>2677499</v>
      </c>
      <c r="J40348" s="8">
        <v>1</v>
      </c>
      <c r="K40348" s="9"/>
      <c r="L40348" s="6"/>
    </row>
    <row r="40349" spans="1:12">
      <c r="A40349" s="6" t="s">
        <v>39131</v>
      </c>
      <c r="B40349" s="6"/>
      <c r="C40349" s="6" t="s">
        <v>32230</v>
      </c>
      <c r="D40349" s="6"/>
      <c r="E40349" s="6"/>
      <c r="F40349" s="7">
        <v>39128</v>
      </c>
      <c r="G40349" s="8">
        <v>657300</v>
      </c>
      <c r="H40349" s="8">
        <v>1</v>
      </c>
      <c r="I40349" s="8">
        <v>657299</v>
      </c>
      <c r="J40349" s="8">
        <v>1</v>
      </c>
      <c r="K40349" s="9"/>
      <c r="L40349" s="6"/>
    </row>
    <row r="40350" spans="1:12">
      <c r="A40350" s="6" t="s">
        <v>39131</v>
      </c>
      <c r="B40350" s="6"/>
      <c r="C40350" s="6" t="s">
        <v>32230</v>
      </c>
      <c r="D40350" s="6"/>
      <c r="E40350" s="6"/>
      <c r="F40350" s="7">
        <v>42355</v>
      </c>
      <c r="G40350" s="8">
        <v>1728000</v>
      </c>
      <c r="H40350" s="8">
        <v>1</v>
      </c>
      <c r="I40350" s="8">
        <v>1727999</v>
      </c>
      <c r="J40350" s="8">
        <v>1</v>
      </c>
      <c r="K40350" s="9"/>
      <c r="L40350" s="6"/>
    </row>
    <row r="40351" spans="1:12">
      <c r="A40351" s="6" t="s">
        <v>39132</v>
      </c>
      <c r="B40351" s="6"/>
      <c r="C40351" s="6" t="s">
        <v>32230</v>
      </c>
      <c r="D40351" s="6"/>
      <c r="E40351" s="6"/>
      <c r="F40351" s="7">
        <v>42342</v>
      </c>
      <c r="G40351" s="8">
        <v>1970360</v>
      </c>
      <c r="H40351" s="8">
        <v>1</v>
      </c>
      <c r="I40351" s="8">
        <v>1970359</v>
      </c>
      <c r="J40351" s="8">
        <v>1</v>
      </c>
      <c r="K40351" s="9"/>
      <c r="L40351" s="6"/>
    </row>
    <row r="40352" spans="1:12">
      <c r="A40352" s="6" t="s">
        <v>39132</v>
      </c>
      <c r="B40352" s="6"/>
      <c r="C40352" s="6" t="s">
        <v>32230</v>
      </c>
      <c r="D40352" s="6"/>
      <c r="E40352" s="6"/>
      <c r="F40352" s="7">
        <v>37977</v>
      </c>
      <c r="G40352" s="8">
        <v>59850000</v>
      </c>
      <c r="H40352" s="8">
        <v>1</v>
      </c>
      <c r="I40352" s="8">
        <v>59849999</v>
      </c>
      <c r="J40352" s="8">
        <v>1</v>
      </c>
      <c r="K40352" s="9"/>
      <c r="L40352" s="6"/>
    </row>
    <row r="40353" spans="1:12">
      <c r="A40353" s="6" t="s">
        <v>39132</v>
      </c>
      <c r="B40353" s="6"/>
      <c r="C40353" s="6" t="s">
        <v>32230</v>
      </c>
      <c r="D40353" s="6"/>
      <c r="E40353" s="6"/>
      <c r="F40353" s="7">
        <v>38408</v>
      </c>
      <c r="G40353" s="8">
        <v>3600000</v>
      </c>
      <c r="H40353" s="8">
        <v>1</v>
      </c>
      <c r="I40353" s="8">
        <v>3599999</v>
      </c>
      <c r="J40353" s="8">
        <v>1</v>
      </c>
      <c r="K40353" s="9"/>
      <c r="L40353" s="6"/>
    </row>
    <row r="40354" spans="1:12">
      <c r="A40354" s="6" t="s">
        <v>39132</v>
      </c>
      <c r="B40354" s="6"/>
      <c r="C40354" s="6" t="s">
        <v>32230</v>
      </c>
      <c r="D40354" s="6"/>
      <c r="E40354" s="6"/>
      <c r="F40354" s="7">
        <v>39758</v>
      </c>
      <c r="G40354" s="8">
        <v>2625000</v>
      </c>
      <c r="H40354" s="8">
        <v>1</v>
      </c>
      <c r="I40354" s="8">
        <v>2624999</v>
      </c>
      <c r="J40354" s="8">
        <v>1</v>
      </c>
      <c r="K40354" s="9"/>
      <c r="L40354" s="6"/>
    </row>
    <row r="40355" spans="1:12">
      <c r="A40355" s="6" t="s">
        <v>39132</v>
      </c>
      <c r="B40355" s="6"/>
      <c r="C40355" s="6" t="s">
        <v>32230</v>
      </c>
      <c r="D40355" s="6"/>
      <c r="E40355" s="6"/>
      <c r="F40355" s="7">
        <v>41263</v>
      </c>
      <c r="G40355" s="8">
        <v>3696000</v>
      </c>
      <c r="H40355" s="8">
        <v>1</v>
      </c>
      <c r="I40355" s="8">
        <v>3695999</v>
      </c>
      <c r="J40355" s="8">
        <v>1</v>
      </c>
      <c r="K40355" s="9"/>
      <c r="L40355" s="6"/>
    </row>
    <row r="40356" spans="1:12">
      <c r="A40356" s="6" t="s">
        <v>39132</v>
      </c>
      <c r="B40356" s="6"/>
      <c r="C40356" s="6" t="s">
        <v>32230</v>
      </c>
      <c r="D40356" s="6"/>
      <c r="E40356" s="6"/>
      <c r="F40356" s="7">
        <v>41710</v>
      </c>
      <c r="G40356" s="8">
        <v>43995000</v>
      </c>
      <c r="H40356" s="8">
        <v>1</v>
      </c>
      <c r="I40356" s="8">
        <v>43994999</v>
      </c>
      <c r="J40356" s="8">
        <v>1</v>
      </c>
      <c r="K40356" s="9"/>
      <c r="L40356" s="6"/>
    </row>
    <row r="40357" spans="1:12">
      <c r="A40357" s="6" t="s">
        <v>39132</v>
      </c>
      <c r="B40357" s="6"/>
      <c r="C40357" s="6" t="s">
        <v>32230</v>
      </c>
      <c r="D40357" s="6"/>
      <c r="E40357" s="6"/>
      <c r="F40357" s="7">
        <v>42271</v>
      </c>
      <c r="G40357" s="8">
        <v>25812000</v>
      </c>
      <c r="H40357" s="8">
        <v>1</v>
      </c>
      <c r="I40357" s="8">
        <v>25811999</v>
      </c>
      <c r="J40357" s="8">
        <v>1</v>
      </c>
      <c r="K40357" s="9"/>
      <c r="L40357" s="6"/>
    </row>
    <row r="40358" spans="1:12">
      <c r="A40358" s="6" t="s">
        <v>39133</v>
      </c>
      <c r="B40358" s="6"/>
      <c r="C40358" s="6" t="s">
        <v>32230</v>
      </c>
      <c r="D40358" s="6"/>
      <c r="E40358" s="6"/>
      <c r="F40358" s="7">
        <v>41926</v>
      </c>
      <c r="G40358" s="8">
        <v>26136000</v>
      </c>
      <c r="H40358" s="8">
        <v>1</v>
      </c>
      <c r="I40358" s="8">
        <v>26135999</v>
      </c>
      <c r="J40358" s="8">
        <v>1</v>
      </c>
      <c r="K40358" s="9"/>
      <c r="L40358" s="6"/>
    </row>
    <row r="40359" spans="1:12">
      <c r="A40359" s="6" t="s">
        <v>39134</v>
      </c>
      <c r="B40359" s="6"/>
      <c r="C40359" s="6" t="s">
        <v>32230</v>
      </c>
      <c r="D40359" s="6"/>
      <c r="E40359" s="6"/>
      <c r="F40359" s="7">
        <v>38078</v>
      </c>
      <c r="G40359" s="8">
        <v>3870000</v>
      </c>
      <c r="H40359" s="8">
        <v>1</v>
      </c>
      <c r="I40359" s="8">
        <v>3869999</v>
      </c>
      <c r="J40359" s="8">
        <v>1</v>
      </c>
      <c r="K40359" s="9"/>
      <c r="L40359" s="6"/>
    </row>
    <row r="40360" spans="1:12">
      <c r="A40360" s="6" t="s">
        <v>39113</v>
      </c>
      <c r="B40360" s="6"/>
      <c r="C40360" s="6" t="s">
        <v>32230</v>
      </c>
      <c r="D40360" s="6"/>
      <c r="E40360" s="6"/>
      <c r="F40360" s="7">
        <v>38078</v>
      </c>
      <c r="G40360" s="8">
        <v>592950</v>
      </c>
      <c r="H40360" s="8">
        <v>1</v>
      </c>
      <c r="I40360" s="8">
        <v>592949</v>
      </c>
      <c r="J40360" s="8">
        <v>1</v>
      </c>
      <c r="K40360" s="9"/>
      <c r="L40360" s="6"/>
    </row>
    <row r="40361" spans="1:12">
      <c r="A40361" s="6" t="s">
        <v>39135</v>
      </c>
      <c r="B40361" s="6"/>
      <c r="C40361" s="6" t="s">
        <v>32230</v>
      </c>
      <c r="D40361" s="6"/>
      <c r="E40361" s="6"/>
      <c r="F40361" s="7">
        <v>38078</v>
      </c>
      <c r="G40361" s="8">
        <v>1150000</v>
      </c>
      <c r="H40361" s="8">
        <v>1</v>
      </c>
      <c r="I40361" s="8">
        <v>1149999</v>
      </c>
      <c r="J40361" s="8">
        <v>1</v>
      </c>
      <c r="K40361" s="9"/>
      <c r="L40361" s="6"/>
    </row>
    <row r="40362" spans="1:12">
      <c r="A40362" s="6" t="s">
        <v>39136</v>
      </c>
      <c r="B40362" s="6"/>
      <c r="C40362" s="6" t="s">
        <v>32230</v>
      </c>
      <c r="D40362" s="6"/>
      <c r="E40362" s="6"/>
      <c r="F40362" s="7">
        <v>40909</v>
      </c>
      <c r="G40362" s="8">
        <v>53077500</v>
      </c>
      <c r="H40362" s="8">
        <v>0</v>
      </c>
      <c r="I40362" s="8">
        <v>53077500</v>
      </c>
      <c r="J40362" s="8">
        <v>0</v>
      </c>
      <c r="K40362" s="9"/>
      <c r="L40362" s="6"/>
    </row>
    <row r="40363" spans="1:12">
      <c r="A40363" s="6" t="s">
        <v>39137</v>
      </c>
      <c r="B40363" s="6"/>
      <c r="C40363" s="6" t="s">
        <v>32230</v>
      </c>
      <c r="D40363" s="6"/>
      <c r="E40363" s="6"/>
      <c r="F40363" s="7">
        <v>42674</v>
      </c>
      <c r="G40363" s="8">
        <v>3348000</v>
      </c>
      <c r="H40363" s="8">
        <v>2008800</v>
      </c>
      <c r="I40363" s="8">
        <v>1674000</v>
      </c>
      <c r="J40363" s="8">
        <v>1674000</v>
      </c>
      <c r="K40363" s="9"/>
      <c r="L40363" s="6"/>
    </row>
    <row r="40364" spans="1:12">
      <c r="A40364" s="6" t="s">
        <v>39138</v>
      </c>
      <c r="B40364" s="6"/>
      <c r="C40364" s="6" t="s">
        <v>32230</v>
      </c>
      <c r="D40364" s="6"/>
      <c r="E40364" s="6"/>
      <c r="F40364" s="7">
        <v>42580</v>
      </c>
      <c r="G40364" s="8">
        <v>1833840</v>
      </c>
      <c r="H40364" s="8">
        <v>366768</v>
      </c>
      <c r="I40364" s="8">
        <v>1833839</v>
      </c>
      <c r="J40364" s="8">
        <v>1</v>
      </c>
      <c r="K40364" s="9"/>
      <c r="L40364" s="6"/>
    </row>
    <row r="40365" spans="1:12">
      <c r="A40365" s="6" t="s">
        <v>39139</v>
      </c>
      <c r="B40365" s="6"/>
      <c r="C40365" s="6" t="s">
        <v>32230</v>
      </c>
      <c r="D40365" s="6"/>
      <c r="E40365" s="6"/>
      <c r="F40365" s="7">
        <v>42704</v>
      </c>
      <c r="G40365" s="8">
        <v>209520000</v>
      </c>
      <c r="H40365" s="8">
        <v>41904000</v>
      </c>
      <c r="I40365" s="8">
        <v>209519999</v>
      </c>
      <c r="J40365" s="8">
        <v>1</v>
      </c>
      <c r="K40365" s="9"/>
      <c r="L40365" s="6"/>
    </row>
    <row r="40366" spans="1:12">
      <c r="A40366" s="6" t="s">
        <v>39140</v>
      </c>
      <c r="B40366" s="6"/>
      <c r="C40366" s="6" t="s">
        <v>32230</v>
      </c>
      <c r="D40366" s="6"/>
      <c r="E40366" s="6"/>
      <c r="F40366" s="7">
        <v>35674</v>
      </c>
      <c r="G40366" s="8">
        <v>23300000</v>
      </c>
      <c r="H40366" s="8">
        <v>1</v>
      </c>
      <c r="I40366" s="8">
        <v>23299999</v>
      </c>
      <c r="J40366" s="8">
        <v>1</v>
      </c>
      <c r="K40366" s="9"/>
      <c r="L40366" s="6"/>
    </row>
    <row r="40367" spans="1:12">
      <c r="A40367" s="6" t="s">
        <v>39141</v>
      </c>
      <c r="B40367" s="6"/>
      <c r="C40367" s="6" t="s">
        <v>32230</v>
      </c>
      <c r="D40367" s="6"/>
      <c r="E40367" s="6"/>
      <c r="F40367" s="7">
        <v>36434</v>
      </c>
      <c r="G40367" s="8">
        <v>7000000</v>
      </c>
      <c r="H40367" s="8">
        <v>1</v>
      </c>
      <c r="I40367" s="8">
        <v>6999999</v>
      </c>
      <c r="J40367" s="8">
        <v>1</v>
      </c>
      <c r="K40367" s="9"/>
      <c r="L40367" s="6"/>
    </row>
    <row r="40368" spans="1:12">
      <c r="A40368" s="6" t="s">
        <v>39142</v>
      </c>
      <c r="B40368" s="6"/>
      <c r="C40368" s="6" t="s">
        <v>32230</v>
      </c>
      <c r="D40368" s="6"/>
      <c r="E40368" s="6"/>
      <c r="F40368" s="7">
        <v>40575</v>
      </c>
      <c r="G40368" s="8">
        <v>7000000</v>
      </c>
      <c r="H40368" s="8">
        <v>1</v>
      </c>
      <c r="I40368" s="8">
        <v>6999999</v>
      </c>
      <c r="J40368" s="8">
        <v>1</v>
      </c>
      <c r="K40368" s="9"/>
      <c r="L40368" s="6"/>
    </row>
    <row r="40369" spans="1:12">
      <c r="A40369" s="6" t="s">
        <v>39143</v>
      </c>
      <c r="B40369" s="6"/>
      <c r="C40369" s="6" t="s">
        <v>32230</v>
      </c>
      <c r="D40369" s="6"/>
      <c r="E40369" s="6"/>
      <c r="F40369" s="7">
        <v>40360</v>
      </c>
      <c r="G40369" s="8">
        <v>13120000</v>
      </c>
      <c r="H40369" s="8">
        <v>1</v>
      </c>
      <c r="I40369" s="8">
        <v>13119999</v>
      </c>
      <c r="J40369" s="8">
        <v>1</v>
      </c>
      <c r="K40369" s="9"/>
      <c r="L40369" s="6"/>
    </row>
    <row r="40370" spans="1:12">
      <c r="A40370" s="6" t="s">
        <v>39144</v>
      </c>
      <c r="B40370" s="6"/>
      <c r="C40370" s="6" t="s">
        <v>32230</v>
      </c>
      <c r="D40370" s="6"/>
      <c r="E40370" s="6"/>
      <c r="F40370" s="7">
        <v>43094</v>
      </c>
      <c r="G40370" s="8">
        <v>6663600</v>
      </c>
      <c r="H40370" s="8">
        <v>2665440</v>
      </c>
      <c r="I40370" s="8">
        <v>5330880</v>
      </c>
      <c r="J40370" s="8">
        <v>1332720</v>
      </c>
      <c r="K40370" s="9"/>
      <c r="L40370" s="6"/>
    </row>
    <row r="40371" spans="1:12">
      <c r="A40371" s="6" t="s">
        <v>39145</v>
      </c>
      <c r="B40371" s="6"/>
      <c r="C40371" s="6" t="s">
        <v>32230</v>
      </c>
      <c r="D40371" s="6"/>
      <c r="E40371" s="6"/>
      <c r="F40371" s="7">
        <v>43151</v>
      </c>
      <c r="G40371" s="8">
        <v>4112640</v>
      </c>
      <c r="H40371" s="8">
        <v>1028160</v>
      </c>
      <c r="I40371" s="8">
        <v>4112639</v>
      </c>
      <c r="J40371" s="8">
        <v>1</v>
      </c>
      <c r="K40371" s="9"/>
      <c r="L40371" s="6"/>
    </row>
    <row r="40372" spans="1:12">
      <c r="A40372" s="6" t="s">
        <v>39146</v>
      </c>
      <c r="B40372" s="6"/>
      <c r="C40372" s="6" t="s">
        <v>32230</v>
      </c>
      <c r="D40372" s="6"/>
      <c r="E40372" s="6"/>
      <c r="F40372" s="7">
        <v>43189</v>
      </c>
      <c r="G40372" s="8">
        <v>56160000</v>
      </c>
      <c r="H40372" s="8">
        <v>22464000</v>
      </c>
      <c r="I40372" s="8">
        <v>44928000</v>
      </c>
      <c r="J40372" s="8">
        <v>11232000</v>
      </c>
      <c r="K40372" s="9"/>
      <c r="L40372" s="6"/>
    </row>
    <row r="40373" spans="1:12">
      <c r="A40373" s="6" t="s">
        <v>39147</v>
      </c>
      <c r="B40373" s="6"/>
      <c r="C40373" s="6" t="s">
        <v>32230</v>
      </c>
      <c r="D40373" s="6"/>
      <c r="E40373" s="6"/>
      <c r="F40373" s="7">
        <v>43368</v>
      </c>
      <c r="G40373" s="8">
        <v>3278977</v>
      </c>
      <c r="H40373" s="8">
        <v>1967387</v>
      </c>
      <c r="I40373" s="8">
        <v>1967385</v>
      </c>
      <c r="J40373" s="8">
        <v>1311592</v>
      </c>
      <c r="K40373" s="9"/>
      <c r="L40373" s="6"/>
    </row>
    <row r="40374" spans="1:12">
      <c r="A40374" s="6" t="s">
        <v>39148</v>
      </c>
      <c r="B40374" s="6"/>
      <c r="C40374" s="6" t="s">
        <v>32230</v>
      </c>
      <c r="D40374" s="6"/>
      <c r="E40374" s="6"/>
      <c r="F40374" s="7">
        <v>43424</v>
      </c>
      <c r="G40374" s="8">
        <v>29912663</v>
      </c>
      <c r="H40374" s="8">
        <v>17947599</v>
      </c>
      <c r="I40374" s="8">
        <v>17947596</v>
      </c>
      <c r="J40374" s="8">
        <v>11965067</v>
      </c>
      <c r="K40374" s="9"/>
      <c r="L40374" s="6"/>
    </row>
    <row r="40375" spans="1:12">
      <c r="A40375" s="6" t="s">
        <v>39149</v>
      </c>
      <c r="B40375" s="6"/>
      <c r="C40375" s="6" t="s">
        <v>32230</v>
      </c>
      <c r="D40375" s="6"/>
      <c r="E40375" s="6"/>
      <c r="F40375" s="7">
        <v>43511</v>
      </c>
      <c r="G40375" s="8">
        <v>4784400</v>
      </c>
      <c r="H40375" s="8">
        <v>2870640</v>
      </c>
      <c r="I40375" s="8">
        <v>2870640</v>
      </c>
      <c r="J40375" s="8">
        <v>1913760</v>
      </c>
      <c r="K40375" s="9"/>
      <c r="L40375" s="6"/>
    </row>
    <row r="40376" spans="1:12">
      <c r="A40376" s="6" t="s">
        <v>39150</v>
      </c>
      <c r="B40376" s="6"/>
      <c r="C40376" s="6" t="s">
        <v>32230</v>
      </c>
      <c r="D40376" s="6"/>
      <c r="E40376" s="6"/>
      <c r="F40376" s="7">
        <v>43555</v>
      </c>
      <c r="G40376" s="8">
        <v>26568000</v>
      </c>
      <c r="H40376" s="8">
        <v>15940800</v>
      </c>
      <c r="I40376" s="8">
        <v>15940800</v>
      </c>
      <c r="J40376" s="8">
        <v>10627200</v>
      </c>
      <c r="K40376" s="9"/>
      <c r="L40376" s="6"/>
    </row>
    <row r="40377" spans="1:12">
      <c r="A40377" s="6" t="s">
        <v>39151</v>
      </c>
      <c r="B40377" s="6"/>
      <c r="C40377" s="6" t="s">
        <v>32230</v>
      </c>
      <c r="D40377" s="6"/>
      <c r="E40377" s="6"/>
      <c r="F40377" s="7">
        <v>43671</v>
      </c>
      <c r="G40377" s="8">
        <v>3484080</v>
      </c>
      <c r="H40377" s="8">
        <v>2613060</v>
      </c>
      <c r="I40377" s="8">
        <v>1742040</v>
      </c>
      <c r="J40377" s="8">
        <v>1742040</v>
      </c>
      <c r="K40377" s="9"/>
      <c r="L40377" s="6"/>
    </row>
    <row r="40378" spans="1:12">
      <c r="A40378" s="6" t="s">
        <v>39152</v>
      </c>
      <c r="B40378" s="6"/>
      <c r="C40378" s="6" t="s">
        <v>32230</v>
      </c>
      <c r="D40378" s="6"/>
      <c r="E40378" s="6"/>
      <c r="F40378" s="7">
        <v>43671</v>
      </c>
      <c r="G40378" s="8">
        <v>3076920</v>
      </c>
      <c r="H40378" s="8">
        <v>2307690</v>
      </c>
      <c r="I40378" s="8">
        <v>1538460</v>
      </c>
      <c r="J40378" s="8">
        <v>1538460</v>
      </c>
      <c r="K40378" s="9"/>
      <c r="L40378" s="6"/>
    </row>
    <row r="40379" spans="1:12">
      <c r="A40379" s="6" t="s">
        <v>39153</v>
      </c>
      <c r="B40379" s="6"/>
      <c r="C40379" s="6" t="s">
        <v>32230</v>
      </c>
      <c r="D40379" s="6"/>
      <c r="E40379" s="6"/>
      <c r="F40379" s="7">
        <v>43809</v>
      </c>
      <c r="G40379" s="8">
        <v>34100000</v>
      </c>
      <c r="H40379" s="8">
        <v>27280000</v>
      </c>
      <c r="I40379" s="8">
        <v>13640000</v>
      </c>
      <c r="J40379" s="8">
        <v>20460000</v>
      </c>
      <c r="K40379" s="9"/>
      <c r="L40379" s="6"/>
    </row>
    <row r="40380" spans="1:12">
      <c r="A40380" s="6" t="s">
        <v>39154</v>
      </c>
      <c r="B40380" s="6"/>
      <c r="C40380" s="6" t="s">
        <v>32230</v>
      </c>
      <c r="D40380" s="6"/>
      <c r="E40380" s="6"/>
      <c r="F40380" s="7">
        <v>43906</v>
      </c>
      <c r="G40380" s="8">
        <v>46750000</v>
      </c>
      <c r="H40380" s="8">
        <v>37400000</v>
      </c>
      <c r="I40380" s="8">
        <v>18700000</v>
      </c>
      <c r="J40380" s="8">
        <v>28050000</v>
      </c>
      <c r="K40380" s="9"/>
      <c r="L40380" s="6"/>
    </row>
    <row r="40381" spans="1:12">
      <c r="A40381" s="6" t="s">
        <v>39155</v>
      </c>
      <c r="B40381" s="6"/>
      <c r="C40381" s="6" t="s">
        <v>32230</v>
      </c>
      <c r="D40381" s="6"/>
      <c r="E40381" s="6"/>
      <c r="F40381" s="7">
        <v>44249</v>
      </c>
      <c r="G40381" s="8">
        <v>770000</v>
      </c>
      <c r="H40381" s="8">
        <v>770000</v>
      </c>
      <c r="I40381" s="8">
        <v>192500</v>
      </c>
      <c r="J40381" s="8">
        <v>577500</v>
      </c>
      <c r="K40381" s="9"/>
      <c r="L40381" s="6"/>
    </row>
    <row r="40382" spans="1:12">
      <c r="A40382" s="6" t="s">
        <v>39156</v>
      </c>
      <c r="B40382" s="6"/>
      <c r="C40382" s="6" t="s">
        <v>32230</v>
      </c>
      <c r="D40382" s="6"/>
      <c r="E40382" s="6"/>
      <c r="F40382" s="7">
        <v>44208</v>
      </c>
      <c r="G40382" s="8">
        <v>2145000</v>
      </c>
      <c r="H40382" s="8">
        <v>2145000</v>
      </c>
      <c r="I40382" s="8">
        <v>429000</v>
      </c>
      <c r="J40382" s="8">
        <v>1716000</v>
      </c>
      <c r="K40382" s="9"/>
      <c r="L40382" s="6"/>
    </row>
    <row r="40383" spans="1:12">
      <c r="A40383" s="6" t="s">
        <v>39157</v>
      </c>
      <c r="B40383" s="6"/>
      <c r="C40383" s="6" t="s">
        <v>32230</v>
      </c>
      <c r="D40383" s="6"/>
      <c r="E40383" s="6"/>
      <c r="F40383" s="7">
        <v>44270</v>
      </c>
      <c r="G40383" s="8">
        <v>115885000</v>
      </c>
      <c r="H40383" s="8">
        <v>115885000</v>
      </c>
      <c r="I40383" s="8">
        <v>23177000</v>
      </c>
      <c r="J40383" s="8">
        <v>92708000</v>
      </c>
      <c r="K40383" s="9"/>
      <c r="L40383" s="6"/>
    </row>
    <row r="40384" spans="1:12">
      <c r="A40384" s="6" t="s">
        <v>39158</v>
      </c>
      <c r="B40384" s="6"/>
      <c r="C40384" s="6" t="s">
        <v>32230</v>
      </c>
      <c r="D40384" s="6"/>
      <c r="E40384" s="6"/>
      <c r="F40384" s="7">
        <v>44270</v>
      </c>
      <c r="G40384" s="8">
        <v>33550000</v>
      </c>
      <c r="H40384" s="8">
        <v>33550000</v>
      </c>
      <c r="I40384" s="8">
        <v>6710000</v>
      </c>
      <c r="J40384" s="8">
        <v>26840000</v>
      </c>
      <c r="K40384" s="9"/>
      <c r="L40384" s="6"/>
    </row>
    <row r="40385" spans="1:12">
      <c r="A40385" s="6" t="s">
        <v>39159</v>
      </c>
      <c r="B40385" s="6"/>
      <c r="C40385" s="6"/>
      <c r="D40385" s="6"/>
      <c r="E40385" s="6"/>
      <c r="F40385" s="7"/>
      <c r="G40385" s="8">
        <v>500000</v>
      </c>
      <c r="H40385" s="8">
        <v>1</v>
      </c>
      <c r="I40385" s="8">
        <v>499999</v>
      </c>
      <c r="J40385" s="8">
        <v>1</v>
      </c>
      <c r="K40385" s="9"/>
      <c r="L40385" s="6"/>
    </row>
    <row r="40386" spans="1:12">
      <c r="A40386" s="6" t="s">
        <v>39160</v>
      </c>
      <c r="B40386" s="6"/>
      <c r="C40386" s="6"/>
      <c r="D40386" s="6"/>
      <c r="E40386" s="6"/>
      <c r="F40386" s="7"/>
      <c r="G40386" s="8">
        <v>500000</v>
      </c>
      <c r="H40386" s="8">
        <v>1</v>
      </c>
      <c r="I40386" s="8">
        <v>499999</v>
      </c>
      <c r="J40386" s="8">
        <v>1</v>
      </c>
      <c r="K40386" s="9"/>
      <c r="L40386" s="6"/>
    </row>
    <row r="40387" spans="1:12">
      <c r="A40387" s="6" t="s">
        <v>39161</v>
      </c>
      <c r="B40387" s="6"/>
      <c r="C40387" s="6"/>
      <c r="D40387" s="6"/>
      <c r="E40387" s="6"/>
      <c r="F40387" s="7"/>
      <c r="G40387" s="8">
        <v>500000</v>
      </c>
      <c r="H40387" s="8">
        <v>1</v>
      </c>
      <c r="I40387" s="8">
        <v>499999</v>
      </c>
      <c r="J40387" s="8">
        <v>1</v>
      </c>
      <c r="K40387" s="9"/>
      <c r="L40387" s="6"/>
    </row>
    <row r="40388" spans="1:12">
      <c r="A40388" s="6" t="s">
        <v>39162</v>
      </c>
      <c r="B40388" s="6"/>
      <c r="C40388" s="6"/>
      <c r="D40388" s="6"/>
      <c r="E40388" s="6"/>
      <c r="F40388" s="7"/>
      <c r="G40388" s="8">
        <v>500000</v>
      </c>
      <c r="H40388" s="8">
        <v>1</v>
      </c>
      <c r="I40388" s="8">
        <v>499999</v>
      </c>
      <c r="J40388" s="8">
        <v>1</v>
      </c>
      <c r="K40388" s="9"/>
      <c r="L40388" s="6"/>
    </row>
    <row r="40389" spans="1:12">
      <c r="A40389" s="6" t="s">
        <v>39163</v>
      </c>
      <c r="B40389" s="6"/>
      <c r="C40389" s="6"/>
      <c r="D40389" s="6"/>
      <c r="E40389" s="6"/>
      <c r="F40389" s="7"/>
      <c r="G40389" s="8">
        <v>500000</v>
      </c>
      <c r="H40389" s="8">
        <v>1</v>
      </c>
      <c r="I40389" s="8">
        <v>499999</v>
      </c>
      <c r="J40389" s="8">
        <v>1</v>
      </c>
      <c r="K40389" s="9"/>
      <c r="L40389" s="6"/>
    </row>
    <row r="40390" spans="1:12">
      <c r="A40390" s="6" t="s">
        <v>7</v>
      </c>
      <c r="B40390" s="6"/>
      <c r="C40390" s="6"/>
      <c r="D40390" s="6"/>
      <c r="E40390" s="6"/>
      <c r="F40390" s="7">
        <v>37825</v>
      </c>
      <c r="G40390" s="8">
        <v>1545345</v>
      </c>
      <c r="H40390" s="8">
        <v>1</v>
      </c>
      <c r="I40390" s="8">
        <v>1545344</v>
      </c>
      <c r="J40390" s="8">
        <v>1</v>
      </c>
      <c r="K40390" s="9"/>
      <c r="L40390" s="6"/>
    </row>
    <row r="40391" spans="1:12">
      <c r="A40391" s="6" t="s">
        <v>25119</v>
      </c>
      <c r="B40391" s="6"/>
      <c r="C40391" s="6"/>
      <c r="D40391" s="6"/>
      <c r="E40391" s="6"/>
      <c r="F40391" s="7">
        <v>41150</v>
      </c>
      <c r="G40391" s="8">
        <v>610050</v>
      </c>
      <c r="H40391" s="8">
        <v>1</v>
      </c>
      <c r="I40391" s="8">
        <v>610049</v>
      </c>
      <c r="J40391" s="8">
        <v>1</v>
      </c>
      <c r="K40391" s="9"/>
      <c r="L40391" s="6"/>
    </row>
    <row r="40392" spans="1:12">
      <c r="A40392" s="6" t="s">
        <v>38302</v>
      </c>
      <c r="B40392" s="6"/>
      <c r="C40392" s="6"/>
      <c r="D40392" s="6"/>
      <c r="E40392" s="6"/>
      <c r="F40392" s="7">
        <v>39059</v>
      </c>
      <c r="G40392" s="8">
        <v>1186500</v>
      </c>
      <c r="H40392" s="8">
        <v>1</v>
      </c>
      <c r="I40392" s="8">
        <v>1186499</v>
      </c>
      <c r="J40392" s="8">
        <v>1</v>
      </c>
      <c r="K40392" s="9"/>
      <c r="L40392" s="6"/>
    </row>
    <row r="40393" spans="1:12">
      <c r="A40393" s="6" t="s">
        <v>30300</v>
      </c>
      <c r="B40393" s="6"/>
      <c r="C40393" s="6"/>
      <c r="D40393" s="6"/>
      <c r="E40393" s="6"/>
      <c r="F40393" s="7">
        <v>38534</v>
      </c>
      <c r="G40393" s="8">
        <v>1207500</v>
      </c>
      <c r="H40393" s="8">
        <v>1</v>
      </c>
      <c r="I40393" s="8">
        <v>1207499</v>
      </c>
      <c r="J40393" s="8">
        <v>1</v>
      </c>
      <c r="K40393" s="9"/>
      <c r="L40393" s="6"/>
    </row>
    <row r="40394" spans="1:12">
      <c r="A40394" s="6" t="s">
        <v>31859</v>
      </c>
      <c r="B40394" s="6"/>
      <c r="C40394" s="6"/>
      <c r="D40394" s="6"/>
      <c r="E40394" s="6"/>
      <c r="F40394" s="7">
        <v>38433</v>
      </c>
      <c r="G40394" s="8">
        <v>1071000</v>
      </c>
      <c r="H40394" s="8">
        <v>1</v>
      </c>
      <c r="I40394" s="8">
        <v>1070999</v>
      </c>
      <c r="J40394" s="8">
        <v>1</v>
      </c>
      <c r="K40394" s="9"/>
      <c r="L40394" s="6"/>
    </row>
    <row r="40395" spans="1:12">
      <c r="G40395" s="16"/>
      <c r="H40395" s="16"/>
      <c r="I40395" s="16"/>
      <c r="J40395" s="16"/>
    </row>
    <row r="40396" spans="1:12">
      <c r="G40396" s="16"/>
      <c r="H40396" s="16"/>
      <c r="I40396" s="16"/>
      <c r="J40396" s="16"/>
    </row>
    <row r="40397" spans="1:12">
      <c r="G40397" s="16"/>
      <c r="H40397" s="16"/>
      <c r="I40397" s="16"/>
      <c r="J40397" s="16"/>
    </row>
    <row r="40398" spans="1:12">
      <c r="G40398" s="16"/>
      <c r="H40398" s="16"/>
      <c r="I40398" s="16"/>
      <c r="J40398" s="16"/>
    </row>
    <row r="40399" spans="1:12">
      <c r="G40399" s="16"/>
      <c r="H40399" s="16"/>
      <c r="I40399" s="16"/>
      <c r="J40399" s="16"/>
    </row>
    <row r="40400" spans="1:12">
      <c r="G40400" s="16"/>
      <c r="H40400" s="16"/>
      <c r="I40400" s="16"/>
      <c r="J40400" s="16"/>
    </row>
    <row r="40401" spans="7:10">
      <c r="G40401" s="16"/>
      <c r="H40401" s="16"/>
      <c r="I40401" s="16"/>
      <c r="J40401" s="16"/>
    </row>
    <row r="40402" spans="7:10">
      <c r="G40402" s="16"/>
      <c r="H40402" s="16"/>
      <c r="I40402" s="16"/>
      <c r="J40402" s="16"/>
    </row>
    <row r="40403" spans="7:10">
      <c r="G40403" s="16"/>
      <c r="H40403" s="16"/>
      <c r="I40403" s="16"/>
      <c r="J40403" s="16"/>
    </row>
    <row r="40404" spans="7:10">
      <c r="G40404" s="16"/>
      <c r="H40404" s="16"/>
      <c r="I40404" s="16"/>
      <c r="J40404" s="16"/>
    </row>
    <row r="40405" spans="7:10">
      <c r="G40405" s="16"/>
      <c r="H40405" s="16"/>
      <c r="I40405" s="16"/>
      <c r="J40405" s="16"/>
    </row>
    <row r="40406" spans="7:10">
      <c r="G40406" s="16"/>
      <c r="H40406" s="16"/>
      <c r="I40406" s="16"/>
      <c r="J40406" s="16"/>
    </row>
    <row r="40407" spans="7:10">
      <c r="G40407" s="16"/>
      <c r="H40407" s="16"/>
      <c r="I40407" s="16"/>
      <c r="J40407" s="16"/>
    </row>
    <row r="40408" spans="7:10">
      <c r="G40408" s="16"/>
      <c r="H40408" s="16"/>
      <c r="I40408" s="16"/>
      <c r="J40408" s="16"/>
    </row>
    <row r="40409" spans="7:10">
      <c r="G40409" s="16"/>
      <c r="H40409" s="16"/>
      <c r="I40409" s="16"/>
      <c r="J40409" s="16"/>
    </row>
    <row r="40410" spans="7:10">
      <c r="G40410" s="16"/>
      <c r="H40410" s="16"/>
      <c r="I40410" s="16"/>
      <c r="J40410" s="16"/>
    </row>
    <row r="40411" spans="7:10">
      <c r="G40411" s="16"/>
      <c r="H40411" s="16"/>
      <c r="I40411" s="16"/>
      <c r="J40411" s="16"/>
    </row>
    <row r="40412" spans="7:10">
      <c r="G40412" s="16"/>
      <c r="H40412" s="16"/>
      <c r="I40412" s="16"/>
      <c r="J40412" s="16"/>
    </row>
    <row r="40413" spans="7:10">
      <c r="G40413" s="16"/>
      <c r="H40413" s="16"/>
      <c r="I40413" s="16"/>
      <c r="J40413" s="16"/>
    </row>
    <row r="40414" spans="7:10">
      <c r="G40414" s="16"/>
      <c r="H40414" s="16"/>
      <c r="I40414" s="16"/>
      <c r="J40414" s="16"/>
    </row>
    <row r="40415" spans="7:10">
      <c r="G40415" s="16"/>
      <c r="H40415" s="16"/>
      <c r="I40415" s="16"/>
      <c r="J40415" s="16"/>
    </row>
    <row r="40416" spans="7:10">
      <c r="G40416" s="16"/>
      <c r="H40416" s="16"/>
      <c r="I40416" s="16"/>
      <c r="J40416" s="16"/>
    </row>
    <row r="40417" spans="7:10">
      <c r="G40417" s="16"/>
      <c r="H40417" s="16"/>
      <c r="I40417" s="16"/>
      <c r="J40417" s="16"/>
    </row>
    <row r="40418" spans="7:10">
      <c r="G40418" s="16"/>
      <c r="H40418" s="16"/>
      <c r="I40418" s="16"/>
      <c r="J40418" s="16"/>
    </row>
    <row r="40419" spans="7:10">
      <c r="G40419" s="16"/>
      <c r="H40419" s="16"/>
      <c r="I40419" s="16"/>
      <c r="J40419" s="16"/>
    </row>
    <row r="40420" spans="7:10">
      <c r="G40420" s="16"/>
      <c r="H40420" s="16"/>
      <c r="I40420" s="16"/>
      <c r="J40420" s="16"/>
    </row>
    <row r="40421" spans="7:10">
      <c r="G40421" s="16"/>
      <c r="H40421" s="16"/>
      <c r="I40421" s="16"/>
      <c r="J40421" s="16"/>
    </row>
    <row r="40422" spans="7:10">
      <c r="G40422" s="16"/>
      <c r="H40422" s="16"/>
      <c r="I40422" s="16"/>
      <c r="J40422" s="16"/>
    </row>
    <row r="40423" spans="7:10">
      <c r="G40423" s="16"/>
      <c r="H40423" s="16"/>
      <c r="I40423" s="16"/>
      <c r="J40423" s="16"/>
    </row>
    <row r="40424" spans="7:10">
      <c r="G40424" s="16"/>
      <c r="H40424" s="16"/>
      <c r="I40424" s="16"/>
      <c r="J40424" s="16"/>
    </row>
    <row r="40425" spans="7:10">
      <c r="G40425" s="16"/>
      <c r="H40425" s="16"/>
      <c r="I40425" s="16"/>
      <c r="J40425" s="16"/>
    </row>
    <row r="40426" spans="7:10">
      <c r="G40426" s="16"/>
      <c r="H40426" s="16"/>
      <c r="I40426" s="16"/>
      <c r="J40426" s="16"/>
    </row>
    <row r="40427" spans="7:10">
      <c r="G40427" s="16"/>
      <c r="H40427" s="16"/>
      <c r="I40427" s="16"/>
      <c r="J40427" s="16"/>
    </row>
    <row r="40428" spans="7:10">
      <c r="G40428" s="16"/>
      <c r="H40428" s="16"/>
      <c r="I40428" s="16"/>
      <c r="J40428" s="16"/>
    </row>
    <row r="40429" spans="7:10">
      <c r="G40429" s="16"/>
      <c r="H40429" s="16"/>
      <c r="I40429" s="16"/>
      <c r="J40429" s="16"/>
    </row>
    <row r="40430" spans="7:10">
      <c r="G40430" s="16"/>
      <c r="H40430" s="16"/>
      <c r="I40430" s="16"/>
      <c r="J40430" s="16"/>
    </row>
    <row r="40431" spans="7:10">
      <c r="G40431" s="16"/>
      <c r="H40431" s="16"/>
      <c r="I40431" s="16"/>
      <c r="J40431" s="16"/>
    </row>
    <row r="40432" spans="7:10">
      <c r="G40432" s="16"/>
      <c r="H40432" s="16"/>
      <c r="I40432" s="16"/>
      <c r="J40432" s="16"/>
    </row>
    <row r="40433" spans="7:10">
      <c r="G40433" s="16"/>
      <c r="H40433" s="16"/>
      <c r="I40433" s="16"/>
      <c r="J40433" s="16"/>
    </row>
    <row r="40434" spans="7:10">
      <c r="G40434" s="16"/>
      <c r="H40434" s="16"/>
      <c r="I40434" s="16"/>
      <c r="J40434" s="16"/>
    </row>
    <row r="40435" spans="7:10">
      <c r="G40435" s="16"/>
      <c r="H40435" s="16"/>
      <c r="I40435" s="16"/>
      <c r="J40435" s="16"/>
    </row>
    <row r="40436" spans="7:10">
      <c r="G40436" s="16"/>
      <c r="H40436" s="16"/>
      <c r="I40436" s="16"/>
      <c r="J40436" s="16"/>
    </row>
    <row r="40437" spans="7:10">
      <c r="G40437" s="16"/>
      <c r="H40437" s="16"/>
      <c r="I40437" s="16"/>
      <c r="J40437" s="16"/>
    </row>
    <row r="40438" spans="7:10">
      <c r="G40438" s="16"/>
      <c r="H40438" s="16"/>
      <c r="I40438" s="16"/>
      <c r="J40438" s="16"/>
    </row>
    <row r="40439" spans="7:10">
      <c r="G40439" s="16"/>
      <c r="H40439" s="16"/>
      <c r="I40439" s="16"/>
      <c r="J40439" s="16"/>
    </row>
    <row r="40440" spans="7:10">
      <c r="G40440" s="16"/>
      <c r="H40440" s="16"/>
      <c r="I40440" s="16"/>
      <c r="J40440" s="16"/>
    </row>
    <row r="40441" spans="7:10">
      <c r="G40441" s="16"/>
      <c r="H40441" s="16"/>
      <c r="I40441" s="16"/>
      <c r="J40441" s="16"/>
    </row>
    <row r="40442" spans="7:10">
      <c r="G40442" s="16"/>
      <c r="H40442" s="16"/>
      <c r="I40442" s="16"/>
      <c r="J40442" s="16"/>
    </row>
    <row r="40443" spans="7:10">
      <c r="G40443" s="16"/>
      <c r="H40443" s="16"/>
      <c r="I40443" s="16"/>
      <c r="J40443" s="16"/>
    </row>
    <row r="40444" spans="7:10">
      <c r="G40444" s="16"/>
      <c r="H40444" s="16"/>
      <c r="I40444" s="16"/>
      <c r="J40444" s="16"/>
    </row>
    <row r="40445" spans="7:10">
      <c r="G40445" s="16"/>
      <c r="H40445" s="16"/>
      <c r="I40445" s="16"/>
      <c r="J40445" s="16"/>
    </row>
    <row r="40446" spans="7:10">
      <c r="G40446" s="16"/>
      <c r="H40446" s="16"/>
      <c r="I40446" s="16"/>
      <c r="J40446" s="16"/>
    </row>
    <row r="40447" spans="7:10">
      <c r="G40447" s="16"/>
      <c r="H40447" s="16"/>
      <c r="I40447" s="16"/>
      <c r="J40447" s="16"/>
    </row>
    <row r="40448" spans="7:10">
      <c r="G40448" s="16"/>
      <c r="H40448" s="16"/>
      <c r="I40448" s="16"/>
      <c r="J40448" s="16"/>
    </row>
    <row r="40449" spans="7:10">
      <c r="G40449" s="16"/>
      <c r="H40449" s="16"/>
      <c r="I40449" s="16"/>
      <c r="J40449" s="16"/>
    </row>
    <row r="40450" spans="7:10">
      <c r="G40450" s="16"/>
      <c r="H40450" s="16"/>
      <c r="I40450" s="16"/>
      <c r="J40450" s="16"/>
    </row>
    <row r="40451" spans="7:10">
      <c r="G40451" s="16"/>
      <c r="H40451" s="16"/>
      <c r="I40451" s="16"/>
      <c r="J40451" s="16"/>
    </row>
    <row r="40452" spans="7:10">
      <c r="G40452" s="16"/>
      <c r="H40452" s="16"/>
      <c r="I40452" s="16"/>
      <c r="J40452" s="16"/>
    </row>
    <row r="40453" spans="7:10">
      <c r="G40453" s="16"/>
      <c r="H40453" s="16"/>
      <c r="I40453" s="16"/>
      <c r="J40453" s="16"/>
    </row>
    <row r="40454" spans="7:10">
      <c r="G40454" s="16"/>
      <c r="H40454" s="16"/>
      <c r="I40454" s="16"/>
      <c r="J40454" s="16"/>
    </row>
    <row r="40455" spans="7:10">
      <c r="G40455" s="16"/>
      <c r="H40455" s="16"/>
      <c r="I40455" s="16"/>
      <c r="J40455" s="16"/>
    </row>
    <row r="40456" spans="7:10">
      <c r="G40456" s="16"/>
      <c r="H40456" s="16"/>
      <c r="I40456" s="16"/>
      <c r="J40456" s="16"/>
    </row>
    <row r="40457" spans="7:10">
      <c r="G40457" s="16"/>
      <c r="H40457" s="16"/>
      <c r="I40457" s="16"/>
      <c r="J40457" s="16"/>
    </row>
    <row r="40458" spans="7:10">
      <c r="G40458" s="16"/>
      <c r="H40458" s="16"/>
      <c r="I40458" s="16"/>
      <c r="J40458" s="16"/>
    </row>
    <row r="40459" spans="7:10">
      <c r="G40459" s="16"/>
      <c r="H40459" s="16"/>
      <c r="I40459" s="16"/>
      <c r="J40459" s="16"/>
    </row>
    <row r="40460" spans="7:10">
      <c r="G40460" s="16"/>
      <c r="H40460" s="16"/>
      <c r="I40460" s="16"/>
      <c r="J40460" s="16"/>
    </row>
    <row r="40461" spans="7:10">
      <c r="G40461" s="16"/>
      <c r="H40461" s="16"/>
      <c r="I40461" s="16"/>
      <c r="J40461" s="16"/>
    </row>
    <row r="40462" spans="7:10">
      <c r="G40462" s="16"/>
      <c r="H40462" s="16"/>
      <c r="I40462" s="16"/>
      <c r="J40462" s="16"/>
    </row>
    <row r="40463" spans="7:10">
      <c r="G40463" s="16"/>
      <c r="H40463" s="16"/>
      <c r="I40463" s="16"/>
      <c r="J40463" s="16"/>
    </row>
    <row r="40464" spans="7:10">
      <c r="G40464" s="16"/>
      <c r="H40464" s="16"/>
      <c r="I40464" s="16"/>
      <c r="J40464" s="16"/>
    </row>
    <row r="40465" spans="7:10">
      <c r="G40465" s="16"/>
      <c r="H40465" s="16"/>
      <c r="I40465" s="16"/>
      <c r="J40465" s="16"/>
    </row>
    <row r="40466" spans="7:10">
      <c r="G40466" s="16"/>
      <c r="H40466" s="16"/>
      <c r="I40466" s="16"/>
      <c r="J40466" s="16"/>
    </row>
    <row r="40467" spans="7:10">
      <c r="G40467" s="16"/>
      <c r="H40467" s="16"/>
      <c r="I40467" s="16"/>
      <c r="J40467" s="16"/>
    </row>
    <row r="40468" spans="7:10">
      <c r="G40468" s="16"/>
      <c r="H40468" s="16"/>
      <c r="I40468" s="16"/>
      <c r="J40468" s="16"/>
    </row>
    <row r="40469" spans="7:10">
      <c r="G40469" s="16"/>
      <c r="H40469" s="16"/>
      <c r="I40469" s="16"/>
      <c r="J40469" s="16"/>
    </row>
    <row r="40470" spans="7:10">
      <c r="G40470" s="16"/>
      <c r="H40470" s="16"/>
      <c r="I40470" s="16"/>
      <c r="J40470" s="16"/>
    </row>
    <row r="40471" spans="7:10">
      <c r="G40471" s="16"/>
      <c r="H40471" s="16"/>
      <c r="I40471" s="16"/>
      <c r="J40471" s="16"/>
    </row>
    <row r="40472" spans="7:10">
      <c r="G40472" s="16"/>
      <c r="H40472" s="16"/>
      <c r="I40472" s="16"/>
      <c r="J40472" s="16"/>
    </row>
    <row r="40473" spans="7:10">
      <c r="G40473" s="16"/>
      <c r="H40473" s="16"/>
      <c r="I40473" s="16"/>
      <c r="J40473" s="16"/>
    </row>
    <row r="40474" spans="7:10">
      <c r="G40474" s="16"/>
      <c r="H40474" s="16"/>
      <c r="I40474" s="16"/>
      <c r="J40474" s="16"/>
    </row>
    <row r="40475" spans="7:10">
      <c r="G40475" s="16"/>
      <c r="H40475" s="16"/>
      <c r="I40475" s="16"/>
      <c r="J40475" s="16"/>
    </row>
    <row r="40476" spans="7:10">
      <c r="G40476" s="16"/>
      <c r="H40476" s="16"/>
      <c r="I40476" s="16"/>
      <c r="J40476" s="16"/>
    </row>
    <row r="40477" spans="7:10">
      <c r="G40477" s="16"/>
      <c r="H40477" s="16"/>
      <c r="I40477" s="16"/>
      <c r="J40477" s="16"/>
    </row>
    <row r="40478" spans="7:10">
      <c r="G40478" s="16"/>
      <c r="H40478" s="16"/>
      <c r="I40478" s="16"/>
      <c r="J40478" s="16"/>
    </row>
    <row r="40479" spans="7:10">
      <c r="G40479" s="16"/>
      <c r="H40479" s="16"/>
      <c r="I40479" s="16"/>
      <c r="J40479" s="16"/>
    </row>
    <row r="40480" spans="7:10">
      <c r="G40480" s="16"/>
      <c r="H40480" s="16"/>
      <c r="I40480" s="16"/>
      <c r="J40480" s="16"/>
    </row>
    <row r="40481" spans="7:10">
      <c r="G40481" s="16"/>
      <c r="H40481" s="16"/>
      <c r="I40481" s="16"/>
      <c r="J40481" s="16"/>
    </row>
    <row r="40482" spans="7:10">
      <c r="G40482" s="16"/>
      <c r="H40482" s="16"/>
      <c r="I40482" s="16"/>
      <c r="J40482" s="16"/>
    </row>
    <row r="40483" spans="7:10">
      <c r="G40483" s="16"/>
      <c r="H40483" s="16"/>
      <c r="I40483" s="16"/>
      <c r="J40483" s="16"/>
    </row>
    <row r="40484" spans="7:10">
      <c r="G40484" s="16"/>
      <c r="H40484" s="16"/>
      <c r="I40484" s="16"/>
      <c r="J40484" s="16"/>
    </row>
    <row r="40485" spans="7:10">
      <c r="G40485" s="16"/>
      <c r="H40485" s="16"/>
      <c r="I40485" s="16"/>
      <c r="J40485" s="16"/>
    </row>
    <row r="40486" spans="7:10">
      <c r="G40486" s="16"/>
      <c r="H40486" s="16"/>
      <c r="I40486" s="16"/>
      <c r="J40486" s="16"/>
    </row>
    <row r="40487" spans="7:10">
      <c r="G40487" s="16"/>
      <c r="H40487" s="16"/>
      <c r="I40487" s="16"/>
      <c r="J40487" s="16"/>
    </row>
    <row r="40488" spans="7:10">
      <c r="G40488" s="16"/>
      <c r="H40488" s="16"/>
      <c r="I40488" s="16"/>
      <c r="J40488" s="16"/>
    </row>
    <row r="40489" spans="7:10">
      <c r="G40489" s="16"/>
      <c r="H40489" s="16"/>
      <c r="I40489" s="16"/>
      <c r="J40489" s="16"/>
    </row>
    <row r="40490" spans="7:10">
      <c r="G40490" s="16"/>
      <c r="H40490" s="16"/>
      <c r="I40490" s="16"/>
      <c r="J40490" s="16"/>
    </row>
    <row r="40491" spans="7:10">
      <c r="G40491" s="16"/>
      <c r="H40491" s="16"/>
      <c r="I40491" s="16"/>
      <c r="J40491" s="16"/>
    </row>
    <row r="40492" spans="7:10">
      <c r="G40492" s="16"/>
      <c r="H40492" s="16"/>
      <c r="I40492" s="16"/>
      <c r="J40492" s="16"/>
    </row>
    <row r="40493" spans="7:10">
      <c r="G40493" s="16"/>
      <c r="H40493" s="16"/>
      <c r="I40493" s="16"/>
      <c r="J40493" s="16"/>
    </row>
    <row r="40494" spans="7:10">
      <c r="G40494" s="16"/>
      <c r="H40494" s="16"/>
      <c r="I40494" s="16"/>
      <c r="J40494" s="16"/>
    </row>
    <row r="40495" spans="7:10">
      <c r="G40495" s="16"/>
      <c r="H40495" s="16"/>
      <c r="I40495" s="16"/>
      <c r="J40495" s="16"/>
    </row>
    <row r="40496" spans="7:10">
      <c r="G40496" s="16"/>
      <c r="H40496" s="16"/>
      <c r="I40496" s="16"/>
      <c r="J40496" s="16"/>
    </row>
    <row r="40497" spans="7:10">
      <c r="G40497" s="16"/>
      <c r="H40497" s="16"/>
      <c r="I40497" s="16"/>
      <c r="J40497" s="16"/>
    </row>
    <row r="40498" spans="7:10">
      <c r="G40498" s="16"/>
      <c r="H40498" s="16"/>
      <c r="I40498" s="16"/>
      <c r="J40498" s="16"/>
    </row>
    <row r="40499" spans="7:10">
      <c r="G40499" s="16"/>
      <c r="H40499" s="16"/>
      <c r="I40499" s="16"/>
      <c r="J40499" s="16"/>
    </row>
    <row r="40500" spans="7:10">
      <c r="G40500" s="16"/>
      <c r="H40500" s="16"/>
      <c r="I40500" s="16"/>
      <c r="J40500" s="16"/>
    </row>
    <row r="40501" spans="7:10">
      <c r="G40501" s="16"/>
      <c r="H40501" s="16"/>
      <c r="I40501" s="16"/>
      <c r="J40501" s="16"/>
    </row>
    <row r="40502" spans="7:10">
      <c r="G40502" s="16"/>
      <c r="H40502" s="16"/>
      <c r="I40502" s="16"/>
      <c r="J40502" s="16"/>
    </row>
    <row r="40503" spans="7:10">
      <c r="G40503" s="16"/>
      <c r="H40503" s="16"/>
      <c r="I40503" s="16"/>
      <c r="J40503" s="16"/>
    </row>
    <row r="40504" spans="7:10">
      <c r="G40504" s="16"/>
      <c r="H40504" s="16"/>
      <c r="I40504" s="16"/>
      <c r="J40504" s="16"/>
    </row>
    <row r="40505" spans="7:10">
      <c r="G40505" s="16"/>
      <c r="H40505" s="16"/>
      <c r="I40505" s="16"/>
      <c r="J40505" s="16"/>
    </row>
    <row r="40506" spans="7:10">
      <c r="G40506" s="16"/>
      <c r="H40506" s="16"/>
      <c r="I40506" s="16"/>
      <c r="J40506" s="16"/>
    </row>
    <row r="40507" spans="7:10">
      <c r="G40507" s="16"/>
      <c r="H40507" s="16"/>
      <c r="I40507" s="16"/>
      <c r="J40507" s="16"/>
    </row>
    <row r="40508" spans="7:10">
      <c r="G40508" s="16"/>
      <c r="H40508" s="16"/>
      <c r="I40508" s="16"/>
      <c r="J40508" s="16"/>
    </row>
    <row r="40509" spans="7:10">
      <c r="G40509" s="16"/>
      <c r="H40509" s="16"/>
      <c r="I40509" s="16"/>
      <c r="J40509" s="16"/>
    </row>
    <row r="40510" spans="7:10">
      <c r="G40510" s="16"/>
      <c r="H40510" s="16"/>
      <c r="I40510" s="16"/>
      <c r="J40510" s="16"/>
    </row>
    <row r="40511" spans="7:10">
      <c r="G40511" s="16"/>
      <c r="H40511" s="16"/>
      <c r="I40511" s="16"/>
      <c r="J40511" s="16"/>
    </row>
    <row r="40512" spans="7:10">
      <c r="G40512" s="16"/>
      <c r="H40512" s="16"/>
      <c r="I40512" s="16"/>
      <c r="J40512" s="16"/>
    </row>
    <row r="40513" spans="7:10">
      <c r="G40513" s="16"/>
      <c r="H40513" s="16"/>
      <c r="I40513" s="16"/>
      <c r="J40513" s="16"/>
    </row>
    <row r="40514" spans="7:10">
      <c r="G40514" s="16"/>
      <c r="H40514" s="16"/>
      <c r="I40514" s="16"/>
      <c r="J40514" s="16"/>
    </row>
    <row r="40515" spans="7:10">
      <c r="G40515" s="16"/>
      <c r="H40515" s="16"/>
      <c r="I40515" s="16"/>
      <c r="J40515" s="16"/>
    </row>
    <row r="40516" spans="7:10">
      <c r="G40516" s="16"/>
      <c r="H40516" s="16"/>
      <c r="I40516" s="16"/>
      <c r="J40516" s="16"/>
    </row>
    <row r="40517" spans="7:10">
      <c r="G40517" s="16"/>
      <c r="H40517" s="16"/>
      <c r="I40517" s="16"/>
      <c r="J40517" s="16"/>
    </row>
    <row r="40518" spans="7:10">
      <c r="G40518" s="16"/>
      <c r="H40518" s="16"/>
      <c r="I40518" s="16"/>
      <c r="J40518" s="16"/>
    </row>
    <row r="40519" spans="7:10">
      <c r="G40519" s="16"/>
      <c r="H40519" s="16"/>
      <c r="I40519" s="16"/>
      <c r="J40519" s="16"/>
    </row>
    <row r="40520" spans="7:10">
      <c r="G40520" s="16"/>
      <c r="H40520" s="16"/>
      <c r="I40520" s="16"/>
      <c r="J40520" s="16"/>
    </row>
    <row r="40521" spans="7:10">
      <c r="G40521" s="16"/>
      <c r="H40521" s="16"/>
      <c r="I40521" s="16"/>
      <c r="J40521" s="16"/>
    </row>
    <row r="40522" spans="7:10">
      <c r="G40522" s="16"/>
      <c r="H40522" s="16"/>
      <c r="I40522" s="16"/>
      <c r="J40522" s="16"/>
    </row>
    <row r="40523" spans="7:10">
      <c r="G40523" s="16"/>
      <c r="H40523" s="16"/>
      <c r="I40523" s="16"/>
      <c r="J40523" s="16"/>
    </row>
    <row r="40524" spans="7:10">
      <c r="G40524" s="16"/>
      <c r="H40524" s="16"/>
      <c r="I40524" s="16"/>
      <c r="J40524" s="16"/>
    </row>
    <row r="40525" spans="7:10">
      <c r="G40525" s="16"/>
      <c r="H40525" s="16"/>
      <c r="I40525" s="16"/>
      <c r="J40525" s="16"/>
    </row>
    <row r="40526" spans="7:10">
      <c r="G40526" s="16"/>
      <c r="H40526" s="16"/>
      <c r="I40526" s="16"/>
      <c r="J40526" s="16"/>
    </row>
    <row r="40527" spans="7:10">
      <c r="G40527" s="16"/>
      <c r="H40527" s="16"/>
      <c r="I40527" s="16"/>
      <c r="J40527" s="16"/>
    </row>
    <row r="40528" spans="7:10">
      <c r="G40528" s="16"/>
      <c r="H40528" s="16"/>
      <c r="I40528" s="16"/>
      <c r="J40528" s="16"/>
    </row>
    <row r="40529" spans="7:10">
      <c r="G40529" s="16"/>
      <c r="H40529" s="16"/>
      <c r="I40529" s="16"/>
      <c r="J40529" s="16"/>
    </row>
    <row r="40530" spans="7:10">
      <c r="G40530" s="16"/>
      <c r="H40530" s="16"/>
      <c r="I40530" s="16"/>
      <c r="J40530" s="16"/>
    </row>
    <row r="40531" spans="7:10">
      <c r="G40531" s="16"/>
      <c r="H40531" s="16"/>
      <c r="I40531" s="16"/>
      <c r="J40531" s="16"/>
    </row>
    <row r="40532" spans="7:10">
      <c r="G40532" s="16"/>
      <c r="H40532" s="16"/>
      <c r="I40532" s="16"/>
      <c r="J40532" s="16"/>
    </row>
    <row r="40533" spans="7:10">
      <c r="G40533" s="16"/>
      <c r="H40533" s="16"/>
      <c r="I40533" s="16"/>
      <c r="J40533" s="16"/>
    </row>
    <row r="40534" spans="7:10">
      <c r="G40534" s="16"/>
      <c r="H40534" s="16"/>
      <c r="I40534" s="16"/>
      <c r="J40534" s="16"/>
    </row>
    <row r="40535" spans="7:10">
      <c r="G40535" s="16"/>
      <c r="H40535" s="16"/>
      <c r="I40535" s="16"/>
      <c r="J40535" s="16"/>
    </row>
    <row r="40536" spans="7:10">
      <c r="G40536" s="16"/>
      <c r="H40536" s="16"/>
      <c r="I40536" s="16"/>
      <c r="J40536" s="16"/>
    </row>
    <row r="40537" spans="7:10">
      <c r="G40537" s="16"/>
      <c r="H40537" s="16"/>
      <c r="I40537" s="16"/>
      <c r="J40537" s="16"/>
    </row>
    <row r="40538" spans="7:10">
      <c r="G40538" s="16"/>
      <c r="H40538" s="16"/>
      <c r="I40538" s="16"/>
      <c r="J40538" s="16"/>
    </row>
    <row r="40539" spans="7:10">
      <c r="G40539" s="16"/>
      <c r="H40539" s="16"/>
      <c r="I40539" s="16"/>
      <c r="J40539" s="16"/>
    </row>
    <row r="40540" spans="7:10">
      <c r="G40540" s="16"/>
      <c r="H40540" s="16"/>
      <c r="I40540" s="16"/>
      <c r="J40540" s="16"/>
    </row>
    <row r="40541" spans="7:10">
      <c r="G40541" s="16"/>
      <c r="H40541" s="16"/>
      <c r="I40541" s="16"/>
      <c r="J40541" s="16"/>
    </row>
    <row r="40542" spans="7:10">
      <c r="G40542" s="16"/>
      <c r="H40542" s="16"/>
      <c r="I40542" s="16"/>
      <c r="J40542" s="16"/>
    </row>
    <row r="40543" spans="7:10">
      <c r="G40543" s="16"/>
      <c r="H40543" s="16"/>
      <c r="I40543" s="16"/>
      <c r="J40543" s="16"/>
    </row>
    <row r="40544" spans="7:10">
      <c r="G40544" s="16"/>
      <c r="H40544" s="16"/>
      <c r="I40544" s="16"/>
      <c r="J40544" s="16"/>
    </row>
    <row r="40545" spans="7:10">
      <c r="G40545" s="16"/>
      <c r="H40545" s="16"/>
      <c r="I40545" s="16"/>
      <c r="J40545" s="16"/>
    </row>
    <row r="40546" spans="7:10">
      <c r="G40546" s="16"/>
      <c r="H40546" s="16"/>
      <c r="I40546" s="16"/>
      <c r="J40546" s="16"/>
    </row>
    <row r="40547" spans="7:10">
      <c r="G40547" s="16"/>
      <c r="H40547" s="16"/>
      <c r="I40547" s="16"/>
      <c r="J40547" s="16"/>
    </row>
    <row r="40548" spans="7:10">
      <c r="G40548" s="16"/>
      <c r="H40548" s="16"/>
      <c r="I40548" s="16"/>
      <c r="J40548" s="16"/>
    </row>
    <row r="40549" spans="7:10">
      <c r="G40549" s="16"/>
      <c r="H40549" s="16"/>
      <c r="I40549" s="16"/>
      <c r="J40549" s="16"/>
    </row>
    <row r="40550" spans="7:10">
      <c r="G40550" s="16"/>
      <c r="H40550" s="16"/>
      <c r="I40550" s="16"/>
      <c r="J40550" s="16"/>
    </row>
    <row r="40551" spans="7:10">
      <c r="G40551" s="16"/>
      <c r="H40551" s="16"/>
      <c r="I40551" s="16"/>
      <c r="J40551" s="16"/>
    </row>
    <row r="40552" spans="7:10">
      <c r="G40552" s="16"/>
      <c r="H40552" s="16"/>
      <c r="I40552" s="16"/>
      <c r="J40552" s="16"/>
    </row>
    <row r="40553" spans="7:10">
      <c r="G40553" s="16"/>
      <c r="H40553" s="16"/>
      <c r="I40553" s="16"/>
      <c r="J40553" s="16"/>
    </row>
    <row r="40554" spans="7:10">
      <c r="G40554" s="16"/>
      <c r="H40554" s="16"/>
      <c r="I40554" s="16"/>
      <c r="J40554" s="16"/>
    </row>
    <row r="40555" spans="7:10">
      <c r="G40555" s="16"/>
      <c r="H40555" s="16"/>
      <c r="I40555" s="16"/>
      <c r="J40555" s="16"/>
    </row>
    <row r="40556" spans="7:10">
      <c r="G40556" s="16"/>
      <c r="H40556" s="16"/>
      <c r="I40556" s="16"/>
      <c r="J40556" s="16"/>
    </row>
    <row r="40557" spans="7:10">
      <c r="G40557" s="16"/>
      <c r="H40557" s="16"/>
      <c r="I40557" s="16"/>
      <c r="J40557" s="16"/>
    </row>
    <row r="40558" spans="7:10">
      <c r="G40558" s="16"/>
      <c r="H40558" s="16"/>
      <c r="I40558" s="16"/>
      <c r="J40558" s="16"/>
    </row>
    <row r="40559" spans="7:10">
      <c r="G40559" s="16"/>
      <c r="H40559" s="16"/>
      <c r="I40559" s="16"/>
      <c r="J40559" s="16"/>
    </row>
    <row r="40560" spans="7:10">
      <c r="G40560" s="16"/>
      <c r="H40560" s="16"/>
      <c r="I40560" s="16"/>
      <c r="J40560" s="16"/>
    </row>
    <row r="40561" spans="7:10">
      <c r="G40561" s="16"/>
      <c r="H40561" s="16"/>
      <c r="I40561" s="16"/>
      <c r="J40561" s="16"/>
    </row>
    <row r="40562" spans="7:10">
      <c r="G40562" s="16"/>
      <c r="H40562" s="16"/>
      <c r="I40562" s="16"/>
      <c r="J40562" s="16"/>
    </row>
    <row r="40563" spans="7:10">
      <c r="G40563" s="16"/>
      <c r="H40563" s="16"/>
      <c r="I40563" s="16"/>
      <c r="J40563" s="16"/>
    </row>
    <row r="40564" spans="7:10">
      <c r="G40564" s="16"/>
      <c r="H40564" s="16"/>
      <c r="I40564" s="16"/>
      <c r="J40564" s="16"/>
    </row>
    <row r="40565" spans="7:10">
      <c r="G40565" s="16"/>
      <c r="H40565" s="16"/>
      <c r="I40565" s="16"/>
      <c r="J40565" s="16"/>
    </row>
    <row r="40566" spans="7:10">
      <c r="G40566" s="16"/>
      <c r="H40566" s="16"/>
      <c r="I40566" s="16"/>
      <c r="J40566" s="16"/>
    </row>
    <row r="40567" spans="7:10">
      <c r="G40567" s="16"/>
      <c r="H40567" s="16"/>
      <c r="I40567" s="16"/>
      <c r="J40567" s="16"/>
    </row>
    <row r="40568" spans="7:10">
      <c r="G40568" s="16"/>
      <c r="H40568" s="16"/>
      <c r="I40568" s="16"/>
      <c r="J40568" s="16"/>
    </row>
    <row r="40569" spans="7:10">
      <c r="G40569" s="16"/>
      <c r="H40569" s="16"/>
      <c r="I40569" s="16"/>
      <c r="J40569" s="16"/>
    </row>
    <row r="40570" spans="7:10">
      <c r="G40570" s="16"/>
      <c r="H40570" s="16"/>
      <c r="I40570" s="16"/>
      <c r="J40570" s="16"/>
    </row>
    <row r="40571" spans="7:10">
      <c r="G40571" s="16"/>
      <c r="H40571" s="16"/>
      <c r="I40571" s="16"/>
      <c r="J40571" s="16"/>
    </row>
    <row r="40572" spans="7:10">
      <c r="G40572" s="16"/>
      <c r="H40572" s="16"/>
      <c r="I40572" s="16"/>
      <c r="J40572" s="16"/>
    </row>
    <row r="40573" spans="7:10">
      <c r="G40573" s="16"/>
      <c r="H40573" s="16"/>
      <c r="I40573" s="16"/>
      <c r="J40573" s="16"/>
    </row>
    <row r="40574" spans="7:10">
      <c r="G40574" s="16"/>
      <c r="H40574" s="16"/>
      <c r="I40574" s="16"/>
      <c r="J40574" s="16"/>
    </row>
    <row r="40575" spans="7:10">
      <c r="G40575" s="16"/>
      <c r="H40575" s="16"/>
      <c r="I40575" s="16"/>
      <c r="J40575" s="16"/>
    </row>
    <row r="40576" spans="7:10">
      <c r="G40576" s="16"/>
      <c r="H40576" s="16"/>
      <c r="I40576" s="16"/>
      <c r="J40576" s="16"/>
    </row>
    <row r="40577" spans="7:10">
      <c r="G40577" s="16"/>
      <c r="H40577" s="16"/>
      <c r="I40577" s="16"/>
      <c r="J40577" s="16"/>
    </row>
    <row r="40578" spans="7:10">
      <c r="G40578" s="16"/>
      <c r="H40578" s="16"/>
      <c r="I40578" s="16"/>
      <c r="J40578" s="16"/>
    </row>
    <row r="40579" spans="7:10">
      <c r="G40579" s="16"/>
      <c r="H40579" s="16"/>
      <c r="I40579" s="16"/>
      <c r="J40579" s="16"/>
    </row>
    <row r="40580" spans="7:10">
      <c r="G40580" s="16"/>
      <c r="H40580" s="16"/>
      <c r="I40580" s="16"/>
      <c r="J40580" s="16"/>
    </row>
    <row r="40581" spans="7:10">
      <c r="G40581" s="16"/>
      <c r="H40581" s="16"/>
      <c r="I40581" s="16"/>
      <c r="J40581" s="16"/>
    </row>
    <row r="40582" spans="7:10">
      <c r="G40582" s="16"/>
      <c r="H40582" s="16"/>
      <c r="I40582" s="16"/>
      <c r="J40582" s="16"/>
    </row>
    <row r="40583" spans="7:10">
      <c r="G40583" s="16"/>
      <c r="H40583" s="16"/>
      <c r="I40583" s="16"/>
      <c r="J40583" s="16"/>
    </row>
    <row r="40584" spans="7:10">
      <c r="G40584" s="16"/>
      <c r="H40584" s="16"/>
      <c r="I40584" s="16"/>
      <c r="J40584" s="16"/>
    </row>
    <row r="40585" spans="7:10">
      <c r="G40585" s="16"/>
      <c r="H40585" s="16"/>
      <c r="I40585" s="16"/>
      <c r="J40585" s="16"/>
    </row>
    <row r="40586" spans="7:10">
      <c r="G40586" s="16"/>
      <c r="H40586" s="16"/>
      <c r="I40586" s="16"/>
      <c r="J40586" s="16"/>
    </row>
    <row r="40587" spans="7:10">
      <c r="G40587" s="16"/>
      <c r="H40587" s="16"/>
      <c r="I40587" s="16"/>
      <c r="J40587" s="16"/>
    </row>
    <row r="40588" spans="7:10">
      <c r="G40588" s="16"/>
      <c r="H40588" s="16"/>
      <c r="I40588" s="16"/>
      <c r="J40588" s="16"/>
    </row>
    <row r="40589" spans="7:10">
      <c r="G40589" s="16"/>
      <c r="H40589" s="16"/>
      <c r="I40589" s="16"/>
      <c r="J40589" s="16"/>
    </row>
    <row r="40590" spans="7:10">
      <c r="G40590" s="16"/>
      <c r="H40590" s="16"/>
      <c r="I40590" s="16"/>
      <c r="J40590" s="16"/>
    </row>
    <row r="40591" spans="7:10">
      <c r="G40591" s="16"/>
      <c r="H40591" s="16"/>
      <c r="I40591" s="16"/>
      <c r="J40591" s="16"/>
    </row>
    <row r="40592" spans="7:10">
      <c r="G40592" s="16"/>
      <c r="H40592" s="16"/>
      <c r="I40592" s="16"/>
      <c r="J40592" s="16"/>
    </row>
    <row r="40593" spans="7:10">
      <c r="G40593" s="16"/>
      <c r="H40593" s="16"/>
      <c r="I40593" s="16"/>
      <c r="J40593" s="16"/>
    </row>
    <row r="40594" spans="7:10">
      <c r="G40594" s="16"/>
      <c r="H40594" s="16"/>
      <c r="I40594" s="16"/>
      <c r="J40594" s="16"/>
    </row>
    <row r="40595" spans="7:10">
      <c r="G40595" s="16"/>
      <c r="H40595" s="16"/>
      <c r="I40595" s="16"/>
      <c r="J40595" s="16"/>
    </row>
    <row r="40596" spans="7:10">
      <c r="G40596" s="16"/>
      <c r="H40596" s="16"/>
      <c r="I40596" s="16"/>
      <c r="J40596" s="16"/>
    </row>
    <row r="40597" spans="7:10">
      <c r="G40597" s="16"/>
      <c r="H40597" s="16"/>
      <c r="I40597" s="16"/>
      <c r="J40597" s="16"/>
    </row>
    <row r="40598" spans="7:10">
      <c r="G40598" s="16"/>
      <c r="H40598" s="16"/>
      <c r="I40598" s="16"/>
      <c r="J40598" s="16"/>
    </row>
    <row r="40599" spans="7:10">
      <c r="G40599" s="16"/>
      <c r="H40599" s="16"/>
      <c r="I40599" s="16"/>
      <c r="J40599" s="16"/>
    </row>
    <row r="40600" spans="7:10">
      <c r="G40600" s="16"/>
      <c r="H40600" s="16"/>
      <c r="I40600" s="16"/>
      <c r="J40600" s="16"/>
    </row>
    <row r="40601" spans="7:10">
      <c r="G40601" s="16"/>
      <c r="H40601" s="16"/>
      <c r="I40601" s="16"/>
      <c r="J40601" s="16"/>
    </row>
    <row r="40602" spans="7:10">
      <c r="G40602" s="16"/>
      <c r="H40602" s="16"/>
      <c r="I40602" s="16"/>
      <c r="J40602" s="16"/>
    </row>
    <row r="40603" spans="7:10">
      <c r="G40603" s="16"/>
      <c r="H40603" s="16"/>
      <c r="I40603" s="16"/>
      <c r="J40603" s="16"/>
    </row>
    <row r="40604" spans="7:10">
      <c r="G40604" s="16"/>
      <c r="H40604" s="16"/>
      <c r="I40604" s="16"/>
      <c r="J40604" s="16"/>
    </row>
    <row r="40605" spans="7:10">
      <c r="G40605" s="16"/>
      <c r="H40605" s="16"/>
      <c r="I40605" s="16"/>
      <c r="J40605" s="16"/>
    </row>
    <row r="40606" spans="7:10">
      <c r="G40606" s="16"/>
      <c r="H40606" s="16"/>
      <c r="I40606" s="16"/>
      <c r="J40606" s="16"/>
    </row>
    <row r="40607" spans="7:10">
      <c r="G40607" s="16"/>
      <c r="H40607" s="16"/>
      <c r="I40607" s="16"/>
      <c r="J40607" s="16"/>
    </row>
    <row r="40608" spans="7:10">
      <c r="G40608" s="16"/>
      <c r="H40608" s="16"/>
      <c r="I40608" s="16"/>
      <c r="J40608" s="16"/>
    </row>
    <row r="40609" spans="7:10">
      <c r="G40609" s="16"/>
      <c r="H40609" s="16"/>
      <c r="I40609" s="16"/>
      <c r="J40609" s="16"/>
    </row>
    <row r="40610" spans="7:10">
      <c r="G40610" s="16"/>
      <c r="H40610" s="16"/>
      <c r="I40610" s="16"/>
      <c r="J40610" s="16"/>
    </row>
    <row r="40611" spans="7:10">
      <c r="G40611" s="16"/>
      <c r="H40611" s="16"/>
      <c r="I40611" s="16"/>
      <c r="J40611" s="16"/>
    </row>
    <row r="40612" spans="7:10">
      <c r="G40612" s="16"/>
      <c r="H40612" s="16"/>
      <c r="I40612" s="16"/>
      <c r="J40612" s="16"/>
    </row>
    <row r="40613" spans="7:10">
      <c r="G40613" s="16"/>
      <c r="H40613" s="16"/>
      <c r="I40613" s="16"/>
      <c r="J40613" s="16"/>
    </row>
    <row r="40614" spans="7:10">
      <c r="G40614" s="16"/>
      <c r="H40614" s="16"/>
      <c r="I40614" s="16"/>
      <c r="J40614" s="16"/>
    </row>
    <row r="40615" spans="7:10">
      <c r="G40615" s="16"/>
      <c r="H40615" s="16"/>
      <c r="I40615" s="16"/>
      <c r="J40615" s="16"/>
    </row>
    <row r="40616" spans="7:10">
      <c r="G40616" s="16"/>
      <c r="H40616" s="16"/>
      <c r="I40616" s="16"/>
      <c r="J40616" s="16"/>
    </row>
    <row r="40617" spans="7:10">
      <c r="G40617" s="16"/>
      <c r="H40617" s="16"/>
      <c r="I40617" s="16"/>
      <c r="J40617" s="16"/>
    </row>
    <row r="40618" spans="7:10">
      <c r="G40618" s="16"/>
      <c r="H40618" s="16"/>
      <c r="I40618" s="16"/>
      <c r="J40618" s="16"/>
    </row>
    <row r="40619" spans="7:10">
      <c r="G40619" s="16"/>
      <c r="H40619" s="16"/>
      <c r="I40619" s="16"/>
      <c r="J40619" s="16"/>
    </row>
    <row r="40620" spans="7:10">
      <c r="G40620" s="16"/>
      <c r="H40620" s="16"/>
      <c r="I40620" s="16"/>
      <c r="J40620" s="16"/>
    </row>
    <row r="40621" spans="7:10">
      <c r="G40621" s="16"/>
      <c r="H40621" s="16"/>
      <c r="I40621" s="16"/>
      <c r="J40621" s="16"/>
    </row>
    <row r="40622" spans="7:10">
      <c r="G40622" s="16"/>
      <c r="H40622" s="16"/>
      <c r="I40622" s="16"/>
      <c r="J40622" s="16"/>
    </row>
    <row r="40623" spans="7:10">
      <c r="G40623" s="16"/>
      <c r="H40623" s="16"/>
      <c r="I40623" s="16"/>
      <c r="J40623" s="16"/>
    </row>
    <row r="40624" spans="7:10">
      <c r="G40624" s="16"/>
      <c r="H40624" s="16"/>
      <c r="I40624" s="16"/>
      <c r="J40624" s="16"/>
    </row>
    <row r="40625" spans="7:10">
      <c r="G40625" s="16"/>
      <c r="H40625" s="16"/>
      <c r="I40625" s="16"/>
      <c r="J40625" s="16"/>
    </row>
    <row r="40626" spans="7:10">
      <c r="G40626" s="16"/>
      <c r="H40626" s="16"/>
      <c r="I40626" s="16"/>
      <c r="J40626" s="16"/>
    </row>
    <row r="40627" spans="7:10">
      <c r="G40627" s="16"/>
      <c r="H40627" s="16"/>
      <c r="I40627" s="16"/>
      <c r="J40627" s="16"/>
    </row>
    <row r="40628" spans="7:10">
      <c r="G40628" s="16"/>
      <c r="H40628" s="16"/>
      <c r="I40628" s="16"/>
      <c r="J40628" s="16"/>
    </row>
    <row r="40629" spans="7:10">
      <c r="G40629" s="16"/>
      <c r="H40629" s="16"/>
      <c r="I40629" s="16"/>
      <c r="J40629" s="16"/>
    </row>
    <row r="40630" spans="7:10">
      <c r="G40630" s="16"/>
      <c r="H40630" s="16"/>
      <c r="I40630" s="16"/>
      <c r="J40630" s="16"/>
    </row>
    <row r="40631" spans="7:10">
      <c r="G40631" s="16"/>
      <c r="H40631" s="16"/>
      <c r="I40631" s="16"/>
      <c r="J40631" s="16"/>
    </row>
    <row r="40632" spans="7:10">
      <c r="G40632" s="16"/>
      <c r="H40632" s="16"/>
      <c r="I40632" s="16"/>
      <c r="J40632" s="16"/>
    </row>
    <row r="40633" spans="7:10">
      <c r="G40633" s="16"/>
      <c r="H40633" s="16"/>
      <c r="I40633" s="16"/>
      <c r="J40633" s="16"/>
    </row>
    <row r="40634" spans="7:10">
      <c r="G40634" s="16"/>
      <c r="H40634" s="16"/>
      <c r="I40634" s="16"/>
      <c r="J40634" s="16"/>
    </row>
    <row r="40635" spans="7:10">
      <c r="G40635" s="16"/>
      <c r="H40635" s="16"/>
      <c r="I40635" s="16"/>
      <c r="J40635" s="16"/>
    </row>
    <row r="40636" spans="7:10">
      <c r="G40636" s="16"/>
      <c r="H40636" s="16"/>
      <c r="I40636" s="16"/>
      <c r="J40636" s="16"/>
    </row>
    <row r="40637" spans="7:10">
      <c r="G40637" s="16"/>
      <c r="H40637" s="16"/>
      <c r="I40637" s="16"/>
      <c r="J40637" s="16"/>
    </row>
    <row r="40638" spans="7:10">
      <c r="G40638" s="16"/>
      <c r="H40638" s="16"/>
      <c r="I40638" s="16"/>
      <c r="J40638" s="16"/>
    </row>
    <row r="40639" spans="7:10">
      <c r="G40639" s="16"/>
      <c r="H40639" s="16"/>
      <c r="I40639" s="16"/>
      <c r="J40639" s="16"/>
    </row>
    <row r="40640" spans="7:10">
      <c r="G40640" s="16"/>
      <c r="H40640" s="16"/>
      <c r="I40640" s="16"/>
      <c r="J40640" s="16"/>
    </row>
    <row r="40641" spans="7:10">
      <c r="G40641" s="16"/>
      <c r="H40641" s="16"/>
      <c r="I40641" s="16"/>
      <c r="J40641" s="16"/>
    </row>
    <row r="40642" spans="7:10">
      <c r="G40642" s="16"/>
      <c r="H40642" s="16"/>
      <c r="I40642" s="16"/>
      <c r="J40642" s="16"/>
    </row>
    <row r="40643" spans="7:10">
      <c r="G40643" s="16"/>
      <c r="H40643" s="16"/>
      <c r="I40643" s="16"/>
      <c r="J40643" s="16"/>
    </row>
    <row r="40644" spans="7:10">
      <c r="G40644" s="16"/>
      <c r="H40644" s="16"/>
      <c r="I40644" s="16"/>
      <c r="J40644" s="16"/>
    </row>
    <row r="40645" spans="7:10">
      <c r="G40645" s="16"/>
      <c r="H40645" s="16"/>
      <c r="I40645" s="16"/>
      <c r="J40645" s="16"/>
    </row>
    <row r="40646" spans="7:10">
      <c r="G40646" s="16"/>
      <c r="H40646" s="16"/>
      <c r="I40646" s="16"/>
      <c r="J40646" s="16"/>
    </row>
    <row r="40647" spans="7:10">
      <c r="G40647" s="16"/>
      <c r="H40647" s="16"/>
      <c r="I40647" s="16"/>
      <c r="J40647" s="16"/>
    </row>
    <row r="40648" spans="7:10">
      <c r="G40648" s="16"/>
      <c r="H40648" s="16"/>
      <c r="I40648" s="16"/>
      <c r="J40648" s="16"/>
    </row>
    <row r="40649" spans="7:10">
      <c r="G40649" s="16"/>
      <c r="H40649" s="16"/>
      <c r="I40649" s="16"/>
      <c r="J40649" s="16"/>
    </row>
    <row r="40650" spans="7:10">
      <c r="G40650" s="16"/>
      <c r="H40650" s="16"/>
      <c r="I40650" s="16"/>
      <c r="J40650" s="16"/>
    </row>
    <row r="40651" spans="7:10">
      <c r="G40651" s="16"/>
      <c r="H40651" s="16"/>
      <c r="I40651" s="16"/>
      <c r="J40651" s="16"/>
    </row>
    <row r="40652" spans="7:10">
      <c r="G40652" s="16"/>
      <c r="H40652" s="16"/>
      <c r="I40652" s="16"/>
      <c r="J40652" s="16"/>
    </row>
    <row r="40653" spans="7:10">
      <c r="G40653" s="16"/>
      <c r="H40653" s="16"/>
      <c r="I40653" s="16"/>
      <c r="J40653" s="16"/>
    </row>
    <row r="40654" spans="7:10">
      <c r="G40654" s="16"/>
      <c r="H40654" s="16"/>
      <c r="I40654" s="16"/>
      <c r="J40654" s="16"/>
    </row>
    <row r="40655" spans="7:10">
      <c r="G40655" s="16"/>
      <c r="H40655" s="16"/>
      <c r="I40655" s="16"/>
      <c r="J40655" s="16"/>
    </row>
    <row r="40656" spans="7:10">
      <c r="G40656" s="16"/>
      <c r="H40656" s="16"/>
      <c r="I40656" s="16"/>
      <c r="J40656" s="16"/>
    </row>
    <row r="40657" spans="7:10">
      <c r="G40657" s="16"/>
      <c r="H40657" s="16"/>
      <c r="I40657" s="16"/>
      <c r="J40657" s="16"/>
    </row>
    <row r="40658" spans="7:10">
      <c r="G40658" s="16"/>
      <c r="H40658" s="16"/>
      <c r="I40658" s="16"/>
      <c r="J40658" s="16"/>
    </row>
    <row r="40659" spans="7:10">
      <c r="G40659" s="16"/>
      <c r="H40659" s="16"/>
      <c r="I40659" s="16"/>
      <c r="J40659" s="16"/>
    </row>
    <row r="40660" spans="7:10">
      <c r="G40660" s="16"/>
      <c r="H40660" s="16"/>
      <c r="I40660" s="16"/>
      <c r="J40660" s="16"/>
    </row>
    <row r="40661" spans="7:10">
      <c r="G40661" s="16"/>
      <c r="H40661" s="16"/>
      <c r="I40661" s="16"/>
      <c r="J40661" s="16"/>
    </row>
    <row r="40662" spans="7:10">
      <c r="G40662" s="16"/>
      <c r="H40662" s="16"/>
      <c r="I40662" s="16"/>
      <c r="J40662" s="16"/>
    </row>
    <row r="40663" spans="7:10">
      <c r="G40663" s="16"/>
      <c r="H40663" s="16"/>
      <c r="I40663" s="16"/>
      <c r="J40663" s="16"/>
    </row>
    <row r="40664" spans="7:10">
      <c r="G40664" s="16"/>
      <c r="H40664" s="16"/>
      <c r="I40664" s="16"/>
      <c r="J40664" s="16"/>
    </row>
    <row r="40665" spans="7:10">
      <c r="G40665" s="16"/>
      <c r="H40665" s="16"/>
      <c r="I40665" s="16"/>
      <c r="J40665" s="16"/>
    </row>
    <row r="40666" spans="7:10">
      <c r="G40666" s="16"/>
      <c r="H40666" s="16"/>
      <c r="I40666" s="16"/>
      <c r="J40666" s="16"/>
    </row>
    <row r="40667" spans="7:10">
      <c r="G40667" s="16"/>
      <c r="H40667" s="16"/>
      <c r="I40667" s="16"/>
      <c r="J40667" s="16"/>
    </row>
    <row r="40668" spans="7:10">
      <c r="G40668" s="16"/>
      <c r="H40668" s="16"/>
      <c r="I40668" s="16"/>
      <c r="J40668" s="16"/>
    </row>
    <row r="40669" spans="7:10">
      <c r="G40669" s="16"/>
      <c r="H40669" s="16"/>
      <c r="I40669" s="16"/>
      <c r="J40669" s="16"/>
    </row>
    <row r="40670" spans="7:10">
      <c r="G40670" s="16"/>
      <c r="H40670" s="16"/>
      <c r="I40670" s="16"/>
      <c r="J40670" s="16"/>
    </row>
    <row r="40671" spans="7:10">
      <c r="G40671" s="16"/>
      <c r="H40671" s="16"/>
      <c r="I40671" s="16"/>
      <c r="J40671" s="16"/>
    </row>
    <row r="40672" spans="7:10">
      <c r="G40672" s="16"/>
      <c r="H40672" s="16"/>
      <c r="I40672" s="16"/>
      <c r="J40672" s="16"/>
    </row>
    <row r="40673" spans="7:10">
      <c r="G40673" s="16"/>
      <c r="H40673" s="16"/>
      <c r="I40673" s="16"/>
      <c r="J40673" s="16"/>
    </row>
    <row r="40674" spans="7:10">
      <c r="G40674" s="16"/>
      <c r="H40674" s="16"/>
      <c r="I40674" s="16"/>
      <c r="J40674" s="16"/>
    </row>
    <row r="40675" spans="7:10">
      <c r="G40675" s="16"/>
      <c r="H40675" s="16"/>
      <c r="I40675" s="16"/>
      <c r="J40675" s="16"/>
    </row>
    <row r="40676" spans="7:10">
      <c r="G40676" s="16"/>
      <c r="H40676" s="16"/>
      <c r="I40676" s="16"/>
      <c r="J40676" s="16"/>
    </row>
    <row r="40677" spans="7:10">
      <c r="G40677" s="16"/>
      <c r="H40677" s="16"/>
      <c r="I40677" s="16"/>
      <c r="J40677" s="16"/>
    </row>
    <row r="40678" spans="7:10">
      <c r="G40678" s="16"/>
      <c r="H40678" s="16"/>
      <c r="I40678" s="16"/>
      <c r="J40678" s="16"/>
    </row>
    <row r="40679" spans="7:10">
      <c r="G40679" s="16"/>
      <c r="H40679" s="16"/>
      <c r="I40679" s="16"/>
      <c r="J40679" s="16"/>
    </row>
    <row r="40680" spans="7:10">
      <c r="G40680" s="16"/>
      <c r="H40680" s="16"/>
      <c r="I40680" s="16"/>
      <c r="J40680" s="16"/>
    </row>
    <row r="40681" spans="7:10">
      <c r="G40681" s="16"/>
      <c r="H40681" s="16"/>
      <c r="I40681" s="16"/>
      <c r="J40681" s="16"/>
    </row>
    <row r="40682" spans="7:10">
      <c r="G40682" s="16"/>
      <c r="H40682" s="16"/>
      <c r="I40682" s="16"/>
      <c r="J40682" s="16"/>
    </row>
    <row r="40683" spans="7:10">
      <c r="G40683" s="16"/>
      <c r="H40683" s="16"/>
      <c r="I40683" s="16"/>
      <c r="J40683" s="16"/>
    </row>
    <row r="40684" spans="7:10">
      <c r="G40684" s="16"/>
      <c r="H40684" s="16"/>
      <c r="I40684" s="16"/>
      <c r="J40684" s="16"/>
    </row>
    <row r="40685" spans="7:10">
      <c r="G40685" s="16"/>
      <c r="H40685" s="16"/>
      <c r="I40685" s="16"/>
      <c r="J40685" s="16"/>
    </row>
    <row r="40686" spans="7:10">
      <c r="G40686" s="16"/>
      <c r="H40686" s="16"/>
      <c r="I40686" s="16"/>
      <c r="J40686" s="16"/>
    </row>
    <row r="40687" spans="7:10">
      <c r="G40687" s="16"/>
      <c r="H40687" s="16"/>
      <c r="I40687" s="16"/>
      <c r="J40687" s="16"/>
    </row>
    <row r="40688" spans="7:10">
      <c r="G40688" s="16"/>
      <c r="H40688" s="16"/>
      <c r="I40688" s="16"/>
      <c r="J40688" s="16"/>
    </row>
    <row r="40689" spans="7:10">
      <c r="G40689" s="16"/>
      <c r="H40689" s="16"/>
      <c r="I40689" s="16"/>
      <c r="J40689" s="16"/>
    </row>
    <row r="40690" spans="7:10">
      <c r="G40690" s="16"/>
      <c r="H40690" s="16"/>
      <c r="I40690" s="16"/>
      <c r="J40690" s="16"/>
    </row>
    <row r="40691" spans="7:10">
      <c r="G40691" s="16"/>
      <c r="H40691" s="16"/>
      <c r="I40691" s="16"/>
      <c r="J40691" s="16"/>
    </row>
    <row r="40692" spans="7:10">
      <c r="G40692" s="16"/>
      <c r="H40692" s="16"/>
      <c r="I40692" s="16"/>
      <c r="J40692" s="16"/>
    </row>
    <row r="40693" spans="7:10">
      <c r="G40693" s="16"/>
      <c r="H40693" s="16"/>
      <c r="I40693" s="16"/>
      <c r="J40693" s="16"/>
    </row>
    <row r="40694" spans="7:10">
      <c r="G40694" s="16"/>
      <c r="H40694" s="16"/>
      <c r="I40694" s="16"/>
      <c r="J40694" s="16"/>
    </row>
    <row r="40695" spans="7:10">
      <c r="G40695" s="16"/>
      <c r="H40695" s="16"/>
      <c r="I40695" s="16"/>
      <c r="J40695" s="16"/>
    </row>
    <row r="40696" spans="7:10">
      <c r="G40696" s="16"/>
      <c r="H40696" s="16"/>
      <c r="I40696" s="16"/>
      <c r="J40696" s="16"/>
    </row>
    <row r="40697" spans="7:10">
      <c r="G40697" s="16"/>
      <c r="H40697" s="16"/>
      <c r="I40697" s="16"/>
      <c r="J40697" s="16"/>
    </row>
    <row r="40698" spans="7:10">
      <c r="G40698" s="16"/>
      <c r="H40698" s="16"/>
      <c r="I40698" s="16"/>
      <c r="J40698" s="16"/>
    </row>
    <row r="40699" spans="7:10">
      <c r="G40699" s="16"/>
      <c r="H40699" s="16"/>
      <c r="I40699" s="16"/>
      <c r="J40699" s="16"/>
    </row>
    <row r="40700" spans="7:10">
      <c r="G40700" s="16"/>
      <c r="H40700" s="16"/>
      <c r="I40700" s="16"/>
      <c r="J40700" s="16"/>
    </row>
    <row r="40701" spans="7:10">
      <c r="G40701" s="16"/>
      <c r="H40701" s="16"/>
      <c r="I40701" s="16"/>
      <c r="J40701" s="16"/>
    </row>
    <row r="40702" spans="7:10">
      <c r="G40702" s="16"/>
      <c r="H40702" s="16"/>
      <c r="I40702" s="16"/>
      <c r="J40702" s="16"/>
    </row>
    <row r="40703" spans="7:10">
      <c r="G40703" s="16"/>
      <c r="H40703" s="16"/>
      <c r="I40703" s="16"/>
      <c r="J40703" s="16"/>
    </row>
    <row r="40704" spans="7:10">
      <c r="G40704" s="16"/>
      <c r="H40704" s="16"/>
      <c r="I40704" s="16"/>
      <c r="J40704" s="16"/>
    </row>
    <row r="40705" spans="7:10">
      <c r="G40705" s="16"/>
      <c r="H40705" s="16"/>
      <c r="I40705" s="16"/>
      <c r="J40705" s="16"/>
    </row>
    <row r="40706" spans="7:10">
      <c r="G40706" s="16"/>
      <c r="H40706" s="16"/>
      <c r="I40706" s="16"/>
      <c r="J40706" s="16"/>
    </row>
    <row r="40707" spans="7:10">
      <c r="G40707" s="16"/>
      <c r="H40707" s="16"/>
      <c r="I40707" s="16"/>
      <c r="J40707" s="16"/>
    </row>
    <row r="40708" spans="7:10">
      <c r="G40708" s="16"/>
      <c r="H40708" s="16"/>
      <c r="I40708" s="16"/>
      <c r="J40708" s="16"/>
    </row>
    <row r="40709" spans="7:10">
      <c r="G40709" s="16"/>
      <c r="H40709" s="16"/>
      <c r="I40709" s="16"/>
      <c r="J40709" s="16"/>
    </row>
    <row r="40710" spans="7:10">
      <c r="G40710" s="16"/>
      <c r="H40710" s="16"/>
      <c r="I40710" s="16"/>
      <c r="J40710" s="16"/>
    </row>
    <row r="40711" spans="7:10">
      <c r="G40711" s="16"/>
      <c r="H40711" s="16"/>
      <c r="I40711" s="16"/>
      <c r="J40711" s="16"/>
    </row>
    <row r="40712" spans="7:10">
      <c r="G40712" s="16"/>
      <c r="H40712" s="16"/>
      <c r="I40712" s="16"/>
      <c r="J40712" s="16"/>
    </row>
    <row r="40713" spans="7:10">
      <c r="G40713" s="16"/>
      <c r="H40713" s="16"/>
      <c r="I40713" s="16"/>
      <c r="J40713" s="16"/>
    </row>
    <row r="40714" spans="7:10">
      <c r="G40714" s="16"/>
      <c r="H40714" s="16"/>
      <c r="I40714" s="16"/>
      <c r="J40714" s="16"/>
    </row>
    <row r="40715" spans="7:10">
      <c r="G40715" s="16"/>
      <c r="H40715" s="16"/>
      <c r="I40715" s="16"/>
      <c r="J40715" s="16"/>
    </row>
    <row r="40716" spans="7:10">
      <c r="G40716" s="16"/>
      <c r="H40716" s="16"/>
      <c r="I40716" s="16"/>
      <c r="J40716" s="16"/>
    </row>
    <row r="40717" spans="7:10">
      <c r="G40717" s="16"/>
      <c r="H40717" s="16"/>
      <c r="I40717" s="16"/>
      <c r="J40717" s="16"/>
    </row>
    <row r="40718" spans="7:10">
      <c r="G40718" s="16"/>
      <c r="H40718" s="16"/>
      <c r="I40718" s="16"/>
      <c r="J40718" s="16"/>
    </row>
    <row r="40719" spans="7:10">
      <c r="G40719" s="16"/>
      <c r="H40719" s="16"/>
      <c r="I40719" s="16"/>
      <c r="J40719" s="16"/>
    </row>
    <row r="40720" spans="7:10">
      <c r="G40720" s="16"/>
      <c r="H40720" s="16"/>
      <c r="I40720" s="16"/>
      <c r="J40720" s="16"/>
    </row>
    <row r="40721" spans="7:10">
      <c r="G40721" s="16"/>
      <c r="H40721" s="16"/>
      <c r="I40721" s="16"/>
      <c r="J40721" s="16"/>
    </row>
    <row r="40722" spans="7:10">
      <c r="G40722" s="16"/>
      <c r="H40722" s="16"/>
      <c r="I40722" s="16"/>
      <c r="J40722" s="16"/>
    </row>
    <row r="40723" spans="7:10">
      <c r="G40723" s="16"/>
      <c r="H40723" s="16"/>
      <c r="I40723" s="16"/>
      <c r="J40723" s="16"/>
    </row>
    <row r="40724" spans="7:10">
      <c r="G40724" s="16"/>
      <c r="H40724" s="16"/>
      <c r="I40724" s="16"/>
      <c r="J40724" s="16"/>
    </row>
    <row r="40725" spans="7:10">
      <c r="G40725" s="16"/>
      <c r="H40725" s="16"/>
      <c r="I40725" s="16"/>
      <c r="J40725" s="16"/>
    </row>
    <row r="40726" spans="7:10">
      <c r="G40726" s="16"/>
      <c r="H40726" s="16"/>
      <c r="I40726" s="16"/>
      <c r="J40726" s="16"/>
    </row>
    <row r="40727" spans="7:10">
      <c r="G40727" s="16"/>
      <c r="H40727" s="16"/>
      <c r="I40727" s="16"/>
      <c r="J40727" s="16"/>
    </row>
    <row r="40728" spans="7:10">
      <c r="G40728" s="16"/>
      <c r="H40728" s="16"/>
      <c r="I40728" s="16"/>
      <c r="J40728" s="16"/>
    </row>
    <row r="40729" spans="7:10">
      <c r="G40729" s="16"/>
      <c r="H40729" s="16"/>
      <c r="I40729" s="16"/>
      <c r="J40729" s="16"/>
    </row>
    <row r="40730" spans="7:10">
      <c r="G40730" s="16"/>
      <c r="H40730" s="16"/>
      <c r="I40730" s="16"/>
      <c r="J40730" s="16"/>
    </row>
    <row r="40731" spans="7:10">
      <c r="G40731" s="16"/>
      <c r="H40731" s="16"/>
      <c r="I40731" s="16"/>
      <c r="J40731" s="16"/>
    </row>
    <row r="40732" spans="7:10">
      <c r="G40732" s="16"/>
      <c r="H40732" s="16"/>
      <c r="I40732" s="16"/>
      <c r="J40732" s="16"/>
    </row>
    <row r="40733" spans="7:10">
      <c r="G40733" s="16"/>
      <c r="H40733" s="16"/>
      <c r="I40733" s="16"/>
      <c r="J40733" s="16"/>
    </row>
    <row r="40734" spans="7:10">
      <c r="G40734" s="16"/>
      <c r="H40734" s="16"/>
      <c r="I40734" s="16"/>
      <c r="J40734" s="16"/>
    </row>
    <row r="40735" spans="7:10">
      <c r="G40735" s="16"/>
      <c r="H40735" s="16"/>
      <c r="I40735" s="16"/>
      <c r="J40735" s="16"/>
    </row>
    <row r="40736" spans="7:10">
      <c r="G40736" s="16"/>
      <c r="H40736" s="16"/>
      <c r="I40736" s="16"/>
      <c r="J40736" s="16"/>
    </row>
    <row r="40737" spans="7:10">
      <c r="G40737" s="16"/>
      <c r="H40737" s="16"/>
      <c r="I40737" s="16"/>
      <c r="J40737" s="16"/>
    </row>
    <row r="40738" spans="7:10">
      <c r="G40738" s="16"/>
      <c r="H40738" s="16"/>
      <c r="I40738" s="16"/>
      <c r="J40738" s="16"/>
    </row>
    <row r="40739" spans="7:10">
      <c r="G40739" s="16"/>
      <c r="H40739" s="16"/>
      <c r="I40739" s="16"/>
      <c r="J40739" s="16"/>
    </row>
    <row r="40740" spans="7:10">
      <c r="G40740" s="16"/>
      <c r="H40740" s="16"/>
      <c r="I40740" s="16"/>
      <c r="J40740" s="16"/>
    </row>
    <row r="40741" spans="7:10">
      <c r="G40741" s="16"/>
      <c r="H40741" s="16"/>
      <c r="I40741" s="16"/>
      <c r="J40741" s="16"/>
    </row>
    <row r="40742" spans="7:10">
      <c r="G40742" s="16"/>
      <c r="H40742" s="16"/>
      <c r="I40742" s="16"/>
      <c r="J40742" s="16"/>
    </row>
    <row r="40743" spans="7:10">
      <c r="G40743" s="16"/>
      <c r="H40743" s="16"/>
      <c r="I40743" s="16"/>
      <c r="J40743" s="16"/>
    </row>
    <row r="40744" spans="7:10">
      <c r="G40744" s="16"/>
      <c r="H40744" s="16"/>
      <c r="I40744" s="16"/>
      <c r="J40744" s="16"/>
    </row>
    <row r="40745" spans="7:10">
      <c r="G40745" s="16"/>
      <c r="H40745" s="16"/>
      <c r="I40745" s="16"/>
      <c r="J40745" s="16"/>
    </row>
    <row r="40746" spans="7:10">
      <c r="G40746" s="16"/>
      <c r="H40746" s="16"/>
      <c r="I40746" s="16"/>
      <c r="J40746" s="16"/>
    </row>
    <row r="40747" spans="7:10">
      <c r="G40747" s="16"/>
      <c r="H40747" s="16"/>
      <c r="I40747" s="16"/>
      <c r="J40747" s="16"/>
    </row>
    <row r="40748" spans="7:10">
      <c r="G40748" s="16"/>
      <c r="H40748" s="16"/>
      <c r="I40748" s="16"/>
      <c r="J40748" s="16"/>
    </row>
    <row r="40749" spans="7:10">
      <c r="G40749" s="16"/>
      <c r="H40749" s="16"/>
      <c r="I40749" s="16"/>
      <c r="J40749" s="16"/>
    </row>
    <row r="40750" spans="7:10">
      <c r="G40750" s="16"/>
      <c r="H40750" s="16"/>
      <c r="I40750" s="16"/>
      <c r="J40750" s="16"/>
    </row>
    <row r="40751" spans="7:10">
      <c r="G40751" s="16"/>
      <c r="H40751" s="16"/>
      <c r="I40751" s="16"/>
      <c r="J40751" s="16"/>
    </row>
    <row r="40752" spans="7:10">
      <c r="G40752" s="16"/>
      <c r="H40752" s="16"/>
      <c r="I40752" s="16"/>
      <c r="J40752" s="16"/>
    </row>
    <row r="40753" spans="7:10">
      <c r="G40753" s="16"/>
      <c r="H40753" s="16"/>
      <c r="I40753" s="16"/>
      <c r="J40753" s="16"/>
    </row>
    <row r="40754" spans="7:10">
      <c r="G40754" s="16"/>
      <c r="H40754" s="16"/>
      <c r="I40754" s="16"/>
      <c r="J40754" s="16"/>
    </row>
    <row r="40755" spans="7:10">
      <c r="G40755" s="16"/>
      <c r="H40755" s="16"/>
      <c r="I40755" s="16"/>
      <c r="J40755" s="16"/>
    </row>
    <row r="40756" spans="7:10">
      <c r="G40756" s="16"/>
      <c r="H40756" s="16"/>
      <c r="I40756" s="16"/>
      <c r="J40756" s="16"/>
    </row>
    <row r="40757" spans="7:10">
      <c r="G40757" s="16"/>
      <c r="H40757" s="16"/>
      <c r="I40757" s="16"/>
      <c r="J40757" s="16"/>
    </row>
    <row r="40758" spans="7:10">
      <c r="G40758" s="16"/>
      <c r="H40758" s="16"/>
      <c r="I40758" s="16"/>
      <c r="J40758" s="16"/>
    </row>
    <row r="40759" spans="7:10">
      <c r="G40759" s="16"/>
      <c r="H40759" s="16"/>
      <c r="I40759" s="16"/>
      <c r="J40759" s="16"/>
    </row>
    <row r="40760" spans="7:10">
      <c r="G40760" s="16"/>
      <c r="H40760" s="16"/>
      <c r="I40760" s="16"/>
      <c r="J40760" s="16"/>
    </row>
    <row r="40761" spans="7:10">
      <c r="G40761" s="16"/>
      <c r="H40761" s="16"/>
      <c r="I40761" s="16"/>
      <c r="J40761" s="16"/>
    </row>
    <row r="40762" spans="7:10">
      <c r="G40762" s="16"/>
      <c r="H40762" s="16"/>
      <c r="I40762" s="16"/>
      <c r="J40762" s="16"/>
    </row>
    <row r="40763" spans="7:10">
      <c r="G40763" s="16"/>
      <c r="H40763" s="16"/>
      <c r="I40763" s="16"/>
      <c r="J40763" s="16"/>
    </row>
    <row r="40764" spans="7:10">
      <c r="G40764" s="16"/>
      <c r="H40764" s="16"/>
      <c r="I40764" s="16"/>
      <c r="J40764" s="16"/>
    </row>
    <row r="40765" spans="7:10">
      <c r="G40765" s="16"/>
      <c r="H40765" s="16"/>
      <c r="I40765" s="16"/>
      <c r="J40765" s="16"/>
    </row>
    <row r="40766" spans="7:10">
      <c r="G40766" s="16"/>
      <c r="H40766" s="16"/>
      <c r="I40766" s="16"/>
      <c r="J40766" s="16"/>
    </row>
    <row r="40767" spans="7:10">
      <c r="G40767" s="16"/>
      <c r="H40767" s="16"/>
      <c r="I40767" s="16"/>
      <c r="J40767" s="16"/>
    </row>
    <row r="40768" spans="7:10">
      <c r="G40768" s="16"/>
      <c r="H40768" s="16"/>
      <c r="I40768" s="16"/>
      <c r="J40768" s="16"/>
    </row>
    <row r="40769" spans="7:10">
      <c r="G40769" s="16"/>
      <c r="H40769" s="16"/>
      <c r="I40769" s="16"/>
      <c r="J40769" s="16"/>
    </row>
    <row r="40770" spans="7:10">
      <c r="G40770" s="16"/>
      <c r="H40770" s="16"/>
      <c r="I40770" s="16"/>
      <c r="J40770" s="16"/>
    </row>
    <row r="40771" spans="7:10">
      <c r="G40771" s="16"/>
      <c r="H40771" s="16"/>
      <c r="I40771" s="16"/>
      <c r="J40771" s="16"/>
    </row>
    <row r="40772" spans="7:10">
      <c r="G40772" s="16"/>
      <c r="H40772" s="16"/>
      <c r="I40772" s="16"/>
      <c r="J40772" s="16"/>
    </row>
    <row r="40773" spans="7:10">
      <c r="G40773" s="16"/>
      <c r="H40773" s="16"/>
      <c r="I40773" s="16"/>
      <c r="J40773" s="16"/>
    </row>
    <row r="40774" spans="7:10">
      <c r="G40774" s="16"/>
      <c r="H40774" s="16"/>
      <c r="I40774" s="16"/>
      <c r="J40774" s="16"/>
    </row>
    <row r="40775" spans="7:10">
      <c r="G40775" s="16"/>
      <c r="H40775" s="16"/>
      <c r="I40775" s="16"/>
      <c r="J40775" s="16"/>
    </row>
    <row r="40776" spans="7:10">
      <c r="G40776" s="16"/>
      <c r="H40776" s="16"/>
      <c r="I40776" s="16"/>
      <c r="J40776" s="16"/>
    </row>
    <row r="40777" spans="7:10">
      <c r="G40777" s="16"/>
      <c r="H40777" s="16"/>
      <c r="I40777" s="16"/>
      <c r="J40777" s="16"/>
    </row>
    <row r="40778" spans="7:10">
      <c r="G40778" s="16"/>
      <c r="H40778" s="16"/>
      <c r="I40778" s="16"/>
      <c r="J40778" s="16"/>
    </row>
    <row r="40779" spans="7:10">
      <c r="G40779" s="16"/>
      <c r="H40779" s="16"/>
      <c r="I40779" s="16"/>
      <c r="J40779" s="16"/>
    </row>
    <row r="40780" spans="7:10">
      <c r="G40780" s="16"/>
      <c r="H40780" s="16"/>
      <c r="I40780" s="16"/>
      <c r="J40780" s="16"/>
    </row>
    <row r="40781" spans="7:10">
      <c r="G40781" s="16"/>
      <c r="H40781" s="16"/>
      <c r="I40781" s="16"/>
      <c r="J40781" s="16"/>
    </row>
    <row r="40782" spans="7:10">
      <c r="G40782" s="16"/>
      <c r="H40782" s="16"/>
      <c r="I40782" s="16"/>
      <c r="J40782" s="16"/>
    </row>
    <row r="40783" spans="7:10">
      <c r="G40783" s="16"/>
      <c r="H40783" s="16"/>
      <c r="I40783" s="16"/>
      <c r="J40783" s="16"/>
    </row>
    <row r="40784" spans="7:10">
      <c r="G40784" s="16"/>
      <c r="H40784" s="16"/>
      <c r="I40784" s="16"/>
      <c r="J40784" s="16"/>
    </row>
    <row r="40785" spans="7:10">
      <c r="G40785" s="16"/>
      <c r="H40785" s="16"/>
      <c r="I40785" s="16"/>
      <c r="J40785" s="16"/>
    </row>
    <row r="40786" spans="7:10">
      <c r="G40786" s="16"/>
      <c r="H40786" s="16"/>
      <c r="I40786" s="16"/>
      <c r="J40786" s="16"/>
    </row>
    <row r="40787" spans="7:10">
      <c r="G40787" s="16"/>
      <c r="H40787" s="16"/>
      <c r="I40787" s="16"/>
      <c r="J40787" s="16"/>
    </row>
    <row r="40788" spans="7:10">
      <c r="G40788" s="16"/>
      <c r="H40788" s="16"/>
      <c r="I40788" s="16"/>
      <c r="J40788" s="16"/>
    </row>
    <row r="40789" spans="7:10">
      <c r="G40789" s="16"/>
      <c r="H40789" s="16"/>
      <c r="I40789" s="16"/>
      <c r="J40789" s="16"/>
    </row>
    <row r="40790" spans="7:10">
      <c r="G40790" s="16"/>
      <c r="H40790" s="16"/>
      <c r="I40790" s="16"/>
      <c r="J40790" s="16"/>
    </row>
    <row r="40791" spans="7:10">
      <c r="G40791" s="16"/>
      <c r="H40791" s="16"/>
      <c r="I40791" s="16"/>
      <c r="J40791" s="16"/>
    </row>
    <row r="40792" spans="7:10">
      <c r="G40792" s="16"/>
      <c r="H40792" s="16"/>
      <c r="I40792" s="16"/>
      <c r="J40792" s="16"/>
    </row>
    <row r="40793" spans="7:10">
      <c r="G40793" s="16"/>
      <c r="H40793" s="16"/>
      <c r="I40793" s="16"/>
      <c r="J40793" s="16"/>
    </row>
    <row r="40794" spans="7:10">
      <c r="G40794" s="16"/>
      <c r="H40794" s="16"/>
      <c r="I40794" s="16"/>
      <c r="J40794" s="16"/>
    </row>
    <row r="40795" spans="7:10">
      <c r="G40795" s="16"/>
      <c r="H40795" s="16"/>
      <c r="I40795" s="16"/>
      <c r="J40795" s="16"/>
    </row>
    <row r="40796" spans="7:10">
      <c r="G40796" s="16"/>
      <c r="H40796" s="16"/>
      <c r="I40796" s="16"/>
      <c r="J40796" s="16"/>
    </row>
    <row r="40797" spans="7:10">
      <c r="G40797" s="16"/>
      <c r="H40797" s="16"/>
      <c r="I40797" s="16"/>
      <c r="J40797" s="16"/>
    </row>
    <row r="40798" spans="7:10">
      <c r="G40798" s="16"/>
      <c r="H40798" s="16"/>
      <c r="I40798" s="16"/>
      <c r="J40798" s="16"/>
    </row>
    <row r="40799" spans="7:10">
      <c r="G40799" s="16"/>
      <c r="H40799" s="16"/>
      <c r="I40799" s="16"/>
      <c r="J40799" s="16"/>
    </row>
    <row r="40800" spans="7:10">
      <c r="G40800" s="16"/>
      <c r="H40800" s="16"/>
      <c r="I40800" s="16"/>
      <c r="J40800" s="16"/>
    </row>
    <row r="40801" spans="7:10">
      <c r="G40801" s="16"/>
      <c r="H40801" s="16"/>
      <c r="I40801" s="16"/>
      <c r="J40801" s="16"/>
    </row>
    <row r="40802" spans="7:10">
      <c r="G40802" s="16"/>
      <c r="H40802" s="16"/>
      <c r="I40802" s="16"/>
      <c r="J40802" s="16"/>
    </row>
    <row r="40803" spans="7:10">
      <c r="G40803" s="16"/>
      <c r="H40803" s="16"/>
      <c r="I40803" s="16"/>
      <c r="J40803" s="16"/>
    </row>
    <row r="40804" spans="7:10">
      <c r="G40804" s="16"/>
      <c r="H40804" s="16"/>
      <c r="I40804" s="16"/>
      <c r="J40804" s="16"/>
    </row>
    <row r="40805" spans="7:10">
      <c r="G40805" s="16"/>
      <c r="H40805" s="16"/>
      <c r="I40805" s="16"/>
      <c r="J40805" s="16"/>
    </row>
    <row r="40806" spans="7:10">
      <c r="G40806" s="16"/>
      <c r="H40806" s="16"/>
      <c r="I40806" s="16"/>
      <c r="J40806" s="16"/>
    </row>
    <row r="40807" spans="7:10">
      <c r="G40807" s="16"/>
      <c r="H40807" s="16"/>
      <c r="I40807" s="16"/>
      <c r="J40807" s="16"/>
    </row>
    <row r="40808" spans="7:10">
      <c r="G40808" s="16"/>
      <c r="H40808" s="16"/>
      <c r="I40808" s="16"/>
      <c r="J40808" s="16"/>
    </row>
    <row r="40809" spans="7:10">
      <c r="G40809" s="16"/>
      <c r="H40809" s="16"/>
      <c r="I40809" s="16"/>
      <c r="J40809" s="16"/>
    </row>
    <row r="40810" spans="7:10">
      <c r="G40810" s="16"/>
      <c r="H40810" s="16"/>
      <c r="I40810" s="16"/>
      <c r="J40810" s="16"/>
    </row>
    <row r="40811" spans="7:10">
      <c r="G40811" s="16"/>
      <c r="H40811" s="16"/>
      <c r="I40811" s="16"/>
      <c r="J40811" s="16"/>
    </row>
    <row r="40812" spans="7:10">
      <c r="G40812" s="16"/>
      <c r="H40812" s="16"/>
      <c r="I40812" s="16"/>
      <c r="J40812" s="16"/>
    </row>
    <row r="40813" spans="7:10">
      <c r="G40813" s="16"/>
      <c r="H40813" s="16"/>
      <c r="I40813" s="16"/>
      <c r="J40813" s="16"/>
    </row>
    <row r="40814" spans="7:10">
      <c r="G40814" s="16"/>
      <c r="H40814" s="16"/>
      <c r="I40814" s="16"/>
      <c r="J40814" s="16"/>
    </row>
    <row r="40815" spans="7:10">
      <c r="G40815" s="16"/>
      <c r="H40815" s="16"/>
      <c r="I40815" s="16"/>
      <c r="J40815" s="16"/>
    </row>
    <row r="40816" spans="7:10">
      <c r="G40816" s="16"/>
      <c r="H40816" s="16"/>
      <c r="I40816" s="16"/>
      <c r="J40816" s="16"/>
    </row>
    <row r="40817" spans="7:10">
      <c r="G40817" s="16"/>
      <c r="H40817" s="16"/>
      <c r="I40817" s="16"/>
      <c r="J40817" s="16"/>
    </row>
    <row r="40818" spans="7:10">
      <c r="G40818" s="16"/>
      <c r="H40818" s="16"/>
      <c r="I40818" s="16"/>
      <c r="J40818" s="16"/>
    </row>
    <row r="40819" spans="7:10">
      <c r="G40819" s="16"/>
      <c r="H40819" s="16"/>
      <c r="I40819" s="16"/>
      <c r="J40819" s="16"/>
    </row>
    <row r="40820" spans="7:10">
      <c r="G40820" s="16"/>
      <c r="H40820" s="16"/>
      <c r="I40820" s="16"/>
      <c r="J40820" s="16"/>
    </row>
    <row r="40821" spans="7:10">
      <c r="G40821" s="16"/>
      <c r="H40821" s="16"/>
      <c r="I40821" s="16"/>
      <c r="J40821" s="16"/>
    </row>
    <row r="40822" spans="7:10">
      <c r="G40822" s="16"/>
      <c r="H40822" s="16"/>
      <c r="I40822" s="16"/>
      <c r="J40822" s="16"/>
    </row>
    <row r="40823" spans="7:10">
      <c r="G40823" s="16"/>
      <c r="H40823" s="16"/>
      <c r="I40823" s="16"/>
      <c r="J40823" s="16"/>
    </row>
    <row r="40824" spans="7:10">
      <c r="G40824" s="16"/>
      <c r="H40824" s="16"/>
      <c r="I40824" s="16"/>
      <c r="J40824" s="16"/>
    </row>
    <row r="40825" spans="7:10">
      <c r="G40825" s="16"/>
      <c r="H40825" s="16"/>
      <c r="I40825" s="16"/>
      <c r="J40825" s="16"/>
    </row>
    <row r="40826" spans="7:10">
      <c r="G40826" s="16"/>
      <c r="H40826" s="16"/>
      <c r="I40826" s="16"/>
      <c r="J40826" s="16"/>
    </row>
    <row r="40827" spans="7:10">
      <c r="G40827" s="16"/>
      <c r="H40827" s="16"/>
      <c r="I40827" s="16"/>
      <c r="J40827" s="16"/>
    </row>
    <row r="40828" spans="7:10">
      <c r="G40828" s="16"/>
      <c r="H40828" s="16"/>
      <c r="I40828" s="16"/>
      <c r="J40828" s="16"/>
    </row>
    <row r="40829" spans="7:10">
      <c r="G40829" s="16"/>
      <c r="H40829" s="16"/>
      <c r="I40829" s="16"/>
      <c r="J40829" s="16"/>
    </row>
    <row r="40830" spans="7:10">
      <c r="G40830" s="16"/>
      <c r="H40830" s="16"/>
      <c r="I40830" s="16"/>
      <c r="J40830" s="16"/>
    </row>
    <row r="40831" spans="7:10">
      <c r="G40831" s="16"/>
      <c r="H40831" s="16"/>
      <c r="I40831" s="16"/>
      <c r="J40831" s="16"/>
    </row>
    <row r="40832" spans="7:10">
      <c r="G40832" s="16"/>
      <c r="H40832" s="16"/>
      <c r="I40832" s="16"/>
      <c r="J40832" s="16"/>
    </row>
    <row r="40833" spans="7:10">
      <c r="G40833" s="16"/>
      <c r="H40833" s="16"/>
      <c r="I40833" s="16"/>
      <c r="J40833" s="16"/>
    </row>
    <row r="40834" spans="7:10">
      <c r="G40834" s="16"/>
      <c r="H40834" s="16"/>
      <c r="I40834" s="16"/>
      <c r="J40834" s="16"/>
    </row>
    <row r="40835" spans="7:10">
      <c r="G40835" s="16"/>
      <c r="H40835" s="16"/>
      <c r="I40835" s="16"/>
      <c r="J40835" s="16"/>
    </row>
    <row r="40836" spans="7:10">
      <c r="G40836" s="16"/>
      <c r="H40836" s="16"/>
      <c r="I40836" s="16"/>
      <c r="J40836" s="16"/>
    </row>
    <row r="40837" spans="7:10">
      <c r="G40837" s="16"/>
      <c r="H40837" s="16"/>
      <c r="I40837" s="16"/>
      <c r="J40837" s="16"/>
    </row>
    <row r="40838" spans="7:10">
      <c r="G40838" s="16"/>
      <c r="H40838" s="16"/>
      <c r="I40838" s="16"/>
      <c r="J40838" s="16"/>
    </row>
    <row r="40839" spans="7:10">
      <c r="G40839" s="16"/>
      <c r="H40839" s="16"/>
      <c r="I40839" s="16"/>
      <c r="J40839" s="16"/>
    </row>
    <row r="40840" spans="7:10">
      <c r="G40840" s="16"/>
      <c r="H40840" s="16"/>
      <c r="I40840" s="16"/>
      <c r="J40840" s="16"/>
    </row>
    <row r="40841" spans="7:10">
      <c r="G40841" s="16"/>
      <c r="H40841" s="16"/>
      <c r="I40841" s="16"/>
      <c r="J40841" s="16"/>
    </row>
    <row r="40842" spans="7:10">
      <c r="G40842" s="16"/>
      <c r="H40842" s="16"/>
      <c r="I40842" s="16"/>
      <c r="J40842" s="16"/>
    </row>
    <row r="40843" spans="7:10">
      <c r="G40843" s="16"/>
      <c r="H40843" s="16"/>
      <c r="I40843" s="16"/>
      <c r="J40843" s="16"/>
    </row>
    <row r="40844" spans="7:10">
      <c r="G40844" s="16"/>
      <c r="H40844" s="16"/>
      <c r="I40844" s="16"/>
      <c r="J40844" s="16"/>
    </row>
    <row r="40845" spans="7:10">
      <c r="G40845" s="16"/>
      <c r="H40845" s="16"/>
      <c r="I40845" s="16"/>
      <c r="J40845" s="16"/>
    </row>
    <row r="40846" spans="7:10">
      <c r="G40846" s="16"/>
      <c r="H40846" s="16"/>
      <c r="I40846" s="16"/>
      <c r="J40846" s="16"/>
    </row>
    <row r="40847" spans="7:10">
      <c r="G40847" s="16"/>
      <c r="H40847" s="16"/>
      <c r="I40847" s="16"/>
      <c r="J40847" s="16"/>
    </row>
    <row r="40848" spans="7:10">
      <c r="G40848" s="16"/>
      <c r="H40848" s="16"/>
      <c r="I40848" s="16"/>
      <c r="J40848" s="16"/>
    </row>
    <row r="40849" spans="7:10">
      <c r="G40849" s="16"/>
      <c r="H40849" s="16"/>
      <c r="I40849" s="16"/>
      <c r="J40849" s="16"/>
    </row>
    <row r="40850" spans="7:10">
      <c r="G40850" s="16"/>
      <c r="H40850" s="16"/>
      <c r="I40850" s="16"/>
      <c r="J40850" s="16"/>
    </row>
    <row r="40851" spans="7:10">
      <c r="G40851" s="16"/>
      <c r="H40851" s="16"/>
      <c r="I40851" s="16"/>
      <c r="J40851" s="16"/>
    </row>
    <row r="40852" spans="7:10">
      <c r="G40852" s="16"/>
      <c r="H40852" s="16"/>
      <c r="I40852" s="16"/>
      <c r="J40852" s="16"/>
    </row>
    <row r="40853" spans="7:10">
      <c r="G40853" s="16"/>
      <c r="H40853" s="16"/>
      <c r="I40853" s="16"/>
      <c r="J40853" s="16"/>
    </row>
    <row r="40854" spans="7:10">
      <c r="G40854" s="16"/>
      <c r="H40854" s="16"/>
      <c r="I40854" s="16"/>
      <c r="J40854" s="16"/>
    </row>
    <row r="40855" spans="7:10">
      <c r="G40855" s="16"/>
      <c r="H40855" s="16"/>
      <c r="I40855" s="16"/>
      <c r="J40855" s="16"/>
    </row>
    <row r="40856" spans="7:10">
      <c r="G40856" s="16"/>
      <c r="H40856" s="16"/>
      <c r="I40856" s="16"/>
      <c r="J40856" s="16"/>
    </row>
    <row r="40857" spans="7:10">
      <c r="G40857" s="16"/>
      <c r="H40857" s="16"/>
      <c r="I40857" s="16"/>
      <c r="J40857" s="16"/>
    </row>
    <row r="40858" spans="7:10">
      <c r="G40858" s="16"/>
      <c r="H40858" s="16"/>
      <c r="I40858" s="16"/>
      <c r="J40858" s="16"/>
    </row>
    <row r="40859" spans="7:10">
      <c r="G40859" s="16"/>
      <c r="H40859" s="16"/>
      <c r="I40859" s="16"/>
      <c r="J40859" s="16"/>
    </row>
    <row r="40860" spans="7:10">
      <c r="G40860" s="16"/>
      <c r="H40860" s="16"/>
      <c r="I40860" s="16"/>
      <c r="J40860" s="16"/>
    </row>
    <row r="40861" spans="7:10">
      <c r="G40861" s="16"/>
      <c r="H40861" s="16"/>
      <c r="I40861" s="16"/>
      <c r="J40861" s="16"/>
    </row>
    <row r="40862" spans="7:10">
      <c r="G40862" s="16"/>
      <c r="H40862" s="16"/>
      <c r="I40862" s="16"/>
      <c r="J40862" s="16"/>
    </row>
    <row r="40863" spans="7:10">
      <c r="G40863" s="16"/>
      <c r="H40863" s="16"/>
      <c r="I40863" s="16"/>
      <c r="J40863" s="16"/>
    </row>
    <row r="40864" spans="7:10">
      <c r="G40864" s="16"/>
      <c r="H40864" s="16"/>
      <c r="I40864" s="16"/>
      <c r="J40864" s="16"/>
    </row>
    <row r="40865" spans="7:10">
      <c r="G40865" s="16"/>
      <c r="H40865" s="16"/>
      <c r="I40865" s="16"/>
      <c r="J40865" s="16"/>
    </row>
    <row r="40866" spans="7:10">
      <c r="G40866" s="16"/>
      <c r="H40866" s="16"/>
      <c r="I40866" s="16"/>
      <c r="J40866" s="16"/>
    </row>
    <row r="40867" spans="7:10">
      <c r="G40867" s="16"/>
      <c r="H40867" s="16"/>
      <c r="I40867" s="16"/>
      <c r="J40867" s="16"/>
    </row>
    <row r="40868" spans="7:10">
      <c r="G40868" s="16"/>
      <c r="H40868" s="16"/>
      <c r="I40868" s="16"/>
      <c r="J40868" s="16"/>
    </row>
    <row r="40869" spans="7:10">
      <c r="G40869" s="16"/>
      <c r="H40869" s="16"/>
      <c r="I40869" s="16"/>
      <c r="J40869" s="16"/>
    </row>
    <row r="40870" spans="7:10">
      <c r="G40870" s="16"/>
      <c r="H40870" s="16"/>
      <c r="I40870" s="16"/>
      <c r="J40870" s="16"/>
    </row>
    <row r="40871" spans="7:10">
      <c r="G40871" s="16"/>
      <c r="H40871" s="16"/>
      <c r="I40871" s="16"/>
      <c r="J40871" s="16"/>
    </row>
    <row r="40872" spans="7:10">
      <c r="G40872" s="16"/>
      <c r="H40872" s="16"/>
      <c r="I40872" s="16"/>
      <c r="J40872" s="16"/>
    </row>
    <row r="40873" spans="7:10">
      <c r="G40873" s="16"/>
      <c r="H40873" s="16"/>
      <c r="I40873" s="16"/>
      <c r="J40873" s="16"/>
    </row>
    <row r="40874" spans="7:10">
      <c r="G40874" s="16"/>
      <c r="H40874" s="16"/>
      <c r="I40874" s="16"/>
      <c r="J40874" s="16"/>
    </row>
    <row r="40875" spans="7:10">
      <c r="G40875" s="16"/>
      <c r="H40875" s="16"/>
      <c r="I40875" s="16"/>
      <c r="J40875" s="16"/>
    </row>
    <row r="40876" spans="7:10">
      <c r="G40876" s="16"/>
      <c r="H40876" s="16"/>
      <c r="I40876" s="16"/>
      <c r="J40876" s="16"/>
    </row>
    <row r="40877" spans="7:10">
      <c r="G40877" s="16"/>
      <c r="H40877" s="16"/>
      <c r="I40877" s="16"/>
      <c r="J40877" s="16"/>
    </row>
    <row r="40878" spans="7:10">
      <c r="G40878" s="16"/>
      <c r="H40878" s="16"/>
      <c r="I40878" s="16"/>
      <c r="J40878" s="16"/>
    </row>
    <row r="40879" spans="7:10">
      <c r="G40879" s="16"/>
      <c r="H40879" s="16"/>
      <c r="I40879" s="16"/>
      <c r="J40879" s="16"/>
    </row>
    <row r="40880" spans="7:10">
      <c r="G40880" s="16"/>
      <c r="H40880" s="16"/>
      <c r="I40880" s="16"/>
      <c r="J40880" s="16"/>
    </row>
    <row r="40881" spans="7:10">
      <c r="G40881" s="16"/>
      <c r="H40881" s="16"/>
      <c r="I40881" s="16"/>
      <c r="J40881" s="16"/>
    </row>
    <row r="40882" spans="7:10">
      <c r="G40882" s="16"/>
      <c r="H40882" s="16"/>
      <c r="I40882" s="16"/>
      <c r="J40882" s="16"/>
    </row>
    <row r="40883" spans="7:10">
      <c r="G40883" s="16"/>
      <c r="H40883" s="16"/>
      <c r="I40883" s="16"/>
      <c r="J40883" s="16"/>
    </row>
    <row r="40884" spans="7:10">
      <c r="G40884" s="16"/>
      <c r="H40884" s="16"/>
      <c r="I40884" s="16"/>
      <c r="J40884" s="16"/>
    </row>
    <row r="40885" spans="7:10">
      <c r="G40885" s="16"/>
      <c r="H40885" s="16"/>
      <c r="I40885" s="16"/>
      <c r="J40885" s="16"/>
    </row>
    <row r="40886" spans="7:10">
      <c r="G40886" s="16"/>
      <c r="H40886" s="16"/>
      <c r="I40886" s="16"/>
      <c r="J40886" s="16"/>
    </row>
    <row r="40887" spans="7:10">
      <c r="G40887" s="16"/>
      <c r="H40887" s="16"/>
      <c r="I40887" s="16"/>
      <c r="J40887" s="16"/>
    </row>
    <row r="40888" spans="7:10">
      <c r="G40888" s="16"/>
      <c r="H40888" s="16"/>
      <c r="I40888" s="16"/>
      <c r="J40888" s="16"/>
    </row>
    <row r="40889" spans="7:10">
      <c r="G40889" s="16"/>
      <c r="H40889" s="16"/>
      <c r="I40889" s="16"/>
      <c r="J40889" s="16"/>
    </row>
    <row r="40890" spans="7:10">
      <c r="G40890" s="16"/>
      <c r="H40890" s="16"/>
      <c r="I40890" s="16"/>
      <c r="J40890" s="16"/>
    </row>
    <row r="40891" spans="7:10">
      <c r="G40891" s="16"/>
      <c r="H40891" s="16"/>
      <c r="I40891" s="16"/>
      <c r="J40891" s="16"/>
    </row>
    <row r="40892" spans="7:10">
      <c r="G40892" s="16"/>
      <c r="H40892" s="16"/>
      <c r="I40892" s="16"/>
      <c r="J40892" s="16"/>
    </row>
    <row r="40893" spans="7:10">
      <c r="G40893" s="16"/>
      <c r="H40893" s="16"/>
      <c r="I40893" s="16"/>
      <c r="J40893" s="16"/>
    </row>
    <row r="40894" spans="7:10">
      <c r="G40894" s="16"/>
      <c r="H40894" s="16"/>
      <c r="I40894" s="16"/>
      <c r="J40894" s="16"/>
    </row>
    <row r="40895" spans="7:10">
      <c r="G40895" s="16"/>
      <c r="H40895" s="16"/>
      <c r="I40895" s="16"/>
      <c r="J40895" s="16"/>
    </row>
    <row r="40896" spans="7:10">
      <c r="G40896" s="16"/>
      <c r="H40896" s="16"/>
      <c r="I40896" s="16"/>
      <c r="J40896" s="16"/>
    </row>
    <row r="40897" spans="7:10">
      <c r="G40897" s="16"/>
      <c r="H40897" s="16"/>
      <c r="I40897" s="16"/>
      <c r="J40897" s="16"/>
    </row>
    <row r="40898" spans="7:10">
      <c r="G40898" s="16"/>
      <c r="H40898" s="16"/>
      <c r="I40898" s="16"/>
      <c r="J40898" s="16"/>
    </row>
    <row r="40899" spans="7:10">
      <c r="G40899" s="16"/>
      <c r="H40899" s="16"/>
      <c r="I40899" s="16"/>
      <c r="J40899" s="16"/>
    </row>
    <row r="40900" spans="7:10">
      <c r="G40900" s="16"/>
      <c r="H40900" s="16"/>
      <c r="I40900" s="16"/>
      <c r="J40900" s="16"/>
    </row>
    <row r="40901" spans="7:10">
      <c r="G40901" s="16"/>
      <c r="H40901" s="16"/>
      <c r="I40901" s="16"/>
      <c r="J40901" s="16"/>
    </row>
    <row r="40902" spans="7:10">
      <c r="G40902" s="16"/>
      <c r="H40902" s="16"/>
      <c r="I40902" s="16"/>
      <c r="J40902" s="16"/>
    </row>
    <row r="40903" spans="7:10">
      <c r="G40903" s="16"/>
      <c r="H40903" s="16"/>
      <c r="I40903" s="16"/>
      <c r="J40903" s="16"/>
    </row>
    <row r="40904" spans="7:10">
      <c r="G40904" s="16"/>
      <c r="H40904" s="16"/>
      <c r="I40904" s="16"/>
      <c r="J40904" s="16"/>
    </row>
    <row r="40905" spans="7:10">
      <c r="G40905" s="16"/>
      <c r="H40905" s="16"/>
      <c r="I40905" s="16"/>
      <c r="J40905" s="16"/>
    </row>
    <row r="40906" spans="7:10">
      <c r="G40906" s="16"/>
      <c r="H40906" s="16"/>
      <c r="I40906" s="16"/>
      <c r="J40906" s="16"/>
    </row>
    <row r="40907" spans="7:10">
      <c r="G40907" s="16"/>
      <c r="H40907" s="16"/>
      <c r="I40907" s="16"/>
      <c r="J40907" s="16"/>
    </row>
    <row r="40908" spans="7:10">
      <c r="G40908" s="16"/>
      <c r="H40908" s="16"/>
      <c r="I40908" s="16"/>
      <c r="J40908" s="16"/>
    </row>
    <row r="40909" spans="7:10">
      <c r="G40909" s="16"/>
      <c r="H40909" s="16"/>
      <c r="I40909" s="16"/>
      <c r="J40909" s="16"/>
    </row>
    <row r="40910" spans="7:10">
      <c r="G40910" s="16"/>
      <c r="H40910" s="16"/>
      <c r="I40910" s="16"/>
      <c r="J40910" s="16"/>
    </row>
    <row r="40911" spans="7:10">
      <c r="G40911" s="16"/>
      <c r="H40911" s="16"/>
      <c r="I40911" s="16"/>
      <c r="J40911" s="16"/>
    </row>
    <row r="40912" spans="7:10">
      <c r="G40912" s="16"/>
      <c r="H40912" s="16"/>
      <c r="I40912" s="16"/>
      <c r="J40912" s="16"/>
    </row>
    <row r="40913" spans="7:10">
      <c r="G40913" s="16"/>
      <c r="H40913" s="16"/>
      <c r="I40913" s="16"/>
      <c r="J40913" s="16"/>
    </row>
    <row r="40914" spans="7:10">
      <c r="G40914" s="16"/>
      <c r="H40914" s="16"/>
      <c r="I40914" s="16"/>
      <c r="J40914" s="16"/>
    </row>
    <row r="40915" spans="7:10">
      <c r="G40915" s="16"/>
      <c r="H40915" s="16"/>
      <c r="I40915" s="16"/>
      <c r="J40915" s="16"/>
    </row>
    <row r="40916" spans="7:10">
      <c r="G40916" s="16"/>
      <c r="H40916" s="16"/>
      <c r="I40916" s="16"/>
      <c r="J40916" s="16"/>
    </row>
    <row r="40917" spans="7:10">
      <c r="G40917" s="16"/>
      <c r="H40917" s="16"/>
      <c r="I40917" s="16"/>
      <c r="J40917" s="16"/>
    </row>
    <row r="40918" spans="7:10">
      <c r="G40918" s="16"/>
      <c r="H40918" s="16"/>
      <c r="I40918" s="16"/>
      <c r="J40918" s="16"/>
    </row>
    <row r="40919" spans="7:10">
      <c r="G40919" s="16"/>
      <c r="H40919" s="16"/>
      <c r="I40919" s="16"/>
      <c r="J40919" s="16"/>
    </row>
    <row r="40920" spans="7:10">
      <c r="G40920" s="16"/>
      <c r="H40920" s="16"/>
      <c r="I40920" s="16"/>
      <c r="J40920" s="16"/>
    </row>
    <row r="40921" spans="7:10">
      <c r="G40921" s="16"/>
      <c r="H40921" s="16"/>
      <c r="I40921" s="16"/>
      <c r="J40921" s="16"/>
    </row>
    <row r="40922" spans="7:10">
      <c r="G40922" s="16"/>
      <c r="H40922" s="16"/>
      <c r="I40922" s="16"/>
      <c r="J40922" s="16"/>
    </row>
    <row r="40923" spans="7:10">
      <c r="G40923" s="16"/>
      <c r="H40923" s="16"/>
      <c r="I40923" s="16"/>
      <c r="J40923" s="16"/>
    </row>
    <row r="40924" spans="7:10">
      <c r="G40924" s="16"/>
      <c r="H40924" s="16"/>
      <c r="I40924" s="16"/>
      <c r="J40924" s="16"/>
    </row>
    <row r="40925" spans="7:10">
      <c r="G40925" s="16"/>
      <c r="H40925" s="16"/>
      <c r="I40925" s="16"/>
      <c r="J40925" s="16"/>
    </row>
    <row r="40926" spans="7:10">
      <c r="G40926" s="16"/>
      <c r="H40926" s="16"/>
      <c r="I40926" s="16"/>
      <c r="J40926" s="16"/>
    </row>
    <row r="40927" spans="7:10">
      <c r="G40927" s="16"/>
      <c r="H40927" s="16"/>
      <c r="I40927" s="16"/>
      <c r="J40927" s="16"/>
    </row>
    <row r="40928" spans="7:10">
      <c r="G40928" s="16"/>
      <c r="H40928" s="16"/>
      <c r="I40928" s="16"/>
      <c r="J40928" s="16"/>
    </row>
    <row r="40929" spans="7:10">
      <c r="G40929" s="16"/>
      <c r="H40929" s="16"/>
      <c r="I40929" s="16"/>
      <c r="J40929" s="16"/>
    </row>
    <row r="40930" spans="7:10">
      <c r="G40930" s="16"/>
      <c r="H40930" s="16"/>
      <c r="I40930" s="16"/>
      <c r="J40930" s="16"/>
    </row>
    <row r="40931" spans="7:10">
      <c r="G40931" s="16"/>
      <c r="H40931" s="16"/>
      <c r="I40931" s="16"/>
      <c r="J40931" s="16"/>
    </row>
    <row r="40932" spans="7:10">
      <c r="G40932" s="16"/>
      <c r="H40932" s="16"/>
      <c r="I40932" s="16"/>
      <c r="J40932" s="16"/>
    </row>
    <row r="40933" spans="7:10">
      <c r="G40933" s="16"/>
      <c r="H40933" s="16"/>
      <c r="I40933" s="16"/>
      <c r="J40933" s="16"/>
    </row>
    <row r="40934" spans="7:10">
      <c r="G40934" s="16"/>
      <c r="H40934" s="16"/>
      <c r="I40934" s="16"/>
      <c r="J40934" s="16"/>
    </row>
    <row r="40935" spans="7:10">
      <c r="G40935" s="16"/>
      <c r="H40935" s="16"/>
      <c r="I40935" s="16"/>
      <c r="J40935" s="16"/>
    </row>
    <row r="40936" spans="7:10">
      <c r="G40936" s="16"/>
      <c r="H40936" s="16"/>
      <c r="I40936" s="16"/>
      <c r="J40936" s="16"/>
    </row>
    <row r="40937" spans="7:10">
      <c r="G40937" s="16"/>
      <c r="H40937" s="16"/>
      <c r="I40937" s="16"/>
      <c r="J40937" s="16"/>
    </row>
    <row r="40938" spans="7:10">
      <c r="G40938" s="16"/>
      <c r="H40938" s="16"/>
      <c r="I40938" s="16"/>
      <c r="J40938" s="16"/>
    </row>
    <row r="40939" spans="7:10">
      <c r="G40939" s="16"/>
      <c r="H40939" s="16"/>
      <c r="I40939" s="16"/>
      <c r="J40939" s="16"/>
    </row>
    <row r="40940" spans="7:10">
      <c r="G40940" s="16"/>
      <c r="H40940" s="16"/>
      <c r="I40940" s="16"/>
      <c r="J40940" s="16"/>
    </row>
    <row r="40941" spans="7:10">
      <c r="G40941" s="16"/>
      <c r="H40941" s="16"/>
      <c r="I40941" s="16"/>
      <c r="J40941" s="16"/>
    </row>
    <row r="40942" spans="7:10">
      <c r="G40942" s="16"/>
      <c r="H40942" s="16"/>
      <c r="I40942" s="16"/>
      <c r="J40942" s="16"/>
    </row>
    <row r="40943" spans="7:10">
      <c r="G40943" s="16"/>
      <c r="H40943" s="16"/>
      <c r="I40943" s="16"/>
      <c r="J40943" s="16"/>
    </row>
    <row r="40944" spans="7:10">
      <c r="G40944" s="16"/>
      <c r="H40944" s="16"/>
      <c r="I40944" s="16"/>
      <c r="J40944" s="16"/>
    </row>
    <row r="40945" spans="7:10">
      <c r="G40945" s="16"/>
      <c r="H40945" s="16"/>
      <c r="I40945" s="16"/>
      <c r="J40945" s="16"/>
    </row>
    <row r="40946" spans="7:10">
      <c r="G40946" s="16"/>
      <c r="H40946" s="16"/>
      <c r="I40946" s="16"/>
      <c r="J40946" s="16"/>
    </row>
    <row r="40947" spans="7:10">
      <c r="G40947" s="16"/>
      <c r="H40947" s="16"/>
      <c r="I40947" s="16"/>
      <c r="J40947" s="16"/>
    </row>
    <row r="40948" spans="7:10">
      <c r="G40948" s="16"/>
      <c r="H40948" s="16"/>
      <c r="I40948" s="16"/>
      <c r="J40948" s="16"/>
    </row>
    <row r="40949" spans="7:10">
      <c r="G40949" s="16"/>
      <c r="H40949" s="16"/>
      <c r="I40949" s="16"/>
      <c r="J40949" s="16"/>
    </row>
    <row r="40950" spans="7:10">
      <c r="G40950" s="16"/>
      <c r="H40950" s="16"/>
      <c r="I40950" s="16"/>
      <c r="J40950" s="16"/>
    </row>
    <row r="40951" spans="7:10">
      <c r="G40951" s="16"/>
      <c r="H40951" s="16"/>
      <c r="I40951" s="16"/>
      <c r="J40951" s="16"/>
    </row>
    <row r="40952" spans="7:10">
      <c r="G40952" s="16"/>
      <c r="H40952" s="16"/>
      <c r="I40952" s="16"/>
      <c r="J40952" s="16"/>
    </row>
    <row r="40953" spans="7:10">
      <c r="G40953" s="16"/>
      <c r="H40953" s="16"/>
      <c r="I40953" s="16"/>
      <c r="J40953" s="16"/>
    </row>
    <row r="40954" spans="7:10">
      <c r="G40954" s="16"/>
      <c r="H40954" s="16"/>
      <c r="I40954" s="16"/>
      <c r="J40954" s="16"/>
    </row>
    <row r="40955" spans="7:10">
      <c r="G40955" s="16"/>
      <c r="H40955" s="16"/>
      <c r="I40955" s="16"/>
      <c r="J40955" s="16"/>
    </row>
    <row r="40956" spans="7:10">
      <c r="G40956" s="16"/>
      <c r="H40956" s="16"/>
      <c r="I40956" s="16"/>
      <c r="J40956" s="16"/>
    </row>
    <row r="40957" spans="7:10">
      <c r="G40957" s="16"/>
      <c r="H40957" s="16"/>
      <c r="I40957" s="16"/>
      <c r="J40957" s="16"/>
    </row>
    <row r="40958" spans="7:10">
      <c r="G40958" s="16"/>
      <c r="H40958" s="16"/>
      <c r="I40958" s="16"/>
      <c r="J40958" s="16"/>
    </row>
    <row r="40959" spans="7:10">
      <c r="G40959" s="16"/>
      <c r="H40959" s="16"/>
      <c r="I40959" s="16"/>
      <c r="J40959" s="16"/>
    </row>
    <row r="40960" spans="7:10">
      <c r="G40960" s="16"/>
      <c r="H40960" s="16"/>
      <c r="I40960" s="16"/>
      <c r="J40960" s="16"/>
    </row>
    <row r="40961" spans="7:10">
      <c r="G40961" s="16"/>
      <c r="H40961" s="16"/>
      <c r="I40961" s="16"/>
      <c r="J40961" s="16"/>
    </row>
    <row r="40962" spans="7:10">
      <c r="G40962" s="16"/>
      <c r="H40962" s="16"/>
      <c r="I40962" s="16"/>
      <c r="J40962" s="16"/>
    </row>
    <row r="40963" spans="7:10">
      <c r="G40963" s="16"/>
      <c r="H40963" s="16"/>
      <c r="I40963" s="16"/>
      <c r="J40963" s="16"/>
    </row>
    <row r="40964" spans="7:10">
      <c r="G40964" s="16"/>
      <c r="H40964" s="16"/>
      <c r="I40964" s="16"/>
      <c r="J40964" s="16"/>
    </row>
    <row r="40965" spans="7:10">
      <c r="G40965" s="16"/>
      <c r="H40965" s="16"/>
      <c r="I40965" s="16"/>
      <c r="J40965" s="16"/>
    </row>
    <row r="40966" spans="7:10">
      <c r="G40966" s="16"/>
      <c r="H40966" s="16"/>
      <c r="I40966" s="16"/>
      <c r="J40966" s="16"/>
    </row>
    <row r="40967" spans="7:10">
      <c r="G40967" s="16"/>
      <c r="H40967" s="16"/>
      <c r="I40967" s="16"/>
      <c r="J40967" s="16"/>
    </row>
    <row r="40968" spans="7:10">
      <c r="G40968" s="16"/>
      <c r="H40968" s="16"/>
      <c r="I40968" s="16"/>
      <c r="J40968" s="16"/>
    </row>
    <row r="40969" spans="7:10">
      <c r="G40969" s="16"/>
      <c r="H40969" s="16"/>
      <c r="I40969" s="16"/>
      <c r="J40969" s="16"/>
    </row>
    <row r="40970" spans="7:10">
      <c r="G40970" s="16"/>
      <c r="H40970" s="16"/>
      <c r="I40970" s="16"/>
      <c r="J40970" s="16"/>
    </row>
    <row r="40971" spans="7:10">
      <c r="G40971" s="16"/>
      <c r="H40971" s="16"/>
      <c r="I40971" s="16"/>
      <c r="J40971" s="16"/>
    </row>
    <row r="40972" spans="7:10">
      <c r="G40972" s="16"/>
      <c r="H40972" s="16"/>
      <c r="I40972" s="16"/>
      <c r="J40972" s="16"/>
    </row>
    <row r="40973" spans="7:10">
      <c r="G40973" s="16"/>
      <c r="H40973" s="16"/>
      <c r="I40973" s="16"/>
      <c r="J40973" s="16"/>
    </row>
    <row r="40974" spans="7:10">
      <c r="G40974" s="16"/>
      <c r="H40974" s="16"/>
      <c r="I40974" s="16"/>
      <c r="J40974" s="16"/>
    </row>
    <row r="40975" spans="7:10">
      <c r="G40975" s="16"/>
      <c r="H40975" s="16"/>
      <c r="I40975" s="16"/>
      <c r="J40975" s="16"/>
    </row>
    <row r="40976" spans="7:10">
      <c r="G40976" s="16"/>
      <c r="H40976" s="16"/>
      <c r="I40976" s="16"/>
      <c r="J40976" s="16"/>
    </row>
    <row r="40977" spans="7:10">
      <c r="G40977" s="16"/>
      <c r="H40977" s="16"/>
      <c r="I40977" s="16"/>
      <c r="J40977" s="16"/>
    </row>
    <row r="40978" spans="7:10">
      <c r="G40978" s="16"/>
      <c r="H40978" s="16"/>
      <c r="I40978" s="16"/>
      <c r="J40978" s="16"/>
    </row>
    <row r="40979" spans="7:10">
      <c r="G40979" s="16"/>
      <c r="H40979" s="16"/>
      <c r="I40979" s="16"/>
      <c r="J40979" s="16"/>
    </row>
    <row r="40980" spans="7:10">
      <c r="G40980" s="16"/>
      <c r="H40980" s="16"/>
      <c r="I40980" s="16"/>
      <c r="J40980" s="16"/>
    </row>
    <row r="40981" spans="7:10">
      <c r="G40981" s="16"/>
      <c r="H40981" s="16"/>
      <c r="I40981" s="16"/>
      <c r="J40981" s="16"/>
    </row>
    <row r="40982" spans="7:10">
      <c r="G40982" s="16"/>
      <c r="H40982" s="16"/>
      <c r="I40982" s="16"/>
      <c r="J40982" s="16"/>
    </row>
    <row r="40983" spans="7:10">
      <c r="G40983" s="16"/>
      <c r="H40983" s="16"/>
      <c r="I40983" s="16"/>
      <c r="J40983" s="16"/>
    </row>
    <row r="40984" spans="7:10">
      <c r="G40984" s="16"/>
      <c r="H40984" s="16"/>
      <c r="I40984" s="16"/>
      <c r="J40984" s="16"/>
    </row>
    <row r="40985" spans="7:10">
      <c r="G40985" s="16"/>
      <c r="H40985" s="16"/>
      <c r="I40985" s="16"/>
      <c r="J40985" s="16"/>
    </row>
    <row r="40986" spans="7:10">
      <c r="G40986" s="16"/>
      <c r="H40986" s="16"/>
      <c r="I40986" s="16"/>
      <c r="J40986" s="16"/>
    </row>
    <row r="40987" spans="7:10">
      <c r="G40987" s="16"/>
      <c r="H40987" s="16"/>
      <c r="I40987" s="16"/>
      <c r="J40987" s="16"/>
    </row>
    <row r="40988" spans="7:10">
      <c r="G40988" s="16"/>
      <c r="H40988" s="16"/>
      <c r="I40988" s="16"/>
      <c r="J40988" s="16"/>
    </row>
    <row r="40989" spans="7:10">
      <c r="G40989" s="16"/>
      <c r="H40989" s="16"/>
      <c r="I40989" s="16"/>
      <c r="J40989" s="16"/>
    </row>
    <row r="40990" spans="7:10">
      <c r="G40990" s="16"/>
      <c r="H40990" s="16"/>
      <c r="I40990" s="16"/>
      <c r="J40990" s="16"/>
    </row>
    <row r="40991" spans="7:10">
      <c r="G40991" s="16"/>
      <c r="H40991" s="16"/>
      <c r="I40991" s="16"/>
      <c r="J40991" s="16"/>
    </row>
    <row r="40992" spans="7:10">
      <c r="G40992" s="16"/>
      <c r="H40992" s="16"/>
      <c r="I40992" s="16"/>
      <c r="J40992" s="16"/>
    </row>
    <row r="40993" spans="7:10">
      <c r="G40993" s="16"/>
      <c r="H40993" s="16"/>
      <c r="I40993" s="16"/>
      <c r="J40993" s="16"/>
    </row>
    <row r="40994" spans="7:10">
      <c r="G40994" s="16"/>
      <c r="H40994" s="16"/>
      <c r="I40994" s="16"/>
      <c r="J40994" s="16"/>
    </row>
    <row r="40995" spans="7:10">
      <c r="G40995" s="16"/>
      <c r="H40995" s="16"/>
      <c r="I40995" s="16"/>
      <c r="J40995" s="16"/>
    </row>
    <row r="40996" spans="7:10">
      <c r="G40996" s="16"/>
      <c r="H40996" s="16"/>
      <c r="I40996" s="16"/>
      <c r="J40996" s="16"/>
    </row>
    <row r="40997" spans="7:10">
      <c r="G40997" s="16"/>
      <c r="H40997" s="16"/>
      <c r="I40997" s="16"/>
      <c r="J40997" s="16"/>
    </row>
    <row r="40998" spans="7:10">
      <c r="G40998" s="16"/>
      <c r="H40998" s="16"/>
      <c r="I40998" s="16"/>
      <c r="J40998" s="16"/>
    </row>
    <row r="40999" spans="7:10">
      <c r="G40999" s="16"/>
      <c r="H40999" s="16"/>
      <c r="I40999" s="16"/>
      <c r="J40999" s="16"/>
    </row>
    <row r="41000" spans="7:10">
      <c r="G41000" s="16"/>
      <c r="H41000" s="16"/>
      <c r="I41000" s="16"/>
      <c r="J41000" s="16"/>
    </row>
    <row r="41001" spans="7:10">
      <c r="G41001" s="16"/>
      <c r="H41001" s="16"/>
      <c r="I41001" s="16"/>
      <c r="J41001" s="16"/>
    </row>
    <row r="41002" spans="7:10">
      <c r="G41002" s="16"/>
      <c r="H41002" s="16"/>
      <c r="I41002" s="16"/>
      <c r="J41002" s="16"/>
    </row>
    <row r="41003" spans="7:10">
      <c r="G41003" s="16"/>
      <c r="H41003" s="16"/>
      <c r="I41003" s="16"/>
      <c r="J41003" s="16"/>
    </row>
    <row r="41004" spans="7:10">
      <c r="G41004" s="16"/>
      <c r="H41004" s="16"/>
      <c r="I41004" s="16"/>
      <c r="J41004" s="16"/>
    </row>
    <row r="41005" spans="7:10">
      <c r="G41005" s="16"/>
      <c r="H41005" s="16"/>
      <c r="I41005" s="16"/>
      <c r="J41005" s="16"/>
    </row>
    <row r="41006" spans="7:10">
      <c r="G41006" s="16"/>
      <c r="H41006" s="16"/>
      <c r="I41006" s="16"/>
      <c r="J41006" s="16"/>
    </row>
    <row r="41007" spans="7:10">
      <c r="G41007" s="16"/>
      <c r="H41007" s="16"/>
      <c r="I41007" s="16"/>
      <c r="J41007" s="16"/>
    </row>
    <row r="41008" spans="7:10">
      <c r="G41008" s="16"/>
      <c r="H41008" s="16"/>
      <c r="I41008" s="16"/>
      <c r="J41008" s="16"/>
    </row>
    <row r="41009" spans="7:10">
      <c r="G41009" s="16"/>
      <c r="H41009" s="16"/>
      <c r="I41009" s="16"/>
      <c r="J41009" s="16"/>
    </row>
    <row r="41010" spans="7:10">
      <c r="G41010" s="16"/>
      <c r="H41010" s="16"/>
      <c r="I41010" s="16"/>
      <c r="J41010" s="16"/>
    </row>
    <row r="41011" spans="7:10">
      <c r="G41011" s="16"/>
      <c r="H41011" s="16"/>
      <c r="I41011" s="16"/>
      <c r="J41011" s="16"/>
    </row>
    <row r="41012" spans="7:10">
      <c r="G41012" s="16"/>
      <c r="H41012" s="16"/>
      <c r="I41012" s="16"/>
      <c r="J41012" s="16"/>
    </row>
    <row r="41013" spans="7:10">
      <c r="G41013" s="16"/>
      <c r="H41013" s="16"/>
      <c r="I41013" s="16"/>
      <c r="J41013" s="16"/>
    </row>
    <row r="41014" spans="7:10">
      <c r="G41014" s="16"/>
      <c r="H41014" s="16"/>
      <c r="I41014" s="16"/>
      <c r="J41014" s="16"/>
    </row>
    <row r="41015" spans="7:10">
      <c r="G41015" s="16"/>
      <c r="H41015" s="16"/>
      <c r="I41015" s="16"/>
      <c r="J41015" s="16"/>
    </row>
    <row r="41016" spans="7:10">
      <c r="G41016" s="16"/>
      <c r="H41016" s="16"/>
      <c r="I41016" s="16"/>
      <c r="J41016" s="16"/>
    </row>
    <row r="41017" spans="7:10">
      <c r="G41017" s="16"/>
      <c r="H41017" s="16"/>
      <c r="I41017" s="16"/>
      <c r="J41017" s="16"/>
    </row>
    <row r="41018" spans="7:10">
      <c r="G41018" s="16"/>
      <c r="H41018" s="16"/>
      <c r="I41018" s="16"/>
      <c r="J41018" s="16"/>
    </row>
    <row r="41019" spans="7:10">
      <c r="G41019" s="16"/>
      <c r="H41019" s="16"/>
      <c r="I41019" s="16"/>
      <c r="J41019" s="16"/>
    </row>
    <row r="41020" spans="7:10">
      <c r="G41020" s="16"/>
      <c r="H41020" s="16"/>
      <c r="I41020" s="16"/>
      <c r="J41020" s="16"/>
    </row>
    <row r="41021" spans="7:10">
      <c r="G41021" s="16"/>
      <c r="H41021" s="16"/>
      <c r="I41021" s="16"/>
      <c r="J41021" s="16"/>
    </row>
    <row r="41022" spans="7:10">
      <c r="G41022" s="16"/>
      <c r="H41022" s="16"/>
      <c r="I41022" s="16"/>
      <c r="J41022" s="16"/>
    </row>
    <row r="41023" spans="7:10">
      <c r="G41023" s="16"/>
      <c r="H41023" s="16"/>
      <c r="I41023" s="16"/>
      <c r="J41023" s="16"/>
    </row>
    <row r="41024" spans="7:10">
      <c r="G41024" s="16"/>
      <c r="H41024" s="16"/>
      <c r="I41024" s="16"/>
      <c r="J41024" s="16"/>
    </row>
    <row r="41025" spans="7:10">
      <c r="G41025" s="16"/>
      <c r="H41025" s="16"/>
      <c r="I41025" s="16"/>
      <c r="J41025" s="16"/>
    </row>
    <row r="41026" spans="7:10">
      <c r="G41026" s="16"/>
      <c r="H41026" s="16"/>
      <c r="I41026" s="16"/>
      <c r="J41026" s="16"/>
    </row>
    <row r="41027" spans="7:10">
      <c r="G41027" s="16"/>
      <c r="H41027" s="16"/>
      <c r="I41027" s="16"/>
      <c r="J41027" s="16"/>
    </row>
    <row r="41028" spans="7:10">
      <c r="G41028" s="16"/>
      <c r="H41028" s="16"/>
      <c r="I41028" s="16"/>
      <c r="J41028" s="16"/>
    </row>
    <row r="41029" spans="7:10">
      <c r="G41029" s="16"/>
      <c r="H41029" s="16"/>
      <c r="I41029" s="16"/>
      <c r="J41029" s="16"/>
    </row>
    <row r="41030" spans="7:10">
      <c r="G41030" s="16"/>
      <c r="H41030" s="16"/>
      <c r="I41030" s="16"/>
      <c r="J41030" s="16"/>
    </row>
    <row r="41031" spans="7:10">
      <c r="G41031" s="16"/>
      <c r="H41031" s="16"/>
      <c r="I41031" s="16"/>
      <c r="J41031" s="16"/>
    </row>
    <row r="41032" spans="7:10">
      <c r="G41032" s="16"/>
      <c r="H41032" s="16"/>
      <c r="I41032" s="16"/>
      <c r="J41032" s="16"/>
    </row>
    <row r="41033" spans="7:10">
      <c r="G41033" s="16"/>
      <c r="H41033" s="16"/>
      <c r="I41033" s="16"/>
      <c r="J41033" s="16"/>
    </row>
    <row r="41034" spans="7:10">
      <c r="G41034" s="16"/>
      <c r="H41034" s="16"/>
      <c r="I41034" s="16"/>
      <c r="J41034" s="16"/>
    </row>
    <row r="41035" spans="7:10">
      <c r="G41035" s="16"/>
      <c r="H41035" s="16"/>
      <c r="I41035" s="16"/>
      <c r="J41035" s="16"/>
    </row>
    <row r="41036" spans="7:10">
      <c r="G41036" s="16"/>
      <c r="H41036" s="16"/>
      <c r="I41036" s="16"/>
      <c r="J41036" s="16"/>
    </row>
    <row r="41037" spans="7:10">
      <c r="G41037" s="16"/>
      <c r="H41037" s="16"/>
      <c r="I41037" s="16"/>
      <c r="J41037" s="16"/>
    </row>
    <row r="41038" spans="7:10">
      <c r="G41038" s="16"/>
      <c r="H41038" s="16"/>
      <c r="I41038" s="16"/>
      <c r="J41038" s="16"/>
    </row>
    <row r="41039" spans="7:10">
      <c r="G41039" s="16"/>
      <c r="H41039" s="16"/>
      <c r="I41039" s="16"/>
      <c r="J41039" s="16"/>
    </row>
    <row r="41040" spans="7:10">
      <c r="G41040" s="16"/>
      <c r="H41040" s="16"/>
      <c r="I41040" s="16"/>
      <c r="J41040" s="16"/>
    </row>
    <row r="41041" spans="7:10">
      <c r="G41041" s="16"/>
      <c r="H41041" s="16"/>
      <c r="I41041" s="16"/>
      <c r="J41041" s="16"/>
    </row>
    <row r="41042" spans="7:10">
      <c r="G41042" s="16"/>
      <c r="H41042" s="16"/>
      <c r="I41042" s="16"/>
      <c r="J41042" s="16"/>
    </row>
    <row r="41043" spans="7:10">
      <c r="G41043" s="16"/>
      <c r="H41043" s="16"/>
      <c r="I41043" s="16"/>
      <c r="J41043" s="16"/>
    </row>
    <row r="41044" spans="7:10">
      <c r="G41044" s="16"/>
      <c r="H41044" s="16"/>
      <c r="I41044" s="16"/>
      <c r="J41044" s="16"/>
    </row>
    <row r="41045" spans="7:10">
      <c r="G41045" s="16"/>
      <c r="H41045" s="16"/>
      <c r="I41045" s="16"/>
      <c r="J41045" s="16"/>
    </row>
    <row r="41046" spans="7:10">
      <c r="G41046" s="16"/>
      <c r="H41046" s="16"/>
      <c r="I41046" s="16"/>
      <c r="J41046" s="16"/>
    </row>
    <row r="41047" spans="7:10">
      <c r="G41047" s="16"/>
      <c r="H41047" s="16"/>
      <c r="I41047" s="16"/>
      <c r="J41047" s="16"/>
    </row>
    <row r="41048" spans="7:10">
      <c r="G41048" s="16"/>
      <c r="H41048" s="16"/>
      <c r="I41048" s="16"/>
      <c r="J41048" s="16"/>
    </row>
    <row r="41049" spans="7:10">
      <c r="G41049" s="16"/>
      <c r="H41049" s="16"/>
      <c r="I41049" s="16"/>
      <c r="J41049" s="16"/>
    </row>
    <row r="41050" spans="7:10">
      <c r="G41050" s="16"/>
      <c r="H41050" s="16"/>
      <c r="I41050" s="16"/>
      <c r="J41050" s="16"/>
    </row>
    <row r="41051" spans="7:10">
      <c r="G41051" s="16"/>
      <c r="H41051" s="16"/>
      <c r="I41051" s="16"/>
      <c r="J41051" s="16"/>
    </row>
    <row r="41052" spans="7:10">
      <c r="G41052" s="16"/>
      <c r="H41052" s="16"/>
      <c r="I41052" s="16"/>
      <c r="J41052" s="16"/>
    </row>
    <row r="41053" spans="7:10">
      <c r="G41053" s="16"/>
      <c r="H41053" s="16"/>
      <c r="I41053" s="16"/>
      <c r="J41053" s="16"/>
    </row>
    <row r="41054" spans="7:10">
      <c r="G41054" s="16"/>
      <c r="H41054" s="16"/>
      <c r="I41054" s="16"/>
      <c r="J41054" s="16"/>
    </row>
    <row r="41055" spans="7:10">
      <c r="G41055" s="16"/>
      <c r="H41055" s="16"/>
      <c r="I41055" s="16"/>
      <c r="J41055" s="16"/>
    </row>
    <row r="41056" spans="7:10">
      <c r="G41056" s="16"/>
      <c r="H41056" s="16"/>
      <c r="I41056" s="16"/>
      <c r="J41056" s="16"/>
    </row>
    <row r="41057" spans="7:10">
      <c r="G41057" s="16"/>
      <c r="H41057" s="16"/>
      <c r="I41057" s="16"/>
      <c r="J41057" s="16"/>
    </row>
    <row r="41058" spans="7:10">
      <c r="G41058" s="16"/>
      <c r="H41058" s="16"/>
      <c r="I41058" s="16"/>
      <c r="J41058" s="16"/>
    </row>
    <row r="41059" spans="7:10">
      <c r="G41059" s="16"/>
      <c r="H41059" s="16"/>
      <c r="I41059" s="16"/>
      <c r="J41059" s="16"/>
    </row>
    <row r="41060" spans="7:10">
      <c r="G41060" s="16"/>
      <c r="H41060" s="16"/>
      <c r="I41060" s="16"/>
      <c r="J41060" s="16"/>
    </row>
    <row r="41061" spans="7:10">
      <c r="G41061" s="16"/>
      <c r="H41061" s="16"/>
      <c r="I41061" s="16"/>
      <c r="J41061" s="16"/>
    </row>
    <row r="41062" spans="7:10">
      <c r="G41062" s="16"/>
      <c r="H41062" s="16"/>
      <c r="I41062" s="16"/>
      <c r="J41062" s="16"/>
    </row>
    <row r="41063" spans="7:10">
      <c r="G41063" s="16"/>
      <c r="H41063" s="16"/>
      <c r="I41063" s="16"/>
      <c r="J41063" s="16"/>
    </row>
    <row r="41064" spans="7:10">
      <c r="G41064" s="16"/>
      <c r="H41064" s="16"/>
      <c r="I41064" s="16"/>
      <c r="J41064" s="16"/>
    </row>
    <row r="41065" spans="7:10">
      <c r="G41065" s="16"/>
      <c r="H41065" s="16"/>
      <c r="I41065" s="16"/>
      <c r="J41065" s="16"/>
    </row>
    <row r="41066" spans="7:10">
      <c r="G41066" s="16"/>
      <c r="H41066" s="16"/>
      <c r="I41066" s="16"/>
      <c r="J41066" s="16"/>
    </row>
    <row r="41067" spans="7:10">
      <c r="G41067" s="16"/>
      <c r="H41067" s="16"/>
      <c r="I41067" s="16"/>
      <c r="J41067" s="16"/>
    </row>
    <row r="41068" spans="7:10">
      <c r="G41068" s="16"/>
      <c r="H41068" s="16"/>
      <c r="I41068" s="16"/>
      <c r="J41068" s="16"/>
    </row>
    <row r="41069" spans="7:10">
      <c r="G41069" s="16"/>
      <c r="H41069" s="16"/>
      <c r="I41069" s="16"/>
      <c r="J41069" s="16"/>
    </row>
    <row r="41070" spans="7:10">
      <c r="G41070" s="16"/>
      <c r="H41070" s="16"/>
      <c r="I41070" s="16"/>
      <c r="J41070" s="16"/>
    </row>
    <row r="41071" spans="7:10">
      <c r="G41071" s="16"/>
      <c r="H41071" s="16"/>
      <c r="I41071" s="16"/>
      <c r="J41071" s="16"/>
    </row>
    <row r="41072" spans="7:10">
      <c r="G41072" s="16"/>
      <c r="H41072" s="16"/>
      <c r="I41072" s="16"/>
      <c r="J41072" s="16"/>
    </row>
    <row r="41073" spans="7:10">
      <c r="G41073" s="16"/>
      <c r="H41073" s="16"/>
      <c r="I41073" s="16"/>
      <c r="J41073" s="16"/>
    </row>
    <row r="41074" spans="7:10">
      <c r="G41074" s="16"/>
      <c r="H41074" s="16"/>
      <c r="I41074" s="16"/>
      <c r="J41074" s="16"/>
    </row>
    <row r="41075" spans="7:10">
      <c r="G41075" s="16"/>
      <c r="H41075" s="16"/>
      <c r="I41075" s="16"/>
      <c r="J41075" s="16"/>
    </row>
    <row r="41076" spans="7:10">
      <c r="G41076" s="16"/>
      <c r="H41076" s="16"/>
      <c r="I41076" s="16"/>
      <c r="J41076" s="16"/>
    </row>
    <row r="41077" spans="7:10">
      <c r="G41077" s="16"/>
      <c r="H41077" s="16"/>
      <c r="I41077" s="16"/>
      <c r="J41077" s="16"/>
    </row>
    <row r="41078" spans="7:10">
      <c r="G41078" s="16"/>
      <c r="H41078" s="16"/>
      <c r="I41078" s="16"/>
      <c r="J41078" s="16"/>
    </row>
    <row r="41079" spans="7:10">
      <c r="G41079" s="16"/>
      <c r="H41079" s="16"/>
      <c r="I41079" s="16"/>
      <c r="J41079" s="16"/>
    </row>
    <row r="41080" spans="7:10">
      <c r="G41080" s="16"/>
      <c r="H41080" s="16"/>
      <c r="I41080" s="16"/>
      <c r="J41080" s="16"/>
    </row>
    <row r="41081" spans="7:10">
      <c r="G41081" s="16"/>
      <c r="H41081" s="16"/>
      <c r="I41081" s="16"/>
      <c r="J41081" s="16"/>
    </row>
    <row r="41082" spans="7:10">
      <c r="G41082" s="16"/>
      <c r="H41082" s="16"/>
      <c r="I41082" s="16"/>
      <c r="J41082" s="16"/>
    </row>
    <row r="41083" spans="7:10">
      <c r="G41083" s="16"/>
      <c r="H41083" s="16"/>
      <c r="I41083" s="16"/>
      <c r="J41083" s="16"/>
    </row>
    <row r="41084" spans="7:10">
      <c r="G41084" s="16"/>
      <c r="H41084" s="16"/>
      <c r="I41084" s="16"/>
      <c r="J41084" s="16"/>
    </row>
    <row r="41085" spans="7:10">
      <c r="G41085" s="16"/>
      <c r="H41085" s="16"/>
      <c r="I41085" s="16"/>
      <c r="J41085" s="16"/>
    </row>
    <row r="41086" spans="7:10">
      <c r="G41086" s="16"/>
      <c r="H41086" s="16"/>
      <c r="I41086" s="16"/>
      <c r="J41086" s="16"/>
    </row>
    <row r="41087" spans="7:10">
      <c r="G41087" s="16"/>
      <c r="H41087" s="16"/>
      <c r="I41087" s="16"/>
      <c r="J41087" s="16"/>
    </row>
    <row r="41088" spans="7:10">
      <c r="G41088" s="16"/>
      <c r="H41088" s="16"/>
      <c r="I41088" s="16"/>
      <c r="J41088" s="16"/>
    </row>
    <row r="41089" spans="7:10">
      <c r="G41089" s="16"/>
      <c r="H41089" s="16"/>
      <c r="I41089" s="16"/>
      <c r="J41089" s="16"/>
    </row>
    <row r="41090" spans="7:10">
      <c r="G41090" s="16"/>
      <c r="H41090" s="16"/>
      <c r="I41090" s="16"/>
      <c r="J41090" s="16"/>
    </row>
    <row r="41091" spans="7:10">
      <c r="G41091" s="16"/>
      <c r="H41091" s="16"/>
      <c r="I41091" s="16"/>
      <c r="J41091" s="16"/>
    </row>
    <row r="41092" spans="7:10">
      <c r="G41092" s="16"/>
      <c r="H41092" s="16"/>
      <c r="I41092" s="16"/>
      <c r="J41092" s="16"/>
    </row>
    <row r="41093" spans="7:10">
      <c r="G41093" s="16"/>
      <c r="H41093" s="16"/>
      <c r="I41093" s="16"/>
      <c r="J41093" s="16"/>
    </row>
    <row r="41094" spans="7:10">
      <c r="G41094" s="16"/>
      <c r="H41094" s="16"/>
      <c r="I41094" s="16"/>
      <c r="J41094" s="16"/>
    </row>
    <row r="41095" spans="7:10">
      <c r="G41095" s="16"/>
      <c r="H41095" s="16"/>
      <c r="I41095" s="16"/>
      <c r="J41095" s="16"/>
    </row>
    <row r="41096" spans="7:10">
      <c r="G41096" s="16"/>
      <c r="H41096" s="16"/>
      <c r="I41096" s="16"/>
      <c r="J41096" s="16"/>
    </row>
    <row r="41097" spans="7:10">
      <c r="G41097" s="16"/>
      <c r="H41097" s="16"/>
      <c r="I41097" s="16"/>
      <c r="J41097" s="16"/>
    </row>
    <row r="41098" spans="7:10">
      <c r="G41098" s="16"/>
      <c r="H41098" s="16"/>
      <c r="I41098" s="16"/>
      <c r="J41098" s="16"/>
    </row>
    <row r="41099" spans="7:10">
      <c r="G41099" s="16"/>
      <c r="H41099" s="16"/>
      <c r="I41099" s="16"/>
      <c r="J41099" s="16"/>
    </row>
    <row r="41100" spans="7:10">
      <c r="G41100" s="16"/>
      <c r="H41100" s="16"/>
      <c r="I41100" s="16"/>
      <c r="J41100" s="16"/>
    </row>
    <row r="41101" spans="7:10">
      <c r="G41101" s="16"/>
      <c r="H41101" s="16"/>
      <c r="I41101" s="16"/>
      <c r="J41101" s="16"/>
    </row>
    <row r="41102" spans="7:10">
      <c r="G41102" s="16"/>
      <c r="H41102" s="16"/>
      <c r="I41102" s="16"/>
      <c r="J41102" s="16"/>
    </row>
    <row r="41103" spans="7:10">
      <c r="G41103" s="16"/>
      <c r="H41103" s="16"/>
      <c r="I41103" s="16"/>
      <c r="J41103" s="16"/>
    </row>
    <row r="41104" spans="7:10">
      <c r="G41104" s="16"/>
      <c r="H41104" s="16"/>
      <c r="I41104" s="16"/>
      <c r="J41104" s="16"/>
    </row>
    <row r="41105" spans="7:10">
      <c r="G41105" s="16"/>
      <c r="H41105" s="16"/>
      <c r="I41105" s="16"/>
      <c r="J41105" s="16"/>
    </row>
    <row r="41106" spans="7:10">
      <c r="G41106" s="16"/>
      <c r="H41106" s="16"/>
      <c r="I41106" s="16"/>
      <c r="J41106" s="16"/>
    </row>
    <row r="41107" spans="7:10">
      <c r="G41107" s="16"/>
      <c r="H41107" s="16"/>
      <c r="I41107" s="16"/>
      <c r="J41107" s="16"/>
    </row>
    <row r="41108" spans="7:10">
      <c r="G41108" s="16"/>
      <c r="H41108" s="16"/>
      <c r="I41108" s="16"/>
      <c r="J41108" s="16"/>
    </row>
    <row r="41109" spans="7:10">
      <c r="G41109" s="16"/>
      <c r="H41109" s="16"/>
      <c r="I41109" s="16"/>
      <c r="J41109" s="16"/>
    </row>
    <row r="41110" spans="7:10">
      <c r="G41110" s="16"/>
      <c r="H41110" s="16"/>
      <c r="I41110" s="16"/>
      <c r="J41110" s="16"/>
    </row>
    <row r="41111" spans="7:10">
      <c r="G41111" s="16"/>
      <c r="H41111" s="16"/>
      <c r="I41111" s="16"/>
      <c r="J41111" s="16"/>
    </row>
    <row r="41112" spans="7:10">
      <c r="G41112" s="16"/>
      <c r="H41112" s="16"/>
      <c r="I41112" s="16"/>
      <c r="J41112" s="16"/>
    </row>
    <row r="41113" spans="7:10">
      <c r="G41113" s="16"/>
      <c r="H41113" s="16"/>
      <c r="I41113" s="16"/>
      <c r="J41113" s="16"/>
    </row>
    <row r="41114" spans="7:10">
      <c r="G41114" s="16"/>
      <c r="H41114" s="16"/>
      <c r="I41114" s="16"/>
      <c r="J41114" s="16"/>
    </row>
    <row r="41115" spans="7:10">
      <c r="G41115" s="16"/>
      <c r="H41115" s="16"/>
      <c r="I41115" s="16"/>
      <c r="J41115" s="16"/>
    </row>
    <row r="41116" spans="7:10">
      <c r="G41116" s="16"/>
      <c r="H41116" s="16"/>
      <c r="I41116" s="16"/>
      <c r="J41116" s="16"/>
    </row>
    <row r="41117" spans="7:10">
      <c r="G41117" s="16"/>
      <c r="H41117" s="16"/>
      <c r="I41117" s="16"/>
      <c r="J41117" s="16"/>
    </row>
    <row r="41118" spans="7:10">
      <c r="G41118" s="16"/>
      <c r="H41118" s="16"/>
      <c r="I41118" s="16"/>
      <c r="J41118" s="16"/>
    </row>
    <row r="41119" spans="7:10">
      <c r="G41119" s="16"/>
      <c r="H41119" s="16"/>
      <c r="I41119" s="16"/>
      <c r="J41119" s="16"/>
    </row>
    <row r="41120" spans="7:10">
      <c r="G41120" s="16"/>
      <c r="H41120" s="16"/>
      <c r="I41120" s="16"/>
      <c r="J41120" s="16"/>
    </row>
    <row r="41121" spans="7:10">
      <c r="G41121" s="16"/>
      <c r="H41121" s="16"/>
      <c r="I41121" s="16"/>
      <c r="J41121" s="16"/>
    </row>
    <row r="41122" spans="7:10">
      <c r="G41122" s="16"/>
      <c r="H41122" s="16"/>
      <c r="I41122" s="16"/>
      <c r="J41122" s="16"/>
    </row>
    <row r="41123" spans="7:10">
      <c r="G41123" s="16"/>
      <c r="H41123" s="16"/>
      <c r="I41123" s="16"/>
      <c r="J41123" s="16"/>
    </row>
    <row r="41124" spans="7:10">
      <c r="G41124" s="16"/>
      <c r="H41124" s="16"/>
      <c r="I41124" s="16"/>
      <c r="J41124" s="16"/>
    </row>
    <row r="41125" spans="7:10">
      <c r="G41125" s="16"/>
      <c r="H41125" s="16"/>
      <c r="I41125" s="16"/>
      <c r="J41125" s="16"/>
    </row>
    <row r="41126" spans="7:10">
      <c r="G41126" s="16"/>
      <c r="H41126" s="16"/>
      <c r="I41126" s="16"/>
      <c r="J41126" s="16"/>
    </row>
    <row r="41127" spans="7:10">
      <c r="G41127" s="16"/>
      <c r="H41127" s="16"/>
      <c r="I41127" s="16"/>
      <c r="J41127" s="16"/>
    </row>
    <row r="41128" spans="7:10">
      <c r="G41128" s="16"/>
      <c r="H41128" s="16"/>
      <c r="I41128" s="16"/>
      <c r="J41128" s="16"/>
    </row>
    <row r="41129" spans="7:10">
      <c r="G41129" s="16"/>
      <c r="H41129" s="16"/>
      <c r="I41129" s="16"/>
      <c r="J41129" s="16"/>
    </row>
    <row r="41130" spans="7:10">
      <c r="G41130" s="16"/>
      <c r="H41130" s="16"/>
      <c r="I41130" s="16"/>
      <c r="J41130" s="16"/>
    </row>
    <row r="41131" spans="7:10">
      <c r="G41131" s="16"/>
      <c r="H41131" s="16"/>
      <c r="I41131" s="16"/>
      <c r="J41131" s="16"/>
    </row>
    <row r="41132" spans="7:10">
      <c r="G41132" s="16"/>
      <c r="H41132" s="16"/>
      <c r="I41132" s="16"/>
      <c r="J41132" s="16"/>
    </row>
    <row r="41133" spans="7:10">
      <c r="G41133" s="16"/>
      <c r="H41133" s="16"/>
      <c r="I41133" s="16"/>
      <c r="J41133" s="16"/>
    </row>
    <row r="41134" spans="7:10">
      <c r="G41134" s="16"/>
      <c r="H41134" s="16"/>
      <c r="I41134" s="16"/>
      <c r="J41134" s="16"/>
    </row>
    <row r="41135" spans="7:10">
      <c r="G41135" s="16"/>
      <c r="H41135" s="16"/>
      <c r="I41135" s="16"/>
      <c r="J41135" s="16"/>
    </row>
    <row r="41136" spans="7:10">
      <c r="G41136" s="16"/>
      <c r="H41136" s="16"/>
      <c r="I41136" s="16"/>
      <c r="J41136" s="16"/>
    </row>
    <row r="41137" spans="7:10">
      <c r="G41137" s="16"/>
      <c r="H41137" s="16"/>
      <c r="I41137" s="16"/>
      <c r="J41137" s="16"/>
    </row>
    <row r="41138" spans="7:10">
      <c r="G41138" s="16"/>
      <c r="H41138" s="16"/>
      <c r="I41138" s="16"/>
      <c r="J41138" s="16"/>
    </row>
    <row r="41139" spans="7:10">
      <c r="G41139" s="16"/>
      <c r="H41139" s="16"/>
      <c r="I41139" s="16"/>
      <c r="J41139" s="16"/>
    </row>
    <row r="41140" spans="7:10">
      <c r="G41140" s="16"/>
      <c r="H41140" s="16"/>
      <c r="I41140" s="16"/>
      <c r="J41140" s="16"/>
    </row>
    <row r="41141" spans="7:10">
      <c r="G41141" s="16"/>
      <c r="H41141" s="16"/>
      <c r="I41141" s="16"/>
      <c r="J41141" s="16"/>
    </row>
    <row r="41142" spans="7:10">
      <c r="G41142" s="16"/>
      <c r="H41142" s="16"/>
      <c r="I41142" s="16"/>
      <c r="J41142" s="16"/>
    </row>
    <row r="41143" spans="7:10">
      <c r="G41143" s="16"/>
      <c r="H41143" s="16"/>
      <c r="I41143" s="16"/>
      <c r="J41143" s="16"/>
    </row>
    <row r="41144" spans="7:10">
      <c r="G41144" s="16"/>
      <c r="H41144" s="16"/>
      <c r="I41144" s="16"/>
      <c r="J41144" s="16"/>
    </row>
    <row r="41145" spans="7:10">
      <c r="G41145" s="16"/>
      <c r="H41145" s="16"/>
      <c r="I41145" s="16"/>
      <c r="J41145" s="16"/>
    </row>
    <row r="41146" spans="7:10">
      <c r="G41146" s="16"/>
      <c r="H41146" s="16"/>
      <c r="I41146" s="16"/>
      <c r="J41146" s="16"/>
    </row>
    <row r="41147" spans="7:10">
      <c r="G41147" s="16"/>
      <c r="H41147" s="16"/>
      <c r="I41147" s="16"/>
      <c r="J41147" s="16"/>
    </row>
    <row r="41148" spans="7:10">
      <c r="G41148" s="16"/>
      <c r="H41148" s="16"/>
      <c r="I41148" s="16"/>
      <c r="J41148" s="16"/>
    </row>
    <row r="41149" spans="7:10">
      <c r="G41149" s="16"/>
      <c r="H41149" s="16"/>
      <c r="I41149" s="16"/>
      <c r="J41149" s="16"/>
    </row>
    <row r="41150" spans="7:10">
      <c r="G41150" s="16"/>
      <c r="H41150" s="16"/>
      <c r="I41150" s="16"/>
      <c r="J41150" s="16"/>
    </row>
    <row r="41151" spans="7:10">
      <c r="G41151" s="16"/>
      <c r="H41151" s="16"/>
      <c r="I41151" s="16"/>
      <c r="J41151" s="16"/>
    </row>
    <row r="41152" spans="7:10">
      <c r="G41152" s="16"/>
      <c r="H41152" s="16"/>
      <c r="I41152" s="16"/>
      <c r="J41152" s="16"/>
    </row>
    <row r="41153" spans="7:10">
      <c r="G41153" s="16"/>
      <c r="H41153" s="16"/>
      <c r="I41153" s="16"/>
      <c r="J41153" s="16"/>
    </row>
    <row r="41154" spans="7:10">
      <c r="G41154" s="16"/>
      <c r="H41154" s="16"/>
      <c r="I41154" s="16"/>
      <c r="J41154" s="16"/>
    </row>
    <row r="41155" spans="7:10">
      <c r="G41155" s="16"/>
      <c r="H41155" s="16"/>
      <c r="I41155" s="16"/>
      <c r="J41155" s="16"/>
    </row>
    <row r="41156" spans="7:10">
      <c r="G41156" s="16"/>
      <c r="H41156" s="16"/>
      <c r="I41156" s="16"/>
      <c r="J41156" s="16"/>
    </row>
    <row r="41157" spans="7:10">
      <c r="G41157" s="16"/>
      <c r="H41157" s="16"/>
      <c r="I41157" s="16"/>
      <c r="J41157" s="16"/>
    </row>
    <row r="41158" spans="7:10">
      <c r="G41158" s="16"/>
      <c r="H41158" s="16"/>
      <c r="I41158" s="16"/>
      <c r="J41158" s="16"/>
    </row>
    <row r="41159" spans="7:10">
      <c r="G41159" s="16"/>
      <c r="H41159" s="16"/>
      <c r="I41159" s="16"/>
      <c r="J41159" s="16"/>
    </row>
    <row r="41160" spans="7:10">
      <c r="G41160" s="16"/>
      <c r="H41160" s="16"/>
      <c r="I41160" s="16"/>
      <c r="J41160" s="16"/>
    </row>
    <row r="41161" spans="7:10">
      <c r="G41161" s="16"/>
      <c r="H41161" s="16"/>
      <c r="I41161" s="16"/>
      <c r="J41161" s="16"/>
    </row>
    <row r="41162" spans="7:10">
      <c r="G41162" s="16"/>
      <c r="H41162" s="16"/>
      <c r="I41162" s="16"/>
      <c r="J41162" s="16"/>
    </row>
    <row r="41163" spans="7:10">
      <c r="G41163" s="16"/>
      <c r="H41163" s="16"/>
      <c r="I41163" s="16"/>
      <c r="J41163" s="16"/>
    </row>
    <row r="41164" spans="7:10">
      <c r="G41164" s="16"/>
      <c r="H41164" s="16"/>
      <c r="I41164" s="16"/>
      <c r="J41164" s="16"/>
    </row>
    <row r="41165" spans="7:10">
      <c r="G41165" s="16"/>
      <c r="H41165" s="16"/>
      <c r="I41165" s="16"/>
      <c r="J41165" s="16"/>
    </row>
    <row r="41166" spans="7:10">
      <c r="G41166" s="16"/>
      <c r="H41166" s="16"/>
      <c r="I41166" s="16"/>
      <c r="J41166" s="16"/>
    </row>
    <row r="41167" spans="7:10">
      <c r="G41167" s="16"/>
      <c r="H41167" s="16"/>
      <c r="I41167" s="16"/>
      <c r="J41167" s="16"/>
    </row>
    <row r="41168" spans="7:10">
      <c r="G41168" s="16"/>
      <c r="H41168" s="16"/>
      <c r="I41168" s="16"/>
      <c r="J41168" s="16"/>
    </row>
    <row r="41169" spans="7:10">
      <c r="G41169" s="16"/>
      <c r="H41169" s="16"/>
      <c r="I41169" s="16"/>
      <c r="J41169" s="16"/>
    </row>
    <row r="41170" spans="7:10">
      <c r="G41170" s="16"/>
      <c r="H41170" s="16"/>
      <c r="I41170" s="16"/>
      <c r="J41170" s="16"/>
    </row>
    <row r="41171" spans="7:10">
      <c r="G41171" s="16"/>
      <c r="H41171" s="16"/>
      <c r="I41171" s="16"/>
      <c r="J41171" s="16"/>
    </row>
    <row r="41172" spans="7:10">
      <c r="G41172" s="16"/>
      <c r="H41172" s="16"/>
      <c r="I41172" s="16"/>
      <c r="J41172" s="16"/>
    </row>
    <row r="41173" spans="7:10">
      <c r="G41173" s="16"/>
      <c r="H41173" s="16"/>
      <c r="I41173" s="16"/>
      <c r="J41173" s="16"/>
    </row>
    <row r="41174" spans="7:10">
      <c r="G41174" s="16"/>
      <c r="H41174" s="16"/>
      <c r="I41174" s="16"/>
      <c r="J41174" s="16"/>
    </row>
    <row r="41175" spans="7:10">
      <c r="G41175" s="16"/>
      <c r="H41175" s="16"/>
      <c r="I41175" s="16"/>
      <c r="J41175" s="16"/>
    </row>
    <row r="41176" spans="7:10">
      <c r="G41176" s="16"/>
      <c r="H41176" s="16"/>
      <c r="I41176" s="16"/>
      <c r="J41176" s="16"/>
    </row>
    <row r="41177" spans="7:10">
      <c r="G41177" s="16"/>
      <c r="H41177" s="16"/>
      <c r="I41177" s="16"/>
      <c r="J41177" s="16"/>
    </row>
    <row r="41178" spans="7:10">
      <c r="G41178" s="16"/>
      <c r="H41178" s="16"/>
      <c r="I41178" s="16"/>
      <c r="J41178" s="16"/>
    </row>
    <row r="41179" spans="7:10">
      <c r="G41179" s="16"/>
      <c r="H41179" s="16"/>
      <c r="I41179" s="16"/>
      <c r="J41179" s="16"/>
    </row>
    <row r="41180" spans="7:10">
      <c r="G41180" s="16"/>
      <c r="H41180" s="16"/>
      <c r="I41180" s="16"/>
      <c r="J41180" s="16"/>
    </row>
    <row r="41181" spans="7:10">
      <c r="G41181" s="16"/>
      <c r="H41181" s="16"/>
      <c r="I41181" s="16"/>
      <c r="J41181" s="16"/>
    </row>
    <row r="41182" spans="7:10">
      <c r="G41182" s="16"/>
      <c r="H41182" s="16"/>
      <c r="I41182" s="16"/>
      <c r="J41182" s="16"/>
    </row>
    <row r="41183" spans="7:10">
      <c r="G41183" s="16"/>
      <c r="H41183" s="16"/>
      <c r="I41183" s="16"/>
      <c r="J41183" s="16"/>
    </row>
    <row r="41184" spans="7:10">
      <c r="G41184" s="16"/>
      <c r="H41184" s="16"/>
      <c r="I41184" s="16"/>
      <c r="J41184" s="16"/>
    </row>
    <row r="41185" spans="7:10">
      <c r="G41185" s="16"/>
      <c r="H41185" s="16"/>
      <c r="I41185" s="16"/>
      <c r="J41185" s="16"/>
    </row>
    <row r="41186" spans="7:10">
      <c r="G41186" s="16"/>
      <c r="H41186" s="16"/>
      <c r="I41186" s="16"/>
      <c r="J41186" s="16"/>
    </row>
    <row r="41187" spans="7:10">
      <c r="G41187" s="16"/>
      <c r="H41187" s="16"/>
      <c r="I41187" s="16"/>
      <c r="J41187" s="16"/>
    </row>
    <row r="41188" spans="7:10">
      <c r="G41188" s="16"/>
      <c r="H41188" s="16"/>
      <c r="I41188" s="16"/>
      <c r="J41188" s="16"/>
    </row>
    <row r="41189" spans="7:10">
      <c r="G41189" s="16"/>
      <c r="H41189" s="16"/>
      <c r="I41189" s="16"/>
      <c r="J41189" s="16"/>
    </row>
    <row r="41190" spans="7:10">
      <c r="G41190" s="16"/>
      <c r="H41190" s="16"/>
      <c r="I41190" s="16"/>
      <c r="J41190" s="16"/>
    </row>
    <row r="41191" spans="7:10">
      <c r="G41191" s="16"/>
      <c r="H41191" s="16"/>
      <c r="I41191" s="16"/>
      <c r="J41191" s="16"/>
    </row>
    <row r="41192" spans="7:10">
      <c r="G41192" s="16"/>
      <c r="H41192" s="16"/>
      <c r="I41192" s="16"/>
      <c r="J41192" s="16"/>
    </row>
    <row r="41193" spans="7:10">
      <c r="G41193" s="16"/>
      <c r="H41193" s="16"/>
      <c r="I41193" s="16"/>
      <c r="J41193" s="16"/>
    </row>
    <row r="41194" spans="7:10">
      <c r="G41194" s="16"/>
      <c r="H41194" s="16"/>
      <c r="I41194" s="16"/>
      <c r="J41194" s="16"/>
    </row>
    <row r="41195" spans="7:10">
      <c r="G41195" s="16"/>
      <c r="H41195" s="16"/>
      <c r="I41195" s="16"/>
      <c r="J41195" s="16"/>
    </row>
    <row r="41196" spans="7:10">
      <c r="G41196" s="16"/>
      <c r="H41196" s="16"/>
      <c r="I41196" s="16"/>
      <c r="J41196" s="16"/>
    </row>
    <row r="41197" spans="7:10">
      <c r="G41197" s="16"/>
      <c r="H41197" s="16"/>
      <c r="I41197" s="16"/>
      <c r="J41197" s="16"/>
    </row>
    <row r="41198" spans="7:10">
      <c r="G41198" s="16"/>
      <c r="H41198" s="16"/>
      <c r="I41198" s="16"/>
      <c r="J41198" s="16"/>
    </row>
    <row r="41199" spans="7:10">
      <c r="G41199" s="16"/>
      <c r="H41199" s="16"/>
      <c r="I41199" s="16"/>
      <c r="J41199" s="16"/>
    </row>
    <row r="41200" spans="7:10">
      <c r="G41200" s="16"/>
      <c r="H41200" s="16"/>
      <c r="I41200" s="16"/>
      <c r="J41200" s="16"/>
    </row>
    <row r="41201" spans="7:10">
      <c r="G41201" s="16"/>
      <c r="H41201" s="16"/>
      <c r="I41201" s="16"/>
      <c r="J41201" s="16"/>
    </row>
    <row r="41202" spans="7:10">
      <c r="G41202" s="16"/>
      <c r="H41202" s="16"/>
      <c r="I41202" s="16"/>
      <c r="J41202" s="16"/>
    </row>
    <row r="41203" spans="7:10">
      <c r="G41203" s="16"/>
      <c r="H41203" s="16"/>
      <c r="I41203" s="16"/>
      <c r="J41203" s="16"/>
    </row>
    <row r="41204" spans="7:10">
      <c r="G41204" s="16"/>
      <c r="H41204" s="16"/>
      <c r="I41204" s="16"/>
      <c r="J41204" s="16"/>
    </row>
    <row r="41205" spans="7:10">
      <c r="G41205" s="16"/>
      <c r="H41205" s="16"/>
      <c r="I41205" s="16"/>
      <c r="J41205" s="16"/>
    </row>
    <row r="41206" spans="7:10">
      <c r="G41206" s="16"/>
      <c r="H41206" s="16"/>
      <c r="I41206" s="16"/>
      <c r="J41206" s="16"/>
    </row>
    <row r="41207" spans="7:10">
      <c r="G41207" s="16"/>
      <c r="H41207" s="16"/>
      <c r="I41207" s="16"/>
      <c r="J41207" s="16"/>
    </row>
    <row r="41208" spans="7:10">
      <c r="G41208" s="16"/>
      <c r="H41208" s="16"/>
      <c r="I41208" s="16"/>
      <c r="J41208" s="16"/>
    </row>
    <row r="41209" spans="7:10">
      <c r="G41209" s="16"/>
      <c r="H41209" s="16"/>
      <c r="I41209" s="16"/>
      <c r="J41209" s="16"/>
    </row>
    <row r="41210" spans="7:10">
      <c r="G41210" s="16"/>
      <c r="H41210" s="16"/>
      <c r="I41210" s="16"/>
      <c r="J41210" s="16"/>
    </row>
    <row r="41211" spans="7:10">
      <c r="G41211" s="16"/>
      <c r="H41211" s="16"/>
      <c r="I41211" s="16"/>
      <c r="J41211" s="16"/>
    </row>
    <row r="41212" spans="7:10">
      <c r="G41212" s="16"/>
      <c r="H41212" s="16"/>
      <c r="I41212" s="16"/>
      <c r="J41212" s="16"/>
    </row>
    <row r="41213" spans="7:10">
      <c r="G41213" s="16"/>
      <c r="H41213" s="16"/>
      <c r="I41213" s="16"/>
      <c r="J41213" s="16"/>
    </row>
    <row r="41214" spans="7:10">
      <c r="G41214" s="16"/>
      <c r="H41214" s="16"/>
      <c r="I41214" s="16"/>
      <c r="J41214" s="16"/>
    </row>
    <row r="41215" spans="7:10">
      <c r="G41215" s="16"/>
      <c r="H41215" s="16"/>
      <c r="I41215" s="16"/>
      <c r="J41215" s="16"/>
    </row>
    <row r="41216" spans="7:10">
      <c r="G41216" s="16"/>
      <c r="H41216" s="16"/>
      <c r="I41216" s="16"/>
      <c r="J41216" s="16"/>
    </row>
    <row r="41217" spans="7:10">
      <c r="G41217" s="16"/>
      <c r="H41217" s="16"/>
      <c r="I41217" s="16"/>
      <c r="J41217" s="16"/>
    </row>
    <row r="41218" spans="7:10">
      <c r="G41218" s="16"/>
      <c r="H41218" s="16"/>
      <c r="I41218" s="16"/>
      <c r="J41218" s="16"/>
    </row>
    <row r="41219" spans="7:10">
      <c r="G41219" s="16"/>
      <c r="H41219" s="16"/>
      <c r="I41219" s="16"/>
      <c r="J41219" s="16"/>
    </row>
    <row r="41220" spans="7:10">
      <c r="G41220" s="16"/>
      <c r="H41220" s="16"/>
      <c r="I41220" s="16"/>
      <c r="J41220" s="16"/>
    </row>
    <row r="41221" spans="7:10">
      <c r="G41221" s="16"/>
      <c r="H41221" s="16"/>
      <c r="I41221" s="16"/>
      <c r="J41221" s="16"/>
    </row>
    <row r="41222" spans="7:10">
      <c r="G41222" s="16"/>
      <c r="H41222" s="16"/>
      <c r="I41222" s="16"/>
      <c r="J41222" s="16"/>
    </row>
    <row r="41223" spans="7:10">
      <c r="G41223" s="16"/>
      <c r="H41223" s="16"/>
      <c r="I41223" s="16"/>
      <c r="J41223" s="16"/>
    </row>
    <row r="41224" spans="7:10">
      <c r="G41224" s="16"/>
      <c r="H41224" s="16"/>
      <c r="I41224" s="16"/>
      <c r="J41224" s="16"/>
    </row>
    <row r="41225" spans="7:10">
      <c r="G41225" s="16"/>
      <c r="H41225" s="16"/>
      <c r="I41225" s="16"/>
      <c r="J41225" s="16"/>
    </row>
    <row r="41226" spans="7:10">
      <c r="G41226" s="16"/>
      <c r="H41226" s="16"/>
      <c r="I41226" s="16"/>
      <c r="J41226" s="16"/>
    </row>
    <row r="41227" spans="7:10">
      <c r="G41227" s="16"/>
      <c r="H41227" s="16"/>
      <c r="I41227" s="16"/>
      <c r="J41227" s="16"/>
    </row>
    <row r="41228" spans="7:10">
      <c r="G41228" s="16"/>
      <c r="H41228" s="16"/>
      <c r="I41228" s="16"/>
      <c r="J41228" s="16"/>
    </row>
    <row r="41229" spans="7:10">
      <c r="G41229" s="16"/>
      <c r="H41229" s="16"/>
      <c r="I41229" s="16"/>
      <c r="J41229" s="16"/>
    </row>
    <row r="41230" spans="7:10">
      <c r="G41230" s="16"/>
      <c r="H41230" s="16"/>
      <c r="I41230" s="16"/>
      <c r="J41230" s="16"/>
    </row>
    <row r="41231" spans="7:10">
      <c r="G41231" s="16"/>
      <c r="H41231" s="16"/>
      <c r="I41231" s="16"/>
      <c r="J41231" s="16"/>
    </row>
    <row r="41232" spans="7:10">
      <c r="G41232" s="16"/>
      <c r="H41232" s="16"/>
      <c r="I41232" s="16"/>
      <c r="J41232" s="16"/>
    </row>
    <row r="41233" spans="7:10">
      <c r="G41233" s="16"/>
      <c r="H41233" s="16"/>
      <c r="I41233" s="16"/>
      <c r="J41233" s="16"/>
    </row>
    <row r="41234" spans="7:10">
      <c r="G41234" s="16"/>
      <c r="H41234" s="16"/>
      <c r="I41234" s="16"/>
      <c r="J41234" s="16"/>
    </row>
    <row r="41235" spans="7:10">
      <c r="G41235" s="16"/>
      <c r="H41235" s="16"/>
      <c r="I41235" s="16"/>
      <c r="J41235" s="16"/>
    </row>
    <row r="41236" spans="7:10">
      <c r="G41236" s="16"/>
      <c r="H41236" s="16"/>
      <c r="I41236" s="16"/>
      <c r="J41236" s="16"/>
    </row>
    <row r="41237" spans="7:10">
      <c r="G41237" s="16"/>
      <c r="H41237" s="16"/>
      <c r="I41237" s="16"/>
      <c r="J41237" s="16"/>
    </row>
    <row r="41238" spans="7:10">
      <c r="G41238" s="16"/>
      <c r="H41238" s="16"/>
      <c r="I41238" s="16"/>
      <c r="J41238" s="16"/>
    </row>
    <row r="41239" spans="7:10">
      <c r="G41239" s="16"/>
      <c r="H41239" s="16"/>
      <c r="I41239" s="16"/>
      <c r="J41239" s="16"/>
    </row>
    <row r="41240" spans="7:10">
      <c r="G41240" s="16"/>
      <c r="H41240" s="16"/>
      <c r="I41240" s="16"/>
      <c r="J41240" s="16"/>
    </row>
    <row r="41241" spans="7:10">
      <c r="G41241" s="16"/>
      <c r="H41241" s="16"/>
      <c r="I41241" s="16"/>
      <c r="J41241" s="16"/>
    </row>
    <row r="41242" spans="7:10">
      <c r="G41242" s="16"/>
      <c r="H41242" s="16"/>
      <c r="I41242" s="16"/>
      <c r="J41242" s="16"/>
    </row>
    <row r="41243" spans="7:10">
      <c r="G41243" s="16"/>
      <c r="H41243" s="16"/>
      <c r="I41243" s="16"/>
      <c r="J41243" s="16"/>
    </row>
    <row r="41244" spans="7:10">
      <c r="G41244" s="16"/>
      <c r="H41244" s="16"/>
      <c r="I41244" s="16"/>
      <c r="J41244" s="16"/>
    </row>
    <row r="41245" spans="7:10">
      <c r="G41245" s="16"/>
      <c r="H41245" s="16"/>
      <c r="I41245" s="16"/>
      <c r="J41245" s="16"/>
    </row>
    <row r="41246" spans="7:10">
      <c r="G41246" s="16"/>
      <c r="H41246" s="16"/>
      <c r="I41246" s="16"/>
      <c r="J41246" s="16"/>
    </row>
    <row r="41247" spans="7:10">
      <c r="G41247" s="16"/>
      <c r="H41247" s="16"/>
      <c r="I41247" s="16"/>
      <c r="J41247" s="16"/>
    </row>
    <row r="41248" spans="7:10">
      <c r="G41248" s="16"/>
      <c r="H41248" s="16"/>
      <c r="I41248" s="16"/>
      <c r="J41248" s="16"/>
    </row>
    <row r="41249" spans="7:10">
      <c r="G41249" s="16"/>
      <c r="H41249" s="16"/>
      <c r="I41249" s="16"/>
      <c r="J41249" s="16"/>
    </row>
    <row r="41250" spans="7:10">
      <c r="G41250" s="16"/>
      <c r="H41250" s="16"/>
      <c r="I41250" s="16"/>
      <c r="J41250" s="16"/>
    </row>
    <row r="41251" spans="7:10">
      <c r="G41251" s="16"/>
      <c r="H41251" s="16"/>
      <c r="I41251" s="16"/>
      <c r="J41251" s="16"/>
    </row>
    <row r="41252" spans="7:10">
      <c r="G41252" s="16"/>
      <c r="H41252" s="16"/>
      <c r="I41252" s="16"/>
      <c r="J41252" s="16"/>
    </row>
    <row r="41253" spans="7:10">
      <c r="G41253" s="16"/>
      <c r="H41253" s="16"/>
      <c r="I41253" s="16"/>
      <c r="J41253" s="16"/>
    </row>
    <row r="41254" spans="7:10">
      <c r="G41254" s="16"/>
      <c r="H41254" s="16"/>
      <c r="I41254" s="16"/>
      <c r="J41254" s="16"/>
    </row>
    <row r="41255" spans="7:10">
      <c r="G41255" s="16"/>
      <c r="H41255" s="16"/>
      <c r="I41255" s="16"/>
      <c r="J41255" s="16"/>
    </row>
    <row r="41256" spans="7:10">
      <c r="G41256" s="16"/>
      <c r="H41256" s="16"/>
      <c r="I41256" s="16"/>
      <c r="J41256" s="16"/>
    </row>
    <row r="41257" spans="7:10">
      <c r="G41257" s="16"/>
      <c r="H41257" s="16"/>
      <c r="I41257" s="16"/>
      <c r="J41257" s="16"/>
    </row>
    <row r="41258" spans="7:10">
      <c r="G41258" s="16"/>
      <c r="H41258" s="16"/>
      <c r="I41258" s="16"/>
      <c r="J41258" s="16"/>
    </row>
    <row r="41259" spans="7:10">
      <c r="G41259" s="16"/>
      <c r="H41259" s="16"/>
      <c r="I41259" s="16"/>
      <c r="J41259" s="16"/>
    </row>
    <row r="41260" spans="7:10">
      <c r="G41260" s="16"/>
      <c r="H41260" s="16"/>
      <c r="I41260" s="16"/>
      <c r="J41260" s="16"/>
    </row>
    <row r="41261" spans="7:10">
      <c r="G41261" s="16"/>
      <c r="H41261" s="16"/>
      <c r="I41261" s="16"/>
      <c r="J41261" s="16"/>
    </row>
    <row r="41262" spans="7:10">
      <c r="G41262" s="16"/>
      <c r="H41262" s="16"/>
      <c r="I41262" s="16"/>
      <c r="J41262" s="16"/>
    </row>
    <row r="41263" spans="7:10">
      <c r="G41263" s="16"/>
      <c r="H41263" s="16"/>
      <c r="I41263" s="16"/>
      <c r="J41263" s="16"/>
    </row>
    <row r="41264" spans="7:10">
      <c r="G41264" s="16"/>
      <c r="H41264" s="16"/>
      <c r="I41264" s="16"/>
      <c r="J41264" s="16"/>
    </row>
    <row r="41265" spans="7:10">
      <c r="G41265" s="16"/>
      <c r="H41265" s="16"/>
      <c r="I41265" s="16"/>
      <c r="J41265" s="16"/>
    </row>
    <row r="41266" spans="7:10">
      <c r="G41266" s="16"/>
      <c r="H41266" s="16"/>
      <c r="I41266" s="16"/>
      <c r="J41266" s="16"/>
    </row>
    <row r="41267" spans="7:10">
      <c r="G41267" s="16"/>
      <c r="H41267" s="16"/>
      <c r="I41267" s="16"/>
      <c r="J41267" s="16"/>
    </row>
    <row r="41268" spans="7:10">
      <c r="G41268" s="16"/>
      <c r="H41268" s="16"/>
      <c r="I41268" s="16"/>
      <c r="J41268" s="16"/>
    </row>
    <row r="41269" spans="7:10">
      <c r="G41269" s="16"/>
      <c r="H41269" s="16"/>
      <c r="I41269" s="16"/>
      <c r="J41269" s="16"/>
    </row>
    <row r="41270" spans="7:10">
      <c r="G41270" s="16"/>
      <c r="H41270" s="16"/>
      <c r="I41270" s="16"/>
      <c r="J41270" s="16"/>
    </row>
    <row r="41271" spans="7:10">
      <c r="G41271" s="16"/>
      <c r="H41271" s="16"/>
      <c r="I41271" s="16"/>
      <c r="J41271" s="16"/>
    </row>
    <row r="41272" spans="7:10">
      <c r="G41272" s="16"/>
      <c r="H41272" s="16"/>
      <c r="I41272" s="16"/>
      <c r="J41272" s="16"/>
    </row>
    <row r="41273" spans="7:10">
      <c r="G41273" s="16"/>
      <c r="H41273" s="16"/>
      <c r="I41273" s="16"/>
      <c r="J41273" s="16"/>
    </row>
    <row r="41274" spans="7:10">
      <c r="G41274" s="16"/>
      <c r="H41274" s="16"/>
      <c r="I41274" s="16"/>
      <c r="J41274" s="16"/>
    </row>
    <row r="41275" spans="7:10">
      <c r="G41275" s="16"/>
      <c r="H41275" s="16"/>
      <c r="I41275" s="16"/>
      <c r="J41275" s="16"/>
    </row>
    <row r="41276" spans="7:10">
      <c r="G41276" s="16"/>
      <c r="H41276" s="16"/>
      <c r="I41276" s="16"/>
      <c r="J41276" s="16"/>
    </row>
    <row r="41277" spans="7:10">
      <c r="G41277" s="16"/>
      <c r="H41277" s="16"/>
      <c r="I41277" s="16"/>
      <c r="J41277" s="16"/>
    </row>
    <row r="41278" spans="7:10">
      <c r="G41278" s="16"/>
      <c r="H41278" s="16"/>
      <c r="I41278" s="16"/>
      <c r="J41278" s="16"/>
    </row>
    <row r="41279" spans="7:10">
      <c r="G41279" s="16"/>
      <c r="H41279" s="16"/>
      <c r="I41279" s="16"/>
      <c r="J41279" s="16"/>
    </row>
    <row r="41280" spans="7:10">
      <c r="G41280" s="16"/>
      <c r="H41280" s="16"/>
      <c r="I41280" s="16"/>
      <c r="J41280" s="16"/>
    </row>
    <row r="41281" spans="7:10">
      <c r="G41281" s="16"/>
      <c r="H41281" s="16"/>
      <c r="I41281" s="16"/>
      <c r="J41281" s="16"/>
    </row>
    <row r="41282" spans="7:10">
      <c r="G41282" s="16"/>
      <c r="H41282" s="16"/>
      <c r="I41282" s="16"/>
      <c r="J41282" s="16"/>
    </row>
    <row r="41283" spans="7:10">
      <c r="G41283" s="16"/>
      <c r="H41283" s="16"/>
      <c r="I41283" s="16"/>
      <c r="J41283" s="16"/>
    </row>
    <row r="41284" spans="7:10">
      <c r="G41284" s="16"/>
      <c r="H41284" s="16"/>
      <c r="I41284" s="16"/>
      <c r="J41284" s="16"/>
    </row>
    <row r="41285" spans="7:10">
      <c r="G41285" s="16"/>
      <c r="H41285" s="16"/>
      <c r="I41285" s="16"/>
      <c r="J41285" s="16"/>
    </row>
    <row r="41286" spans="7:10">
      <c r="G41286" s="16"/>
      <c r="H41286" s="16"/>
      <c r="I41286" s="16"/>
      <c r="J41286" s="16"/>
    </row>
    <row r="41287" spans="7:10">
      <c r="G41287" s="16"/>
      <c r="H41287" s="16"/>
      <c r="I41287" s="16"/>
      <c r="J41287" s="16"/>
    </row>
    <row r="41288" spans="7:10">
      <c r="G41288" s="16"/>
      <c r="H41288" s="16"/>
      <c r="I41288" s="16"/>
      <c r="J41288" s="16"/>
    </row>
    <row r="41289" spans="7:10">
      <c r="G41289" s="16"/>
      <c r="H41289" s="16"/>
      <c r="I41289" s="16"/>
      <c r="J41289" s="16"/>
    </row>
    <row r="41290" spans="7:10">
      <c r="G41290" s="16"/>
      <c r="H41290" s="16"/>
      <c r="I41290" s="16"/>
      <c r="J41290" s="16"/>
    </row>
    <row r="41291" spans="7:10">
      <c r="G41291" s="16"/>
      <c r="H41291" s="16"/>
      <c r="I41291" s="16"/>
      <c r="J41291" s="16"/>
    </row>
    <row r="41292" spans="7:10">
      <c r="G41292" s="16"/>
      <c r="H41292" s="16"/>
      <c r="I41292" s="16"/>
      <c r="J41292" s="16"/>
    </row>
    <row r="41293" spans="7:10">
      <c r="G41293" s="16"/>
      <c r="H41293" s="16"/>
      <c r="I41293" s="16"/>
      <c r="J41293" s="16"/>
    </row>
    <row r="41294" spans="7:10">
      <c r="G41294" s="16"/>
      <c r="H41294" s="16"/>
      <c r="I41294" s="16"/>
      <c r="J41294" s="16"/>
    </row>
    <row r="41295" spans="7:10">
      <c r="G41295" s="16"/>
      <c r="H41295" s="16"/>
      <c r="I41295" s="16"/>
      <c r="J41295" s="16"/>
    </row>
    <row r="41296" spans="7:10">
      <c r="G41296" s="16"/>
      <c r="H41296" s="16"/>
      <c r="I41296" s="16"/>
      <c r="J41296" s="16"/>
    </row>
    <row r="41297" spans="7:10">
      <c r="G41297" s="16"/>
      <c r="H41297" s="16"/>
      <c r="I41297" s="16"/>
      <c r="J41297" s="16"/>
    </row>
    <row r="41298" spans="7:10">
      <c r="G41298" s="16"/>
      <c r="H41298" s="16"/>
      <c r="I41298" s="16"/>
      <c r="J41298" s="16"/>
    </row>
    <row r="41299" spans="7:10">
      <c r="G41299" s="16"/>
      <c r="H41299" s="16"/>
      <c r="I41299" s="16"/>
      <c r="J41299" s="16"/>
    </row>
    <row r="41300" spans="7:10">
      <c r="G41300" s="16"/>
      <c r="H41300" s="16"/>
      <c r="I41300" s="16"/>
      <c r="J41300" s="16"/>
    </row>
    <row r="41301" spans="7:10">
      <c r="G41301" s="16"/>
      <c r="H41301" s="16"/>
      <c r="I41301" s="16"/>
      <c r="J41301" s="16"/>
    </row>
    <row r="41302" spans="7:10">
      <c r="G41302" s="16"/>
      <c r="H41302" s="16"/>
      <c r="I41302" s="16"/>
      <c r="J41302" s="16"/>
    </row>
    <row r="41303" spans="7:10">
      <c r="G41303" s="16"/>
      <c r="H41303" s="16"/>
      <c r="I41303" s="16"/>
      <c r="J41303" s="16"/>
    </row>
    <row r="41304" spans="7:10">
      <c r="G41304" s="16"/>
      <c r="H41304" s="16"/>
      <c r="I41304" s="16"/>
      <c r="J41304" s="16"/>
    </row>
    <row r="41305" spans="7:10">
      <c r="G41305" s="16"/>
      <c r="H41305" s="16"/>
      <c r="I41305" s="16"/>
      <c r="J41305" s="16"/>
    </row>
    <row r="41306" spans="7:10">
      <c r="G41306" s="16"/>
      <c r="H41306" s="16"/>
      <c r="I41306" s="16"/>
      <c r="J41306" s="16"/>
    </row>
    <row r="41307" spans="7:10">
      <c r="G41307" s="16"/>
      <c r="H41307" s="16"/>
      <c r="I41307" s="16"/>
      <c r="J41307" s="16"/>
    </row>
    <row r="41308" spans="7:10">
      <c r="G41308" s="16"/>
      <c r="H41308" s="16"/>
      <c r="I41308" s="16"/>
      <c r="J41308" s="16"/>
    </row>
    <row r="41309" spans="7:10">
      <c r="G41309" s="16"/>
      <c r="H41309" s="16"/>
      <c r="I41309" s="16"/>
      <c r="J41309" s="16"/>
    </row>
    <row r="41310" spans="7:10">
      <c r="G41310" s="16"/>
      <c r="H41310" s="16"/>
      <c r="I41310" s="16"/>
      <c r="J41310" s="16"/>
    </row>
    <row r="41311" spans="7:10">
      <c r="G41311" s="16"/>
      <c r="H41311" s="16"/>
      <c r="I41311" s="16"/>
      <c r="J41311" s="16"/>
    </row>
    <row r="41312" spans="7:10">
      <c r="G41312" s="16"/>
      <c r="H41312" s="16"/>
      <c r="I41312" s="16"/>
      <c r="J41312" s="16"/>
    </row>
    <row r="41313" spans="7:10">
      <c r="G41313" s="16"/>
      <c r="H41313" s="16"/>
      <c r="I41313" s="16"/>
      <c r="J41313" s="16"/>
    </row>
    <row r="41314" spans="7:10">
      <c r="G41314" s="16"/>
      <c r="H41314" s="16"/>
      <c r="I41314" s="16"/>
      <c r="J41314" s="16"/>
    </row>
    <row r="41315" spans="7:10">
      <c r="G41315" s="16"/>
      <c r="H41315" s="16"/>
      <c r="I41315" s="16"/>
      <c r="J41315" s="16"/>
    </row>
    <row r="41316" spans="7:10">
      <c r="G41316" s="16"/>
      <c r="H41316" s="16"/>
      <c r="I41316" s="16"/>
      <c r="J41316" s="16"/>
    </row>
    <row r="41317" spans="7:10">
      <c r="G41317" s="16"/>
      <c r="H41317" s="16"/>
      <c r="I41317" s="16"/>
      <c r="J41317" s="16"/>
    </row>
    <row r="41318" spans="7:10">
      <c r="G41318" s="16"/>
      <c r="H41318" s="16"/>
      <c r="I41318" s="16"/>
      <c r="J41318" s="16"/>
    </row>
    <row r="41319" spans="7:10">
      <c r="G41319" s="16"/>
      <c r="H41319" s="16"/>
      <c r="I41319" s="16"/>
      <c r="J41319" s="16"/>
    </row>
    <row r="41320" spans="7:10">
      <c r="G41320" s="16"/>
      <c r="H41320" s="16"/>
      <c r="I41320" s="16"/>
      <c r="J41320" s="16"/>
    </row>
    <row r="41321" spans="7:10">
      <c r="G41321" s="16"/>
      <c r="H41321" s="16"/>
      <c r="I41321" s="16"/>
      <c r="J41321" s="16"/>
    </row>
    <row r="41322" spans="7:10">
      <c r="G41322" s="16"/>
      <c r="H41322" s="16"/>
      <c r="I41322" s="16"/>
      <c r="J41322" s="16"/>
    </row>
    <row r="41323" spans="7:10">
      <c r="G41323" s="16"/>
      <c r="H41323" s="16"/>
      <c r="I41323" s="16"/>
      <c r="J41323" s="16"/>
    </row>
    <row r="41324" spans="7:10">
      <c r="G41324" s="16"/>
      <c r="H41324" s="16"/>
      <c r="I41324" s="16"/>
      <c r="J41324" s="16"/>
    </row>
    <row r="41325" spans="7:10">
      <c r="G41325" s="16"/>
      <c r="H41325" s="16"/>
      <c r="I41325" s="16"/>
      <c r="J41325" s="16"/>
    </row>
    <row r="41326" spans="7:10">
      <c r="G41326" s="16"/>
      <c r="H41326" s="16"/>
      <c r="I41326" s="16"/>
      <c r="J41326" s="16"/>
    </row>
    <row r="41327" spans="7:10">
      <c r="G41327" s="16"/>
      <c r="H41327" s="16"/>
      <c r="I41327" s="16"/>
      <c r="J41327" s="16"/>
    </row>
    <row r="41328" spans="7:10">
      <c r="G41328" s="16"/>
      <c r="H41328" s="16"/>
      <c r="I41328" s="16"/>
      <c r="J41328" s="16"/>
    </row>
    <row r="41329" spans="7:10">
      <c r="G41329" s="16"/>
      <c r="H41329" s="16"/>
      <c r="I41329" s="16"/>
      <c r="J41329" s="16"/>
    </row>
    <row r="41330" spans="7:10">
      <c r="G41330" s="16"/>
      <c r="H41330" s="16"/>
      <c r="I41330" s="16"/>
      <c r="J41330" s="16"/>
    </row>
    <row r="41331" spans="7:10">
      <c r="G41331" s="16"/>
      <c r="H41331" s="16"/>
      <c r="I41331" s="16"/>
      <c r="J41331" s="16"/>
    </row>
    <row r="41332" spans="7:10">
      <c r="G41332" s="16"/>
      <c r="H41332" s="16"/>
      <c r="I41332" s="16"/>
      <c r="J41332" s="16"/>
    </row>
    <row r="41333" spans="7:10">
      <c r="G41333" s="16"/>
      <c r="H41333" s="16"/>
      <c r="I41333" s="16"/>
      <c r="J41333" s="16"/>
    </row>
    <row r="41334" spans="7:10">
      <c r="G41334" s="16"/>
      <c r="H41334" s="16"/>
      <c r="I41334" s="16"/>
      <c r="J41334" s="16"/>
    </row>
    <row r="41335" spans="7:10">
      <c r="G41335" s="16"/>
      <c r="H41335" s="16"/>
      <c r="I41335" s="16"/>
      <c r="J41335" s="16"/>
    </row>
    <row r="41336" spans="7:10">
      <c r="G41336" s="16"/>
      <c r="H41336" s="16"/>
      <c r="I41336" s="16"/>
      <c r="J41336" s="16"/>
    </row>
    <row r="41337" spans="7:10">
      <c r="G41337" s="16"/>
      <c r="H41337" s="16"/>
      <c r="I41337" s="16"/>
      <c r="J41337" s="16"/>
    </row>
    <row r="41338" spans="7:10">
      <c r="G41338" s="16"/>
      <c r="H41338" s="16"/>
      <c r="I41338" s="16"/>
      <c r="J41338" s="16"/>
    </row>
    <row r="41339" spans="7:10">
      <c r="G41339" s="16"/>
      <c r="H41339" s="16"/>
      <c r="I41339" s="16"/>
      <c r="J41339" s="16"/>
    </row>
    <row r="41340" spans="7:10">
      <c r="G41340" s="16"/>
      <c r="H41340" s="16"/>
      <c r="I41340" s="16"/>
      <c r="J41340" s="16"/>
    </row>
    <row r="41341" spans="7:10">
      <c r="G41341" s="16"/>
      <c r="H41341" s="16"/>
      <c r="I41341" s="16"/>
      <c r="J41341" s="16"/>
    </row>
    <row r="41342" spans="7:10">
      <c r="G41342" s="16"/>
      <c r="H41342" s="16"/>
      <c r="I41342" s="16"/>
      <c r="J41342" s="16"/>
    </row>
    <row r="41343" spans="7:10">
      <c r="G41343" s="16"/>
      <c r="H41343" s="16"/>
      <c r="I41343" s="16"/>
      <c r="J41343" s="16"/>
    </row>
    <row r="41344" spans="7:10">
      <c r="G41344" s="16"/>
      <c r="H41344" s="16"/>
      <c r="I41344" s="16"/>
      <c r="J41344" s="16"/>
    </row>
    <row r="41345" spans="7:10">
      <c r="G41345" s="16"/>
      <c r="H41345" s="16"/>
      <c r="I41345" s="16"/>
      <c r="J41345" s="16"/>
    </row>
    <row r="41346" spans="7:10">
      <c r="G41346" s="16"/>
      <c r="H41346" s="16"/>
      <c r="I41346" s="16"/>
      <c r="J41346" s="16"/>
    </row>
    <row r="41347" spans="7:10">
      <c r="G41347" s="16"/>
      <c r="H41347" s="16"/>
      <c r="I41347" s="16"/>
      <c r="J41347" s="16"/>
    </row>
    <row r="41348" spans="7:10">
      <c r="G41348" s="16"/>
      <c r="H41348" s="16"/>
      <c r="I41348" s="16"/>
      <c r="J41348" s="16"/>
    </row>
    <row r="41349" spans="7:10">
      <c r="G41349" s="16"/>
      <c r="H41349" s="16"/>
      <c r="I41349" s="16"/>
      <c r="J41349" s="16"/>
    </row>
    <row r="41350" spans="7:10">
      <c r="G41350" s="16"/>
      <c r="H41350" s="16"/>
      <c r="I41350" s="16"/>
      <c r="J41350" s="16"/>
    </row>
    <row r="41351" spans="7:10">
      <c r="G41351" s="16"/>
      <c r="H41351" s="16"/>
      <c r="I41351" s="16"/>
      <c r="J41351" s="16"/>
    </row>
    <row r="41352" spans="7:10">
      <c r="G41352" s="16"/>
      <c r="H41352" s="16"/>
      <c r="I41352" s="16"/>
      <c r="J41352" s="16"/>
    </row>
    <row r="41353" spans="7:10">
      <c r="G41353" s="16"/>
      <c r="H41353" s="16"/>
      <c r="I41353" s="16"/>
      <c r="J41353" s="16"/>
    </row>
    <row r="41354" spans="7:10">
      <c r="G41354" s="16"/>
      <c r="H41354" s="16"/>
      <c r="I41354" s="16"/>
      <c r="J41354" s="16"/>
    </row>
    <row r="41355" spans="7:10">
      <c r="G41355" s="16"/>
      <c r="H41355" s="16"/>
      <c r="I41355" s="16"/>
      <c r="J41355" s="16"/>
    </row>
    <row r="41356" spans="7:10">
      <c r="G41356" s="16"/>
      <c r="H41356" s="16"/>
      <c r="I41356" s="16"/>
      <c r="J41356" s="16"/>
    </row>
    <row r="41357" spans="7:10">
      <c r="G41357" s="16"/>
      <c r="H41357" s="16"/>
      <c r="I41357" s="16"/>
      <c r="J41357" s="16"/>
    </row>
    <row r="41358" spans="7:10">
      <c r="G41358" s="16"/>
      <c r="H41358" s="16"/>
      <c r="I41358" s="16"/>
      <c r="J41358" s="16"/>
    </row>
    <row r="41359" spans="7:10">
      <c r="G41359" s="16"/>
      <c r="H41359" s="16"/>
      <c r="I41359" s="16"/>
      <c r="J41359" s="16"/>
    </row>
    <row r="41360" spans="7:10">
      <c r="G41360" s="16"/>
      <c r="H41360" s="16"/>
      <c r="I41360" s="16"/>
      <c r="J41360" s="16"/>
    </row>
    <row r="41361" spans="7:10">
      <c r="G41361" s="16"/>
      <c r="H41361" s="16"/>
      <c r="I41361" s="16"/>
      <c r="J41361" s="16"/>
    </row>
    <row r="41362" spans="7:10">
      <c r="G41362" s="16"/>
      <c r="H41362" s="16"/>
      <c r="I41362" s="16"/>
      <c r="J41362" s="16"/>
    </row>
    <row r="41363" spans="7:10">
      <c r="G41363" s="16"/>
      <c r="H41363" s="16"/>
      <c r="I41363" s="16"/>
      <c r="J41363" s="16"/>
    </row>
    <row r="41364" spans="7:10">
      <c r="G41364" s="16"/>
      <c r="H41364" s="16"/>
      <c r="I41364" s="16"/>
      <c r="J41364" s="16"/>
    </row>
    <row r="41365" spans="7:10">
      <c r="G41365" s="16"/>
      <c r="H41365" s="16"/>
      <c r="I41365" s="16"/>
      <c r="J41365" s="16"/>
    </row>
    <row r="41366" spans="7:10">
      <c r="G41366" s="16"/>
      <c r="H41366" s="16"/>
      <c r="I41366" s="16"/>
      <c r="J41366" s="16"/>
    </row>
    <row r="41367" spans="7:10">
      <c r="G41367" s="16"/>
      <c r="H41367" s="16"/>
      <c r="I41367" s="16"/>
      <c r="J41367" s="16"/>
    </row>
    <row r="41368" spans="7:10">
      <c r="G41368" s="16"/>
      <c r="H41368" s="16"/>
      <c r="I41368" s="16"/>
      <c r="J41368" s="16"/>
    </row>
    <row r="41369" spans="7:10">
      <c r="G41369" s="16"/>
      <c r="H41369" s="16"/>
      <c r="I41369" s="16"/>
      <c r="J41369" s="16"/>
    </row>
    <row r="41370" spans="7:10">
      <c r="G41370" s="16"/>
      <c r="H41370" s="16"/>
      <c r="I41370" s="16"/>
      <c r="J41370" s="16"/>
    </row>
    <row r="41371" spans="7:10">
      <c r="G41371" s="16"/>
      <c r="H41371" s="16"/>
      <c r="I41371" s="16"/>
      <c r="J41371" s="16"/>
    </row>
    <row r="41372" spans="7:10">
      <c r="G41372" s="16"/>
      <c r="H41372" s="16"/>
      <c r="I41372" s="16"/>
      <c r="J41372" s="16"/>
    </row>
    <row r="41373" spans="7:10">
      <c r="G41373" s="16"/>
      <c r="H41373" s="16"/>
      <c r="I41373" s="16"/>
      <c r="J41373" s="16"/>
    </row>
    <row r="41374" spans="7:10">
      <c r="G41374" s="16"/>
      <c r="H41374" s="16"/>
      <c r="I41374" s="16"/>
      <c r="J41374" s="16"/>
    </row>
    <row r="41375" spans="7:10">
      <c r="G41375" s="16"/>
      <c r="H41375" s="16"/>
      <c r="I41375" s="16"/>
      <c r="J41375" s="16"/>
    </row>
    <row r="41376" spans="7:10">
      <c r="G41376" s="16"/>
      <c r="H41376" s="16"/>
      <c r="I41376" s="16"/>
      <c r="J41376" s="16"/>
    </row>
    <row r="41377" spans="7:10">
      <c r="G41377" s="16"/>
      <c r="H41377" s="16"/>
      <c r="I41377" s="16"/>
      <c r="J41377" s="16"/>
    </row>
    <row r="41378" spans="7:10">
      <c r="G41378" s="16"/>
      <c r="H41378" s="16"/>
      <c r="I41378" s="16"/>
      <c r="J41378" s="16"/>
    </row>
    <row r="41379" spans="7:10">
      <c r="G41379" s="16"/>
      <c r="H41379" s="16"/>
      <c r="I41379" s="16"/>
      <c r="J41379" s="16"/>
    </row>
    <row r="41380" spans="7:10">
      <c r="G41380" s="16"/>
      <c r="H41380" s="16"/>
      <c r="I41380" s="16"/>
      <c r="J41380" s="16"/>
    </row>
    <row r="41381" spans="7:10">
      <c r="G41381" s="16"/>
      <c r="H41381" s="16"/>
      <c r="I41381" s="16"/>
      <c r="J41381" s="16"/>
    </row>
    <row r="41382" spans="7:10">
      <c r="G41382" s="16"/>
      <c r="H41382" s="16"/>
      <c r="I41382" s="16"/>
      <c r="J41382" s="16"/>
    </row>
    <row r="41383" spans="7:10">
      <c r="G41383" s="16"/>
      <c r="H41383" s="16"/>
      <c r="I41383" s="16"/>
      <c r="J41383" s="16"/>
    </row>
    <row r="41384" spans="7:10">
      <c r="G41384" s="16"/>
      <c r="H41384" s="16"/>
      <c r="I41384" s="16"/>
      <c r="J41384" s="16"/>
    </row>
    <row r="41385" spans="7:10">
      <c r="G41385" s="16"/>
      <c r="H41385" s="16"/>
      <c r="I41385" s="16"/>
      <c r="J41385" s="16"/>
    </row>
    <row r="41386" spans="7:10">
      <c r="G41386" s="16"/>
      <c r="H41386" s="16"/>
      <c r="I41386" s="16"/>
      <c r="J41386" s="16"/>
    </row>
    <row r="41387" spans="7:10">
      <c r="G41387" s="16"/>
      <c r="H41387" s="16"/>
      <c r="I41387" s="16"/>
      <c r="J41387" s="16"/>
    </row>
    <row r="41388" spans="7:10">
      <c r="G41388" s="16"/>
      <c r="H41388" s="16"/>
      <c r="I41388" s="16"/>
      <c r="J41388" s="16"/>
    </row>
    <row r="41389" spans="7:10">
      <c r="G41389" s="16"/>
      <c r="H41389" s="16"/>
      <c r="I41389" s="16"/>
      <c r="J41389" s="16"/>
    </row>
    <row r="41390" spans="7:10">
      <c r="G41390" s="16"/>
      <c r="H41390" s="16"/>
      <c r="I41390" s="16"/>
      <c r="J41390" s="16"/>
    </row>
    <row r="41391" spans="7:10">
      <c r="G41391" s="16"/>
      <c r="H41391" s="16"/>
      <c r="I41391" s="16"/>
      <c r="J41391" s="16"/>
    </row>
    <row r="41392" spans="7:10">
      <c r="G41392" s="16"/>
      <c r="H41392" s="16"/>
      <c r="I41392" s="16"/>
      <c r="J41392" s="16"/>
    </row>
    <row r="41393" spans="7:10">
      <c r="G41393" s="16"/>
      <c r="H41393" s="16"/>
      <c r="I41393" s="16"/>
      <c r="J41393" s="16"/>
    </row>
    <row r="41394" spans="7:10">
      <c r="G41394" s="16"/>
      <c r="H41394" s="16"/>
      <c r="I41394" s="16"/>
      <c r="J41394" s="16"/>
    </row>
    <row r="41395" spans="7:10">
      <c r="G41395" s="16"/>
      <c r="H41395" s="16"/>
      <c r="I41395" s="16"/>
      <c r="J41395" s="16"/>
    </row>
    <row r="41396" spans="7:10">
      <c r="G41396" s="16"/>
      <c r="H41396" s="16"/>
      <c r="I41396" s="16"/>
      <c r="J41396" s="16"/>
    </row>
    <row r="41397" spans="7:10">
      <c r="G41397" s="16"/>
      <c r="H41397" s="16"/>
      <c r="I41397" s="16"/>
      <c r="J41397" s="16"/>
    </row>
    <row r="41398" spans="7:10">
      <c r="G41398" s="16"/>
      <c r="H41398" s="16"/>
      <c r="I41398" s="16"/>
      <c r="J41398" s="16"/>
    </row>
    <row r="41399" spans="7:10">
      <c r="G41399" s="16"/>
      <c r="H41399" s="16"/>
      <c r="I41399" s="16"/>
      <c r="J41399" s="16"/>
    </row>
    <row r="41400" spans="7:10">
      <c r="G41400" s="16"/>
      <c r="H41400" s="16"/>
      <c r="I41400" s="16"/>
      <c r="J41400" s="16"/>
    </row>
    <row r="41401" spans="7:10">
      <c r="G41401" s="16"/>
      <c r="H41401" s="16"/>
      <c r="I41401" s="16"/>
      <c r="J41401" s="16"/>
    </row>
    <row r="41402" spans="7:10">
      <c r="G41402" s="16"/>
      <c r="H41402" s="16"/>
      <c r="I41402" s="16"/>
      <c r="J41402" s="16"/>
    </row>
    <row r="41403" spans="7:10">
      <c r="G41403" s="16"/>
      <c r="H41403" s="16"/>
      <c r="I41403" s="16"/>
      <c r="J41403" s="16"/>
    </row>
    <row r="41404" spans="7:10">
      <c r="G41404" s="16"/>
      <c r="H41404" s="16"/>
      <c r="I41404" s="16"/>
      <c r="J41404" s="16"/>
    </row>
    <row r="41405" spans="7:10">
      <c r="G41405" s="16"/>
      <c r="H41405" s="16"/>
      <c r="I41405" s="16"/>
      <c r="J41405" s="16"/>
    </row>
    <row r="41406" spans="7:10">
      <c r="G41406" s="16"/>
      <c r="H41406" s="16"/>
      <c r="I41406" s="16"/>
      <c r="J41406" s="16"/>
    </row>
    <row r="41407" spans="7:10">
      <c r="G41407" s="16"/>
      <c r="H41407" s="16"/>
      <c r="I41407" s="16"/>
      <c r="J41407" s="16"/>
    </row>
    <row r="41408" spans="7:10">
      <c r="G41408" s="16"/>
      <c r="H41408" s="16"/>
      <c r="I41408" s="16"/>
      <c r="J41408" s="16"/>
    </row>
    <row r="41409" spans="7:10">
      <c r="G41409" s="16"/>
      <c r="H41409" s="16"/>
      <c r="I41409" s="16"/>
      <c r="J41409" s="16"/>
    </row>
    <row r="41410" spans="7:10">
      <c r="G41410" s="16"/>
      <c r="H41410" s="16"/>
      <c r="I41410" s="16"/>
      <c r="J41410" s="16"/>
    </row>
    <row r="41411" spans="7:10">
      <c r="G41411" s="16"/>
      <c r="H41411" s="16"/>
      <c r="I41411" s="16"/>
      <c r="J41411" s="16"/>
    </row>
    <row r="41412" spans="7:10">
      <c r="G41412" s="16"/>
      <c r="H41412" s="16"/>
      <c r="I41412" s="16"/>
      <c r="J41412" s="16"/>
    </row>
    <row r="41413" spans="7:10">
      <c r="G41413" s="16"/>
      <c r="H41413" s="16"/>
      <c r="I41413" s="16"/>
      <c r="J41413" s="16"/>
    </row>
    <row r="41414" spans="7:10">
      <c r="G41414" s="16"/>
      <c r="H41414" s="16"/>
      <c r="I41414" s="16"/>
      <c r="J41414" s="16"/>
    </row>
    <row r="41415" spans="7:10">
      <c r="G41415" s="16"/>
      <c r="H41415" s="16"/>
      <c r="I41415" s="16"/>
      <c r="J41415" s="16"/>
    </row>
    <row r="41416" spans="7:10">
      <c r="G41416" s="16"/>
      <c r="H41416" s="16"/>
      <c r="I41416" s="16"/>
      <c r="J41416" s="16"/>
    </row>
    <row r="41417" spans="7:10">
      <c r="G41417" s="16"/>
      <c r="H41417" s="16"/>
      <c r="I41417" s="16"/>
      <c r="J41417" s="16"/>
    </row>
    <row r="41418" spans="7:10">
      <c r="G41418" s="16"/>
      <c r="H41418" s="16"/>
      <c r="I41418" s="16"/>
      <c r="J41418" s="16"/>
    </row>
    <row r="41419" spans="7:10">
      <c r="G41419" s="16"/>
      <c r="H41419" s="16"/>
      <c r="I41419" s="16"/>
      <c r="J41419" s="16"/>
    </row>
    <row r="41420" spans="7:10">
      <c r="G41420" s="16"/>
      <c r="H41420" s="16"/>
      <c r="I41420" s="16"/>
      <c r="J41420" s="16"/>
    </row>
    <row r="41421" spans="7:10">
      <c r="G41421" s="16"/>
      <c r="H41421" s="16"/>
      <c r="I41421" s="16"/>
      <c r="J41421" s="16"/>
    </row>
    <row r="41422" spans="7:10">
      <c r="G41422" s="16"/>
      <c r="H41422" s="16"/>
      <c r="I41422" s="16"/>
      <c r="J41422" s="16"/>
    </row>
    <row r="41423" spans="7:10">
      <c r="G41423" s="16"/>
      <c r="H41423" s="16"/>
      <c r="I41423" s="16"/>
      <c r="J41423" s="16"/>
    </row>
    <row r="41424" spans="7:10">
      <c r="G41424" s="16"/>
      <c r="H41424" s="16"/>
      <c r="I41424" s="16"/>
      <c r="J41424" s="16"/>
    </row>
    <row r="41425" spans="7:10">
      <c r="G41425" s="16"/>
      <c r="H41425" s="16"/>
      <c r="I41425" s="16"/>
      <c r="J41425" s="16"/>
    </row>
    <row r="41426" spans="7:10">
      <c r="G41426" s="16"/>
      <c r="H41426" s="16"/>
      <c r="I41426" s="16"/>
      <c r="J41426" s="16"/>
    </row>
    <row r="41427" spans="7:10">
      <c r="G41427" s="16"/>
      <c r="H41427" s="16"/>
      <c r="I41427" s="16"/>
      <c r="J41427" s="16"/>
    </row>
    <row r="41428" spans="7:10">
      <c r="G41428" s="16"/>
      <c r="H41428" s="16"/>
      <c r="I41428" s="16"/>
      <c r="J41428" s="16"/>
    </row>
    <row r="41429" spans="7:10">
      <c r="G41429" s="16"/>
      <c r="H41429" s="16"/>
      <c r="I41429" s="16"/>
      <c r="J41429" s="16"/>
    </row>
    <row r="41430" spans="7:10">
      <c r="G41430" s="16"/>
      <c r="H41430" s="16"/>
      <c r="I41430" s="16"/>
      <c r="J41430" s="16"/>
    </row>
    <row r="41431" spans="7:10">
      <c r="G41431" s="16"/>
      <c r="H41431" s="16"/>
      <c r="I41431" s="16"/>
      <c r="J41431" s="16"/>
    </row>
    <row r="41432" spans="7:10">
      <c r="G41432" s="16"/>
      <c r="H41432" s="16"/>
      <c r="I41432" s="16"/>
      <c r="J41432" s="16"/>
    </row>
    <row r="41433" spans="7:10">
      <c r="G41433" s="16"/>
      <c r="H41433" s="16"/>
      <c r="I41433" s="16"/>
      <c r="J41433" s="16"/>
    </row>
    <row r="41434" spans="7:10">
      <c r="G41434" s="16"/>
      <c r="H41434" s="16"/>
      <c r="I41434" s="16"/>
      <c r="J41434" s="16"/>
    </row>
    <row r="41435" spans="7:10">
      <c r="G41435" s="16"/>
      <c r="H41435" s="16"/>
      <c r="I41435" s="16"/>
      <c r="J41435" s="16"/>
    </row>
    <row r="41436" spans="7:10">
      <c r="G41436" s="16"/>
      <c r="H41436" s="16"/>
      <c r="I41436" s="16"/>
      <c r="J41436" s="16"/>
    </row>
    <row r="41437" spans="7:10">
      <c r="G41437" s="16"/>
      <c r="H41437" s="16"/>
      <c r="I41437" s="16"/>
      <c r="J41437" s="16"/>
    </row>
    <row r="41438" spans="7:10">
      <c r="G41438" s="16"/>
      <c r="H41438" s="16"/>
      <c r="I41438" s="16"/>
      <c r="J41438" s="16"/>
    </row>
    <row r="41439" spans="7:10">
      <c r="G41439" s="16"/>
      <c r="H41439" s="16"/>
      <c r="I41439" s="16"/>
      <c r="J41439" s="16"/>
    </row>
    <row r="41440" spans="7:10">
      <c r="G41440" s="16"/>
      <c r="H41440" s="16"/>
      <c r="I41440" s="16"/>
      <c r="J41440" s="16"/>
    </row>
    <row r="41441" spans="7:10">
      <c r="G41441" s="16"/>
      <c r="H41441" s="16"/>
      <c r="I41441" s="16"/>
      <c r="J41441" s="16"/>
    </row>
    <row r="41442" spans="7:10">
      <c r="G41442" s="16"/>
      <c r="H41442" s="16"/>
      <c r="I41442" s="16"/>
      <c r="J41442" s="16"/>
    </row>
    <row r="41443" spans="7:10">
      <c r="G41443" s="16"/>
      <c r="H41443" s="16"/>
      <c r="I41443" s="16"/>
      <c r="J41443" s="16"/>
    </row>
    <row r="41444" spans="7:10">
      <c r="G41444" s="16"/>
      <c r="H41444" s="16"/>
      <c r="I41444" s="16"/>
      <c r="J41444" s="16"/>
    </row>
    <row r="41445" spans="7:10">
      <c r="G41445" s="16"/>
      <c r="H41445" s="16"/>
      <c r="I41445" s="16"/>
      <c r="J41445" s="16"/>
    </row>
    <row r="41446" spans="7:10">
      <c r="G41446" s="16"/>
      <c r="H41446" s="16"/>
      <c r="I41446" s="16"/>
      <c r="J41446" s="16"/>
    </row>
    <row r="41447" spans="7:10">
      <c r="G41447" s="16"/>
      <c r="H41447" s="16"/>
      <c r="I41447" s="16"/>
      <c r="J41447" s="16"/>
    </row>
    <row r="41448" spans="7:10">
      <c r="G41448" s="16"/>
      <c r="H41448" s="16"/>
      <c r="I41448" s="16"/>
      <c r="J41448" s="16"/>
    </row>
    <row r="41449" spans="7:10">
      <c r="G41449" s="16"/>
      <c r="H41449" s="16"/>
      <c r="I41449" s="16"/>
      <c r="J41449" s="16"/>
    </row>
    <row r="41450" spans="7:10">
      <c r="G41450" s="16"/>
      <c r="H41450" s="16"/>
      <c r="I41450" s="16"/>
      <c r="J41450" s="16"/>
    </row>
    <row r="41451" spans="7:10">
      <c r="G41451" s="16"/>
      <c r="H41451" s="16"/>
      <c r="I41451" s="16"/>
      <c r="J41451" s="16"/>
    </row>
    <row r="41452" spans="7:10">
      <c r="G41452" s="16"/>
      <c r="H41452" s="16"/>
      <c r="I41452" s="16"/>
      <c r="J41452" s="16"/>
    </row>
    <row r="41453" spans="7:10">
      <c r="G41453" s="16"/>
      <c r="H41453" s="16"/>
      <c r="I41453" s="16"/>
      <c r="J41453" s="16"/>
    </row>
    <row r="41454" spans="7:10">
      <c r="G41454" s="16"/>
      <c r="H41454" s="16"/>
      <c r="I41454" s="16"/>
      <c r="J41454" s="16"/>
    </row>
    <row r="41455" spans="7:10">
      <c r="G41455" s="16"/>
      <c r="H41455" s="16"/>
      <c r="I41455" s="16"/>
      <c r="J41455" s="16"/>
    </row>
    <row r="41456" spans="7:10">
      <c r="G41456" s="16"/>
      <c r="H41456" s="16"/>
      <c r="I41456" s="16"/>
      <c r="J41456" s="16"/>
    </row>
    <row r="41457" spans="7:10">
      <c r="G41457" s="16"/>
      <c r="H41457" s="16"/>
      <c r="I41457" s="16"/>
      <c r="J41457" s="16"/>
    </row>
    <row r="41458" spans="7:10">
      <c r="G41458" s="16"/>
      <c r="H41458" s="16"/>
      <c r="I41458" s="16"/>
      <c r="J41458" s="16"/>
    </row>
    <row r="41459" spans="7:10">
      <c r="G41459" s="16"/>
      <c r="H41459" s="16"/>
      <c r="I41459" s="16"/>
      <c r="J41459" s="16"/>
    </row>
    <row r="41460" spans="7:10">
      <c r="G41460" s="16"/>
      <c r="H41460" s="16"/>
      <c r="I41460" s="16"/>
      <c r="J41460" s="16"/>
    </row>
    <row r="41461" spans="7:10">
      <c r="G41461" s="16"/>
      <c r="H41461" s="16"/>
      <c r="I41461" s="16"/>
      <c r="J41461" s="16"/>
    </row>
    <row r="41462" spans="7:10">
      <c r="G41462" s="16"/>
      <c r="H41462" s="16"/>
      <c r="I41462" s="16"/>
      <c r="J41462" s="16"/>
    </row>
    <row r="41463" spans="7:10">
      <c r="G41463" s="16"/>
      <c r="H41463" s="16"/>
      <c r="I41463" s="16"/>
      <c r="J41463" s="16"/>
    </row>
    <row r="41464" spans="7:10">
      <c r="G41464" s="16"/>
      <c r="H41464" s="16"/>
      <c r="I41464" s="16"/>
      <c r="J41464" s="16"/>
    </row>
    <row r="41465" spans="7:10">
      <c r="G41465" s="16"/>
      <c r="H41465" s="16"/>
      <c r="I41465" s="16"/>
      <c r="J41465" s="16"/>
    </row>
    <row r="41466" spans="7:10">
      <c r="G41466" s="16"/>
      <c r="H41466" s="16"/>
      <c r="I41466" s="16"/>
      <c r="J41466" s="16"/>
    </row>
    <row r="41467" spans="7:10">
      <c r="G41467" s="16"/>
      <c r="H41467" s="16"/>
      <c r="I41467" s="16"/>
      <c r="J41467" s="16"/>
    </row>
    <row r="41468" spans="7:10">
      <c r="G41468" s="16"/>
      <c r="H41468" s="16"/>
      <c r="I41468" s="16"/>
      <c r="J41468" s="16"/>
    </row>
    <row r="41469" spans="7:10">
      <c r="G41469" s="16"/>
      <c r="H41469" s="16"/>
      <c r="I41469" s="16"/>
      <c r="J41469" s="16"/>
    </row>
    <row r="41470" spans="7:10">
      <c r="G41470" s="16"/>
      <c r="H41470" s="16"/>
      <c r="I41470" s="16"/>
      <c r="J41470" s="16"/>
    </row>
    <row r="41471" spans="7:10">
      <c r="G41471" s="16"/>
      <c r="H41471" s="16"/>
      <c r="I41471" s="16"/>
      <c r="J41471" s="16"/>
    </row>
    <row r="41472" spans="7:10">
      <c r="G41472" s="16"/>
      <c r="H41472" s="16"/>
      <c r="I41472" s="16"/>
      <c r="J41472" s="16"/>
    </row>
    <row r="41473" spans="7:10">
      <c r="G41473" s="16"/>
      <c r="H41473" s="16"/>
      <c r="I41473" s="16"/>
      <c r="J41473" s="16"/>
    </row>
    <row r="41474" spans="7:10">
      <c r="G41474" s="16"/>
      <c r="H41474" s="16"/>
      <c r="I41474" s="16"/>
      <c r="J41474" s="16"/>
    </row>
    <row r="41475" spans="7:10">
      <c r="G41475" s="16"/>
      <c r="H41475" s="16"/>
      <c r="I41475" s="16"/>
      <c r="J41475" s="16"/>
    </row>
    <row r="41476" spans="7:10">
      <c r="G41476" s="16"/>
      <c r="H41476" s="16"/>
      <c r="I41476" s="16"/>
      <c r="J41476" s="16"/>
    </row>
    <row r="41477" spans="7:10">
      <c r="G41477" s="16"/>
      <c r="H41477" s="16"/>
      <c r="I41477" s="16"/>
      <c r="J41477" s="16"/>
    </row>
    <row r="41478" spans="7:10">
      <c r="G41478" s="16"/>
      <c r="H41478" s="16"/>
      <c r="I41478" s="16"/>
      <c r="J41478" s="16"/>
    </row>
    <row r="41479" spans="7:10">
      <c r="G41479" s="16"/>
      <c r="H41479" s="16"/>
      <c r="I41479" s="16"/>
      <c r="J41479" s="16"/>
    </row>
    <row r="41480" spans="7:10">
      <c r="G41480" s="16"/>
      <c r="H41480" s="16"/>
      <c r="I41480" s="16"/>
      <c r="J41480" s="16"/>
    </row>
    <row r="41481" spans="7:10">
      <c r="G41481" s="16"/>
      <c r="H41481" s="16"/>
      <c r="I41481" s="16"/>
      <c r="J41481" s="16"/>
    </row>
    <row r="41482" spans="7:10">
      <c r="G41482" s="16"/>
      <c r="H41482" s="16"/>
      <c r="I41482" s="16"/>
      <c r="J41482" s="16"/>
    </row>
    <row r="41483" spans="7:10">
      <c r="G41483" s="16"/>
      <c r="H41483" s="16"/>
      <c r="I41483" s="16"/>
      <c r="J41483" s="16"/>
    </row>
    <row r="41484" spans="7:10">
      <c r="G41484" s="16"/>
      <c r="H41484" s="16"/>
      <c r="I41484" s="16"/>
      <c r="J41484" s="16"/>
    </row>
    <row r="41485" spans="7:10">
      <c r="G41485" s="16"/>
      <c r="H41485" s="16"/>
      <c r="I41485" s="16"/>
      <c r="J41485" s="16"/>
    </row>
    <row r="41486" spans="7:10">
      <c r="G41486" s="16"/>
      <c r="H41486" s="16"/>
      <c r="I41486" s="16"/>
      <c r="J41486" s="16"/>
    </row>
    <row r="41487" spans="7:10">
      <c r="G41487" s="16"/>
      <c r="H41487" s="16"/>
      <c r="I41487" s="16"/>
      <c r="J41487" s="16"/>
    </row>
    <row r="41488" spans="7:10">
      <c r="G41488" s="16"/>
      <c r="H41488" s="16"/>
      <c r="I41488" s="16"/>
      <c r="J41488" s="16"/>
    </row>
    <row r="41489" spans="7:10">
      <c r="G41489" s="16"/>
      <c r="H41489" s="16"/>
      <c r="I41489" s="16"/>
      <c r="J41489" s="16"/>
    </row>
    <row r="41490" spans="7:10">
      <c r="G41490" s="16"/>
      <c r="H41490" s="16"/>
      <c r="I41490" s="16"/>
      <c r="J41490" s="16"/>
    </row>
    <row r="41491" spans="7:10">
      <c r="G41491" s="16"/>
      <c r="H41491" s="16"/>
      <c r="I41491" s="16"/>
      <c r="J41491" s="16"/>
    </row>
    <row r="41492" spans="7:10">
      <c r="G41492" s="16"/>
      <c r="H41492" s="16"/>
      <c r="I41492" s="16"/>
      <c r="J41492" s="16"/>
    </row>
    <row r="41493" spans="7:10">
      <c r="G41493" s="16"/>
      <c r="H41493" s="16"/>
      <c r="I41493" s="16"/>
      <c r="J41493" s="16"/>
    </row>
    <row r="41494" spans="7:10">
      <c r="G41494" s="16"/>
      <c r="H41494" s="16"/>
      <c r="I41494" s="16"/>
      <c r="J41494" s="16"/>
    </row>
    <row r="41495" spans="7:10">
      <c r="G41495" s="16"/>
      <c r="H41495" s="16"/>
      <c r="I41495" s="16"/>
      <c r="J41495" s="16"/>
    </row>
    <row r="41496" spans="7:10">
      <c r="G41496" s="16"/>
      <c r="H41496" s="16"/>
      <c r="I41496" s="16"/>
      <c r="J41496" s="16"/>
    </row>
    <row r="41497" spans="7:10">
      <c r="G41497" s="16"/>
      <c r="H41497" s="16"/>
      <c r="I41497" s="16"/>
      <c r="J41497" s="16"/>
    </row>
    <row r="41498" spans="7:10">
      <c r="G41498" s="16"/>
      <c r="H41498" s="16"/>
      <c r="I41498" s="16"/>
      <c r="J41498" s="16"/>
    </row>
    <row r="41499" spans="7:10">
      <c r="G41499" s="16"/>
      <c r="H41499" s="16"/>
      <c r="I41499" s="16"/>
      <c r="J41499" s="16"/>
    </row>
    <row r="41500" spans="7:10">
      <c r="G41500" s="16"/>
      <c r="H41500" s="16"/>
      <c r="I41500" s="16"/>
      <c r="J41500" s="16"/>
    </row>
    <row r="41501" spans="7:10">
      <c r="G41501" s="16"/>
      <c r="H41501" s="16"/>
      <c r="I41501" s="16"/>
      <c r="J41501" s="16"/>
    </row>
    <row r="41502" spans="7:10">
      <c r="G41502" s="16"/>
      <c r="H41502" s="16"/>
      <c r="I41502" s="16"/>
      <c r="J41502" s="16"/>
    </row>
    <row r="41503" spans="7:10">
      <c r="G41503" s="16"/>
      <c r="H41503" s="16"/>
      <c r="I41503" s="16"/>
      <c r="J41503" s="16"/>
    </row>
    <row r="41504" spans="7:10">
      <c r="G41504" s="16"/>
      <c r="H41504" s="16"/>
      <c r="I41504" s="16"/>
      <c r="J41504" s="16"/>
    </row>
    <row r="41505" spans="7:10">
      <c r="G41505" s="16"/>
      <c r="H41505" s="16"/>
      <c r="I41505" s="16"/>
      <c r="J41505" s="16"/>
    </row>
    <row r="41506" spans="7:10">
      <c r="G41506" s="16"/>
      <c r="H41506" s="16"/>
      <c r="I41506" s="16"/>
      <c r="J41506" s="16"/>
    </row>
    <row r="41507" spans="7:10">
      <c r="G41507" s="16"/>
      <c r="H41507" s="16"/>
      <c r="I41507" s="16"/>
      <c r="J41507" s="16"/>
    </row>
    <row r="41508" spans="7:10">
      <c r="G41508" s="16"/>
      <c r="H41508" s="16"/>
      <c r="I41508" s="16"/>
      <c r="J41508" s="16"/>
    </row>
    <row r="41509" spans="7:10">
      <c r="G41509" s="16"/>
      <c r="H41509" s="16"/>
      <c r="I41509" s="16"/>
      <c r="J41509" s="16"/>
    </row>
    <row r="41510" spans="7:10">
      <c r="G41510" s="16"/>
      <c r="H41510" s="16"/>
      <c r="I41510" s="16"/>
      <c r="J41510" s="16"/>
    </row>
    <row r="41511" spans="7:10">
      <c r="G41511" s="16"/>
      <c r="H41511" s="16"/>
      <c r="I41511" s="16"/>
      <c r="J41511" s="16"/>
    </row>
    <row r="41512" spans="7:10">
      <c r="G41512" s="16"/>
      <c r="H41512" s="16"/>
      <c r="I41512" s="16"/>
      <c r="J41512" s="16"/>
    </row>
    <row r="41513" spans="7:10">
      <c r="G41513" s="16"/>
      <c r="H41513" s="16"/>
      <c r="I41513" s="16"/>
      <c r="J41513" s="16"/>
    </row>
    <row r="41514" spans="7:10">
      <c r="G41514" s="16"/>
      <c r="H41514" s="16"/>
      <c r="I41514" s="16"/>
      <c r="J41514" s="16"/>
    </row>
    <row r="41515" spans="7:10">
      <c r="G41515" s="16"/>
      <c r="H41515" s="16"/>
      <c r="I41515" s="16"/>
      <c r="J41515" s="16"/>
    </row>
    <row r="41516" spans="7:10">
      <c r="G41516" s="16"/>
      <c r="H41516" s="16"/>
      <c r="I41516" s="16"/>
      <c r="J41516" s="16"/>
    </row>
    <row r="41517" spans="7:10">
      <c r="G41517" s="16"/>
      <c r="H41517" s="16"/>
      <c r="I41517" s="16"/>
      <c r="J41517" s="16"/>
    </row>
    <row r="41518" spans="7:10">
      <c r="G41518" s="16"/>
      <c r="H41518" s="16"/>
      <c r="I41518" s="16"/>
      <c r="J41518" s="16"/>
    </row>
    <row r="41519" spans="7:10">
      <c r="G41519" s="16"/>
      <c r="H41519" s="16"/>
      <c r="I41519" s="16"/>
      <c r="J41519" s="16"/>
    </row>
    <row r="41520" spans="7:10">
      <c r="G41520" s="16"/>
      <c r="H41520" s="16"/>
      <c r="I41520" s="16"/>
      <c r="J41520" s="16"/>
    </row>
    <row r="41521" spans="7:10">
      <c r="G41521" s="16"/>
      <c r="H41521" s="16"/>
      <c r="I41521" s="16"/>
      <c r="J41521" s="16"/>
    </row>
    <row r="41522" spans="7:10">
      <c r="G41522" s="16"/>
      <c r="H41522" s="16"/>
      <c r="I41522" s="16"/>
      <c r="J41522" s="16"/>
    </row>
    <row r="41523" spans="7:10">
      <c r="G41523" s="16"/>
      <c r="H41523" s="16"/>
      <c r="I41523" s="16"/>
      <c r="J41523" s="16"/>
    </row>
    <row r="41524" spans="7:10">
      <c r="G41524" s="16"/>
      <c r="H41524" s="16"/>
      <c r="I41524" s="16"/>
      <c r="J41524" s="16"/>
    </row>
    <row r="41525" spans="7:10">
      <c r="G41525" s="16"/>
      <c r="H41525" s="16"/>
      <c r="I41525" s="16"/>
      <c r="J41525" s="16"/>
    </row>
    <row r="41526" spans="7:10">
      <c r="G41526" s="16"/>
      <c r="H41526" s="16"/>
      <c r="I41526" s="16"/>
      <c r="J41526" s="16"/>
    </row>
    <row r="41527" spans="7:10">
      <c r="G41527" s="16"/>
      <c r="H41527" s="16"/>
      <c r="I41527" s="16"/>
      <c r="J41527" s="16"/>
    </row>
    <row r="41528" spans="7:10">
      <c r="G41528" s="16"/>
      <c r="H41528" s="16"/>
      <c r="I41528" s="16"/>
      <c r="J41528" s="16"/>
    </row>
    <row r="41529" spans="7:10">
      <c r="G41529" s="16"/>
      <c r="H41529" s="16"/>
      <c r="I41529" s="16"/>
      <c r="J41529" s="16"/>
    </row>
    <row r="41530" spans="7:10">
      <c r="G41530" s="16"/>
      <c r="H41530" s="16"/>
      <c r="I41530" s="16"/>
      <c r="J41530" s="16"/>
    </row>
    <row r="41531" spans="7:10">
      <c r="G41531" s="16"/>
      <c r="H41531" s="16"/>
      <c r="I41531" s="16"/>
      <c r="J41531" s="16"/>
    </row>
    <row r="41532" spans="7:10">
      <c r="G41532" s="16"/>
      <c r="H41532" s="16"/>
      <c r="I41532" s="16"/>
      <c r="J41532" s="16"/>
    </row>
    <row r="41533" spans="7:10">
      <c r="G41533" s="16"/>
      <c r="H41533" s="16"/>
      <c r="I41533" s="16"/>
      <c r="J41533" s="16"/>
    </row>
    <row r="41534" spans="7:10">
      <c r="G41534" s="16"/>
      <c r="H41534" s="16"/>
      <c r="I41534" s="16"/>
      <c r="J41534" s="16"/>
    </row>
    <row r="41535" spans="7:10">
      <c r="G41535" s="16"/>
      <c r="H41535" s="16"/>
      <c r="I41535" s="16"/>
      <c r="J41535" s="16"/>
    </row>
    <row r="41536" spans="7:10">
      <c r="G41536" s="16"/>
      <c r="H41536" s="16"/>
      <c r="I41536" s="16"/>
      <c r="J41536" s="16"/>
    </row>
    <row r="41537" spans="7:10">
      <c r="G41537" s="16"/>
      <c r="H41537" s="16"/>
      <c r="I41537" s="16"/>
      <c r="J41537" s="16"/>
    </row>
    <row r="41538" spans="7:10">
      <c r="G41538" s="16"/>
      <c r="H41538" s="16"/>
      <c r="I41538" s="16"/>
      <c r="J41538" s="16"/>
    </row>
    <row r="41539" spans="7:10">
      <c r="G41539" s="16"/>
      <c r="H41539" s="16"/>
      <c r="I41539" s="16"/>
      <c r="J41539" s="16"/>
    </row>
    <row r="41540" spans="7:10">
      <c r="G41540" s="16"/>
      <c r="H41540" s="16"/>
      <c r="I41540" s="16"/>
      <c r="J41540" s="16"/>
    </row>
    <row r="41541" spans="7:10">
      <c r="G41541" s="16"/>
      <c r="H41541" s="16"/>
      <c r="I41541" s="16"/>
      <c r="J41541" s="16"/>
    </row>
    <row r="41542" spans="7:10">
      <c r="G41542" s="16"/>
      <c r="H41542" s="16"/>
      <c r="I41542" s="16"/>
      <c r="J41542" s="16"/>
    </row>
    <row r="41543" spans="7:10">
      <c r="G41543" s="16"/>
      <c r="H41543" s="16"/>
      <c r="I41543" s="16"/>
      <c r="J41543" s="16"/>
    </row>
    <row r="41544" spans="7:10">
      <c r="G41544" s="16"/>
      <c r="H41544" s="16"/>
      <c r="I41544" s="16"/>
      <c r="J41544" s="16"/>
    </row>
    <row r="41545" spans="7:10">
      <c r="G41545" s="16"/>
      <c r="H41545" s="16"/>
      <c r="I41545" s="16"/>
      <c r="J41545" s="16"/>
    </row>
    <row r="41546" spans="7:10">
      <c r="G41546" s="16"/>
      <c r="H41546" s="16"/>
      <c r="I41546" s="16"/>
      <c r="J41546" s="16"/>
    </row>
    <row r="41547" spans="7:10">
      <c r="G41547" s="16"/>
      <c r="H41547" s="16"/>
      <c r="I41547" s="16"/>
      <c r="J41547" s="16"/>
    </row>
    <row r="41548" spans="7:10">
      <c r="G41548" s="16"/>
      <c r="H41548" s="16"/>
      <c r="I41548" s="16"/>
      <c r="J41548" s="16"/>
    </row>
    <row r="41549" spans="7:10">
      <c r="G41549" s="16"/>
      <c r="H41549" s="16"/>
      <c r="I41549" s="16"/>
      <c r="J41549" s="16"/>
    </row>
    <row r="41550" spans="7:10">
      <c r="G41550" s="16"/>
      <c r="H41550" s="16"/>
      <c r="I41550" s="16"/>
      <c r="J41550" s="16"/>
    </row>
    <row r="41551" spans="7:10">
      <c r="G41551" s="16"/>
      <c r="H41551" s="16"/>
      <c r="I41551" s="16"/>
      <c r="J41551" s="16"/>
    </row>
    <row r="41552" spans="7:10">
      <c r="G41552" s="16"/>
      <c r="H41552" s="16"/>
      <c r="I41552" s="16"/>
      <c r="J41552" s="16"/>
    </row>
    <row r="41553" spans="7:10">
      <c r="G41553" s="16"/>
      <c r="H41553" s="16"/>
      <c r="I41553" s="16"/>
      <c r="J41553" s="16"/>
    </row>
    <row r="41554" spans="7:10">
      <c r="G41554" s="16"/>
      <c r="H41554" s="16"/>
      <c r="I41554" s="16"/>
      <c r="J41554" s="16"/>
    </row>
    <row r="41555" spans="7:10">
      <c r="G41555" s="16"/>
      <c r="H41555" s="16"/>
      <c r="I41555" s="16"/>
      <c r="J41555" s="16"/>
    </row>
    <row r="41556" spans="7:10">
      <c r="G41556" s="16"/>
      <c r="H41556" s="16"/>
      <c r="I41556" s="16"/>
      <c r="J41556" s="16"/>
    </row>
    <row r="41557" spans="7:10">
      <c r="G41557" s="16"/>
      <c r="H41557" s="16"/>
      <c r="I41557" s="16"/>
      <c r="J41557" s="16"/>
    </row>
    <row r="41558" spans="7:10">
      <c r="G41558" s="16"/>
      <c r="H41558" s="16"/>
      <c r="I41558" s="16"/>
      <c r="J41558" s="16"/>
    </row>
    <row r="41559" spans="7:10">
      <c r="G41559" s="16"/>
      <c r="H41559" s="16"/>
      <c r="I41559" s="16"/>
      <c r="J41559" s="16"/>
    </row>
    <row r="41560" spans="7:10">
      <c r="G41560" s="16"/>
      <c r="H41560" s="16"/>
      <c r="I41560" s="16"/>
      <c r="J41560" s="16"/>
    </row>
    <row r="41561" spans="7:10">
      <c r="G41561" s="16"/>
      <c r="H41561" s="16"/>
      <c r="I41561" s="16"/>
      <c r="J41561" s="16"/>
    </row>
    <row r="41562" spans="7:10">
      <c r="G41562" s="16"/>
      <c r="H41562" s="16"/>
      <c r="I41562" s="16"/>
      <c r="J41562" s="16"/>
    </row>
    <row r="41563" spans="7:10">
      <c r="G41563" s="16"/>
      <c r="H41563" s="16"/>
      <c r="I41563" s="16"/>
      <c r="J41563" s="16"/>
    </row>
    <row r="41564" spans="7:10">
      <c r="G41564" s="16"/>
      <c r="H41564" s="16"/>
      <c r="I41564" s="16"/>
      <c r="J41564" s="16"/>
    </row>
    <row r="41565" spans="7:10">
      <c r="G41565" s="16"/>
      <c r="H41565" s="16"/>
      <c r="I41565" s="16"/>
      <c r="J41565" s="16"/>
    </row>
    <row r="41566" spans="7:10">
      <c r="G41566" s="16"/>
      <c r="H41566" s="16"/>
      <c r="I41566" s="16"/>
      <c r="J41566" s="16"/>
    </row>
    <row r="41567" spans="7:10">
      <c r="G41567" s="16"/>
      <c r="H41567" s="16"/>
      <c r="I41567" s="16"/>
      <c r="J41567" s="16"/>
    </row>
    <row r="41568" spans="7:10">
      <c r="G41568" s="16"/>
      <c r="H41568" s="16"/>
      <c r="I41568" s="16"/>
      <c r="J41568" s="16"/>
    </row>
    <row r="41569" spans="7:10">
      <c r="G41569" s="16"/>
      <c r="H41569" s="16"/>
      <c r="I41569" s="16"/>
      <c r="J41569" s="16"/>
    </row>
    <row r="41570" spans="7:10">
      <c r="G41570" s="16"/>
      <c r="H41570" s="16"/>
      <c r="I41570" s="16"/>
      <c r="J41570" s="16"/>
    </row>
    <row r="41571" spans="7:10">
      <c r="G41571" s="16"/>
      <c r="H41571" s="16"/>
      <c r="I41571" s="16"/>
      <c r="J41571" s="16"/>
    </row>
    <row r="41572" spans="7:10">
      <c r="G41572" s="16"/>
      <c r="H41572" s="16"/>
      <c r="I41572" s="16"/>
      <c r="J41572" s="16"/>
    </row>
    <row r="41573" spans="7:10">
      <c r="G41573" s="16"/>
      <c r="H41573" s="16"/>
      <c r="I41573" s="16"/>
      <c r="J41573" s="16"/>
    </row>
    <row r="41574" spans="7:10">
      <c r="G41574" s="16"/>
      <c r="H41574" s="16"/>
      <c r="I41574" s="16"/>
      <c r="J41574" s="16"/>
    </row>
    <row r="41575" spans="7:10">
      <c r="G41575" s="16"/>
      <c r="H41575" s="16"/>
      <c r="I41575" s="16"/>
      <c r="J41575" s="16"/>
    </row>
    <row r="41576" spans="7:10">
      <c r="G41576" s="16"/>
      <c r="H41576" s="16"/>
      <c r="I41576" s="16"/>
      <c r="J41576" s="16"/>
    </row>
    <row r="41577" spans="7:10">
      <c r="G41577" s="16"/>
      <c r="H41577" s="16"/>
      <c r="I41577" s="16"/>
      <c r="J41577" s="16"/>
    </row>
    <row r="41578" spans="7:10">
      <c r="G41578" s="16"/>
      <c r="H41578" s="16"/>
      <c r="I41578" s="16"/>
      <c r="J41578" s="16"/>
    </row>
    <row r="41579" spans="7:10">
      <c r="G41579" s="16"/>
      <c r="H41579" s="16"/>
      <c r="I41579" s="16"/>
      <c r="J41579" s="16"/>
    </row>
    <row r="41580" spans="7:10">
      <c r="G41580" s="16"/>
      <c r="H41580" s="16"/>
      <c r="I41580" s="16"/>
      <c r="J41580" s="16"/>
    </row>
    <row r="41581" spans="7:10">
      <c r="G41581" s="16"/>
      <c r="H41581" s="16"/>
      <c r="I41581" s="16"/>
      <c r="J41581" s="16"/>
    </row>
    <row r="41582" spans="7:10">
      <c r="G41582" s="16"/>
      <c r="H41582" s="16"/>
      <c r="I41582" s="16"/>
      <c r="J41582" s="16"/>
    </row>
    <row r="41583" spans="7:10">
      <c r="G41583" s="16"/>
      <c r="H41583" s="16"/>
      <c r="I41583" s="16"/>
      <c r="J41583" s="16"/>
    </row>
    <row r="41584" spans="7:10">
      <c r="G41584" s="16"/>
      <c r="H41584" s="16"/>
      <c r="I41584" s="16"/>
      <c r="J41584" s="16"/>
    </row>
    <row r="41585" spans="7:10">
      <c r="G41585" s="16"/>
      <c r="H41585" s="16"/>
      <c r="I41585" s="16"/>
      <c r="J41585" s="16"/>
    </row>
    <row r="41586" spans="7:10">
      <c r="G41586" s="16"/>
      <c r="H41586" s="16"/>
      <c r="I41586" s="16"/>
      <c r="J41586" s="16"/>
    </row>
    <row r="41587" spans="7:10">
      <c r="G41587" s="16"/>
      <c r="H41587" s="16"/>
      <c r="I41587" s="16"/>
      <c r="J41587" s="16"/>
    </row>
    <row r="41588" spans="7:10">
      <c r="G41588" s="16"/>
      <c r="H41588" s="16"/>
      <c r="I41588" s="16"/>
      <c r="J41588" s="16"/>
    </row>
    <row r="41589" spans="7:10">
      <c r="G41589" s="16"/>
      <c r="H41589" s="16"/>
      <c r="I41589" s="16"/>
      <c r="J41589" s="16"/>
    </row>
    <row r="41590" spans="7:10">
      <c r="G41590" s="16"/>
      <c r="H41590" s="16"/>
      <c r="I41590" s="16"/>
      <c r="J41590" s="16"/>
    </row>
    <row r="41591" spans="7:10">
      <c r="G41591" s="16"/>
      <c r="H41591" s="16"/>
      <c r="I41591" s="16"/>
      <c r="J41591" s="16"/>
    </row>
    <row r="41592" spans="7:10">
      <c r="G41592" s="16"/>
      <c r="H41592" s="16"/>
      <c r="I41592" s="16"/>
      <c r="J41592" s="16"/>
    </row>
    <row r="41593" spans="7:10">
      <c r="G41593" s="16"/>
      <c r="H41593" s="16"/>
      <c r="I41593" s="16"/>
      <c r="J41593" s="16"/>
    </row>
    <row r="41594" spans="7:10">
      <c r="G41594" s="16"/>
      <c r="H41594" s="16"/>
      <c r="I41594" s="16"/>
      <c r="J41594" s="16"/>
    </row>
    <row r="41595" spans="7:10">
      <c r="G41595" s="16"/>
      <c r="H41595" s="16"/>
      <c r="I41595" s="16"/>
      <c r="J41595" s="16"/>
    </row>
    <row r="41596" spans="7:10">
      <c r="G41596" s="16"/>
      <c r="H41596" s="16"/>
      <c r="I41596" s="16"/>
      <c r="J41596" s="16"/>
    </row>
    <row r="41597" spans="7:10">
      <c r="G41597" s="16"/>
      <c r="H41597" s="16"/>
      <c r="I41597" s="16"/>
      <c r="J41597" s="16"/>
    </row>
    <row r="41598" spans="7:10">
      <c r="G41598" s="16"/>
      <c r="H41598" s="16"/>
      <c r="I41598" s="16"/>
      <c r="J41598" s="16"/>
    </row>
    <row r="41599" spans="7:10">
      <c r="G41599" s="16"/>
      <c r="H41599" s="16"/>
      <c r="I41599" s="16"/>
      <c r="J41599" s="16"/>
    </row>
    <row r="41600" spans="7:10">
      <c r="G41600" s="16"/>
      <c r="H41600" s="16"/>
      <c r="I41600" s="16"/>
      <c r="J41600" s="16"/>
    </row>
    <row r="41601" spans="7:10">
      <c r="G41601" s="16"/>
      <c r="H41601" s="16"/>
      <c r="I41601" s="16"/>
      <c r="J41601" s="16"/>
    </row>
    <row r="41602" spans="7:10">
      <c r="G41602" s="16"/>
      <c r="H41602" s="16"/>
      <c r="I41602" s="16"/>
      <c r="J41602" s="16"/>
    </row>
    <row r="41603" spans="7:10">
      <c r="G41603" s="16"/>
      <c r="H41603" s="16"/>
      <c r="I41603" s="16"/>
      <c r="J41603" s="16"/>
    </row>
    <row r="41604" spans="7:10">
      <c r="G41604" s="16"/>
      <c r="H41604" s="16"/>
      <c r="I41604" s="16"/>
      <c r="J41604" s="16"/>
    </row>
    <row r="41605" spans="7:10">
      <c r="G41605" s="16"/>
      <c r="H41605" s="16"/>
      <c r="I41605" s="16"/>
      <c r="J41605" s="16"/>
    </row>
    <row r="41606" spans="7:10">
      <c r="G41606" s="16"/>
      <c r="H41606" s="16"/>
      <c r="I41606" s="16"/>
      <c r="J41606" s="16"/>
    </row>
    <row r="41607" spans="7:10">
      <c r="G41607" s="16"/>
      <c r="H41607" s="16"/>
      <c r="I41607" s="16"/>
      <c r="J41607" s="16"/>
    </row>
    <row r="41608" spans="7:10">
      <c r="G41608" s="16"/>
      <c r="H41608" s="16"/>
      <c r="I41608" s="16"/>
      <c r="J41608" s="16"/>
    </row>
    <row r="41609" spans="7:10">
      <c r="G41609" s="16"/>
      <c r="H41609" s="16"/>
      <c r="I41609" s="16"/>
      <c r="J41609" s="16"/>
    </row>
    <row r="41610" spans="7:10">
      <c r="G41610" s="16"/>
      <c r="H41610" s="16"/>
      <c r="I41610" s="16"/>
      <c r="J41610" s="16"/>
    </row>
    <row r="41611" spans="7:10">
      <c r="G41611" s="16"/>
      <c r="H41611" s="16"/>
      <c r="I41611" s="16"/>
      <c r="J41611" s="16"/>
    </row>
    <row r="41612" spans="7:10">
      <c r="G41612" s="16"/>
      <c r="H41612" s="16"/>
      <c r="I41612" s="16"/>
      <c r="J41612" s="16"/>
    </row>
    <row r="41613" spans="7:10">
      <c r="G41613" s="16"/>
      <c r="H41613" s="16"/>
      <c r="I41613" s="16"/>
      <c r="J41613" s="16"/>
    </row>
    <row r="41614" spans="7:10">
      <c r="G41614" s="16"/>
      <c r="H41614" s="16"/>
      <c r="I41614" s="16"/>
      <c r="J41614" s="16"/>
    </row>
    <row r="41615" spans="7:10">
      <c r="G41615" s="16"/>
      <c r="H41615" s="16"/>
      <c r="I41615" s="16"/>
      <c r="J41615" s="16"/>
    </row>
    <row r="41616" spans="7:10">
      <c r="G41616" s="16"/>
      <c r="H41616" s="16"/>
      <c r="I41616" s="16"/>
      <c r="J41616" s="16"/>
    </row>
    <row r="41617" spans="7:10">
      <c r="G41617" s="16"/>
      <c r="H41617" s="16"/>
      <c r="I41617" s="16"/>
      <c r="J41617" s="16"/>
    </row>
    <row r="41618" spans="7:10">
      <c r="G41618" s="16"/>
      <c r="H41618" s="16"/>
      <c r="I41618" s="16"/>
      <c r="J41618" s="16"/>
    </row>
    <row r="41619" spans="7:10">
      <c r="G41619" s="16"/>
      <c r="H41619" s="16"/>
      <c r="I41619" s="16"/>
      <c r="J41619" s="16"/>
    </row>
    <row r="41620" spans="7:10">
      <c r="G41620" s="16"/>
      <c r="H41620" s="16"/>
      <c r="I41620" s="16"/>
      <c r="J41620" s="16"/>
    </row>
    <row r="41621" spans="7:10">
      <c r="G41621" s="16"/>
      <c r="H41621" s="16"/>
      <c r="I41621" s="16"/>
      <c r="J41621" s="16"/>
    </row>
    <row r="41622" spans="7:10">
      <c r="G41622" s="16"/>
      <c r="H41622" s="16"/>
      <c r="I41622" s="16"/>
      <c r="J41622" s="16"/>
    </row>
    <row r="41623" spans="7:10">
      <c r="G41623" s="16"/>
      <c r="H41623" s="16"/>
      <c r="I41623" s="16"/>
      <c r="J41623" s="16"/>
    </row>
    <row r="41624" spans="7:10">
      <c r="G41624" s="16"/>
      <c r="H41624" s="16"/>
      <c r="I41624" s="16"/>
      <c r="J41624" s="16"/>
    </row>
    <row r="41625" spans="7:10">
      <c r="G41625" s="16"/>
      <c r="H41625" s="16"/>
      <c r="I41625" s="16"/>
      <c r="J41625" s="16"/>
    </row>
    <row r="41626" spans="7:10">
      <c r="G41626" s="16"/>
      <c r="H41626" s="16"/>
      <c r="I41626" s="16"/>
      <c r="J41626" s="16"/>
    </row>
    <row r="41627" spans="7:10">
      <c r="G41627" s="16"/>
      <c r="H41627" s="16"/>
      <c r="I41627" s="16"/>
      <c r="J41627" s="16"/>
    </row>
    <row r="41628" spans="7:10">
      <c r="G41628" s="16"/>
      <c r="H41628" s="16"/>
      <c r="I41628" s="16"/>
      <c r="J41628" s="16"/>
    </row>
    <row r="41629" spans="7:10">
      <c r="G41629" s="16"/>
      <c r="H41629" s="16"/>
      <c r="I41629" s="16"/>
      <c r="J41629" s="16"/>
    </row>
    <row r="41630" spans="7:10">
      <c r="G41630" s="16"/>
      <c r="H41630" s="16"/>
      <c r="I41630" s="16"/>
      <c r="J41630" s="16"/>
    </row>
    <row r="41631" spans="7:10">
      <c r="G41631" s="16"/>
      <c r="H41631" s="16"/>
      <c r="I41631" s="16"/>
      <c r="J41631" s="16"/>
    </row>
    <row r="41632" spans="7:10">
      <c r="G41632" s="16"/>
      <c r="H41632" s="16"/>
      <c r="I41632" s="16"/>
      <c r="J41632" s="16"/>
    </row>
    <row r="41633" spans="7:10">
      <c r="G41633" s="16"/>
      <c r="H41633" s="16"/>
      <c r="I41633" s="16"/>
      <c r="J41633" s="16"/>
    </row>
    <row r="41634" spans="7:10">
      <c r="G41634" s="16"/>
      <c r="H41634" s="16"/>
      <c r="I41634" s="16"/>
      <c r="J41634" s="16"/>
    </row>
    <row r="41635" spans="7:10">
      <c r="G41635" s="16"/>
      <c r="H41635" s="16"/>
      <c r="I41635" s="16"/>
      <c r="J41635" s="16"/>
    </row>
    <row r="41636" spans="7:10">
      <c r="G41636" s="16"/>
      <c r="H41636" s="16"/>
      <c r="I41636" s="16"/>
      <c r="J41636" s="16"/>
    </row>
    <row r="41637" spans="7:10">
      <c r="G41637" s="16"/>
      <c r="H41637" s="16"/>
      <c r="I41637" s="16"/>
      <c r="J41637" s="16"/>
    </row>
    <row r="41638" spans="7:10">
      <c r="G41638" s="16"/>
      <c r="H41638" s="16"/>
      <c r="I41638" s="16"/>
      <c r="J41638" s="16"/>
    </row>
    <row r="41639" spans="7:10">
      <c r="G41639" s="16"/>
      <c r="H41639" s="16"/>
      <c r="I41639" s="16"/>
      <c r="J41639" s="16"/>
    </row>
    <row r="41640" spans="7:10">
      <c r="G41640" s="16"/>
      <c r="H41640" s="16"/>
      <c r="I41640" s="16"/>
      <c r="J41640" s="16"/>
    </row>
    <row r="41641" spans="7:10">
      <c r="G41641" s="16"/>
      <c r="H41641" s="16"/>
      <c r="I41641" s="16"/>
      <c r="J41641" s="16"/>
    </row>
    <row r="41642" spans="7:10">
      <c r="G41642" s="16"/>
      <c r="H41642" s="16"/>
      <c r="I41642" s="16"/>
      <c r="J41642" s="16"/>
    </row>
    <row r="41643" spans="7:10">
      <c r="G41643" s="16"/>
      <c r="H41643" s="16"/>
      <c r="I41643" s="16"/>
      <c r="J41643" s="16"/>
    </row>
    <row r="41644" spans="7:10">
      <c r="G41644" s="16"/>
      <c r="H41644" s="16"/>
      <c r="I41644" s="16"/>
      <c r="J41644" s="16"/>
    </row>
    <row r="41645" spans="7:10">
      <c r="G41645" s="16"/>
      <c r="H41645" s="16"/>
      <c r="I41645" s="16"/>
      <c r="J41645" s="16"/>
    </row>
    <row r="41646" spans="7:10">
      <c r="G41646" s="16"/>
      <c r="H41646" s="16"/>
      <c r="I41646" s="16"/>
      <c r="J41646" s="16"/>
    </row>
    <row r="41647" spans="7:10">
      <c r="G41647" s="16"/>
      <c r="H41647" s="16"/>
      <c r="I41647" s="16"/>
      <c r="J41647" s="16"/>
    </row>
    <row r="41648" spans="7:10">
      <c r="G41648" s="16"/>
      <c r="H41648" s="16"/>
      <c r="I41648" s="16"/>
      <c r="J41648" s="16"/>
    </row>
    <row r="41649" spans="7:10">
      <c r="G41649" s="16"/>
      <c r="H41649" s="16"/>
      <c r="I41649" s="16"/>
      <c r="J41649" s="16"/>
    </row>
    <row r="41650" spans="7:10">
      <c r="G41650" s="16"/>
      <c r="H41650" s="16"/>
      <c r="I41650" s="16"/>
      <c r="J41650" s="16"/>
    </row>
    <row r="41651" spans="7:10">
      <c r="G41651" s="16"/>
      <c r="H41651" s="16"/>
      <c r="I41651" s="16"/>
      <c r="J41651" s="16"/>
    </row>
    <row r="41652" spans="7:10">
      <c r="G41652" s="16"/>
      <c r="H41652" s="16"/>
      <c r="I41652" s="16"/>
      <c r="J41652" s="16"/>
    </row>
    <row r="41653" spans="7:10">
      <c r="G41653" s="16"/>
      <c r="H41653" s="16"/>
      <c r="I41653" s="16"/>
      <c r="J41653" s="16"/>
    </row>
    <row r="41654" spans="7:10">
      <c r="G41654" s="16"/>
      <c r="H41654" s="16"/>
      <c r="I41654" s="16"/>
      <c r="J41654" s="16"/>
    </row>
    <row r="41655" spans="7:10">
      <c r="G41655" s="16"/>
      <c r="H41655" s="16"/>
      <c r="I41655" s="16"/>
      <c r="J41655" s="16"/>
    </row>
    <row r="41656" spans="7:10">
      <c r="G41656" s="16"/>
      <c r="H41656" s="16"/>
      <c r="I41656" s="16"/>
      <c r="J41656" s="16"/>
    </row>
    <row r="41657" spans="7:10">
      <c r="G41657" s="16"/>
      <c r="H41657" s="16"/>
      <c r="I41657" s="16"/>
      <c r="J41657" s="16"/>
    </row>
    <row r="41658" spans="7:10">
      <c r="G41658" s="16"/>
      <c r="H41658" s="16"/>
      <c r="I41658" s="16"/>
      <c r="J41658" s="16"/>
    </row>
    <row r="41659" spans="7:10">
      <c r="G41659" s="16"/>
      <c r="H41659" s="16"/>
      <c r="I41659" s="16"/>
      <c r="J41659" s="16"/>
    </row>
    <row r="41660" spans="7:10">
      <c r="G41660" s="16"/>
      <c r="H41660" s="16"/>
      <c r="I41660" s="16"/>
      <c r="J41660" s="16"/>
    </row>
    <row r="41661" spans="7:10">
      <c r="G41661" s="16"/>
      <c r="H41661" s="16"/>
      <c r="I41661" s="16"/>
      <c r="J41661" s="16"/>
    </row>
    <row r="41662" spans="7:10">
      <c r="G41662" s="16"/>
      <c r="H41662" s="16"/>
      <c r="I41662" s="16"/>
      <c r="J41662" s="16"/>
    </row>
    <row r="41663" spans="7:10">
      <c r="G41663" s="16"/>
      <c r="H41663" s="16"/>
      <c r="I41663" s="16"/>
      <c r="J41663" s="16"/>
    </row>
    <row r="41664" spans="7:10">
      <c r="G41664" s="16"/>
      <c r="H41664" s="16"/>
      <c r="I41664" s="16"/>
      <c r="J41664" s="16"/>
    </row>
    <row r="41665" spans="7:10">
      <c r="G41665" s="16"/>
      <c r="H41665" s="16"/>
      <c r="I41665" s="16"/>
      <c r="J41665" s="16"/>
    </row>
    <row r="41666" spans="7:10">
      <c r="G41666" s="16"/>
      <c r="H41666" s="16"/>
      <c r="I41666" s="16"/>
      <c r="J41666" s="16"/>
    </row>
    <row r="41667" spans="7:10">
      <c r="G41667" s="16"/>
      <c r="H41667" s="16"/>
      <c r="I41667" s="16"/>
      <c r="J41667" s="16"/>
    </row>
    <row r="41668" spans="7:10">
      <c r="G41668" s="16"/>
      <c r="H41668" s="16"/>
      <c r="I41668" s="16"/>
      <c r="J41668" s="16"/>
    </row>
    <row r="41669" spans="7:10">
      <c r="G41669" s="16"/>
      <c r="H41669" s="16"/>
      <c r="I41669" s="16"/>
      <c r="J41669" s="16"/>
    </row>
    <row r="41670" spans="7:10">
      <c r="G41670" s="16"/>
      <c r="H41670" s="16"/>
      <c r="I41670" s="16"/>
      <c r="J41670" s="16"/>
    </row>
    <row r="41671" spans="7:10">
      <c r="G41671" s="16"/>
      <c r="H41671" s="16"/>
      <c r="I41671" s="16"/>
      <c r="J41671" s="16"/>
    </row>
    <row r="41672" spans="7:10">
      <c r="G41672" s="16"/>
      <c r="H41672" s="16"/>
      <c r="I41672" s="16"/>
      <c r="J41672" s="16"/>
    </row>
    <row r="41673" spans="7:10">
      <c r="G41673" s="16"/>
      <c r="H41673" s="16"/>
      <c r="I41673" s="16"/>
      <c r="J41673" s="16"/>
    </row>
    <row r="41674" spans="7:10">
      <c r="G41674" s="16"/>
      <c r="H41674" s="16"/>
      <c r="I41674" s="16"/>
      <c r="J41674" s="16"/>
    </row>
    <row r="41675" spans="7:10">
      <c r="G41675" s="16"/>
      <c r="H41675" s="16"/>
      <c r="I41675" s="16"/>
      <c r="J41675" s="16"/>
    </row>
    <row r="41676" spans="7:10">
      <c r="G41676" s="16"/>
      <c r="H41676" s="16"/>
      <c r="I41676" s="16"/>
      <c r="J41676" s="16"/>
    </row>
    <row r="41677" spans="7:10">
      <c r="G41677" s="16"/>
      <c r="H41677" s="16"/>
      <c r="I41677" s="16"/>
      <c r="J41677" s="16"/>
    </row>
    <row r="41678" spans="7:10">
      <c r="G41678" s="16"/>
      <c r="H41678" s="16"/>
      <c r="I41678" s="16"/>
      <c r="J41678" s="16"/>
    </row>
    <row r="41679" spans="7:10">
      <c r="G41679" s="16"/>
      <c r="H41679" s="16"/>
      <c r="I41679" s="16"/>
      <c r="J41679" s="16"/>
    </row>
    <row r="41680" spans="7:10">
      <c r="G41680" s="16"/>
      <c r="H41680" s="16"/>
      <c r="I41680" s="16"/>
      <c r="J41680" s="16"/>
    </row>
    <row r="41681" spans="7:10">
      <c r="G41681" s="16"/>
      <c r="H41681" s="16"/>
      <c r="I41681" s="16"/>
      <c r="J41681" s="16"/>
    </row>
    <row r="41682" spans="7:10">
      <c r="G41682" s="16"/>
      <c r="H41682" s="16"/>
      <c r="I41682" s="16"/>
      <c r="J41682" s="16"/>
    </row>
    <row r="41683" spans="7:10">
      <c r="G41683" s="16"/>
      <c r="H41683" s="16"/>
      <c r="I41683" s="16"/>
      <c r="J41683" s="16"/>
    </row>
    <row r="41684" spans="7:10">
      <c r="G41684" s="16"/>
      <c r="H41684" s="16"/>
      <c r="I41684" s="16"/>
      <c r="J41684" s="16"/>
    </row>
    <row r="41685" spans="7:10">
      <c r="G41685" s="16"/>
      <c r="H41685" s="16"/>
      <c r="I41685" s="16"/>
      <c r="J41685" s="16"/>
    </row>
    <row r="41686" spans="7:10">
      <c r="G41686" s="16"/>
      <c r="H41686" s="16"/>
      <c r="I41686" s="16"/>
      <c r="J41686" s="16"/>
    </row>
    <row r="41687" spans="7:10">
      <c r="G41687" s="16"/>
      <c r="H41687" s="16"/>
      <c r="I41687" s="16"/>
      <c r="J41687" s="16"/>
    </row>
    <row r="41688" spans="7:10">
      <c r="G41688" s="16"/>
      <c r="H41688" s="16"/>
      <c r="I41688" s="16"/>
      <c r="J41688" s="16"/>
    </row>
    <row r="41689" spans="7:10">
      <c r="G41689" s="16"/>
      <c r="H41689" s="16"/>
      <c r="I41689" s="16"/>
      <c r="J41689" s="16"/>
    </row>
    <row r="41690" spans="7:10">
      <c r="G41690" s="16"/>
      <c r="H41690" s="16"/>
      <c r="I41690" s="16"/>
      <c r="J41690" s="16"/>
    </row>
    <row r="41691" spans="7:10">
      <c r="G41691" s="16"/>
      <c r="H41691" s="16"/>
      <c r="I41691" s="16"/>
      <c r="J41691" s="16"/>
    </row>
    <row r="41692" spans="7:10">
      <c r="G41692" s="16"/>
      <c r="H41692" s="16"/>
      <c r="I41692" s="16"/>
      <c r="J41692" s="16"/>
    </row>
    <row r="41693" spans="7:10">
      <c r="G41693" s="16"/>
      <c r="H41693" s="16"/>
      <c r="I41693" s="16"/>
      <c r="J41693" s="16"/>
    </row>
    <row r="41694" spans="7:10">
      <c r="G41694" s="16"/>
      <c r="H41694" s="16"/>
      <c r="I41694" s="16"/>
      <c r="J41694" s="16"/>
    </row>
    <row r="41695" spans="7:10">
      <c r="G41695" s="16"/>
      <c r="H41695" s="16"/>
      <c r="I41695" s="16"/>
      <c r="J41695" s="16"/>
    </row>
    <row r="41696" spans="7:10">
      <c r="G41696" s="16"/>
      <c r="H41696" s="16"/>
      <c r="I41696" s="16"/>
      <c r="J41696" s="16"/>
    </row>
    <row r="41697" spans="7:10">
      <c r="G41697" s="16"/>
      <c r="H41697" s="16"/>
      <c r="I41697" s="16"/>
      <c r="J41697" s="16"/>
    </row>
    <row r="41698" spans="7:10">
      <c r="G41698" s="16"/>
      <c r="H41698" s="16"/>
      <c r="I41698" s="16"/>
      <c r="J41698" s="16"/>
    </row>
    <row r="41699" spans="7:10">
      <c r="G41699" s="16"/>
      <c r="H41699" s="16"/>
      <c r="I41699" s="16"/>
      <c r="J41699" s="16"/>
    </row>
    <row r="41700" spans="7:10">
      <c r="G41700" s="16"/>
      <c r="H41700" s="16"/>
      <c r="I41700" s="16"/>
      <c r="J41700" s="16"/>
    </row>
    <row r="41701" spans="7:10">
      <c r="G41701" s="16"/>
      <c r="H41701" s="16"/>
      <c r="I41701" s="16"/>
      <c r="J41701" s="16"/>
    </row>
    <row r="41702" spans="7:10">
      <c r="G41702" s="16"/>
      <c r="H41702" s="16"/>
      <c r="I41702" s="16"/>
      <c r="J41702" s="16"/>
    </row>
    <row r="41703" spans="7:10">
      <c r="G41703" s="16"/>
      <c r="H41703" s="16"/>
      <c r="I41703" s="16"/>
      <c r="J41703" s="16"/>
    </row>
    <row r="41704" spans="7:10">
      <c r="G41704" s="16"/>
      <c r="H41704" s="16"/>
      <c r="I41704" s="16"/>
      <c r="J41704" s="16"/>
    </row>
    <row r="41705" spans="7:10">
      <c r="G41705" s="16"/>
      <c r="H41705" s="16"/>
      <c r="I41705" s="16"/>
      <c r="J41705" s="16"/>
    </row>
    <row r="41706" spans="7:10">
      <c r="G41706" s="16"/>
      <c r="H41706" s="16"/>
      <c r="I41706" s="16"/>
      <c r="J41706" s="16"/>
    </row>
    <row r="41707" spans="7:10">
      <c r="G41707" s="16"/>
      <c r="H41707" s="16"/>
      <c r="I41707" s="16"/>
      <c r="J41707" s="16"/>
    </row>
    <row r="41708" spans="7:10">
      <c r="G41708" s="16"/>
      <c r="H41708" s="16"/>
      <c r="I41708" s="16"/>
      <c r="J41708" s="16"/>
    </row>
    <row r="41709" spans="7:10">
      <c r="G41709" s="16"/>
      <c r="H41709" s="16"/>
      <c r="I41709" s="16"/>
      <c r="J41709" s="16"/>
    </row>
    <row r="41710" spans="7:10">
      <c r="G41710" s="16"/>
      <c r="H41710" s="16"/>
      <c r="I41710" s="16"/>
      <c r="J41710" s="16"/>
    </row>
    <row r="41711" spans="7:10">
      <c r="G41711" s="16"/>
      <c r="H41711" s="16"/>
      <c r="I41711" s="16"/>
      <c r="J41711" s="16"/>
    </row>
    <row r="41712" spans="7:10">
      <c r="G41712" s="16"/>
      <c r="H41712" s="16"/>
      <c r="I41712" s="16"/>
      <c r="J41712" s="16"/>
    </row>
    <row r="41713" spans="7:10">
      <c r="G41713" s="16"/>
      <c r="H41713" s="16"/>
      <c r="I41713" s="16"/>
      <c r="J41713" s="16"/>
    </row>
    <row r="41714" spans="7:10">
      <c r="G41714" s="16"/>
      <c r="H41714" s="16"/>
      <c r="I41714" s="16"/>
      <c r="J41714" s="16"/>
    </row>
    <row r="41715" spans="7:10">
      <c r="G41715" s="16"/>
      <c r="H41715" s="16"/>
      <c r="I41715" s="16"/>
      <c r="J41715" s="16"/>
    </row>
    <row r="41716" spans="7:10">
      <c r="G41716" s="16"/>
      <c r="H41716" s="16"/>
      <c r="I41716" s="16"/>
      <c r="J41716" s="16"/>
    </row>
    <row r="41717" spans="7:10">
      <c r="G41717" s="16"/>
      <c r="H41717" s="16"/>
      <c r="I41717" s="16"/>
      <c r="J41717" s="16"/>
    </row>
    <row r="41718" spans="7:10">
      <c r="G41718" s="16"/>
      <c r="H41718" s="16"/>
      <c r="I41718" s="16"/>
      <c r="J41718" s="16"/>
    </row>
    <row r="41719" spans="7:10">
      <c r="G41719" s="16"/>
      <c r="H41719" s="16"/>
      <c r="I41719" s="16"/>
      <c r="J41719" s="16"/>
    </row>
    <row r="41720" spans="7:10">
      <c r="G41720" s="16"/>
      <c r="H41720" s="16"/>
      <c r="I41720" s="16"/>
      <c r="J41720" s="16"/>
    </row>
    <row r="41721" spans="7:10">
      <c r="G41721" s="16"/>
      <c r="H41721" s="16"/>
      <c r="I41721" s="16"/>
      <c r="J41721" s="16"/>
    </row>
    <row r="41722" spans="7:10">
      <c r="G41722" s="16"/>
      <c r="H41722" s="16"/>
      <c r="I41722" s="16"/>
      <c r="J41722" s="16"/>
    </row>
    <row r="41723" spans="7:10">
      <c r="G41723" s="16"/>
      <c r="H41723" s="16"/>
      <c r="I41723" s="16"/>
      <c r="J41723" s="16"/>
    </row>
    <row r="41724" spans="7:10">
      <c r="G41724" s="16"/>
      <c r="H41724" s="16"/>
      <c r="I41724" s="16"/>
      <c r="J41724" s="16"/>
    </row>
    <row r="41725" spans="7:10">
      <c r="G41725" s="16"/>
      <c r="H41725" s="16"/>
      <c r="I41725" s="16"/>
      <c r="J41725" s="16"/>
    </row>
    <row r="41726" spans="7:10">
      <c r="G41726" s="16"/>
      <c r="H41726" s="16"/>
      <c r="I41726" s="16"/>
      <c r="J41726" s="16"/>
    </row>
    <row r="41727" spans="7:10">
      <c r="G41727" s="16"/>
      <c r="H41727" s="16"/>
      <c r="I41727" s="16"/>
      <c r="J41727" s="16"/>
    </row>
    <row r="41728" spans="7:10">
      <c r="G41728" s="16"/>
      <c r="H41728" s="16"/>
      <c r="I41728" s="16"/>
      <c r="J41728" s="16"/>
    </row>
    <row r="41729" spans="7:10">
      <c r="G41729" s="16"/>
      <c r="H41729" s="16"/>
      <c r="I41729" s="16"/>
      <c r="J41729" s="16"/>
    </row>
    <row r="41730" spans="7:10">
      <c r="G41730" s="16"/>
      <c r="H41730" s="16"/>
      <c r="I41730" s="16"/>
      <c r="J41730" s="16"/>
    </row>
    <row r="41731" spans="7:10">
      <c r="G41731" s="16"/>
      <c r="H41731" s="16"/>
      <c r="I41731" s="16"/>
      <c r="J41731" s="16"/>
    </row>
    <row r="41732" spans="7:10">
      <c r="G41732" s="16"/>
      <c r="H41732" s="16"/>
      <c r="I41732" s="16"/>
      <c r="J41732" s="16"/>
    </row>
    <row r="41733" spans="7:10">
      <c r="G41733" s="16"/>
      <c r="H41733" s="16"/>
      <c r="I41733" s="16"/>
      <c r="J41733" s="16"/>
    </row>
    <row r="41734" spans="7:10">
      <c r="G41734" s="16"/>
      <c r="H41734" s="16"/>
      <c r="I41734" s="16"/>
      <c r="J41734" s="16"/>
    </row>
    <row r="41735" spans="7:10">
      <c r="G41735" s="16"/>
      <c r="H41735" s="16"/>
      <c r="I41735" s="16"/>
      <c r="J41735" s="16"/>
    </row>
    <row r="41736" spans="7:10">
      <c r="G41736" s="16"/>
      <c r="H41736" s="16"/>
      <c r="I41736" s="16"/>
      <c r="J41736" s="16"/>
    </row>
    <row r="41737" spans="7:10">
      <c r="G41737" s="16"/>
      <c r="H41737" s="16"/>
      <c r="I41737" s="16"/>
      <c r="J41737" s="16"/>
    </row>
    <row r="41738" spans="7:10">
      <c r="G41738" s="16"/>
      <c r="H41738" s="16"/>
      <c r="I41738" s="16"/>
      <c r="J41738" s="16"/>
    </row>
    <row r="41739" spans="7:10">
      <c r="G41739" s="16"/>
      <c r="H41739" s="16"/>
      <c r="I41739" s="16"/>
      <c r="J41739" s="16"/>
    </row>
    <row r="41740" spans="7:10">
      <c r="G41740" s="16"/>
      <c r="H41740" s="16"/>
      <c r="I41740" s="16"/>
      <c r="J41740" s="16"/>
    </row>
    <row r="41741" spans="7:10">
      <c r="G41741" s="16"/>
      <c r="H41741" s="16"/>
      <c r="I41741" s="16"/>
      <c r="J41741" s="16"/>
    </row>
    <row r="41742" spans="7:10">
      <c r="G41742" s="16"/>
      <c r="H41742" s="16"/>
      <c r="I41742" s="16"/>
      <c r="J41742" s="16"/>
    </row>
    <row r="41743" spans="7:10">
      <c r="G41743" s="16"/>
      <c r="H41743" s="16"/>
      <c r="I41743" s="16"/>
      <c r="J41743" s="16"/>
    </row>
    <row r="41744" spans="7:10">
      <c r="G41744" s="16"/>
      <c r="H41744" s="16"/>
      <c r="I41744" s="16"/>
      <c r="J41744" s="16"/>
    </row>
    <row r="41745" spans="7:10">
      <c r="G41745" s="16"/>
      <c r="H41745" s="16"/>
      <c r="I41745" s="16"/>
      <c r="J41745" s="16"/>
    </row>
    <row r="41746" spans="7:10">
      <c r="G41746" s="16"/>
      <c r="H41746" s="16"/>
      <c r="I41746" s="16"/>
      <c r="J41746" s="16"/>
    </row>
    <row r="41747" spans="7:10">
      <c r="G41747" s="16"/>
      <c r="H41747" s="16"/>
      <c r="I41747" s="16"/>
      <c r="J41747" s="16"/>
    </row>
    <row r="41748" spans="7:10">
      <c r="G41748" s="16"/>
      <c r="H41748" s="16"/>
      <c r="I41748" s="16"/>
      <c r="J41748" s="16"/>
    </row>
    <row r="41749" spans="7:10">
      <c r="G41749" s="16"/>
      <c r="H41749" s="16"/>
      <c r="I41749" s="16"/>
      <c r="J41749" s="16"/>
    </row>
    <row r="41750" spans="7:10">
      <c r="G41750" s="16"/>
      <c r="H41750" s="16"/>
      <c r="I41750" s="16"/>
      <c r="J41750" s="16"/>
    </row>
    <row r="41751" spans="7:10">
      <c r="G41751" s="16"/>
      <c r="H41751" s="16"/>
      <c r="I41751" s="16"/>
      <c r="J41751" s="16"/>
    </row>
    <row r="41752" spans="7:10">
      <c r="G41752" s="16"/>
      <c r="H41752" s="16"/>
      <c r="I41752" s="16"/>
      <c r="J41752" s="16"/>
    </row>
    <row r="41753" spans="7:10">
      <c r="G41753" s="16"/>
      <c r="H41753" s="16"/>
      <c r="I41753" s="16"/>
      <c r="J41753" s="16"/>
    </row>
    <row r="41754" spans="7:10">
      <c r="G41754" s="16"/>
      <c r="H41754" s="16"/>
      <c r="I41754" s="16"/>
      <c r="J41754" s="16"/>
    </row>
    <row r="41755" spans="7:10">
      <c r="G41755" s="16"/>
      <c r="H41755" s="16"/>
      <c r="I41755" s="16"/>
      <c r="J41755" s="16"/>
    </row>
    <row r="41756" spans="7:10">
      <c r="G41756" s="16"/>
      <c r="H41756" s="16"/>
      <c r="I41756" s="16"/>
      <c r="J41756" s="16"/>
    </row>
    <row r="41757" spans="7:10">
      <c r="G41757" s="16"/>
      <c r="H41757" s="16"/>
      <c r="I41757" s="16"/>
      <c r="J41757" s="16"/>
    </row>
    <row r="41758" spans="7:10">
      <c r="G41758" s="16"/>
      <c r="H41758" s="16"/>
      <c r="I41758" s="16"/>
      <c r="J41758" s="16"/>
    </row>
    <row r="41759" spans="7:10">
      <c r="G41759" s="16"/>
      <c r="H41759" s="16"/>
      <c r="I41759" s="16"/>
      <c r="J41759" s="16"/>
    </row>
    <row r="41760" spans="7:10">
      <c r="G41760" s="16"/>
      <c r="H41760" s="16"/>
      <c r="I41760" s="16"/>
      <c r="J41760" s="16"/>
    </row>
    <row r="41761" spans="7:10">
      <c r="G41761" s="16"/>
      <c r="H41761" s="16"/>
      <c r="I41761" s="16"/>
      <c r="J41761" s="16"/>
    </row>
    <row r="41762" spans="7:10">
      <c r="G41762" s="16"/>
      <c r="H41762" s="16"/>
      <c r="I41762" s="16"/>
      <c r="J41762" s="16"/>
    </row>
    <row r="41763" spans="7:10">
      <c r="G41763" s="16"/>
      <c r="H41763" s="16"/>
      <c r="I41763" s="16"/>
      <c r="J41763" s="16"/>
    </row>
    <row r="41764" spans="7:10">
      <c r="G41764" s="16"/>
      <c r="H41764" s="16"/>
      <c r="I41764" s="16"/>
      <c r="J41764" s="16"/>
    </row>
    <row r="41765" spans="7:10">
      <c r="G41765" s="16"/>
      <c r="H41765" s="16"/>
      <c r="I41765" s="16"/>
      <c r="J41765" s="16"/>
    </row>
    <row r="41766" spans="7:10">
      <c r="G41766" s="16"/>
      <c r="H41766" s="16"/>
      <c r="I41766" s="16"/>
      <c r="J41766" s="16"/>
    </row>
    <row r="41767" spans="7:10">
      <c r="G41767" s="16"/>
      <c r="H41767" s="16"/>
      <c r="I41767" s="16"/>
      <c r="J41767" s="16"/>
    </row>
    <row r="41768" spans="7:10">
      <c r="G41768" s="16"/>
      <c r="H41768" s="16"/>
      <c r="I41768" s="16"/>
      <c r="J41768" s="16"/>
    </row>
    <row r="41769" spans="7:10">
      <c r="G41769" s="16"/>
      <c r="H41769" s="16"/>
      <c r="I41769" s="16"/>
      <c r="J41769" s="16"/>
    </row>
    <row r="41770" spans="7:10">
      <c r="G41770" s="16"/>
      <c r="H41770" s="16"/>
      <c r="I41770" s="16"/>
      <c r="J41770" s="16"/>
    </row>
    <row r="41771" spans="7:10">
      <c r="G41771" s="16"/>
      <c r="H41771" s="16"/>
      <c r="I41771" s="16"/>
      <c r="J41771" s="16"/>
    </row>
    <row r="41772" spans="7:10">
      <c r="G41772" s="16"/>
      <c r="H41772" s="16"/>
      <c r="I41772" s="16"/>
      <c r="J41772" s="16"/>
    </row>
    <row r="41773" spans="7:10">
      <c r="G41773" s="16"/>
      <c r="H41773" s="16"/>
      <c r="I41773" s="16"/>
      <c r="J41773" s="16"/>
    </row>
    <row r="41774" spans="7:10">
      <c r="G41774" s="16"/>
      <c r="H41774" s="16"/>
      <c r="I41774" s="16"/>
      <c r="J41774" s="16"/>
    </row>
    <row r="41775" spans="7:10">
      <c r="G41775" s="16"/>
      <c r="H41775" s="16"/>
      <c r="I41775" s="16"/>
      <c r="J41775" s="16"/>
    </row>
    <row r="41776" spans="7:10">
      <c r="G41776" s="16"/>
      <c r="H41776" s="16"/>
      <c r="I41776" s="16"/>
      <c r="J41776" s="16"/>
    </row>
    <row r="41777" spans="7:10">
      <c r="G41777" s="16"/>
      <c r="H41777" s="16"/>
      <c r="I41777" s="16"/>
      <c r="J41777" s="16"/>
    </row>
    <row r="41778" spans="7:10">
      <c r="G41778" s="16"/>
      <c r="H41778" s="16"/>
      <c r="I41778" s="16"/>
      <c r="J41778" s="16"/>
    </row>
    <row r="41779" spans="7:10">
      <c r="G41779" s="16"/>
      <c r="H41779" s="16"/>
      <c r="I41779" s="16"/>
      <c r="J41779" s="16"/>
    </row>
    <row r="41780" spans="7:10">
      <c r="G41780" s="16"/>
      <c r="H41780" s="16"/>
      <c r="I41780" s="16"/>
      <c r="J41780" s="16"/>
    </row>
    <row r="41781" spans="7:10">
      <c r="G41781" s="16"/>
      <c r="H41781" s="16"/>
      <c r="I41781" s="16"/>
      <c r="J41781" s="16"/>
    </row>
    <row r="41782" spans="7:10">
      <c r="G41782" s="16"/>
      <c r="H41782" s="16"/>
      <c r="I41782" s="16"/>
      <c r="J41782" s="16"/>
    </row>
    <row r="41783" spans="7:10">
      <c r="G41783" s="16"/>
      <c r="H41783" s="16"/>
      <c r="I41783" s="16"/>
      <c r="J41783" s="16"/>
    </row>
    <row r="41784" spans="7:10">
      <c r="G41784" s="16"/>
      <c r="H41784" s="16"/>
      <c r="I41784" s="16"/>
      <c r="J41784" s="16"/>
    </row>
    <row r="41785" spans="7:10">
      <c r="G41785" s="16"/>
      <c r="H41785" s="16"/>
      <c r="I41785" s="16"/>
      <c r="J41785" s="16"/>
    </row>
    <row r="41786" spans="7:10">
      <c r="G41786" s="16"/>
      <c r="H41786" s="16"/>
      <c r="I41786" s="16"/>
      <c r="J41786" s="16"/>
    </row>
    <row r="41787" spans="7:10">
      <c r="G41787" s="16"/>
      <c r="H41787" s="16"/>
      <c r="I41787" s="16"/>
      <c r="J41787" s="16"/>
    </row>
    <row r="41788" spans="7:10">
      <c r="G41788" s="16"/>
      <c r="H41788" s="16"/>
      <c r="I41788" s="16"/>
      <c r="J41788" s="16"/>
    </row>
    <row r="41789" spans="7:10">
      <c r="G41789" s="16"/>
      <c r="H41789" s="16"/>
      <c r="I41789" s="16"/>
      <c r="J41789" s="16"/>
    </row>
    <row r="41790" spans="7:10">
      <c r="G41790" s="16"/>
      <c r="H41790" s="16"/>
      <c r="I41790" s="16"/>
      <c r="J41790" s="16"/>
    </row>
    <row r="41791" spans="7:10">
      <c r="G41791" s="16"/>
      <c r="H41791" s="16"/>
      <c r="I41791" s="16"/>
      <c r="J41791" s="16"/>
    </row>
    <row r="41792" spans="7:10">
      <c r="G41792" s="16"/>
      <c r="H41792" s="16"/>
      <c r="I41792" s="16"/>
      <c r="J41792" s="16"/>
    </row>
    <row r="41793" spans="7:10">
      <c r="G41793" s="16"/>
      <c r="H41793" s="16"/>
      <c r="I41793" s="16"/>
      <c r="J41793" s="16"/>
    </row>
    <row r="41794" spans="7:10">
      <c r="G41794" s="16"/>
      <c r="H41794" s="16"/>
      <c r="I41794" s="16"/>
      <c r="J41794" s="16"/>
    </row>
    <row r="41795" spans="7:10">
      <c r="G41795" s="16"/>
      <c r="H41795" s="16"/>
      <c r="I41795" s="16"/>
      <c r="J41795" s="16"/>
    </row>
    <row r="41796" spans="7:10">
      <c r="G41796" s="16"/>
      <c r="H41796" s="16"/>
      <c r="I41796" s="16"/>
      <c r="J41796" s="16"/>
    </row>
    <row r="41797" spans="7:10">
      <c r="G41797" s="16"/>
      <c r="H41797" s="16"/>
      <c r="I41797" s="16"/>
      <c r="J41797" s="16"/>
    </row>
    <row r="41798" spans="7:10">
      <c r="G41798" s="16"/>
      <c r="H41798" s="16"/>
      <c r="I41798" s="16"/>
      <c r="J41798" s="16"/>
    </row>
    <row r="41799" spans="7:10">
      <c r="G41799" s="16"/>
      <c r="H41799" s="16"/>
      <c r="I41799" s="16"/>
      <c r="J41799" s="16"/>
    </row>
    <row r="41800" spans="7:10">
      <c r="G41800" s="16"/>
      <c r="H41800" s="16"/>
      <c r="I41800" s="16"/>
      <c r="J41800" s="16"/>
    </row>
    <row r="41801" spans="7:10">
      <c r="G41801" s="16"/>
      <c r="H41801" s="16"/>
      <c r="I41801" s="16"/>
      <c r="J41801" s="16"/>
    </row>
    <row r="41802" spans="7:10">
      <c r="G41802" s="16"/>
      <c r="H41802" s="16"/>
      <c r="I41802" s="16"/>
      <c r="J41802" s="16"/>
    </row>
    <row r="41803" spans="7:10">
      <c r="G41803" s="16"/>
      <c r="H41803" s="16"/>
      <c r="I41803" s="16"/>
      <c r="J41803" s="16"/>
    </row>
    <row r="41804" spans="7:10">
      <c r="G41804" s="16"/>
      <c r="H41804" s="16"/>
      <c r="I41804" s="16"/>
      <c r="J41804" s="16"/>
    </row>
    <row r="41805" spans="7:10">
      <c r="G41805" s="16"/>
      <c r="H41805" s="16"/>
      <c r="I41805" s="16"/>
      <c r="J41805" s="16"/>
    </row>
    <row r="41806" spans="7:10">
      <c r="G41806" s="16"/>
      <c r="H41806" s="16"/>
      <c r="I41806" s="16"/>
      <c r="J41806" s="16"/>
    </row>
    <row r="41807" spans="7:10">
      <c r="G41807" s="16"/>
      <c r="H41807" s="16"/>
      <c r="I41807" s="16"/>
      <c r="J41807" s="16"/>
    </row>
    <row r="41808" spans="7:10">
      <c r="G41808" s="16"/>
      <c r="H41808" s="16"/>
      <c r="I41808" s="16"/>
      <c r="J41808" s="16"/>
    </row>
    <row r="41809" spans="7:10">
      <c r="G41809" s="16"/>
      <c r="H41809" s="16"/>
      <c r="I41809" s="16"/>
      <c r="J41809" s="16"/>
    </row>
    <row r="41810" spans="7:10">
      <c r="G41810" s="16"/>
      <c r="H41810" s="16"/>
      <c r="I41810" s="16"/>
      <c r="J41810" s="16"/>
    </row>
    <row r="41811" spans="7:10">
      <c r="G41811" s="16"/>
      <c r="H41811" s="16"/>
      <c r="I41811" s="16"/>
      <c r="J41811" s="16"/>
    </row>
    <row r="41812" spans="7:10">
      <c r="G41812" s="16"/>
      <c r="H41812" s="16"/>
      <c r="I41812" s="16"/>
      <c r="J41812" s="16"/>
    </row>
    <row r="41813" spans="7:10">
      <c r="G41813" s="16"/>
      <c r="H41813" s="16"/>
      <c r="I41813" s="16"/>
      <c r="J41813" s="16"/>
    </row>
    <row r="41814" spans="7:10">
      <c r="G41814" s="16"/>
      <c r="H41814" s="16"/>
      <c r="I41814" s="16"/>
      <c r="J41814" s="16"/>
    </row>
    <row r="41815" spans="7:10">
      <c r="G41815" s="16"/>
      <c r="H41815" s="16"/>
      <c r="I41815" s="16"/>
      <c r="J41815" s="16"/>
    </row>
    <row r="41816" spans="7:10">
      <c r="G41816" s="16"/>
      <c r="H41816" s="16"/>
      <c r="I41816" s="16"/>
      <c r="J41816" s="16"/>
    </row>
    <row r="41817" spans="7:10">
      <c r="G41817" s="16"/>
      <c r="H41817" s="16"/>
      <c r="I41817" s="16"/>
      <c r="J41817" s="16"/>
    </row>
    <row r="41818" spans="7:10">
      <c r="G41818" s="16"/>
      <c r="H41818" s="16"/>
      <c r="I41818" s="16"/>
      <c r="J41818" s="16"/>
    </row>
    <row r="41819" spans="7:10">
      <c r="G41819" s="16"/>
      <c r="H41819" s="16"/>
      <c r="I41819" s="16"/>
      <c r="J41819" s="16"/>
    </row>
    <row r="41820" spans="7:10">
      <c r="G41820" s="16"/>
      <c r="H41820" s="16"/>
      <c r="I41820" s="16"/>
      <c r="J41820" s="16"/>
    </row>
    <row r="41821" spans="7:10">
      <c r="G41821" s="16"/>
      <c r="H41821" s="16"/>
      <c r="I41821" s="16"/>
      <c r="J41821" s="16"/>
    </row>
    <row r="41822" spans="7:10">
      <c r="G41822" s="16"/>
      <c r="H41822" s="16"/>
      <c r="I41822" s="16"/>
      <c r="J41822" s="16"/>
    </row>
    <row r="41823" spans="7:10">
      <c r="G41823" s="16"/>
      <c r="H41823" s="16"/>
      <c r="I41823" s="16"/>
      <c r="J41823" s="16"/>
    </row>
    <row r="41824" spans="7:10">
      <c r="G41824" s="16"/>
      <c r="H41824" s="16"/>
      <c r="I41824" s="16"/>
      <c r="J41824" s="16"/>
    </row>
    <row r="41825" spans="7:10">
      <c r="G41825" s="16"/>
      <c r="H41825" s="16"/>
      <c r="I41825" s="16"/>
      <c r="J41825" s="16"/>
    </row>
    <row r="41826" spans="7:10">
      <c r="G41826" s="16"/>
      <c r="H41826" s="16"/>
      <c r="I41826" s="16"/>
      <c r="J41826" s="16"/>
    </row>
    <row r="41827" spans="7:10">
      <c r="G41827" s="16"/>
      <c r="H41827" s="16"/>
      <c r="I41827" s="16"/>
      <c r="J41827" s="16"/>
    </row>
    <row r="41828" spans="7:10">
      <c r="G41828" s="16"/>
      <c r="H41828" s="16"/>
      <c r="I41828" s="16"/>
      <c r="J41828" s="16"/>
    </row>
    <row r="41829" spans="7:10">
      <c r="G41829" s="16"/>
      <c r="H41829" s="16"/>
      <c r="I41829" s="16"/>
      <c r="J41829" s="16"/>
    </row>
    <row r="41830" spans="7:10">
      <c r="G41830" s="16"/>
      <c r="H41830" s="16"/>
      <c r="I41830" s="16"/>
      <c r="J41830" s="16"/>
    </row>
    <row r="41831" spans="7:10">
      <c r="G41831" s="16"/>
      <c r="H41831" s="16"/>
      <c r="I41831" s="16"/>
      <c r="J41831" s="16"/>
    </row>
    <row r="41832" spans="7:10">
      <c r="G41832" s="16"/>
      <c r="H41832" s="16"/>
      <c r="I41832" s="16"/>
      <c r="J41832" s="16"/>
    </row>
    <row r="41833" spans="7:10">
      <c r="G41833" s="16"/>
      <c r="H41833" s="16"/>
      <c r="I41833" s="16"/>
      <c r="J41833" s="16"/>
    </row>
    <row r="41834" spans="7:10">
      <c r="G41834" s="16"/>
      <c r="H41834" s="16"/>
      <c r="I41834" s="16"/>
      <c r="J41834" s="16"/>
    </row>
    <row r="41835" spans="7:10">
      <c r="G41835" s="16"/>
      <c r="H41835" s="16"/>
      <c r="I41835" s="16"/>
      <c r="J41835" s="16"/>
    </row>
    <row r="41836" spans="7:10">
      <c r="G41836" s="16"/>
      <c r="H41836" s="16"/>
      <c r="I41836" s="16"/>
      <c r="J41836" s="16"/>
    </row>
    <row r="41837" spans="7:10">
      <c r="G41837" s="16"/>
      <c r="H41837" s="16"/>
      <c r="I41837" s="16"/>
      <c r="J41837" s="16"/>
    </row>
    <row r="41838" spans="7:10">
      <c r="G41838" s="16"/>
      <c r="H41838" s="16"/>
      <c r="I41838" s="16"/>
      <c r="J41838" s="16"/>
    </row>
    <row r="41839" spans="7:10">
      <c r="G41839" s="16"/>
      <c r="H41839" s="16"/>
      <c r="I41839" s="16"/>
      <c r="J41839" s="16"/>
    </row>
    <row r="41840" spans="7:10">
      <c r="G41840" s="16"/>
      <c r="H41840" s="16"/>
      <c r="I41840" s="16"/>
      <c r="J41840" s="16"/>
    </row>
    <row r="41841" spans="7:10">
      <c r="G41841" s="16"/>
      <c r="H41841" s="16"/>
      <c r="I41841" s="16"/>
      <c r="J41841" s="16"/>
    </row>
    <row r="41842" spans="7:10">
      <c r="G41842" s="16"/>
      <c r="H41842" s="16"/>
      <c r="I41842" s="16"/>
      <c r="J41842" s="16"/>
    </row>
    <row r="41843" spans="7:10">
      <c r="G41843" s="16"/>
      <c r="H41843" s="16"/>
      <c r="I41843" s="16"/>
      <c r="J41843" s="16"/>
    </row>
    <row r="41844" spans="7:10">
      <c r="G41844" s="16"/>
      <c r="H41844" s="16"/>
      <c r="I41844" s="16"/>
      <c r="J41844" s="16"/>
    </row>
    <row r="41845" spans="7:10">
      <c r="G41845" s="16"/>
      <c r="H41845" s="16"/>
      <c r="I41845" s="16"/>
      <c r="J41845" s="16"/>
    </row>
    <row r="41846" spans="7:10">
      <c r="G41846" s="16"/>
      <c r="H41846" s="16"/>
      <c r="I41846" s="16"/>
      <c r="J41846" s="16"/>
    </row>
    <row r="41847" spans="7:10">
      <c r="G41847" s="16"/>
      <c r="H41847" s="16"/>
      <c r="I41847" s="16"/>
      <c r="J41847" s="16"/>
    </row>
    <row r="41848" spans="7:10">
      <c r="G41848" s="16"/>
      <c r="H41848" s="16"/>
      <c r="I41848" s="16"/>
      <c r="J41848" s="16"/>
    </row>
    <row r="41849" spans="7:10">
      <c r="G41849" s="16"/>
      <c r="H41849" s="16"/>
      <c r="I41849" s="16"/>
      <c r="J41849" s="16"/>
    </row>
    <row r="41850" spans="7:10">
      <c r="G41850" s="16"/>
      <c r="H41850" s="16"/>
      <c r="I41850" s="16"/>
      <c r="J41850" s="16"/>
    </row>
    <row r="41851" spans="7:10">
      <c r="G41851" s="16"/>
      <c r="H41851" s="16"/>
      <c r="I41851" s="16"/>
      <c r="J41851" s="16"/>
    </row>
    <row r="41852" spans="7:10">
      <c r="G41852" s="16"/>
      <c r="H41852" s="16"/>
      <c r="I41852" s="16"/>
      <c r="J41852" s="16"/>
    </row>
    <row r="41853" spans="7:10">
      <c r="G41853" s="16"/>
      <c r="H41853" s="16"/>
      <c r="I41853" s="16"/>
      <c r="J41853" s="16"/>
    </row>
    <row r="41854" spans="7:10">
      <c r="G41854" s="16"/>
      <c r="H41854" s="16"/>
      <c r="I41854" s="16"/>
      <c r="J41854" s="16"/>
    </row>
    <row r="41855" spans="7:10">
      <c r="G41855" s="16"/>
      <c r="H41855" s="16"/>
      <c r="I41855" s="16"/>
      <c r="J41855" s="16"/>
    </row>
    <row r="41856" spans="7:10">
      <c r="G41856" s="16"/>
      <c r="H41856" s="16"/>
      <c r="I41856" s="16"/>
      <c r="J41856" s="16"/>
    </row>
    <row r="41857" spans="7:10">
      <c r="G41857" s="16"/>
      <c r="H41857" s="16"/>
      <c r="I41857" s="16"/>
      <c r="J41857" s="16"/>
    </row>
    <row r="41858" spans="7:10">
      <c r="G41858" s="16"/>
      <c r="H41858" s="16"/>
      <c r="I41858" s="16"/>
      <c r="J41858" s="16"/>
    </row>
    <row r="41859" spans="7:10">
      <c r="G41859" s="16"/>
      <c r="H41859" s="16"/>
      <c r="I41859" s="16"/>
      <c r="J41859" s="16"/>
    </row>
    <row r="41860" spans="7:10">
      <c r="G41860" s="16"/>
      <c r="H41860" s="16"/>
      <c r="I41860" s="16"/>
      <c r="J41860" s="16"/>
    </row>
    <row r="41861" spans="7:10">
      <c r="G41861" s="16"/>
      <c r="H41861" s="16"/>
      <c r="I41861" s="16"/>
      <c r="J41861" s="16"/>
    </row>
    <row r="41862" spans="7:10">
      <c r="G41862" s="16"/>
      <c r="H41862" s="16"/>
      <c r="I41862" s="16"/>
      <c r="J41862" s="16"/>
    </row>
    <row r="41863" spans="7:10">
      <c r="G41863" s="16"/>
      <c r="H41863" s="16"/>
      <c r="I41863" s="16"/>
      <c r="J41863" s="16"/>
    </row>
    <row r="41864" spans="7:10">
      <c r="G41864" s="16"/>
      <c r="H41864" s="16"/>
      <c r="I41864" s="16"/>
      <c r="J41864" s="16"/>
    </row>
    <row r="41865" spans="7:10">
      <c r="G41865" s="16"/>
      <c r="H41865" s="16"/>
      <c r="I41865" s="16"/>
      <c r="J41865" s="16"/>
    </row>
    <row r="41866" spans="7:10">
      <c r="G41866" s="16"/>
      <c r="H41866" s="16"/>
      <c r="I41866" s="16"/>
      <c r="J41866" s="16"/>
    </row>
    <row r="41867" spans="7:10">
      <c r="G41867" s="16"/>
      <c r="H41867" s="16"/>
      <c r="I41867" s="16"/>
      <c r="J41867" s="16"/>
    </row>
    <row r="41868" spans="7:10">
      <c r="G41868" s="16"/>
      <c r="H41868" s="16"/>
      <c r="I41868" s="16"/>
      <c r="J41868" s="16"/>
    </row>
    <row r="41869" spans="7:10">
      <c r="G41869" s="16"/>
      <c r="H41869" s="16"/>
      <c r="I41869" s="16"/>
      <c r="J41869" s="16"/>
    </row>
    <row r="41870" spans="7:10">
      <c r="G41870" s="16"/>
      <c r="H41870" s="16"/>
      <c r="I41870" s="16"/>
      <c r="J41870" s="16"/>
    </row>
    <row r="41871" spans="7:10">
      <c r="G41871" s="16"/>
      <c r="H41871" s="16"/>
      <c r="I41871" s="16"/>
      <c r="J41871" s="16"/>
    </row>
    <row r="41872" spans="7:10">
      <c r="G41872" s="16"/>
      <c r="H41872" s="16"/>
      <c r="I41872" s="16"/>
      <c r="J41872" s="16"/>
    </row>
    <row r="41873" spans="7:10">
      <c r="G41873" s="16"/>
      <c r="H41873" s="16"/>
      <c r="I41873" s="16"/>
      <c r="J41873" s="16"/>
    </row>
    <row r="41874" spans="7:10">
      <c r="G41874" s="16"/>
      <c r="H41874" s="16"/>
      <c r="I41874" s="16"/>
      <c r="J41874" s="16"/>
    </row>
    <row r="41875" spans="7:10">
      <c r="G41875" s="16"/>
      <c r="H41875" s="16"/>
      <c r="I41875" s="16"/>
      <c r="J41875" s="16"/>
    </row>
    <row r="41876" spans="7:10">
      <c r="G41876" s="16"/>
      <c r="H41876" s="16"/>
      <c r="I41876" s="16"/>
      <c r="J41876" s="16"/>
    </row>
    <row r="41877" spans="7:10">
      <c r="G41877" s="16"/>
      <c r="H41877" s="16"/>
      <c r="I41877" s="16"/>
      <c r="J41877" s="16"/>
    </row>
    <row r="41878" spans="7:10">
      <c r="G41878" s="16"/>
      <c r="H41878" s="16"/>
      <c r="I41878" s="16"/>
      <c r="J41878" s="16"/>
    </row>
    <row r="41879" spans="7:10">
      <c r="G41879" s="16"/>
      <c r="H41879" s="16"/>
      <c r="I41879" s="16"/>
      <c r="J41879" s="16"/>
    </row>
    <row r="41880" spans="7:10">
      <c r="G41880" s="16"/>
      <c r="H41880" s="16"/>
      <c r="I41880" s="16"/>
      <c r="J41880" s="16"/>
    </row>
    <row r="41881" spans="7:10">
      <c r="G41881" s="16"/>
      <c r="H41881" s="16"/>
      <c r="I41881" s="16"/>
      <c r="J41881" s="16"/>
    </row>
    <row r="41882" spans="7:10">
      <c r="G41882" s="16"/>
      <c r="H41882" s="16"/>
      <c r="I41882" s="16"/>
      <c r="J41882" s="16"/>
    </row>
    <row r="41883" spans="7:10">
      <c r="G41883" s="16"/>
      <c r="H41883" s="16"/>
      <c r="I41883" s="16"/>
      <c r="J41883" s="16"/>
    </row>
    <row r="41884" spans="7:10">
      <c r="G41884" s="16"/>
      <c r="H41884" s="16"/>
      <c r="I41884" s="16"/>
      <c r="J41884" s="16"/>
    </row>
    <row r="41885" spans="7:10">
      <c r="G41885" s="16"/>
      <c r="H41885" s="16"/>
      <c r="I41885" s="16"/>
      <c r="J41885" s="16"/>
    </row>
    <row r="41886" spans="7:10">
      <c r="G41886" s="16"/>
      <c r="H41886" s="16"/>
      <c r="I41886" s="16"/>
      <c r="J41886" s="16"/>
    </row>
    <row r="41887" spans="7:10">
      <c r="G41887" s="16"/>
      <c r="H41887" s="16"/>
      <c r="I41887" s="16"/>
      <c r="J41887" s="16"/>
    </row>
    <row r="41888" spans="7:10">
      <c r="G41888" s="16"/>
      <c r="H41888" s="16"/>
      <c r="I41888" s="16"/>
      <c r="J41888" s="16"/>
    </row>
    <row r="41889" spans="7:10">
      <c r="G41889" s="16"/>
      <c r="H41889" s="16"/>
      <c r="I41889" s="16"/>
      <c r="J41889" s="16"/>
    </row>
    <row r="41890" spans="7:10">
      <c r="G41890" s="16"/>
      <c r="H41890" s="16"/>
      <c r="I41890" s="16"/>
      <c r="J41890" s="16"/>
    </row>
    <row r="41891" spans="7:10">
      <c r="G41891" s="16"/>
      <c r="H41891" s="16"/>
      <c r="I41891" s="16"/>
      <c r="J41891" s="16"/>
    </row>
    <row r="41892" spans="7:10">
      <c r="G41892" s="16"/>
      <c r="H41892" s="16"/>
      <c r="I41892" s="16"/>
      <c r="J41892" s="16"/>
    </row>
    <row r="41893" spans="7:10">
      <c r="G41893" s="16"/>
      <c r="H41893" s="16"/>
      <c r="I41893" s="16"/>
      <c r="J41893" s="16"/>
    </row>
    <row r="41894" spans="7:10">
      <c r="G41894" s="16"/>
      <c r="H41894" s="16"/>
      <c r="I41894" s="16"/>
      <c r="J41894" s="16"/>
    </row>
    <row r="41895" spans="7:10">
      <c r="G41895" s="16"/>
      <c r="H41895" s="16"/>
      <c r="I41895" s="16"/>
      <c r="J41895" s="16"/>
    </row>
    <row r="41896" spans="7:10">
      <c r="G41896" s="16"/>
      <c r="H41896" s="16"/>
      <c r="I41896" s="16"/>
      <c r="J41896" s="16"/>
    </row>
    <row r="41897" spans="7:10">
      <c r="G41897" s="16"/>
      <c r="H41897" s="16"/>
      <c r="I41897" s="16"/>
      <c r="J41897" s="16"/>
    </row>
    <row r="41898" spans="7:10">
      <c r="G41898" s="16"/>
      <c r="H41898" s="16"/>
      <c r="I41898" s="16"/>
      <c r="J41898" s="16"/>
    </row>
    <row r="41899" spans="7:10">
      <c r="G41899" s="16"/>
      <c r="H41899" s="16"/>
      <c r="I41899" s="16"/>
      <c r="J41899" s="16"/>
    </row>
    <row r="41900" spans="7:10">
      <c r="G41900" s="16"/>
      <c r="H41900" s="16"/>
      <c r="I41900" s="16"/>
      <c r="J41900" s="16"/>
    </row>
    <row r="41901" spans="7:10">
      <c r="G41901" s="16"/>
      <c r="H41901" s="16"/>
      <c r="I41901" s="16"/>
      <c r="J41901" s="16"/>
    </row>
    <row r="41902" spans="7:10">
      <c r="G41902" s="16"/>
      <c r="H41902" s="16"/>
      <c r="I41902" s="16"/>
      <c r="J41902" s="16"/>
    </row>
    <row r="41903" spans="7:10">
      <c r="G41903" s="16"/>
      <c r="H41903" s="16"/>
      <c r="I41903" s="16"/>
      <c r="J41903" s="16"/>
    </row>
    <row r="41904" spans="7:10">
      <c r="G41904" s="16"/>
      <c r="H41904" s="16"/>
      <c r="I41904" s="16"/>
      <c r="J41904" s="16"/>
    </row>
    <row r="41905" spans="7:10">
      <c r="G41905" s="16"/>
      <c r="H41905" s="16"/>
      <c r="I41905" s="16"/>
      <c r="J41905" s="16"/>
    </row>
    <row r="41906" spans="7:10">
      <c r="G41906" s="16"/>
      <c r="H41906" s="16"/>
      <c r="I41906" s="16"/>
      <c r="J41906" s="16"/>
    </row>
    <row r="41907" spans="7:10">
      <c r="G41907" s="16"/>
      <c r="H41907" s="16"/>
      <c r="I41907" s="16"/>
      <c r="J41907" s="16"/>
    </row>
    <row r="41908" spans="7:10">
      <c r="G41908" s="16"/>
      <c r="H41908" s="16"/>
      <c r="I41908" s="16"/>
      <c r="J41908" s="16"/>
    </row>
    <row r="41909" spans="7:10">
      <c r="G41909" s="16"/>
      <c r="H41909" s="16"/>
      <c r="I41909" s="16"/>
      <c r="J41909" s="16"/>
    </row>
    <row r="41910" spans="7:10">
      <c r="G41910" s="16"/>
      <c r="H41910" s="16"/>
      <c r="I41910" s="16"/>
      <c r="J41910" s="16"/>
    </row>
    <row r="41911" spans="7:10">
      <c r="G41911" s="16"/>
      <c r="H41911" s="16"/>
      <c r="I41911" s="16"/>
      <c r="J41911" s="16"/>
    </row>
    <row r="41912" spans="7:10">
      <c r="G41912" s="16"/>
      <c r="H41912" s="16"/>
      <c r="I41912" s="16"/>
      <c r="J41912" s="16"/>
    </row>
    <row r="41913" spans="7:10">
      <c r="G41913" s="16"/>
      <c r="H41913" s="16"/>
      <c r="I41913" s="16"/>
      <c r="J41913" s="16"/>
    </row>
    <row r="41914" spans="7:10">
      <c r="G41914" s="16"/>
      <c r="H41914" s="16"/>
      <c r="I41914" s="16"/>
      <c r="J41914" s="16"/>
    </row>
    <row r="41915" spans="7:10">
      <c r="G41915" s="16"/>
      <c r="H41915" s="16"/>
      <c r="I41915" s="16"/>
      <c r="J41915" s="16"/>
    </row>
    <row r="41916" spans="7:10">
      <c r="G41916" s="16"/>
      <c r="H41916" s="16"/>
      <c r="I41916" s="16"/>
      <c r="J41916" s="16"/>
    </row>
    <row r="41917" spans="7:10">
      <c r="G41917" s="16"/>
      <c r="H41917" s="16"/>
      <c r="I41917" s="16"/>
      <c r="J41917" s="16"/>
    </row>
    <row r="41918" spans="7:10">
      <c r="G41918" s="16"/>
      <c r="H41918" s="16"/>
      <c r="I41918" s="16"/>
      <c r="J41918" s="16"/>
    </row>
    <row r="41919" spans="7:10">
      <c r="G41919" s="16"/>
      <c r="H41919" s="16"/>
      <c r="I41919" s="16"/>
      <c r="J41919" s="16"/>
    </row>
    <row r="41920" spans="7:10">
      <c r="G41920" s="16"/>
      <c r="H41920" s="16"/>
      <c r="I41920" s="16"/>
      <c r="J41920" s="16"/>
    </row>
    <row r="41921" spans="7:10">
      <c r="G41921" s="16"/>
      <c r="H41921" s="16"/>
      <c r="I41921" s="16"/>
      <c r="J41921" s="16"/>
    </row>
    <row r="41922" spans="7:10">
      <c r="G41922" s="16"/>
      <c r="H41922" s="16"/>
      <c r="I41922" s="16"/>
      <c r="J41922" s="16"/>
    </row>
    <row r="41923" spans="7:10">
      <c r="G41923" s="16"/>
      <c r="H41923" s="16"/>
      <c r="I41923" s="16"/>
      <c r="J41923" s="16"/>
    </row>
    <row r="41924" spans="7:10">
      <c r="G41924" s="16"/>
      <c r="H41924" s="16"/>
      <c r="I41924" s="16"/>
      <c r="J41924" s="16"/>
    </row>
    <row r="41925" spans="7:10">
      <c r="G41925" s="16"/>
      <c r="H41925" s="16"/>
      <c r="I41925" s="16"/>
      <c r="J41925" s="16"/>
    </row>
    <row r="41926" spans="7:10">
      <c r="G41926" s="16"/>
      <c r="H41926" s="16"/>
      <c r="I41926" s="16"/>
      <c r="J41926" s="16"/>
    </row>
    <row r="41927" spans="7:10">
      <c r="G41927" s="16"/>
      <c r="H41927" s="16"/>
      <c r="I41927" s="16"/>
      <c r="J41927" s="16"/>
    </row>
    <row r="41928" spans="7:10">
      <c r="G41928" s="16"/>
      <c r="H41928" s="16"/>
      <c r="I41928" s="16"/>
      <c r="J41928" s="16"/>
    </row>
    <row r="41929" spans="7:10">
      <c r="G41929" s="16"/>
      <c r="H41929" s="16"/>
      <c r="I41929" s="16"/>
      <c r="J41929" s="16"/>
    </row>
    <row r="41930" spans="7:10">
      <c r="G41930" s="16"/>
      <c r="H41930" s="16"/>
      <c r="I41930" s="16"/>
      <c r="J41930" s="16"/>
    </row>
    <row r="41931" spans="7:10">
      <c r="G41931" s="16"/>
      <c r="H41931" s="16"/>
      <c r="I41931" s="16"/>
      <c r="J41931" s="16"/>
    </row>
    <row r="41932" spans="7:10">
      <c r="G41932" s="16"/>
      <c r="H41932" s="16"/>
      <c r="I41932" s="16"/>
      <c r="J41932" s="16"/>
    </row>
    <row r="41933" spans="7:10">
      <c r="G41933" s="16"/>
      <c r="H41933" s="16"/>
      <c r="I41933" s="16"/>
      <c r="J41933" s="16"/>
    </row>
    <row r="41934" spans="7:10">
      <c r="G41934" s="16"/>
      <c r="H41934" s="16"/>
      <c r="I41934" s="16"/>
      <c r="J41934" s="16"/>
    </row>
    <row r="41935" spans="7:10">
      <c r="G41935" s="16"/>
      <c r="H41935" s="16"/>
      <c r="I41935" s="16"/>
      <c r="J41935" s="16"/>
    </row>
    <row r="41936" spans="7:10">
      <c r="G41936" s="16"/>
      <c r="H41936" s="16"/>
      <c r="I41936" s="16"/>
      <c r="J41936" s="16"/>
    </row>
    <row r="41937" spans="7:10">
      <c r="G41937" s="16"/>
      <c r="H41937" s="16"/>
      <c r="I41937" s="16"/>
      <c r="J41937" s="16"/>
    </row>
    <row r="41938" spans="7:10">
      <c r="G41938" s="16"/>
      <c r="H41938" s="16"/>
      <c r="I41938" s="16"/>
      <c r="J41938" s="16"/>
    </row>
    <row r="41939" spans="7:10">
      <c r="G41939" s="16"/>
      <c r="H41939" s="16"/>
      <c r="I41939" s="16"/>
      <c r="J41939" s="16"/>
    </row>
    <row r="41940" spans="7:10">
      <c r="G41940" s="16"/>
      <c r="H41940" s="16"/>
      <c r="I41940" s="16"/>
      <c r="J41940" s="16"/>
    </row>
    <row r="41941" spans="7:10">
      <c r="G41941" s="16"/>
      <c r="H41941" s="16"/>
      <c r="I41941" s="16"/>
      <c r="J41941" s="16"/>
    </row>
    <row r="41942" spans="7:10">
      <c r="G41942" s="16"/>
      <c r="H41942" s="16"/>
      <c r="I41942" s="16"/>
      <c r="J41942" s="16"/>
    </row>
    <row r="41943" spans="7:10">
      <c r="G41943" s="16"/>
      <c r="H41943" s="16"/>
      <c r="I41943" s="16"/>
      <c r="J41943" s="16"/>
    </row>
    <row r="41944" spans="7:10">
      <c r="G41944" s="16"/>
      <c r="H41944" s="16"/>
      <c r="I41944" s="16"/>
      <c r="J41944" s="16"/>
    </row>
    <row r="41945" spans="7:10">
      <c r="G41945" s="16"/>
      <c r="H41945" s="16"/>
      <c r="I41945" s="16"/>
      <c r="J41945" s="16"/>
    </row>
    <row r="41946" spans="7:10">
      <c r="G41946" s="16"/>
      <c r="H41946" s="16"/>
      <c r="I41946" s="16"/>
      <c r="J41946" s="16"/>
    </row>
    <row r="41947" spans="7:10">
      <c r="G41947" s="16"/>
      <c r="H41947" s="16"/>
      <c r="I41947" s="16"/>
      <c r="J41947" s="16"/>
    </row>
    <row r="41948" spans="7:10">
      <c r="G41948" s="16"/>
      <c r="H41948" s="16"/>
      <c r="I41948" s="16"/>
      <c r="J41948" s="16"/>
    </row>
    <row r="41949" spans="7:10">
      <c r="G41949" s="16"/>
      <c r="H41949" s="16"/>
      <c r="I41949" s="16"/>
      <c r="J41949" s="16"/>
    </row>
    <row r="41950" spans="7:10">
      <c r="G41950" s="16"/>
      <c r="H41950" s="16"/>
      <c r="I41950" s="16"/>
      <c r="J41950" s="16"/>
    </row>
    <row r="41951" spans="7:10">
      <c r="G41951" s="16"/>
      <c r="H41951" s="16"/>
      <c r="I41951" s="16"/>
      <c r="J41951" s="16"/>
    </row>
    <row r="41952" spans="7:10">
      <c r="G41952" s="16"/>
      <c r="H41952" s="16"/>
      <c r="I41952" s="16"/>
      <c r="J41952" s="16"/>
    </row>
    <row r="41953" spans="7:10">
      <c r="G41953" s="16"/>
      <c r="H41953" s="16"/>
      <c r="I41953" s="16"/>
      <c r="J41953" s="16"/>
    </row>
    <row r="41954" spans="7:10">
      <c r="G41954" s="16"/>
      <c r="H41954" s="16"/>
      <c r="I41954" s="16"/>
      <c r="J41954" s="16"/>
    </row>
    <row r="41955" spans="7:10">
      <c r="G41955" s="16"/>
      <c r="H41955" s="16"/>
      <c r="I41955" s="16"/>
      <c r="J41955" s="16"/>
    </row>
    <row r="41956" spans="7:10">
      <c r="G41956" s="16"/>
      <c r="H41956" s="16"/>
      <c r="I41956" s="16"/>
      <c r="J41956" s="16"/>
    </row>
    <row r="41957" spans="7:10">
      <c r="G41957" s="16"/>
      <c r="H41957" s="16"/>
      <c r="I41957" s="16"/>
      <c r="J41957" s="16"/>
    </row>
    <row r="41958" spans="7:10">
      <c r="G41958" s="16"/>
      <c r="H41958" s="16"/>
      <c r="I41958" s="16"/>
      <c r="J41958" s="16"/>
    </row>
    <row r="41959" spans="7:10">
      <c r="G41959" s="16"/>
      <c r="H41959" s="16"/>
      <c r="I41959" s="16"/>
      <c r="J41959" s="16"/>
    </row>
    <row r="41960" spans="7:10">
      <c r="G41960" s="16"/>
      <c r="H41960" s="16"/>
      <c r="I41960" s="16"/>
      <c r="J41960" s="16"/>
    </row>
    <row r="41961" spans="7:10">
      <c r="G41961" s="16"/>
      <c r="H41961" s="16"/>
      <c r="I41961" s="16"/>
      <c r="J41961" s="16"/>
    </row>
    <row r="41962" spans="7:10">
      <c r="G41962" s="16"/>
      <c r="H41962" s="16"/>
      <c r="I41962" s="16"/>
      <c r="J41962" s="16"/>
    </row>
    <row r="41963" spans="7:10">
      <c r="G41963" s="16"/>
      <c r="H41963" s="16"/>
      <c r="I41963" s="16"/>
      <c r="J41963" s="16"/>
    </row>
    <row r="41964" spans="7:10">
      <c r="G41964" s="16"/>
      <c r="H41964" s="16"/>
      <c r="I41964" s="16"/>
      <c r="J41964" s="16"/>
    </row>
    <row r="41965" spans="7:10">
      <c r="G41965" s="16"/>
      <c r="H41965" s="16"/>
      <c r="I41965" s="16"/>
      <c r="J41965" s="16"/>
    </row>
    <row r="41966" spans="7:10">
      <c r="G41966" s="16"/>
      <c r="H41966" s="16"/>
      <c r="I41966" s="16"/>
      <c r="J41966" s="16"/>
    </row>
    <row r="41967" spans="7:10">
      <c r="G41967" s="16"/>
      <c r="H41967" s="16"/>
      <c r="I41967" s="16"/>
      <c r="J41967" s="16"/>
    </row>
    <row r="41968" spans="7:10">
      <c r="G41968" s="16"/>
      <c r="H41968" s="16"/>
      <c r="I41968" s="16"/>
      <c r="J41968" s="16"/>
    </row>
    <row r="41969" spans="7:10">
      <c r="G41969" s="16"/>
      <c r="H41969" s="16"/>
      <c r="I41969" s="16"/>
      <c r="J41969" s="16"/>
    </row>
    <row r="41970" spans="7:10">
      <c r="G41970" s="16"/>
      <c r="H41970" s="16"/>
      <c r="I41970" s="16"/>
      <c r="J41970" s="16"/>
    </row>
    <row r="41971" spans="7:10">
      <c r="G41971" s="16"/>
      <c r="H41971" s="16"/>
      <c r="I41971" s="16"/>
      <c r="J41971" s="16"/>
    </row>
    <row r="41972" spans="7:10">
      <c r="G41972" s="16"/>
      <c r="H41972" s="16"/>
      <c r="I41972" s="16"/>
      <c r="J41972" s="16"/>
    </row>
    <row r="41973" spans="7:10">
      <c r="G41973" s="16"/>
      <c r="H41973" s="16"/>
      <c r="I41973" s="16"/>
      <c r="J41973" s="16"/>
    </row>
    <row r="41974" spans="7:10">
      <c r="G41974" s="16"/>
      <c r="H41974" s="16"/>
      <c r="I41974" s="16"/>
      <c r="J41974" s="16"/>
    </row>
    <row r="41975" spans="7:10">
      <c r="G41975" s="16"/>
      <c r="H41975" s="16"/>
      <c r="I41975" s="16"/>
      <c r="J41975" s="16"/>
    </row>
    <row r="41976" spans="7:10">
      <c r="G41976" s="16"/>
      <c r="H41976" s="16"/>
      <c r="I41976" s="16"/>
      <c r="J41976" s="16"/>
    </row>
    <row r="41977" spans="7:10">
      <c r="G41977" s="16"/>
      <c r="H41977" s="16"/>
      <c r="I41977" s="16"/>
      <c r="J41977" s="16"/>
    </row>
    <row r="41978" spans="7:10">
      <c r="G41978" s="16"/>
      <c r="H41978" s="16"/>
      <c r="I41978" s="16"/>
      <c r="J41978" s="16"/>
    </row>
    <row r="41979" spans="7:10">
      <c r="G41979" s="16"/>
      <c r="H41979" s="16"/>
      <c r="I41979" s="16"/>
      <c r="J41979" s="16"/>
    </row>
    <row r="41980" spans="7:10">
      <c r="G41980" s="16"/>
      <c r="H41980" s="16"/>
      <c r="I41980" s="16"/>
      <c r="J41980" s="16"/>
    </row>
    <row r="41981" spans="7:10">
      <c r="G41981" s="16"/>
      <c r="H41981" s="16"/>
      <c r="I41981" s="16"/>
      <c r="J41981" s="16"/>
    </row>
    <row r="41982" spans="7:10">
      <c r="G41982" s="16"/>
      <c r="H41982" s="16"/>
      <c r="I41982" s="16"/>
      <c r="J41982" s="16"/>
    </row>
    <row r="41983" spans="7:10">
      <c r="G41983" s="16"/>
      <c r="H41983" s="16"/>
      <c r="I41983" s="16"/>
      <c r="J41983" s="16"/>
    </row>
    <row r="41984" spans="7:10">
      <c r="G41984" s="16"/>
      <c r="H41984" s="16"/>
      <c r="I41984" s="16"/>
      <c r="J41984" s="16"/>
    </row>
    <row r="41985" spans="7:10">
      <c r="G41985" s="16"/>
      <c r="H41985" s="16"/>
      <c r="I41985" s="16"/>
      <c r="J41985" s="16"/>
    </row>
    <row r="41986" spans="7:10">
      <c r="G41986" s="16"/>
      <c r="H41986" s="16"/>
      <c r="I41986" s="16"/>
      <c r="J41986" s="16"/>
    </row>
    <row r="41987" spans="7:10">
      <c r="G41987" s="16"/>
      <c r="H41987" s="16"/>
      <c r="I41987" s="16"/>
      <c r="J41987" s="16"/>
    </row>
    <row r="41988" spans="7:10">
      <c r="G41988" s="16"/>
      <c r="H41988" s="16"/>
      <c r="I41988" s="16"/>
      <c r="J41988" s="16"/>
    </row>
    <row r="41989" spans="7:10">
      <c r="G41989" s="16"/>
      <c r="H41989" s="16"/>
      <c r="I41989" s="16"/>
      <c r="J41989" s="16"/>
    </row>
    <row r="41990" spans="7:10">
      <c r="G41990" s="16"/>
      <c r="H41990" s="16"/>
      <c r="I41990" s="16"/>
      <c r="J41990" s="16"/>
    </row>
    <row r="41991" spans="7:10">
      <c r="G41991" s="16"/>
      <c r="H41991" s="16"/>
      <c r="I41991" s="16"/>
      <c r="J41991" s="16"/>
    </row>
    <row r="41992" spans="7:10">
      <c r="G41992" s="16"/>
      <c r="H41992" s="16"/>
      <c r="I41992" s="16"/>
      <c r="J41992" s="16"/>
    </row>
    <row r="41993" spans="7:10">
      <c r="G41993" s="16"/>
      <c r="H41993" s="16"/>
      <c r="I41993" s="16"/>
      <c r="J41993" s="16"/>
    </row>
    <row r="41994" spans="7:10">
      <c r="G41994" s="16"/>
      <c r="H41994" s="16"/>
      <c r="I41994" s="16"/>
      <c r="J41994" s="16"/>
    </row>
    <row r="41995" spans="7:10">
      <c r="G41995" s="16"/>
      <c r="H41995" s="16"/>
      <c r="I41995" s="16"/>
      <c r="J41995" s="16"/>
    </row>
    <row r="41996" spans="7:10">
      <c r="G41996" s="16"/>
      <c r="H41996" s="16"/>
      <c r="I41996" s="16"/>
      <c r="J41996" s="16"/>
    </row>
    <row r="41997" spans="7:10">
      <c r="G41997" s="16"/>
      <c r="H41997" s="16"/>
      <c r="I41997" s="16"/>
      <c r="J41997" s="16"/>
    </row>
    <row r="41998" spans="7:10">
      <c r="G41998" s="16"/>
      <c r="H41998" s="16"/>
      <c r="I41998" s="16"/>
      <c r="J41998" s="16"/>
    </row>
    <row r="41999" spans="7:10">
      <c r="G41999" s="16"/>
      <c r="H41999" s="16"/>
      <c r="I41999" s="16"/>
      <c r="J41999" s="16"/>
    </row>
    <row r="42000" spans="7:10">
      <c r="G42000" s="16"/>
      <c r="H42000" s="16"/>
      <c r="I42000" s="16"/>
      <c r="J42000" s="16"/>
    </row>
    <row r="42001" spans="7:10">
      <c r="G42001" s="16"/>
      <c r="H42001" s="16"/>
      <c r="I42001" s="16"/>
      <c r="J42001" s="16"/>
    </row>
    <row r="42002" spans="7:10">
      <c r="G42002" s="16"/>
      <c r="H42002" s="16"/>
      <c r="I42002" s="16"/>
      <c r="J42002" s="16"/>
    </row>
    <row r="42003" spans="7:10">
      <c r="G42003" s="16"/>
      <c r="H42003" s="16"/>
      <c r="I42003" s="16"/>
      <c r="J42003" s="16"/>
    </row>
    <row r="42004" spans="7:10">
      <c r="G42004" s="16"/>
      <c r="H42004" s="16"/>
      <c r="I42004" s="16"/>
      <c r="J42004" s="16"/>
    </row>
    <row r="42005" spans="7:10">
      <c r="G42005" s="16"/>
      <c r="H42005" s="16"/>
      <c r="I42005" s="16"/>
      <c r="J42005" s="16"/>
    </row>
    <row r="42006" spans="7:10">
      <c r="G42006" s="16"/>
      <c r="H42006" s="16"/>
      <c r="I42006" s="16"/>
      <c r="J42006" s="16"/>
    </row>
    <row r="42007" spans="7:10">
      <c r="G42007" s="16"/>
      <c r="H42007" s="16"/>
      <c r="I42007" s="16"/>
      <c r="J42007" s="16"/>
    </row>
    <row r="42008" spans="7:10">
      <c r="G42008" s="16"/>
      <c r="H42008" s="16"/>
      <c r="I42008" s="16"/>
      <c r="J42008" s="16"/>
    </row>
    <row r="42009" spans="7:10">
      <c r="G42009" s="16"/>
      <c r="H42009" s="16"/>
      <c r="I42009" s="16"/>
      <c r="J42009" s="16"/>
    </row>
    <row r="42010" spans="7:10">
      <c r="G42010" s="16"/>
      <c r="H42010" s="16"/>
      <c r="I42010" s="16"/>
      <c r="J42010" s="16"/>
    </row>
    <row r="42011" spans="7:10">
      <c r="G42011" s="16"/>
      <c r="H42011" s="16"/>
      <c r="I42011" s="16"/>
      <c r="J42011" s="16"/>
    </row>
    <row r="42012" spans="7:10">
      <c r="G42012" s="16"/>
      <c r="H42012" s="16"/>
      <c r="I42012" s="16"/>
      <c r="J42012" s="16"/>
    </row>
    <row r="42013" spans="7:10">
      <c r="G42013" s="16"/>
      <c r="H42013" s="16"/>
      <c r="I42013" s="16"/>
      <c r="J42013" s="16"/>
    </row>
    <row r="42014" spans="7:10">
      <c r="G42014" s="16"/>
      <c r="H42014" s="16"/>
      <c r="I42014" s="16"/>
      <c r="J42014" s="16"/>
    </row>
    <row r="42015" spans="7:10">
      <c r="G42015" s="16"/>
      <c r="H42015" s="16"/>
      <c r="I42015" s="16"/>
      <c r="J42015" s="16"/>
    </row>
    <row r="42016" spans="7:10">
      <c r="G42016" s="16"/>
      <c r="H42016" s="16"/>
      <c r="I42016" s="16"/>
      <c r="J42016" s="16"/>
    </row>
    <row r="42017" spans="7:10">
      <c r="G42017" s="16"/>
      <c r="H42017" s="16"/>
      <c r="I42017" s="16"/>
      <c r="J42017" s="16"/>
    </row>
    <row r="42018" spans="7:10">
      <c r="G42018" s="16"/>
      <c r="H42018" s="16"/>
      <c r="I42018" s="16"/>
      <c r="J42018" s="16"/>
    </row>
    <row r="42019" spans="7:10">
      <c r="G42019" s="16"/>
      <c r="H42019" s="16"/>
      <c r="I42019" s="16"/>
      <c r="J42019" s="16"/>
    </row>
    <row r="42020" spans="7:10">
      <c r="G42020" s="16"/>
      <c r="H42020" s="16"/>
      <c r="I42020" s="16"/>
      <c r="J42020" s="16"/>
    </row>
    <row r="42021" spans="7:10">
      <c r="G42021" s="16"/>
      <c r="H42021" s="16"/>
      <c r="I42021" s="16"/>
      <c r="J42021" s="16"/>
    </row>
    <row r="42022" spans="7:10">
      <c r="G42022" s="16"/>
      <c r="H42022" s="16"/>
      <c r="I42022" s="16"/>
      <c r="J42022" s="16"/>
    </row>
    <row r="42023" spans="7:10">
      <c r="G42023" s="16"/>
      <c r="H42023" s="16"/>
      <c r="I42023" s="16"/>
      <c r="J42023" s="16"/>
    </row>
    <row r="42024" spans="7:10">
      <c r="G42024" s="16"/>
      <c r="H42024" s="16"/>
      <c r="I42024" s="16"/>
      <c r="J42024" s="16"/>
    </row>
    <row r="42025" spans="7:10">
      <c r="G42025" s="16"/>
      <c r="H42025" s="16"/>
      <c r="I42025" s="16"/>
      <c r="J42025" s="16"/>
    </row>
    <row r="42026" spans="7:10">
      <c r="G42026" s="16"/>
      <c r="H42026" s="16"/>
      <c r="I42026" s="16"/>
      <c r="J42026" s="16"/>
    </row>
    <row r="42027" spans="7:10">
      <c r="G42027" s="16"/>
      <c r="H42027" s="16"/>
      <c r="I42027" s="16"/>
      <c r="J42027" s="16"/>
    </row>
    <row r="42028" spans="7:10">
      <c r="G42028" s="16"/>
      <c r="H42028" s="16"/>
      <c r="I42028" s="16"/>
      <c r="J42028" s="16"/>
    </row>
    <row r="42029" spans="7:10">
      <c r="G42029" s="16"/>
      <c r="H42029" s="16"/>
      <c r="I42029" s="16"/>
      <c r="J42029" s="16"/>
    </row>
    <row r="42030" spans="7:10">
      <c r="G42030" s="16"/>
      <c r="H42030" s="16"/>
      <c r="I42030" s="16"/>
      <c r="J42030" s="16"/>
    </row>
    <row r="42031" spans="7:10">
      <c r="G42031" s="16"/>
      <c r="H42031" s="16"/>
      <c r="I42031" s="16"/>
      <c r="J42031" s="16"/>
    </row>
    <row r="42032" spans="7:10">
      <c r="G42032" s="16"/>
      <c r="H42032" s="16"/>
      <c r="I42032" s="16"/>
      <c r="J42032" s="16"/>
    </row>
    <row r="42033" spans="7:10">
      <c r="G42033" s="16"/>
      <c r="H42033" s="16"/>
      <c r="I42033" s="16"/>
      <c r="J42033" s="16"/>
    </row>
    <row r="42034" spans="7:10">
      <c r="G42034" s="16"/>
      <c r="H42034" s="16"/>
      <c r="I42034" s="16"/>
      <c r="J42034" s="16"/>
    </row>
    <row r="42035" spans="7:10">
      <c r="G42035" s="16"/>
      <c r="H42035" s="16"/>
      <c r="I42035" s="16"/>
      <c r="J42035" s="16"/>
    </row>
    <row r="42036" spans="7:10">
      <c r="G42036" s="16"/>
      <c r="H42036" s="16"/>
      <c r="I42036" s="16"/>
      <c r="J42036" s="16"/>
    </row>
    <row r="42037" spans="7:10">
      <c r="G42037" s="16"/>
      <c r="H42037" s="16"/>
      <c r="I42037" s="16"/>
      <c r="J42037" s="16"/>
    </row>
    <row r="42038" spans="7:10">
      <c r="G42038" s="16"/>
      <c r="H42038" s="16"/>
      <c r="I42038" s="16"/>
      <c r="J42038" s="16"/>
    </row>
    <row r="42039" spans="7:10">
      <c r="G42039" s="16"/>
      <c r="H42039" s="16"/>
      <c r="I42039" s="16"/>
      <c r="J42039" s="16"/>
    </row>
    <row r="42040" spans="7:10">
      <c r="G42040" s="16"/>
      <c r="H42040" s="16"/>
      <c r="I42040" s="16"/>
      <c r="J42040" s="16"/>
    </row>
    <row r="42041" spans="7:10">
      <c r="G42041" s="16"/>
      <c r="H42041" s="16"/>
      <c r="I42041" s="16"/>
      <c r="J42041" s="16"/>
    </row>
    <row r="42042" spans="7:10">
      <c r="G42042" s="16"/>
      <c r="H42042" s="16"/>
      <c r="I42042" s="16"/>
      <c r="J42042" s="16"/>
    </row>
    <row r="42043" spans="7:10">
      <c r="G42043" s="16"/>
      <c r="H42043" s="16"/>
      <c r="I42043" s="16"/>
      <c r="J42043" s="16"/>
    </row>
    <row r="42044" spans="7:10">
      <c r="G42044" s="16"/>
      <c r="H42044" s="16"/>
      <c r="I42044" s="16"/>
      <c r="J42044" s="16"/>
    </row>
    <row r="42045" spans="7:10">
      <c r="G42045" s="16"/>
      <c r="H42045" s="16"/>
      <c r="I42045" s="16"/>
      <c r="J42045" s="16"/>
    </row>
    <row r="42046" spans="7:10">
      <c r="G42046" s="16"/>
      <c r="H42046" s="16"/>
      <c r="I42046" s="16"/>
      <c r="J42046" s="16"/>
    </row>
    <row r="42047" spans="7:10">
      <c r="G42047" s="16"/>
      <c r="H42047" s="16"/>
      <c r="I42047" s="16"/>
      <c r="J42047" s="16"/>
    </row>
    <row r="42048" spans="7:10">
      <c r="G42048" s="16"/>
      <c r="H42048" s="16"/>
      <c r="I42048" s="16"/>
      <c r="J42048" s="16"/>
    </row>
    <row r="42049" spans="7:10">
      <c r="G42049" s="16"/>
      <c r="H42049" s="16"/>
      <c r="I42049" s="16"/>
      <c r="J42049" s="16"/>
    </row>
    <row r="42050" spans="7:10">
      <c r="G42050" s="16"/>
      <c r="H42050" s="16"/>
      <c r="I42050" s="16"/>
      <c r="J42050" s="16"/>
    </row>
    <row r="42051" spans="7:10">
      <c r="G42051" s="16"/>
      <c r="H42051" s="16"/>
      <c r="I42051" s="16"/>
      <c r="J42051" s="16"/>
    </row>
    <row r="42052" spans="7:10">
      <c r="G42052" s="16"/>
      <c r="H42052" s="16"/>
      <c r="I42052" s="16"/>
      <c r="J42052" s="16"/>
    </row>
    <row r="42053" spans="7:10">
      <c r="G42053" s="16"/>
      <c r="H42053" s="16"/>
      <c r="I42053" s="16"/>
      <c r="J42053" s="16"/>
    </row>
    <row r="42054" spans="7:10">
      <c r="G42054" s="16"/>
      <c r="H42054" s="16"/>
      <c r="I42054" s="16"/>
      <c r="J42054" s="16"/>
    </row>
    <row r="42055" spans="7:10">
      <c r="G42055" s="16"/>
      <c r="H42055" s="16"/>
      <c r="I42055" s="16"/>
      <c r="J42055" s="16"/>
    </row>
    <row r="42056" spans="7:10">
      <c r="G42056" s="16"/>
      <c r="H42056" s="16"/>
      <c r="I42056" s="16"/>
      <c r="J42056" s="16"/>
    </row>
    <row r="42057" spans="7:10">
      <c r="G42057" s="16"/>
      <c r="H42057" s="16"/>
      <c r="I42057" s="16"/>
      <c r="J42057" s="16"/>
    </row>
    <row r="42058" spans="7:10">
      <c r="G42058" s="16"/>
      <c r="H42058" s="16"/>
      <c r="I42058" s="16"/>
      <c r="J42058" s="16"/>
    </row>
    <row r="42059" spans="7:10">
      <c r="G42059" s="16"/>
      <c r="H42059" s="16"/>
      <c r="I42059" s="16"/>
      <c r="J42059" s="16"/>
    </row>
    <row r="42060" spans="7:10">
      <c r="G42060" s="16"/>
      <c r="H42060" s="16"/>
      <c r="I42060" s="16"/>
      <c r="J42060" s="16"/>
    </row>
    <row r="42061" spans="7:10">
      <c r="G42061" s="16"/>
      <c r="H42061" s="16"/>
      <c r="I42061" s="16"/>
      <c r="J42061" s="16"/>
    </row>
    <row r="42062" spans="7:10">
      <c r="G42062" s="16"/>
      <c r="H42062" s="16"/>
      <c r="I42062" s="16"/>
      <c r="J42062" s="16"/>
    </row>
    <row r="42063" spans="7:10">
      <c r="G42063" s="16"/>
      <c r="H42063" s="16"/>
      <c r="I42063" s="16"/>
      <c r="J42063" s="16"/>
    </row>
    <row r="42064" spans="7:10">
      <c r="G42064" s="16"/>
      <c r="H42064" s="16"/>
      <c r="I42064" s="16"/>
      <c r="J42064" s="16"/>
    </row>
    <row r="42065" spans="7:10">
      <c r="G42065" s="16"/>
      <c r="H42065" s="16"/>
      <c r="I42065" s="16"/>
      <c r="J42065" s="16"/>
    </row>
    <row r="42066" spans="7:10">
      <c r="G42066" s="16"/>
      <c r="H42066" s="16"/>
      <c r="I42066" s="16"/>
      <c r="J42066" s="16"/>
    </row>
    <row r="42067" spans="7:10">
      <c r="G42067" s="16"/>
      <c r="H42067" s="16"/>
      <c r="I42067" s="16"/>
      <c r="J42067" s="16"/>
    </row>
    <row r="42068" spans="7:10">
      <c r="G42068" s="16"/>
      <c r="H42068" s="16"/>
      <c r="I42068" s="16"/>
      <c r="J42068" s="16"/>
    </row>
    <row r="42069" spans="7:10">
      <c r="G42069" s="16"/>
      <c r="H42069" s="16"/>
      <c r="I42069" s="16"/>
      <c r="J42069" s="16"/>
    </row>
    <row r="42070" spans="7:10">
      <c r="G42070" s="16"/>
      <c r="H42070" s="16"/>
      <c r="I42070" s="16"/>
      <c r="J42070" s="16"/>
    </row>
    <row r="42071" spans="7:10">
      <c r="G42071" s="16"/>
      <c r="H42071" s="16"/>
      <c r="I42071" s="16"/>
      <c r="J42071" s="16"/>
    </row>
    <row r="42072" spans="7:10">
      <c r="G42072" s="16"/>
      <c r="H42072" s="16"/>
      <c r="I42072" s="16"/>
      <c r="J42072" s="16"/>
    </row>
    <row r="42073" spans="7:10">
      <c r="G42073" s="16"/>
      <c r="H42073" s="16"/>
      <c r="I42073" s="16"/>
      <c r="J42073" s="16"/>
    </row>
    <row r="42074" spans="7:10">
      <c r="G42074" s="16"/>
      <c r="H42074" s="16"/>
      <c r="I42074" s="16"/>
      <c r="J42074" s="16"/>
    </row>
    <row r="42075" spans="7:10">
      <c r="G42075" s="16"/>
      <c r="H42075" s="16"/>
      <c r="I42075" s="16"/>
      <c r="J42075" s="16"/>
    </row>
    <row r="42076" spans="7:10">
      <c r="G42076" s="16"/>
      <c r="H42076" s="16"/>
      <c r="I42076" s="16"/>
      <c r="J42076" s="16"/>
    </row>
    <row r="42077" spans="7:10">
      <c r="G42077" s="16"/>
      <c r="H42077" s="16"/>
      <c r="I42077" s="16"/>
      <c r="J42077" s="16"/>
    </row>
    <row r="42078" spans="7:10">
      <c r="G42078" s="16"/>
      <c r="H42078" s="16"/>
      <c r="I42078" s="16"/>
      <c r="J42078" s="16"/>
    </row>
    <row r="42079" spans="7:10">
      <c r="G42079" s="16"/>
      <c r="H42079" s="16"/>
      <c r="I42079" s="16"/>
      <c r="J42079" s="16"/>
    </row>
    <row r="42080" spans="7:10">
      <c r="G42080" s="16"/>
      <c r="H42080" s="16"/>
      <c r="I42080" s="16"/>
      <c r="J42080" s="16"/>
    </row>
    <row r="42081" spans="7:10">
      <c r="G42081" s="16"/>
      <c r="H42081" s="16"/>
      <c r="I42081" s="16"/>
      <c r="J42081" s="16"/>
    </row>
    <row r="42082" spans="7:10">
      <c r="G42082" s="16"/>
      <c r="H42082" s="16"/>
      <c r="I42082" s="16"/>
      <c r="J42082" s="16"/>
    </row>
    <row r="42083" spans="7:10">
      <c r="G42083" s="16"/>
      <c r="H42083" s="16"/>
      <c r="I42083" s="16"/>
      <c r="J42083" s="16"/>
    </row>
    <row r="42084" spans="7:10">
      <c r="G42084" s="16"/>
      <c r="H42084" s="16"/>
      <c r="I42084" s="16"/>
      <c r="J42084" s="16"/>
    </row>
    <row r="42085" spans="7:10">
      <c r="G42085" s="16"/>
      <c r="H42085" s="16"/>
      <c r="I42085" s="16"/>
      <c r="J42085" s="16"/>
    </row>
    <row r="42086" spans="7:10">
      <c r="G42086" s="16"/>
      <c r="H42086" s="16"/>
      <c r="I42086" s="16"/>
      <c r="J42086" s="16"/>
    </row>
    <row r="42087" spans="7:10">
      <c r="G42087" s="16"/>
      <c r="H42087" s="16"/>
      <c r="I42087" s="16"/>
      <c r="J42087" s="16"/>
    </row>
    <row r="42088" spans="7:10">
      <c r="G42088" s="16"/>
      <c r="H42088" s="16"/>
      <c r="I42088" s="16"/>
      <c r="J42088" s="16"/>
    </row>
    <row r="42089" spans="7:10">
      <c r="G42089" s="16"/>
      <c r="H42089" s="16"/>
      <c r="I42089" s="16"/>
      <c r="J42089" s="16"/>
    </row>
    <row r="42090" spans="7:10">
      <c r="G42090" s="16"/>
      <c r="H42090" s="16"/>
      <c r="I42090" s="16"/>
      <c r="J42090" s="16"/>
    </row>
    <row r="42091" spans="7:10">
      <c r="G42091" s="16"/>
      <c r="H42091" s="16"/>
      <c r="I42091" s="16"/>
      <c r="J42091" s="16"/>
    </row>
    <row r="42092" spans="7:10">
      <c r="G42092" s="16"/>
      <c r="H42092" s="16"/>
      <c r="I42092" s="16"/>
      <c r="J42092" s="16"/>
    </row>
    <row r="42093" spans="7:10">
      <c r="G42093" s="16"/>
      <c r="H42093" s="16"/>
      <c r="I42093" s="16"/>
      <c r="J42093" s="16"/>
    </row>
    <row r="42094" spans="7:10">
      <c r="G42094" s="16"/>
      <c r="H42094" s="16"/>
      <c r="I42094" s="16"/>
      <c r="J42094" s="16"/>
    </row>
    <row r="42095" spans="7:10">
      <c r="G42095" s="16"/>
      <c r="H42095" s="16"/>
      <c r="I42095" s="16"/>
      <c r="J42095" s="16"/>
    </row>
    <row r="42096" spans="7:10">
      <c r="G42096" s="16"/>
      <c r="H42096" s="16"/>
      <c r="I42096" s="16"/>
      <c r="J42096" s="16"/>
    </row>
    <row r="42097" spans="7:10">
      <c r="G42097" s="16"/>
      <c r="H42097" s="16"/>
      <c r="I42097" s="16"/>
      <c r="J42097" s="16"/>
    </row>
    <row r="42098" spans="7:10">
      <c r="G42098" s="16"/>
      <c r="H42098" s="16"/>
      <c r="I42098" s="16"/>
      <c r="J42098" s="16"/>
    </row>
    <row r="42099" spans="7:10">
      <c r="G42099" s="16"/>
      <c r="H42099" s="16"/>
      <c r="I42099" s="16"/>
      <c r="J42099" s="16"/>
    </row>
    <row r="42100" spans="7:10">
      <c r="G42100" s="16"/>
      <c r="H42100" s="16"/>
      <c r="I42100" s="16"/>
      <c r="J42100" s="16"/>
    </row>
    <row r="42101" spans="7:10">
      <c r="G42101" s="16"/>
      <c r="H42101" s="16"/>
      <c r="I42101" s="16"/>
      <c r="J42101" s="16"/>
    </row>
    <row r="42102" spans="7:10">
      <c r="G42102" s="16"/>
      <c r="H42102" s="16"/>
      <c r="I42102" s="16"/>
      <c r="J42102" s="16"/>
    </row>
    <row r="42103" spans="7:10">
      <c r="G42103" s="16"/>
      <c r="H42103" s="16"/>
      <c r="I42103" s="16"/>
      <c r="J42103" s="16"/>
    </row>
    <row r="42104" spans="7:10">
      <c r="G42104" s="16"/>
      <c r="H42104" s="16"/>
      <c r="I42104" s="16"/>
      <c r="J42104" s="16"/>
    </row>
    <row r="42105" spans="7:10">
      <c r="G42105" s="16"/>
      <c r="H42105" s="16"/>
      <c r="I42105" s="16"/>
      <c r="J42105" s="16"/>
    </row>
    <row r="42106" spans="7:10">
      <c r="G42106" s="16"/>
      <c r="H42106" s="16"/>
      <c r="I42106" s="16"/>
      <c r="J42106" s="16"/>
    </row>
    <row r="42107" spans="7:10">
      <c r="G42107" s="16"/>
      <c r="H42107" s="16"/>
      <c r="I42107" s="16"/>
      <c r="J42107" s="16"/>
    </row>
    <row r="42108" spans="7:10">
      <c r="G42108" s="16"/>
      <c r="H42108" s="16"/>
      <c r="I42108" s="16"/>
      <c r="J42108" s="16"/>
    </row>
    <row r="42109" spans="7:10">
      <c r="G42109" s="16"/>
      <c r="H42109" s="16"/>
      <c r="I42109" s="16"/>
      <c r="J42109" s="16"/>
    </row>
    <row r="42110" spans="7:10">
      <c r="G42110" s="16"/>
      <c r="H42110" s="16"/>
      <c r="I42110" s="16"/>
      <c r="J42110" s="16"/>
    </row>
    <row r="42111" spans="7:10">
      <c r="G42111" s="16"/>
      <c r="H42111" s="16"/>
      <c r="I42111" s="16"/>
      <c r="J42111" s="16"/>
    </row>
    <row r="42112" spans="7:10">
      <c r="G42112" s="16"/>
      <c r="H42112" s="16"/>
      <c r="I42112" s="16"/>
      <c r="J42112" s="16"/>
    </row>
    <row r="42113" spans="7:10">
      <c r="G42113" s="16"/>
      <c r="H42113" s="16"/>
      <c r="I42113" s="16"/>
      <c r="J42113" s="16"/>
    </row>
    <row r="42114" spans="7:10">
      <c r="G42114" s="16"/>
      <c r="H42114" s="16"/>
      <c r="I42114" s="16"/>
      <c r="J42114" s="16"/>
    </row>
    <row r="42115" spans="7:10">
      <c r="G42115" s="16"/>
      <c r="H42115" s="16"/>
      <c r="I42115" s="16"/>
      <c r="J42115" s="16"/>
    </row>
    <row r="42116" spans="7:10">
      <c r="G42116" s="16"/>
      <c r="H42116" s="16"/>
      <c r="I42116" s="16"/>
      <c r="J42116" s="16"/>
    </row>
    <row r="42117" spans="7:10">
      <c r="G42117" s="16"/>
      <c r="H42117" s="16"/>
      <c r="I42117" s="16"/>
      <c r="J42117" s="16"/>
    </row>
    <row r="42118" spans="7:10">
      <c r="G42118" s="16"/>
      <c r="H42118" s="16"/>
      <c r="I42118" s="16"/>
      <c r="J42118" s="16"/>
    </row>
    <row r="42119" spans="7:10">
      <c r="G42119" s="16"/>
      <c r="H42119" s="16"/>
      <c r="I42119" s="16"/>
      <c r="J42119" s="16"/>
    </row>
    <row r="42120" spans="7:10">
      <c r="G42120" s="16"/>
      <c r="H42120" s="16"/>
      <c r="I42120" s="16"/>
      <c r="J42120" s="16"/>
    </row>
    <row r="42121" spans="7:10">
      <c r="G42121" s="16"/>
      <c r="H42121" s="16"/>
      <c r="I42121" s="16"/>
      <c r="J42121" s="16"/>
    </row>
    <row r="42122" spans="7:10">
      <c r="G42122" s="16"/>
      <c r="H42122" s="16"/>
      <c r="I42122" s="16"/>
      <c r="J42122" s="16"/>
    </row>
    <row r="42123" spans="7:10">
      <c r="G42123" s="16"/>
      <c r="H42123" s="16"/>
      <c r="I42123" s="16"/>
      <c r="J42123" s="16"/>
    </row>
    <row r="42124" spans="7:10">
      <c r="G42124" s="16"/>
      <c r="H42124" s="16"/>
      <c r="I42124" s="16"/>
      <c r="J42124" s="16"/>
    </row>
    <row r="42125" spans="7:10">
      <c r="G42125" s="16"/>
      <c r="H42125" s="16"/>
      <c r="I42125" s="16"/>
      <c r="J42125" s="16"/>
    </row>
    <row r="42126" spans="7:10">
      <c r="G42126" s="16"/>
      <c r="H42126" s="16"/>
      <c r="I42126" s="16"/>
      <c r="J42126" s="16"/>
    </row>
    <row r="42127" spans="7:10">
      <c r="G42127" s="16"/>
      <c r="H42127" s="16"/>
      <c r="I42127" s="16"/>
      <c r="J42127" s="16"/>
    </row>
    <row r="42128" spans="7:10">
      <c r="G42128" s="16"/>
      <c r="H42128" s="16"/>
      <c r="I42128" s="16"/>
      <c r="J42128" s="16"/>
    </row>
    <row r="42129" spans="7:10">
      <c r="G42129" s="16"/>
      <c r="H42129" s="16"/>
      <c r="I42129" s="16"/>
      <c r="J42129" s="16"/>
    </row>
    <row r="42130" spans="7:10">
      <c r="G42130" s="16"/>
      <c r="H42130" s="16"/>
      <c r="I42130" s="16"/>
      <c r="J42130" s="16"/>
    </row>
    <row r="42131" spans="7:10">
      <c r="G42131" s="16"/>
      <c r="H42131" s="16"/>
      <c r="I42131" s="16"/>
      <c r="J42131" s="16"/>
    </row>
    <row r="42132" spans="7:10">
      <c r="G42132" s="16"/>
      <c r="H42132" s="16"/>
      <c r="I42132" s="16"/>
      <c r="J42132" s="16"/>
    </row>
    <row r="42133" spans="7:10">
      <c r="G42133" s="16"/>
      <c r="H42133" s="16"/>
      <c r="I42133" s="16"/>
      <c r="J42133" s="16"/>
    </row>
    <row r="42134" spans="7:10">
      <c r="G42134" s="16"/>
      <c r="H42134" s="16"/>
      <c r="I42134" s="16"/>
      <c r="J42134" s="16"/>
    </row>
    <row r="42135" spans="7:10">
      <c r="G42135" s="16"/>
      <c r="H42135" s="16"/>
      <c r="I42135" s="16"/>
      <c r="J42135" s="16"/>
    </row>
    <row r="42136" spans="7:10">
      <c r="G42136" s="16"/>
      <c r="H42136" s="16"/>
      <c r="I42136" s="16"/>
      <c r="J42136" s="16"/>
    </row>
    <row r="42137" spans="7:10">
      <c r="G42137" s="16"/>
      <c r="H42137" s="16"/>
      <c r="I42137" s="16"/>
      <c r="J42137" s="16"/>
    </row>
    <row r="42138" spans="7:10">
      <c r="G42138" s="16"/>
      <c r="H42138" s="16"/>
      <c r="I42138" s="16"/>
      <c r="J42138" s="16"/>
    </row>
    <row r="42139" spans="7:10">
      <c r="G42139" s="16"/>
      <c r="H42139" s="16"/>
      <c r="I42139" s="16"/>
      <c r="J42139" s="16"/>
    </row>
    <row r="42140" spans="7:10">
      <c r="G42140" s="16"/>
      <c r="H42140" s="16"/>
      <c r="I42140" s="16"/>
      <c r="J42140" s="16"/>
    </row>
    <row r="42141" spans="7:10">
      <c r="G42141" s="16"/>
      <c r="H42141" s="16"/>
      <c r="I42141" s="16"/>
      <c r="J42141" s="16"/>
    </row>
    <row r="42142" spans="7:10">
      <c r="G42142" s="16"/>
      <c r="H42142" s="16"/>
      <c r="I42142" s="16"/>
      <c r="J42142" s="16"/>
    </row>
    <row r="42143" spans="7:10">
      <c r="G42143" s="16"/>
      <c r="H42143" s="16"/>
      <c r="I42143" s="16"/>
      <c r="J42143" s="16"/>
    </row>
    <row r="42144" spans="7:10">
      <c r="G42144" s="16"/>
      <c r="H42144" s="16"/>
      <c r="I42144" s="16"/>
      <c r="J42144" s="16"/>
    </row>
    <row r="42145" spans="7:10">
      <c r="G42145" s="16"/>
      <c r="H42145" s="16"/>
      <c r="I42145" s="16"/>
      <c r="J42145" s="16"/>
    </row>
    <row r="42146" spans="7:10">
      <c r="G42146" s="16"/>
      <c r="H42146" s="16"/>
      <c r="I42146" s="16"/>
      <c r="J42146" s="16"/>
    </row>
    <row r="42147" spans="7:10">
      <c r="G42147" s="16"/>
      <c r="H42147" s="16"/>
      <c r="I42147" s="16"/>
      <c r="J42147" s="16"/>
    </row>
    <row r="42148" spans="7:10">
      <c r="G42148" s="16"/>
      <c r="H42148" s="16"/>
      <c r="I42148" s="16"/>
      <c r="J42148" s="16"/>
    </row>
    <row r="42149" spans="7:10">
      <c r="G42149" s="16"/>
      <c r="H42149" s="16"/>
      <c r="I42149" s="16"/>
      <c r="J42149" s="16"/>
    </row>
    <row r="42150" spans="7:10">
      <c r="G42150" s="16"/>
      <c r="H42150" s="16"/>
      <c r="I42150" s="16"/>
      <c r="J42150" s="16"/>
    </row>
    <row r="42151" spans="7:10">
      <c r="G42151" s="16"/>
      <c r="H42151" s="16"/>
      <c r="I42151" s="16"/>
      <c r="J42151" s="16"/>
    </row>
    <row r="42152" spans="7:10">
      <c r="G42152" s="16"/>
      <c r="H42152" s="16"/>
      <c r="I42152" s="16"/>
      <c r="J42152" s="16"/>
    </row>
    <row r="42153" spans="7:10">
      <c r="G42153" s="16"/>
      <c r="H42153" s="16"/>
      <c r="I42153" s="16"/>
      <c r="J42153" s="16"/>
    </row>
    <row r="42154" spans="7:10">
      <c r="G42154" s="16"/>
      <c r="H42154" s="16"/>
      <c r="I42154" s="16"/>
      <c r="J42154" s="16"/>
    </row>
    <row r="42155" spans="7:10">
      <c r="G42155" s="16"/>
      <c r="H42155" s="16"/>
      <c r="I42155" s="16"/>
      <c r="J42155" s="16"/>
    </row>
    <row r="42156" spans="7:10">
      <c r="G42156" s="16"/>
      <c r="H42156" s="16"/>
      <c r="I42156" s="16"/>
      <c r="J42156" s="16"/>
    </row>
    <row r="42157" spans="7:10">
      <c r="G42157" s="16"/>
      <c r="H42157" s="16"/>
      <c r="I42157" s="16"/>
      <c r="J42157" s="16"/>
    </row>
    <row r="42158" spans="7:10">
      <c r="G42158" s="16"/>
      <c r="H42158" s="16"/>
      <c r="I42158" s="16"/>
      <c r="J42158" s="16"/>
    </row>
    <row r="42159" spans="7:10">
      <c r="G42159" s="16"/>
      <c r="H42159" s="16"/>
      <c r="I42159" s="16"/>
      <c r="J42159" s="16"/>
    </row>
    <row r="42160" spans="7:10">
      <c r="G42160" s="16"/>
      <c r="H42160" s="16"/>
      <c r="I42160" s="16"/>
      <c r="J42160" s="16"/>
    </row>
    <row r="42161" spans="7:10">
      <c r="G42161" s="16"/>
      <c r="H42161" s="16"/>
      <c r="I42161" s="16"/>
      <c r="J42161" s="16"/>
    </row>
    <row r="42162" spans="7:10">
      <c r="G42162" s="16"/>
      <c r="H42162" s="16"/>
      <c r="I42162" s="16"/>
      <c r="J42162" s="16"/>
    </row>
    <row r="42163" spans="7:10">
      <c r="G42163" s="16"/>
      <c r="H42163" s="16"/>
      <c r="I42163" s="16"/>
      <c r="J42163" s="16"/>
    </row>
    <row r="42164" spans="7:10">
      <c r="G42164" s="16"/>
      <c r="H42164" s="16"/>
      <c r="I42164" s="16"/>
      <c r="J42164" s="16"/>
    </row>
    <row r="42165" spans="7:10">
      <c r="G42165" s="16"/>
      <c r="H42165" s="16"/>
      <c r="I42165" s="16"/>
      <c r="J42165" s="16"/>
    </row>
    <row r="42166" spans="7:10">
      <c r="G42166" s="16"/>
      <c r="H42166" s="16"/>
      <c r="I42166" s="16"/>
      <c r="J42166" s="16"/>
    </row>
    <row r="42167" spans="7:10">
      <c r="G42167" s="16"/>
      <c r="H42167" s="16"/>
      <c r="I42167" s="16"/>
      <c r="J42167" s="16"/>
    </row>
    <row r="42168" spans="7:10">
      <c r="G42168" s="16"/>
      <c r="H42168" s="16"/>
      <c r="I42168" s="16"/>
      <c r="J42168" s="16"/>
    </row>
    <row r="42169" spans="7:10">
      <c r="G42169" s="16"/>
      <c r="H42169" s="16"/>
      <c r="I42169" s="16"/>
      <c r="J42169" s="16"/>
    </row>
    <row r="42170" spans="7:10">
      <c r="G42170" s="16"/>
      <c r="H42170" s="16"/>
      <c r="I42170" s="16"/>
      <c r="J42170" s="16"/>
    </row>
    <row r="42171" spans="7:10">
      <c r="G42171" s="16"/>
      <c r="H42171" s="16"/>
      <c r="I42171" s="16"/>
      <c r="J42171" s="16"/>
    </row>
    <row r="42172" spans="7:10">
      <c r="G42172" s="16"/>
      <c r="H42172" s="16"/>
      <c r="I42172" s="16"/>
      <c r="J42172" s="16"/>
    </row>
    <row r="42173" spans="7:10">
      <c r="G42173" s="16"/>
      <c r="H42173" s="16"/>
      <c r="I42173" s="16"/>
      <c r="J42173" s="16"/>
    </row>
    <row r="42174" spans="7:10">
      <c r="G42174" s="16"/>
      <c r="H42174" s="16"/>
      <c r="I42174" s="16"/>
      <c r="J42174" s="16"/>
    </row>
    <row r="42175" spans="7:10">
      <c r="G42175" s="16"/>
      <c r="H42175" s="16"/>
      <c r="I42175" s="16"/>
      <c r="J42175" s="16"/>
    </row>
    <row r="42176" spans="7:10">
      <c r="G42176" s="16"/>
      <c r="H42176" s="16"/>
      <c r="I42176" s="16"/>
      <c r="J42176" s="16"/>
    </row>
    <row r="42177" spans="7:10">
      <c r="G42177" s="16"/>
      <c r="H42177" s="16"/>
      <c r="I42177" s="16"/>
      <c r="J42177" s="16"/>
    </row>
    <row r="42178" spans="7:10">
      <c r="G42178" s="16"/>
      <c r="H42178" s="16"/>
      <c r="I42178" s="16"/>
      <c r="J42178" s="16"/>
    </row>
    <row r="42179" spans="7:10">
      <c r="G42179" s="16"/>
      <c r="H42179" s="16"/>
      <c r="I42179" s="16"/>
      <c r="J42179" s="16"/>
    </row>
    <row r="42180" spans="7:10">
      <c r="G42180" s="16"/>
      <c r="H42180" s="16"/>
      <c r="I42180" s="16"/>
      <c r="J42180" s="16"/>
    </row>
    <row r="42181" spans="7:10">
      <c r="G42181" s="16"/>
      <c r="H42181" s="16"/>
      <c r="I42181" s="16"/>
      <c r="J42181" s="16"/>
    </row>
    <row r="42182" spans="7:10">
      <c r="G42182" s="16"/>
      <c r="H42182" s="16"/>
      <c r="I42182" s="16"/>
      <c r="J42182" s="16"/>
    </row>
    <row r="42183" spans="7:10">
      <c r="G42183" s="16"/>
      <c r="H42183" s="16"/>
      <c r="I42183" s="16"/>
      <c r="J42183" s="16"/>
    </row>
    <row r="42184" spans="7:10">
      <c r="G42184" s="16"/>
      <c r="H42184" s="16"/>
      <c r="I42184" s="16"/>
      <c r="J42184" s="16"/>
    </row>
    <row r="42185" spans="7:10">
      <c r="G42185" s="16"/>
      <c r="H42185" s="16"/>
      <c r="I42185" s="16"/>
      <c r="J42185" s="16"/>
    </row>
    <row r="42186" spans="7:10">
      <c r="G42186" s="16"/>
      <c r="H42186" s="16"/>
      <c r="I42186" s="16"/>
      <c r="J42186" s="16"/>
    </row>
    <row r="42187" spans="7:10">
      <c r="G42187" s="16"/>
      <c r="H42187" s="16"/>
      <c r="I42187" s="16"/>
      <c r="J42187" s="16"/>
    </row>
    <row r="42188" spans="7:10">
      <c r="G42188" s="16"/>
      <c r="H42188" s="16"/>
      <c r="I42188" s="16"/>
      <c r="J42188" s="16"/>
    </row>
    <row r="42189" spans="7:10">
      <c r="G42189" s="16"/>
      <c r="H42189" s="16"/>
      <c r="I42189" s="16"/>
      <c r="J42189" s="16"/>
    </row>
    <row r="42190" spans="7:10">
      <c r="G42190" s="16"/>
      <c r="H42190" s="16"/>
      <c r="I42190" s="16"/>
      <c r="J42190" s="16"/>
    </row>
    <row r="42191" spans="7:10">
      <c r="G42191" s="16"/>
      <c r="H42191" s="16"/>
      <c r="I42191" s="16"/>
      <c r="J42191" s="16"/>
    </row>
    <row r="42192" spans="7:10">
      <c r="G42192" s="16"/>
      <c r="H42192" s="16"/>
      <c r="I42192" s="16"/>
      <c r="J42192" s="16"/>
    </row>
    <row r="42193" spans="7:10">
      <c r="G42193" s="16"/>
      <c r="H42193" s="16"/>
      <c r="I42193" s="16"/>
      <c r="J42193" s="16"/>
    </row>
    <row r="42194" spans="7:10">
      <c r="G42194" s="16"/>
      <c r="H42194" s="16"/>
      <c r="I42194" s="16"/>
      <c r="J42194" s="16"/>
    </row>
    <row r="42195" spans="7:10">
      <c r="G42195" s="16"/>
      <c r="H42195" s="16"/>
      <c r="I42195" s="16"/>
      <c r="J42195" s="16"/>
    </row>
    <row r="42196" spans="7:10">
      <c r="G42196" s="16"/>
      <c r="H42196" s="16"/>
      <c r="I42196" s="16"/>
      <c r="J42196" s="16"/>
    </row>
    <row r="42197" spans="7:10">
      <c r="G42197" s="16"/>
      <c r="H42197" s="16"/>
      <c r="I42197" s="16"/>
      <c r="J42197" s="16"/>
    </row>
    <row r="42198" spans="7:10">
      <c r="G42198" s="16"/>
      <c r="H42198" s="16"/>
      <c r="I42198" s="16"/>
      <c r="J42198" s="16"/>
    </row>
    <row r="42199" spans="7:10">
      <c r="G42199" s="16"/>
      <c r="H42199" s="16"/>
      <c r="I42199" s="16"/>
      <c r="J42199" s="16"/>
    </row>
    <row r="42200" spans="7:10">
      <c r="G42200" s="16"/>
      <c r="H42200" s="16"/>
      <c r="I42200" s="16"/>
      <c r="J42200" s="16"/>
    </row>
    <row r="42201" spans="7:10">
      <c r="G42201" s="16"/>
      <c r="H42201" s="16"/>
      <c r="I42201" s="16"/>
      <c r="J42201" s="16"/>
    </row>
    <row r="42202" spans="7:10">
      <c r="G42202" s="16"/>
      <c r="H42202" s="16"/>
      <c r="I42202" s="16"/>
      <c r="J42202" s="16"/>
    </row>
    <row r="42203" spans="7:10">
      <c r="G42203" s="16"/>
      <c r="H42203" s="16"/>
      <c r="I42203" s="16"/>
      <c r="J42203" s="16"/>
    </row>
    <row r="42204" spans="7:10">
      <c r="G42204" s="16"/>
      <c r="H42204" s="16"/>
      <c r="I42204" s="16"/>
      <c r="J42204" s="16"/>
    </row>
    <row r="42205" spans="7:10">
      <c r="G42205" s="16"/>
      <c r="H42205" s="16"/>
      <c r="I42205" s="16"/>
      <c r="J42205" s="16"/>
    </row>
    <row r="42206" spans="7:10">
      <c r="G42206" s="16"/>
      <c r="H42206" s="16"/>
      <c r="I42206" s="16"/>
      <c r="J42206" s="16"/>
    </row>
    <row r="42207" spans="7:10">
      <c r="G42207" s="16"/>
      <c r="H42207" s="16"/>
      <c r="I42207" s="16"/>
      <c r="J42207" s="16"/>
    </row>
    <row r="42208" spans="7:10">
      <c r="G42208" s="16"/>
      <c r="H42208" s="16"/>
      <c r="I42208" s="16"/>
      <c r="J42208" s="16"/>
    </row>
    <row r="42209" spans="7:10">
      <c r="G42209" s="16"/>
      <c r="H42209" s="16"/>
      <c r="I42209" s="16"/>
      <c r="J42209" s="16"/>
    </row>
    <row r="42210" spans="7:10">
      <c r="G42210" s="16"/>
      <c r="H42210" s="16"/>
      <c r="I42210" s="16"/>
      <c r="J42210" s="16"/>
    </row>
    <row r="42211" spans="7:10">
      <c r="G42211" s="16"/>
      <c r="H42211" s="16"/>
      <c r="I42211" s="16"/>
      <c r="J42211" s="16"/>
    </row>
    <row r="42212" spans="7:10">
      <c r="G42212" s="16"/>
      <c r="H42212" s="16"/>
      <c r="I42212" s="16"/>
      <c r="J42212" s="16"/>
    </row>
    <row r="42213" spans="7:10">
      <c r="G42213" s="16"/>
      <c r="H42213" s="16"/>
      <c r="I42213" s="16"/>
      <c r="J42213" s="16"/>
    </row>
    <row r="42214" spans="7:10">
      <c r="G42214" s="16"/>
      <c r="H42214" s="16"/>
      <c r="I42214" s="16"/>
      <c r="J42214" s="16"/>
    </row>
    <row r="42215" spans="7:10">
      <c r="G42215" s="16"/>
      <c r="H42215" s="16"/>
      <c r="I42215" s="16"/>
      <c r="J42215" s="16"/>
    </row>
    <row r="42216" spans="7:10">
      <c r="G42216" s="16"/>
      <c r="H42216" s="16"/>
      <c r="I42216" s="16"/>
      <c r="J42216" s="16"/>
    </row>
    <row r="42217" spans="7:10">
      <c r="G42217" s="16"/>
      <c r="H42217" s="16"/>
      <c r="I42217" s="16"/>
      <c r="J42217" s="16"/>
    </row>
    <row r="42218" spans="7:10">
      <c r="G42218" s="16"/>
      <c r="H42218" s="16"/>
      <c r="I42218" s="16"/>
      <c r="J42218" s="16"/>
    </row>
    <row r="42219" spans="7:10">
      <c r="G42219" s="16"/>
      <c r="H42219" s="16"/>
      <c r="I42219" s="16"/>
      <c r="J42219" s="16"/>
    </row>
    <row r="42220" spans="7:10">
      <c r="G42220" s="16"/>
      <c r="H42220" s="16"/>
      <c r="I42220" s="16"/>
      <c r="J42220" s="16"/>
    </row>
    <row r="42221" spans="7:10">
      <c r="G42221" s="16"/>
      <c r="H42221" s="16"/>
      <c r="I42221" s="16"/>
      <c r="J42221" s="16"/>
    </row>
    <row r="42222" spans="7:10">
      <c r="G42222" s="16"/>
      <c r="H42222" s="16"/>
      <c r="I42222" s="16"/>
      <c r="J42222" s="16"/>
    </row>
    <row r="42223" spans="7:10">
      <c r="G42223" s="16"/>
      <c r="H42223" s="16"/>
      <c r="I42223" s="16"/>
      <c r="J42223" s="16"/>
    </row>
    <row r="42224" spans="7:10">
      <c r="G42224" s="16"/>
      <c r="H42224" s="16"/>
      <c r="I42224" s="16"/>
      <c r="J42224" s="16"/>
    </row>
    <row r="42225" spans="7:10">
      <c r="G42225" s="16"/>
      <c r="H42225" s="16"/>
      <c r="I42225" s="16"/>
      <c r="J42225" s="16"/>
    </row>
    <row r="42226" spans="7:10">
      <c r="G42226" s="16"/>
      <c r="H42226" s="16"/>
      <c r="I42226" s="16"/>
      <c r="J42226" s="16"/>
    </row>
    <row r="42227" spans="7:10">
      <c r="G42227" s="16"/>
      <c r="H42227" s="16"/>
      <c r="I42227" s="16"/>
      <c r="J42227" s="16"/>
    </row>
    <row r="42228" spans="7:10">
      <c r="G42228" s="16"/>
      <c r="H42228" s="16"/>
      <c r="I42228" s="16"/>
      <c r="J42228" s="16"/>
    </row>
    <row r="42229" spans="7:10">
      <c r="G42229" s="16"/>
      <c r="H42229" s="16"/>
      <c r="I42229" s="16"/>
      <c r="J42229" s="16"/>
    </row>
    <row r="42230" spans="7:10">
      <c r="G42230" s="16"/>
      <c r="H42230" s="16"/>
      <c r="I42230" s="16"/>
      <c r="J42230" s="16"/>
    </row>
    <row r="42231" spans="7:10">
      <c r="G42231" s="16"/>
      <c r="H42231" s="16"/>
      <c r="I42231" s="16"/>
      <c r="J42231" s="16"/>
    </row>
    <row r="42232" spans="7:10">
      <c r="G42232" s="16"/>
      <c r="H42232" s="16"/>
      <c r="I42232" s="16"/>
      <c r="J42232" s="16"/>
    </row>
    <row r="42233" spans="7:10">
      <c r="G42233" s="16"/>
      <c r="H42233" s="16"/>
      <c r="I42233" s="16"/>
      <c r="J42233" s="16"/>
    </row>
    <row r="42234" spans="7:10">
      <c r="G42234" s="16"/>
      <c r="H42234" s="16"/>
      <c r="I42234" s="16"/>
      <c r="J42234" s="16"/>
    </row>
    <row r="42235" spans="7:10">
      <c r="G42235" s="16"/>
      <c r="H42235" s="16"/>
      <c r="I42235" s="16"/>
      <c r="J42235" s="16"/>
    </row>
    <row r="42236" spans="7:10">
      <c r="G42236" s="16"/>
      <c r="H42236" s="16"/>
      <c r="I42236" s="16"/>
      <c r="J42236" s="16"/>
    </row>
    <row r="42237" spans="7:10">
      <c r="G42237" s="16"/>
      <c r="H42237" s="16"/>
      <c r="I42237" s="16"/>
      <c r="J42237" s="16"/>
    </row>
    <row r="42238" spans="7:10">
      <c r="G42238" s="16"/>
      <c r="H42238" s="16"/>
      <c r="I42238" s="16"/>
      <c r="J42238" s="16"/>
    </row>
    <row r="42239" spans="7:10">
      <c r="G42239" s="16"/>
      <c r="H42239" s="16"/>
      <c r="I42239" s="16"/>
      <c r="J42239" s="16"/>
    </row>
    <row r="42240" spans="7:10">
      <c r="G42240" s="16"/>
      <c r="H42240" s="16"/>
      <c r="I42240" s="16"/>
      <c r="J42240" s="16"/>
    </row>
    <row r="42241" spans="7:10">
      <c r="G42241" s="16"/>
      <c r="H42241" s="16"/>
      <c r="I42241" s="16"/>
      <c r="J42241" s="16"/>
    </row>
    <row r="42242" spans="7:10">
      <c r="G42242" s="16"/>
      <c r="H42242" s="16"/>
      <c r="I42242" s="16"/>
      <c r="J42242" s="16"/>
    </row>
    <row r="42243" spans="7:10">
      <c r="G42243" s="16"/>
      <c r="H42243" s="16"/>
      <c r="I42243" s="16"/>
      <c r="J42243" s="16"/>
    </row>
    <row r="42244" spans="7:10">
      <c r="G42244" s="16"/>
      <c r="H42244" s="16"/>
      <c r="I42244" s="16"/>
      <c r="J42244" s="16"/>
    </row>
    <row r="42245" spans="7:10">
      <c r="G42245" s="16"/>
      <c r="H42245" s="16"/>
      <c r="I42245" s="16"/>
      <c r="J42245" s="16"/>
    </row>
    <row r="42246" spans="7:10">
      <c r="G42246" s="16"/>
      <c r="H42246" s="16"/>
      <c r="I42246" s="16"/>
      <c r="J42246" s="16"/>
    </row>
    <row r="42247" spans="7:10">
      <c r="G42247" s="16"/>
      <c r="H42247" s="16"/>
      <c r="I42247" s="16"/>
      <c r="J42247" s="16"/>
    </row>
    <row r="42248" spans="7:10">
      <c r="G42248" s="16"/>
      <c r="H42248" s="16"/>
      <c r="I42248" s="16"/>
      <c r="J42248" s="16"/>
    </row>
    <row r="42249" spans="7:10">
      <c r="G42249" s="16"/>
      <c r="H42249" s="16"/>
      <c r="I42249" s="16"/>
      <c r="J42249" s="16"/>
    </row>
    <row r="42250" spans="7:10">
      <c r="G42250" s="16"/>
      <c r="H42250" s="16"/>
      <c r="I42250" s="16"/>
      <c r="J42250" s="16"/>
    </row>
    <row r="42251" spans="7:10">
      <c r="G42251" s="16"/>
      <c r="H42251" s="16"/>
      <c r="I42251" s="16"/>
      <c r="J42251" s="16"/>
    </row>
    <row r="42252" spans="7:10">
      <c r="G42252" s="16"/>
      <c r="H42252" s="16"/>
      <c r="I42252" s="16"/>
      <c r="J42252" s="16"/>
    </row>
    <row r="42253" spans="7:10">
      <c r="G42253" s="16"/>
      <c r="H42253" s="16"/>
      <c r="I42253" s="16"/>
      <c r="J42253" s="16"/>
    </row>
    <row r="42254" spans="7:10">
      <c r="G42254" s="16"/>
      <c r="H42254" s="16"/>
      <c r="I42254" s="16"/>
      <c r="J42254" s="16"/>
    </row>
    <row r="42255" spans="7:10">
      <c r="G42255" s="16"/>
      <c r="H42255" s="16"/>
      <c r="I42255" s="16"/>
      <c r="J42255" s="16"/>
    </row>
    <row r="42256" spans="7:10">
      <c r="G42256" s="16"/>
      <c r="H42256" s="16"/>
      <c r="I42256" s="16"/>
      <c r="J42256" s="16"/>
    </row>
    <row r="42257" spans="7:10">
      <c r="G42257" s="16"/>
      <c r="H42257" s="16"/>
      <c r="I42257" s="16"/>
      <c r="J42257" s="16"/>
    </row>
    <row r="42258" spans="7:10">
      <c r="G42258" s="16"/>
      <c r="H42258" s="16"/>
      <c r="I42258" s="16"/>
      <c r="J42258" s="16"/>
    </row>
    <row r="42259" spans="7:10">
      <c r="G42259" s="16"/>
      <c r="H42259" s="16"/>
      <c r="I42259" s="16"/>
      <c r="J42259" s="16"/>
    </row>
    <row r="42260" spans="7:10">
      <c r="G42260" s="16"/>
      <c r="H42260" s="16"/>
      <c r="I42260" s="16"/>
      <c r="J42260" s="16"/>
    </row>
    <row r="42261" spans="7:10">
      <c r="G42261" s="16"/>
      <c r="H42261" s="16"/>
      <c r="I42261" s="16"/>
      <c r="J42261" s="16"/>
    </row>
    <row r="42262" spans="7:10">
      <c r="G42262" s="16"/>
      <c r="H42262" s="16"/>
      <c r="I42262" s="16"/>
      <c r="J42262" s="16"/>
    </row>
    <row r="42263" spans="7:10">
      <c r="G42263" s="16"/>
      <c r="H42263" s="16"/>
      <c r="I42263" s="16"/>
      <c r="J42263" s="16"/>
    </row>
    <row r="42264" spans="7:10">
      <c r="G42264" s="16"/>
      <c r="H42264" s="16"/>
      <c r="I42264" s="16"/>
      <c r="J42264" s="16"/>
    </row>
    <row r="42265" spans="7:10">
      <c r="G42265" s="16"/>
      <c r="H42265" s="16"/>
      <c r="I42265" s="16"/>
      <c r="J42265" s="16"/>
    </row>
    <row r="42266" spans="7:10">
      <c r="G42266" s="16"/>
      <c r="H42266" s="16"/>
      <c r="I42266" s="16"/>
      <c r="J42266" s="16"/>
    </row>
    <row r="42267" spans="7:10">
      <c r="G42267" s="16"/>
      <c r="H42267" s="16"/>
      <c r="I42267" s="16"/>
      <c r="J42267" s="16"/>
    </row>
    <row r="42268" spans="7:10">
      <c r="G42268" s="16"/>
      <c r="H42268" s="16"/>
      <c r="I42268" s="16"/>
      <c r="J42268" s="16"/>
    </row>
    <row r="42269" spans="7:10">
      <c r="G42269" s="16"/>
      <c r="H42269" s="16"/>
      <c r="I42269" s="16"/>
      <c r="J42269" s="16"/>
    </row>
    <row r="42270" spans="7:10">
      <c r="G42270" s="16"/>
      <c r="H42270" s="16"/>
      <c r="I42270" s="16"/>
      <c r="J42270" s="16"/>
    </row>
    <row r="42271" spans="7:10">
      <c r="G42271" s="16"/>
      <c r="H42271" s="16"/>
      <c r="I42271" s="16"/>
      <c r="J42271" s="16"/>
    </row>
    <row r="42272" spans="7:10">
      <c r="G42272" s="16"/>
      <c r="H42272" s="16"/>
      <c r="I42272" s="16"/>
      <c r="J42272" s="16"/>
    </row>
    <row r="42273" spans="7:10">
      <c r="G42273" s="16"/>
      <c r="H42273" s="16"/>
      <c r="I42273" s="16"/>
      <c r="J42273" s="16"/>
    </row>
    <row r="42274" spans="7:10">
      <c r="G42274" s="16"/>
      <c r="H42274" s="16"/>
      <c r="I42274" s="16"/>
      <c r="J42274" s="16"/>
    </row>
    <row r="42275" spans="7:10">
      <c r="G42275" s="16"/>
      <c r="H42275" s="16"/>
      <c r="I42275" s="16"/>
      <c r="J42275" s="16"/>
    </row>
    <row r="42276" spans="7:10">
      <c r="G42276" s="16"/>
      <c r="H42276" s="16"/>
      <c r="I42276" s="16"/>
      <c r="J42276" s="16"/>
    </row>
    <row r="42277" spans="7:10">
      <c r="G42277" s="16"/>
      <c r="H42277" s="16"/>
      <c r="I42277" s="16"/>
      <c r="J42277" s="16"/>
    </row>
    <row r="42278" spans="7:10">
      <c r="G42278" s="16"/>
      <c r="H42278" s="16"/>
      <c r="I42278" s="16"/>
      <c r="J42278" s="16"/>
    </row>
    <row r="42279" spans="7:10">
      <c r="G42279" s="16"/>
      <c r="H42279" s="16"/>
      <c r="I42279" s="16"/>
      <c r="J42279" s="16"/>
    </row>
    <row r="42280" spans="7:10">
      <c r="G42280" s="16"/>
      <c r="H42280" s="16"/>
      <c r="I42280" s="16"/>
      <c r="J42280" s="16"/>
    </row>
    <row r="42281" spans="7:10">
      <c r="G42281" s="16"/>
      <c r="H42281" s="16"/>
      <c r="I42281" s="16"/>
      <c r="J42281" s="16"/>
    </row>
    <row r="42282" spans="7:10">
      <c r="G42282" s="16"/>
      <c r="H42282" s="16"/>
      <c r="I42282" s="16"/>
      <c r="J42282" s="16"/>
    </row>
    <row r="42283" spans="7:10">
      <c r="G42283" s="16"/>
      <c r="H42283" s="16"/>
      <c r="I42283" s="16"/>
      <c r="J42283" s="16"/>
    </row>
    <row r="42284" spans="7:10">
      <c r="G42284" s="16"/>
      <c r="H42284" s="16"/>
      <c r="I42284" s="16"/>
      <c r="J42284" s="16"/>
    </row>
    <row r="42285" spans="7:10">
      <c r="G42285" s="16"/>
      <c r="H42285" s="16"/>
      <c r="I42285" s="16"/>
      <c r="J42285" s="16"/>
    </row>
    <row r="42286" spans="7:10">
      <c r="G42286" s="16"/>
      <c r="H42286" s="16"/>
      <c r="I42286" s="16"/>
      <c r="J42286" s="16"/>
    </row>
    <row r="42287" spans="7:10">
      <c r="G42287" s="16"/>
      <c r="H42287" s="16"/>
      <c r="I42287" s="16"/>
      <c r="J42287" s="16"/>
    </row>
    <row r="42288" spans="7:10">
      <c r="G42288" s="16"/>
      <c r="H42288" s="16"/>
      <c r="I42288" s="16"/>
      <c r="J42288" s="16"/>
    </row>
    <row r="42289" spans="7:10">
      <c r="G42289" s="16"/>
      <c r="H42289" s="16"/>
      <c r="I42289" s="16"/>
      <c r="J42289" s="16"/>
    </row>
    <row r="42290" spans="7:10">
      <c r="G42290" s="16"/>
      <c r="H42290" s="16"/>
      <c r="I42290" s="16"/>
      <c r="J42290" s="16"/>
    </row>
    <row r="42291" spans="7:10">
      <c r="G42291" s="16"/>
      <c r="H42291" s="16"/>
      <c r="I42291" s="16"/>
      <c r="J42291" s="16"/>
    </row>
    <row r="42292" spans="7:10">
      <c r="G42292" s="16"/>
      <c r="H42292" s="16"/>
      <c r="I42292" s="16"/>
      <c r="J42292" s="16"/>
    </row>
    <row r="42293" spans="7:10">
      <c r="G42293" s="16"/>
      <c r="H42293" s="16"/>
      <c r="I42293" s="16"/>
      <c r="J42293" s="16"/>
    </row>
    <row r="42294" spans="7:10">
      <c r="G42294" s="16"/>
      <c r="H42294" s="16"/>
      <c r="I42294" s="16"/>
      <c r="J42294" s="16"/>
    </row>
    <row r="42295" spans="7:10">
      <c r="G42295" s="16"/>
      <c r="H42295" s="16"/>
      <c r="I42295" s="16"/>
      <c r="J42295" s="16"/>
    </row>
    <row r="42296" spans="7:10">
      <c r="G42296" s="16"/>
      <c r="H42296" s="16"/>
      <c r="I42296" s="16"/>
      <c r="J42296" s="16"/>
    </row>
    <row r="42297" spans="7:10">
      <c r="G42297" s="16"/>
      <c r="H42297" s="16"/>
      <c r="I42297" s="16"/>
      <c r="J42297" s="16"/>
    </row>
    <row r="42298" spans="7:10">
      <c r="G42298" s="16"/>
      <c r="H42298" s="16"/>
      <c r="I42298" s="16"/>
      <c r="J42298" s="16"/>
    </row>
    <row r="42299" spans="7:10">
      <c r="G42299" s="16"/>
      <c r="H42299" s="16"/>
      <c r="I42299" s="16"/>
      <c r="J42299" s="16"/>
    </row>
    <row r="42300" spans="7:10">
      <c r="G42300" s="16"/>
      <c r="H42300" s="16"/>
      <c r="I42300" s="16"/>
      <c r="J42300" s="16"/>
    </row>
    <row r="42301" spans="7:10">
      <c r="G42301" s="16"/>
      <c r="H42301" s="16"/>
      <c r="I42301" s="16"/>
      <c r="J42301" s="16"/>
    </row>
    <row r="42302" spans="7:10">
      <c r="G42302" s="16"/>
      <c r="H42302" s="16"/>
      <c r="I42302" s="16"/>
      <c r="J42302" s="16"/>
    </row>
    <row r="42303" spans="7:10">
      <c r="G42303" s="16"/>
      <c r="H42303" s="16"/>
      <c r="I42303" s="16"/>
      <c r="J42303" s="16"/>
    </row>
    <row r="42304" spans="7:10">
      <c r="G42304" s="16"/>
      <c r="H42304" s="16"/>
      <c r="I42304" s="16"/>
      <c r="J42304" s="16"/>
    </row>
    <row r="42305" spans="7:10">
      <c r="G42305" s="16"/>
      <c r="H42305" s="16"/>
      <c r="I42305" s="16"/>
      <c r="J42305" s="16"/>
    </row>
    <row r="42306" spans="7:10">
      <c r="G42306" s="16"/>
      <c r="H42306" s="16"/>
      <c r="I42306" s="16"/>
      <c r="J42306" s="16"/>
    </row>
    <row r="42307" spans="7:10">
      <c r="G42307" s="16"/>
      <c r="H42307" s="16"/>
      <c r="I42307" s="16"/>
      <c r="J42307" s="16"/>
    </row>
    <row r="42308" spans="7:10">
      <c r="G42308" s="16"/>
      <c r="H42308" s="16"/>
      <c r="I42308" s="16"/>
      <c r="J42308" s="16"/>
    </row>
    <row r="42309" spans="7:10">
      <c r="G42309" s="16"/>
      <c r="H42309" s="16"/>
      <c r="I42309" s="16"/>
      <c r="J42309" s="16"/>
    </row>
    <row r="42310" spans="7:10">
      <c r="G42310" s="16"/>
      <c r="H42310" s="16"/>
      <c r="I42310" s="16"/>
      <c r="J42310" s="16"/>
    </row>
    <row r="42311" spans="7:10">
      <c r="G42311" s="16"/>
      <c r="H42311" s="16"/>
      <c r="I42311" s="16"/>
      <c r="J42311" s="16"/>
    </row>
    <row r="42312" spans="7:10">
      <c r="G42312" s="16"/>
      <c r="H42312" s="16"/>
      <c r="I42312" s="16"/>
      <c r="J42312" s="16"/>
    </row>
    <row r="42313" spans="7:10">
      <c r="G42313" s="16"/>
      <c r="H42313" s="16"/>
      <c r="I42313" s="16"/>
      <c r="J42313" s="16"/>
    </row>
    <row r="42314" spans="7:10">
      <c r="G42314" s="16"/>
      <c r="H42314" s="16"/>
      <c r="I42314" s="16"/>
      <c r="J42314" s="16"/>
    </row>
    <row r="42315" spans="7:10">
      <c r="G42315" s="16"/>
      <c r="H42315" s="16"/>
      <c r="I42315" s="16"/>
      <c r="J42315" s="16"/>
    </row>
    <row r="42316" spans="7:10">
      <c r="G42316" s="16"/>
      <c r="H42316" s="16"/>
      <c r="I42316" s="16"/>
      <c r="J42316" s="16"/>
    </row>
    <row r="42317" spans="7:10">
      <c r="G42317" s="16"/>
      <c r="H42317" s="16"/>
      <c r="I42317" s="16"/>
      <c r="J42317" s="16"/>
    </row>
    <row r="42318" spans="7:10">
      <c r="G42318" s="16"/>
      <c r="H42318" s="16"/>
      <c r="I42318" s="16"/>
      <c r="J42318" s="16"/>
    </row>
    <row r="42319" spans="7:10">
      <c r="G42319" s="16"/>
      <c r="H42319" s="16"/>
      <c r="I42319" s="16"/>
      <c r="J42319" s="16"/>
    </row>
    <row r="42320" spans="7:10">
      <c r="G42320" s="16"/>
      <c r="H42320" s="16"/>
      <c r="I42320" s="16"/>
      <c r="J42320" s="16"/>
    </row>
    <row r="42321" spans="7:10">
      <c r="G42321" s="16"/>
      <c r="H42321" s="16"/>
      <c r="I42321" s="16"/>
      <c r="J42321" s="16"/>
    </row>
    <row r="42322" spans="7:10">
      <c r="G42322" s="16"/>
      <c r="H42322" s="16"/>
      <c r="I42322" s="16"/>
      <c r="J42322" s="16"/>
    </row>
    <row r="42323" spans="7:10">
      <c r="G42323" s="16"/>
      <c r="H42323" s="16"/>
      <c r="I42323" s="16"/>
      <c r="J42323" s="16"/>
    </row>
    <row r="42324" spans="7:10">
      <c r="G42324" s="16"/>
      <c r="H42324" s="16"/>
      <c r="I42324" s="16"/>
      <c r="J42324" s="16"/>
    </row>
    <row r="42325" spans="7:10">
      <c r="G42325" s="16"/>
      <c r="H42325" s="16"/>
      <c r="I42325" s="16"/>
      <c r="J42325" s="16"/>
    </row>
    <row r="42326" spans="7:10">
      <c r="G42326" s="16"/>
      <c r="H42326" s="16"/>
      <c r="I42326" s="16"/>
      <c r="J42326" s="16"/>
    </row>
    <row r="42327" spans="7:10">
      <c r="G42327" s="16"/>
      <c r="H42327" s="16"/>
      <c r="I42327" s="16"/>
      <c r="J42327" s="16"/>
    </row>
    <row r="42328" spans="7:10">
      <c r="G42328" s="16"/>
      <c r="H42328" s="16"/>
      <c r="I42328" s="16"/>
      <c r="J42328" s="16"/>
    </row>
    <row r="42329" spans="7:10">
      <c r="G42329" s="16"/>
      <c r="H42329" s="16"/>
      <c r="I42329" s="16"/>
      <c r="J42329" s="16"/>
    </row>
    <row r="42330" spans="7:10">
      <c r="G42330" s="16"/>
      <c r="H42330" s="16"/>
      <c r="I42330" s="16"/>
      <c r="J42330" s="16"/>
    </row>
    <row r="42331" spans="7:10">
      <c r="G42331" s="16"/>
      <c r="H42331" s="16"/>
      <c r="I42331" s="16"/>
      <c r="J42331" s="16"/>
    </row>
    <row r="42332" spans="7:10">
      <c r="G42332" s="16"/>
      <c r="H42332" s="16"/>
      <c r="I42332" s="16"/>
      <c r="J42332" s="16"/>
    </row>
    <row r="42333" spans="7:10">
      <c r="G42333" s="16"/>
      <c r="H42333" s="16"/>
      <c r="I42333" s="16"/>
      <c r="J42333" s="16"/>
    </row>
    <row r="42334" spans="7:10">
      <c r="G42334" s="16"/>
      <c r="H42334" s="16"/>
      <c r="I42334" s="16"/>
      <c r="J42334" s="16"/>
    </row>
    <row r="42335" spans="7:10">
      <c r="G42335" s="16"/>
      <c r="H42335" s="16"/>
      <c r="I42335" s="16"/>
      <c r="J42335" s="16"/>
    </row>
    <row r="42336" spans="7:10">
      <c r="G42336" s="16"/>
      <c r="H42336" s="16"/>
      <c r="I42336" s="16"/>
      <c r="J42336" s="16"/>
    </row>
    <row r="42337" spans="7:10">
      <c r="G42337" s="16"/>
      <c r="H42337" s="16"/>
      <c r="I42337" s="16"/>
      <c r="J42337" s="16"/>
    </row>
    <row r="42338" spans="7:10">
      <c r="G42338" s="16"/>
      <c r="H42338" s="16"/>
      <c r="I42338" s="16"/>
      <c r="J42338" s="16"/>
    </row>
    <row r="42339" spans="7:10">
      <c r="G42339" s="16"/>
      <c r="H42339" s="16"/>
      <c r="I42339" s="16"/>
      <c r="J42339" s="16"/>
    </row>
    <row r="42340" spans="7:10">
      <c r="G42340" s="16"/>
      <c r="H42340" s="16"/>
      <c r="I42340" s="16"/>
      <c r="J42340" s="16"/>
    </row>
    <row r="42341" spans="7:10">
      <c r="G42341" s="16"/>
      <c r="H42341" s="16"/>
      <c r="I42341" s="16"/>
      <c r="J42341" s="16"/>
    </row>
    <row r="42342" spans="7:10">
      <c r="G42342" s="16"/>
      <c r="H42342" s="16"/>
      <c r="I42342" s="16"/>
      <c r="J42342" s="16"/>
    </row>
    <row r="42343" spans="7:10">
      <c r="G42343" s="16"/>
      <c r="H42343" s="16"/>
      <c r="I42343" s="16"/>
      <c r="J42343" s="16"/>
    </row>
    <row r="42344" spans="7:10">
      <c r="G42344" s="16"/>
      <c r="H42344" s="16"/>
      <c r="I42344" s="16"/>
      <c r="J42344" s="16"/>
    </row>
    <row r="42345" spans="7:10">
      <c r="G42345" s="16"/>
      <c r="H42345" s="16"/>
      <c r="I42345" s="16"/>
      <c r="J42345" s="16"/>
    </row>
    <row r="42346" spans="7:10">
      <c r="G42346" s="16"/>
      <c r="H42346" s="16"/>
      <c r="I42346" s="16"/>
      <c r="J42346" s="16"/>
    </row>
    <row r="42347" spans="7:10">
      <c r="G42347" s="16"/>
      <c r="H42347" s="16"/>
      <c r="I42347" s="16"/>
      <c r="J42347" s="16"/>
    </row>
    <row r="42348" spans="7:10">
      <c r="G42348" s="16"/>
      <c r="H42348" s="16"/>
      <c r="I42348" s="16"/>
      <c r="J42348" s="16"/>
    </row>
    <row r="42349" spans="7:10">
      <c r="G42349" s="16"/>
      <c r="H42349" s="16"/>
      <c r="I42349" s="16"/>
      <c r="J42349" s="16"/>
    </row>
    <row r="42350" spans="7:10">
      <c r="G42350" s="16"/>
      <c r="H42350" s="16"/>
      <c r="I42350" s="16"/>
      <c r="J42350" s="16"/>
    </row>
    <row r="42351" spans="7:10">
      <c r="G42351" s="16"/>
      <c r="H42351" s="16"/>
      <c r="I42351" s="16"/>
      <c r="J42351" s="16"/>
    </row>
    <row r="42352" spans="7:10">
      <c r="G42352" s="16"/>
      <c r="H42352" s="16"/>
      <c r="I42352" s="16"/>
      <c r="J42352" s="16"/>
    </row>
    <row r="42353" spans="7:10">
      <c r="G42353" s="16"/>
      <c r="H42353" s="16"/>
      <c r="I42353" s="16"/>
      <c r="J42353" s="16"/>
    </row>
    <row r="42354" spans="7:10">
      <c r="G42354" s="16"/>
      <c r="H42354" s="16"/>
      <c r="I42354" s="16"/>
      <c r="J42354" s="16"/>
    </row>
    <row r="42355" spans="7:10">
      <c r="G42355" s="16"/>
      <c r="H42355" s="16"/>
      <c r="I42355" s="16"/>
      <c r="J42355" s="16"/>
    </row>
    <row r="42356" spans="7:10">
      <c r="G42356" s="16"/>
      <c r="H42356" s="16"/>
      <c r="I42356" s="16"/>
      <c r="J42356" s="16"/>
    </row>
    <row r="42357" spans="7:10">
      <c r="G42357" s="16"/>
      <c r="H42357" s="16"/>
      <c r="I42357" s="16"/>
      <c r="J42357" s="16"/>
    </row>
    <row r="42358" spans="7:10">
      <c r="G42358" s="16"/>
      <c r="H42358" s="16"/>
      <c r="I42358" s="16"/>
      <c r="J42358" s="16"/>
    </row>
    <row r="42359" spans="7:10">
      <c r="G42359" s="16"/>
      <c r="H42359" s="16"/>
      <c r="I42359" s="16"/>
      <c r="J42359" s="16"/>
    </row>
    <row r="42360" spans="7:10">
      <c r="G42360" s="16"/>
      <c r="H42360" s="16"/>
      <c r="I42360" s="16"/>
      <c r="J42360" s="16"/>
    </row>
    <row r="42361" spans="7:10">
      <c r="G42361" s="16"/>
      <c r="H42361" s="16"/>
      <c r="I42361" s="16"/>
      <c r="J42361" s="16"/>
    </row>
    <row r="42362" spans="7:10">
      <c r="G42362" s="16"/>
      <c r="H42362" s="16"/>
      <c r="I42362" s="16"/>
      <c r="J42362" s="16"/>
    </row>
    <row r="42363" spans="7:10">
      <c r="G42363" s="16"/>
      <c r="H42363" s="16"/>
      <c r="I42363" s="16"/>
      <c r="J42363" s="16"/>
    </row>
    <row r="42364" spans="7:10">
      <c r="G42364" s="16"/>
      <c r="H42364" s="16"/>
      <c r="I42364" s="16"/>
      <c r="J42364" s="16"/>
    </row>
    <row r="42365" spans="7:10">
      <c r="G42365" s="16"/>
      <c r="H42365" s="16"/>
      <c r="I42365" s="16"/>
      <c r="J42365" s="16"/>
    </row>
    <row r="42366" spans="7:10">
      <c r="G42366" s="16"/>
      <c r="H42366" s="16"/>
      <c r="I42366" s="16"/>
      <c r="J42366" s="16"/>
    </row>
    <row r="42367" spans="7:10">
      <c r="G42367" s="16"/>
      <c r="H42367" s="16"/>
      <c r="I42367" s="16"/>
      <c r="J42367" s="16"/>
    </row>
    <row r="42368" spans="7:10">
      <c r="G42368" s="16"/>
      <c r="H42368" s="16"/>
      <c r="I42368" s="16"/>
      <c r="J42368" s="16"/>
    </row>
    <row r="42369" spans="7:10">
      <c r="G42369" s="16"/>
      <c r="H42369" s="16"/>
      <c r="I42369" s="16"/>
      <c r="J42369" s="16"/>
    </row>
    <row r="42370" spans="7:10">
      <c r="G42370" s="16"/>
      <c r="H42370" s="16"/>
      <c r="I42370" s="16"/>
      <c r="J42370" s="16"/>
    </row>
    <row r="42371" spans="7:10">
      <c r="G42371" s="16"/>
      <c r="H42371" s="16"/>
      <c r="I42371" s="16"/>
      <c r="J42371" s="16"/>
    </row>
    <row r="42372" spans="7:10">
      <c r="G42372" s="16"/>
      <c r="H42372" s="16"/>
      <c r="I42372" s="16"/>
      <c r="J42372" s="16"/>
    </row>
    <row r="42373" spans="7:10">
      <c r="G42373" s="16"/>
      <c r="H42373" s="16"/>
      <c r="I42373" s="16"/>
      <c r="J42373" s="16"/>
    </row>
    <row r="42374" spans="7:10">
      <c r="G42374" s="16"/>
      <c r="H42374" s="16"/>
      <c r="I42374" s="16"/>
      <c r="J42374" s="16"/>
    </row>
    <row r="42375" spans="7:10">
      <c r="G42375" s="16"/>
      <c r="H42375" s="16"/>
      <c r="I42375" s="16"/>
      <c r="J42375" s="16"/>
    </row>
    <row r="42376" spans="7:10">
      <c r="G42376" s="16"/>
      <c r="H42376" s="16"/>
      <c r="I42376" s="16"/>
      <c r="J42376" s="16"/>
    </row>
    <row r="42377" spans="7:10">
      <c r="G42377" s="16"/>
      <c r="H42377" s="16"/>
      <c r="I42377" s="16"/>
      <c r="J42377" s="16"/>
    </row>
    <row r="42378" spans="7:10">
      <c r="G42378" s="16"/>
      <c r="H42378" s="16"/>
      <c r="I42378" s="16"/>
      <c r="J42378" s="16"/>
    </row>
    <row r="42379" spans="7:10">
      <c r="G42379" s="16"/>
      <c r="H42379" s="16"/>
      <c r="I42379" s="16"/>
      <c r="J42379" s="16"/>
    </row>
    <row r="42380" spans="7:10">
      <c r="G42380" s="16"/>
      <c r="H42380" s="16"/>
      <c r="I42380" s="16"/>
      <c r="J42380" s="16"/>
    </row>
    <row r="42381" spans="7:10">
      <c r="G42381" s="16"/>
      <c r="H42381" s="16"/>
      <c r="I42381" s="16"/>
      <c r="J42381" s="16"/>
    </row>
    <row r="42382" spans="7:10">
      <c r="G42382" s="16"/>
      <c r="H42382" s="16"/>
      <c r="I42382" s="16"/>
      <c r="J42382" s="16"/>
    </row>
    <row r="42383" spans="7:10">
      <c r="G42383" s="16"/>
      <c r="H42383" s="16"/>
      <c r="I42383" s="16"/>
      <c r="J42383" s="16"/>
    </row>
    <row r="42384" spans="7:10">
      <c r="G42384" s="16"/>
      <c r="H42384" s="16"/>
      <c r="I42384" s="16"/>
      <c r="J42384" s="16"/>
    </row>
    <row r="42385" spans="7:10">
      <c r="G42385" s="16"/>
      <c r="H42385" s="16"/>
      <c r="I42385" s="16"/>
      <c r="J42385" s="16"/>
    </row>
    <row r="42386" spans="7:10">
      <c r="G42386" s="16"/>
      <c r="H42386" s="16"/>
      <c r="I42386" s="16"/>
      <c r="J42386" s="16"/>
    </row>
    <row r="42387" spans="7:10">
      <c r="G42387" s="16"/>
      <c r="H42387" s="16"/>
      <c r="I42387" s="16"/>
      <c r="J42387" s="16"/>
    </row>
    <row r="42388" spans="7:10">
      <c r="G42388" s="16"/>
      <c r="H42388" s="16"/>
      <c r="I42388" s="16"/>
      <c r="J42388" s="16"/>
    </row>
    <row r="42389" spans="7:10">
      <c r="G42389" s="16"/>
      <c r="H42389" s="16"/>
      <c r="I42389" s="16"/>
      <c r="J42389" s="16"/>
    </row>
    <row r="42390" spans="7:10">
      <c r="G42390" s="16"/>
      <c r="H42390" s="16"/>
      <c r="I42390" s="16"/>
      <c r="J42390" s="16"/>
    </row>
    <row r="42391" spans="7:10">
      <c r="G42391" s="16"/>
      <c r="H42391" s="16"/>
      <c r="I42391" s="16"/>
      <c r="J42391" s="16"/>
    </row>
    <row r="42392" spans="7:10">
      <c r="G42392" s="16"/>
      <c r="H42392" s="16"/>
      <c r="I42392" s="16"/>
      <c r="J42392" s="16"/>
    </row>
    <row r="42393" spans="7:10">
      <c r="G42393" s="16"/>
      <c r="H42393" s="16"/>
      <c r="I42393" s="16"/>
      <c r="J42393" s="16"/>
    </row>
    <row r="42394" spans="7:10">
      <c r="G42394" s="16"/>
      <c r="H42394" s="16"/>
      <c r="I42394" s="16"/>
      <c r="J42394" s="16"/>
    </row>
    <row r="42395" spans="7:10">
      <c r="G42395" s="16"/>
      <c r="H42395" s="16"/>
      <c r="I42395" s="16"/>
      <c r="J42395" s="16"/>
    </row>
    <row r="42396" spans="7:10">
      <c r="G42396" s="16"/>
      <c r="H42396" s="16"/>
      <c r="I42396" s="16"/>
      <c r="J42396" s="16"/>
    </row>
    <row r="42397" spans="7:10">
      <c r="G42397" s="16"/>
      <c r="H42397" s="16"/>
      <c r="I42397" s="16"/>
      <c r="J42397" s="16"/>
    </row>
    <row r="42398" spans="7:10">
      <c r="G42398" s="16"/>
      <c r="H42398" s="16"/>
      <c r="I42398" s="16"/>
      <c r="J42398" s="16"/>
    </row>
    <row r="42399" spans="7:10">
      <c r="G42399" s="16"/>
      <c r="H42399" s="16"/>
      <c r="I42399" s="16"/>
      <c r="J42399" s="16"/>
    </row>
    <row r="42400" spans="7:10">
      <c r="G42400" s="16"/>
      <c r="H42400" s="16"/>
      <c r="I42400" s="16"/>
      <c r="J42400" s="16"/>
    </row>
    <row r="42401" spans="7:10">
      <c r="G42401" s="16"/>
      <c r="H42401" s="16"/>
      <c r="I42401" s="16"/>
      <c r="J42401" s="16"/>
    </row>
    <row r="42402" spans="7:10">
      <c r="G42402" s="16"/>
      <c r="H42402" s="16"/>
      <c r="I42402" s="16"/>
      <c r="J42402" s="16"/>
    </row>
    <row r="42403" spans="7:10">
      <c r="G42403" s="16"/>
      <c r="H42403" s="16"/>
      <c r="I42403" s="16"/>
      <c r="J42403" s="16"/>
    </row>
    <row r="42404" spans="7:10">
      <c r="G42404" s="16"/>
      <c r="H42404" s="16"/>
      <c r="I42404" s="16"/>
      <c r="J42404" s="16"/>
    </row>
    <row r="42405" spans="7:10">
      <c r="G42405" s="16"/>
      <c r="H42405" s="16"/>
      <c r="I42405" s="16"/>
      <c r="J42405" s="16"/>
    </row>
    <row r="42406" spans="7:10">
      <c r="G42406" s="16"/>
      <c r="H42406" s="16"/>
      <c r="I42406" s="16"/>
      <c r="J42406" s="16"/>
    </row>
    <row r="42407" spans="7:10">
      <c r="G42407" s="16"/>
      <c r="H42407" s="16"/>
      <c r="I42407" s="16"/>
      <c r="J42407" s="16"/>
    </row>
    <row r="42408" spans="7:10">
      <c r="G42408" s="16"/>
      <c r="H42408" s="16"/>
      <c r="I42408" s="16"/>
      <c r="J42408" s="16"/>
    </row>
    <row r="42409" spans="7:10">
      <c r="G42409" s="16"/>
      <c r="H42409" s="16"/>
      <c r="I42409" s="16"/>
      <c r="J42409" s="16"/>
    </row>
    <row r="42410" spans="7:10">
      <c r="G42410" s="16"/>
      <c r="H42410" s="16"/>
      <c r="I42410" s="16"/>
      <c r="J42410" s="16"/>
    </row>
    <row r="42411" spans="7:10">
      <c r="G42411" s="16"/>
      <c r="H42411" s="16"/>
      <c r="I42411" s="16"/>
      <c r="J42411" s="16"/>
    </row>
    <row r="42412" spans="7:10">
      <c r="G42412" s="16"/>
      <c r="H42412" s="16"/>
      <c r="I42412" s="16"/>
      <c r="J42412" s="16"/>
    </row>
    <row r="42413" spans="7:10">
      <c r="G42413" s="16"/>
      <c r="H42413" s="16"/>
      <c r="I42413" s="16"/>
      <c r="J42413" s="16"/>
    </row>
    <row r="42414" spans="7:10">
      <c r="G42414" s="16"/>
      <c r="H42414" s="16"/>
      <c r="I42414" s="16"/>
      <c r="J42414" s="16"/>
    </row>
    <row r="42415" spans="7:10">
      <c r="G42415" s="16"/>
      <c r="H42415" s="16"/>
      <c r="I42415" s="16"/>
      <c r="J42415" s="16"/>
    </row>
    <row r="42416" spans="7:10">
      <c r="G42416" s="16"/>
      <c r="H42416" s="16"/>
      <c r="I42416" s="16"/>
      <c r="J42416" s="16"/>
    </row>
    <row r="42417" spans="7:10">
      <c r="G42417" s="16"/>
      <c r="H42417" s="16"/>
      <c r="I42417" s="16"/>
      <c r="J42417" s="16"/>
    </row>
    <row r="42418" spans="7:10">
      <c r="G42418" s="16"/>
      <c r="H42418" s="16"/>
      <c r="I42418" s="16"/>
      <c r="J42418" s="16"/>
    </row>
    <row r="42419" spans="7:10">
      <c r="G42419" s="16"/>
      <c r="H42419" s="16"/>
      <c r="I42419" s="16"/>
      <c r="J42419" s="16"/>
    </row>
    <row r="42420" spans="7:10">
      <c r="G42420" s="16"/>
      <c r="H42420" s="16"/>
      <c r="I42420" s="16"/>
      <c r="J42420" s="16"/>
    </row>
    <row r="42421" spans="7:10">
      <c r="G42421" s="16"/>
      <c r="H42421" s="16"/>
      <c r="I42421" s="16"/>
      <c r="J42421" s="16"/>
    </row>
    <row r="42422" spans="7:10">
      <c r="G42422" s="16"/>
      <c r="H42422" s="16"/>
      <c r="I42422" s="16"/>
      <c r="J42422" s="16"/>
    </row>
    <row r="42423" spans="7:10">
      <c r="G42423" s="16"/>
      <c r="H42423" s="16"/>
      <c r="I42423" s="16"/>
      <c r="J42423" s="16"/>
    </row>
    <row r="42424" spans="7:10">
      <c r="G42424" s="16"/>
      <c r="H42424" s="16"/>
      <c r="I42424" s="16"/>
      <c r="J42424" s="16"/>
    </row>
    <row r="42425" spans="7:10">
      <c r="G42425" s="16"/>
      <c r="H42425" s="16"/>
      <c r="I42425" s="16"/>
      <c r="J42425" s="16"/>
    </row>
    <row r="42426" spans="7:10">
      <c r="G42426" s="16"/>
      <c r="H42426" s="16"/>
      <c r="I42426" s="16"/>
      <c r="J42426" s="16"/>
    </row>
    <row r="42427" spans="7:10">
      <c r="G42427" s="16"/>
      <c r="H42427" s="16"/>
      <c r="I42427" s="16"/>
      <c r="J42427" s="16"/>
    </row>
    <row r="42428" spans="7:10">
      <c r="G42428" s="16"/>
      <c r="H42428" s="16"/>
      <c r="I42428" s="16"/>
      <c r="J42428" s="16"/>
    </row>
    <row r="42429" spans="7:10">
      <c r="G42429" s="16"/>
      <c r="H42429" s="16"/>
      <c r="I42429" s="16"/>
      <c r="J42429" s="16"/>
    </row>
    <row r="42430" spans="7:10">
      <c r="G42430" s="16"/>
      <c r="H42430" s="16"/>
      <c r="I42430" s="16"/>
      <c r="J42430" s="16"/>
    </row>
    <row r="42431" spans="7:10">
      <c r="G42431" s="16"/>
      <c r="H42431" s="16"/>
      <c r="I42431" s="16"/>
      <c r="J42431" s="16"/>
    </row>
    <row r="42432" spans="7:10">
      <c r="G42432" s="16"/>
      <c r="H42432" s="16"/>
      <c r="I42432" s="16"/>
      <c r="J42432" s="16"/>
    </row>
    <row r="42433" spans="7:10">
      <c r="G42433" s="16"/>
      <c r="H42433" s="16"/>
      <c r="I42433" s="16"/>
      <c r="J42433" s="16"/>
    </row>
    <row r="42434" spans="7:10">
      <c r="G42434" s="16"/>
      <c r="H42434" s="16"/>
      <c r="I42434" s="16"/>
      <c r="J42434" s="16"/>
    </row>
    <row r="42435" spans="7:10">
      <c r="G42435" s="16"/>
      <c r="H42435" s="16"/>
      <c r="I42435" s="16"/>
      <c r="J42435" s="16"/>
    </row>
    <row r="42436" spans="7:10">
      <c r="G42436" s="16"/>
      <c r="H42436" s="16"/>
      <c r="I42436" s="16"/>
      <c r="J42436" s="16"/>
    </row>
    <row r="42437" spans="7:10">
      <c r="G42437" s="16"/>
      <c r="H42437" s="16"/>
      <c r="I42437" s="16"/>
      <c r="J42437" s="16"/>
    </row>
    <row r="42438" spans="7:10">
      <c r="G42438" s="16"/>
      <c r="H42438" s="16"/>
      <c r="I42438" s="16"/>
      <c r="J42438" s="16"/>
    </row>
    <row r="42439" spans="7:10">
      <c r="G42439" s="16"/>
      <c r="H42439" s="16"/>
      <c r="I42439" s="16"/>
      <c r="J42439" s="16"/>
    </row>
    <row r="42440" spans="7:10">
      <c r="G42440" s="16"/>
      <c r="H42440" s="16"/>
      <c r="I42440" s="16"/>
      <c r="J42440" s="16"/>
    </row>
    <row r="42441" spans="7:10">
      <c r="G42441" s="16"/>
      <c r="H42441" s="16"/>
      <c r="I42441" s="16"/>
      <c r="J42441" s="16"/>
    </row>
    <row r="42442" spans="7:10">
      <c r="G42442" s="16"/>
      <c r="H42442" s="16"/>
      <c r="I42442" s="16"/>
      <c r="J42442" s="16"/>
    </row>
    <row r="42443" spans="7:10">
      <c r="G42443" s="16"/>
      <c r="H42443" s="16"/>
      <c r="I42443" s="16"/>
      <c r="J42443" s="16"/>
    </row>
    <row r="42444" spans="7:10">
      <c r="G42444" s="16"/>
      <c r="H42444" s="16"/>
      <c r="I42444" s="16"/>
      <c r="J42444" s="16"/>
    </row>
    <row r="42445" spans="7:10">
      <c r="G42445" s="16"/>
      <c r="H42445" s="16"/>
      <c r="I42445" s="16"/>
      <c r="J42445" s="16"/>
    </row>
    <row r="42446" spans="7:10">
      <c r="G42446" s="16"/>
      <c r="H42446" s="16"/>
      <c r="I42446" s="16"/>
      <c r="J42446" s="16"/>
    </row>
    <row r="42447" spans="7:10">
      <c r="G42447" s="16"/>
      <c r="H42447" s="16"/>
      <c r="I42447" s="16"/>
      <c r="J42447" s="16"/>
    </row>
    <row r="42448" spans="7:10">
      <c r="G42448" s="16"/>
      <c r="H42448" s="16"/>
      <c r="I42448" s="16"/>
      <c r="J42448" s="16"/>
    </row>
    <row r="42449" spans="7:10">
      <c r="G42449" s="16"/>
      <c r="H42449" s="16"/>
      <c r="I42449" s="16"/>
      <c r="J42449" s="16"/>
    </row>
    <row r="42450" spans="7:10">
      <c r="G42450" s="16"/>
      <c r="H42450" s="16"/>
      <c r="I42450" s="16"/>
      <c r="J42450" s="16"/>
    </row>
    <row r="42451" spans="7:10">
      <c r="G42451" s="16"/>
      <c r="H42451" s="16"/>
      <c r="I42451" s="16"/>
      <c r="J42451" s="16"/>
    </row>
    <row r="42452" spans="7:10">
      <c r="G42452" s="16"/>
      <c r="H42452" s="16"/>
      <c r="I42452" s="16"/>
      <c r="J42452" s="16"/>
    </row>
    <row r="42453" spans="7:10">
      <c r="G42453" s="16"/>
      <c r="H42453" s="16"/>
      <c r="I42453" s="16"/>
      <c r="J42453" s="16"/>
    </row>
    <row r="42454" spans="7:10">
      <c r="G42454" s="16"/>
      <c r="H42454" s="16"/>
      <c r="I42454" s="16"/>
      <c r="J42454" s="16"/>
    </row>
    <row r="42455" spans="7:10">
      <c r="G42455" s="16"/>
      <c r="H42455" s="16"/>
      <c r="I42455" s="16"/>
      <c r="J42455" s="16"/>
    </row>
    <row r="42456" spans="7:10">
      <c r="G42456" s="16"/>
      <c r="H42456" s="16"/>
      <c r="I42456" s="16"/>
      <c r="J42456" s="16"/>
    </row>
    <row r="42457" spans="7:10">
      <c r="G42457" s="16"/>
      <c r="H42457" s="16"/>
      <c r="I42457" s="16"/>
      <c r="J42457" s="16"/>
    </row>
    <row r="42458" spans="7:10">
      <c r="G42458" s="16"/>
      <c r="H42458" s="16"/>
      <c r="I42458" s="16"/>
      <c r="J42458" s="16"/>
    </row>
    <row r="42459" spans="7:10">
      <c r="G42459" s="16"/>
      <c r="H42459" s="16"/>
      <c r="I42459" s="16"/>
      <c r="J42459" s="16"/>
    </row>
    <row r="42460" spans="7:10">
      <c r="G42460" s="16"/>
      <c r="H42460" s="16"/>
      <c r="I42460" s="16"/>
      <c r="J42460" s="16"/>
    </row>
    <row r="42461" spans="7:10">
      <c r="G42461" s="16"/>
      <c r="H42461" s="16"/>
      <c r="I42461" s="16"/>
      <c r="J42461" s="16"/>
    </row>
    <row r="42462" spans="7:10">
      <c r="G42462" s="16"/>
      <c r="H42462" s="16"/>
      <c r="I42462" s="16"/>
      <c r="J42462" s="16"/>
    </row>
    <row r="42463" spans="7:10">
      <c r="G42463" s="16"/>
      <c r="H42463" s="16"/>
      <c r="I42463" s="16"/>
      <c r="J42463" s="16"/>
    </row>
    <row r="42464" spans="7:10">
      <c r="G42464" s="16"/>
      <c r="H42464" s="16"/>
      <c r="I42464" s="16"/>
      <c r="J42464" s="16"/>
    </row>
    <row r="42465" spans="7:10">
      <c r="G42465" s="16"/>
      <c r="H42465" s="16"/>
      <c r="I42465" s="16"/>
      <c r="J42465" s="16"/>
    </row>
    <row r="42466" spans="7:10">
      <c r="G42466" s="16"/>
      <c r="H42466" s="16"/>
      <c r="I42466" s="16"/>
      <c r="J42466" s="16"/>
    </row>
    <row r="42467" spans="7:10">
      <c r="G42467" s="16"/>
      <c r="H42467" s="16"/>
      <c r="I42467" s="16"/>
      <c r="J42467" s="16"/>
    </row>
    <row r="42468" spans="7:10">
      <c r="G42468" s="16"/>
      <c r="H42468" s="16"/>
      <c r="I42468" s="16"/>
      <c r="J42468" s="16"/>
    </row>
    <row r="42469" spans="7:10">
      <c r="G42469" s="16"/>
      <c r="H42469" s="16"/>
      <c r="I42469" s="16"/>
      <c r="J42469" s="16"/>
    </row>
    <row r="42470" spans="7:10">
      <c r="G42470" s="16"/>
      <c r="H42470" s="16"/>
      <c r="I42470" s="16"/>
      <c r="J42470" s="16"/>
    </row>
    <row r="42471" spans="7:10">
      <c r="G42471" s="16"/>
      <c r="H42471" s="16"/>
      <c r="I42471" s="16"/>
      <c r="J42471" s="16"/>
    </row>
    <row r="42472" spans="7:10">
      <c r="G42472" s="16"/>
      <c r="H42472" s="16"/>
      <c r="I42472" s="16"/>
      <c r="J42472" s="16"/>
    </row>
    <row r="42473" spans="7:10">
      <c r="G42473" s="16"/>
      <c r="H42473" s="16"/>
      <c r="I42473" s="16"/>
      <c r="J42473" s="16"/>
    </row>
    <row r="42474" spans="7:10">
      <c r="G42474" s="16"/>
      <c r="H42474" s="16"/>
      <c r="I42474" s="16"/>
      <c r="J42474" s="16"/>
    </row>
    <row r="42475" spans="7:10">
      <c r="G42475" s="16"/>
      <c r="H42475" s="16"/>
      <c r="I42475" s="16"/>
      <c r="J42475" s="16"/>
    </row>
    <row r="42476" spans="7:10">
      <c r="G42476" s="16"/>
      <c r="H42476" s="16"/>
      <c r="I42476" s="16"/>
      <c r="J42476" s="16"/>
    </row>
    <row r="42477" spans="7:10">
      <c r="G42477" s="16"/>
      <c r="H42477" s="16"/>
      <c r="I42477" s="16"/>
      <c r="J42477" s="16"/>
    </row>
    <row r="42478" spans="7:10">
      <c r="G42478" s="16"/>
      <c r="H42478" s="16"/>
      <c r="I42478" s="16"/>
      <c r="J42478" s="16"/>
    </row>
    <row r="42479" spans="7:10">
      <c r="G42479" s="16"/>
      <c r="H42479" s="16"/>
      <c r="I42479" s="16"/>
      <c r="J42479" s="16"/>
    </row>
    <row r="42480" spans="7:10">
      <c r="G42480" s="16"/>
      <c r="H42480" s="16"/>
      <c r="I42480" s="16"/>
      <c r="J42480" s="16"/>
    </row>
    <row r="42481" spans="7:10">
      <c r="G42481" s="16"/>
      <c r="H42481" s="16"/>
      <c r="I42481" s="16"/>
      <c r="J42481" s="16"/>
    </row>
    <row r="42482" spans="7:10">
      <c r="G42482" s="16"/>
      <c r="H42482" s="16"/>
      <c r="I42482" s="16"/>
      <c r="J42482" s="16"/>
    </row>
    <row r="42483" spans="7:10">
      <c r="G42483" s="16"/>
      <c r="H42483" s="16"/>
      <c r="I42483" s="16"/>
      <c r="J42483" s="16"/>
    </row>
    <row r="42484" spans="7:10">
      <c r="G42484" s="16"/>
      <c r="H42484" s="16"/>
      <c r="I42484" s="16"/>
      <c r="J42484" s="16"/>
    </row>
    <row r="42485" spans="7:10">
      <c r="G42485" s="16"/>
      <c r="H42485" s="16"/>
      <c r="I42485" s="16"/>
      <c r="J42485" s="16"/>
    </row>
    <row r="42486" spans="7:10">
      <c r="G42486" s="16"/>
      <c r="H42486" s="16"/>
      <c r="I42486" s="16"/>
      <c r="J42486" s="16"/>
    </row>
    <row r="42487" spans="7:10">
      <c r="G42487" s="16"/>
      <c r="H42487" s="16"/>
      <c r="I42487" s="16"/>
      <c r="J42487" s="16"/>
    </row>
    <row r="42488" spans="7:10">
      <c r="G42488" s="16"/>
      <c r="H42488" s="16"/>
      <c r="I42488" s="16"/>
      <c r="J42488" s="16"/>
    </row>
    <row r="42489" spans="7:10">
      <c r="G42489" s="16"/>
      <c r="H42489" s="16"/>
      <c r="I42489" s="16"/>
      <c r="J42489" s="16"/>
    </row>
    <row r="42490" spans="7:10">
      <c r="G42490" s="16"/>
      <c r="H42490" s="16"/>
      <c r="I42490" s="16"/>
      <c r="J42490" s="16"/>
    </row>
    <row r="42491" spans="7:10">
      <c r="G42491" s="16"/>
      <c r="H42491" s="16"/>
      <c r="I42491" s="16"/>
      <c r="J42491" s="16"/>
    </row>
    <row r="42492" spans="7:10">
      <c r="G42492" s="16"/>
      <c r="H42492" s="16"/>
      <c r="I42492" s="16"/>
      <c r="J42492" s="16"/>
    </row>
    <row r="42493" spans="7:10">
      <c r="G42493" s="16"/>
      <c r="H42493" s="16"/>
      <c r="I42493" s="16"/>
      <c r="J42493" s="16"/>
    </row>
    <row r="42494" spans="7:10">
      <c r="G42494" s="16"/>
      <c r="H42494" s="16"/>
      <c r="I42494" s="16"/>
      <c r="J42494" s="16"/>
    </row>
    <row r="42495" spans="7:10">
      <c r="G42495" s="16"/>
      <c r="H42495" s="16"/>
      <c r="I42495" s="16"/>
      <c r="J42495" s="16"/>
    </row>
    <row r="42496" spans="7:10">
      <c r="G42496" s="16"/>
      <c r="H42496" s="16"/>
      <c r="I42496" s="16"/>
      <c r="J42496" s="16"/>
    </row>
    <row r="42497" spans="7:10">
      <c r="G42497" s="16"/>
      <c r="H42497" s="16"/>
      <c r="I42497" s="16"/>
      <c r="J42497" s="16"/>
    </row>
    <row r="42498" spans="7:10">
      <c r="G42498" s="16"/>
      <c r="H42498" s="16"/>
      <c r="I42498" s="16"/>
      <c r="J42498" s="16"/>
    </row>
    <row r="42499" spans="7:10">
      <c r="G42499" s="16"/>
      <c r="H42499" s="16"/>
      <c r="I42499" s="16"/>
      <c r="J42499" s="16"/>
    </row>
    <row r="42500" spans="7:10">
      <c r="G42500" s="16"/>
      <c r="H42500" s="16"/>
      <c r="I42500" s="16"/>
      <c r="J42500" s="16"/>
    </row>
    <row r="42501" spans="7:10">
      <c r="G42501" s="16"/>
      <c r="H42501" s="16"/>
      <c r="I42501" s="16"/>
      <c r="J42501" s="16"/>
    </row>
    <row r="42502" spans="7:10">
      <c r="G42502" s="16"/>
      <c r="H42502" s="16"/>
      <c r="I42502" s="16"/>
      <c r="J42502" s="16"/>
    </row>
    <row r="42503" spans="7:10">
      <c r="G42503" s="16"/>
      <c r="H42503" s="16"/>
      <c r="I42503" s="16"/>
      <c r="J42503" s="16"/>
    </row>
    <row r="42504" spans="7:10">
      <c r="G42504" s="16"/>
      <c r="H42504" s="16"/>
      <c r="I42504" s="16"/>
      <c r="J42504" s="16"/>
    </row>
    <row r="42505" spans="7:10">
      <c r="G42505" s="16"/>
      <c r="H42505" s="16"/>
      <c r="I42505" s="16"/>
      <c r="J42505" s="16"/>
    </row>
    <row r="42506" spans="7:10">
      <c r="G42506" s="16"/>
      <c r="H42506" s="16"/>
      <c r="I42506" s="16"/>
      <c r="J42506" s="16"/>
    </row>
    <row r="42507" spans="7:10">
      <c r="G42507" s="16"/>
      <c r="H42507" s="16"/>
      <c r="I42507" s="16"/>
      <c r="J42507" s="16"/>
    </row>
    <row r="42508" spans="7:10">
      <c r="G42508" s="16"/>
      <c r="H42508" s="16"/>
      <c r="I42508" s="16"/>
      <c r="J42508" s="16"/>
    </row>
    <row r="42509" spans="7:10">
      <c r="G42509" s="16"/>
      <c r="H42509" s="16"/>
      <c r="I42509" s="16"/>
      <c r="J42509" s="16"/>
    </row>
    <row r="42510" spans="7:10">
      <c r="G42510" s="16"/>
      <c r="H42510" s="16"/>
      <c r="I42510" s="16"/>
      <c r="J42510" s="16"/>
    </row>
    <row r="42511" spans="7:10">
      <c r="G42511" s="16"/>
      <c r="H42511" s="16"/>
      <c r="I42511" s="16"/>
      <c r="J42511" s="16"/>
    </row>
    <row r="42512" spans="7:10">
      <c r="G42512" s="16"/>
      <c r="H42512" s="16"/>
      <c r="I42512" s="16"/>
      <c r="J42512" s="16"/>
    </row>
    <row r="42513" spans="7:10">
      <c r="G42513" s="16"/>
      <c r="H42513" s="16"/>
      <c r="I42513" s="16"/>
      <c r="J42513" s="16"/>
    </row>
    <row r="42514" spans="7:10">
      <c r="G42514" s="16"/>
      <c r="H42514" s="16"/>
      <c r="I42514" s="16"/>
      <c r="J42514" s="16"/>
    </row>
    <row r="42515" spans="7:10">
      <c r="G42515" s="16"/>
      <c r="H42515" s="16"/>
      <c r="I42515" s="16"/>
      <c r="J42515" s="16"/>
    </row>
    <row r="42516" spans="7:10">
      <c r="G42516" s="16"/>
      <c r="H42516" s="16"/>
      <c r="I42516" s="16"/>
      <c r="J42516" s="16"/>
    </row>
    <row r="42517" spans="7:10">
      <c r="G42517" s="16"/>
      <c r="H42517" s="16"/>
      <c r="I42517" s="16"/>
      <c r="J42517" s="16"/>
    </row>
    <row r="42518" spans="7:10">
      <c r="G42518" s="16"/>
      <c r="H42518" s="16"/>
      <c r="I42518" s="16"/>
      <c r="J42518" s="16"/>
    </row>
    <row r="42519" spans="7:10">
      <c r="G42519" s="16"/>
      <c r="H42519" s="16"/>
      <c r="I42519" s="16"/>
      <c r="J42519" s="16"/>
    </row>
    <row r="42520" spans="7:10">
      <c r="G42520" s="16"/>
      <c r="H42520" s="16"/>
      <c r="I42520" s="16"/>
      <c r="J42520" s="16"/>
    </row>
    <row r="42521" spans="7:10">
      <c r="G42521" s="16"/>
      <c r="H42521" s="16"/>
      <c r="I42521" s="16"/>
      <c r="J42521" s="16"/>
    </row>
    <row r="42522" spans="7:10">
      <c r="G42522" s="16"/>
      <c r="H42522" s="16"/>
      <c r="I42522" s="16"/>
      <c r="J42522" s="16"/>
    </row>
    <row r="42523" spans="7:10">
      <c r="G42523" s="16"/>
      <c r="H42523" s="16"/>
      <c r="I42523" s="16"/>
      <c r="J42523" s="16"/>
    </row>
    <row r="42524" spans="7:10">
      <c r="G42524" s="16"/>
      <c r="H42524" s="16"/>
      <c r="I42524" s="16"/>
      <c r="J42524" s="16"/>
    </row>
    <row r="42525" spans="7:10">
      <c r="G42525" s="16"/>
      <c r="H42525" s="16"/>
      <c r="I42525" s="16"/>
      <c r="J42525" s="16"/>
    </row>
    <row r="42526" spans="7:10">
      <c r="G42526" s="16"/>
      <c r="H42526" s="16"/>
      <c r="I42526" s="16"/>
      <c r="J42526" s="16"/>
    </row>
    <row r="42527" spans="7:10">
      <c r="G42527" s="16"/>
      <c r="H42527" s="16"/>
      <c r="I42527" s="16"/>
      <c r="J42527" s="16"/>
    </row>
    <row r="42528" spans="7:10">
      <c r="G42528" s="16"/>
      <c r="H42528" s="16"/>
      <c r="I42528" s="16"/>
      <c r="J42528" s="16"/>
    </row>
    <row r="42529" spans="7:10">
      <c r="G42529" s="16"/>
      <c r="H42529" s="16"/>
      <c r="I42529" s="16"/>
      <c r="J42529" s="16"/>
    </row>
    <row r="42530" spans="7:10">
      <c r="G42530" s="16"/>
      <c r="H42530" s="16"/>
      <c r="I42530" s="16"/>
      <c r="J42530" s="16"/>
    </row>
    <row r="42531" spans="7:10">
      <c r="G42531" s="16"/>
      <c r="H42531" s="16"/>
      <c r="I42531" s="16"/>
      <c r="J42531" s="16"/>
    </row>
    <row r="42532" spans="7:10">
      <c r="G42532" s="16"/>
      <c r="H42532" s="16"/>
      <c r="I42532" s="16"/>
      <c r="J42532" s="16"/>
    </row>
    <row r="42533" spans="7:10">
      <c r="G42533" s="16"/>
      <c r="H42533" s="16"/>
      <c r="I42533" s="16"/>
      <c r="J42533" s="16"/>
    </row>
    <row r="42534" spans="7:10">
      <c r="G42534" s="16"/>
      <c r="H42534" s="16"/>
      <c r="I42534" s="16"/>
      <c r="J42534" s="16"/>
    </row>
    <row r="42535" spans="7:10">
      <c r="G42535" s="16"/>
      <c r="H42535" s="16"/>
      <c r="I42535" s="16"/>
      <c r="J42535" s="16"/>
    </row>
    <row r="42536" spans="7:10">
      <c r="G42536" s="16"/>
      <c r="H42536" s="16"/>
      <c r="I42536" s="16"/>
      <c r="J42536" s="16"/>
    </row>
    <row r="42537" spans="7:10">
      <c r="G42537" s="16"/>
      <c r="H42537" s="16"/>
      <c r="I42537" s="16"/>
      <c r="J42537" s="16"/>
    </row>
    <row r="42538" spans="7:10">
      <c r="G42538" s="16"/>
      <c r="H42538" s="16"/>
      <c r="I42538" s="16"/>
      <c r="J42538" s="16"/>
    </row>
    <row r="42539" spans="7:10">
      <c r="G42539" s="16"/>
      <c r="H42539" s="16"/>
      <c r="I42539" s="16"/>
      <c r="J42539" s="16"/>
    </row>
    <row r="42540" spans="7:10">
      <c r="G42540" s="16"/>
      <c r="H42540" s="16"/>
      <c r="I42540" s="16"/>
      <c r="J42540" s="16"/>
    </row>
    <row r="42541" spans="7:10">
      <c r="G42541" s="16"/>
      <c r="H42541" s="16"/>
      <c r="I42541" s="16"/>
      <c r="J42541" s="16"/>
    </row>
    <row r="42542" spans="7:10">
      <c r="G42542" s="16"/>
      <c r="H42542" s="16"/>
      <c r="I42542" s="16"/>
      <c r="J42542" s="16"/>
    </row>
    <row r="42543" spans="7:10">
      <c r="G42543" s="16"/>
      <c r="H42543" s="16"/>
      <c r="I42543" s="16"/>
      <c r="J42543" s="16"/>
    </row>
    <row r="42544" spans="7:10">
      <c r="G42544" s="16"/>
      <c r="H42544" s="16"/>
      <c r="I42544" s="16"/>
      <c r="J42544" s="16"/>
    </row>
    <row r="42545" spans="7:10">
      <c r="G42545" s="16"/>
      <c r="H42545" s="16"/>
      <c r="I42545" s="16"/>
      <c r="J42545" s="16"/>
    </row>
    <row r="42546" spans="7:10">
      <c r="G42546" s="16"/>
      <c r="H42546" s="16"/>
      <c r="I42546" s="16"/>
      <c r="J42546" s="16"/>
    </row>
    <row r="42547" spans="7:10">
      <c r="G42547" s="16"/>
      <c r="H42547" s="16"/>
      <c r="I42547" s="16"/>
      <c r="J42547" s="16"/>
    </row>
    <row r="42548" spans="7:10">
      <c r="G42548" s="16"/>
      <c r="H42548" s="16"/>
      <c r="I42548" s="16"/>
      <c r="J42548" s="16"/>
    </row>
    <row r="42549" spans="7:10">
      <c r="G42549" s="16"/>
      <c r="H42549" s="16"/>
      <c r="I42549" s="16"/>
      <c r="J42549" s="16"/>
    </row>
    <row r="42550" spans="7:10">
      <c r="G42550" s="16"/>
      <c r="H42550" s="16"/>
      <c r="I42550" s="16"/>
      <c r="J42550" s="16"/>
    </row>
    <row r="42551" spans="7:10">
      <c r="G42551" s="16"/>
      <c r="H42551" s="16"/>
      <c r="I42551" s="16"/>
      <c r="J42551" s="16"/>
    </row>
    <row r="42552" spans="7:10">
      <c r="G42552" s="16"/>
      <c r="H42552" s="16"/>
      <c r="I42552" s="16"/>
      <c r="J42552" s="16"/>
    </row>
    <row r="42553" spans="7:10">
      <c r="G42553" s="16"/>
      <c r="H42553" s="16"/>
      <c r="I42553" s="16"/>
      <c r="J42553" s="16"/>
    </row>
    <row r="42554" spans="7:10">
      <c r="G42554" s="16"/>
      <c r="H42554" s="16"/>
      <c r="I42554" s="16"/>
      <c r="J42554" s="16"/>
    </row>
    <row r="42555" spans="7:10">
      <c r="G42555" s="16"/>
      <c r="H42555" s="16"/>
      <c r="I42555" s="16"/>
      <c r="J42555" s="16"/>
    </row>
    <row r="42556" spans="7:10">
      <c r="G42556" s="16"/>
      <c r="H42556" s="16"/>
      <c r="I42556" s="16"/>
      <c r="J42556" s="16"/>
    </row>
    <row r="42557" spans="7:10">
      <c r="G42557" s="16"/>
      <c r="H42557" s="16"/>
      <c r="I42557" s="16"/>
      <c r="J42557" s="16"/>
    </row>
    <row r="42558" spans="7:10">
      <c r="G42558" s="16"/>
      <c r="H42558" s="16"/>
      <c r="I42558" s="16"/>
      <c r="J42558" s="16"/>
    </row>
    <row r="42559" spans="7:10">
      <c r="G42559" s="16"/>
      <c r="H42559" s="16"/>
      <c r="I42559" s="16"/>
      <c r="J42559" s="16"/>
    </row>
    <row r="42560" spans="7:10">
      <c r="G42560" s="16"/>
      <c r="H42560" s="16"/>
      <c r="I42560" s="16"/>
      <c r="J42560" s="16"/>
    </row>
    <row r="42561" spans="7:10">
      <c r="G42561" s="16"/>
      <c r="H42561" s="16"/>
      <c r="I42561" s="16"/>
      <c r="J42561" s="16"/>
    </row>
    <row r="42562" spans="7:10">
      <c r="G42562" s="16"/>
      <c r="H42562" s="16"/>
      <c r="I42562" s="16"/>
      <c r="J42562" s="16"/>
    </row>
    <row r="42563" spans="7:10">
      <c r="G42563" s="16"/>
      <c r="H42563" s="16"/>
      <c r="I42563" s="16"/>
      <c r="J42563" s="16"/>
    </row>
    <row r="42564" spans="7:10">
      <c r="G42564" s="16"/>
      <c r="H42564" s="16"/>
      <c r="I42564" s="16"/>
      <c r="J42564" s="16"/>
    </row>
    <row r="42565" spans="7:10">
      <c r="G42565" s="16"/>
      <c r="H42565" s="16"/>
      <c r="I42565" s="16"/>
      <c r="J42565" s="16"/>
    </row>
    <row r="42566" spans="7:10">
      <c r="G42566" s="16"/>
      <c r="H42566" s="16"/>
      <c r="I42566" s="16"/>
      <c r="J42566" s="16"/>
    </row>
    <row r="42567" spans="7:10">
      <c r="G42567" s="16"/>
      <c r="H42567" s="16"/>
      <c r="I42567" s="16"/>
      <c r="J42567" s="16"/>
    </row>
    <row r="42568" spans="7:10">
      <c r="G42568" s="16"/>
      <c r="H42568" s="16"/>
      <c r="I42568" s="16"/>
      <c r="J42568" s="16"/>
    </row>
    <row r="42569" spans="7:10">
      <c r="G42569" s="16"/>
      <c r="H42569" s="16"/>
      <c r="I42569" s="16"/>
      <c r="J42569" s="16"/>
    </row>
    <row r="42570" spans="7:10">
      <c r="G42570" s="16"/>
      <c r="H42570" s="16"/>
      <c r="I42570" s="16"/>
      <c r="J42570" s="16"/>
    </row>
    <row r="42571" spans="7:10">
      <c r="G42571" s="16"/>
      <c r="H42571" s="16"/>
      <c r="I42571" s="16"/>
      <c r="J42571" s="16"/>
    </row>
    <row r="42572" spans="7:10">
      <c r="G42572" s="16"/>
      <c r="H42572" s="16"/>
      <c r="I42572" s="16"/>
      <c r="J42572" s="16"/>
    </row>
    <row r="42573" spans="7:10">
      <c r="G42573" s="16"/>
      <c r="H42573" s="16"/>
      <c r="I42573" s="16"/>
      <c r="J42573" s="16"/>
    </row>
    <row r="42574" spans="7:10">
      <c r="G42574" s="16"/>
      <c r="H42574" s="16"/>
      <c r="I42574" s="16"/>
      <c r="J42574" s="16"/>
    </row>
    <row r="42575" spans="7:10">
      <c r="G42575" s="16"/>
      <c r="H42575" s="16"/>
      <c r="I42575" s="16"/>
      <c r="J42575" s="16"/>
    </row>
    <row r="42576" spans="7:10">
      <c r="G42576" s="16"/>
      <c r="H42576" s="16"/>
      <c r="I42576" s="16"/>
      <c r="J42576" s="16"/>
    </row>
    <row r="42577" spans="7:10">
      <c r="G42577" s="16"/>
      <c r="H42577" s="16"/>
      <c r="I42577" s="16"/>
      <c r="J42577" s="16"/>
    </row>
    <row r="42578" spans="7:10">
      <c r="G42578" s="16"/>
      <c r="H42578" s="16"/>
      <c r="I42578" s="16"/>
      <c r="J42578" s="16"/>
    </row>
    <row r="42579" spans="7:10">
      <c r="G42579" s="16"/>
      <c r="H42579" s="16"/>
      <c r="I42579" s="16"/>
      <c r="J42579" s="16"/>
    </row>
    <row r="42580" spans="7:10">
      <c r="G42580" s="16"/>
      <c r="H42580" s="16"/>
      <c r="I42580" s="16"/>
      <c r="J42580" s="16"/>
    </row>
    <row r="42581" spans="7:10">
      <c r="G42581" s="16"/>
      <c r="H42581" s="16"/>
      <c r="I42581" s="16"/>
      <c r="J42581" s="16"/>
    </row>
    <row r="42582" spans="7:10">
      <c r="G42582" s="16"/>
      <c r="H42582" s="16"/>
      <c r="I42582" s="16"/>
      <c r="J42582" s="16"/>
    </row>
    <row r="42583" spans="7:10">
      <c r="G42583" s="16"/>
      <c r="H42583" s="16"/>
      <c r="I42583" s="16"/>
      <c r="J42583" s="16"/>
    </row>
    <row r="42584" spans="7:10">
      <c r="G42584" s="16"/>
      <c r="H42584" s="16"/>
      <c r="I42584" s="16"/>
      <c r="J42584" s="16"/>
    </row>
    <row r="42585" spans="7:10">
      <c r="G42585" s="16"/>
      <c r="H42585" s="16"/>
      <c r="I42585" s="16"/>
      <c r="J42585" s="16"/>
    </row>
    <row r="42586" spans="7:10">
      <c r="G42586" s="16"/>
      <c r="H42586" s="16"/>
      <c r="I42586" s="16"/>
      <c r="J42586" s="16"/>
    </row>
    <row r="42587" spans="7:10">
      <c r="G42587" s="16"/>
      <c r="H42587" s="16"/>
      <c r="I42587" s="16"/>
      <c r="J42587" s="16"/>
    </row>
    <row r="42588" spans="7:10">
      <c r="G42588" s="16"/>
      <c r="H42588" s="16"/>
      <c r="I42588" s="16"/>
      <c r="J42588" s="16"/>
    </row>
    <row r="42589" spans="7:10">
      <c r="G42589" s="16"/>
      <c r="H42589" s="16"/>
      <c r="I42589" s="16"/>
      <c r="J42589" s="16"/>
    </row>
    <row r="42590" spans="7:10">
      <c r="G42590" s="16"/>
      <c r="H42590" s="16"/>
      <c r="I42590" s="16"/>
      <c r="J42590" s="16"/>
    </row>
    <row r="42591" spans="7:10">
      <c r="G42591" s="16"/>
      <c r="H42591" s="16"/>
      <c r="I42591" s="16"/>
      <c r="J42591" s="16"/>
    </row>
    <row r="42592" spans="7:10">
      <c r="G42592" s="16"/>
      <c r="H42592" s="16"/>
      <c r="I42592" s="16"/>
      <c r="J42592" s="16"/>
    </row>
    <row r="42593" spans="7:10">
      <c r="G42593" s="16"/>
      <c r="H42593" s="16"/>
      <c r="I42593" s="16"/>
      <c r="J42593" s="16"/>
    </row>
    <row r="42594" spans="7:10">
      <c r="G42594" s="16"/>
      <c r="H42594" s="16"/>
      <c r="I42594" s="16"/>
      <c r="J42594" s="16"/>
    </row>
    <row r="42595" spans="7:10">
      <c r="G42595" s="16"/>
      <c r="H42595" s="16"/>
      <c r="I42595" s="16"/>
      <c r="J42595" s="16"/>
    </row>
    <row r="42596" spans="7:10">
      <c r="G42596" s="16"/>
      <c r="H42596" s="16"/>
      <c r="I42596" s="16"/>
      <c r="J42596" s="16"/>
    </row>
    <row r="42597" spans="7:10">
      <c r="G42597" s="16"/>
      <c r="H42597" s="16"/>
      <c r="I42597" s="16"/>
      <c r="J42597" s="16"/>
    </row>
    <row r="42598" spans="7:10">
      <c r="G42598" s="16"/>
      <c r="H42598" s="16"/>
      <c r="I42598" s="16"/>
      <c r="J42598" s="16"/>
    </row>
    <row r="42599" spans="7:10">
      <c r="G42599" s="16"/>
      <c r="H42599" s="16"/>
      <c r="I42599" s="16"/>
      <c r="J42599" s="16"/>
    </row>
    <row r="42600" spans="7:10">
      <c r="G42600" s="16"/>
      <c r="H42600" s="16"/>
      <c r="I42600" s="16"/>
      <c r="J42600" s="16"/>
    </row>
    <row r="42601" spans="7:10">
      <c r="G42601" s="16"/>
      <c r="H42601" s="16"/>
      <c r="I42601" s="16"/>
      <c r="J42601" s="16"/>
    </row>
    <row r="42602" spans="7:10">
      <c r="G42602" s="16"/>
      <c r="H42602" s="16"/>
      <c r="I42602" s="16"/>
      <c r="J42602" s="16"/>
    </row>
    <row r="42603" spans="7:10">
      <c r="G42603" s="16"/>
      <c r="H42603" s="16"/>
      <c r="I42603" s="16"/>
      <c r="J42603" s="16"/>
    </row>
    <row r="42604" spans="7:10">
      <c r="G42604" s="16"/>
      <c r="H42604" s="16"/>
      <c r="I42604" s="16"/>
      <c r="J42604" s="16"/>
    </row>
    <row r="42605" spans="7:10">
      <c r="G42605" s="16"/>
      <c r="H42605" s="16"/>
      <c r="I42605" s="16"/>
      <c r="J42605" s="16"/>
    </row>
    <row r="42606" spans="7:10">
      <c r="G42606" s="16"/>
      <c r="H42606" s="16"/>
      <c r="I42606" s="16"/>
      <c r="J42606" s="16"/>
    </row>
    <row r="42607" spans="7:10">
      <c r="G42607" s="16"/>
      <c r="H42607" s="16"/>
      <c r="I42607" s="16"/>
      <c r="J42607" s="16"/>
    </row>
    <row r="42608" spans="7:10">
      <c r="G42608" s="16"/>
      <c r="H42608" s="16"/>
      <c r="I42608" s="16"/>
      <c r="J42608" s="16"/>
    </row>
    <row r="42609" spans="7:10">
      <c r="G42609" s="16"/>
      <c r="H42609" s="16"/>
      <c r="I42609" s="16"/>
      <c r="J42609" s="16"/>
    </row>
    <row r="42610" spans="7:10">
      <c r="G42610" s="16"/>
      <c r="H42610" s="16"/>
      <c r="I42610" s="16"/>
      <c r="J42610" s="16"/>
    </row>
    <row r="42611" spans="7:10">
      <c r="G42611" s="16"/>
      <c r="H42611" s="16"/>
      <c r="I42611" s="16"/>
      <c r="J42611" s="16"/>
    </row>
    <row r="42612" spans="7:10">
      <c r="G42612" s="16"/>
      <c r="H42612" s="16"/>
      <c r="I42612" s="16"/>
      <c r="J42612" s="16"/>
    </row>
    <row r="42613" spans="7:10">
      <c r="G42613" s="16"/>
      <c r="H42613" s="16"/>
      <c r="I42613" s="16"/>
      <c r="J42613" s="16"/>
    </row>
    <row r="42614" spans="7:10">
      <c r="G42614" s="16"/>
      <c r="H42614" s="16"/>
      <c r="I42614" s="16"/>
      <c r="J42614" s="16"/>
    </row>
    <row r="42615" spans="7:10">
      <c r="G42615" s="16"/>
      <c r="H42615" s="16"/>
      <c r="I42615" s="16"/>
      <c r="J42615" s="16"/>
    </row>
    <row r="42616" spans="7:10">
      <c r="G42616" s="16"/>
      <c r="H42616" s="16"/>
      <c r="I42616" s="16"/>
      <c r="J42616" s="16"/>
    </row>
    <row r="42617" spans="7:10">
      <c r="G42617" s="16"/>
      <c r="H42617" s="16"/>
      <c r="I42617" s="16"/>
      <c r="J42617" s="16"/>
    </row>
    <row r="42618" spans="7:10">
      <c r="G42618" s="16"/>
      <c r="H42618" s="16"/>
      <c r="I42618" s="16"/>
      <c r="J42618" s="16"/>
    </row>
    <row r="42619" spans="7:10">
      <c r="G42619" s="16"/>
      <c r="H42619" s="16"/>
      <c r="I42619" s="16"/>
      <c r="J42619" s="16"/>
    </row>
    <row r="42620" spans="7:10">
      <c r="G42620" s="16"/>
      <c r="H42620" s="16"/>
      <c r="I42620" s="16"/>
      <c r="J42620" s="16"/>
    </row>
    <row r="42621" spans="7:10">
      <c r="G42621" s="16"/>
      <c r="H42621" s="16"/>
      <c r="I42621" s="16"/>
      <c r="J42621" s="16"/>
    </row>
    <row r="42622" spans="7:10">
      <c r="G42622" s="16"/>
      <c r="H42622" s="16"/>
      <c r="I42622" s="16"/>
      <c r="J42622" s="16"/>
    </row>
    <row r="42623" spans="7:10">
      <c r="G42623" s="16"/>
      <c r="H42623" s="16"/>
      <c r="I42623" s="16"/>
      <c r="J42623" s="16"/>
    </row>
    <row r="42624" spans="7:10">
      <c r="G42624" s="16"/>
      <c r="H42624" s="16"/>
      <c r="I42624" s="16"/>
      <c r="J42624" s="16"/>
    </row>
    <row r="42625" spans="7:10">
      <c r="G42625" s="16"/>
      <c r="H42625" s="16"/>
      <c r="I42625" s="16"/>
      <c r="J42625" s="16"/>
    </row>
    <row r="42626" spans="7:10">
      <c r="G42626" s="16"/>
      <c r="H42626" s="16"/>
      <c r="I42626" s="16"/>
      <c r="J42626" s="16"/>
    </row>
    <row r="42627" spans="7:10">
      <c r="G42627" s="16"/>
      <c r="H42627" s="16"/>
      <c r="I42627" s="16"/>
      <c r="J42627" s="16"/>
    </row>
    <row r="42628" spans="7:10">
      <c r="G42628" s="16"/>
      <c r="H42628" s="16"/>
      <c r="I42628" s="16"/>
      <c r="J42628" s="16"/>
    </row>
    <row r="42629" spans="7:10">
      <c r="G42629" s="16"/>
      <c r="H42629" s="16"/>
      <c r="I42629" s="16"/>
      <c r="J42629" s="16"/>
    </row>
    <row r="42630" spans="7:10">
      <c r="G42630" s="16"/>
      <c r="H42630" s="16"/>
      <c r="I42630" s="16"/>
      <c r="J42630" s="16"/>
    </row>
    <row r="42631" spans="7:10">
      <c r="G42631" s="16"/>
      <c r="H42631" s="16"/>
      <c r="I42631" s="16"/>
      <c r="J42631" s="16"/>
    </row>
    <row r="42632" spans="7:10">
      <c r="G42632" s="16"/>
      <c r="H42632" s="16"/>
      <c r="I42632" s="16"/>
      <c r="J42632" s="16"/>
    </row>
    <row r="42633" spans="7:10">
      <c r="G42633" s="16"/>
      <c r="H42633" s="16"/>
      <c r="I42633" s="16"/>
      <c r="J42633" s="16"/>
    </row>
    <row r="42634" spans="7:10">
      <c r="G42634" s="16"/>
      <c r="H42634" s="16"/>
      <c r="I42634" s="16"/>
      <c r="J42634" s="16"/>
    </row>
    <row r="42635" spans="7:10">
      <c r="G42635" s="16"/>
      <c r="H42635" s="16"/>
      <c r="I42635" s="16"/>
      <c r="J42635" s="16"/>
    </row>
    <row r="42636" spans="7:10">
      <c r="G42636" s="16"/>
      <c r="H42636" s="16"/>
      <c r="I42636" s="16"/>
      <c r="J42636" s="16"/>
    </row>
    <row r="42637" spans="7:10">
      <c r="G42637" s="16"/>
      <c r="H42637" s="16"/>
      <c r="I42637" s="16"/>
      <c r="J42637" s="16"/>
    </row>
    <row r="42638" spans="7:10">
      <c r="G42638" s="16"/>
      <c r="H42638" s="16"/>
      <c r="I42638" s="16"/>
      <c r="J42638" s="16"/>
    </row>
    <row r="42639" spans="7:10">
      <c r="G42639" s="16"/>
      <c r="H42639" s="16"/>
      <c r="I42639" s="16"/>
      <c r="J42639" s="16"/>
    </row>
    <row r="42640" spans="7:10">
      <c r="G42640" s="16"/>
      <c r="H42640" s="16"/>
      <c r="I42640" s="16"/>
      <c r="J42640" s="16"/>
    </row>
    <row r="42641" spans="7:10">
      <c r="G42641" s="16"/>
      <c r="H42641" s="16"/>
      <c r="I42641" s="16"/>
      <c r="J42641" s="16"/>
    </row>
    <row r="42642" spans="7:10">
      <c r="G42642" s="16"/>
      <c r="H42642" s="16"/>
      <c r="I42642" s="16"/>
      <c r="J42642" s="16"/>
    </row>
    <row r="42643" spans="7:10">
      <c r="G42643" s="16"/>
      <c r="H42643" s="16"/>
      <c r="I42643" s="16"/>
      <c r="J42643" s="16"/>
    </row>
    <row r="42644" spans="7:10">
      <c r="G42644" s="16"/>
      <c r="H42644" s="16"/>
      <c r="I42644" s="16"/>
      <c r="J42644" s="16"/>
    </row>
    <row r="42645" spans="7:10">
      <c r="G42645" s="16"/>
      <c r="H42645" s="16"/>
      <c r="I42645" s="16"/>
      <c r="J42645" s="16"/>
    </row>
    <row r="42646" spans="7:10">
      <c r="G42646" s="16"/>
      <c r="H42646" s="16"/>
      <c r="I42646" s="16"/>
      <c r="J42646" s="16"/>
    </row>
    <row r="42647" spans="7:10">
      <c r="G42647" s="16"/>
      <c r="H42647" s="16"/>
      <c r="I42647" s="16"/>
      <c r="J42647" s="16"/>
    </row>
    <row r="42648" spans="7:10">
      <c r="G42648" s="16"/>
      <c r="H42648" s="16"/>
      <c r="I42648" s="16"/>
      <c r="J42648" s="16"/>
    </row>
    <row r="42649" spans="7:10">
      <c r="G42649" s="16"/>
      <c r="H42649" s="16"/>
      <c r="I42649" s="16"/>
      <c r="J42649" s="16"/>
    </row>
    <row r="42650" spans="7:10">
      <c r="G42650" s="16"/>
      <c r="H42650" s="16"/>
      <c r="I42650" s="16"/>
      <c r="J42650" s="16"/>
    </row>
    <row r="42651" spans="7:10">
      <c r="G42651" s="16"/>
      <c r="H42651" s="16"/>
      <c r="I42651" s="16"/>
      <c r="J42651" s="16"/>
    </row>
    <row r="42652" spans="7:10">
      <c r="G42652" s="16"/>
      <c r="H42652" s="16"/>
      <c r="I42652" s="16"/>
      <c r="J42652" s="16"/>
    </row>
    <row r="42653" spans="7:10">
      <c r="G42653" s="16"/>
      <c r="H42653" s="16"/>
      <c r="I42653" s="16"/>
      <c r="J42653" s="16"/>
    </row>
    <row r="42654" spans="7:10">
      <c r="G42654" s="16"/>
      <c r="H42654" s="16"/>
      <c r="I42654" s="16"/>
      <c r="J42654" s="16"/>
    </row>
    <row r="42655" spans="7:10">
      <c r="G42655" s="16"/>
      <c r="H42655" s="16"/>
      <c r="I42655" s="16"/>
      <c r="J42655" s="16"/>
    </row>
    <row r="42656" spans="7:10">
      <c r="G42656" s="16"/>
      <c r="H42656" s="16"/>
      <c r="I42656" s="16"/>
      <c r="J42656" s="16"/>
    </row>
    <row r="42657" spans="7:10">
      <c r="G42657" s="16"/>
      <c r="H42657" s="16"/>
      <c r="I42657" s="16"/>
      <c r="J42657" s="16"/>
    </row>
    <row r="42658" spans="7:10">
      <c r="G42658" s="16"/>
      <c r="H42658" s="16"/>
      <c r="I42658" s="16"/>
      <c r="J42658" s="16"/>
    </row>
    <row r="42659" spans="7:10">
      <c r="G42659" s="16"/>
      <c r="H42659" s="16"/>
      <c r="I42659" s="16"/>
      <c r="J42659" s="16"/>
    </row>
    <row r="42660" spans="7:10">
      <c r="G42660" s="16"/>
      <c r="H42660" s="16"/>
      <c r="I42660" s="16"/>
      <c r="J42660" s="16"/>
    </row>
    <row r="42661" spans="7:10">
      <c r="G42661" s="16"/>
      <c r="H42661" s="16"/>
      <c r="I42661" s="16"/>
      <c r="J42661" s="16"/>
    </row>
    <row r="42662" spans="7:10">
      <c r="G42662" s="16"/>
      <c r="H42662" s="16"/>
      <c r="I42662" s="16"/>
      <c r="J42662" s="16"/>
    </row>
    <row r="42663" spans="7:10">
      <c r="G42663" s="16"/>
      <c r="H42663" s="16"/>
      <c r="I42663" s="16"/>
      <c r="J42663" s="16"/>
    </row>
    <row r="42664" spans="7:10">
      <c r="G42664" s="16"/>
      <c r="H42664" s="16"/>
      <c r="I42664" s="16"/>
      <c r="J42664" s="16"/>
    </row>
    <row r="42665" spans="7:10">
      <c r="G42665" s="16"/>
      <c r="H42665" s="16"/>
      <c r="I42665" s="16"/>
      <c r="J42665" s="16"/>
    </row>
    <row r="42666" spans="7:10">
      <c r="G42666" s="16"/>
      <c r="H42666" s="16"/>
      <c r="I42666" s="16"/>
      <c r="J42666" s="16"/>
    </row>
    <row r="42667" spans="7:10">
      <c r="G42667" s="16"/>
      <c r="H42667" s="16"/>
      <c r="I42667" s="16"/>
      <c r="J42667" s="16"/>
    </row>
    <row r="42668" spans="7:10">
      <c r="G42668" s="16"/>
      <c r="H42668" s="16"/>
      <c r="I42668" s="16"/>
      <c r="J42668" s="16"/>
    </row>
    <row r="42669" spans="7:10">
      <c r="G42669" s="16"/>
      <c r="H42669" s="16"/>
      <c r="I42669" s="16"/>
      <c r="J42669" s="16"/>
    </row>
    <row r="42670" spans="7:10">
      <c r="G42670" s="16"/>
      <c r="H42670" s="16"/>
      <c r="I42670" s="16"/>
      <c r="J42670" s="16"/>
    </row>
    <row r="42671" spans="7:10">
      <c r="G42671" s="16"/>
      <c r="H42671" s="16"/>
      <c r="I42671" s="16"/>
      <c r="J42671" s="16"/>
    </row>
    <row r="42672" spans="7:10">
      <c r="G42672" s="16"/>
      <c r="H42672" s="16"/>
      <c r="I42672" s="16"/>
      <c r="J42672" s="16"/>
    </row>
    <row r="42673" spans="7:10">
      <c r="G42673" s="16"/>
      <c r="H42673" s="16"/>
      <c r="I42673" s="16"/>
      <c r="J42673" s="16"/>
    </row>
    <row r="42674" spans="7:10">
      <c r="G42674" s="16"/>
      <c r="H42674" s="16"/>
      <c r="I42674" s="16"/>
      <c r="J42674" s="16"/>
    </row>
    <row r="42675" spans="7:10">
      <c r="G42675" s="16"/>
      <c r="H42675" s="16"/>
      <c r="I42675" s="16"/>
      <c r="J42675" s="16"/>
    </row>
    <row r="42676" spans="7:10">
      <c r="G42676" s="16"/>
      <c r="H42676" s="16"/>
      <c r="I42676" s="16"/>
      <c r="J42676" s="16"/>
    </row>
    <row r="42677" spans="7:10">
      <c r="G42677" s="16"/>
      <c r="H42677" s="16"/>
      <c r="I42677" s="16"/>
      <c r="J42677" s="16"/>
    </row>
    <row r="42678" spans="7:10">
      <c r="G42678" s="16"/>
      <c r="H42678" s="16"/>
      <c r="I42678" s="16"/>
      <c r="J42678" s="16"/>
    </row>
    <row r="42679" spans="7:10">
      <c r="G42679" s="16"/>
      <c r="H42679" s="16"/>
      <c r="I42679" s="16"/>
      <c r="J42679" s="16"/>
    </row>
    <row r="42680" spans="7:10">
      <c r="G42680" s="16"/>
      <c r="H42680" s="16"/>
      <c r="I42680" s="16"/>
      <c r="J42680" s="16"/>
    </row>
    <row r="42681" spans="7:10">
      <c r="G42681" s="16"/>
      <c r="H42681" s="16"/>
      <c r="I42681" s="16"/>
      <c r="J42681" s="16"/>
    </row>
    <row r="42682" spans="7:10">
      <c r="G42682" s="16"/>
      <c r="H42682" s="16"/>
      <c r="I42682" s="16"/>
      <c r="J42682" s="16"/>
    </row>
    <row r="42683" spans="7:10">
      <c r="G42683" s="16"/>
      <c r="H42683" s="16"/>
      <c r="I42683" s="16"/>
      <c r="J42683" s="16"/>
    </row>
    <row r="42684" spans="7:10">
      <c r="G42684" s="16"/>
      <c r="H42684" s="16"/>
      <c r="I42684" s="16"/>
      <c r="J42684" s="16"/>
    </row>
    <row r="42685" spans="7:10">
      <c r="G42685" s="16"/>
      <c r="H42685" s="16"/>
      <c r="I42685" s="16"/>
      <c r="J42685" s="16"/>
    </row>
    <row r="42686" spans="7:10">
      <c r="G42686" s="16"/>
      <c r="H42686" s="16"/>
      <c r="I42686" s="16"/>
      <c r="J42686" s="16"/>
    </row>
    <row r="42687" spans="7:10">
      <c r="G42687" s="16"/>
      <c r="H42687" s="16"/>
      <c r="I42687" s="16"/>
      <c r="J42687" s="16"/>
    </row>
    <row r="42688" spans="7:10">
      <c r="G42688" s="16"/>
      <c r="H42688" s="16"/>
      <c r="I42688" s="16"/>
      <c r="J42688" s="16"/>
    </row>
    <row r="42689" spans="7:10">
      <c r="G42689" s="16"/>
      <c r="H42689" s="16"/>
      <c r="I42689" s="16"/>
      <c r="J42689" s="16"/>
    </row>
    <row r="42690" spans="7:10">
      <c r="G42690" s="16"/>
      <c r="H42690" s="16"/>
      <c r="I42690" s="16"/>
      <c r="J42690" s="16"/>
    </row>
    <row r="42691" spans="7:10">
      <c r="G42691" s="16"/>
      <c r="H42691" s="16"/>
      <c r="I42691" s="16"/>
      <c r="J42691" s="16"/>
    </row>
    <row r="42692" spans="7:10">
      <c r="G42692" s="16"/>
      <c r="H42692" s="16"/>
      <c r="I42692" s="16"/>
      <c r="J42692" s="16"/>
    </row>
    <row r="42693" spans="7:10">
      <c r="G42693" s="16"/>
      <c r="H42693" s="16"/>
      <c r="I42693" s="16"/>
      <c r="J42693" s="16"/>
    </row>
    <row r="42694" spans="7:10">
      <c r="G42694" s="16"/>
      <c r="H42694" s="16"/>
      <c r="I42694" s="16"/>
      <c r="J42694" s="16"/>
    </row>
    <row r="42695" spans="7:10">
      <c r="G42695" s="16"/>
      <c r="H42695" s="16"/>
      <c r="I42695" s="16"/>
      <c r="J42695" s="16"/>
    </row>
    <row r="42696" spans="7:10">
      <c r="G42696" s="16"/>
      <c r="H42696" s="16"/>
      <c r="I42696" s="16"/>
      <c r="J42696" s="16"/>
    </row>
    <row r="42697" spans="7:10">
      <c r="G42697" s="16"/>
      <c r="H42697" s="16"/>
      <c r="I42697" s="16"/>
      <c r="J42697" s="16"/>
    </row>
    <row r="42698" spans="7:10">
      <c r="G42698" s="16"/>
      <c r="H42698" s="16"/>
      <c r="I42698" s="16"/>
      <c r="J42698" s="16"/>
    </row>
    <row r="42699" spans="7:10">
      <c r="G42699" s="16"/>
      <c r="H42699" s="16"/>
      <c r="I42699" s="16"/>
      <c r="J42699" s="16"/>
    </row>
    <row r="42700" spans="7:10">
      <c r="G42700" s="16"/>
      <c r="H42700" s="16"/>
      <c r="I42700" s="16"/>
      <c r="J42700" s="16"/>
    </row>
    <row r="42701" spans="7:10">
      <c r="G42701" s="16"/>
      <c r="H42701" s="16"/>
      <c r="I42701" s="16"/>
      <c r="J42701" s="16"/>
    </row>
    <row r="42702" spans="7:10">
      <c r="G42702" s="16"/>
      <c r="H42702" s="16"/>
      <c r="I42702" s="16"/>
      <c r="J42702" s="16"/>
    </row>
    <row r="42703" spans="7:10">
      <c r="G42703" s="16"/>
      <c r="H42703" s="16"/>
      <c r="I42703" s="16"/>
      <c r="J42703" s="16"/>
    </row>
    <row r="42704" spans="7:10">
      <c r="G42704" s="16"/>
      <c r="H42704" s="16"/>
      <c r="I42704" s="16"/>
      <c r="J42704" s="16"/>
    </row>
    <row r="42705" spans="7:10">
      <c r="G42705" s="16"/>
      <c r="H42705" s="16"/>
      <c r="I42705" s="16"/>
      <c r="J42705" s="16"/>
    </row>
    <row r="42706" spans="7:10">
      <c r="G42706" s="16"/>
      <c r="H42706" s="16"/>
      <c r="I42706" s="16"/>
      <c r="J42706" s="16"/>
    </row>
    <row r="42707" spans="7:10">
      <c r="G42707" s="16"/>
      <c r="H42707" s="16"/>
      <c r="I42707" s="16"/>
      <c r="J42707" s="16"/>
    </row>
    <row r="42708" spans="7:10">
      <c r="G42708" s="16"/>
      <c r="H42708" s="16"/>
      <c r="I42708" s="16"/>
      <c r="J42708" s="16"/>
    </row>
    <row r="42709" spans="7:10">
      <c r="G42709" s="16"/>
      <c r="H42709" s="16"/>
      <c r="I42709" s="16"/>
      <c r="J42709" s="16"/>
    </row>
    <row r="42710" spans="7:10">
      <c r="G42710" s="16"/>
      <c r="H42710" s="16"/>
      <c r="I42710" s="16"/>
      <c r="J42710" s="16"/>
    </row>
    <row r="42711" spans="7:10">
      <c r="G42711" s="16"/>
      <c r="H42711" s="16"/>
      <c r="I42711" s="16"/>
      <c r="J42711" s="16"/>
    </row>
    <row r="42712" spans="7:10">
      <c r="G42712" s="16"/>
      <c r="H42712" s="16"/>
      <c r="I42712" s="16"/>
      <c r="J42712" s="16"/>
    </row>
    <row r="42713" spans="7:10">
      <c r="G42713" s="16"/>
      <c r="H42713" s="16"/>
      <c r="I42713" s="16"/>
      <c r="J42713" s="16"/>
    </row>
    <row r="42714" spans="7:10">
      <c r="G42714" s="16"/>
      <c r="H42714" s="16"/>
      <c r="I42714" s="16"/>
      <c r="J42714" s="16"/>
    </row>
    <row r="42715" spans="7:10">
      <c r="G42715" s="16"/>
      <c r="H42715" s="16"/>
      <c r="I42715" s="16"/>
      <c r="J42715" s="16"/>
    </row>
    <row r="42716" spans="7:10">
      <c r="G42716" s="16"/>
      <c r="H42716" s="16"/>
      <c r="I42716" s="16"/>
      <c r="J42716" s="16"/>
    </row>
    <row r="42717" spans="7:10">
      <c r="G42717" s="16"/>
      <c r="H42717" s="16"/>
      <c r="I42717" s="16"/>
      <c r="J42717" s="16"/>
    </row>
    <row r="42718" spans="7:10">
      <c r="G42718" s="16"/>
      <c r="H42718" s="16"/>
      <c r="I42718" s="16"/>
      <c r="J42718" s="16"/>
    </row>
    <row r="42719" spans="7:10">
      <c r="G42719" s="16"/>
      <c r="H42719" s="16"/>
      <c r="I42719" s="16"/>
      <c r="J42719" s="16"/>
    </row>
    <row r="42720" spans="7:10">
      <c r="G42720" s="16"/>
      <c r="H42720" s="16"/>
      <c r="I42720" s="16"/>
      <c r="J42720" s="16"/>
    </row>
    <row r="42721" spans="7:10">
      <c r="G42721" s="16"/>
      <c r="H42721" s="16"/>
      <c r="I42721" s="16"/>
      <c r="J42721" s="16"/>
    </row>
    <row r="42722" spans="7:10">
      <c r="G42722" s="16"/>
      <c r="H42722" s="16"/>
      <c r="I42722" s="16"/>
      <c r="J42722" s="16"/>
    </row>
    <row r="42723" spans="7:10">
      <c r="G42723" s="16"/>
      <c r="H42723" s="16"/>
      <c r="I42723" s="16"/>
      <c r="J42723" s="16"/>
    </row>
    <row r="42724" spans="7:10">
      <c r="G42724" s="16"/>
      <c r="H42724" s="16"/>
      <c r="I42724" s="16"/>
      <c r="J42724" s="16"/>
    </row>
    <row r="42725" spans="7:10">
      <c r="G42725" s="16"/>
      <c r="H42725" s="16"/>
      <c r="I42725" s="16"/>
      <c r="J42725" s="16"/>
    </row>
    <row r="42726" spans="7:10">
      <c r="G42726" s="16"/>
      <c r="H42726" s="16"/>
      <c r="I42726" s="16"/>
      <c r="J42726" s="16"/>
    </row>
    <row r="42727" spans="7:10">
      <c r="G42727" s="16"/>
      <c r="H42727" s="16"/>
      <c r="I42727" s="16"/>
      <c r="J42727" s="16"/>
    </row>
    <row r="42728" spans="7:10">
      <c r="G42728" s="16"/>
      <c r="H42728" s="16"/>
      <c r="I42728" s="16"/>
      <c r="J42728" s="16"/>
    </row>
    <row r="42729" spans="7:10">
      <c r="G42729" s="16"/>
      <c r="H42729" s="16"/>
      <c r="I42729" s="16"/>
      <c r="J42729" s="16"/>
    </row>
    <row r="42730" spans="7:10">
      <c r="G42730" s="16"/>
      <c r="H42730" s="16"/>
      <c r="I42730" s="16"/>
      <c r="J42730" s="16"/>
    </row>
    <row r="42731" spans="7:10">
      <c r="G42731" s="16"/>
      <c r="H42731" s="16"/>
      <c r="I42731" s="16"/>
      <c r="J42731" s="16"/>
    </row>
    <row r="42732" spans="7:10">
      <c r="G42732" s="16"/>
      <c r="H42732" s="16"/>
      <c r="I42732" s="16"/>
      <c r="J42732" s="16"/>
    </row>
    <row r="42733" spans="7:10">
      <c r="G42733" s="16"/>
      <c r="H42733" s="16"/>
      <c r="I42733" s="16"/>
      <c r="J42733" s="16"/>
    </row>
    <row r="42734" spans="7:10">
      <c r="G42734" s="16"/>
      <c r="H42734" s="16"/>
      <c r="I42734" s="16"/>
      <c r="J42734" s="16"/>
    </row>
    <row r="42735" spans="7:10">
      <c r="G42735" s="16"/>
      <c r="H42735" s="16"/>
      <c r="I42735" s="16"/>
      <c r="J42735" s="16"/>
    </row>
    <row r="42736" spans="7:10">
      <c r="G42736" s="16"/>
      <c r="H42736" s="16"/>
      <c r="I42736" s="16"/>
      <c r="J42736" s="16"/>
    </row>
    <row r="42737" spans="7:10">
      <c r="G42737" s="16"/>
      <c r="H42737" s="16"/>
      <c r="I42737" s="16"/>
      <c r="J42737" s="16"/>
    </row>
    <row r="42738" spans="7:10">
      <c r="G42738" s="16"/>
      <c r="H42738" s="16"/>
      <c r="I42738" s="16"/>
      <c r="J42738" s="16"/>
    </row>
    <row r="42739" spans="7:10">
      <c r="G42739" s="16"/>
      <c r="H42739" s="16"/>
      <c r="I42739" s="16"/>
      <c r="J42739" s="16"/>
    </row>
    <row r="42740" spans="7:10">
      <c r="G42740" s="16"/>
      <c r="H42740" s="16"/>
      <c r="I42740" s="16"/>
      <c r="J42740" s="16"/>
    </row>
    <row r="42741" spans="7:10">
      <c r="G42741" s="16"/>
      <c r="H42741" s="16"/>
      <c r="I42741" s="16"/>
      <c r="J42741" s="16"/>
    </row>
    <row r="42742" spans="7:10">
      <c r="G42742" s="16"/>
      <c r="H42742" s="16"/>
      <c r="I42742" s="16"/>
      <c r="J42742" s="16"/>
    </row>
    <row r="42743" spans="7:10">
      <c r="G42743" s="16"/>
      <c r="H42743" s="16"/>
      <c r="I42743" s="16"/>
      <c r="J42743" s="16"/>
    </row>
    <row r="42744" spans="7:10">
      <c r="G42744" s="16"/>
      <c r="H42744" s="16"/>
      <c r="I42744" s="16"/>
      <c r="J42744" s="16"/>
    </row>
    <row r="42745" spans="7:10">
      <c r="G42745" s="16"/>
      <c r="H42745" s="16"/>
      <c r="I42745" s="16"/>
      <c r="J42745" s="16"/>
    </row>
    <row r="42746" spans="7:10">
      <c r="G42746" s="16"/>
      <c r="H42746" s="16"/>
      <c r="I42746" s="16"/>
      <c r="J42746" s="16"/>
    </row>
    <row r="42747" spans="7:10">
      <c r="G42747" s="16"/>
      <c r="H42747" s="16"/>
      <c r="I42747" s="16"/>
      <c r="J42747" s="16"/>
    </row>
    <row r="42748" spans="7:10">
      <c r="G42748" s="16"/>
      <c r="H42748" s="16"/>
      <c r="I42748" s="16"/>
      <c r="J42748" s="16"/>
    </row>
    <row r="42749" spans="7:10">
      <c r="G42749" s="16"/>
      <c r="H42749" s="16"/>
      <c r="I42749" s="16"/>
      <c r="J42749" s="16"/>
    </row>
    <row r="42750" spans="7:10">
      <c r="G42750" s="16"/>
      <c r="H42750" s="16"/>
      <c r="I42750" s="16"/>
      <c r="J42750" s="16"/>
    </row>
    <row r="42751" spans="7:10">
      <c r="G42751" s="16"/>
      <c r="H42751" s="16"/>
      <c r="I42751" s="16"/>
      <c r="J42751" s="16"/>
    </row>
    <row r="42752" spans="7:10">
      <c r="G42752" s="16"/>
      <c r="H42752" s="16"/>
      <c r="I42752" s="16"/>
      <c r="J42752" s="16"/>
    </row>
    <row r="42753" spans="7:10">
      <c r="G42753" s="16"/>
      <c r="H42753" s="16"/>
      <c r="I42753" s="16"/>
      <c r="J42753" s="16"/>
    </row>
    <row r="42754" spans="7:10">
      <c r="G42754" s="16"/>
      <c r="H42754" s="16"/>
      <c r="I42754" s="16"/>
      <c r="J42754" s="16"/>
    </row>
    <row r="42755" spans="7:10">
      <c r="G42755" s="16"/>
      <c r="H42755" s="16"/>
      <c r="I42755" s="16"/>
      <c r="J42755" s="16"/>
    </row>
    <row r="42756" spans="7:10">
      <c r="G42756" s="16"/>
      <c r="H42756" s="16"/>
      <c r="I42756" s="16"/>
      <c r="J42756" s="16"/>
    </row>
    <row r="42757" spans="7:10">
      <c r="G42757" s="16"/>
      <c r="H42757" s="16"/>
      <c r="I42757" s="16"/>
      <c r="J42757" s="16"/>
    </row>
    <row r="42758" spans="7:10">
      <c r="G42758" s="16"/>
      <c r="H42758" s="16"/>
      <c r="I42758" s="16"/>
      <c r="J42758" s="16"/>
    </row>
    <row r="42759" spans="7:10">
      <c r="G42759" s="16"/>
      <c r="H42759" s="16"/>
      <c r="I42759" s="16"/>
      <c r="J42759" s="16"/>
    </row>
    <row r="42760" spans="7:10">
      <c r="G42760" s="16"/>
      <c r="H42760" s="16"/>
      <c r="I42760" s="16"/>
      <c r="J42760" s="16"/>
    </row>
    <row r="42761" spans="7:10">
      <c r="G42761" s="16"/>
      <c r="H42761" s="16"/>
      <c r="I42761" s="16"/>
      <c r="J42761" s="16"/>
    </row>
    <row r="42762" spans="7:10">
      <c r="G42762" s="16"/>
      <c r="H42762" s="16"/>
      <c r="I42762" s="16"/>
      <c r="J42762" s="16"/>
    </row>
    <row r="42763" spans="7:10">
      <c r="G42763" s="16"/>
      <c r="H42763" s="16"/>
      <c r="I42763" s="16"/>
      <c r="J42763" s="16"/>
    </row>
    <row r="42764" spans="7:10">
      <c r="G42764" s="16"/>
      <c r="H42764" s="16"/>
      <c r="I42764" s="16"/>
      <c r="J42764" s="16"/>
    </row>
    <row r="42765" spans="7:10">
      <c r="G42765" s="16"/>
      <c r="H42765" s="16"/>
      <c r="I42765" s="16"/>
      <c r="J42765" s="16"/>
    </row>
    <row r="42766" spans="7:10">
      <c r="G42766" s="16"/>
      <c r="H42766" s="16"/>
      <c r="I42766" s="16"/>
      <c r="J42766" s="16"/>
    </row>
    <row r="42767" spans="7:10">
      <c r="G42767" s="16"/>
      <c r="H42767" s="16"/>
      <c r="I42767" s="16"/>
      <c r="J42767" s="16"/>
    </row>
    <row r="42768" spans="7:10">
      <c r="G42768" s="16"/>
      <c r="H42768" s="16"/>
      <c r="I42768" s="16"/>
      <c r="J42768" s="16"/>
    </row>
    <row r="42769" spans="7:10">
      <c r="G42769" s="16"/>
      <c r="H42769" s="16"/>
      <c r="I42769" s="16"/>
      <c r="J42769" s="16"/>
    </row>
    <row r="42770" spans="7:10">
      <c r="G42770" s="16"/>
      <c r="H42770" s="16"/>
      <c r="I42770" s="16"/>
      <c r="J42770" s="16"/>
    </row>
    <row r="42771" spans="7:10">
      <c r="G42771" s="16"/>
      <c r="H42771" s="16"/>
      <c r="I42771" s="16"/>
      <c r="J42771" s="16"/>
    </row>
    <row r="42772" spans="7:10">
      <c r="G42772" s="16"/>
      <c r="H42772" s="16"/>
      <c r="I42772" s="16"/>
      <c r="J42772" s="16"/>
    </row>
    <row r="42773" spans="7:10">
      <c r="G42773" s="16"/>
      <c r="H42773" s="16"/>
      <c r="I42773" s="16"/>
      <c r="J42773" s="16"/>
    </row>
    <row r="42774" spans="7:10">
      <c r="G42774" s="16"/>
      <c r="H42774" s="16"/>
      <c r="I42774" s="16"/>
      <c r="J42774" s="16"/>
    </row>
    <row r="42775" spans="7:10">
      <c r="G42775" s="16"/>
      <c r="H42775" s="16"/>
      <c r="I42775" s="16"/>
      <c r="J42775" s="16"/>
    </row>
    <row r="42776" spans="7:10">
      <c r="G42776" s="16"/>
      <c r="H42776" s="16"/>
      <c r="I42776" s="16"/>
      <c r="J42776" s="16"/>
    </row>
    <row r="42777" spans="7:10">
      <c r="G42777" s="16"/>
      <c r="H42777" s="16"/>
      <c r="I42777" s="16"/>
      <c r="J42777" s="16"/>
    </row>
    <row r="42778" spans="7:10">
      <c r="G42778" s="16"/>
      <c r="H42778" s="16"/>
      <c r="I42778" s="16"/>
      <c r="J42778" s="16"/>
    </row>
    <row r="42779" spans="7:10">
      <c r="G42779" s="16"/>
      <c r="H42779" s="16"/>
      <c r="I42779" s="16"/>
      <c r="J42779" s="16"/>
    </row>
    <row r="42780" spans="7:10">
      <c r="G42780" s="16"/>
      <c r="H42780" s="16"/>
      <c r="I42780" s="16"/>
      <c r="J42780" s="16"/>
    </row>
    <row r="42781" spans="7:10">
      <c r="G42781" s="16"/>
      <c r="H42781" s="16"/>
      <c r="I42781" s="16"/>
      <c r="J42781" s="16"/>
    </row>
    <row r="42782" spans="7:10">
      <c r="G42782" s="16"/>
      <c r="H42782" s="16"/>
      <c r="I42782" s="16"/>
      <c r="J42782" s="16"/>
    </row>
    <row r="42783" spans="7:10">
      <c r="G42783" s="16"/>
      <c r="H42783" s="16"/>
      <c r="I42783" s="16"/>
      <c r="J42783" s="16"/>
    </row>
    <row r="42784" spans="7:10">
      <c r="G42784" s="16"/>
      <c r="H42784" s="16"/>
      <c r="I42784" s="16"/>
      <c r="J42784" s="16"/>
    </row>
    <row r="42785" spans="7:10">
      <c r="G42785" s="16"/>
      <c r="H42785" s="16"/>
      <c r="I42785" s="16"/>
      <c r="J42785" s="16"/>
    </row>
    <row r="42786" spans="7:10">
      <c r="G42786" s="16"/>
      <c r="H42786" s="16"/>
      <c r="I42786" s="16"/>
      <c r="J42786" s="16"/>
    </row>
    <row r="42787" spans="7:10">
      <c r="G42787" s="16"/>
      <c r="H42787" s="16"/>
      <c r="I42787" s="16"/>
      <c r="J42787" s="16"/>
    </row>
    <row r="42788" spans="7:10">
      <c r="G42788" s="16"/>
      <c r="H42788" s="16"/>
      <c r="I42788" s="16"/>
      <c r="J42788" s="16"/>
    </row>
    <row r="42789" spans="7:10">
      <c r="G42789" s="16"/>
      <c r="H42789" s="16"/>
      <c r="I42789" s="16"/>
      <c r="J42789" s="16"/>
    </row>
    <row r="42790" spans="7:10">
      <c r="G42790" s="16"/>
      <c r="H42790" s="16"/>
      <c r="I42790" s="16"/>
      <c r="J42790" s="16"/>
    </row>
    <row r="42791" spans="7:10">
      <c r="G42791" s="16"/>
      <c r="H42791" s="16"/>
      <c r="I42791" s="16"/>
      <c r="J42791" s="16"/>
    </row>
    <row r="42792" spans="7:10">
      <c r="G42792" s="16"/>
      <c r="H42792" s="16"/>
      <c r="I42792" s="16"/>
      <c r="J42792" s="16"/>
    </row>
    <row r="42793" spans="7:10">
      <c r="G42793" s="16"/>
      <c r="H42793" s="16"/>
      <c r="I42793" s="16"/>
      <c r="J42793" s="16"/>
    </row>
    <row r="42794" spans="7:10">
      <c r="G42794" s="16"/>
      <c r="H42794" s="16"/>
      <c r="I42794" s="16"/>
      <c r="J42794" s="16"/>
    </row>
    <row r="42795" spans="7:10">
      <c r="G42795" s="16"/>
      <c r="H42795" s="16"/>
      <c r="I42795" s="16"/>
      <c r="J42795" s="16"/>
    </row>
    <row r="42796" spans="7:10">
      <c r="G42796" s="16"/>
      <c r="H42796" s="16"/>
      <c r="I42796" s="16"/>
      <c r="J42796" s="16"/>
    </row>
    <row r="42797" spans="7:10">
      <c r="G42797" s="16"/>
      <c r="H42797" s="16"/>
      <c r="I42797" s="16"/>
      <c r="J42797" s="16"/>
    </row>
    <row r="42798" spans="7:10">
      <c r="G42798" s="16"/>
      <c r="H42798" s="16"/>
      <c r="I42798" s="16"/>
      <c r="J42798" s="16"/>
    </row>
    <row r="42799" spans="7:10">
      <c r="G42799" s="16"/>
      <c r="H42799" s="16"/>
      <c r="I42799" s="16"/>
      <c r="J42799" s="16"/>
    </row>
    <row r="42800" spans="7:10">
      <c r="G42800" s="16"/>
      <c r="H42800" s="16"/>
      <c r="I42800" s="16"/>
      <c r="J42800" s="16"/>
    </row>
    <row r="42801" spans="7:10">
      <c r="G42801" s="16"/>
      <c r="H42801" s="16"/>
      <c r="I42801" s="16"/>
      <c r="J42801" s="16"/>
    </row>
    <row r="42802" spans="7:10">
      <c r="G42802" s="16"/>
      <c r="H42802" s="16"/>
      <c r="I42802" s="16"/>
      <c r="J42802" s="16"/>
    </row>
    <row r="42803" spans="7:10">
      <c r="G42803" s="16"/>
      <c r="H42803" s="16"/>
      <c r="I42803" s="16"/>
      <c r="J42803" s="16"/>
    </row>
    <row r="42804" spans="7:10">
      <c r="G42804" s="16"/>
      <c r="H42804" s="16"/>
      <c r="I42804" s="16"/>
      <c r="J42804" s="16"/>
    </row>
    <row r="42805" spans="7:10">
      <c r="G42805" s="16"/>
      <c r="H42805" s="16"/>
      <c r="I42805" s="16"/>
      <c r="J42805" s="16"/>
    </row>
    <row r="42806" spans="7:10">
      <c r="G42806" s="16"/>
      <c r="H42806" s="16"/>
      <c r="I42806" s="16"/>
      <c r="J42806" s="16"/>
    </row>
    <row r="42807" spans="7:10">
      <c r="G42807" s="16"/>
      <c r="H42807" s="16"/>
      <c r="I42807" s="16"/>
      <c r="J42807" s="16"/>
    </row>
    <row r="42808" spans="7:10">
      <c r="G42808" s="16"/>
      <c r="H42808" s="16"/>
      <c r="I42808" s="16"/>
      <c r="J42808" s="16"/>
    </row>
    <row r="42809" spans="7:10">
      <c r="G42809" s="16"/>
      <c r="H42809" s="16"/>
      <c r="I42809" s="16"/>
      <c r="J42809" s="16"/>
    </row>
    <row r="42810" spans="7:10">
      <c r="G42810" s="16"/>
      <c r="H42810" s="16"/>
      <c r="I42810" s="16"/>
      <c r="J42810" s="16"/>
    </row>
    <row r="42811" spans="7:10">
      <c r="G42811" s="16"/>
      <c r="H42811" s="16"/>
      <c r="I42811" s="16"/>
      <c r="J42811" s="16"/>
    </row>
    <row r="42812" spans="7:10">
      <c r="G42812" s="16"/>
      <c r="H42812" s="16"/>
      <c r="I42812" s="16"/>
      <c r="J42812" s="16"/>
    </row>
    <row r="42813" spans="7:10">
      <c r="G42813" s="16"/>
      <c r="H42813" s="16"/>
      <c r="I42813" s="16"/>
      <c r="J42813" s="16"/>
    </row>
    <row r="42814" spans="7:10">
      <c r="G42814" s="16"/>
      <c r="H42814" s="16"/>
      <c r="I42814" s="16"/>
      <c r="J42814" s="16"/>
    </row>
    <row r="42815" spans="7:10">
      <c r="G42815" s="16"/>
      <c r="H42815" s="16"/>
      <c r="I42815" s="16"/>
      <c r="J42815" s="16"/>
    </row>
    <row r="42816" spans="7:10">
      <c r="G42816" s="16"/>
      <c r="H42816" s="16"/>
      <c r="I42816" s="16"/>
      <c r="J42816" s="16"/>
    </row>
    <row r="42817" spans="7:10">
      <c r="G42817" s="16"/>
      <c r="H42817" s="16"/>
      <c r="I42817" s="16"/>
      <c r="J42817" s="16"/>
    </row>
    <row r="42818" spans="7:10">
      <c r="G42818" s="16"/>
      <c r="H42818" s="16"/>
      <c r="I42818" s="16"/>
      <c r="J42818" s="16"/>
    </row>
    <row r="42819" spans="7:10">
      <c r="G42819" s="16"/>
      <c r="H42819" s="16"/>
      <c r="I42819" s="16"/>
      <c r="J42819" s="16"/>
    </row>
    <row r="42820" spans="7:10">
      <c r="G42820" s="16"/>
      <c r="H42820" s="16"/>
      <c r="I42820" s="16"/>
      <c r="J42820" s="16"/>
    </row>
    <row r="42821" spans="7:10">
      <c r="G42821" s="16"/>
      <c r="H42821" s="16"/>
      <c r="I42821" s="16"/>
      <c r="J42821" s="16"/>
    </row>
    <row r="42822" spans="7:10">
      <c r="G42822" s="16"/>
      <c r="H42822" s="16"/>
      <c r="I42822" s="16"/>
      <c r="J42822" s="16"/>
    </row>
    <row r="42823" spans="7:10">
      <c r="G42823" s="16"/>
      <c r="H42823" s="16"/>
      <c r="I42823" s="16"/>
      <c r="J42823" s="16"/>
    </row>
    <row r="42824" spans="7:10">
      <c r="G42824" s="16"/>
      <c r="H42824" s="16"/>
      <c r="I42824" s="16"/>
      <c r="J42824" s="16"/>
    </row>
    <row r="42825" spans="7:10">
      <c r="G42825" s="16"/>
      <c r="H42825" s="16"/>
      <c r="I42825" s="16"/>
      <c r="J42825" s="16"/>
    </row>
    <row r="42826" spans="7:10">
      <c r="G42826" s="16"/>
      <c r="H42826" s="16"/>
      <c r="I42826" s="16"/>
      <c r="J42826" s="16"/>
    </row>
    <row r="42827" spans="7:10">
      <c r="G42827" s="16"/>
      <c r="H42827" s="16"/>
      <c r="I42827" s="16"/>
      <c r="J42827" s="16"/>
    </row>
    <row r="42828" spans="7:10">
      <c r="G42828" s="16"/>
      <c r="H42828" s="16"/>
      <c r="I42828" s="16"/>
      <c r="J42828" s="16"/>
    </row>
    <row r="42829" spans="7:10">
      <c r="G42829" s="16"/>
      <c r="H42829" s="16"/>
      <c r="I42829" s="16"/>
      <c r="J42829" s="16"/>
    </row>
    <row r="42830" spans="7:10">
      <c r="G42830" s="16"/>
      <c r="H42830" s="16"/>
      <c r="I42830" s="16"/>
      <c r="J42830" s="16"/>
    </row>
    <row r="42831" spans="7:10">
      <c r="G42831" s="16"/>
      <c r="H42831" s="16"/>
      <c r="I42831" s="16"/>
      <c r="J42831" s="16"/>
    </row>
    <row r="42832" spans="7:10">
      <c r="G42832" s="16"/>
      <c r="H42832" s="16"/>
      <c r="I42832" s="16"/>
      <c r="J42832" s="16"/>
    </row>
    <row r="42833" spans="7:10">
      <c r="G42833" s="16"/>
      <c r="H42833" s="16"/>
      <c r="I42833" s="16"/>
      <c r="J42833" s="16"/>
    </row>
    <row r="42834" spans="7:10">
      <c r="G42834" s="16"/>
      <c r="H42834" s="16"/>
      <c r="I42834" s="16"/>
      <c r="J42834" s="16"/>
    </row>
    <row r="42835" spans="7:10">
      <c r="G42835" s="16"/>
      <c r="H42835" s="16"/>
      <c r="I42835" s="16"/>
      <c r="J42835" s="16"/>
    </row>
    <row r="42836" spans="7:10">
      <c r="G42836" s="16"/>
      <c r="H42836" s="16"/>
      <c r="I42836" s="16"/>
      <c r="J42836" s="16"/>
    </row>
    <row r="42837" spans="7:10">
      <c r="G42837" s="16"/>
      <c r="H42837" s="16"/>
      <c r="I42837" s="16"/>
      <c r="J42837" s="16"/>
    </row>
    <row r="42838" spans="7:10">
      <c r="G42838" s="16"/>
      <c r="H42838" s="16"/>
      <c r="I42838" s="16"/>
      <c r="J42838" s="16"/>
    </row>
    <row r="42839" spans="7:10">
      <c r="G42839" s="16"/>
      <c r="H42839" s="16"/>
      <c r="I42839" s="16"/>
      <c r="J42839" s="16"/>
    </row>
    <row r="42840" spans="7:10">
      <c r="G42840" s="16"/>
      <c r="H42840" s="16"/>
      <c r="I42840" s="16"/>
      <c r="J42840" s="16"/>
    </row>
    <row r="42841" spans="7:10">
      <c r="G42841" s="16"/>
      <c r="H42841" s="16"/>
      <c r="I42841" s="16"/>
      <c r="J42841" s="16"/>
    </row>
    <row r="42842" spans="7:10">
      <c r="G42842" s="16"/>
      <c r="H42842" s="16"/>
      <c r="I42842" s="16"/>
      <c r="J42842" s="16"/>
    </row>
    <row r="42843" spans="7:10">
      <c r="G42843" s="16"/>
      <c r="H42843" s="16"/>
      <c r="I42843" s="16"/>
      <c r="J42843" s="16"/>
    </row>
    <row r="42844" spans="7:10">
      <c r="G42844" s="16"/>
      <c r="H42844" s="16"/>
      <c r="I42844" s="16"/>
      <c r="J42844" s="16"/>
    </row>
    <row r="42845" spans="7:10">
      <c r="G42845" s="16"/>
      <c r="H42845" s="16"/>
      <c r="I42845" s="16"/>
      <c r="J42845" s="16"/>
    </row>
    <row r="42846" spans="7:10">
      <c r="G42846" s="16"/>
      <c r="H42846" s="16"/>
      <c r="I42846" s="16"/>
      <c r="J42846" s="16"/>
    </row>
    <row r="42847" spans="7:10">
      <c r="G42847" s="16"/>
      <c r="H42847" s="16"/>
      <c r="I42847" s="16"/>
      <c r="J42847" s="16"/>
    </row>
    <row r="42848" spans="7:10">
      <c r="G42848" s="16"/>
      <c r="H42848" s="16"/>
      <c r="I42848" s="16"/>
      <c r="J42848" s="16"/>
    </row>
    <row r="42849" spans="7:10">
      <c r="G42849" s="16"/>
      <c r="H42849" s="16"/>
      <c r="I42849" s="16"/>
      <c r="J42849" s="16"/>
    </row>
    <row r="42850" spans="7:10">
      <c r="G42850" s="16"/>
      <c r="H42850" s="16"/>
      <c r="I42850" s="16"/>
      <c r="J42850" s="16"/>
    </row>
    <row r="42851" spans="7:10">
      <c r="G42851" s="16"/>
      <c r="H42851" s="16"/>
      <c r="I42851" s="16"/>
      <c r="J42851" s="16"/>
    </row>
    <row r="42852" spans="7:10">
      <c r="G42852" s="16"/>
      <c r="H42852" s="16"/>
      <c r="I42852" s="16"/>
      <c r="J42852" s="16"/>
    </row>
    <row r="42853" spans="7:10">
      <c r="G42853" s="16"/>
      <c r="H42853" s="16"/>
      <c r="I42853" s="16"/>
      <c r="J42853" s="16"/>
    </row>
    <row r="42854" spans="7:10">
      <c r="G42854" s="16"/>
      <c r="H42854" s="16"/>
      <c r="I42854" s="16"/>
      <c r="J42854" s="16"/>
    </row>
    <row r="42855" spans="7:10">
      <c r="G42855" s="16"/>
      <c r="H42855" s="16"/>
      <c r="I42855" s="16"/>
      <c r="J42855" s="16"/>
    </row>
    <row r="42856" spans="7:10">
      <c r="G42856" s="16"/>
      <c r="H42856" s="16"/>
      <c r="I42856" s="16"/>
      <c r="J42856" s="16"/>
    </row>
    <row r="42857" spans="7:10">
      <c r="G42857" s="16"/>
      <c r="H42857" s="16"/>
      <c r="I42857" s="16"/>
      <c r="J42857" s="16"/>
    </row>
    <row r="42858" spans="7:10">
      <c r="G42858" s="16"/>
      <c r="H42858" s="16"/>
      <c r="I42858" s="16"/>
      <c r="J42858" s="16"/>
    </row>
    <row r="42859" spans="7:10">
      <c r="G42859" s="16"/>
      <c r="H42859" s="16"/>
      <c r="I42859" s="16"/>
      <c r="J42859" s="16"/>
    </row>
    <row r="42860" spans="7:10">
      <c r="G42860" s="16"/>
      <c r="H42860" s="16"/>
      <c r="I42860" s="16"/>
      <c r="J42860" s="16"/>
    </row>
    <row r="42861" spans="7:10">
      <c r="G42861" s="16"/>
      <c r="H42861" s="16"/>
      <c r="I42861" s="16"/>
      <c r="J42861" s="16"/>
    </row>
    <row r="42862" spans="7:10">
      <c r="G42862" s="16"/>
      <c r="H42862" s="16"/>
      <c r="I42862" s="16"/>
      <c r="J42862" s="16"/>
    </row>
    <row r="42863" spans="7:10">
      <c r="G42863" s="16"/>
      <c r="H42863" s="16"/>
      <c r="I42863" s="16"/>
      <c r="J42863" s="16"/>
    </row>
    <row r="42864" spans="7:10">
      <c r="G42864" s="16"/>
      <c r="H42864" s="16"/>
      <c r="I42864" s="16"/>
      <c r="J42864" s="16"/>
    </row>
    <row r="42865" spans="7:10">
      <c r="G42865" s="16"/>
      <c r="H42865" s="16"/>
      <c r="I42865" s="16"/>
      <c r="J42865" s="16"/>
    </row>
    <row r="42866" spans="7:10">
      <c r="G42866" s="16"/>
      <c r="H42866" s="16"/>
      <c r="I42866" s="16"/>
      <c r="J42866" s="16"/>
    </row>
    <row r="42867" spans="7:10">
      <c r="G42867" s="16"/>
      <c r="H42867" s="16"/>
      <c r="I42867" s="16"/>
      <c r="J42867" s="16"/>
    </row>
    <row r="42868" spans="7:10">
      <c r="G42868" s="16"/>
      <c r="H42868" s="16"/>
      <c r="I42868" s="16"/>
      <c r="J42868" s="16"/>
    </row>
    <row r="42869" spans="7:10">
      <c r="G42869" s="16"/>
      <c r="H42869" s="16"/>
      <c r="I42869" s="16"/>
      <c r="J42869" s="16"/>
    </row>
    <row r="42870" spans="7:10">
      <c r="G42870" s="16"/>
      <c r="H42870" s="16"/>
      <c r="I42870" s="16"/>
      <c r="J42870" s="16"/>
    </row>
    <row r="42871" spans="7:10">
      <c r="G42871" s="16"/>
      <c r="H42871" s="16"/>
      <c r="I42871" s="16"/>
      <c r="J42871" s="16"/>
    </row>
    <row r="42872" spans="7:10">
      <c r="G42872" s="16"/>
      <c r="H42872" s="16"/>
      <c r="I42872" s="16"/>
      <c r="J42872" s="16"/>
    </row>
    <row r="42873" spans="7:10">
      <c r="G42873" s="16"/>
      <c r="H42873" s="16"/>
      <c r="I42873" s="16"/>
      <c r="J42873" s="16"/>
    </row>
    <row r="42874" spans="7:10">
      <c r="G42874" s="16"/>
      <c r="H42874" s="16"/>
      <c r="I42874" s="16"/>
      <c r="J42874" s="16"/>
    </row>
    <row r="42875" spans="7:10">
      <c r="G42875" s="16"/>
      <c r="H42875" s="16"/>
      <c r="I42875" s="16"/>
      <c r="J42875" s="16"/>
    </row>
    <row r="42876" spans="7:10">
      <c r="G42876" s="16"/>
      <c r="H42876" s="16"/>
      <c r="I42876" s="16"/>
      <c r="J42876" s="16"/>
    </row>
    <row r="42877" spans="7:10">
      <c r="G42877" s="16"/>
      <c r="H42877" s="16"/>
      <c r="I42877" s="16"/>
      <c r="J42877" s="16"/>
    </row>
    <row r="42878" spans="7:10">
      <c r="G42878" s="16"/>
      <c r="H42878" s="16"/>
      <c r="I42878" s="16"/>
      <c r="J42878" s="16"/>
    </row>
    <row r="42879" spans="7:10">
      <c r="G42879" s="16"/>
      <c r="H42879" s="16"/>
      <c r="I42879" s="16"/>
      <c r="J42879" s="16"/>
    </row>
    <row r="42880" spans="7:10">
      <c r="G42880" s="16"/>
      <c r="H42880" s="16"/>
      <c r="I42880" s="16"/>
      <c r="J42880" s="16"/>
    </row>
    <row r="42881" spans="7:10">
      <c r="G42881" s="16"/>
      <c r="H42881" s="16"/>
      <c r="I42881" s="16"/>
      <c r="J42881" s="16"/>
    </row>
    <row r="42882" spans="7:10">
      <c r="G42882" s="16"/>
      <c r="H42882" s="16"/>
      <c r="I42882" s="16"/>
      <c r="J42882" s="16"/>
    </row>
    <row r="42883" spans="7:10">
      <c r="G42883" s="16"/>
      <c r="H42883" s="16"/>
      <c r="I42883" s="16"/>
      <c r="J42883" s="16"/>
    </row>
    <row r="42884" spans="7:10">
      <c r="G42884" s="16"/>
      <c r="H42884" s="16"/>
      <c r="I42884" s="16"/>
      <c r="J42884" s="16"/>
    </row>
    <row r="42885" spans="7:10">
      <c r="G42885" s="16"/>
      <c r="H42885" s="16"/>
      <c r="I42885" s="16"/>
      <c r="J42885" s="16"/>
    </row>
    <row r="42886" spans="7:10">
      <c r="G42886" s="16"/>
      <c r="H42886" s="16"/>
      <c r="I42886" s="16"/>
      <c r="J42886" s="16"/>
    </row>
    <row r="42887" spans="7:10">
      <c r="G42887" s="16"/>
      <c r="H42887" s="16"/>
      <c r="I42887" s="16"/>
      <c r="J42887" s="16"/>
    </row>
    <row r="42888" spans="7:10">
      <c r="G42888" s="16"/>
      <c r="H42888" s="16"/>
      <c r="I42888" s="16"/>
      <c r="J42888" s="16"/>
    </row>
    <row r="42889" spans="7:10">
      <c r="G42889" s="16"/>
      <c r="H42889" s="16"/>
      <c r="I42889" s="16"/>
      <c r="J42889" s="16"/>
    </row>
    <row r="42890" spans="7:10">
      <c r="G42890" s="16"/>
      <c r="H42890" s="16"/>
      <c r="I42890" s="16"/>
      <c r="J42890" s="16"/>
    </row>
    <row r="42891" spans="7:10">
      <c r="G42891" s="16"/>
      <c r="H42891" s="16"/>
      <c r="I42891" s="16"/>
      <c r="J42891" s="16"/>
    </row>
    <row r="42892" spans="7:10">
      <c r="G42892" s="16"/>
      <c r="H42892" s="16"/>
      <c r="I42892" s="16"/>
      <c r="J42892" s="16"/>
    </row>
    <row r="42893" spans="7:10">
      <c r="G42893" s="16"/>
      <c r="H42893" s="16"/>
      <c r="I42893" s="16"/>
      <c r="J42893" s="16"/>
    </row>
    <row r="42894" spans="7:10">
      <c r="G42894" s="16"/>
      <c r="H42894" s="16"/>
      <c r="I42894" s="16"/>
      <c r="J42894" s="16"/>
    </row>
    <row r="42895" spans="7:10">
      <c r="G42895" s="16"/>
      <c r="H42895" s="16"/>
      <c r="I42895" s="16"/>
      <c r="J42895" s="16"/>
    </row>
    <row r="42896" spans="7:10">
      <c r="G42896" s="16"/>
      <c r="H42896" s="16"/>
      <c r="I42896" s="16"/>
      <c r="J42896" s="16"/>
    </row>
    <row r="42897" spans="7:10">
      <c r="G42897" s="16"/>
      <c r="H42897" s="16"/>
      <c r="I42897" s="16"/>
      <c r="J42897" s="16"/>
    </row>
    <row r="42898" spans="7:10">
      <c r="G42898" s="16"/>
      <c r="H42898" s="16"/>
      <c r="I42898" s="16"/>
      <c r="J42898" s="16"/>
    </row>
    <row r="42899" spans="7:10">
      <c r="G42899" s="16"/>
      <c r="H42899" s="16"/>
      <c r="I42899" s="16"/>
      <c r="J42899" s="16"/>
    </row>
    <row r="42900" spans="7:10">
      <c r="G42900" s="16"/>
      <c r="H42900" s="16"/>
      <c r="I42900" s="16"/>
      <c r="J42900" s="16"/>
    </row>
    <row r="42901" spans="7:10">
      <c r="G42901" s="16"/>
      <c r="H42901" s="16"/>
      <c r="I42901" s="16"/>
      <c r="J42901" s="16"/>
    </row>
    <row r="42902" spans="7:10">
      <c r="G42902" s="16"/>
      <c r="H42902" s="16"/>
      <c r="I42902" s="16"/>
      <c r="J42902" s="16"/>
    </row>
    <row r="42903" spans="7:10">
      <c r="G42903" s="16"/>
      <c r="H42903" s="16"/>
      <c r="I42903" s="16"/>
      <c r="J42903" s="16"/>
    </row>
    <row r="42904" spans="7:10">
      <c r="G42904" s="16"/>
      <c r="H42904" s="16"/>
      <c r="I42904" s="16"/>
      <c r="J42904" s="16"/>
    </row>
    <row r="42905" spans="7:10">
      <c r="G42905" s="16"/>
      <c r="H42905" s="16"/>
      <c r="I42905" s="16"/>
      <c r="J42905" s="16"/>
    </row>
    <row r="42906" spans="7:10">
      <c r="G42906" s="16"/>
      <c r="H42906" s="16"/>
      <c r="I42906" s="16"/>
      <c r="J42906" s="16"/>
    </row>
    <row r="42907" spans="7:10">
      <c r="G42907" s="16"/>
      <c r="H42907" s="16"/>
      <c r="I42907" s="16"/>
      <c r="J42907" s="16"/>
    </row>
    <row r="42908" spans="7:10">
      <c r="G42908" s="16"/>
      <c r="H42908" s="16"/>
      <c r="I42908" s="16"/>
      <c r="J42908" s="16"/>
    </row>
    <row r="42909" spans="7:10">
      <c r="G42909" s="16"/>
      <c r="H42909" s="16"/>
      <c r="I42909" s="16"/>
      <c r="J42909" s="16"/>
    </row>
    <row r="42910" spans="7:10">
      <c r="G42910" s="16"/>
      <c r="H42910" s="16"/>
      <c r="I42910" s="16"/>
      <c r="J42910" s="16"/>
    </row>
    <row r="42911" spans="7:10">
      <c r="G42911" s="16"/>
      <c r="H42911" s="16"/>
      <c r="I42911" s="16"/>
      <c r="J42911" s="16"/>
    </row>
    <row r="42912" spans="7:10">
      <c r="G42912" s="16"/>
      <c r="H42912" s="16"/>
      <c r="I42912" s="16"/>
      <c r="J42912" s="16"/>
    </row>
    <row r="42913" spans="7:10">
      <c r="G42913" s="16"/>
      <c r="H42913" s="16"/>
      <c r="I42913" s="16"/>
      <c r="J42913" s="16"/>
    </row>
    <row r="42914" spans="7:10">
      <c r="G42914" s="16"/>
      <c r="H42914" s="16"/>
      <c r="I42914" s="16"/>
      <c r="J42914" s="16"/>
    </row>
    <row r="42915" spans="7:10">
      <c r="G42915" s="16"/>
      <c r="H42915" s="16"/>
      <c r="I42915" s="16"/>
      <c r="J42915" s="16"/>
    </row>
    <row r="42916" spans="7:10">
      <c r="G42916" s="16"/>
      <c r="H42916" s="16"/>
      <c r="I42916" s="16"/>
      <c r="J42916" s="16"/>
    </row>
    <row r="42917" spans="7:10">
      <c r="G42917" s="16"/>
      <c r="H42917" s="16"/>
      <c r="I42917" s="16"/>
      <c r="J42917" s="16"/>
    </row>
    <row r="42918" spans="7:10">
      <c r="G42918" s="16"/>
      <c r="H42918" s="16"/>
      <c r="I42918" s="16"/>
      <c r="J42918" s="16"/>
    </row>
    <row r="42919" spans="7:10">
      <c r="G42919" s="16"/>
      <c r="H42919" s="16"/>
      <c r="I42919" s="16"/>
      <c r="J42919" s="16"/>
    </row>
    <row r="42920" spans="7:10">
      <c r="G42920" s="16"/>
      <c r="H42920" s="16"/>
      <c r="I42920" s="16"/>
      <c r="J42920" s="16"/>
    </row>
    <row r="42921" spans="7:10">
      <c r="G42921" s="16"/>
      <c r="H42921" s="16"/>
      <c r="I42921" s="16"/>
      <c r="J42921" s="16"/>
    </row>
    <row r="42922" spans="7:10">
      <c r="G42922" s="16"/>
      <c r="H42922" s="16"/>
      <c r="I42922" s="16"/>
      <c r="J42922" s="16"/>
    </row>
    <row r="42923" spans="7:10">
      <c r="G42923" s="16"/>
      <c r="H42923" s="16"/>
      <c r="I42923" s="16"/>
      <c r="J42923" s="16"/>
    </row>
    <row r="42924" spans="7:10">
      <c r="G42924" s="16"/>
      <c r="H42924" s="16"/>
      <c r="I42924" s="16"/>
      <c r="J42924" s="16"/>
    </row>
    <row r="42925" spans="7:10">
      <c r="G42925" s="16"/>
      <c r="H42925" s="16"/>
      <c r="I42925" s="16"/>
      <c r="J42925" s="16"/>
    </row>
    <row r="42926" spans="7:10">
      <c r="G42926" s="16"/>
      <c r="H42926" s="16"/>
      <c r="I42926" s="16"/>
      <c r="J42926" s="16"/>
    </row>
    <row r="42927" spans="7:10">
      <c r="G42927" s="16"/>
      <c r="H42927" s="16"/>
      <c r="I42927" s="16"/>
      <c r="J42927" s="16"/>
    </row>
    <row r="42928" spans="7:10">
      <c r="G42928" s="16"/>
      <c r="H42928" s="16"/>
      <c r="I42928" s="16"/>
      <c r="J42928" s="16"/>
    </row>
    <row r="42929" spans="7:10">
      <c r="G42929" s="16"/>
      <c r="H42929" s="16"/>
      <c r="I42929" s="16"/>
      <c r="J42929" s="16"/>
    </row>
    <row r="42930" spans="7:10">
      <c r="G42930" s="16"/>
      <c r="H42930" s="16"/>
      <c r="I42930" s="16"/>
      <c r="J42930" s="16"/>
    </row>
    <row r="42931" spans="7:10">
      <c r="G42931" s="16"/>
      <c r="H42931" s="16"/>
      <c r="I42931" s="16"/>
      <c r="J42931" s="16"/>
    </row>
    <row r="42932" spans="7:10">
      <c r="G42932" s="16"/>
      <c r="H42932" s="16"/>
      <c r="I42932" s="16"/>
      <c r="J42932" s="16"/>
    </row>
    <row r="42933" spans="7:10">
      <c r="G42933" s="16"/>
      <c r="H42933" s="16"/>
      <c r="I42933" s="16"/>
      <c r="J42933" s="16"/>
    </row>
    <row r="42934" spans="7:10">
      <c r="G42934" s="16"/>
      <c r="H42934" s="16"/>
      <c r="I42934" s="16"/>
      <c r="J42934" s="16"/>
    </row>
    <row r="42935" spans="7:10">
      <c r="G42935" s="16"/>
      <c r="H42935" s="16"/>
      <c r="I42935" s="16"/>
      <c r="J42935" s="16"/>
    </row>
    <row r="42936" spans="7:10">
      <c r="G42936" s="16"/>
      <c r="H42936" s="16"/>
      <c r="I42936" s="16"/>
      <c r="J42936" s="16"/>
    </row>
    <row r="42937" spans="7:10">
      <c r="G42937" s="16"/>
      <c r="H42937" s="16"/>
      <c r="I42937" s="16"/>
      <c r="J42937" s="16"/>
    </row>
    <row r="42938" spans="7:10">
      <c r="G42938" s="16"/>
      <c r="H42938" s="16"/>
      <c r="I42938" s="16"/>
      <c r="J42938" s="16"/>
    </row>
    <row r="42939" spans="7:10">
      <c r="G42939" s="16"/>
      <c r="H42939" s="16"/>
      <c r="I42939" s="16"/>
      <c r="J42939" s="16"/>
    </row>
    <row r="42940" spans="7:10">
      <c r="G42940" s="16"/>
      <c r="H42940" s="16"/>
      <c r="I42940" s="16"/>
      <c r="J42940" s="16"/>
    </row>
    <row r="42941" spans="7:10">
      <c r="G42941" s="16"/>
      <c r="H42941" s="16"/>
      <c r="I42941" s="16"/>
      <c r="J42941" s="16"/>
    </row>
    <row r="42942" spans="7:10">
      <c r="G42942" s="16"/>
      <c r="H42942" s="16"/>
      <c r="I42942" s="16"/>
      <c r="J42942" s="16"/>
    </row>
    <row r="42943" spans="7:10">
      <c r="G42943" s="16"/>
      <c r="H42943" s="16"/>
      <c r="I42943" s="16"/>
      <c r="J42943" s="16"/>
    </row>
    <row r="42944" spans="7:10">
      <c r="G42944" s="16"/>
      <c r="H42944" s="16"/>
      <c r="I42944" s="16"/>
      <c r="J42944" s="16"/>
    </row>
    <row r="42945" spans="7:10">
      <c r="G42945" s="16"/>
      <c r="H42945" s="16"/>
      <c r="I42945" s="16"/>
      <c r="J42945" s="16"/>
    </row>
    <row r="42946" spans="7:10">
      <c r="G42946" s="16"/>
      <c r="H42946" s="16"/>
      <c r="I42946" s="16"/>
      <c r="J42946" s="16"/>
    </row>
    <row r="42947" spans="7:10">
      <c r="G42947" s="16"/>
      <c r="H42947" s="16"/>
      <c r="I42947" s="16"/>
      <c r="J42947" s="16"/>
    </row>
    <row r="42948" spans="7:10">
      <c r="G42948" s="16"/>
      <c r="H42948" s="16"/>
      <c r="I42948" s="16"/>
      <c r="J42948" s="16"/>
    </row>
    <row r="42949" spans="7:10">
      <c r="G42949" s="16"/>
      <c r="H42949" s="16"/>
      <c r="I42949" s="16"/>
      <c r="J42949" s="16"/>
    </row>
    <row r="42950" spans="7:10">
      <c r="G42950" s="16"/>
      <c r="H42950" s="16"/>
      <c r="I42950" s="16"/>
      <c r="J42950" s="16"/>
    </row>
    <row r="42951" spans="7:10">
      <c r="G42951" s="16"/>
      <c r="H42951" s="16"/>
      <c r="I42951" s="16"/>
      <c r="J42951" s="16"/>
    </row>
    <row r="42952" spans="7:10">
      <c r="G42952" s="16"/>
      <c r="H42952" s="16"/>
      <c r="I42952" s="16"/>
      <c r="J42952" s="16"/>
    </row>
    <row r="42953" spans="7:10">
      <c r="G42953" s="16"/>
      <c r="H42953" s="16"/>
      <c r="I42953" s="16"/>
      <c r="J42953" s="16"/>
    </row>
    <row r="42954" spans="7:10">
      <c r="G42954" s="16"/>
      <c r="H42954" s="16"/>
      <c r="I42954" s="16"/>
      <c r="J42954" s="16"/>
    </row>
    <row r="42955" spans="7:10">
      <c r="G42955" s="16"/>
      <c r="H42955" s="16"/>
      <c r="I42955" s="16"/>
      <c r="J42955" s="16"/>
    </row>
    <row r="42956" spans="7:10">
      <c r="G42956" s="16"/>
      <c r="H42956" s="16"/>
      <c r="I42956" s="16"/>
      <c r="J42956" s="16"/>
    </row>
    <row r="42957" spans="7:10">
      <c r="G42957" s="16"/>
      <c r="H42957" s="16"/>
      <c r="I42957" s="16"/>
      <c r="J42957" s="16"/>
    </row>
    <row r="42958" spans="7:10">
      <c r="G42958" s="16"/>
      <c r="H42958" s="16"/>
      <c r="I42958" s="16"/>
      <c r="J42958" s="16"/>
    </row>
    <row r="42959" spans="7:10">
      <c r="G42959" s="16"/>
      <c r="H42959" s="16"/>
      <c r="I42959" s="16"/>
      <c r="J42959" s="16"/>
    </row>
    <row r="42960" spans="7:10">
      <c r="G42960" s="16"/>
      <c r="H42960" s="16"/>
      <c r="I42960" s="16"/>
      <c r="J42960" s="16"/>
    </row>
    <row r="42961" spans="7:10">
      <c r="G42961" s="16"/>
      <c r="H42961" s="16"/>
      <c r="I42961" s="16"/>
      <c r="J42961" s="16"/>
    </row>
    <row r="42962" spans="7:10">
      <c r="G42962" s="16"/>
      <c r="H42962" s="16"/>
      <c r="I42962" s="16"/>
      <c r="J42962" s="16"/>
    </row>
    <row r="42963" spans="7:10">
      <c r="G42963" s="16"/>
      <c r="H42963" s="16"/>
      <c r="I42963" s="16"/>
      <c r="J42963" s="16"/>
    </row>
    <row r="42964" spans="7:10">
      <c r="G42964" s="16"/>
      <c r="H42964" s="16"/>
      <c r="I42964" s="16"/>
      <c r="J42964" s="16"/>
    </row>
    <row r="42965" spans="7:10">
      <c r="G42965" s="16"/>
      <c r="H42965" s="16"/>
      <c r="I42965" s="16"/>
      <c r="J42965" s="16"/>
    </row>
    <row r="42966" spans="7:10">
      <c r="G42966" s="16"/>
      <c r="H42966" s="16"/>
      <c r="I42966" s="16"/>
      <c r="J42966" s="16"/>
    </row>
    <row r="42967" spans="7:10">
      <c r="G42967" s="16"/>
      <c r="H42967" s="16"/>
      <c r="I42967" s="16"/>
      <c r="J42967" s="16"/>
    </row>
    <row r="42968" spans="7:10">
      <c r="G42968" s="16"/>
      <c r="H42968" s="16"/>
      <c r="I42968" s="16"/>
      <c r="J42968" s="16"/>
    </row>
    <row r="42969" spans="7:10">
      <c r="G42969" s="16"/>
      <c r="H42969" s="16"/>
      <c r="I42969" s="16"/>
      <c r="J42969" s="16"/>
    </row>
    <row r="42970" spans="7:10">
      <c r="G42970" s="16"/>
      <c r="H42970" s="16"/>
      <c r="I42970" s="16"/>
      <c r="J42970" s="16"/>
    </row>
    <row r="42971" spans="7:10">
      <c r="G42971" s="16"/>
      <c r="H42971" s="16"/>
      <c r="I42971" s="16"/>
      <c r="J42971" s="16"/>
    </row>
    <row r="42972" spans="7:10">
      <c r="G42972" s="16"/>
      <c r="H42972" s="16"/>
      <c r="I42972" s="16"/>
      <c r="J42972" s="16"/>
    </row>
    <row r="42973" spans="7:10">
      <c r="G42973" s="16"/>
      <c r="H42973" s="16"/>
      <c r="I42973" s="16"/>
      <c r="J42973" s="16"/>
    </row>
    <row r="42974" spans="7:10">
      <c r="G42974" s="16"/>
      <c r="H42974" s="16"/>
      <c r="I42974" s="16"/>
      <c r="J42974" s="16"/>
    </row>
    <row r="42975" spans="7:10">
      <c r="G42975" s="16"/>
      <c r="H42975" s="16"/>
      <c r="I42975" s="16"/>
      <c r="J42975" s="16"/>
    </row>
    <row r="42976" spans="7:10">
      <c r="G42976" s="16"/>
      <c r="H42976" s="16"/>
      <c r="I42976" s="16"/>
      <c r="J42976" s="16"/>
    </row>
    <row r="42977" spans="7:10">
      <c r="G42977" s="16"/>
      <c r="H42977" s="16"/>
      <c r="I42977" s="16"/>
      <c r="J42977" s="16"/>
    </row>
    <row r="42978" spans="7:10">
      <c r="G42978" s="16"/>
      <c r="H42978" s="16"/>
      <c r="I42978" s="16"/>
      <c r="J42978" s="16"/>
    </row>
    <row r="42979" spans="7:10">
      <c r="G42979" s="16"/>
      <c r="H42979" s="16"/>
      <c r="I42979" s="16"/>
      <c r="J42979" s="16"/>
    </row>
    <row r="42980" spans="7:10">
      <c r="G42980" s="16"/>
      <c r="H42980" s="16"/>
      <c r="I42980" s="16"/>
      <c r="J42980" s="16"/>
    </row>
    <row r="42981" spans="7:10">
      <c r="G42981" s="16"/>
      <c r="H42981" s="16"/>
      <c r="I42981" s="16"/>
      <c r="J42981" s="16"/>
    </row>
    <row r="42982" spans="7:10">
      <c r="G42982" s="16"/>
      <c r="H42982" s="16"/>
      <c r="I42982" s="16"/>
      <c r="J42982" s="16"/>
    </row>
    <row r="42983" spans="7:10">
      <c r="G42983" s="16"/>
      <c r="H42983" s="16"/>
      <c r="I42983" s="16"/>
      <c r="J42983" s="16"/>
    </row>
    <row r="42984" spans="7:10">
      <c r="G42984" s="16"/>
      <c r="H42984" s="16"/>
      <c r="I42984" s="16"/>
      <c r="J42984" s="16"/>
    </row>
    <row r="42985" spans="7:10">
      <c r="G42985" s="16"/>
      <c r="H42985" s="16"/>
      <c r="I42985" s="16"/>
      <c r="J42985" s="16"/>
    </row>
    <row r="42986" spans="7:10">
      <c r="G42986" s="16"/>
      <c r="H42986" s="16"/>
      <c r="I42986" s="16"/>
      <c r="J42986" s="16"/>
    </row>
    <row r="42987" spans="7:10">
      <c r="G42987" s="16"/>
      <c r="H42987" s="16"/>
      <c r="I42987" s="16"/>
      <c r="J42987" s="16"/>
    </row>
    <row r="42988" spans="7:10">
      <c r="G42988" s="16"/>
      <c r="H42988" s="16"/>
      <c r="I42988" s="16"/>
      <c r="J42988" s="16"/>
    </row>
    <row r="42989" spans="7:10">
      <c r="G42989" s="16"/>
      <c r="H42989" s="16"/>
      <c r="I42989" s="16"/>
      <c r="J42989" s="16"/>
    </row>
    <row r="42990" spans="7:10">
      <c r="G42990" s="16"/>
      <c r="H42990" s="16"/>
      <c r="I42990" s="16"/>
      <c r="J42990" s="16"/>
    </row>
    <row r="42991" spans="7:10">
      <c r="G42991" s="16"/>
      <c r="H42991" s="16"/>
      <c r="I42991" s="16"/>
      <c r="J42991" s="16"/>
    </row>
    <row r="42992" spans="7:10">
      <c r="G42992" s="16"/>
      <c r="H42992" s="16"/>
      <c r="I42992" s="16"/>
      <c r="J42992" s="16"/>
    </row>
    <row r="42993" spans="7:10">
      <c r="G42993" s="16"/>
      <c r="H42993" s="16"/>
      <c r="I42993" s="16"/>
      <c r="J42993" s="16"/>
    </row>
    <row r="42994" spans="7:10">
      <c r="G42994" s="16"/>
      <c r="H42994" s="16"/>
      <c r="I42994" s="16"/>
      <c r="J42994" s="16"/>
    </row>
    <row r="42995" spans="7:10">
      <c r="G42995" s="16"/>
      <c r="H42995" s="16"/>
      <c r="I42995" s="16"/>
      <c r="J42995" s="16"/>
    </row>
    <row r="42996" spans="7:10">
      <c r="G42996" s="16"/>
      <c r="H42996" s="16"/>
      <c r="I42996" s="16"/>
      <c r="J42996" s="16"/>
    </row>
    <row r="42997" spans="7:10">
      <c r="G42997" s="16"/>
      <c r="H42997" s="16"/>
      <c r="I42997" s="16"/>
      <c r="J42997" s="16"/>
    </row>
    <row r="42998" spans="7:10">
      <c r="G42998" s="16"/>
      <c r="H42998" s="16"/>
      <c r="I42998" s="16"/>
      <c r="J42998" s="16"/>
    </row>
    <row r="42999" spans="7:10">
      <c r="G42999" s="16"/>
      <c r="H42999" s="16"/>
      <c r="I42999" s="16"/>
      <c r="J42999" s="16"/>
    </row>
    <row r="43000" spans="7:10">
      <c r="G43000" s="16"/>
      <c r="H43000" s="16"/>
      <c r="I43000" s="16"/>
      <c r="J43000" s="16"/>
    </row>
    <row r="43001" spans="7:10">
      <c r="G43001" s="16"/>
      <c r="H43001" s="16"/>
      <c r="I43001" s="16"/>
      <c r="J43001" s="16"/>
    </row>
    <row r="43002" spans="7:10">
      <c r="G43002" s="16"/>
      <c r="H43002" s="16"/>
      <c r="I43002" s="16"/>
      <c r="J43002" s="16"/>
    </row>
    <row r="43003" spans="7:10">
      <c r="G43003" s="16"/>
      <c r="H43003" s="16"/>
      <c r="I43003" s="16"/>
      <c r="J43003" s="16"/>
    </row>
    <row r="43004" spans="7:10">
      <c r="G43004" s="16"/>
      <c r="H43004" s="16"/>
      <c r="I43004" s="16"/>
      <c r="J43004" s="16"/>
    </row>
    <row r="43005" spans="7:10">
      <c r="G43005" s="16"/>
      <c r="H43005" s="16"/>
      <c r="I43005" s="16"/>
      <c r="J43005" s="16"/>
    </row>
    <row r="43006" spans="7:10">
      <c r="G43006" s="16"/>
      <c r="H43006" s="16"/>
      <c r="I43006" s="16"/>
      <c r="J43006" s="16"/>
    </row>
    <row r="43007" spans="7:10">
      <c r="G43007" s="16"/>
      <c r="H43007" s="16"/>
      <c r="I43007" s="16"/>
      <c r="J43007" s="16"/>
    </row>
    <row r="43008" spans="7:10">
      <c r="G43008" s="16"/>
      <c r="H43008" s="16"/>
      <c r="I43008" s="16"/>
      <c r="J43008" s="16"/>
    </row>
    <row r="43009" spans="7:10">
      <c r="G43009" s="16"/>
      <c r="H43009" s="16"/>
      <c r="I43009" s="16"/>
      <c r="J43009" s="16"/>
    </row>
    <row r="43010" spans="7:10">
      <c r="G43010" s="16"/>
      <c r="H43010" s="16"/>
      <c r="I43010" s="16"/>
      <c r="J43010" s="16"/>
    </row>
    <row r="43011" spans="7:10">
      <c r="G43011" s="16"/>
      <c r="H43011" s="16"/>
      <c r="I43011" s="16"/>
      <c r="J43011" s="16"/>
    </row>
    <row r="43012" spans="7:10">
      <c r="G43012" s="16"/>
      <c r="H43012" s="16"/>
      <c r="I43012" s="16"/>
      <c r="J43012" s="16"/>
    </row>
    <row r="43013" spans="7:10">
      <c r="G43013" s="16"/>
      <c r="H43013" s="16"/>
      <c r="I43013" s="16"/>
      <c r="J43013" s="16"/>
    </row>
    <row r="43014" spans="7:10">
      <c r="G43014" s="16"/>
      <c r="H43014" s="16"/>
      <c r="I43014" s="16"/>
      <c r="J43014" s="16"/>
    </row>
    <row r="43015" spans="7:10">
      <c r="G43015" s="16"/>
      <c r="H43015" s="16"/>
      <c r="I43015" s="16"/>
      <c r="J43015" s="16"/>
    </row>
    <row r="43016" spans="7:10">
      <c r="G43016" s="16"/>
      <c r="H43016" s="16"/>
      <c r="I43016" s="16"/>
      <c r="J43016" s="16"/>
    </row>
    <row r="43017" spans="7:10">
      <c r="G43017" s="16"/>
      <c r="H43017" s="16"/>
      <c r="I43017" s="16"/>
      <c r="J43017" s="16"/>
    </row>
    <row r="43018" spans="7:10">
      <c r="G43018" s="16"/>
      <c r="H43018" s="16"/>
      <c r="I43018" s="16"/>
      <c r="J43018" s="16"/>
    </row>
    <row r="43019" spans="7:10">
      <c r="G43019" s="16"/>
      <c r="H43019" s="16"/>
      <c r="I43019" s="16"/>
      <c r="J43019" s="16"/>
    </row>
    <row r="43020" spans="7:10">
      <c r="G43020" s="16"/>
      <c r="H43020" s="16"/>
      <c r="I43020" s="16"/>
      <c r="J43020" s="16"/>
    </row>
    <row r="43021" spans="7:10">
      <c r="G43021" s="16"/>
      <c r="H43021" s="16"/>
      <c r="I43021" s="16"/>
      <c r="J43021" s="16"/>
    </row>
    <row r="43022" spans="7:10">
      <c r="G43022" s="16"/>
      <c r="H43022" s="16"/>
      <c r="I43022" s="16"/>
      <c r="J43022" s="16"/>
    </row>
    <row r="43023" spans="7:10">
      <c r="G43023" s="16"/>
      <c r="H43023" s="16"/>
      <c r="I43023" s="16"/>
      <c r="J43023" s="16"/>
    </row>
    <row r="43024" spans="7:10">
      <c r="G43024" s="16"/>
      <c r="H43024" s="16"/>
      <c r="I43024" s="16"/>
      <c r="J43024" s="16"/>
    </row>
    <row r="43025" spans="7:10">
      <c r="G43025" s="16"/>
      <c r="H43025" s="16"/>
      <c r="I43025" s="16"/>
      <c r="J43025" s="16"/>
    </row>
    <row r="43026" spans="7:10">
      <c r="G43026" s="16"/>
      <c r="H43026" s="16"/>
      <c r="I43026" s="16"/>
      <c r="J43026" s="16"/>
    </row>
    <row r="43027" spans="7:10">
      <c r="G43027" s="16"/>
      <c r="H43027" s="16"/>
      <c r="I43027" s="16"/>
      <c r="J43027" s="16"/>
    </row>
    <row r="43028" spans="7:10">
      <c r="G43028" s="16"/>
      <c r="H43028" s="16"/>
      <c r="I43028" s="16"/>
      <c r="J43028" s="16"/>
    </row>
    <row r="43029" spans="7:10">
      <c r="G43029" s="16"/>
      <c r="H43029" s="16"/>
      <c r="I43029" s="16"/>
      <c r="J43029" s="16"/>
    </row>
    <row r="43030" spans="7:10">
      <c r="G43030" s="16"/>
      <c r="H43030" s="16"/>
      <c r="I43030" s="16"/>
      <c r="J43030" s="16"/>
    </row>
    <row r="43031" spans="7:10">
      <c r="G43031" s="16"/>
      <c r="H43031" s="16"/>
      <c r="I43031" s="16"/>
      <c r="J43031" s="16"/>
    </row>
    <row r="43032" spans="7:10">
      <c r="G43032" s="16"/>
      <c r="H43032" s="16"/>
      <c r="I43032" s="16"/>
      <c r="J43032" s="16"/>
    </row>
    <row r="43033" spans="7:10">
      <c r="G43033" s="16"/>
      <c r="H43033" s="16"/>
      <c r="I43033" s="16"/>
      <c r="J43033" s="16"/>
    </row>
    <row r="43034" spans="7:10">
      <c r="G43034" s="16"/>
      <c r="H43034" s="16"/>
      <c r="I43034" s="16"/>
      <c r="J43034" s="16"/>
    </row>
    <row r="43035" spans="7:10">
      <c r="G43035" s="16"/>
      <c r="H43035" s="16"/>
      <c r="I43035" s="16"/>
      <c r="J43035" s="16"/>
    </row>
    <row r="43036" spans="7:10">
      <c r="G43036" s="16"/>
      <c r="H43036" s="16"/>
      <c r="I43036" s="16"/>
      <c r="J43036" s="16"/>
    </row>
    <row r="43037" spans="7:10">
      <c r="G43037" s="16"/>
      <c r="H43037" s="16"/>
      <c r="I43037" s="16"/>
      <c r="J43037" s="16"/>
    </row>
    <row r="43038" spans="7:10">
      <c r="G43038" s="16"/>
      <c r="H43038" s="16"/>
      <c r="I43038" s="16"/>
      <c r="J43038" s="16"/>
    </row>
    <row r="43039" spans="7:10">
      <c r="G43039" s="16"/>
      <c r="H43039" s="16"/>
      <c r="I43039" s="16"/>
      <c r="J43039" s="16"/>
    </row>
    <row r="43040" spans="7:10">
      <c r="G43040" s="16"/>
      <c r="H43040" s="16"/>
      <c r="I43040" s="16"/>
      <c r="J43040" s="16"/>
    </row>
    <row r="43041" spans="7:10">
      <c r="G43041" s="16"/>
      <c r="H43041" s="16"/>
      <c r="I43041" s="16"/>
      <c r="J43041" s="16"/>
    </row>
    <row r="43042" spans="7:10">
      <c r="G43042" s="16"/>
      <c r="H43042" s="16"/>
      <c r="I43042" s="16"/>
      <c r="J43042" s="16"/>
    </row>
    <row r="43043" spans="7:10">
      <c r="G43043" s="16"/>
      <c r="H43043" s="16"/>
      <c r="I43043" s="16"/>
      <c r="J43043" s="16"/>
    </row>
    <row r="43044" spans="7:10">
      <c r="G43044" s="16"/>
      <c r="H43044" s="16"/>
      <c r="I43044" s="16"/>
      <c r="J43044" s="16"/>
    </row>
    <row r="43045" spans="7:10">
      <c r="G43045" s="16"/>
      <c r="H43045" s="16"/>
      <c r="I43045" s="16"/>
      <c r="J43045" s="16"/>
    </row>
    <row r="43046" spans="7:10">
      <c r="G43046" s="16"/>
      <c r="H43046" s="16"/>
      <c r="I43046" s="16"/>
      <c r="J43046" s="16"/>
    </row>
    <row r="43047" spans="7:10">
      <c r="G43047" s="16"/>
      <c r="H43047" s="16"/>
      <c r="I43047" s="16"/>
      <c r="J43047" s="16"/>
    </row>
    <row r="43048" spans="7:10">
      <c r="G43048" s="16"/>
      <c r="H43048" s="16"/>
      <c r="I43048" s="16"/>
      <c r="J43048" s="16"/>
    </row>
    <row r="43049" spans="7:10">
      <c r="G43049" s="16"/>
      <c r="H43049" s="16"/>
      <c r="I43049" s="16"/>
      <c r="J43049" s="16"/>
    </row>
    <row r="43050" spans="7:10">
      <c r="G43050" s="16"/>
      <c r="H43050" s="16"/>
      <c r="I43050" s="16"/>
      <c r="J43050" s="16"/>
    </row>
    <row r="43051" spans="7:10">
      <c r="G43051" s="16"/>
      <c r="H43051" s="16"/>
      <c r="I43051" s="16"/>
      <c r="J43051" s="16"/>
    </row>
    <row r="43052" spans="7:10">
      <c r="G43052" s="16"/>
      <c r="H43052" s="16"/>
      <c r="I43052" s="16"/>
      <c r="J43052" s="16"/>
    </row>
    <row r="43053" spans="7:10">
      <c r="G43053" s="16"/>
      <c r="H43053" s="16"/>
      <c r="I43053" s="16"/>
      <c r="J43053" s="16"/>
    </row>
    <row r="43054" spans="7:10">
      <c r="G43054" s="16"/>
      <c r="H43054" s="16"/>
      <c r="I43054" s="16"/>
      <c r="J43054" s="16"/>
    </row>
    <row r="43055" spans="7:10">
      <c r="G43055" s="16"/>
      <c r="H43055" s="16"/>
      <c r="I43055" s="16"/>
      <c r="J43055" s="16"/>
    </row>
    <row r="43056" spans="7:10">
      <c r="G43056" s="16"/>
      <c r="H43056" s="16"/>
      <c r="I43056" s="16"/>
      <c r="J43056" s="16"/>
    </row>
    <row r="43057" spans="7:10">
      <c r="G43057" s="16"/>
      <c r="H43057" s="16"/>
      <c r="I43057" s="16"/>
      <c r="J43057" s="16"/>
    </row>
    <row r="43058" spans="7:10">
      <c r="G43058" s="16"/>
      <c r="H43058" s="16"/>
      <c r="I43058" s="16"/>
      <c r="J43058" s="16"/>
    </row>
    <row r="43059" spans="7:10">
      <c r="G43059" s="16"/>
      <c r="H43059" s="16"/>
      <c r="I43059" s="16"/>
      <c r="J43059" s="16"/>
    </row>
    <row r="43060" spans="7:10">
      <c r="G43060" s="16"/>
      <c r="H43060" s="16"/>
      <c r="I43060" s="16"/>
      <c r="J43060" s="16"/>
    </row>
    <row r="43061" spans="7:10">
      <c r="G43061" s="16"/>
      <c r="H43061" s="16"/>
      <c r="I43061" s="16"/>
      <c r="J43061" s="16"/>
    </row>
    <row r="43062" spans="7:10">
      <c r="G43062" s="16"/>
      <c r="H43062" s="16"/>
      <c r="I43062" s="16"/>
      <c r="J43062" s="16"/>
    </row>
    <row r="43063" spans="7:10">
      <c r="G43063" s="16"/>
      <c r="H43063" s="16"/>
      <c r="I43063" s="16"/>
      <c r="J43063" s="16"/>
    </row>
    <row r="43064" spans="7:10">
      <c r="G43064" s="16"/>
      <c r="H43064" s="16"/>
      <c r="I43064" s="16"/>
      <c r="J43064" s="16"/>
    </row>
    <row r="43065" spans="7:10">
      <c r="G43065" s="16"/>
      <c r="H43065" s="16"/>
      <c r="I43065" s="16"/>
      <c r="J43065" s="16"/>
    </row>
    <row r="43066" spans="7:10">
      <c r="G43066" s="16"/>
      <c r="H43066" s="16"/>
      <c r="I43066" s="16"/>
      <c r="J43066" s="16"/>
    </row>
    <row r="43067" spans="7:10">
      <c r="G43067" s="16"/>
      <c r="H43067" s="16"/>
      <c r="I43067" s="16"/>
      <c r="J43067" s="16"/>
    </row>
    <row r="43068" spans="7:10">
      <c r="G43068" s="16"/>
      <c r="H43068" s="16"/>
      <c r="I43068" s="16"/>
      <c r="J43068" s="16"/>
    </row>
    <row r="43069" spans="7:10">
      <c r="G43069" s="16"/>
      <c r="H43069" s="16"/>
      <c r="I43069" s="16"/>
      <c r="J43069" s="16"/>
    </row>
    <row r="43070" spans="7:10">
      <c r="G43070" s="16"/>
      <c r="H43070" s="16"/>
      <c r="I43070" s="16"/>
      <c r="J43070" s="16"/>
    </row>
    <row r="43071" spans="7:10">
      <c r="G43071" s="16"/>
      <c r="H43071" s="16"/>
      <c r="I43071" s="16"/>
      <c r="J43071" s="16"/>
    </row>
    <row r="43072" spans="7:10">
      <c r="G43072" s="16"/>
      <c r="H43072" s="16"/>
      <c r="I43072" s="16"/>
      <c r="J43072" s="16"/>
    </row>
    <row r="43073" spans="7:10">
      <c r="G43073" s="16"/>
      <c r="H43073" s="16"/>
      <c r="I43073" s="16"/>
      <c r="J43073" s="16"/>
    </row>
    <row r="43074" spans="7:10">
      <c r="G43074" s="16"/>
      <c r="H43074" s="16"/>
      <c r="I43074" s="16"/>
      <c r="J43074" s="16"/>
    </row>
    <row r="43075" spans="7:10">
      <c r="G43075" s="16"/>
      <c r="H43075" s="16"/>
      <c r="I43075" s="16"/>
      <c r="J43075" s="16"/>
    </row>
    <row r="43076" spans="7:10">
      <c r="G43076" s="16"/>
      <c r="H43076" s="16"/>
      <c r="I43076" s="16"/>
      <c r="J43076" s="16"/>
    </row>
    <row r="43077" spans="7:10">
      <c r="G43077" s="16"/>
      <c r="H43077" s="16"/>
      <c r="I43077" s="16"/>
      <c r="J43077" s="16"/>
    </row>
    <row r="43078" spans="7:10">
      <c r="G43078" s="16"/>
      <c r="H43078" s="16"/>
      <c r="I43078" s="16"/>
      <c r="J43078" s="16"/>
    </row>
    <row r="43079" spans="7:10">
      <c r="G43079" s="16"/>
      <c r="H43079" s="16"/>
      <c r="I43079" s="16"/>
      <c r="J43079" s="16"/>
    </row>
    <row r="43080" spans="7:10">
      <c r="G43080" s="16"/>
      <c r="H43080" s="16"/>
      <c r="I43080" s="16"/>
      <c r="J43080" s="16"/>
    </row>
    <row r="43081" spans="7:10">
      <c r="G43081" s="16"/>
      <c r="H43081" s="16"/>
      <c r="I43081" s="16"/>
      <c r="J43081" s="16"/>
    </row>
    <row r="43082" spans="7:10">
      <c r="G43082" s="16"/>
      <c r="H43082" s="16"/>
      <c r="I43082" s="16"/>
      <c r="J43082" s="16"/>
    </row>
    <row r="43083" spans="7:10">
      <c r="G43083" s="16"/>
      <c r="H43083" s="16"/>
      <c r="I43083" s="16"/>
      <c r="J43083" s="16"/>
    </row>
    <row r="43084" spans="7:10">
      <c r="G43084" s="16"/>
      <c r="H43084" s="16"/>
      <c r="I43084" s="16"/>
      <c r="J43084" s="16"/>
    </row>
    <row r="43085" spans="7:10">
      <c r="G43085" s="16"/>
      <c r="H43085" s="16"/>
      <c r="I43085" s="16"/>
      <c r="J43085" s="16"/>
    </row>
    <row r="43086" spans="7:10">
      <c r="G43086" s="16"/>
      <c r="H43086" s="16"/>
      <c r="I43086" s="16"/>
      <c r="J43086" s="16"/>
    </row>
    <row r="43087" spans="7:10">
      <c r="G43087" s="16"/>
      <c r="H43087" s="16"/>
      <c r="I43087" s="16"/>
      <c r="J43087" s="16"/>
    </row>
    <row r="43088" spans="7:10">
      <c r="G43088" s="16"/>
      <c r="H43088" s="16"/>
      <c r="I43088" s="16"/>
      <c r="J43088" s="16"/>
    </row>
    <row r="43089" spans="7:10">
      <c r="G43089" s="16"/>
      <c r="H43089" s="16"/>
      <c r="I43089" s="16"/>
      <c r="J43089" s="16"/>
    </row>
    <row r="43090" spans="7:10">
      <c r="G43090" s="16"/>
      <c r="H43090" s="16"/>
      <c r="I43090" s="16"/>
      <c r="J43090" s="16"/>
    </row>
    <row r="43091" spans="7:10">
      <c r="G43091" s="16"/>
      <c r="H43091" s="16"/>
      <c r="I43091" s="16"/>
      <c r="J43091" s="16"/>
    </row>
    <row r="43092" spans="7:10">
      <c r="G43092" s="16"/>
      <c r="H43092" s="16"/>
      <c r="I43092" s="16"/>
      <c r="J43092" s="16"/>
    </row>
    <row r="43093" spans="7:10">
      <c r="G43093" s="16"/>
      <c r="H43093" s="16"/>
      <c r="I43093" s="16"/>
      <c r="J43093" s="16"/>
    </row>
    <row r="43094" spans="7:10">
      <c r="G43094" s="16"/>
      <c r="H43094" s="16"/>
      <c r="I43094" s="16"/>
      <c r="J43094" s="16"/>
    </row>
    <row r="43095" spans="7:10">
      <c r="G43095" s="16"/>
      <c r="H43095" s="16"/>
      <c r="I43095" s="16"/>
      <c r="J43095" s="16"/>
    </row>
    <row r="43096" spans="7:10">
      <c r="G43096" s="16"/>
      <c r="H43096" s="16"/>
      <c r="I43096" s="16"/>
      <c r="J43096" s="16"/>
    </row>
    <row r="43097" spans="7:10">
      <c r="G43097" s="16"/>
      <c r="H43097" s="16"/>
      <c r="I43097" s="16"/>
      <c r="J43097" s="16"/>
    </row>
    <row r="43098" spans="7:10">
      <c r="G43098" s="16"/>
      <c r="H43098" s="16"/>
      <c r="I43098" s="16"/>
      <c r="J43098" s="16"/>
    </row>
    <row r="43099" spans="7:10">
      <c r="G43099" s="16"/>
      <c r="H43099" s="16"/>
      <c r="I43099" s="16"/>
      <c r="J43099" s="16"/>
    </row>
    <row r="43100" spans="7:10">
      <c r="G43100" s="16"/>
      <c r="H43100" s="16"/>
      <c r="I43100" s="16"/>
      <c r="J43100" s="16"/>
    </row>
    <row r="43101" spans="7:10">
      <c r="G43101" s="16"/>
      <c r="H43101" s="16"/>
      <c r="I43101" s="16"/>
      <c r="J43101" s="16"/>
    </row>
    <row r="43102" spans="7:10">
      <c r="G43102" s="16"/>
      <c r="H43102" s="16"/>
      <c r="I43102" s="16"/>
      <c r="J43102" s="16"/>
    </row>
    <row r="43103" spans="7:10">
      <c r="G43103" s="16"/>
      <c r="H43103" s="16"/>
      <c r="I43103" s="16"/>
      <c r="J43103" s="16"/>
    </row>
    <row r="43104" spans="7:10">
      <c r="G43104" s="16"/>
      <c r="H43104" s="16"/>
      <c r="I43104" s="16"/>
      <c r="J43104" s="16"/>
    </row>
    <row r="43105" spans="7:10">
      <c r="G43105" s="16"/>
      <c r="H43105" s="16"/>
      <c r="I43105" s="16"/>
      <c r="J43105" s="16"/>
    </row>
    <row r="43106" spans="7:10">
      <c r="G43106" s="16"/>
      <c r="H43106" s="16"/>
      <c r="I43106" s="16"/>
      <c r="J43106" s="16"/>
    </row>
    <row r="43107" spans="7:10">
      <c r="G43107" s="16"/>
      <c r="H43107" s="16"/>
      <c r="I43107" s="16"/>
      <c r="J43107" s="16"/>
    </row>
    <row r="43108" spans="7:10">
      <c r="G43108" s="16"/>
      <c r="H43108" s="16"/>
      <c r="I43108" s="16"/>
      <c r="J43108" s="16"/>
    </row>
    <row r="43109" spans="7:10">
      <c r="G43109" s="16"/>
      <c r="H43109" s="16"/>
      <c r="I43109" s="16"/>
      <c r="J43109" s="16"/>
    </row>
    <row r="43110" spans="7:10">
      <c r="G43110" s="16"/>
      <c r="H43110" s="16"/>
      <c r="I43110" s="16"/>
      <c r="J43110" s="16"/>
    </row>
    <row r="43111" spans="7:10">
      <c r="G43111" s="16"/>
      <c r="H43111" s="16"/>
      <c r="I43111" s="16"/>
      <c r="J43111" s="16"/>
    </row>
    <row r="43112" spans="7:10">
      <c r="G43112" s="16"/>
      <c r="H43112" s="16"/>
      <c r="I43112" s="16"/>
      <c r="J43112" s="16"/>
    </row>
    <row r="43113" spans="7:10">
      <c r="G43113" s="16"/>
      <c r="H43113" s="16"/>
      <c r="I43113" s="16"/>
      <c r="J43113" s="16"/>
    </row>
    <row r="43114" spans="7:10">
      <c r="G43114" s="16"/>
      <c r="H43114" s="16"/>
      <c r="I43114" s="16"/>
      <c r="J43114" s="16"/>
    </row>
    <row r="43115" spans="7:10">
      <c r="G43115" s="16"/>
      <c r="H43115" s="16"/>
      <c r="I43115" s="16"/>
      <c r="J43115" s="16"/>
    </row>
    <row r="43116" spans="7:10">
      <c r="G43116" s="16"/>
      <c r="H43116" s="16"/>
      <c r="I43116" s="16"/>
      <c r="J43116" s="16"/>
    </row>
    <row r="43117" spans="7:10">
      <c r="G43117" s="16"/>
      <c r="H43117" s="16"/>
      <c r="I43117" s="16"/>
      <c r="J43117" s="16"/>
    </row>
    <row r="43118" spans="7:10">
      <c r="G43118" s="16"/>
      <c r="H43118" s="16"/>
      <c r="I43118" s="16"/>
      <c r="J43118" s="16"/>
    </row>
    <row r="43119" spans="7:10">
      <c r="G43119" s="16"/>
      <c r="H43119" s="16"/>
      <c r="I43119" s="16"/>
      <c r="J43119" s="16"/>
    </row>
    <row r="43120" spans="7:10">
      <c r="G43120" s="16"/>
      <c r="H43120" s="16"/>
      <c r="I43120" s="16"/>
      <c r="J43120" s="16"/>
    </row>
    <row r="43121" spans="7:10">
      <c r="G43121" s="16"/>
      <c r="H43121" s="16"/>
      <c r="I43121" s="16"/>
      <c r="J43121" s="16"/>
    </row>
    <row r="43122" spans="7:10">
      <c r="G43122" s="16"/>
      <c r="H43122" s="16"/>
      <c r="I43122" s="16"/>
      <c r="J43122" s="16"/>
    </row>
    <row r="43123" spans="7:10">
      <c r="G43123" s="16"/>
      <c r="H43123" s="16"/>
      <c r="I43123" s="16"/>
      <c r="J43123" s="16"/>
    </row>
    <row r="43124" spans="7:10">
      <c r="G43124" s="16"/>
      <c r="H43124" s="16"/>
      <c r="I43124" s="16"/>
      <c r="J43124" s="16"/>
    </row>
    <row r="43125" spans="7:10">
      <c r="G43125" s="16"/>
      <c r="H43125" s="16"/>
      <c r="I43125" s="16"/>
      <c r="J43125" s="16"/>
    </row>
    <row r="43126" spans="7:10">
      <c r="G43126" s="16"/>
      <c r="H43126" s="16"/>
      <c r="I43126" s="16"/>
      <c r="J43126" s="16"/>
    </row>
    <row r="43127" spans="7:10">
      <c r="G43127" s="16"/>
      <c r="H43127" s="16"/>
      <c r="I43127" s="16"/>
      <c r="J43127" s="16"/>
    </row>
    <row r="43128" spans="7:10">
      <c r="G43128" s="16"/>
      <c r="H43128" s="16"/>
      <c r="I43128" s="16"/>
      <c r="J43128" s="16"/>
    </row>
    <row r="43129" spans="7:10">
      <c r="G43129" s="16"/>
      <c r="H43129" s="16"/>
      <c r="I43129" s="16"/>
      <c r="J43129" s="16"/>
    </row>
    <row r="43130" spans="7:10">
      <c r="G43130" s="16"/>
      <c r="H43130" s="16"/>
      <c r="I43130" s="16"/>
      <c r="J43130" s="16"/>
    </row>
    <row r="43131" spans="7:10">
      <c r="G43131" s="16"/>
      <c r="H43131" s="16"/>
      <c r="I43131" s="16"/>
      <c r="J43131" s="16"/>
    </row>
    <row r="43132" spans="7:10">
      <c r="G43132" s="16"/>
      <c r="H43132" s="16"/>
      <c r="I43132" s="16"/>
      <c r="J43132" s="16"/>
    </row>
    <row r="43133" spans="7:10">
      <c r="G43133" s="16"/>
      <c r="H43133" s="16"/>
      <c r="I43133" s="16"/>
      <c r="J43133" s="16"/>
    </row>
    <row r="43134" spans="7:10">
      <c r="G43134" s="16"/>
      <c r="H43134" s="16"/>
      <c r="I43134" s="16"/>
      <c r="J43134" s="16"/>
    </row>
    <row r="43135" spans="7:10">
      <c r="G43135" s="16"/>
      <c r="H43135" s="16"/>
      <c r="I43135" s="16"/>
      <c r="J43135" s="16"/>
    </row>
    <row r="43136" spans="7:10">
      <c r="G43136" s="16"/>
      <c r="H43136" s="16"/>
      <c r="I43136" s="16"/>
      <c r="J43136" s="16"/>
    </row>
    <row r="43137" spans="7:10">
      <c r="G43137" s="16"/>
      <c r="H43137" s="16"/>
      <c r="I43137" s="16"/>
      <c r="J43137" s="16"/>
    </row>
    <row r="43138" spans="7:10">
      <c r="G43138" s="16"/>
      <c r="H43138" s="16"/>
      <c r="I43138" s="16"/>
      <c r="J43138" s="16"/>
    </row>
    <row r="43139" spans="7:10">
      <c r="G43139" s="16"/>
      <c r="H43139" s="16"/>
      <c r="I43139" s="16"/>
      <c r="J43139" s="16"/>
    </row>
    <row r="43140" spans="7:10">
      <c r="G43140" s="16"/>
      <c r="H43140" s="16"/>
      <c r="I43140" s="16"/>
      <c r="J43140" s="16"/>
    </row>
    <row r="43141" spans="7:10">
      <c r="G43141" s="16"/>
      <c r="H43141" s="16"/>
      <c r="I43141" s="16"/>
      <c r="J43141" s="16"/>
    </row>
    <row r="43142" spans="7:10">
      <c r="G43142" s="16"/>
      <c r="H43142" s="16"/>
      <c r="I43142" s="16"/>
      <c r="J43142" s="16"/>
    </row>
    <row r="43143" spans="7:10">
      <c r="G43143" s="16"/>
      <c r="H43143" s="16"/>
      <c r="I43143" s="16"/>
      <c r="J43143" s="16"/>
    </row>
    <row r="43144" spans="7:10">
      <c r="G43144" s="16"/>
      <c r="H43144" s="16"/>
      <c r="I43144" s="16"/>
      <c r="J43144" s="16"/>
    </row>
    <row r="43145" spans="7:10">
      <c r="G43145" s="16"/>
      <c r="H43145" s="16"/>
      <c r="I43145" s="16"/>
      <c r="J43145" s="16"/>
    </row>
    <row r="43146" spans="7:10">
      <c r="G43146" s="16"/>
      <c r="H43146" s="16"/>
      <c r="I43146" s="16"/>
      <c r="J43146" s="16"/>
    </row>
    <row r="43147" spans="7:10">
      <c r="G43147" s="16"/>
      <c r="H43147" s="16"/>
      <c r="I43147" s="16"/>
      <c r="J43147" s="16"/>
    </row>
    <row r="43148" spans="7:10">
      <c r="G43148" s="16"/>
      <c r="H43148" s="16"/>
      <c r="I43148" s="16"/>
      <c r="J43148" s="16"/>
    </row>
    <row r="43149" spans="7:10">
      <c r="G43149" s="16"/>
      <c r="H43149" s="16"/>
      <c r="I43149" s="16"/>
      <c r="J43149" s="16"/>
    </row>
    <row r="43150" spans="7:10">
      <c r="G43150" s="16"/>
      <c r="H43150" s="16"/>
      <c r="I43150" s="16"/>
      <c r="J43150" s="16"/>
    </row>
    <row r="43151" spans="7:10">
      <c r="G43151" s="16"/>
      <c r="H43151" s="16"/>
      <c r="I43151" s="16"/>
      <c r="J43151" s="16"/>
    </row>
    <row r="43152" spans="7:10">
      <c r="G43152" s="16"/>
      <c r="H43152" s="16"/>
      <c r="I43152" s="16"/>
      <c r="J43152" s="16"/>
    </row>
    <row r="43153" spans="7:10">
      <c r="G43153" s="16"/>
      <c r="H43153" s="16"/>
      <c r="I43153" s="16"/>
      <c r="J43153" s="16"/>
    </row>
    <row r="43154" spans="7:10">
      <c r="G43154" s="16"/>
      <c r="H43154" s="16"/>
      <c r="I43154" s="16"/>
      <c r="J43154" s="16"/>
    </row>
    <row r="43155" spans="7:10">
      <c r="G43155" s="16"/>
      <c r="H43155" s="16"/>
      <c r="I43155" s="16"/>
      <c r="J43155" s="16"/>
    </row>
    <row r="43156" spans="7:10">
      <c r="G43156" s="16"/>
      <c r="H43156" s="16"/>
      <c r="I43156" s="16"/>
      <c r="J43156" s="16"/>
    </row>
    <row r="43157" spans="7:10">
      <c r="G43157" s="16"/>
      <c r="H43157" s="16"/>
      <c r="I43157" s="16"/>
      <c r="J43157" s="16"/>
    </row>
    <row r="43158" spans="7:10">
      <c r="G43158" s="16"/>
      <c r="H43158" s="16"/>
      <c r="I43158" s="16"/>
      <c r="J43158" s="16"/>
    </row>
    <row r="43159" spans="7:10">
      <c r="G43159" s="16"/>
      <c r="H43159" s="16"/>
      <c r="I43159" s="16"/>
      <c r="J43159" s="16"/>
    </row>
    <row r="43160" spans="7:10">
      <c r="G43160" s="16"/>
      <c r="H43160" s="16"/>
      <c r="I43160" s="16"/>
      <c r="J43160" s="16"/>
    </row>
    <row r="43161" spans="7:10">
      <c r="G43161" s="16"/>
      <c r="H43161" s="16"/>
      <c r="I43161" s="16"/>
      <c r="J43161" s="16"/>
    </row>
    <row r="43162" spans="7:10">
      <c r="G43162" s="16"/>
      <c r="H43162" s="16"/>
      <c r="I43162" s="16"/>
      <c r="J43162" s="16"/>
    </row>
    <row r="43163" spans="7:10">
      <c r="G43163" s="16"/>
      <c r="H43163" s="16"/>
      <c r="I43163" s="16"/>
      <c r="J43163" s="16"/>
    </row>
    <row r="43164" spans="7:10">
      <c r="G43164" s="16"/>
      <c r="H43164" s="16"/>
      <c r="I43164" s="16"/>
      <c r="J43164" s="16"/>
    </row>
    <row r="43165" spans="7:10">
      <c r="G43165" s="16"/>
      <c r="H43165" s="16"/>
      <c r="I43165" s="16"/>
      <c r="J43165" s="16"/>
    </row>
    <row r="43166" spans="7:10">
      <c r="G43166" s="16"/>
      <c r="H43166" s="16"/>
      <c r="I43166" s="16"/>
      <c r="J43166" s="16"/>
    </row>
    <row r="43167" spans="7:10">
      <c r="G43167" s="16"/>
      <c r="H43167" s="16"/>
      <c r="I43167" s="16"/>
      <c r="J43167" s="16"/>
    </row>
    <row r="43168" spans="7:10">
      <c r="G43168" s="16"/>
      <c r="H43168" s="16"/>
      <c r="I43168" s="16"/>
      <c r="J43168" s="16"/>
    </row>
    <row r="43169" spans="7:10">
      <c r="G43169" s="16"/>
      <c r="H43169" s="16"/>
      <c r="I43169" s="16"/>
      <c r="J43169" s="16"/>
    </row>
    <row r="43170" spans="7:10">
      <c r="G43170" s="16"/>
      <c r="H43170" s="16"/>
      <c r="I43170" s="16"/>
      <c r="J43170" s="16"/>
    </row>
    <row r="43171" spans="7:10">
      <c r="G43171" s="16"/>
      <c r="H43171" s="16"/>
      <c r="I43171" s="16"/>
      <c r="J43171" s="16"/>
    </row>
    <row r="43172" spans="7:10">
      <c r="G43172" s="16"/>
      <c r="H43172" s="16"/>
      <c r="I43172" s="16"/>
      <c r="J43172" s="16"/>
    </row>
    <row r="43173" spans="7:10">
      <c r="G43173" s="16"/>
      <c r="H43173" s="16"/>
      <c r="I43173" s="16"/>
      <c r="J43173" s="16"/>
    </row>
    <row r="43174" spans="7:10">
      <c r="G43174" s="16"/>
      <c r="H43174" s="16"/>
      <c r="I43174" s="16"/>
      <c r="J43174" s="16"/>
    </row>
    <row r="43175" spans="7:10">
      <c r="G43175" s="16"/>
      <c r="H43175" s="16"/>
      <c r="I43175" s="16"/>
      <c r="J43175" s="16"/>
    </row>
    <row r="43176" spans="7:10">
      <c r="G43176" s="16"/>
      <c r="H43176" s="16"/>
      <c r="I43176" s="16"/>
      <c r="J43176" s="16"/>
    </row>
    <row r="43177" spans="7:10">
      <c r="G43177" s="16"/>
      <c r="H43177" s="16"/>
      <c r="I43177" s="16"/>
      <c r="J43177" s="16"/>
    </row>
    <row r="43178" spans="7:10">
      <c r="G43178" s="16"/>
      <c r="H43178" s="16"/>
      <c r="I43178" s="16"/>
      <c r="J43178" s="16"/>
    </row>
    <row r="43179" spans="7:10">
      <c r="G43179" s="16"/>
      <c r="H43179" s="16"/>
      <c r="I43179" s="16"/>
      <c r="J43179" s="16"/>
    </row>
    <row r="43180" spans="7:10">
      <c r="G43180" s="16"/>
      <c r="H43180" s="16"/>
      <c r="I43180" s="16"/>
      <c r="J43180" s="16"/>
    </row>
    <row r="43181" spans="7:10">
      <c r="G43181" s="16"/>
      <c r="H43181" s="16"/>
      <c r="I43181" s="16"/>
      <c r="J43181" s="16"/>
    </row>
    <row r="43182" spans="7:10">
      <c r="G43182" s="16"/>
      <c r="H43182" s="16"/>
      <c r="I43182" s="16"/>
      <c r="J43182" s="16"/>
    </row>
    <row r="43183" spans="7:10">
      <c r="G43183" s="16"/>
      <c r="H43183" s="16"/>
      <c r="I43183" s="16"/>
      <c r="J43183" s="16"/>
    </row>
    <row r="43184" spans="7:10">
      <c r="G43184" s="16"/>
      <c r="H43184" s="16"/>
      <c r="I43184" s="16"/>
      <c r="J43184" s="16"/>
    </row>
    <row r="43185" spans="7:10">
      <c r="G43185" s="16"/>
      <c r="H43185" s="16"/>
      <c r="I43185" s="16"/>
      <c r="J43185" s="16"/>
    </row>
    <row r="43186" spans="7:10">
      <c r="G43186" s="16"/>
      <c r="H43186" s="16"/>
      <c r="I43186" s="16"/>
      <c r="J43186" s="16"/>
    </row>
    <row r="43187" spans="7:10">
      <c r="G43187" s="16"/>
      <c r="H43187" s="16"/>
      <c r="I43187" s="16"/>
      <c r="J43187" s="16"/>
    </row>
    <row r="43188" spans="7:10">
      <c r="G43188" s="16"/>
      <c r="H43188" s="16"/>
      <c r="I43188" s="16"/>
      <c r="J43188" s="16"/>
    </row>
    <row r="43189" spans="7:10">
      <c r="G43189" s="16"/>
      <c r="H43189" s="16"/>
      <c r="I43189" s="16"/>
      <c r="J43189" s="16"/>
    </row>
    <row r="43190" spans="7:10">
      <c r="G43190" s="16"/>
      <c r="H43190" s="16"/>
      <c r="I43190" s="16"/>
      <c r="J43190" s="16"/>
    </row>
    <row r="43191" spans="7:10">
      <c r="G43191" s="16"/>
      <c r="H43191" s="16"/>
      <c r="I43191" s="16"/>
      <c r="J43191" s="16"/>
    </row>
    <row r="43192" spans="7:10">
      <c r="G43192" s="16"/>
      <c r="H43192" s="16"/>
      <c r="I43192" s="16"/>
      <c r="J43192" s="16"/>
    </row>
    <row r="43193" spans="7:10">
      <c r="G43193" s="16"/>
      <c r="H43193" s="16"/>
      <c r="I43193" s="16"/>
      <c r="J43193" s="16"/>
    </row>
    <row r="43194" spans="7:10">
      <c r="G43194" s="16"/>
      <c r="H43194" s="16"/>
      <c r="I43194" s="16"/>
      <c r="J43194" s="16"/>
    </row>
    <row r="43195" spans="7:10">
      <c r="G43195" s="16"/>
      <c r="H43195" s="16"/>
      <c r="I43195" s="16"/>
      <c r="J43195" s="16"/>
    </row>
    <row r="43196" spans="7:10">
      <c r="G43196" s="16"/>
      <c r="H43196" s="16"/>
      <c r="I43196" s="16"/>
      <c r="J43196" s="16"/>
    </row>
    <row r="43197" spans="7:10">
      <c r="G43197" s="16"/>
      <c r="H43197" s="16"/>
      <c r="I43197" s="16"/>
      <c r="J43197" s="16"/>
    </row>
    <row r="43198" spans="7:10">
      <c r="G43198" s="16"/>
      <c r="H43198" s="16"/>
      <c r="I43198" s="16"/>
      <c r="J43198" s="16"/>
    </row>
    <row r="43199" spans="7:10">
      <c r="G43199" s="16"/>
      <c r="H43199" s="16"/>
      <c r="I43199" s="16"/>
      <c r="J43199" s="16"/>
    </row>
    <row r="43200" spans="7:10">
      <c r="G43200" s="16"/>
      <c r="H43200" s="16"/>
      <c r="I43200" s="16"/>
      <c r="J43200" s="16"/>
    </row>
    <row r="43201" spans="7:10">
      <c r="G43201" s="16"/>
      <c r="H43201" s="16"/>
      <c r="I43201" s="16"/>
      <c r="J43201" s="16"/>
    </row>
    <row r="43202" spans="7:10">
      <c r="G43202" s="16"/>
      <c r="H43202" s="16"/>
      <c r="I43202" s="16"/>
      <c r="J43202" s="16"/>
    </row>
    <row r="43203" spans="7:10">
      <c r="G43203" s="16"/>
      <c r="H43203" s="16"/>
      <c r="I43203" s="16"/>
      <c r="J43203" s="16"/>
    </row>
    <row r="43204" spans="7:10">
      <c r="G43204" s="16"/>
      <c r="H43204" s="16"/>
      <c r="I43204" s="16"/>
      <c r="J43204" s="16"/>
    </row>
    <row r="43205" spans="7:10">
      <c r="G43205" s="16"/>
      <c r="H43205" s="16"/>
      <c r="I43205" s="16"/>
      <c r="J43205" s="16"/>
    </row>
    <row r="43206" spans="7:10">
      <c r="G43206" s="16"/>
      <c r="H43206" s="16"/>
      <c r="I43206" s="16"/>
      <c r="J43206" s="16"/>
    </row>
    <row r="43207" spans="7:10">
      <c r="G43207" s="16"/>
      <c r="H43207" s="16"/>
      <c r="I43207" s="16"/>
      <c r="J43207" s="16"/>
    </row>
    <row r="43208" spans="7:10">
      <c r="G43208" s="16"/>
      <c r="H43208" s="16"/>
      <c r="I43208" s="16"/>
      <c r="J43208" s="16"/>
    </row>
    <row r="43209" spans="7:10">
      <c r="G43209" s="16"/>
      <c r="H43209" s="16"/>
      <c r="I43209" s="16"/>
      <c r="J43209" s="16"/>
    </row>
    <row r="43210" spans="7:10">
      <c r="G43210" s="16"/>
      <c r="H43210" s="16"/>
      <c r="I43210" s="16"/>
      <c r="J43210" s="16"/>
    </row>
    <row r="43211" spans="7:10">
      <c r="G43211" s="16"/>
      <c r="H43211" s="16"/>
      <c r="I43211" s="16"/>
      <c r="J43211" s="16"/>
    </row>
    <row r="43212" spans="7:10">
      <c r="G43212" s="16"/>
      <c r="H43212" s="16"/>
      <c r="I43212" s="16"/>
      <c r="J43212" s="16"/>
    </row>
    <row r="43213" spans="7:10">
      <c r="G43213" s="16"/>
      <c r="H43213" s="16"/>
      <c r="I43213" s="16"/>
      <c r="J43213" s="16"/>
    </row>
    <row r="43214" spans="7:10">
      <c r="G43214" s="16"/>
      <c r="H43214" s="16"/>
      <c r="I43214" s="16"/>
      <c r="J43214" s="16"/>
    </row>
    <row r="43215" spans="7:10">
      <c r="G43215" s="16"/>
      <c r="H43215" s="16"/>
      <c r="I43215" s="16"/>
      <c r="J43215" s="16"/>
    </row>
    <row r="43216" spans="7:10">
      <c r="G43216" s="16"/>
      <c r="H43216" s="16"/>
      <c r="I43216" s="16"/>
      <c r="J43216" s="16"/>
    </row>
    <row r="43217" spans="7:10">
      <c r="G43217" s="16"/>
      <c r="H43217" s="16"/>
      <c r="I43217" s="16"/>
      <c r="J43217" s="16"/>
    </row>
    <row r="43218" spans="7:10">
      <c r="G43218" s="16"/>
      <c r="H43218" s="16"/>
      <c r="I43218" s="16"/>
      <c r="J43218" s="16"/>
    </row>
    <row r="43219" spans="7:10">
      <c r="G43219" s="16"/>
      <c r="H43219" s="16"/>
      <c r="I43219" s="16"/>
      <c r="J43219" s="16"/>
    </row>
    <row r="43220" spans="7:10">
      <c r="G43220" s="16"/>
      <c r="H43220" s="16"/>
      <c r="I43220" s="16"/>
      <c r="J43220" s="16"/>
    </row>
    <row r="43221" spans="7:10">
      <c r="G43221" s="16"/>
      <c r="H43221" s="16"/>
      <c r="I43221" s="16"/>
      <c r="J43221" s="16"/>
    </row>
    <row r="43222" spans="7:10">
      <c r="G43222" s="16"/>
      <c r="H43222" s="16"/>
      <c r="I43222" s="16"/>
      <c r="J43222" s="16"/>
    </row>
    <row r="43223" spans="7:10">
      <c r="G43223" s="16"/>
      <c r="H43223" s="16"/>
      <c r="I43223" s="16"/>
      <c r="J43223" s="16"/>
    </row>
    <row r="43224" spans="7:10">
      <c r="G43224" s="16"/>
      <c r="H43224" s="16"/>
      <c r="I43224" s="16"/>
      <c r="J43224" s="16"/>
    </row>
    <row r="43225" spans="7:10">
      <c r="G43225" s="16"/>
      <c r="H43225" s="16"/>
      <c r="I43225" s="16"/>
      <c r="J43225" s="16"/>
    </row>
    <row r="43226" spans="7:10">
      <c r="G43226" s="16"/>
      <c r="H43226" s="16"/>
      <c r="I43226" s="16"/>
      <c r="J43226" s="16"/>
    </row>
    <row r="43227" spans="7:10">
      <c r="G43227" s="16"/>
      <c r="H43227" s="16"/>
      <c r="I43227" s="16"/>
      <c r="J43227" s="16"/>
    </row>
    <row r="43228" spans="7:10">
      <c r="G43228" s="16"/>
      <c r="H43228" s="16"/>
      <c r="I43228" s="16"/>
      <c r="J43228" s="16"/>
    </row>
    <row r="43229" spans="7:10">
      <c r="G43229" s="16"/>
      <c r="H43229" s="16"/>
      <c r="I43229" s="16"/>
      <c r="J43229" s="16"/>
    </row>
    <row r="43230" spans="7:10">
      <c r="G43230" s="16"/>
      <c r="H43230" s="16"/>
      <c r="I43230" s="16"/>
      <c r="J43230" s="16"/>
    </row>
    <row r="43231" spans="7:10">
      <c r="G43231" s="16"/>
      <c r="H43231" s="16"/>
      <c r="I43231" s="16"/>
      <c r="J43231" s="16"/>
    </row>
    <row r="43232" spans="7:10">
      <c r="G43232" s="16"/>
      <c r="H43232" s="16"/>
      <c r="I43232" s="16"/>
      <c r="J43232" s="16"/>
    </row>
    <row r="43233" spans="7:10">
      <c r="G43233" s="16"/>
      <c r="H43233" s="16"/>
      <c r="I43233" s="16"/>
      <c r="J43233" s="16"/>
    </row>
    <row r="43234" spans="7:10">
      <c r="G43234" s="16"/>
      <c r="H43234" s="16"/>
      <c r="I43234" s="16"/>
      <c r="J43234" s="16"/>
    </row>
    <row r="43235" spans="7:10">
      <c r="G43235" s="16"/>
      <c r="H43235" s="16"/>
      <c r="I43235" s="16"/>
      <c r="J43235" s="16"/>
    </row>
    <row r="43236" spans="7:10">
      <c r="G43236" s="16"/>
      <c r="H43236" s="16"/>
      <c r="I43236" s="16"/>
      <c r="J43236" s="16"/>
    </row>
    <row r="43237" spans="7:10">
      <c r="G43237" s="16"/>
      <c r="H43237" s="16"/>
      <c r="I43237" s="16"/>
      <c r="J43237" s="16"/>
    </row>
    <row r="43238" spans="7:10">
      <c r="G43238" s="16"/>
      <c r="H43238" s="16"/>
      <c r="I43238" s="16"/>
      <c r="J43238" s="16"/>
    </row>
    <row r="43239" spans="7:10">
      <c r="G43239" s="16"/>
      <c r="H43239" s="16"/>
      <c r="I43239" s="16"/>
      <c r="J43239" s="16"/>
    </row>
    <row r="43240" spans="7:10">
      <c r="G43240" s="16"/>
      <c r="H43240" s="16"/>
      <c r="I43240" s="16"/>
      <c r="J43240" s="16"/>
    </row>
    <row r="43241" spans="7:10">
      <c r="G43241" s="16"/>
      <c r="H43241" s="16"/>
      <c r="I43241" s="16"/>
      <c r="J43241" s="16"/>
    </row>
    <row r="43242" spans="7:10">
      <c r="G43242" s="16"/>
      <c r="H43242" s="16"/>
      <c r="I43242" s="16"/>
      <c r="J43242" s="16"/>
    </row>
    <row r="43243" spans="7:10">
      <c r="G43243" s="16"/>
      <c r="H43243" s="16"/>
      <c r="I43243" s="16"/>
      <c r="J43243" s="16"/>
    </row>
    <row r="43244" spans="7:10">
      <c r="G43244" s="16"/>
      <c r="H43244" s="16"/>
      <c r="I43244" s="16"/>
      <c r="J43244" s="16"/>
    </row>
    <row r="43245" spans="7:10">
      <c r="G43245" s="16"/>
      <c r="H43245" s="16"/>
      <c r="I43245" s="16"/>
      <c r="J43245" s="16"/>
    </row>
    <row r="43246" spans="7:10">
      <c r="G43246" s="16"/>
      <c r="H43246" s="16"/>
      <c r="I43246" s="16"/>
      <c r="J43246" s="16"/>
    </row>
    <row r="43247" spans="7:10">
      <c r="G43247" s="16"/>
      <c r="H43247" s="16"/>
      <c r="I43247" s="16"/>
      <c r="J43247" s="16"/>
    </row>
    <row r="43248" spans="7:10">
      <c r="G43248" s="16"/>
      <c r="H43248" s="16"/>
      <c r="I43248" s="16"/>
      <c r="J43248" s="16"/>
    </row>
    <row r="43249" spans="7:10">
      <c r="G43249" s="16"/>
      <c r="H43249" s="16"/>
      <c r="I43249" s="16"/>
      <c r="J43249" s="16"/>
    </row>
    <row r="43250" spans="7:10">
      <c r="G43250" s="16"/>
      <c r="H43250" s="16"/>
      <c r="I43250" s="16"/>
      <c r="J43250" s="16"/>
    </row>
    <row r="43251" spans="7:10">
      <c r="G43251" s="16"/>
      <c r="H43251" s="16"/>
      <c r="I43251" s="16"/>
      <c r="J43251" s="16"/>
    </row>
    <row r="43252" spans="7:10">
      <c r="G43252" s="16"/>
      <c r="H43252" s="16"/>
      <c r="I43252" s="16"/>
      <c r="J43252" s="16"/>
    </row>
    <row r="43253" spans="7:10">
      <c r="G43253" s="16"/>
      <c r="H43253" s="16"/>
      <c r="I43253" s="16"/>
      <c r="J43253" s="16"/>
    </row>
    <row r="43254" spans="7:10">
      <c r="G43254" s="16"/>
      <c r="H43254" s="16"/>
      <c r="I43254" s="16"/>
      <c r="J43254" s="16"/>
    </row>
    <row r="43255" spans="7:10">
      <c r="G43255" s="16"/>
      <c r="H43255" s="16"/>
      <c r="I43255" s="16"/>
      <c r="J43255" s="16"/>
    </row>
    <row r="43256" spans="7:10">
      <c r="G43256" s="16"/>
      <c r="H43256" s="16"/>
      <c r="I43256" s="16"/>
      <c r="J43256" s="16"/>
    </row>
    <row r="43257" spans="7:10">
      <c r="G43257" s="16"/>
      <c r="H43257" s="16"/>
      <c r="I43257" s="16"/>
      <c r="J43257" s="16"/>
    </row>
    <row r="43258" spans="7:10">
      <c r="G43258" s="16"/>
      <c r="H43258" s="16"/>
      <c r="I43258" s="16"/>
      <c r="J43258" s="16"/>
    </row>
    <row r="43259" spans="7:10">
      <c r="G43259" s="16"/>
      <c r="H43259" s="16"/>
      <c r="I43259" s="16"/>
      <c r="J43259" s="16"/>
    </row>
    <row r="43260" spans="7:10">
      <c r="G43260" s="16"/>
      <c r="H43260" s="16"/>
      <c r="I43260" s="16"/>
      <c r="J43260" s="16"/>
    </row>
    <row r="43261" spans="7:10">
      <c r="G43261" s="16"/>
      <c r="H43261" s="16"/>
      <c r="I43261" s="16"/>
      <c r="J43261" s="16"/>
    </row>
    <row r="43262" spans="7:10">
      <c r="G43262" s="16"/>
      <c r="H43262" s="16"/>
      <c r="I43262" s="16"/>
      <c r="J43262" s="16"/>
    </row>
    <row r="43263" spans="7:10">
      <c r="G43263" s="16"/>
      <c r="H43263" s="16"/>
      <c r="I43263" s="16"/>
      <c r="J43263" s="16"/>
    </row>
    <row r="43264" spans="7:10">
      <c r="G43264" s="16"/>
      <c r="H43264" s="16"/>
      <c r="I43264" s="16"/>
      <c r="J43264" s="16"/>
    </row>
    <row r="43265" spans="7:10">
      <c r="G43265" s="16"/>
      <c r="H43265" s="16"/>
      <c r="I43265" s="16"/>
      <c r="J43265" s="16"/>
    </row>
    <row r="43266" spans="7:10">
      <c r="G43266" s="16"/>
      <c r="H43266" s="16"/>
      <c r="I43266" s="16"/>
      <c r="J43266" s="16"/>
    </row>
    <row r="43267" spans="7:10">
      <c r="G43267" s="16"/>
      <c r="H43267" s="16"/>
      <c r="I43267" s="16"/>
      <c r="J43267" s="16"/>
    </row>
    <row r="43268" spans="7:10">
      <c r="G43268" s="16"/>
      <c r="H43268" s="16"/>
      <c r="I43268" s="16"/>
      <c r="J43268" s="16"/>
    </row>
    <row r="43269" spans="7:10">
      <c r="G43269" s="16"/>
      <c r="H43269" s="16"/>
      <c r="I43269" s="16"/>
      <c r="J43269" s="16"/>
    </row>
    <row r="43270" spans="7:10">
      <c r="G43270" s="16"/>
      <c r="H43270" s="16"/>
      <c r="I43270" s="16"/>
      <c r="J43270" s="16"/>
    </row>
    <row r="43271" spans="7:10">
      <c r="G43271" s="16"/>
      <c r="H43271" s="16"/>
      <c r="I43271" s="16"/>
      <c r="J43271" s="16"/>
    </row>
    <row r="43272" spans="7:10">
      <c r="G43272" s="16"/>
      <c r="H43272" s="16"/>
      <c r="I43272" s="16"/>
      <c r="J43272" s="16"/>
    </row>
    <row r="43273" spans="7:10">
      <c r="G43273" s="16"/>
      <c r="H43273" s="16"/>
      <c r="I43273" s="16"/>
      <c r="J43273" s="16"/>
    </row>
    <row r="43274" spans="7:10">
      <c r="G43274" s="16"/>
      <c r="H43274" s="16"/>
      <c r="I43274" s="16"/>
      <c r="J43274" s="16"/>
    </row>
    <row r="43275" spans="7:10">
      <c r="G43275" s="16"/>
      <c r="H43275" s="16"/>
      <c r="I43275" s="16"/>
      <c r="J43275" s="16"/>
    </row>
    <row r="43276" spans="7:10">
      <c r="G43276" s="16"/>
      <c r="H43276" s="16"/>
      <c r="I43276" s="16"/>
      <c r="J43276" s="16"/>
    </row>
    <row r="43277" spans="7:10">
      <c r="G43277" s="16"/>
      <c r="H43277" s="16"/>
      <c r="I43277" s="16"/>
      <c r="J43277" s="16"/>
    </row>
    <row r="43278" spans="7:10">
      <c r="G43278" s="16"/>
      <c r="H43278" s="16"/>
      <c r="I43278" s="16"/>
      <c r="J43278" s="16"/>
    </row>
    <row r="43279" spans="7:10">
      <c r="G43279" s="16"/>
      <c r="H43279" s="16"/>
      <c r="I43279" s="16"/>
      <c r="J43279" s="16"/>
    </row>
    <row r="43280" spans="7:10">
      <c r="G43280" s="16"/>
      <c r="H43280" s="16"/>
      <c r="I43280" s="16"/>
      <c r="J43280" s="16"/>
    </row>
    <row r="43281" spans="7:10">
      <c r="G43281" s="16"/>
      <c r="H43281" s="16"/>
      <c r="I43281" s="16"/>
      <c r="J43281" s="16"/>
    </row>
    <row r="43282" spans="7:10">
      <c r="G43282" s="16"/>
      <c r="H43282" s="16"/>
      <c r="I43282" s="16"/>
      <c r="J43282" s="16"/>
    </row>
    <row r="43283" spans="7:10">
      <c r="G43283" s="16"/>
      <c r="H43283" s="16"/>
      <c r="I43283" s="16"/>
      <c r="J43283" s="16"/>
    </row>
    <row r="43284" spans="7:10">
      <c r="G43284" s="16"/>
      <c r="H43284" s="16"/>
      <c r="I43284" s="16"/>
      <c r="J43284" s="16"/>
    </row>
    <row r="43285" spans="7:10">
      <c r="G43285" s="16"/>
      <c r="H43285" s="16"/>
      <c r="I43285" s="16"/>
      <c r="J43285" s="16"/>
    </row>
    <row r="43286" spans="7:10">
      <c r="G43286" s="16"/>
      <c r="H43286" s="16"/>
      <c r="I43286" s="16"/>
      <c r="J43286" s="16"/>
    </row>
    <row r="43287" spans="7:10">
      <c r="G43287" s="16"/>
      <c r="H43287" s="16"/>
      <c r="I43287" s="16"/>
      <c r="J43287" s="16"/>
    </row>
    <row r="43288" spans="7:10">
      <c r="G43288" s="16"/>
      <c r="H43288" s="16"/>
      <c r="I43288" s="16"/>
      <c r="J43288" s="16"/>
    </row>
    <row r="43289" spans="7:10">
      <c r="G43289" s="16"/>
      <c r="H43289" s="16"/>
      <c r="I43289" s="16"/>
      <c r="J43289" s="16"/>
    </row>
    <row r="43290" spans="7:10">
      <c r="G43290" s="16"/>
      <c r="H43290" s="16"/>
      <c r="I43290" s="16"/>
      <c r="J43290" s="16"/>
    </row>
    <row r="43291" spans="7:10">
      <c r="G43291" s="16"/>
      <c r="H43291" s="16"/>
      <c r="I43291" s="16"/>
      <c r="J43291" s="16"/>
    </row>
    <row r="43292" spans="7:10">
      <c r="G43292" s="16"/>
      <c r="H43292" s="16"/>
      <c r="I43292" s="16"/>
      <c r="J43292" s="16"/>
    </row>
    <row r="43293" spans="7:10">
      <c r="G43293" s="16"/>
      <c r="H43293" s="16"/>
      <c r="I43293" s="16"/>
      <c r="J43293" s="16"/>
    </row>
    <row r="43294" spans="7:10">
      <c r="G43294" s="16"/>
      <c r="H43294" s="16"/>
      <c r="I43294" s="16"/>
      <c r="J43294" s="16"/>
    </row>
    <row r="43295" spans="7:10">
      <c r="G43295" s="16"/>
      <c r="H43295" s="16"/>
      <c r="I43295" s="16"/>
      <c r="J43295" s="16"/>
    </row>
    <row r="43296" spans="7:10">
      <c r="G43296" s="16"/>
      <c r="H43296" s="16"/>
      <c r="I43296" s="16"/>
      <c r="J43296" s="16"/>
    </row>
    <row r="43297" spans="7:10">
      <c r="G43297" s="16"/>
      <c r="H43297" s="16"/>
      <c r="I43297" s="16"/>
      <c r="J43297" s="16"/>
    </row>
    <row r="43298" spans="7:10">
      <c r="G43298" s="16"/>
      <c r="H43298" s="16"/>
      <c r="I43298" s="16"/>
      <c r="J43298" s="16"/>
    </row>
    <row r="43299" spans="7:10">
      <c r="G43299" s="16"/>
      <c r="H43299" s="16"/>
      <c r="I43299" s="16"/>
      <c r="J43299" s="16"/>
    </row>
    <row r="43300" spans="7:10">
      <c r="G43300" s="16"/>
      <c r="H43300" s="16"/>
      <c r="I43300" s="16"/>
      <c r="J43300" s="16"/>
    </row>
    <row r="43301" spans="7:10">
      <c r="G43301" s="16"/>
      <c r="H43301" s="16"/>
      <c r="I43301" s="16"/>
      <c r="J43301" s="16"/>
    </row>
    <row r="43302" spans="7:10">
      <c r="G43302" s="16"/>
      <c r="H43302" s="16"/>
      <c r="I43302" s="16"/>
      <c r="J43302" s="16"/>
    </row>
    <row r="43303" spans="7:10">
      <c r="G43303" s="16"/>
      <c r="H43303" s="16"/>
      <c r="I43303" s="16"/>
      <c r="J43303" s="16"/>
    </row>
    <row r="43304" spans="7:10">
      <c r="G43304" s="16"/>
      <c r="H43304" s="16"/>
      <c r="I43304" s="16"/>
      <c r="J43304" s="16"/>
    </row>
    <row r="43305" spans="7:10">
      <c r="G43305" s="16"/>
      <c r="H43305" s="16"/>
      <c r="I43305" s="16"/>
      <c r="J43305" s="16"/>
    </row>
    <row r="43306" spans="7:10">
      <c r="G43306" s="16"/>
      <c r="H43306" s="16"/>
      <c r="I43306" s="16"/>
      <c r="J43306" s="16"/>
    </row>
    <row r="43307" spans="7:10">
      <c r="G43307" s="16"/>
      <c r="H43307" s="16"/>
      <c r="I43307" s="16"/>
      <c r="J43307" s="16"/>
    </row>
    <row r="43308" spans="7:10">
      <c r="G43308" s="16"/>
      <c r="H43308" s="16"/>
      <c r="I43308" s="16"/>
      <c r="J43308" s="16"/>
    </row>
    <row r="43309" spans="7:10">
      <c r="G43309" s="16"/>
      <c r="H43309" s="16"/>
      <c r="I43309" s="16"/>
      <c r="J43309" s="16"/>
    </row>
    <row r="43310" spans="7:10">
      <c r="G43310" s="16"/>
      <c r="H43310" s="16"/>
      <c r="I43310" s="16"/>
      <c r="J43310" s="16"/>
    </row>
    <row r="43311" spans="7:10">
      <c r="G43311" s="16"/>
      <c r="H43311" s="16"/>
      <c r="I43311" s="16"/>
      <c r="J43311" s="16"/>
    </row>
    <row r="43312" spans="7:10">
      <c r="G43312" s="16"/>
      <c r="H43312" s="16"/>
      <c r="I43312" s="16"/>
      <c r="J43312" s="16"/>
    </row>
    <row r="43313" spans="7:10">
      <c r="G43313" s="16"/>
      <c r="H43313" s="16"/>
      <c r="I43313" s="16"/>
      <c r="J43313" s="16"/>
    </row>
    <row r="43314" spans="7:10">
      <c r="G43314" s="16"/>
      <c r="H43314" s="16"/>
      <c r="I43314" s="16"/>
      <c r="J43314" s="16"/>
    </row>
    <row r="43315" spans="7:10">
      <c r="G43315" s="16"/>
      <c r="H43315" s="16"/>
      <c r="I43315" s="16"/>
      <c r="J43315" s="16"/>
    </row>
    <row r="43316" spans="7:10">
      <c r="G43316" s="16"/>
      <c r="H43316" s="16"/>
      <c r="I43316" s="16"/>
      <c r="J43316" s="16"/>
    </row>
    <row r="43317" spans="7:10">
      <c r="G43317" s="16"/>
      <c r="H43317" s="16"/>
      <c r="I43317" s="16"/>
      <c r="J43317" s="16"/>
    </row>
    <row r="43318" spans="7:10">
      <c r="G43318" s="16"/>
      <c r="H43318" s="16"/>
      <c r="I43318" s="16"/>
      <c r="J43318" s="16"/>
    </row>
    <row r="43319" spans="7:10">
      <c r="G43319" s="16"/>
      <c r="H43319" s="16"/>
      <c r="I43319" s="16"/>
      <c r="J43319" s="16"/>
    </row>
    <row r="43320" spans="7:10">
      <c r="G43320" s="16"/>
      <c r="H43320" s="16"/>
      <c r="I43320" s="16"/>
      <c r="J43320" s="16"/>
    </row>
    <row r="43321" spans="7:10">
      <c r="G43321" s="16"/>
      <c r="H43321" s="16"/>
      <c r="I43321" s="16"/>
      <c r="J43321" s="16"/>
    </row>
    <row r="43322" spans="7:10">
      <c r="G43322" s="16"/>
      <c r="H43322" s="16"/>
      <c r="I43322" s="16"/>
      <c r="J43322" s="16"/>
    </row>
    <row r="43323" spans="7:10">
      <c r="G43323" s="16"/>
      <c r="H43323" s="16"/>
      <c r="I43323" s="16"/>
      <c r="J43323" s="16"/>
    </row>
    <row r="43324" spans="7:10">
      <c r="G43324" s="16"/>
      <c r="H43324" s="16"/>
      <c r="I43324" s="16"/>
      <c r="J43324" s="16"/>
    </row>
    <row r="43325" spans="7:10">
      <c r="G43325" s="16"/>
      <c r="H43325" s="16"/>
      <c r="I43325" s="16"/>
      <c r="J43325" s="16"/>
    </row>
    <row r="43326" spans="7:10">
      <c r="G43326" s="16"/>
      <c r="H43326" s="16"/>
      <c r="I43326" s="16"/>
      <c r="J43326" s="16"/>
    </row>
    <row r="43327" spans="7:10">
      <c r="G43327" s="16"/>
      <c r="H43327" s="16"/>
      <c r="I43327" s="16"/>
      <c r="J43327" s="16"/>
    </row>
    <row r="43328" spans="7:10">
      <c r="G43328" s="16"/>
      <c r="H43328" s="16"/>
      <c r="I43328" s="16"/>
      <c r="J43328" s="16"/>
    </row>
    <row r="43329" spans="7:10">
      <c r="G43329" s="16"/>
      <c r="H43329" s="16"/>
      <c r="I43329" s="16"/>
      <c r="J43329" s="16"/>
    </row>
    <row r="43330" spans="7:10">
      <c r="G43330" s="16"/>
      <c r="H43330" s="16"/>
      <c r="I43330" s="16"/>
      <c r="J43330" s="16"/>
    </row>
    <row r="43331" spans="7:10">
      <c r="G43331" s="16"/>
      <c r="H43331" s="16"/>
      <c r="I43331" s="16"/>
      <c r="J43331" s="16"/>
    </row>
    <row r="43332" spans="7:10">
      <c r="G43332" s="16"/>
      <c r="H43332" s="16"/>
      <c r="I43332" s="16"/>
      <c r="J43332" s="16"/>
    </row>
    <row r="43333" spans="7:10">
      <c r="G43333" s="16"/>
      <c r="H43333" s="16"/>
      <c r="I43333" s="16"/>
      <c r="J43333" s="16"/>
    </row>
    <row r="43334" spans="7:10">
      <c r="G43334" s="16"/>
      <c r="H43334" s="16"/>
      <c r="I43334" s="16"/>
      <c r="J43334" s="16"/>
    </row>
    <row r="43335" spans="7:10">
      <c r="G43335" s="16"/>
      <c r="H43335" s="16"/>
      <c r="I43335" s="16"/>
      <c r="J43335" s="16"/>
    </row>
    <row r="43336" spans="7:10">
      <c r="G43336" s="16"/>
      <c r="H43336" s="16"/>
      <c r="I43336" s="16"/>
      <c r="J43336" s="16"/>
    </row>
    <row r="43337" spans="7:10">
      <c r="G43337" s="16"/>
      <c r="H43337" s="16"/>
      <c r="I43337" s="16"/>
      <c r="J43337" s="16"/>
    </row>
    <row r="43338" spans="7:10">
      <c r="G43338" s="16"/>
      <c r="H43338" s="16"/>
      <c r="I43338" s="16"/>
      <c r="J43338" s="16"/>
    </row>
    <row r="43339" spans="7:10">
      <c r="G43339" s="16"/>
      <c r="H43339" s="16"/>
      <c r="I43339" s="16"/>
      <c r="J43339" s="16"/>
    </row>
    <row r="43340" spans="7:10">
      <c r="G43340" s="16"/>
      <c r="H43340" s="16"/>
      <c r="I43340" s="16"/>
      <c r="J43340" s="16"/>
    </row>
    <row r="43341" spans="7:10">
      <c r="G43341" s="16"/>
      <c r="H43341" s="16"/>
      <c r="I43341" s="16"/>
      <c r="J43341" s="16"/>
    </row>
    <row r="43342" spans="7:10">
      <c r="G43342" s="16"/>
      <c r="H43342" s="16"/>
      <c r="I43342" s="16"/>
      <c r="J43342" s="16"/>
    </row>
    <row r="43343" spans="7:10">
      <c r="G43343" s="16"/>
      <c r="H43343" s="16"/>
      <c r="I43343" s="16"/>
      <c r="J43343" s="16"/>
    </row>
    <row r="43344" spans="7:10">
      <c r="G43344" s="16"/>
      <c r="H43344" s="16"/>
      <c r="I43344" s="16"/>
      <c r="J43344" s="16"/>
    </row>
    <row r="43345" spans="7:10">
      <c r="G43345" s="16"/>
      <c r="H43345" s="16"/>
      <c r="I43345" s="16"/>
      <c r="J43345" s="16"/>
    </row>
    <row r="43346" spans="7:10">
      <c r="G43346" s="16"/>
      <c r="H43346" s="16"/>
      <c r="I43346" s="16"/>
      <c r="J43346" s="16"/>
    </row>
    <row r="43347" spans="7:10">
      <c r="G43347" s="16"/>
      <c r="H43347" s="16"/>
      <c r="I43347" s="16"/>
      <c r="J43347" s="16"/>
    </row>
    <row r="43348" spans="7:10">
      <c r="G43348" s="16"/>
      <c r="H43348" s="16"/>
      <c r="I43348" s="16"/>
      <c r="J43348" s="16"/>
    </row>
    <row r="43349" spans="7:10">
      <c r="G43349" s="16"/>
      <c r="H43349" s="16"/>
      <c r="I43349" s="16"/>
      <c r="J43349" s="16"/>
    </row>
    <row r="43350" spans="7:10">
      <c r="G43350" s="16"/>
      <c r="H43350" s="16"/>
      <c r="I43350" s="16"/>
      <c r="J43350" s="16"/>
    </row>
    <row r="43351" spans="7:10">
      <c r="G43351" s="16"/>
      <c r="H43351" s="16"/>
      <c r="I43351" s="16"/>
      <c r="J43351" s="16"/>
    </row>
    <row r="43352" spans="7:10">
      <c r="G43352" s="16"/>
      <c r="H43352" s="16"/>
      <c r="I43352" s="16"/>
      <c r="J43352" s="16"/>
    </row>
    <row r="43353" spans="7:10">
      <c r="G43353" s="16"/>
      <c r="H43353" s="16"/>
      <c r="I43353" s="16"/>
      <c r="J43353" s="16"/>
    </row>
    <row r="43354" spans="7:10">
      <c r="G43354" s="16"/>
      <c r="H43354" s="16"/>
      <c r="I43354" s="16"/>
      <c r="J43354" s="16"/>
    </row>
    <row r="43355" spans="7:10">
      <c r="G43355" s="16"/>
      <c r="H43355" s="16"/>
      <c r="I43355" s="16"/>
      <c r="J43355" s="16"/>
    </row>
    <row r="43356" spans="7:10">
      <c r="G43356" s="16"/>
      <c r="H43356" s="16"/>
      <c r="I43356" s="16"/>
      <c r="J43356" s="16"/>
    </row>
    <row r="43357" spans="7:10">
      <c r="G43357" s="16"/>
      <c r="H43357" s="16"/>
      <c r="I43357" s="16"/>
      <c r="J43357" s="16"/>
    </row>
    <row r="43358" spans="7:10">
      <c r="G43358" s="16"/>
      <c r="H43358" s="16"/>
      <c r="I43358" s="16"/>
      <c r="J43358" s="16"/>
    </row>
    <row r="43359" spans="7:10">
      <c r="G43359" s="16"/>
      <c r="H43359" s="16"/>
      <c r="I43359" s="16"/>
      <c r="J43359" s="16"/>
    </row>
    <row r="43360" spans="7:10">
      <c r="G43360" s="16"/>
      <c r="H43360" s="16"/>
      <c r="I43360" s="16"/>
      <c r="J43360" s="16"/>
    </row>
    <row r="43361" spans="7:10">
      <c r="G43361" s="16"/>
      <c r="H43361" s="16"/>
      <c r="I43361" s="16"/>
      <c r="J43361" s="16"/>
    </row>
    <row r="43362" spans="7:10">
      <c r="G43362" s="16"/>
      <c r="H43362" s="16"/>
      <c r="I43362" s="16"/>
      <c r="J43362" s="16"/>
    </row>
    <row r="43363" spans="7:10">
      <c r="G43363" s="16"/>
      <c r="H43363" s="16"/>
      <c r="I43363" s="16"/>
      <c r="J43363" s="16"/>
    </row>
    <row r="43364" spans="7:10">
      <c r="G43364" s="16"/>
      <c r="H43364" s="16"/>
      <c r="I43364" s="16"/>
      <c r="J43364" s="16"/>
    </row>
    <row r="43365" spans="7:10">
      <c r="G43365" s="16"/>
      <c r="H43365" s="16"/>
      <c r="I43365" s="16"/>
      <c r="J43365" s="16"/>
    </row>
    <row r="43366" spans="7:10">
      <c r="G43366" s="16"/>
      <c r="H43366" s="16"/>
      <c r="I43366" s="16"/>
      <c r="J43366" s="16"/>
    </row>
    <row r="43367" spans="7:10">
      <c r="G43367" s="16"/>
      <c r="H43367" s="16"/>
      <c r="I43367" s="16"/>
      <c r="J43367" s="16"/>
    </row>
    <row r="43368" spans="7:10">
      <c r="G43368" s="16"/>
      <c r="H43368" s="16"/>
      <c r="I43368" s="16"/>
      <c r="J43368" s="16"/>
    </row>
    <row r="43369" spans="7:10">
      <c r="G43369" s="16"/>
      <c r="H43369" s="16"/>
      <c r="I43369" s="16"/>
      <c r="J43369" s="16"/>
    </row>
    <row r="43370" spans="7:10">
      <c r="G43370" s="16"/>
      <c r="H43370" s="16"/>
      <c r="I43370" s="16"/>
      <c r="J43370" s="16"/>
    </row>
    <row r="43371" spans="7:10">
      <c r="G43371" s="16"/>
      <c r="H43371" s="16"/>
      <c r="I43371" s="16"/>
      <c r="J43371" s="16"/>
    </row>
    <row r="43372" spans="7:10">
      <c r="G43372" s="16"/>
      <c r="H43372" s="16"/>
      <c r="I43372" s="16"/>
      <c r="J43372" s="16"/>
    </row>
    <row r="43373" spans="7:10">
      <c r="G43373" s="16"/>
      <c r="H43373" s="16"/>
      <c r="I43373" s="16"/>
      <c r="J43373" s="16"/>
    </row>
    <row r="43374" spans="7:10">
      <c r="G43374" s="16"/>
      <c r="H43374" s="16"/>
      <c r="I43374" s="16"/>
      <c r="J43374" s="16"/>
    </row>
    <row r="43375" spans="7:10">
      <c r="G43375" s="16"/>
      <c r="H43375" s="16"/>
      <c r="I43375" s="16"/>
      <c r="J43375" s="16"/>
    </row>
    <row r="43376" spans="7:10">
      <c r="G43376" s="16"/>
      <c r="H43376" s="16"/>
      <c r="I43376" s="16"/>
      <c r="J43376" s="16"/>
    </row>
    <row r="43377" spans="7:10">
      <c r="G43377" s="16"/>
      <c r="H43377" s="16"/>
      <c r="I43377" s="16"/>
      <c r="J43377" s="16"/>
    </row>
    <row r="43378" spans="7:10">
      <c r="G43378" s="16"/>
      <c r="H43378" s="16"/>
      <c r="I43378" s="16"/>
      <c r="J43378" s="16"/>
    </row>
    <row r="43379" spans="7:10">
      <c r="G43379" s="16"/>
      <c r="H43379" s="16"/>
      <c r="I43379" s="16"/>
      <c r="J43379" s="16"/>
    </row>
    <row r="43380" spans="7:10">
      <c r="G43380" s="16"/>
      <c r="H43380" s="16"/>
      <c r="I43380" s="16"/>
      <c r="J43380" s="16"/>
    </row>
    <row r="43381" spans="7:10">
      <c r="G43381" s="16"/>
      <c r="H43381" s="16"/>
      <c r="I43381" s="16"/>
      <c r="J43381" s="16"/>
    </row>
    <row r="43382" spans="7:10">
      <c r="G43382" s="16"/>
      <c r="H43382" s="16"/>
      <c r="I43382" s="16"/>
      <c r="J43382" s="16"/>
    </row>
    <row r="43383" spans="7:10">
      <c r="G43383" s="16"/>
      <c r="H43383" s="16"/>
      <c r="I43383" s="16"/>
      <c r="J43383" s="16"/>
    </row>
    <row r="43384" spans="7:10">
      <c r="G43384" s="16"/>
      <c r="H43384" s="16"/>
      <c r="I43384" s="16"/>
      <c r="J43384" s="16"/>
    </row>
    <row r="43385" spans="7:10">
      <c r="G43385" s="16"/>
      <c r="H43385" s="16"/>
      <c r="I43385" s="16"/>
      <c r="J43385" s="16"/>
    </row>
    <row r="43386" spans="7:10">
      <c r="G43386" s="16"/>
      <c r="H43386" s="16"/>
      <c r="I43386" s="16"/>
      <c r="J43386" s="16"/>
    </row>
    <row r="43387" spans="7:10">
      <c r="G43387" s="16"/>
      <c r="H43387" s="16"/>
      <c r="I43387" s="16"/>
      <c r="J43387" s="16"/>
    </row>
    <row r="43388" spans="7:10">
      <c r="G43388" s="16"/>
      <c r="H43388" s="16"/>
      <c r="I43388" s="16"/>
      <c r="J43388" s="16"/>
    </row>
    <row r="43389" spans="7:10">
      <c r="G43389" s="16"/>
      <c r="H43389" s="16"/>
      <c r="I43389" s="16"/>
      <c r="J43389" s="16"/>
    </row>
    <row r="43390" spans="7:10">
      <c r="G43390" s="16"/>
      <c r="H43390" s="16"/>
      <c r="I43390" s="16"/>
      <c r="J43390" s="16"/>
    </row>
    <row r="43391" spans="7:10">
      <c r="G43391" s="16"/>
      <c r="H43391" s="16"/>
      <c r="I43391" s="16"/>
      <c r="J43391" s="16"/>
    </row>
    <row r="43392" spans="7:10">
      <c r="G43392" s="16"/>
      <c r="H43392" s="16"/>
      <c r="I43392" s="16"/>
      <c r="J43392" s="16"/>
    </row>
    <row r="43393" spans="7:10">
      <c r="G43393" s="16"/>
      <c r="H43393" s="16"/>
      <c r="I43393" s="16"/>
      <c r="J43393" s="16"/>
    </row>
    <row r="43394" spans="7:10">
      <c r="G43394" s="16"/>
      <c r="H43394" s="16"/>
      <c r="I43394" s="16"/>
      <c r="J43394" s="16"/>
    </row>
    <row r="43395" spans="7:10">
      <c r="G43395" s="16"/>
      <c r="H43395" s="16"/>
      <c r="I43395" s="16"/>
      <c r="J43395" s="16"/>
    </row>
    <row r="43396" spans="7:10">
      <c r="G43396" s="16"/>
      <c r="H43396" s="16"/>
      <c r="I43396" s="16"/>
      <c r="J43396" s="16"/>
    </row>
    <row r="43397" spans="7:10">
      <c r="G43397" s="16"/>
      <c r="H43397" s="16"/>
      <c r="I43397" s="16"/>
      <c r="J43397" s="16"/>
    </row>
    <row r="43398" spans="7:10">
      <c r="G43398" s="16"/>
      <c r="H43398" s="16"/>
      <c r="I43398" s="16"/>
      <c r="J43398" s="16"/>
    </row>
    <row r="43399" spans="7:10">
      <c r="G43399" s="16"/>
      <c r="H43399" s="16"/>
      <c r="I43399" s="16"/>
      <c r="J43399" s="16"/>
    </row>
    <row r="43400" spans="7:10">
      <c r="G43400" s="16"/>
      <c r="H43400" s="16"/>
      <c r="I43400" s="16"/>
      <c r="J43400" s="16"/>
    </row>
    <row r="43401" spans="7:10">
      <c r="G43401" s="16"/>
      <c r="H43401" s="16"/>
      <c r="I43401" s="16"/>
      <c r="J43401" s="16"/>
    </row>
    <row r="43402" spans="7:10">
      <c r="G43402" s="16"/>
      <c r="H43402" s="16"/>
      <c r="I43402" s="16"/>
      <c r="J43402" s="16"/>
    </row>
    <row r="43403" spans="7:10">
      <c r="G43403" s="16"/>
      <c r="H43403" s="16"/>
      <c r="I43403" s="16"/>
      <c r="J43403" s="16"/>
    </row>
    <row r="43404" spans="7:10">
      <c r="G43404" s="16"/>
      <c r="H43404" s="16"/>
      <c r="I43404" s="16"/>
      <c r="J43404" s="16"/>
    </row>
    <row r="43405" spans="7:10">
      <c r="G43405" s="16"/>
      <c r="H43405" s="16"/>
      <c r="I43405" s="16"/>
      <c r="J43405" s="16"/>
    </row>
    <row r="43406" spans="7:10">
      <c r="G43406" s="16"/>
      <c r="H43406" s="16"/>
      <c r="I43406" s="16"/>
      <c r="J43406" s="16"/>
    </row>
    <row r="43407" spans="7:10">
      <c r="G43407" s="16"/>
      <c r="H43407" s="16"/>
      <c r="I43407" s="16"/>
      <c r="J43407" s="16"/>
    </row>
    <row r="43408" spans="7:10">
      <c r="G43408" s="16"/>
      <c r="H43408" s="16"/>
      <c r="I43408" s="16"/>
      <c r="J43408" s="16"/>
    </row>
    <row r="43409" spans="7:10">
      <c r="G43409" s="16"/>
      <c r="H43409" s="16"/>
      <c r="I43409" s="16"/>
      <c r="J43409" s="16"/>
    </row>
    <row r="43410" spans="7:10">
      <c r="G43410" s="16"/>
      <c r="H43410" s="16"/>
      <c r="I43410" s="16"/>
      <c r="J43410" s="16"/>
    </row>
    <row r="43411" spans="7:10">
      <c r="G43411" s="16"/>
      <c r="H43411" s="16"/>
      <c r="I43411" s="16"/>
      <c r="J43411" s="16"/>
    </row>
    <row r="43412" spans="7:10">
      <c r="G43412" s="16"/>
      <c r="H43412" s="16"/>
      <c r="I43412" s="16"/>
      <c r="J43412" s="16"/>
    </row>
    <row r="43413" spans="7:10">
      <c r="G43413" s="16"/>
      <c r="H43413" s="16"/>
      <c r="I43413" s="16"/>
      <c r="J43413" s="16"/>
    </row>
    <row r="43414" spans="7:10">
      <c r="G43414" s="16"/>
      <c r="H43414" s="16"/>
      <c r="I43414" s="16"/>
      <c r="J43414" s="16"/>
    </row>
    <row r="43415" spans="7:10">
      <c r="G43415" s="16"/>
      <c r="H43415" s="16"/>
      <c r="I43415" s="16"/>
      <c r="J43415" s="16"/>
    </row>
    <row r="43416" spans="7:10">
      <c r="G43416" s="16"/>
      <c r="H43416" s="16"/>
      <c r="I43416" s="16"/>
      <c r="J43416" s="16"/>
    </row>
    <row r="43417" spans="7:10">
      <c r="G43417" s="16"/>
      <c r="H43417" s="16"/>
      <c r="I43417" s="16"/>
      <c r="J43417" s="16"/>
    </row>
    <row r="43418" spans="7:10">
      <c r="G43418" s="16"/>
      <c r="H43418" s="16"/>
      <c r="I43418" s="16"/>
      <c r="J43418" s="16"/>
    </row>
    <row r="43419" spans="7:10">
      <c r="G43419" s="16"/>
      <c r="H43419" s="16"/>
      <c r="I43419" s="16"/>
      <c r="J43419" s="16"/>
    </row>
    <row r="43420" spans="7:10">
      <c r="G43420" s="16"/>
      <c r="H43420" s="16"/>
      <c r="I43420" s="16"/>
      <c r="J43420" s="16"/>
    </row>
    <row r="43421" spans="7:10">
      <c r="G43421" s="16"/>
      <c r="H43421" s="16"/>
      <c r="I43421" s="16"/>
      <c r="J43421" s="16"/>
    </row>
    <row r="43422" spans="7:10">
      <c r="G43422" s="16"/>
      <c r="H43422" s="16"/>
      <c r="I43422" s="16"/>
      <c r="J43422" s="16"/>
    </row>
    <row r="43423" spans="7:10">
      <c r="G43423" s="16"/>
      <c r="H43423" s="16"/>
      <c r="I43423" s="16"/>
      <c r="J43423" s="16"/>
    </row>
    <row r="43424" spans="7:10">
      <c r="G43424" s="16"/>
      <c r="H43424" s="16"/>
      <c r="I43424" s="16"/>
      <c r="J43424" s="16"/>
    </row>
    <row r="43425" spans="7:10">
      <c r="G43425" s="16"/>
      <c r="H43425" s="16"/>
      <c r="I43425" s="16"/>
      <c r="J43425" s="16"/>
    </row>
    <row r="43426" spans="7:10">
      <c r="G43426" s="16"/>
      <c r="H43426" s="16"/>
      <c r="I43426" s="16"/>
      <c r="J43426" s="16"/>
    </row>
    <row r="43427" spans="7:10">
      <c r="G43427" s="16"/>
      <c r="H43427" s="16"/>
      <c r="I43427" s="16"/>
      <c r="J43427" s="16"/>
    </row>
    <row r="43428" spans="7:10">
      <c r="G43428" s="16"/>
      <c r="H43428" s="16"/>
      <c r="I43428" s="16"/>
      <c r="J43428" s="16"/>
    </row>
    <row r="43429" spans="7:10">
      <c r="G43429" s="16"/>
      <c r="H43429" s="16"/>
      <c r="I43429" s="16"/>
      <c r="J43429" s="16"/>
    </row>
    <row r="43430" spans="7:10">
      <c r="G43430" s="16"/>
      <c r="H43430" s="16"/>
      <c r="I43430" s="16"/>
      <c r="J43430" s="16"/>
    </row>
    <row r="43431" spans="7:10">
      <c r="G43431" s="16"/>
      <c r="H43431" s="16"/>
      <c r="I43431" s="16"/>
      <c r="J43431" s="16"/>
    </row>
    <row r="43432" spans="7:10">
      <c r="G43432" s="16"/>
      <c r="H43432" s="16"/>
      <c r="I43432" s="16"/>
      <c r="J43432" s="16"/>
    </row>
    <row r="43433" spans="7:10">
      <c r="G43433" s="16"/>
      <c r="H43433" s="16"/>
      <c r="I43433" s="16"/>
      <c r="J43433" s="16"/>
    </row>
    <row r="43434" spans="7:10">
      <c r="G43434" s="16"/>
      <c r="H43434" s="16"/>
      <c r="I43434" s="16"/>
      <c r="J43434" s="16"/>
    </row>
    <row r="43435" spans="7:10">
      <c r="G43435" s="16"/>
      <c r="H43435" s="16"/>
      <c r="I43435" s="16"/>
      <c r="J43435" s="16"/>
    </row>
    <row r="43436" spans="7:10">
      <c r="G43436" s="16"/>
      <c r="H43436" s="16"/>
      <c r="I43436" s="16"/>
      <c r="J43436" s="16"/>
    </row>
    <row r="43437" spans="7:10">
      <c r="G43437" s="16"/>
      <c r="H43437" s="16"/>
      <c r="I43437" s="16"/>
      <c r="J43437" s="16"/>
    </row>
    <row r="43438" spans="7:10">
      <c r="G43438" s="16"/>
      <c r="H43438" s="16"/>
      <c r="I43438" s="16"/>
      <c r="J43438" s="16"/>
    </row>
    <row r="43439" spans="7:10">
      <c r="G43439" s="16"/>
      <c r="H43439" s="16"/>
      <c r="I43439" s="16"/>
      <c r="J43439" s="16"/>
    </row>
    <row r="43440" spans="7:10">
      <c r="G43440" s="16"/>
      <c r="H43440" s="16"/>
      <c r="I43440" s="16"/>
      <c r="J43440" s="16"/>
    </row>
    <row r="43441" spans="7:10">
      <c r="G43441" s="16"/>
      <c r="H43441" s="16"/>
      <c r="I43441" s="16"/>
      <c r="J43441" s="16"/>
    </row>
    <row r="43442" spans="7:10">
      <c r="G43442" s="16"/>
      <c r="H43442" s="16"/>
      <c r="I43442" s="16"/>
      <c r="J43442" s="16"/>
    </row>
    <row r="43443" spans="7:10">
      <c r="G43443" s="16"/>
      <c r="H43443" s="16"/>
      <c r="I43443" s="16"/>
      <c r="J43443" s="16"/>
    </row>
    <row r="43444" spans="7:10">
      <c r="G43444" s="16"/>
      <c r="H43444" s="16"/>
      <c r="I43444" s="16"/>
      <c r="J43444" s="16"/>
    </row>
    <row r="43445" spans="7:10">
      <c r="G43445" s="16"/>
      <c r="H43445" s="16"/>
      <c r="I43445" s="16"/>
      <c r="J43445" s="16"/>
    </row>
    <row r="43446" spans="7:10">
      <c r="G43446" s="16"/>
      <c r="H43446" s="16"/>
      <c r="I43446" s="16"/>
      <c r="J43446" s="16"/>
    </row>
    <row r="43447" spans="7:10">
      <c r="G43447" s="16"/>
      <c r="H43447" s="16"/>
      <c r="I43447" s="16"/>
      <c r="J43447" s="16"/>
    </row>
    <row r="43448" spans="7:10">
      <c r="G43448" s="16"/>
      <c r="H43448" s="16"/>
      <c r="I43448" s="16"/>
      <c r="J43448" s="16"/>
    </row>
    <row r="43449" spans="7:10">
      <c r="G43449" s="16"/>
      <c r="H43449" s="16"/>
      <c r="I43449" s="16"/>
      <c r="J43449" s="16"/>
    </row>
    <row r="43450" spans="7:10">
      <c r="G43450" s="16"/>
      <c r="H43450" s="16"/>
      <c r="I43450" s="16"/>
      <c r="J43450" s="16"/>
    </row>
    <row r="43451" spans="7:10">
      <c r="G43451" s="16"/>
      <c r="H43451" s="16"/>
      <c r="I43451" s="16"/>
      <c r="J43451" s="16"/>
    </row>
    <row r="43452" spans="7:10">
      <c r="G43452" s="16"/>
      <c r="H43452" s="16"/>
      <c r="I43452" s="16"/>
      <c r="J43452" s="16"/>
    </row>
    <row r="43453" spans="7:10">
      <c r="G43453" s="16"/>
      <c r="H43453" s="16"/>
      <c r="I43453" s="16"/>
      <c r="J43453" s="16"/>
    </row>
    <row r="43454" spans="7:10">
      <c r="G43454" s="16"/>
      <c r="H43454" s="16"/>
      <c r="I43454" s="16"/>
      <c r="J43454" s="16"/>
    </row>
    <row r="43455" spans="7:10">
      <c r="G43455" s="16"/>
      <c r="H43455" s="16"/>
      <c r="I43455" s="16"/>
      <c r="J43455" s="16"/>
    </row>
    <row r="43456" spans="7:10">
      <c r="G43456" s="16"/>
      <c r="H43456" s="16"/>
      <c r="I43456" s="16"/>
      <c r="J43456" s="16"/>
    </row>
    <row r="43457" spans="7:10">
      <c r="G43457" s="16"/>
      <c r="H43457" s="16"/>
      <c r="I43457" s="16"/>
      <c r="J43457" s="16"/>
    </row>
    <row r="43458" spans="7:10">
      <c r="G43458" s="16"/>
      <c r="H43458" s="16"/>
      <c r="I43458" s="16"/>
      <c r="J43458" s="16"/>
    </row>
    <row r="43459" spans="7:10">
      <c r="G43459" s="16"/>
      <c r="H43459" s="16"/>
      <c r="I43459" s="16"/>
      <c r="J43459" s="16"/>
    </row>
    <row r="43460" spans="7:10">
      <c r="G43460" s="16"/>
      <c r="H43460" s="16"/>
      <c r="I43460" s="16"/>
      <c r="J43460" s="16"/>
    </row>
    <row r="43461" spans="7:10">
      <c r="G43461" s="16"/>
      <c r="H43461" s="16"/>
      <c r="I43461" s="16"/>
      <c r="J43461" s="16"/>
    </row>
    <row r="43462" spans="7:10">
      <c r="G43462" s="16"/>
      <c r="H43462" s="16"/>
      <c r="I43462" s="16"/>
      <c r="J43462" s="16"/>
    </row>
    <row r="43463" spans="7:10">
      <c r="G43463" s="16"/>
      <c r="H43463" s="16"/>
      <c r="I43463" s="16"/>
      <c r="J43463" s="16"/>
    </row>
    <row r="43464" spans="7:10">
      <c r="G43464" s="16"/>
      <c r="H43464" s="16"/>
      <c r="I43464" s="16"/>
      <c r="J43464" s="16"/>
    </row>
    <row r="43465" spans="7:10">
      <c r="G43465" s="16"/>
      <c r="H43465" s="16"/>
      <c r="I43465" s="16"/>
      <c r="J43465" s="16"/>
    </row>
    <row r="43466" spans="7:10">
      <c r="G43466" s="16"/>
      <c r="H43466" s="16"/>
      <c r="I43466" s="16"/>
      <c r="J43466" s="16"/>
    </row>
    <row r="43467" spans="7:10">
      <c r="G43467" s="16"/>
      <c r="H43467" s="16"/>
      <c r="I43467" s="16"/>
      <c r="J43467" s="16"/>
    </row>
    <row r="43468" spans="7:10">
      <c r="G43468" s="16"/>
      <c r="H43468" s="16"/>
      <c r="I43468" s="16"/>
      <c r="J43468" s="16"/>
    </row>
    <row r="43469" spans="7:10">
      <c r="G43469" s="16"/>
      <c r="H43469" s="16"/>
      <c r="I43469" s="16"/>
      <c r="J43469" s="16"/>
    </row>
    <row r="43470" spans="7:10">
      <c r="G43470" s="16"/>
      <c r="H43470" s="16"/>
      <c r="I43470" s="16"/>
      <c r="J43470" s="16"/>
    </row>
    <row r="43471" spans="7:10">
      <c r="G43471" s="16"/>
      <c r="H43471" s="16"/>
      <c r="I43471" s="16"/>
      <c r="J43471" s="16"/>
    </row>
    <row r="43472" spans="7:10">
      <c r="G43472" s="16"/>
      <c r="H43472" s="16"/>
      <c r="I43472" s="16"/>
      <c r="J43472" s="16"/>
    </row>
    <row r="43473" spans="7:10">
      <c r="G43473" s="16"/>
      <c r="H43473" s="16"/>
      <c r="I43473" s="16"/>
      <c r="J43473" s="16"/>
    </row>
    <row r="43474" spans="7:10">
      <c r="G43474" s="16"/>
      <c r="H43474" s="16"/>
      <c r="I43474" s="16"/>
      <c r="J43474" s="16"/>
    </row>
    <row r="43475" spans="7:10">
      <c r="G43475" s="16"/>
      <c r="H43475" s="16"/>
      <c r="I43475" s="16"/>
      <c r="J43475" s="16"/>
    </row>
    <row r="43476" spans="7:10">
      <c r="G43476" s="16"/>
      <c r="H43476" s="16"/>
      <c r="I43476" s="16"/>
      <c r="J43476" s="16"/>
    </row>
    <row r="43477" spans="7:10">
      <c r="G43477" s="16"/>
      <c r="H43477" s="16"/>
      <c r="I43477" s="16"/>
      <c r="J43477" s="16"/>
    </row>
    <row r="43478" spans="7:10">
      <c r="G43478" s="16"/>
      <c r="H43478" s="16"/>
      <c r="I43478" s="16"/>
      <c r="J43478" s="16"/>
    </row>
    <row r="43479" spans="7:10">
      <c r="G43479" s="16"/>
      <c r="H43479" s="16"/>
      <c r="I43479" s="16"/>
      <c r="J43479" s="16"/>
    </row>
    <row r="43480" spans="7:10">
      <c r="G43480" s="16"/>
      <c r="H43480" s="16"/>
      <c r="I43480" s="16"/>
      <c r="J43480" s="16"/>
    </row>
    <row r="43481" spans="7:10">
      <c r="G43481" s="16"/>
      <c r="H43481" s="16"/>
      <c r="I43481" s="16"/>
      <c r="J43481" s="16"/>
    </row>
    <row r="43482" spans="7:10">
      <c r="G43482" s="16"/>
      <c r="H43482" s="16"/>
      <c r="I43482" s="16"/>
      <c r="J43482" s="16"/>
    </row>
    <row r="43483" spans="7:10">
      <c r="G43483" s="16"/>
      <c r="H43483" s="16"/>
      <c r="I43483" s="16"/>
      <c r="J43483" s="16"/>
    </row>
    <row r="43484" spans="7:10">
      <c r="G43484" s="16"/>
      <c r="H43484" s="16"/>
      <c r="I43484" s="16"/>
      <c r="J43484" s="16"/>
    </row>
    <row r="43485" spans="7:10">
      <c r="G43485" s="16"/>
      <c r="H43485" s="16"/>
      <c r="I43485" s="16"/>
      <c r="J43485" s="16"/>
    </row>
    <row r="43486" spans="7:10">
      <c r="G43486" s="16"/>
      <c r="H43486" s="16"/>
      <c r="I43486" s="16"/>
      <c r="J43486" s="16"/>
    </row>
    <row r="43487" spans="7:10">
      <c r="G43487" s="16"/>
      <c r="H43487" s="16"/>
      <c r="I43487" s="16"/>
      <c r="J43487" s="16"/>
    </row>
    <row r="43488" spans="7:10">
      <c r="G43488" s="16"/>
      <c r="H43488" s="16"/>
      <c r="I43488" s="16"/>
      <c r="J43488" s="16"/>
    </row>
    <row r="43489" spans="7:10">
      <c r="G43489" s="16"/>
      <c r="H43489" s="16"/>
      <c r="I43489" s="16"/>
      <c r="J43489" s="16"/>
    </row>
    <row r="43490" spans="7:10">
      <c r="G43490" s="16"/>
      <c r="H43490" s="16"/>
      <c r="I43490" s="16"/>
      <c r="J43490" s="16"/>
    </row>
    <row r="43491" spans="7:10">
      <c r="G43491" s="16"/>
      <c r="H43491" s="16"/>
      <c r="I43491" s="16"/>
      <c r="J43491" s="16"/>
    </row>
    <row r="43492" spans="7:10">
      <c r="G43492" s="16"/>
      <c r="H43492" s="16"/>
      <c r="I43492" s="16"/>
      <c r="J43492" s="16"/>
    </row>
    <row r="43493" spans="7:10">
      <c r="G43493" s="16"/>
      <c r="H43493" s="16"/>
      <c r="I43493" s="16"/>
      <c r="J43493" s="16"/>
    </row>
    <row r="43494" spans="7:10">
      <c r="G43494" s="16"/>
      <c r="H43494" s="16"/>
      <c r="I43494" s="16"/>
      <c r="J43494" s="16"/>
    </row>
    <row r="43495" spans="7:10">
      <c r="G43495" s="16"/>
      <c r="H43495" s="16"/>
      <c r="I43495" s="16"/>
      <c r="J43495" s="16"/>
    </row>
    <row r="43496" spans="7:10">
      <c r="G43496" s="16"/>
      <c r="H43496" s="16"/>
      <c r="I43496" s="16"/>
      <c r="J43496" s="16"/>
    </row>
    <row r="43497" spans="7:10">
      <c r="G43497" s="16"/>
      <c r="H43497" s="16"/>
      <c r="I43497" s="16"/>
      <c r="J43497" s="16"/>
    </row>
    <row r="43498" spans="7:10">
      <c r="G43498" s="16"/>
      <c r="H43498" s="16"/>
      <c r="I43498" s="16"/>
      <c r="J43498" s="16"/>
    </row>
    <row r="43499" spans="7:10">
      <c r="G43499" s="16"/>
      <c r="H43499" s="16"/>
      <c r="I43499" s="16"/>
      <c r="J43499" s="16"/>
    </row>
    <row r="43500" spans="7:10">
      <c r="G43500" s="16"/>
      <c r="H43500" s="16"/>
      <c r="I43500" s="16"/>
      <c r="J43500" s="16"/>
    </row>
    <row r="43501" spans="7:10">
      <c r="G43501" s="16"/>
      <c r="H43501" s="16"/>
      <c r="I43501" s="16"/>
      <c r="J43501" s="16"/>
    </row>
    <row r="43502" spans="7:10">
      <c r="G43502" s="16"/>
      <c r="H43502" s="16"/>
      <c r="I43502" s="16"/>
      <c r="J43502" s="16"/>
    </row>
    <row r="43503" spans="7:10">
      <c r="G43503" s="16"/>
      <c r="H43503" s="16"/>
      <c r="I43503" s="16"/>
      <c r="J43503" s="16"/>
    </row>
    <row r="43504" spans="7:10">
      <c r="G43504" s="16"/>
      <c r="H43504" s="16"/>
      <c r="I43504" s="16"/>
      <c r="J43504" s="16"/>
    </row>
    <row r="43505" spans="7:10">
      <c r="G43505" s="16"/>
      <c r="H43505" s="16"/>
      <c r="I43505" s="16"/>
      <c r="J43505" s="16"/>
    </row>
    <row r="43506" spans="7:10">
      <c r="G43506" s="16"/>
      <c r="H43506" s="16"/>
      <c r="I43506" s="16"/>
      <c r="J43506" s="16"/>
    </row>
    <row r="43507" spans="7:10">
      <c r="G43507" s="16"/>
      <c r="H43507" s="16"/>
      <c r="I43507" s="16"/>
      <c r="J43507" s="16"/>
    </row>
    <row r="43508" spans="7:10">
      <c r="G43508" s="16"/>
      <c r="H43508" s="16"/>
      <c r="I43508" s="16"/>
      <c r="J43508" s="16"/>
    </row>
    <row r="43509" spans="7:10">
      <c r="G43509" s="16"/>
      <c r="H43509" s="16"/>
      <c r="I43509" s="16"/>
      <c r="J43509" s="16"/>
    </row>
    <row r="43510" spans="7:10">
      <c r="G43510" s="16"/>
      <c r="H43510" s="16"/>
      <c r="I43510" s="16"/>
      <c r="J43510" s="16"/>
    </row>
    <row r="43511" spans="7:10">
      <c r="G43511" s="16"/>
      <c r="H43511" s="16"/>
      <c r="I43511" s="16"/>
      <c r="J43511" s="16"/>
    </row>
    <row r="43512" spans="7:10">
      <c r="G43512" s="16"/>
      <c r="H43512" s="16"/>
      <c r="I43512" s="16"/>
      <c r="J43512" s="16"/>
    </row>
    <row r="43513" spans="7:10">
      <c r="G43513" s="16"/>
      <c r="H43513" s="16"/>
      <c r="I43513" s="16"/>
      <c r="J43513" s="16"/>
    </row>
    <row r="43514" spans="7:10">
      <c r="G43514" s="16"/>
      <c r="H43514" s="16"/>
      <c r="I43514" s="16"/>
      <c r="J43514" s="16"/>
    </row>
    <row r="43515" spans="7:10">
      <c r="G43515" s="16"/>
      <c r="H43515" s="16"/>
      <c r="I43515" s="16"/>
      <c r="J43515" s="16"/>
    </row>
    <row r="43516" spans="7:10">
      <c r="G43516" s="16"/>
      <c r="H43516" s="16"/>
      <c r="I43516" s="16"/>
      <c r="J43516" s="16"/>
    </row>
    <row r="43517" spans="7:10">
      <c r="G43517" s="16"/>
      <c r="H43517" s="16"/>
      <c r="I43517" s="16"/>
      <c r="J43517" s="16"/>
    </row>
    <row r="43518" spans="7:10">
      <c r="G43518" s="16"/>
      <c r="H43518" s="16"/>
      <c r="I43518" s="16"/>
      <c r="J43518" s="16"/>
    </row>
    <row r="43519" spans="7:10">
      <c r="G43519" s="16"/>
      <c r="H43519" s="16"/>
      <c r="I43519" s="16"/>
      <c r="J43519" s="16"/>
    </row>
    <row r="43520" spans="7:10">
      <c r="G43520" s="16"/>
      <c r="H43520" s="16"/>
      <c r="I43520" s="16"/>
      <c r="J43520" s="16"/>
    </row>
    <row r="43521" spans="7:10">
      <c r="G43521" s="16"/>
      <c r="H43521" s="16"/>
      <c r="I43521" s="16"/>
      <c r="J43521" s="16"/>
    </row>
    <row r="43522" spans="7:10">
      <c r="G43522" s="16"/>
      <c r="H43522" s="16"/>
      <c r="I43522" s="16"/>
      <c r="J43522" s="16"/>
    </row>
    <row r="43523" spans="7:10">
      <c r="G43523" s="16"/>
      <c r="H43523" s="16"/>
      <c r="I43523" s="16"/>
      <c r="J43523" s="16"/>
    </row>
    <row r="43524" spans="7:10">
      <c r="G43524" s="16"/>
      <c r="H43524" s="16"/>
      <c r="I43524" s="16"/>
      <c r="J43524" s="16"/>
    </row>
    <row r="43525" spans="7:10">
      <c r="G43525" s="16"/>
      <c r="H43525" s="16"/>
      <c r="I43525" s="16"/>
      <c r="J43525" s="16"/>
    </row>
    <row r="43526" spans="7:10">
      <c r="G43526" s="16"/>
      <c r="H43526" s="16"/>
      <c r="I43526" s="16"/>
      <c r="J43526" s="16"/>
    </row>
    <row r="43527" spans="7:10">
      <c r="G43527" s="16"/>
      <c r="H43527" s="16"/>
      <c r="I43527" s="16"/>
      <c r="J43527" s="16"/>
    </row>
    <row r="43528" spans="7:10">
      <c r="G43528" s="16"/>
      <c r="H43528" s="16"/>
      <c r="I43528" s="16"/>
      <c r="J43528" s="16"/>
    </row>
    <row r="43529" spans="7:10">
      <c r="G43529" s="16"/>
      <c r="H43529" s="16"/>
      <c r="I43529" s="16"/>
      <c r="J43529" s="16"/>
    </row>
    <row r="43530" spans="7:10">
      <c r="G43530" s="16"/>
      <c r="H43530" s="16"/>
      <c r="I43530" s="16"/>
      <c r="J43530" s="16"/>
    </row>
    <row r="43531" spans="7:10">
      <c r="G43531" s="16"/>
      <c r="H43531" s="16"/>
      <c r="I43531" s="16"/>
      <c r="J43531" s="16"/>
    </row>
    <row r="43532" spans="7:10">
      <c r="G43532" s="16"/>
      <c r="H43532" s="16"/>
      <c r="I43532" s="16"/>
      <c r="J43532" s="16"/>
    </row>
    <row r="43533" spans="7:10">
      <c r="G43533" s="16"/>
      <c r="H43533" s="16"/>
      <c r="I43533" s="16"/>
      <c r="J43533" s="16"/>
    </row>
    <row r="43534" spans="7:10">
      <c r="G43534" s="16"/>
      <c r="H43534" s="16"/>
      <c r="I43534" s="16"/>
      <c r="J43534" s="16"/>
    </row>
    <row r="43535" spans="7:10">
      <c r="G43535" s="16"/>
      <c r="H43535" s="16"/>
      <c r="I43535" s="16"/>
      <c r="J43535" s="16"/>
    </row>
    <row r="43536" spans="7:10">
      <c r="G43536" s="16"/>
      <c r="H43536" s="16"/>
      <c r="I43536" s="16"/>
      <c r="J43536" s="16"/>
    </row>
    <row r="43537" spans="7:10">
      <c r="G43537" s="16"/>
      <c r="H43537" s="16"/>
      <c r="I43537" s="16"/>
      <c r="J43537" s="16"/>
    </row>
    <row r="43538" spans="7:10">
      <c r="G43538" s="16"/>
      <c r="H43538" s="16"/>
      <c r="I43538" s="16"/>
      <c r="J43538" s="16"/>
    </row>
    <row r="43539" spans="7:10">
      <c r="G43539" s="16"/>
      <c r="H43539" s="16"/>
      <c r="I43539" s="16"/>
      <c r="J43539" s="16"/>
    </row>
    <row r="43540" spans="7:10">
      <c r="G43540" s="16"/>
      <c r="H43540" s="16"/>
      <c r="I43540" s="16"/>
      <c r="J43540" s="16"/>
    </row>
    <row r="43541" spans="7:10">
      <c r="G43541" s="16"/>
      <c r="H43541" s="16"/>
      <c r="I43541" s="16"/>
      <c r="J43541" s="16"/>
    </row>
    <row r="43542" spans="7:10">
      <c r="G43542" s="16"/>
      <c r="H43542" s="16"/>
      <c r="I43542" s="16"/>
      <c r="J43542" s="16"/>
    </row>
    <row r="43543" spans="7:10">
      <c r="G43543" s="16"/>
      <c r="H43543" s="16"/>
      <c r="I43543" s="16"/>
      <c r="J43543" s="16"/>
    </row>
    <row r="43544" spans="7:10">
      <c r="G43544" s="16"/>
      <c r="H43544" s="16"/>
      <c r="I43544" s="16"/>
      <c r="J43544" s="16"/>
    </row>
    <row r="43545" spans="7:10">
      <c r="G43545" s="16"/>
      <c r="H43545" s="16"/>
      <c r="I43545" s="16"/>
      <c r="J43545" s="16"/>
    </row>
    <row r="43546" spans="7:10">
      <c r="G43546" s="16"/>
      <c r="H43546" s="16"/>
      <c r="I43546" s="16"/>
      <c r="J43546" s="16"/>
    </row>
    <row r="43547" spans="7:10">
      <c r="G43547" s="16"/>
      <c r="H43547" s="16"/>
      <c r="I43547" s="16"/>
      <c r="J43547" s="16"/>
    </row>
    <row r="43548" spans="7:10">
      <c r="G43548" s="16"/>
      <c r="H43548" s="16"/>
      <c r="I43548" s="16"/>
      <c r="J43548" s="16"/>
    </row>
    <row r="43549" spans="7:10">
      <c r="G43549" s="16"/>
      <c r="H43549" s="16"/>
      <c r="I43549" s="16"/>
      <c r="J43549" s="16"/>
    </row>
    <row r="43550" spans="7:10">
      <c r="G43550" s="16"/>
      <c r="H43550" s="16"/>
      <c r="I43550" s="16"/>
      <c r="J43550" s="16"/>
    </row>
    <row r="43551" spans="7:10">
      <c r="G43551" s="16"/>
      <c r="H43551" s="16"/>
      <c r="I43551" s="16"/>
      <c r="J43551" s="16"/>
    </row>
    <row r="43552" spans="7:10">
      <c r="G43552" s="16"/>
      <c r="H43552" s="16"/>
      <c r="I43552" s="16"/>
      <c r="J43552" s="16"/>
    </row>
    <row r="43553" spans="7:10">
      <c r="G43553" s="16"/>
      <c r="H43553" s="16"/>
      <c r="I43553" s="16"/>
      <c r="J43553" s="16"/>
    </row>
    <row r="43554" spans="7:10">
      <c r="G43554" s="16"/>
      <c r="H43554" s="16"/>
      <c r="I43554" s="16"/>
      <c r="J43554" s="16"/>
    </row>
    <row r="43555" spans="7:10">
      <c r="G43555" s="16"/>
      <c r="H43555" s="16"/>
      <c r="I43555" s="16"/>
      <c r="J43555" s="16"/>
    </row>
    <row r="43556" spans="7:10">
      <c r="G43556" s="16"/>
      <c r="H43556" s="16"/>
      <c r="I43556" s="16"/>
      <c r="J43556" s="16"/>
    </row>
    <row r="43557" spans="7:10">
      <c r="G43557" s="16"/>
      <c r="H43557" s="16"/>
      <c r="I43557" s="16"/>
      <c r="J43557" s="16"/>
    </row>
    <row r="43558" spans="7:10">
      <c r="G43558" s="16"/>
      <c r="H43558" s="16"/>
      <c r="I43558" s="16"/>
      <c r="J43558" s="16"/>
    </row>
    <row r="43559" spans="7:10">
      <c r="G43559" s="16"/>
      <c r="H43559" s="16"/>
      <c r="I43559" s="16"/>
      <c r="J43559" s="16"/>
    </row>
    <row r="43560" spans="7:10">
      <c r="G43560" s="16"/>
      <c r="H43560" s="16"/>
      <c r="I43560" s="16"/>
      <c r="J43560" s="16"/>
    </row>
    <row r="43561" spans="7:10">
      <c r="G43561" s="16"/>
      <c r="H43561" s="16"/>
      <c r="I43561" s="16"/>
      <c r="J43561" s="16"/>
    </row>
    <row r="43562" spans="7:10">
      <c r="G43562" s="16"/>
      <c r="H43562" s="16"/>
      <c r="I43562" s="16"/>
      <c r="J43562" s="16"/>
    </row>
    <row r="43563" spans="7:10">
      <c r="G43563" s="16"/>
      <c r="H43563" s="16"/>
      <c r="I43563" s="16"/>
      <c r="J43563" s="16"/>
    </row>
    <row r="43564" spans="7:10">
      <c r="G43564" s="16"/>
      <c r="H43564" s="16"/>
      <c r="I43564" s="16"/>
      <c r="J43564" s="16"/>
    </row>
    <row r="43565" spans="7:10">
      <c r="G43565" s="16"/>
      <c r="H43565" s="16"/>
      <c r="I43565" s="16"/>
      <c r="J43565" s="16"/>
    </row>
    <row r="43566" spans="7:10">
      <c r="G43566" s="16"/>
      <c r="H43566" s="16"/>
      <c r="I43566" s="16"/>
      <c r="J43566" s="16"/>
    </row>
    <row r="43567" spans="7:10">
      <c r="G43567" s="16"/>
      <c r="H43567" s="16"/>
      <c r="I43567" s="16"/>
      <c r="J43567" s="16"/>
    </row>
    <row r="43568" spans="7:10">
      <c r="G43568" s="16"/>
      <c r="H43568" s="16"/>
      <c r="I43568" s="16"/>
      <c r="J43568" s="16"/>
    </row>
    <row r="43569" spans="7:10">
      <c r="G43569" s="16"/>
      <c r="H43569" s="16"/>
      <c r="I43569" s="16"/>
      <c r="J43569" s="16"/>
    </row>
    <row r="43570" spans="7:10">
      <c r="G43570" s="16"/>
      <c r="H43570" s="16"/>
      <c r="I43570" s="16"/>
      <c r="J43570" s="16"/>
    </row>
    <row r="43571" spans="7:10">
      <c r="G43571" s="16"/>
      <c r="H43571" s="16"/>
      <c r="I43571" s="16"/>
      <c r="J43571" s="16"/>
    </row>
    <row r="43572" spans="7:10">
      <c r="G43572" s="16"/>
      <c r="H43572" s="16"/>
      <c r="I43572" s="16"/>
      <c r="J43572" s="16"/>
    </row>
    <row r="43573" spans="7:10">
      <c r="G43573" s="16"/>
      <c r="H43573" s="16"/>
      <c r="I43573" s="16"/>
      <c r="J43573" s="16"/>
    </row>
    <row r="43574" spans="7:10">
      <c r="G43574" s="16"/>
      <c r="H43574" s="16"/>
      <c r="I43574" s="16"/>
      <c r="J43574" s="16"/>
    </row>
    <row r="43575" spans="7:10">
      <c r="G43575" s="16"/>
      <c r="H43575" s="16"/>
      <c r="I43575" s="16"/>
      <c r="J43575" s="16"/>
    </row>
    <row r="43576" spans="7:10">
      <c r="G43576" s="16"/>
      <c r="H43576" s="16"/>
      <c r="I43576" s="16"/>
      <c r="J43576" s="16"/>
    </row>
    <row r="43577" spans="7:10">
      <c r="G43577" s="16"/>
      <c r="H43577" s="16"/>
      <c r="I43577" s="16"/>
      <c r="J43577" s="16"/>
    </row>
    <row r="43578" spans="7:10">
      <c r="G43578" s="16"/>
      <c r="H43578" s="16"/>
      <c r="I43578" s="16"/>
      <c r="J43578" s="16"/>
    </row>
    <row r="43579" spans="7:10">
      <c r="G43579" s="16"/>
      <c r="H43579" s="16"/>
      <c r="I43579" s="16"/>
      <c r="J43579" s="16"/>
    </row>
    <row r="43580" spans="7:10">
      <c r="G43580" s="16"/>
      <c r="H43580" s="16"/>
      <c r="I43580" s="16"/>
      <c r="J43580" s="16"/>
    </row>
    <row r="43581" spans="7:10">
      <c r="G43581" s="16"/>
      <c r="H43581" s="16"/>
      <c r="I43581" s="16"/>
      <c r="J43581" s="16"/>
    </row>
    <row r="43582" spans="7:10">
      <c r="G43582" s="16"/>
      <c r="H43582" s="16"/>
      <c r="I43582" s="16"/>
      <c r="J43582" s="16"/>
    </row>
    <row r="43583" spans="7:10">
      <c r="G43583" s="16"/>
      <c r="H43583" s="16"/>
      <c r="I43583" s="16"/>
      <c r="J43583" s="16"/>
    </row>
    <row r="43584" spans="7:10">
      <c r="G43584" s="16"/>
      <c r="H43584" s="16"/>
      <c r="I43584" s="16"/>
      <c r="J43584" s="16"/>
    </row>
    <row r="43585" spans="7:10">
      <c r="G43585" s="16"/>
      <c r="H43585" s="16"/>
      <c r="I43585" s="16"/>
      <c r="J43585" s="16"/>
    </row>
    <row r="43586" spans="7:10">
      <c r="G43586" s="16"/>
      <c r="H43586" s="16"/>
      <c r="I43586" s="16"/>
      <c r="J43586" s="16"/>
    </row>
    <row r="43587" spans="7:10">
      <c r="G43587" s="16"/>
      <c r="H43587" s="16"/>
      <c r="I43587" s="16"/>
      <c r="J43587" s="16"/>
    </row>
    <row r="43588" spans="7:10">
      <c r="G43588" s="16"/>
      <c r="H43588" s="16"/>
      <c r="I43588" s="16"/>
      <c r="J43588" s="16"/>
    </row>
    <row r="43589" spans="7:10">
      <c r="G43589" s="16"/>
      <c r="H43589" s="16"/>
      <c r="I43589" s="16"/>
      <c r="J43589" s="16"/>
    </row>
    <row r="43590" spans="7:10">
      <c r="G43590" s="16"/>
      <c r="H43590" s="16"/>
      <c r="I43590" s="16"/>
      <c r="J43590" s="16"/>
    </row>
    <row r="43591" spans="7:10">
      <c r="G43591" s="16"/>
      <c r="H43591" s="16"/>
      <c r="I43591" s="16"/>
      <c r="J43591" s="16"/>
    </row>
    <row r="43592" spans="7:10">
      <c r="G43592" s="16"/>
      <c r="H43592" s="16"/>
      <c r="I43592" s="16"/>
      <c r="J43592" s="16"/>
    </row>
    <row r="43593" spans="7:10">
      <c r="G43593" s="16"/>
      <c r="H43593" s="16"/>
      <c r="I43593" s="16"/>
      <c r="J43593" s="16"/>
    </row>
    <row r="43594" spans="7:10">
      <c r="G43594" s="16"/>
      <c r="H43594" s="16"/>
      <c r="I43594" s="16"/>
      <c r="J43594" s="16"/>
    </row>
    <row r="43595" spans="7:10">
      <c r="G43595" s="16"/>
      <c r="H43595" s="16"/>
      <c r="I43595" s="16"/>
      <c r="J43595" s="16"/>
    </row>
    <row r="43596" spans="7:10">
      <c r="G43596" s="16"/>
      <c r="H43596" s="16"/>
      <c r="I43596" s="16"/>
      <c r="J43596" s="16"/>
    </row>
    <row r="43597" spans="7:10">
      <c r="G43597" s="16"/>
      <c r="H43597" s="16"/>
      <c r="I43597" s="16"/>
      <c r="J43597" s="16"/>
    </row>
    <row r="43598" spans="7:10">
      <c r="G43598" s="16"/>
      <c r="H43598" s="16"/>
      <c r="I43598" s="16"/>
      <c r="J43598" s="16"/>
    </row>
    <row r="43599" spans="7:10">
      <c r="G43599" s="16"/>
      <c r="H43599" s="16"/>
      <c r="I43599" s="16"/>
      <c r="J43599" s="16"/>
    </row>
    <row r="43600" spans="7:10">
      <c r="G43600" s="16"/>
      <c r="H43600" s="16"/>
      <c r="I43600" s="16"/>
      <c r="J43600" s="16"/>
    </row>
    <row r="43601" spans="7:10">
      <c r="G43601" s="16"/>
      <c r="H43601" s="16"/>
      <c r="I43601" s="16"/>
      <c r="J43601" s="16"/>
    </row>
    <row r="43602" spans="7:10">
      <c r="G43602" s="16"/>
      <c r="H43602" s="16"/>
      <c r="I43602" s="16"/>
      <c r="J43602" s="16"/>
    </row>
    <row r="43603" spans="7:10">
      <c r="G43603" s="16"/>
      <c r="H43603" s="16"/>
      <c r="I43603" s="16"/>
      <c r="J43603" s="16"/>
    </row>
    <row r="43604" spans="7:10">
      <c r="G43604" s="16"/>
      <c r="H43604" s="16"/>
      <c r="I43604" s="16"/>
      <c r="J43604" s="16"/>
    </row>
    <row r="43605" spans="7:10">
      <c r="G43605" s="16"/>
      <c r="H43605" s="16"/>
      <c r="I43605" s="16"/>
      <c r="J43605" s="16"/>
    </row>
    <row r="43606" spans="7:10">
      <c r="G43606" s="16"/>
      <c r="H43606" s="16"/>
      <c r="I43606" s="16"/>
      <c r="J43606" s="16"/>
    </row>
    <row r="43607" spans="7:10">
      <c r="G43607" s="16"/>
      <c r="H43607" s="16"/>
      <c r="I43607" s="16"/>
      <c r="J43607" s="16"/>
    </row>
    <row r="43608" spans="7:10">
      <c r="G43608" s="16"/>
      <c r="H43608" s="16"/>
      <c r="I43608" s="16"/>
      <c r="J43608" s="16"/>
    </row>
    <row r="43609" spans="7:10">
      <c r="G43609" s="16"/>
      <c r="H43609" s="16"/>
      <c r="I43609" s="16"/>
      <c r="J43609" s="16"/>
    </row>
    <row r="43610" spans="7:10">
      <c r="G43610" s="16"/>
      <c r="H43610" s="16"/>
      <c r="I43610" s="16"/>
      <c r="J43610" s="16"/>
    </row>
    <row r="43611" spans="7:10">
      <c r="G43611" s="16"/>
      <c r="H43611" s="16"/>
      <c r="I43611" s="16"/>
      <c r="J43611" s="16"/>
    </row>
    <row r="43612" spans="7:10">
      <c r="G43612" s="16"/>
      <c r="H43612" s="16"/>
      <c r="I43612" s="16"/>
      <c r="J43612" s="16"/>
    </row>
    <row r="43613" spans="7:10">
      <c r="G43613" s="16"/>
      <c r="H43613" s="16"/>
      <c r="I43613" s="16"/>
      <c r="J43613" s="16"/>
    </row>
    <row r="43614" spans="7:10">
      <c r="G43614" s="16"/>
      <c r="H43614" s="16"/>
      <c r="I43614" s="16"/>
      <c r="J43614" s="16"/>
    </row>
    <row r="43615" spans="7:10">
      <c r="G43615" s="16"/>
      <c r="H43615" s="16"/>
      <c r="I43615" s="16"/>
      <c r="J43615" s="16"/>
    </row>
    <row r="43616" spans="7:10">
      <c r="G43616" s="16"/>
      <c r="H43616" s="16"/>
      <c r="I43616" s="16"/>
      <c r="J43616" s="16"/>
    </row>
    <row r="43617" spans="7:10">
      <c r="G43617" s="16"/>
      <c r="H43617" s="16"/>
      <c r="I43617" s="16"/>
      <c r="J43617" s="16"/>
    </row>
    <row r="43618" spans="7:10">
      <c r="G43618" s="16"/>
      <c r="H43618" s="16"/>
      <c r="I43618" s="16"/>
      <c r="J43618" s="16"/>
    </row>
    <row r="43619" spans="7:10">
      <c r="G43619" s="16"/>
      <c r="H43619" s="16"/>
      <c r="I43619" s="16"/>
      <c r="J43619" s="16"/>
    </row>
    <row r="43620" spans="7:10">
      <c r="G43620" s="16"/>
      <c r="H43620" s="16"/>
      <c r="I43620" s="16"/>
      <c r="J43620" s="16"/>
    </row>
    <row r="43621" spans="7:10">
      <c r="G43621" s="16"/>
      <c r="H43621" s="16"/>
      <c r="I43621" s="16"/>
      <c r="J43621" s="16"/>
    </row>
    <row r="43622" spans="7:10">
      <c r="G43622" s="16"/>
      <c r="H43622" s="16"/>
      <c r="I43622" s="16"/>
      <c r="J43622" s="16"/>
    </row>
    <row r="43623" spans="7:10">
      <c r="G43623" s="16"/>
      <c r="H43623" s="16"/>
      <c r="I43623" s="16"/>
      <c r="J43623" s="16"/>
    </row>
    <row r="43624" spans="7:10">
      <c r="G43624" s="16"/>
      <c r="H43624" s="16"/>
      <c r="I43624" s="16"/>
      <c r="J43624" s="16"/>
    </row>
    <row r="43625" spans="7:10">
      <c r="G43625" s="16"/>
      <c r="H43625" s="16"/>
      <c r="I43625" s="16"/>
      <c r="J43625" s="16"/>
    </row>
    <row r="43626" spans="7:10">
      <c r="G43626" s="16"/>
      <c r="H43626" s="16"/>
      <c r="I43626" s="16"/>
      <c r="J43626" s="16"/>
    </row>
    <row r="43627" spans="7:10">
      <c r="G43627" s="16"/>
      <c r="H43627" s="16"/>
      <c r="I43627" s="16"/>
      <c r="J43627" s="16"/>
    </row>
    <row r="43628" spans="7:10">
      <c r="G43628" s="16"/>
      <c r="H43628" s="16"/>
      <c r="I43628" s="16"/>
      <c r="J43628" s="16"/>
    </row>
    <row r="43629" spans="7:10">
      <c r="G43629" s="16"/>
      <c r="H43629" s="16"/>
      <c r="I43629" s="16"/>
      <c r="J43629" s="16"/>
    </row>
    <row r="43630" spans="7:10">
      <c r="G43630" s="16"/>
      <c r="H43630" s="16"/>
      <c r="I43630" s="16"/>
      <c r="J43630" s="16"/>
    </row>
    <row r="43631" spans="7:10">
      <c r="G43631" s="16"/>
      <c r="H43631" s="16"/>
      <c r="I43631" s="16"/>
      <c r="J43631" s="16"/>
    </row>
    <row r="43632" spans="7:10">
      <c r="G43632" s="16"/>
      <c r="H43632" s="16"/>
      <c r="I43632" s="16"/>
      <c r="J43632" s="16"/>
    </row>
    <row r="43633" spans="7:10">
      <c r="G43633" s="16"/>
      <c r="H43633" s="16"/>
      <c r="I43633" s="16"/>
      <c r="J43633" s="16"/>
    </row>
    <row r="43634" spans="7:10">
      <c r="G43634" s="16"/>
      <c r="H43634" s="16"/>
      <c r="I43634" s="16"/>
      <c r="J43634" s="16"/>
    </row>
    <row r="43635" spans="7:10">
      <c r="G43635" s="16"/>
      <c r="H43635" s="16"/>
      <c r="I43635" s="16"/>
      <c r="J43635" s="16"/>
    </row>
    <row r="43636" spans="7:10">
      <c r="G43636" s="16"/>
      <c r="H43636" s="16"/>
      <c r="I43636" s="16"/>
      <c r="J43636" s="16"/>
    </row>
    <row r="43637" spans="7:10">
      <c r="G43637" s="16"/>
      <c r="H43637" s="16"/>
      <c r="I43637" s="16"/>
      <c r="J43637" s="16"/>
    </row>
    <row r="43638" spans="7:10">
      <c r="G43638" s="16"/>
      <c r="H43638" s="16"/>
      <c r="I43638" s="16"/>
      <c r="J43638" s="16"/>
    </row>
    <row r="43639" spans="7:10">
      <c r="G43639" s="16"/>
      <c r="H43639" s="16"/>
      <c r="I43639" s="16"/>
      <c r="J43639" s="16"/>
    </row>
    <row r="43640" spans="7:10">
      <c r="G43640" s="16"/>
      <c r="H43640" s="16"/>
      <c r="I43640" s="16"/>
      <c r="J43640" s="16"/>
    </row>
    <row r="43641" spans="7:10">
      <c r="G43641" s="16"/>
      <c r="H43641" s="16"/>
      <c r="I43641" s="16"/>
      <c r="J43641" s="16"/>
    </row>
    <row r="43642" spans="7:10">
      <c r="G43642" s="16"/>
      <c r="H43642" s="16"/>
      <c r="I43642" s="16"/>
      <c r="J43642" s="16"/>
    </row>
    <row r="43643" spans="7:10">
      <c r="G43643" s="16"/>
      <c r="H43643" s="16"/>
      <c r="I43643" s="16"/>
      <c r="J43643" s="16"/>
    </row>
    <row r="43644" spans="7:10">
      <c r="G43644" s="16"/>
      <c r="H43644" s="16"/>
      <c r="I43644" s="16"/>
      <c r="J43644" s="16"/>
    </row>
    <row r="43645" spans="7:10">
      <c r="G43645" s="16"/>
      <c r="H43645" s="16"/>
      <c r="I43645" s="16"/>
      <c r="J43645" s="16"/>
    </row>
    <row r="43646" spans="7:10">
      <c r="G43646" s="16"/>
      <c r="H43646" s="16"/>
      <c r="I43646" s="16"/>
      <c r="J43646" s="16"/>
    </row>
    <row r="43647" spans="7:10">
      <c r="G43647" s="16"/>
      <c r="H43647" s="16"/>
      <c r="I43647" s="16"/>
      <c r="J43647" s="16"/>
    </row>
    <row r="43648" spans="7:10">
      <c r="G43648" s="16"/>
      <c r="H43648" s="16"/>
      <c r="I43648" s="16"/>
      <c r="J43648" s="16"/>
    </row>
    <row r="43649" spans="7:10">
      <c r="G43649" s="16"/>
      <c r="H43649" s="16"/>
      <c r="I43649" s="16"/>
      <c r="J43649" s="16"/>
    </row>
    <row r="43650" spans="7:10">
      <c r="G43650" s="16"/>
      <c r="H43650" s="16"/>
      <c r="I43650" s="16"/>
      <c r="J43650" s="16"/>
    </row>
    <row r="43651" spans="7:10">
      <c r="G43651" s="16"/>
      <c r="H43651" s="16"/>
      <c r="I43651" s="16"/>
      <c r="J43651" s="16"/>
    </row>
    <row r="43652" spans="7:10">
      <c r="G43652" s="16"/>
      <c r="H43652" s="16"/>
      <c r="I43652" s="16"/>
      <c r="J43652" s="16"/>
    </row>
    <row r="43653" spans="7:10">
      <c r="G43653" s="16"/>
      <c r="H43653" s="16"/>
      <c r="I43653" s="16"/>
      <c r="J43653" s="16"/>
    </row>
    <row r="43654" spans="7:10">
      <c r="G43654" s="16"/>
      <c r="H43654" s="16"/>
      <c r="I43654" s="16"/>
      <c r="J43654" s="16"/>
    </row>
    <row r="43655" spans="7:10">
      <c r="G43655" s="16"/>
      <c r="H43655" s="16"/>
      <c r="I43655" s="16"/>
      <c r="J43655" s="16"/>
    </row>
    <row r="43656" spans="7:10">
      <c r="G43656" s="16"/>
      <c r="H43656" s="16"/>
      <c r="I43656" s="16"/>
      <c r="J43656" s="16"/>
    </row>
    <row r="43657" spans="7:10">
      <c r="G43657" s="16"/>
      <c r="H43657" s="16"/>
      <c r="I43657" s="16"/>
      <c r="J43657" s="16"/>
    </row>
    <row r="43658" spans="7:10">
      <c r="G43658" s="16"/>
      <c r="H43658" s="16"/>
      <c r="I43658" s="16"/>
      <c r="J43658" s="16"/>
    </row>
    <row r="43659" spans="7:10">
      <c r="G43659" s="16"/>
      <c r="H43659" s="16"/>
      <c r="I43659" s="16"/>
      <c r="J43659" s="16"/>
    </row>
    <row r="43660" spans="7:10">
      <c r="G43660" s="16"/>
      <c r="H43660" s="16"/>
      <c r="I43660" s="16"/>
      <c r="J43660" s="16"/>
    </row>
    <row r="43661" spans="7:10">
      <c r="G43661" s="16"/>
      <c r="H43661" s="16"/>
      <c r="I43661" s="16"/>
      <c r="J43661" s="16"/>
    </row>
    <row r="43662" spans="7:10">
      <c r="G43662" s="16"/>
      <c r="H43662" s="16"/>
      <c r="I43662" s="16"/>
      <c r="J43662" s="16"/>
    </row>
    <row r="43663" spans="7:10">
      <c r="G43663" s="16"/>
      <c r="H43663" s="16"/>
      <c r="I43663" s="16"/>
      <c r="J43663" s="16"/>
    </row>
    <row r="43664" spans="7:10">
      <c r="G43664" s="16"/>
      <c r="H43664" s="16"/>
      <c r="I43664" s="16"/>
      <c r="J43664" s="16"/>
    </row>
    <row r="43665" spans="7:10">
      <c r="G43665" s="16"/>
      <c r="H43665" s="16"/>
      <c r="I43665" s="16"/>
      <c r="J43665" s="16"/>
    </row>
    <row r="43666" spans="7:10">
      <c r="G43666" s="16"/>
      <c r="H43666" s="16"/>
      <c r="I43666" s="16"/>
      <c r="J43666" s="16"/>
    </row>
    <row r="43667" spans="7:10">
      <c r="G43667" s="16"/>
      <c r="H43667" s="16"/>
      <c r="I43667" s="16"/>
      <c r="J43667" s="16"/>
    </row>
    <row r="43668" spans="7:10">
      <c r="G43668" s="16"/>
      <c r="H43668" s="16"/>
      <c r="I43668" s="16"/>
      <c r="J43668" s="16"/>
    </row>
    <row r="43669" spans="7:10">
      <c r="G43669" s="16"/>
      <c r="H43669" s="16"/>
      <c r="I43669" s="16"/>
      <c r="J43669" s="16"/>
    </row>
    <row r="43670" spans="7:10">
      <c r="G43670" s="16"/>
      <c r="H43670" s="16"/>
      <c r="I43670" s="16"/>
      <c r="J43670" s="16"/>
    </row>
    <row r="43671" spans="7:10">
      <c r="G43671" s="16"/>
      <c r="H43671" s="16"/>
      <c r="I43671" s="16"/>
      <c r="J43671" s="16"/>
    </row>
    <row r="43672" spans="7:10">
      <c r="G43672" s="16"/>
      <c r="H43672" s="16"/>
      <c r="I43672" s="16"/>
      <c r="J43672" s="16"/>
    </row>
    <row r="43673" spans="7:10">
      <c r="G43673" s="16"/>
      <c r="H43673" s="16"/>
      <c r="I43673" s="16"/>
      <c r="J43673" s="16"/>
    </row>
    <row r="43674" spans="7:10">
      <c r="G43674" s="16"/>
      <c r="H43674" s="16"/>
      <c r="I43674" s="16"/>
      <c r="J43674" s="16"/>
    </row>
    <row r="43675" spans="7:10">
      <c r="G43675" s="16"/>
      <c r="H43675" s="16"/>
      <c r="I43675" s="16"/>
      <c r="J43675" s="16"/>
    </row>
    <row r="43676" spans="7:10">
      <c r="G43676" s="16"/>
      <c r="H43676" s="16"/>
      <c r="I43676" s="16"/>
      <c r="J43676" s="16"/>
    </row>
    <row r="43677" spans="7:10">
      <c r="G43677" s="16"/>
      <c r="H43677" s="16"/>
      <c r="I43677" s="16"/>
      <c r="J43677" s="16"/>
    </row>
    <row r="43678" spans="7:10">
      <c r="G43678" s="16"/>
      <c r="H43678" s="16"/>
      <c r="I43678" s="16"/>
      <c r="J43678" s="16"/>
    </row>
    <row r="43679" spans="7:10">
      <c r="G43679" s="16"/>
      <c r="H43679" s="16"/>
      <c r="I43679" s="16"/>
      <c r="J43679" s="16"/>
    </row>
    <row r="43680" spans="7:10">
      <c r="G43680" s="16"/>
      <c r="H43680" s="16"/>
      <c r="I43680" s="16"/>
      <c r="J43680" s="16"/>
    </row>
    <row r="43681" spans="7:10">
      <c r="G43681" s="16"/>
      <c r="H43681" s="16"/>
      <c r="I43681" s="16"/>
      <c r="J43681" s="16"/>
    </row>
    <row r="43682" spans="7:10">
      <c r="G43682" s="16"/>
      <c r="H43682" s="16"/>
      <c r="I43682" s="16"/>
      <c r="J43682" s="16"/>
    </row>
    <row r="43683" spans="7:10">
      <c r="G43683" s="16"/>
      <c r="H43683" s="16"/>
      <c r="I43683" s="16"/>
      <c r="J43683" s="16"/>
    </row>
    <row r="43684" spans="7:10">
      <c r="G43684" s="16"/>
      <c r="H43684" s="16"/>
      <c r="I43684" s="16"/>
      <c r="J43684" s="16"/>
    </row>
    <row r="43685" spans="7:10">
      <c r="G43685" s="16"/>
      <c r="H43685" s="16"/>
      <c r="I43685" s="16"/>
      <c r="J43685" s="16"/>
    </row>
    <row r="43686" spans="7:10">
      <c r="G43686" s="16"/>
      <c r="H43686" s="16"/>
      <c r="I43686" s="16"/>
      <c r="J43686" s="16"/>
    </row>
    <row r="43687" spans="7:10">
      <c r="G43687" s="16"/>
      <c r="H43687" s="16"/>
      <c r="I43687" s="16"/>
      <c r="J43687" s="16"/>
    </row>
    <row r="43688" spans="7:10">
      <c r="G43688" s="16"/>
      <c r="H43688" s="16"/>
      <c r="I43688" s="16"/>
      <c r="J43688" s="16"/>
    </row>
    <row r="43689" spans="7:10">
      <c r="G43689" s="16"/>
      <c r="H43689" s="16"/>
      <c r="I43689" s="16"/>
      <c r="J43689" s="16"/>
    </row>
    <row r="43690" spans="7:10">
      <c r="G43690" s="16"/>
      <c r="H43690" s="16"/>
      <c r="I43690" s="16"/>
      <c r="J43690" s="16"/>
    </row>
    <row r="43691" spans="7:10">
      <c r="G43691" s="16"/>
      <c r="H43691" s="16"/>
      <c r="I43691" s="16"/>
      <c r="J43691" s="16"/>
    </row>
    <row r="43692" spans="7:10">
      <c r="G43692" s="16"/>
      <c r="H43692" s="16"/>
      <c r="I43692" s="16"/>
      <c r="J43692" s="16"/>
    </row>
    <row r="43693" spans="7:10">
      <c r="G43693" s="16"/>
      <c r="H43693" s="16"/>
      <c r="I43693" s="16"/>
      <c r="J43693" s="16"/>
    </row>
    <row r="43694" spans="7:10">
      <c r="G43694" s="16"/>
      <c r="H43694" s="16"/>
      <c r="I43694" s="16"/>
      <c r="J43694" s="16"/>
    </row>
    <row r="43695" spans="7:10">
      <c r="G43695" s="16"/>
      <c r="H43695" s="16"/>
      <c r="I43695" s="16"/>
      <c r="J43695" s="16"/>
    </row>
    <row r="43696" spans="7:10">
      <c r="G43696" s="16"/>
      <c r="H43696" s="16"/>
      <c r="I43696" s="16"/>
      <c r="J43696" s="16"/>
    </row>
    <row r="43697" spans="7:10">
      <c r="G43697" s="16"/>
      <c r="H43697" s="16"/>
      <c r="I43697" s="16"/>
      <c r="J43697" s="16"/>
    </row>
    <row r="43698" spans="7:10">
      <c r="G43698" s="16"/>
      <c r="H43698" s="16"/>
      <c r="I43698" s="16"/>
      <c r="J43698" s="16"/>
    </row>
    <row r="43699" spans="7:10">
      <c r="G43699" s="16"/>
      <c r="H43699" s="16"/>
      <c r="I43699" s="16"/>
      <c r="J43699" s="16"/>
    </row>
    <row r="43700" spans="7:10">
      <c r="G43700" s="16"/>
      <c r="H43700" s="16"/>
      <c r="I43700" s="16"/>
      <c r="J43700" s="16"/>
    </row>
    <row r="43701" spans="7:10">
      <c r="G43701" s="16"/>
      <c r="H43701" s="16"/>
      <c r="I43701" s="16"/>
      <c r="J43701" s="16"/>
    </row>
    <row r="43702" spans="7:10">
      <c r="G43702" s="16"/>
      <c r="H43702" s="16"/>
      <c r="I43702" s="16"/>
      <c r="J43702" s="16"/>
    </row>
    <row r="43703" spans="7:10">
      <c r="G43703" s="16"/>
      <c r="H43703" s="16"/>
      <c r="I43703" s="16"/>
      <c r="J43703" s="16"/>
    </row>
    <row r="43704" spans="7:10">
      <c r="G43704" s="16"/>
      <c r="H43704" s="16"/>
      <c r="I43704" s="16"/>
      <c r="J43704" s="16"/>
    </row>
    <row r="43705" spans="7:10">
      <c r="G43705" s="16"/>
      <c r="H43705" s="16"/>
      <c r="I43705" s="16"/>
      <c r="J43705" s="16"/>
    </row>
    <row r="43706" spans="7:10">
      <c r="G43706" s="16"/>
      <c r="H43706" s="16"/>
      <c r="I43706" s="16"/>
      <c r="J43706" s="16"/>
    </row>
    <row r="43707" spans="7:10">
      <c r="G43707" s="16"/>
      <c r="H43707" s="16"/>
      <c r="I43707" s="16"/>
      <c r="J43707" s="16"/>
    </row>
    <row r="43708" spans="7:10">
      <c r="G43708" s="16"/>
      <c r="H43708" s="16"/>
      <c r="I43708" s="16"/>
      <c r="J43708" s="16"/>
    </row>
    <row r="43709" spans="7:10">
      <c r="G43709" s="16"/>
      <c r="H43709" s="16"/>
      <c r="I43709" s="16"/>
      <c r="J43709" s="16"/>
    </row>
    <row r="43710" spans="7:10">
      <c r="G43710" s="16"/>
      <c r="H43710" s="16"/>
      <c r="I43710" s="16"/>
      <c r="J43710" s="16"/>
    </row>
    <row r="43711" spans="7:10">
      <c r="G43711" s="16"/>
      <c r="H43711" s="16"/>
      <c r="I43711" s="16"/>
      <c r="J43711" s="16"/>
    </row>
    <row r="43712" spans="7:10">
      <c r="G43712" s="16"/>
      <c r="H43712" s="16"/>
      <c r="I43712" s="16"/>
      <c r="J43712" s="16"/>
    </row>
    <row r="43713" spans="7:10">
      <c r="G43713" s="16"/>
      <c r="H43713" s="16"/>
      <c r="I43713" s="16"/>
      <c r="J43713" s="16"/>
    </row>
    <row r="43714" spans="7:10">
      <c r="G43714" s="16"/>
      <c r="H43714" s="16"/>
      <c r="I43714" s="16"/>
      <c r="J43714" s="16"/>
    </row>
    <row r="43715" spans="7:10">
      <c r="G43715" s="16"/>
      <c r="H43715" s="16"/>
      <c r="I43715" s="16"/>
      <c r="J43715" s="16"/>
    </row>
    <row r="43716" spans="7:10">
      <c r="G43716" s="16"/>
      <c r="H43716" s="16"/>
      <c r="I43716" s="16"/>
      <c r="J43716" s="16"/>
    </row>
    <row r="43717" spans="7:10">
      <c r="G43717" s="16"/>
      <c r="H43717" s="16"/>
      <c r="I43717" s="16"/>
      <c r="J43717" s="16"/>
    </row>
    <row r="43718" spans="7:10">
      <c r="G43718" s="16"/>
      <c r="H43718" s="16"/>
      <c r="I43718" s="16"/>
      <c r="J43718" s="16"/>
    </row>
    <row r="43719" spans="7:10">
      <c r="G43719" s="16"/>
      <c r="H43719" s="16"/>
      <c r="I43719" s="16"/>
      <c r="J43719" s="16"/>
    </row>
    <row r="43720" spans="7:10">
      <c r="G43720" s="16"/>
      <c r="H43720" s="16"/>
      <c r="I43720" s="16"/>
      <c r="J43720" s="16"/>
    </row>
    <row r="43721" spans="7:10">
      <c r="G43721" s="16"/>
      <c r="H43721" s="16"/>
      <c r="I43721" s="16"/>
      <c r="J43721" s="16"/>
    </row>
    <row r="43722" spans="7:10">
      <c r="G43722" s="16"/>
      <c r="H43722" s="16"/>
      <c r="I43722" s="16"/>
      <c r="J43722" s="16"/>
    </row>
    <row r="43723" spans="7:10">
      <c r="G43723" s="16"/>
      <c r="H43723" s="16"/>
      <c r="I43723" s="16"/>
      <c r="J43723" s="16"/>
    </row>
    <row r="43724" spans="7:10">
      <c r="G43724" s="16"/>
      <c r="H43724" s="16"/>
      <c r="I43724" s="16"/>
      <c r="J43724" s="16"/>
    </row>
    <row r="43725" spans="7:10">
      <c r="G43725" s="16"/>
      <c r="H43725" s="16"/>
      <c r="I43725" s="16"/>
      <c r="J43725" s="16"/>
    </row>
    <row r="43726" spans="7:10">
      <c r="G43726" s="16"/>
      <c r="H43726" s="16"/>
      <c r="I43726" s="16"/>
      <c r="J43726" s="16"/>
    </row>
    <row r="43727" spans="7:10">
      <c r="G43727" s="16"/>
      <c r="H43727" s="16"/>
      <c r="I43727" s="16"/>
      <c r="J43727" s="16"/>
    </row>
    <row r="43728" spans="7:10">
      <c r="G43728" s="16"/>
      <c r="H43728" s="16"/>
      <c r="I43728" s="16"/>
      <c r="J43728" s="16"/>
    </row>
    <row r="43729" spans="7:10">
      <c r="G43729" s="16"/>
      <c r="H43729" s="16"/>
      <c r="I43729" s="16"/>
      <c r="J43729" s="16"/>
    </row>
    <row r="43730" spans="7:10">
      <c r="G43730" s="16"/>
      <c r="H43730" s="16"/>
      <c r="I43730" s="16"/>
      <c r="J43730" s="16"/>
    </row>
    <row r="43731" spans="7:10">
      <c r="G43731" s="16"/>
      <c r="H43731" s="16"/>
      <c r="I43731" s="16"/>
      <c r="J43731" s="16"/>
    </row>
    <row r="43732" spans="7:10">
      <c r="G43732" s="16"/>
      <c r="H43732" s="16"/>
      <c r="I43732" s="16"/>
      <c r="J43732" s="16"/>
    </row>
    <row r="43733" spans="7:10">
      <c r="G43733" s="16"/>
      <c r="H43733" s="16"/>
      <c r="I43733" s="16"/>
      <c r="J43733" s="16"/>
    </row>
    <row r="43734" spans="7:10">
      <c r="G43734" s="16"/>
      <c r="H43734" s="16"/>
      <c r="I43734" s="16"/>
      <c r="J43734" s="16"/>
    </row>
    <row r="43735" spans="7:10">
      <c r="G43735" s="16"/>
      <c r="H43735" s="16"/>
      <c r="I43735" s="16"/>
      <c r="J43735" s="16"/>
    </row>
    <row r="43736" spans="7:10">
      <c r="G43736" s="16"/>
      <c r="H43736" s="16"/>
      <c r="I43736" s="16"/>
      <c r="J43736" s="16"/>
    </row>
    <row r="43737" spans="7:10">
      <c r="G43737" s="16"/>
      <c r="H43737" s="16"/>
      <c r="I43737" s="16"/>
      <c r="J43737" s="16"/>
    </row>
    <row r="43738" spans="7:10">
      <c r="G43738" s="16"/>
      <c r="H43738" s="16"/>
      <c r="I43738" s="16"/>
      <c r="J43738" s="16"/>
    </row>
    <row r="43739" spans="7:10">
      <c r="G43739" s="16"/>
      <c r="H43739" s="16"/>
      <c r="I43739" s="16"/>
      <c r="J43739" s="16"/>
    </row>
    <row r="43740" spans="7:10">
      <c r="G43740" s="16"/>
      <c r="H43740" s="16"/>
      <c r="I43740" s="16"/>
      <c r="J43740" s="16"/>
    </row>
    <row r="43741" spans="7:10">
      <c r="G43741" s="16"/>
      <c r="H43741" s="16"/>
      <c r="I43741" s="16"/>
      <c r="J43741" s="16"/>
    </row>
    <row r="43742" spans="7:10">
      <c r="G43742" s="16"/>
      <c r="H43742" s="16"/>
      <c r="I43742" s="16"/>
      <c r="J43742" s="16"/>
    </row>
    <row r="43743" spans="7:10">
      <c r="G43743" s="16"/>
      <c r="H43743" s="16"/>
      <c r="I43743" s="16"/>
      <c r="J43743" s="16"/>
    </row>
    <row r="43744" spans="7:10">
      <c r="G43744" s="16"/>
      <c r="H43744" s="16"/>
      <c r="I43744" s="16"/>
      <c r="J43744" s="16"/>
    </row>
    <row r="43745" spans="7:10">
      <c r="G43745" s="16"/>
      <c r="H43745" s="16"/>
      <c r="I43745" s="16"/>
      <c r="J43745" s="16"/>
    </row>
    <row r="43746" spans="7:10">
      <c r="G43746" s="16"/>
      <c r="H43746" s="16"/>
      <c r="I43746" s="16"/>
      <c r="J43746" s="16"/>
    </row>
    <row r="43747" spans="7:10">
      <c r="G43747" s="16"/>
      <c r="H43747" s="16"/>
      <c r="I43747" s="16"/>
      <c r="J43747" s="16"/>
    </row>
    <row r="43748" spans="7:10">
      <c r="G43748" s="16"/>
      <c r="H43748" s="16"/>
      <c r="I43748" s="16"/>
      <c r="J43748" s="16"/>
    </row>
    <row r="43749" spans="7:10">
      <c r="G43749" s="16"/>
      <c r="H43749" s="16"/>
      <c r="I43749" s="16"/>
      <c r="J43749" s="16"/>
    </row>
    <row r="43750" spans="7:10">
      <c r="G43750" s="16"/>
      <c r="H43750" s="16"/>
      <c r="I43750" s="16"/>
      <c r="J43750" s="16"/>
    </row>
    <row r="43751" spans="7:10">
      <c r="G43751" s="16"/>
      <c r="H43751" s="16"/>
      <c r="I43751" s="16"/>
      <c r="J43751" s="16"/>
    </row>
    <row r="43752" spans="7:10">
      <c r="G43752" s="16"/>
      <c r="H43752" s="16"/>
      <c r="I43752" s="16"/>
      <c r="J43752" s="16"/>
    </row>
    <row r="43753" spans="7:10">
      <c r="G43753" s="16"/>
      <c r="H43753" s="16"/>
      <c r="I43753" s="16"/>
      <c r="J43753" s="16"/>
    </row>
    <row r="43754" spans="7:10">
      <c r="G43754" s="16"/>
      <c r="H43754" s="16"/>
      <c r="I43754" s="16"/>
      <c r="J43754" s="16"/>
    </row>
    <row r="43755" spans="7:10">
      <c r="G43755" s="16"/>
      <c r="H43755" s="16"/>
      <c r="I43755" s="16"/>
      <c r="J43755" s="16"/>
    </row>
    <row r="43756" spans="7:10">
      <c r="G43756" s="16"/>
      <c r="H43756" s="16"/>
      <c r="I43756" s="16"/>
      <c r="J43756" s="16"/>
    </row>
    <row r="43757" spans="7:10">
      <c r="G43757" s="16"/>
      <c r="H43757" s="16"/>
      <c r="I43757" s="16"/>
      <c r="J43757" s="16"/>
    </row>
    <row r="43758" spans="7:10">
      <c r="G43758" s="16"/>
      <c r="H43758" s="16"/>
      <c r="I43758" s="16"/>
      <c r="J43758" s="16"/>
    </row>
    <row r="43759" spans="7:10">
      <c r="G43759" s="16"/>
      <c r="H43759" s="16"/>
      <c r="I43759" s="16"/>
      <c r="J43759" s="16"/>
    </row>
    <row r="43760" spans="7:10">
      <c r="G43760" s="16"/>
      <c r="H43760" s="16"/>
      <c r="I43760" s="16"/>
      <c r="J43760" s="16"/>
    </row>
    <row r="43761" spans="7:10">
      <c r="G43761" s="16"/>
      <c r="H43761" s="16"/>
      <c r="I43761" s="16"/>
      <c r="J43761" s="16"/>
    </row>
    <row r="43762" spans="7:10">
      <c r="G43762" s="16"/>
      <c r="H43762" s="16"/>
      <c r="I43762" s="16"/>
      <c r="J43762" s="16"/>
    </row>
    <row r="43763" spans="7:10">
      <c r="G43763" s="16"/>
      <c r="H43763" s="16"/>
      <c r="I43763" s="16"/>
      <c r="J43763" s="16"/>
    </row>
    <row r="43764" spans="7:10">
      <c r="G43764" s="16"/>
      <c r="H43764" s="16"/>
      <c r="I43764" s="16"/>
      <c r="J43764" s="16"/>
    </row>
    <row r="43765" spans="7:10">
      <c r="G43765" s="16"/>
      <c r="H43765" s="16"/>
      <c r="I43765" s="16"/>
      <c r="J43765" s="16"/>
    </row>
    <row r="43766" spans="7:10">
      <c r="G43766" s="16"/>
      <c r="H43766" s="16"/>
      <c r="I43766" s="16"/>
      <c r="J43766" s="16"/>
    </row>
    <row r="43767" spans="7:10">
      <c r="G43767" s="16"/>
      <c r="H43767" s="16"/>
      <c r="I43767" s="16"/>
      <c r="J43767" s="16"/>
    </row>
    <row r="43768" spans="7:10">
      <c r="G43768" s="16"/>
      <c r="H43768" s="16"/>
      <c r="I43768" s="16"/>
      <c r="J43768" s="16"/>
    </row>
    <row r="43769" spans="7:10">
      <c r="G43769" s="16"/>
      <c r="H43769" s="16"/>
      <c r="I43769" s="16"/>
      <c r="J43769" s="16"/>
    </row>
    <row r="43770" spans="7:10">
      <c r="G43770" s="16"/>
      <c r="H43770" s="16"/>
      <c r="I43770" s="16"/>
      <c r="J43770" s="16"/>
    </row>
    <row r="43771" spans="7:10">
      <c r="G43771" s="16"/>
      <c r="H43771" s="16"/>
      <c r="I43771" s="16"/>
      <c r="J43771" s="16"/>
    </row>
    <row r="43772" spans="7:10">
      <c r="G43772" s="16"/>
      <c r="H43772" s="16"/>
      <c r="I43772" s="16"/>
      <c r="J43772" s="16"/>
    </row>
    <row r="43773" spans="7:10">
      <c r="G43773" s="16"/>
      <c r="H43773" s="16"/>
      <c r="I43773" s="16"/>
      <c r="J43773" s="16"/>
    </row>
    <row r="43774" spans="7:10">
      <c r="G43774" s="16"/>
      <c r="H43774" s="16"/>
      <c r="I43774" s="16"/>
      <c r="J43774" s="16"/>
    </row>
    <row r="43775" spans="7:10">
      <c r="G43775" s="16"/>
      <c r="H43775" s="16"/>
      <c r="I43775" s="16"/>
      <c r="J43775" s="16"/>
    </row>
    <row r="43776" spans="7:10">
      <c r="G43776" s="16"/>
      <c r="H43776" s="16"/>
      <c r="I43776" s="16"/>
      <c r="J43776" s="16"/>
    </row>
    <row r="43777" spans="7:10">
      <c r="G43777" s="16"/>
      <c r="H43777" s="16"/>
      <c r="I43777" s="16"/>
      <c r="J43777" s="16"/>
    </row>
    <row r="43778" spans="7:10">
      <c r="G43778" s="16"/>
      <c r="H43778" s="16"/>
      <c r="I43778" s="16"/>
      <c r="J43778" s="16"/>
    </row>
    <row r="43779" spans="7:10">
      <c r="G43779" s="16"/>
      <c r="H43779" s="16"/>
      <c r="I43779" s="16"/>
      <c r="J43779" s="16"/>
    </row>
    <row r="43780" spans="7:10">
      <c r="G43780" s="16"/>
      <c r="H43780" s="16"/>
      <c r="I43780" s="16"/>
      <c r="J43780" s="16"/>
    </row>
    <row r="43781" spans="7:10">
      <c r="G43781" s="16"/>
      <c r="H43781" s="16"/>
      <c r="I43781" s="16"/>
      <c r="J43781" s="16"/>
    </row>
    <row r="43782" spans="7:10">
      <c r="G43782" s="16"/>
      <c r="H43782" s="16"/>
      <c r="I43782" s="16"/>
      <c r="J43782" s="16"/>
    </row>
    <row r="43783" spans="7:10">
      <c r="G43783" s="16"/>
      <c r="H43783" s="16"/>
      <c r="I43783" s="16"/>
      <c r="J43783" s="16"/>
    </row>
    <row r="43784" spans="7:10">
      <c r="G43784" s="16"/>
      <c r="H43784" s="16"/>
      <c r="I43784" s="16"/>
      <c r="J43784" s="16"/>
    </row>
    <row r="43785" spans="7:10">
      <c r="G43785" s="16"/>
      <c r="H43785" s="16"/>
      <c r="I43785" s="16"/>
      <c r="J43785" s="16"/>
    </row>
    <row r="43786" spans="7:10">
      <c r="G43786" s="16"/>
      <c r="H43786" s="16"/>
      <c r="I43786" s="16"/>
      <c r="J43786" s="16"/>
    </row>
    <row r="43787" spans="7:10">
      <c r="G43787" s="16"/>
      <c r="H43787" s="16"/>
      <c r="I43787" s="16"/>
      <c r="J43787" s="16"/>
    </row>
    <row r="43788" spans="7:10">
      <c r="G43788" s="16"/>
      <c r="H43788" s="16"/>
      <c r="I43788" s="16"/>
      <c r="J43788" s="16"/>
    </row>
    <row r="43789" spans="7:10">
      <c r="G43789" s="16"/>
      <c r="H43789" s="16"/>
      <c r="I43789" s="16"/>
      <c r="J43789" s="16"/>
    </row>
    <row r="43790" spans="7:10">
      <c r="G43790" s="16"/>
      <c r="H43790" s="16"/>
      <c r="I43790" s="16"/>
      <c r="J43790" s="16"/>
    </row>
    <row r="43791" spans="7:10">
      <c r="G43791" s="16"/>
      <c r="H43791" s="16"/>
      <c r="I43791" s="16"/>
      <c r="J43791" s="16"/>
    </row>
    <row r="43792" spans="7:10">
      <c r="G43792" s="16"/>
      <c r="H43792" s="16"/>
      <c r="I43792" s="16"/>
      <c r="J43792" s="16"/>
    </row>
    <row r="43793" spans="7:10">
      <c r="G43793" s="16"/>
      <c r="H43793" s="16"/>
      <c r="I43793" s="16"/>
      <c r="J43793" s="16"/>
    </row>
    <row r="43794" spans="7:10">
      <c r="G43794" s="16"/>
      <c r="H43794" s="16"/>
      <c r="I43794" s="16"/>
      <c r="J43794" s="16"/>
    </row>
    <row r="43795" spans="7:10">
      <c r="G43795" s="16"/>
      <c r="H43795" s="16"/>
      <c r="I43795" s="16"/>
      <c r="J43795" s="16"/>
    </row>
    <row r="43796" spans="7:10">
      <c r="G43796" s="16"/>
      <c r="H43796" s="16"/>
      <c r="I43796" s="16"/>
      <c r="J43796" s="16"/>
    </row>
    <row r="43797" spans="7:10">
      <c r="G43797" s="16"/>
      <c r="H43797" s="16"/>
      <c r="I43797" s="16"/>
      <c r="J43797" s="16"/>
    </row>
    <row r="43798" spans="7:10">
      <c r="G43798" s="16"/>
      <c r="H43798" s="16"/>
      <c r="I43798" s="16"/>
      <c r="J43798" s="16"/>
    </row>
    <row r="43799" spans="7:10">
      <c r="G43799" s="16"/>
      <c r="H43799" s="16"/>
      <c r="I43799" s="16"/>
      <c r="J43799" s="16"/>
    </row>
    <row r="43800" spans="7:10">
      <c r="G43800" s="16"/>
      <c r="H43800" s="16"/>
      <c r="I43800" s="16"/>
      <c r="J43800" s="16"/>
    </row>
    <row r="43801" spans="7:10">
      <c r="G43801" s="16"/>
      <c r="H43801" s="16"/>
      <c r="I43801" s="16"/>
      <c r="J43801" s="16"/>
    </row>
    <row r="43802" spans="7:10">
      <c r="G43802" s="16"/>
      <c r="H43802" s="16"/>
      <c r="I43802" s="16"/>
      <c r="J43802" s="16"/>
    </row>
    <row r="43803" spans="7:10">
      <c r="G43803" s="16"/>
      <c r="H43803" s="16"/>
      <c r="I43803" s="16"/>
      <c r="J43803" s="16"/>
    </row>
    <row r="43804" spans="7:10">
      <c r="G43804" s="16"/>
      <c r="H43804" s="16"/>
      <c r="I43804" s="16"/>
      <c r="J43804" s="16"/>
    </row>
    <row r="43805" spans="7:10">
      <c r="G43805" s="16"/>
      <c r="H43805" s="16"/>
      <c r="I43805" s="16"/>
      <c r="J43805" s="16"/>
    </row>
    <row r="43806" spans="7:10">
      <c r="G43806" s="16"/>
      <c r="H43806" s="16"/>
      <c r="I43806" s="16"/>
      <c r="J43806" s="16"/>
    </row>
    <row r="43807" spans="7:10">
      <c r="G43807" s="16"/>
      <c r="H43807" s="16"/>
      <c r="I43807" s="16"/>
      <c r="J43807" s="16"/>
    </row>
    <row r="43808" spans="7:10">
      <c r="G43808" s="16"/>
      <c r="H43808" s="16"/>
      <c r="I43808" s="16"/>
      <c r="J43808" s="16"/>
    </row>
    <row r="43809" spans="7:10">
      <c r="G43809" s="16"/>
      <c r="H43809" s="16"/>
      <c r="I43809" s="16"/>
      <c r="J43809" s="16"/>
    </row>
    <row r="43810" spans="7:10">
      <c r="G43810" s="16"/>
      <c r="H43810" s="16"/>
      <c r="I43810" s="16"/>
      <c r="J43810" s="16"/>
    </row>
    <row r="43811" spans="7:10">
      <c r="G43811" s="16"/>
      <c r="H43811" s="16"/>
      <c r="I43811" s="16"/>
      <c r="J43811" s="16"/>
    </row>
    <row r="43812" spans="7:10">
      <c r="G43812" s="16"/>
      <c r="H43812" s="16"/>
      <c r="I43812" s="16"/>
      <c r="J43812" s="16"/>
    </row>
    <row r="43813" spans="7:10">
      <c r="G43813" s="16"/>
      <c r="H43813" s="16"/>
      <c r="I43813" s="16"/>
      <c r="J43813" s="16"/>
    </row>
    <row r="43814" spans="7:10">
      <c r="G43814" s="16"/>
      <c r="H43814" s="16"/>
      <c r="I43814" s="16"/>
      <c r="J43814" s="16"/>
    </row>
    <row r="43815" spans="7:10">
      <c r="G43815" s="16"/>
      <c r="H43815" s="16"/>
      <c r="I43815" s="16"/>
      <c r="J43815" s="16"/>
    </row>
    <row r="43816" spans="7:10">
      <c r="G43816" s="16"/>
      <c r="H43816" s="16"/>
      <c r="I43816" s="16"/>
      <c r="J43816" s="16"/>
    </row>
    <row r="43817" spans="7:10">
      <c r="G43817" s="16"/>
      <c r="H43817" s="16"/>
      <c r="I43817" s="16"/>
      <c r="J43817" s="16"/>
    </row>
    <row r="43818" spans="7:10">
      <c r="G43818" s="16"/>
      <c r="H43818" s="16"/>
      <c r="I43818" s="16"/>
      <c r="J43818" s="16"/>
    </row>
    <row r="43819" spans="7:10">
      <c r="G43819" s="16"/>
      <c r="H43819" s="16"/>
      <c r="I43819" s="16"/>
      <c r="J43819" s="16"/>
    </row>
    <row r="43820" spans="7:10">
      <c r="G43820" s="16"/>
      <c r="H43820" s="16"/>
      <c r="I43820" s="16"/>
      <c r="J43820" s="16"/>
    </row>
    <row r="43821" spans="7:10">
      <c r="G43821" s="16"/>
      <c r="H43821" s="16"/>
      <c r="I43821" s="16"/>
      <c r="J43821" s="16"/>
    </row>
    <row r="43822" spans="7:10">
      <c r="G43822" s="16"/>
      <c r="H43822" s="16"/>
      <c r="I43822" s="16"/>
      <c r="J43822" s="16"/>
    </row>
    <row r="43823" spans="7:10">
      <c r="G43823" s="16"/>
      <c r="H43823" s="16"/>
      <c r="I43823" s="16"/>
      <c r="J43823" s="16"/>
    </row>
    <row r="43824" spans="7:10">
      <c r="G43824" s="16"/>
      <c r="H43824" s="16"/>
      <c r="I43824" s="16"/>
      <c r="J43824" s="16"/>
    </row>
    <row r="43825" spans="7:10">
      <c r="G43825" s="16"/>
      <c r="H43825" s="16"/>
      <c r="I43825" s="16"/>
      <c r="J43825" s="16"/>
    </row>
    <row r="43826" spans="7:10">
      <c r="G43826" s="16"/>
      <c r="H43826" s="16"/>
      <c r="I43826" s="16"/>
      <c r="J43826" s="16"/>
    </row>
    <row r="43827" spans="7:10">
      <c r="G43827" s="16"/>
      <c r="H43827" s="16"/>
      <c r="I43827" s="16"/>
      <c r="J43827" s="16"/>
    </row>
    <row r="43828" spans="7:10">
      <c r="G43828" s="16"/>
      <c r="H43828" s="16"/>
      <c r="I43828" s="16"/>
      <c r="J43828" s="16"/>
    </row>
    <row r="43829" spans="7:10">
      <c r="G43829" s="16"/>
      <c r="H43829" s="16"/>
      <c r="I43829" s="16"/>
      <c r="J43829" s="16"/>
    </row>
    <row r="43830" spans="7:10">
      <c r="G43830" s="16"/>
      <c r="H43830" s="16"/>
      <c r="I43830" s="16"/>
      <c r="J43830" s="16"/>
    </row>
    <row r="43831" spans="7:10">
      <c r="G43831" s="16"/>
      <c r="H43831" s="16"/>
      <c r="I43831" s="16"/>
      <c r="J43831" s="16"/>
    </row>
    <row r="43832" spans="7:10">
      <c r="G43832" s="16"/>
      <c r="H43832" s="16"/>
      <c r="I43832" s="16"/>
      <c r="J43832" s="16"/>
    </row>
    <row r="43833" spans="7:10">
      <c r="G43833" s="16"/>
      <c r="H43833" s="16"/>
      <c r="I43833" s="16"/>
      <c r="J43833" s="16"/>
    </row>
    <row r="43834" spans="7:10">
      <c r="G43834" s="16"/>
      <c r="H43834" s="16"/>
      <c r="I43834" s="16"/>
      <c r="J43834" s="16"/>
    </row>
    <row r="43835" spans="7:10">
      <c r="G43835" s="16"/>
      <c r="H43835" s="16"/>
      <c r="I43835" s="16"/>
      <c r="J43835" s="16"/>
    </row>
    <row r="43836" spans="7:10">
      <c r="G43836" s="16"/>
      <c r="H43836" s="16"/>
      <c r="I43836" s="16"/>
      <c r="J43836" s="16"/>
    </row>
    <row r="43837" spans="7:10">
      <c r="G43837" s="16"/>
      <c r="H43837" s="16"/>
      <c r="I43837" s="16"/>
      <c r="J43837" s="16"/>
    </row>
    <row r="43838" spans="7:10">
      <c r="G43838" s="16"/>
      <c r="H43838" s="16"/>
      <c r="I43838" s="16"/>
      <c r="J43838" s="16"/>
    </row>
    <row r="43839" spans="7:10">
      <c r="G43839" s="16"/>
      <c r="H43839" s="16"/>
      <c r="I43839" s="16"/>
      <c r="J43839" s="16"/>
    </row>
    <row r="43840" spans="7:10">
      <c r="G43840" s="16"/>
      <c r="H43840" s="16"/>
      <c r="I43840" s="16"/>
      <c r="J43840" s="16"/>
    </row>
    <row r="43841" spans="7:10">
      <c r="G43841" s="16"/>
      <c r="H43841" s="16"/>
      <c r="I43841" s="16"/>
      <c r="J43841" s="16"/>
    </row>
    <row r="43842" spans="7:10">
      <c r="G43842" s="16"/>
      <c r="H43842" s="16"/>
      <c r="I43842" s="16"/>
      <c r="J43842" s="16"/>
    </row>
    <row r="43843" spans="7:10">
      <c r="G43843" s="16"/>
      <c r="H43843" s="16"/>
      <c r="I43843" s="16"/>
      <c r="J43843" s="16"/>
    </row>
    <row r="43844" spans="7:10">
      <c r="G43844" s="16"/>
      <c r="H43844" s="16"/>
      <c r="I43844" s="16"/>
      <c r="J43844" s="16"/>
    </row>
    <row r="43845" spans="7:10">
      <c r="G43845" s="16"/>
      <c r="H43845" s="16"/>
      <c r="I43845" s="16"/>
      <c r="J43845" s="16"/>
    </row>
    <row r="43846" spans="7:10">
      <c r="G43846" s="16"/>
      <c r="H43846" s="16"/>
      <c r="I43846" s="16"/>
      <c r="J43846" s="16"/>
    </row>
    <row r="43847" spans="7:10">
      <c r="G43847" s="16"/>
      <c r="H43847" s="16"/>
      <c r="I43847" s="16"/>
      <c r="J43847" s="16"/>
    </row>
    <row r="43848" spans="7:10">
      <c r="G43848" s="16"/>
      <c r="H43848" s="16"/>
      <c r="I43848" s="16"/>
      <c r="J43848" s="16"/>
    </row>
    <row r="43849" spans="7:10">
      <c r="G43849" s="16"/>
      <c r="H43849" s="16"/>
      <c r="I43849" s="16"/>
      <c r="J43849" s="16"/>
    </row>
    <row r="43850" spans="7:10">
      <c r="G43850" s="16"/>
      <c r="H43850" s="16"/>
      <c r="I43850" s="16"/>
      <c r="J43850" s="16"/>
    </row>
    <row r="43851" spans="7:10">
      <c r="G43851" s="16"/>
      <c r="H43851" s="16"/>
      <c r="I43851" s="16"/>
      <c r="J43851" s="16"/>
    </row>
    <row r="43852" spans="7:10">
      <c r="G43852" s="16"/>
      <c r="H43852" s="16"/>
      <c r="I43852" s="16"/>
      <c r="J43852" s="16"/>
    </row>
    <row r="43853" spans="7:10">
      <c r="G43853" s="16"/>
      <c r="H43853" s="16"/>
      <c r="I43853" s="16"/>
      <c r="J43853" s="16"/>
    </row>
    <row r="43854" spans="7:10">
      <c r="G43854" s="16"/>
      <c r="H43854" s="16"/>
      <c r="I43854" s="16"/>
      <c r="J43854" s="16"/>
    </row>
    <row r="43855" spans="7:10">
      <c r="G43855" s="16"/>
      <c r="H43855" s="16"/>
      <c r="I43855" s="16"/>
      <c r="J43855" s="16"/>
    </row>
    <row r="43856" spans="7:10">
      <c r="G43856" s="16"/>
      <c r="H43856" s="16"/>
      <c r="I43856" s="16"/>
      <c r="J43856" s="16"/>
    </row>
    <row r="43857" spans="7:10">
      <c r="G43857" s="16"/>
      <c r="H43857" s="16"/>
      <c r="I43857" s="16"/>
      <c r="J43857" s="16"/>
    </row>
    <row r="43858" spans="7:10">
      <c r="G43858" s="16"/>
      <c r="H43858" s="16"/>
      <c r="I43858" s="16"/>
      <c r="J43858" s="16"/>
    </row>
    <row r="43859" spans="7:10">
      <c r="G43859" s="16"/>
      <c r="H43859" s="16"/>
      <c r="I43859" s="16"/>
      <c r="J43859" s="16"/>
    </row>
    <row r="43860" spans="7:10">
      <c r="G43860" s="16"/>
      <c r="H43860" s="16"/>
      <c r="I43860" s="16"/>
      <c r="J43860" s="16"/>
    </row>
    <row r="43861" spans="7:10">
      <c r="G43861" s="16"/>
      <c r="H43861" s="16"/>
      <c r="I43861" s="16"/>
      <c r="J43861" s="16"/>
    </row>
    <row r="43862" spans="7:10">
      <c r="G43862" s="16"/>
      <c r="H43862" s="16"/>
      <c r="I43862" s="16"/>
      <c r="J43862" s="16"/>
    </row>
    <row r="43863" spans="7:10">
      <c r="G43863" s="16"/>
      <c r="H43863" s="16"/>
      <c r="I43863" s="16"/>
      <c r="J43863" s="16"/>
    </row>
    <row r="43864" spans="7:10">
      <c r="G43864" s="16"/>
      <c r="H43864" s="16"/>
      <c r="I43864" s="16"/>
      <c r="J43864" s="16"/>
    </row>
    <row r="43865" spans="7:10">
      <c r="G43865" s="16"/>
      <c r="H43865" s="16"/>
      <c r="I43865" s="16"/>
      <c r="J43865" s="16"/>
    </row>
    <row r="43866" spans="7:10">
      <c r="G43866" s="16"/>
      <c r="H43866" s="16"/>
      <c r="I43866" s="16"/>
      <c r="J43866" s="16"/>
    </row>
    <row r="43867" spans="7:10">
      <c r="G43867" s="16"/>
      <c r="H43867" s="16"/>
      <c r="I43867" s="16"/>
      <c r="J43867" s="16"/>
    </row>
    <row r="43868" spans="7:10">
      <c r="G43868" s="16"/>
      <c r="H43868" s="16"/>
      <c r="I43868" s="16"/>
      <c r="J43868" s="16"/>
    </row>
    <row r="43869" spans="7:10">
      <c r="G43869" s="16"/>
      <c r="H43869" s="16"/>
      <c r="I43869" s="16"/>
      <c r="J43869" s="16"/>
    </row>
    <row r="43870" spans="7:10">
      <c r="G43870" s="16"/>
      <c r="H43870" s="16"/>
      <c r="I43870" s="16"/>
      <c r="J43870" s="16"/>
    </row>
    <row r="43871" spans="7:10">
      <c r="G43871" s="16"/>
      <c r="H43871" s="16"/>
      <c r="I43871" s="16"/>
      <c r="J43871" s="16"/>
    </row>
    <row r="43872" spans="7:10">
      <c r="G43872" s="16"/>
      <c r="H43872" s="16"/>
      <c r="I43872" s="16"/>
      <c r="J43872" s="16"/>
    </row>
    <row r="43873" spans="7:10">
      <c r="G43873" s="16"/>
      <c r="H43873" s="16"/>
      <c r="I43873" s="16"/>
      <c r="J43873" s="16"/>
    </row>
    <row r="43874" spans="7:10">
      <c r="G43874" s="16"/>
      <c r="H43874" s="16"/>
      <c r="I43874" s="16"/>
      <c r="J43874" s="16"/>
    </row>
    <row r="43875" spans="7:10">
      <c r="G43875" s="16"/>
      <c r="H43875" s="16"/>
      <c r="I43875" s="16"/>
      <c r="J43875" s="16"/>
    </row>
    <row r="43876" spans="7:10">
      <c r="G43876" s="16"/>
      <c r="H43876" s="16"/>
      <c r="I43876" s="16"/>
      <c r="J43876" s="16"/>
    </row>
    <row r="43877" spans="7:10">
      <c r="G43877" s="16"/>
      <c r="H43877" s="16"/>
      <c r="I43877" s="16"/>
      <c r="J43877" s="16"/>
    </row>
    <row r="43878" spans="7:10">
      <c r="G43878" s="16"/>
      <c r="H43878" s="16"/>
      <c r="I43878" s="16"/>
      <c r="J43878" s="16"/>
    </row>
    <row r="43879" spans="7:10">
      <c r="G43879" s="16"/>
      <c r="H43879" s="16"/>
      <c r="I43879" s="16"/>
      <c r="J43879" s="16"/>
    </row>
    <row r="43880" spans="7:10">
      <c r="G43880" s="16"/>
      <c r="H43880" s="16"/>
      <c r="I43880" s="16"/>
      <c r="J43880" s="16"/>
    </row>
    <row r="43881" spans="7:10">
      <c r="G43881" s="16"/>
      <c r="H43881" s="16"/>
      <c r="I43881" s="16"/>
      <c r="J43881" s="16"/>
    </row>
    <row r="43882" spans="7:10">
      <c r="G43882" s="16"/>
      <c r="H43882" s="16"/>
      <c r="I43882" s="16"/>
      <c r="J43882" s="16"/>
    </row>
    <row r="43883" spans="7:10">
      <c r="G43883" s="16"/>
      <c r="H43883" s="16"/>
      <c r="I43883" s="16"/>
      <c r="J43883" s="16"/>
    </row>
    <row r="43884" spans="7:10">
      <c r="G43884" s="16"/>
      <c r="H43884" s="16"/>
      <c r="I43884" s="16"/>
      <c r="J43884" s="16"/>
    </row>
    <row r="43885" spans="7:10">
      <c r="G43885" s="16"/>
      <c r="H43885" s="16"/>
      <c r="I43885" s="16"/>
      <c r="J43885" s="16"/>
    </row>
    <row r="43886" spans="7:10">
      <c r="G43886" s="16"/>
      <c r="H43886" s="16"/>
      <c r="I43886" s="16"/>
      <c r="J43886" s="16"/>
    </row>
    <row r="43887" spans="7:10">
      <c r="G43887" s="16"/>
      <c r="H43887" s="16"/>
      <c r="I43887" s="16"/>
      <c r="J43887" s="16"/>
    </row>
    <row r="43888" spans="7:10">
      <c r="G43888" s="16"/>
      <c r="H43888" s="16"/>
      <c r="I43888" s="16"/>
      <c r="J43888" s="16"/>
    </row>
    <row r="43889" spans="7:10">
      <c r="G43889" s="16"/>
      <c r="H43889" s="16"/>
      <c r="I43889" s="16"/>
      <c r="J43889" s="16"/>
    </row>
    <row r="43890" spans="7:10">
      <c r="G43890" s="16"/>
      <c r="H43890" s="16"/>
      <c r="I43890" s="16"/>
      <c r="J43890" s="16"/>
    </row>
    <row r="43891" spans="7:10">
      <c r="G43891" s="16"/>
      <c r="H43891" s="16"/>
      <c r="I43891" s="16"/>
      <c r="J43891" s="16"/>
    </row>
    <row r="43892" spans="7:10">
      <c r="G43892" s="16"/>
      <c r="H43892" s="16"/>
      <c r="I43892" s="16"/>
      <c r="J43892" s="16"/>
    </row>
    <row r="43893" spans="7:10">
      <c r="G43893" s="16"/>
      <c r="H43893" s="16"/>
      <c r="I43893" s="16"/>
      <c r="J43893" s="16"/>
    </row>
    <row r="43894" spans="7:10">
      <c r="G43894" s="16"/>
      <c r="H43894" s="16"/>
      <c r="I43894" s="16"/>
      <c r="J43894" s="16"/>
    </row>
    <row r="43895" spans="7:10">
      <c r="G43895" s="16"/>
      <c r="H43895" s="16"/>
      <c r="I43895" s="16"/>
      <c r="J43895" s="16"/>
    </row>
    <row r="43896" spans="7:10">
      <c r="G43896" s="16"/>
      <c r="H43896" s="16"/>
      <c r="I43896" s="16"/>
      <c r="J43896" s="16"/>
    </row>
    <row r="43897" spans="7:10">
      <c r="G43897" s="16"/>
      <c r="H43897" s="16"/>
      <c r="I43897" s="16"/>
      <c r="J43897" s="16"/>
    </row>
    <row r="43898" spans="7:10">
      <c r="G43898" s="16"/>
      <c r="H43898" s="16"/>
      <c r="I43898" s="16"/>
      <c r="J43898" s="16"/>
    </row>
    <row r="43899" spans="7:10">
      <c r="G43899" s="16"/>
      <c r="H43899" s="16"/>
      <c r="I43899" s="16"/>
      <c r="J43899" s="16"/>
    </row>
    <row r="43900" spans="7:10">
      <c r="G43900" s="16"/>
      <c r="H43900" s="16"/>
      <c r="I43900" s="16"/>
      <c r="J43900" s="16"/>
    </row>
    <row r="43901" spans="7:10">
      <c r="G43901" s="16"/>
      <c r="H43901" s="16"/>
      <c r="I43901" s="16"/>
      <c r="J43901" s="16"/>
    </row>
    <row r="43902" spans="7:10">
      <c r="G43902" s="16"/>
      <c r="H43902" s="16"/>
      <c r="I43902" s="16"/>
      <c r="J43902" s="16"/>
    </row>
    <row r="43903" spans="7:10">
      <c r="G43903" s="16"/>
      <c r="H43903" s="16"/>
      <c r="I43903" s="16"/>
      <c r="J43903" s="16"/>
    </row>
    <row r="43904" spans="7:10">
      <c r="G43904" s="16"/>
      <c r="H43904" s="16"/>
      <c r="I43904" s="16"/>
      <c r="J43904" s="16"/>
    </row>
    <row r="43905" spans="7:10">
      <c r="G43905" s="16"/>
      <c r="H43905" s="16"/>
      <c r="I43905" s="16"/>
      <c r="J43905" s="16"/>
    </row>
    <row r="43906" spans="7:10">
      <c r="G43906" s="16"/>
      <c r="H43906" s="16"/>
      <c r="I43906" s="16"/>
      <c r="J43906" s="16"/>
    </row>
    <row r="43907" spans="7:10">
      <c r="G43907" s="16"/>
      <c r="H43907" s="16"/>
      <c r="I43907" s="16"/>
      <c r="J43907" s="16"/>
    </row>
    <row r="43908" spans="7:10">
      <c r="G43908" s="16"/>
      <c r="H43908" s="16"/>
      <c r="I43908" s="16"/>
      <c r="J43908" s="16"/>
    </row>
    <row r="43909" spans="7:10">
      <c r="G43909" s="16"/>
      <c r="H43909" s="16"/>
      <c r="I43909" s="16"/>
      <c r="J43909" s="16"/>
    </row>
    <row r="43910" spans="7:10">
      <c r="G43910" s="16"/>
      <c r="H43910" s="16"/>
      <c r="I43910" s="16"/>
      <c r="J43910" s="16"/>
    </row>
    <row r="43911" spans="7:10">
      <c r="G43911" s="16"/>
      <c r="H43911" s="16"/>
      <c r="I43911" s="16"/>
      <c r="J43911" s="16"/>
    </row>
    <row r="43912" spans="7:10">
      <c r="G43912" s="16"/>
      <c r="H43912" s="16"/>
      <c r="I43912" s="16"/>
      <c r="J43912" s="16"/>
    </row>
    <row r="43913" spans="7:10">
      <c r="G43913" s="16"/>
      <c r="H43913" s="16"/>
      <c r="I43913" s="16"/>
      <c r="J43913" s="16"/>
    </row>
    <row r="43914" spans="7:10">
      <c r="G43914" s="16"/>
      <c r="H43914" s="16"/>
      <c r="I43914" s="16"/>
      <c r="J43914" s="16"/>
    </row>
    <row r="43915" spans="7:10">
      <c r="G43915" s="16"/>
      <c r="H43915" s="16"/>
      <c r="I43915" s="16"/>
      <c r="J43915" s="16"/>
    </row>
    <row r="43916" spans="7:10">
      <c r="G43916" s="16"/>
      <c r="H43916" s="16"/>
      <c r="I43916" s="16"/>
      <c r="J43916" s="16"/>
    </row>
    <row r="43917" spans="7:10">
      <c r="G43917" s="16"/>
      <c r="H43917" s="16"/>
      <c r="I43917" s="16"/>
      <c r="J43917" s="16"/>
    </row>
    <row r="43918" spans="7:10">
      <c r="G43918" s="16"/>
      <c r="H43918" s="16"/>
      <c r="I43918" s="16"/>
      <c r="J43918" s="16"/>
    </row>
    <row r="43919" spans="7:10">
      <c r="G43919" s="16"/>
      <c r="H43919" s="16"/>
      <c r="I43919" s="16"/>
      <c r="J43919" s="16"/>
    </row>
    <row r="43920" spans="7:10">
      <c r="G43920" s="16"/>
      <c r="H43920" s="16"/>
      <c r="I43920" s="16"/>
      <c r="J43920" s="16"/>
    </row>
    <row r="43921" spans="7:10">
      <c r="G43921" s="16"/>
      <c r="H43921" s="16"/>
      <c r="I43921" s="16"/>
      <c r="J43921" s="16"/>
    </row>
    <row r="43922" spans="7:10">
      <c r="G43922" s="16"/>
      <c r="H43922" s="16"/>
      <c r="I43922" s="16"/>
      <c r="J43922" s="16"/>
    </row>
    <row r="43923" spans="7:10">
      <c r="G43923" s="16"/>
      <c r="H43923" s="16"/>
      <c r="I43923" s="16"/>
      <c r="J43923" s="16"/>
    </row>
    <row r="43924" spans="7:10">
      <c r="G43924" s="16"/>
      <c r="H43924" s="16"/>
      <c r="I43924" s="16"/>
      <c r="J43924" s="16"/>
    </row>
    <row r="43925" spans="7:10">
      <c r="G43925" s="16"/>
      <c r="H43925" s="16"/>
      <c r="I43925" s="16"/>
      <c r="J43925" s="16"/>
    </row>
    <row r="43926" spans="7:10">
      <c r="G43926" s="16"/>
      <c r="H43926" s="16"/>
      <c r="I43926" s="16"/>
      <c r="J43926" s="16"/>
    </row>
    <row r="43927" spans="7:10">
      <c r="G43927" s="16"/>
      <c r="H43927" s="16"/>
      <c r="I43927" s="16"/>
      <c r="J43927" s="16"/>
    </row>
    <row r="43928" spans="7:10">
      <c r="G43928" s="16"/>
      <c r="H43928" s="16"/>
      <c r="I43928" s="16"/>
      <c r="J43928" s="16"/>
    </row>
    <row r="43929" spans="7:10">
      <c r="G43929" s="16"/>
      <c r="H43929" s="16"/>
      <c r="I43929" s="16"/>
      <c r="J43929" s="16"/>
    </row>
    <row r="43930" spans="7:10">
      <c r="G43930" s="16"/>
      <c r="H43930" s="16"/>
      <c r="I43930" s="16"/>
      <c r="J43930" s="16"/>
    </row>
    <row r="43931" spans="7:10">
      <c r="G43931" s="16"/>
      <c r="H43931" s="16"/>
      <c r="I43931" s="16"/>
      <c r="J43931" s="16"/>
    </row>
    <row r="43932" spans="7:10">
      <c r="G43932" s="16"/>
      <c r="H43932" s="16"/>
      <c r="I43932" s="16"/>
      <c r="J43932" s="16"/>
    </row>
    <row r="43933" spans="7:10">
      <c r="G43933" s="16"/>
      <c r="H43933" s="16"/>
      <c r="I43933" s="16"/>
      <c r="J43933" s="16"/>
    </row>
    <row r="43934" spans="7:10">
      <c r="G43934" s="16"/>
      <c r="H43934" s="16"/>
      <c r="I43934" s="16"/>
      <c r="J43934" s="16"/>
    </row>
    <row r="43935" spans="7:10">
      <c r="G43935" s="16"/>
      <c r="H43935" s="16"/>
      <c r="I43935" s="16"/>
      <c r="J43935" s="16"/>
    </row>
    <row r="43936" spans="7:10">
      <c r="G43936" s="16"/>
      <c r="H43936" s="16"/>
      <c r="I43936" s="16"/>
      <c r="J43936" s="16"/>
    </row>
    <row r="43937" spans="7:10">
      <c r="G43937" s="16"/>
      <c r="H43937" s="16"/>
      <c r="I43937" s="16"/>
      <c r="J43937" s="16"/>
    </row>
    <row r="43938" spans="7:10">
      <c r="G43938" s="16"/>
      <c r="H43938" s="16"/>
      <c r="I43938" s="16"/>
      <c r="J43938" s="16"/>
    </row>
    <row r="43939" spans="7:10">
      <c r="G43939" s="16"/>
      <c r="H43939" s="16"/>
      <c r="I43939" s="16"/>
      <c r="J43939" s="16"/>
    </row>
    <row r="43940" spans="7:10">
      <c r="G43940" s="16"/>
      <c r="H43940" s="16"/>
      <c r="I43940" s="16"/>
      <c r="J43940" s="16"/>
    </row>
    <row r="43941" spans="7:10">
      <c r="G43941" s="16"/>
      <c r="H43941" s="16"/>
      <c r="I43941" s="16"/>
      <c r="J43941" s="16"/>
    </row>
    <row r="43942" spans="7:10">
      <c r="G43942" s="16"/>
      <c r="H43942" s="16"/>
      <c r="I43942" s="16"/>
      <c r="J43942" s="16"/>
    </row>
    <row r="43943" spans="7:10">
      <c r="G43943" s="16"/>
      <c r="H43943" s="16"/>
      <c r="I43943" s="16"/>
      <c r="J43943" s="16"/>
    </row>
    <row r="43944" spans="7:10">
      <c r="G43944" s="16"/>
      <c r="H43944" s="16"/>
      <c r="I43944" s="16"/>
      <c r="J43944" s="16"/>
    </row>
    <row r="43945" spans="7:10">
      <c r="G43945" s="16"/>
      <c r="H43945" s="16"/>
      <c r="I43945" s="16"/>
      <c r="J43945" s="16"/>
    </row>
    <row r="43946" spans="7:10">
      <c r="G43946" s="16"/>
      <c r="H43946" s="16"/>
      <c r="I43946" s="16"/>
      <c r="J43946" s="16"/>
    </row>
    <row r="43947" spans="7:10">
      <c r="G43947" s="16"/>
      <c r="H43947" s="16"/>
      <c r="I43947" s="16"/>
      <c r="J43947" s="16"/>
    </row>
    <row r="43948" spans="7:10">
      <c r="G43948" s="16"/>
      <c r="H43948" s="16"/>
      <c r="I43948" s="16"/>
      <c r="J43948" s="16"/>
    </row>
    <row r="43949" spans="7:10">
      <c r="G43949" s="16"/>
      <c r="H43949" s="16"/>
      <c r="I43949" s="16"/>
      <c r="J43949" s="16"/>
    </row>
    <row r="43950" spans="7:10">
      <c r="G43950" s="16"/>
      <c r="H43950" s="16"/>
      <c r="I43950" s="16"/>
      <c r="J43950" s="16"/>
    </row>
    <row r="43951" spans="7:10">
      <c r="G43951" s="16"/>
      <c r="H43951" s="16"/>
      <c r="I43951" s="16"/>
      <c r="J43951" s="16"/>
    </row>
    <row r="43952" spans="7:10">
      <c r="G43952" s="16"/>
      <c r="H43952" s="16"/>
      <c r="I43952" s="16"/>
      <c r="J43952" s="16"/>
    </row>
    <row r="43953" spans="7:10">
      <c r="G43953" s="16"/>
      <c r="H43953" s="16"/>
      <c r="I43953" s="16"/>
      <c r="J43953" s="16"/>
    </row>
    <row r="43954" spans="7:10">
      <c r="G43954" s="16"/>
      <c r="H43954" s="16"/>
      <c r="I43954" s="16"/>
      <c r="J43954" s="16"/>
    </row>
    <row r="43955" spans="7:10">
      <c r="G43955" s="16"/>
      <c r="H43955" s="16"/>
      <c r="I43955" s="16"/>
      <c r="J43955" s="16"/>
    </row>
    <row r="43956" spans="7:10">
      <c r="G43956" s="16"/>
      <c r="H43956" s="16"/>
      <c r="I43956" s="16"/>
      <c r="J43956" s="16"/>
    </row>
    <row r="43957" spans="7:10">
      <c r="G43957" s="16"/>
      <c r="H43957" s="16"/>
      <c r="I43957" s="16"/>
      <c r="J43957" s="16"/>
    </row>
    <row r="43958" spans="7:10">
      <c r="G43958" s="16"/>
      <c r="H43958" s="16"/>
      <c r="I43958" s="16"/>
      <c r="J43958" s="16"/>
    </row>
    <row r="43959" spans="7:10">
      <c r="G43959" s="16"/>
      <c r="H43959" s="16"/>
      <c r="I43959" s="16"/>
      <c r="J43959" s="16"/>
    </row>
    <row r="43960" spans="7:10">
      <c r="G43960" s="16"/>
      <c r="H43960" s="16"/>
      <c r="I43960" s="16"/>
      <c r="J43960" s="16"/>
    </row>
    <row r="43961" spans="7:10">
      <c r="G43961" s="16"/>
      <c r="H43961" s="16"/>
      <c r="I43961" s="16"/>
      <c r="J43961" s="16"/>
    </row>
    <row r="43962" spans="7:10">
      <c r="G43962" s="16"/>
      <c r="H43962" s="16"/>
      <c r="I43962" s="16"/>
      <c r="J43962" s="16"/>
    </row>
    <row r="43963" spans="7:10">
      <c r="G43963" s="16"/>
      <c r="H43963" s="16"/>
      <c r="I43963" s="16"/>
      <c r="J43963" s="16"/>
    </row>
    <row r="43964" spans="7:10">
      <c r="G43964" s="16"/>
      <c r="H43964" s="16"/>
      <c r="I43964" s="16"/>
      <c r="J43964" s="16"/>
    </row>
    <row r="43965" spans="7:10">
      <c r="G43965" s="16"/>
      <c r="H43965" s="16"/>
      <c r="I43965" s="16"/>
      <c r="J43965" s="16"/>
    </row>
    <row r="43966" spans="7:10">
      <c r="G43966" s="16"/>
      <c r="H43966" s="16"/>
      <c r="I43966" s="16"/>
      <c r="J43966" s="16"/>
    </row>
    <row r="43967" spans="7:10">
      <c r="G43967" s="16"/>
      <c r="H43967" s="16"/>
      <c r="I43967" s="16"/>
      <c r="J43967" s="16"/>
    </row>
    <row r="43968" spans="7:10">
      <c r="G43968" s="16"/>
      <c r="H43968" s="16"/>
      <c r="I43968" s="16"/>
      <c r="J43968" s="16"/>
    </row>
    <row r="43969" spans="7:10">
      <c r="G43969" s="16"/>
      <c r="H43969" s="16"/>
      <c r="I43969" s="16"/>
      <c r="J43969" s="16"/>
    </row>
    <row r="43970" spans="7:10">
      <c r="G43970" s="16"/>
      <c r="H43970" s="16"/>
      <c r="I43970" s="16"/>
      <c r="J43970" s="16"/>
    </row>
    <row r="43971" spans="7:10">
      <c r="G43971" s="16"/>
      <c r="H43971" s="16"/>
      <c r="I43971" s="16"/>
      <c r="J43971" s="16"/>
    </row>
    <row r="43972" spans="7:10">
      <c r="G43972" s="16"/>
      <c r="H43972" s="16"/>
      <c r="I43972" s="16"/>
      <c r="J43972" s="16"/>
    </row>
    <row r="43973" spans="7:10">
      <c r="G43973" s="16"/>
      <c r="H43973" s="16"/>
      <c r="I43973" s="16"/>
      <c r="J43973" s="16"/>
    </row>
    <row r="43974" spans="7:10">
      <c r="G43974" s="16"/>
      <c r="H43974" s="16"/>
      <c r="I43974" s="16"/>
      <c r="J43974" s="16"/>
    </row>
    <row r="43975" spans="7:10">
      <c r="G43975" s="16"/>
      <c r="H43975" s="16"/>
      <c r="I43975" s="16"/>
      <c r="J43975" s="16"/>
    </row>
    <row r="43976" spans="7:10">
      <c r="G43976" s="16"/>
      <c r="H43976" s="16"/>
      <c r="I43976" s="16"/>
      <c r="J43976" s="16"/>
    </row>
    <row r="43977" spans="7:10">
      <c r="G43977" s="16"/>
      <c r="H43977" s="16"/>
      <c r="I43977" s="16"/>
      <c r="J43977" s="16"/>
    </row>
    <row r="43978" spans="7:10">
      <c r="G43978" s="16"/>
      <c r="H43978" s="16"/>
      <c r="I43978" s="16"/>
      <c r="J43978" s="16"/>
    </row>
    <row r="43979" spans="7:10">
      <c r="G43979" s="16"/>
      <c r="H43979" s="16"/>
      <c r="I43979" s="16"/>
      <c r="J43979" s="16"/>
    </row>
    <row r="43980" spans="7:10">
      <c r="G43980" s="16"/>
      <c r="H43980" s="16"/>
      <c r="I43980" s="16"/>
      <c r="J43980" s="16"/>
    </row>
    <row r="43981" spans="7:10">
      <c r="G43981" s="16"/>
      <c r="H43981" s="16"/>
      <c r="I43981" s="16"/>
      <c r="J43981" s="16"/>
    </row>
    <row r="43982" spans="7:10">
      <c r="G43982" s="16"/>
      <c r="H43982" s="16"/>
      <c r="I43982" s="16"/>
      <c r="J43982" s="16"/>
    </row>
    <row r="43983" spans="7:10">
      <c r="G43983" s="16"/>
      <c r="H43983" s="16"/>
      <c r="I43983" s="16"/>
      <c r="J43983" s="16"/>
    </row>
    <row r="43984" spans="7:10">
      <c r="G43984" s="16"/>
      <c r="H43984" s="16"/>
      <c r="I43984" s="16"/>
      <c r="J43984" s="16"/>
    </row>
    <row r="43985" spans="7:10">
      <c r="G43985" s="16"/>
      <c r="H43985" s="16"/>
      <c r="I43985" s="16"/>
      <c r="J43985" s="16"/>
    </row>
    <row r="43986" spans="7:10">
      <c r="G43986" s="16"/>
      <c r="H43986" s="16"/>
      <c r="I43986" s="16"/>
      <c r="J43986" s="16"/>
    </row>
    <row r="43987" spans="7:10">
      <c r="G43987" s="16"/>
      <c r="H43987" s="16"/>
      <c r="I43987" s="16"/>
      <c r="J43987" s="16"/>
    </row>
    <row r="43988" spans="7:10">
      <c r="G43988" s="16"/>
      <c r="H43988" s="16"/>
      <c r="I43988" s="16"/>
      <c r="J43988" s="16"/>
    </row>
    <row r="43989" spans="7:10">
      <c r="G43989" s="16"/>
      <c r="H43989" s="16"/>
      <c r="I43989" s="16"/>
      <c r="J43989" s="16"/>
    </row>
    <row r="43990" spans="7:10">
      <c r="G43990" s="16"/>
      <c r="H43990" s="16"/>
      <c r="I43990" s="16"/>
      <c r="J43990" s="16"/>
    </row>
    <row r="43991" spans="7:10">
      <c r="G43991" s="16"/>
      <c r="H43991" s="16"/>
      <c r="I43991" s="16"/>
      <c r="J43991" s="16"/>
    </row>
    <row r="43992" spans="7:10">
      <c r="G43992" s="16"/>
      <c r="H43992" s="16"/>
      <c r="I43992" s="16"/>
      <c r="J43992" s="16"/>
    </row>
    <row r="43993" spans="7:10">
      <c r="G43993" s="16"/>
      <c r="H43993" s="16"/>
      <c r="I43993" s="16"/>
      <c r="J43993" s="16"/>
    </row>
    <row r="43994" spans="7:10">
      <c r="G43994" s="16"/>
      <c r="H43994" s="16"/>
      <c r="I43994" s="16"/>
      <c r="J43994" s="16"/>
    </row>
    <row r="43995" spans="7:10">
      <c r="G43995" s="16"/>
      <c r="H43995" s="16"/>
      <c r="I43995" s="16"/>
      <c r="J43995" s="16"/>
    </row>
    <row r="43996" spans="7:10">
      <c r="G43996" s="16"/>
      <c r="H43996" s="16"/>
      <c r="I43996" s="16"/>
      <c r="J43996" s="16"/>
    </row>
    <row r="43997" spans="7:10">
      <c r="G43997" s="16"/>
      <c r="H43997" s="16"/>
      <c r="I43997" s="16"/>
      <c r="J43997" s="16"/>
    </row>
    <row r="43998" spans="7:10">
      <c r="G43998" s="16"/>
      <c r="H43998" s="16"/>
      <c r="I43998" s="16"/>
      <c r="J43998" s="16"/>
    </row>
    <row r="43999" spans="7:10">
      <c r="G43999" s="16"/>
      <c r="H43999" s="16"/>
      <c r="I43999" s="16"/>
      <c r="J43999" s="16"/>
    </row>
    <row r="44000" spans="7:10">
      <c r="G44000" s="16"/>
      <c r="H44000" s="16"/>
      <c r="I44000" s="16"/>
      <c r="J44000" s="16"/>
    </row>
    <row r="44001" spans="7:10">
      <c r="G44001" s="16"/>
      <c r="H44001" s="16"/>
      <c r="I44001" s="16"/>
      <c r="J44001" s="16"/>
    </row>
    <row r="44002" spans="7:10">
      <c r="G44002" s="16"/>
      <c r="H44002" s="16"/>
      <c r="I44002" s="16"/>
      <c r="J44002" s="16"/>
    </row>
    <row r="44003" spans="7:10">
      <c r="G44003" s="16"/>
      <c r="H44003" s="16"/>
      <c r="I44003" s="16"/>
      <c r="J44003" s="16"/>
    </row>
    <row r="44004" spans="7:10">
      <c r="G44004" s="16"/>
      <c r="H44004" s="16"/>
      <c r="I44004" s="16"/>
      <c r="J44004" s="16"/>
    </row>
    <row r="44005" spans="7:10">
      <c r="G44005" s="16"/>
      <c r="H44005" s="16"/>
      <c r="I44005" s="16"/>
      <c r="J44005" s="16"/>
    </row>
    <row r="44006" spans="7:10">
      <c r="G44006" s="16"/>
      <c r="H44006" s="16"/>
      <c r="I44006" s="16"/>
      <c r="J44006" s="16"/>
    </row>
    <row r="44007" spans="7:10">
      <c r="G44007" s="16"/>
      <c r="H44007" s="16"/>
      <c r="I44007" s="16"/>
      <c r="J44007" s="16"/>
    </row>
    <row r="44008" spans="7:10">
      <c r="G44008" s="16"/>
      <c r="H44008" s="16"/>
      <c r="I44008" s="16"/>
      <c r="J44008" s="16"/>
    </row>
    <row r="44009" spans="7:10">
      <c r="G44009" s="16"/>
      <c r="H44009" s="16"/>
      <c r="I44009" s="16"/>
      <c r="J44009" s="16"/>
    </row>
    <row r="44010" spans="7:10">
      <c r="G44010" s="16"/>
      <c r="H44010" s="16"/>
      <c r="I44010" s="16"/>
      <c r="J44010" s="16"/>
    </row>
    <row r="44011" spans="7:10">
      <c r="G44011" s="16"/>
      <c r="H44011" s="16"/>
      <c r="I44011" s="16"/>
      <c r="J44011" s="16"/>
    </row>
    <row r="44012" spans="7:10">
      <c r="G44012" s="16"/>
      <c r="H44012" s="16"/>
      <c r="I44012" s="16"/>
      <c r="J44012" s="16"/>
    </row>
    <row r="44013" spans="7:10">
      <c r="G44013" s="16"/>
      <c r="H44013" s="16"/>
      <c r="I44013" s="16"/>
      <c r="J44013" s="16"/>
    </row>
    <row r="44014" spans="7:10">
      <c r="G44014" s="16"/>
      <c r="H44014" s="16"/>
      <c r="I44014" s="16"/>
      <c r="J44014" s="16"/>
    </row>
    <row r="44015" spans="7:10">
      <c r="G44015" s="16"/>
      <c r="H44015" s="16"/>
      <c r="I44015" s="16"/>
      <c r="J44015" s="16"/>
    </row>
    <row r="44016" spans="7:10">
      <c r="G44016" s="16"/>
      <c r="H44016" s="16"/>
      <c r="I44016" s="16"/>
      <c r="J44016" s="16"/>
    </row>
    <row r="44017" spans="7:10">
      <c r="G44017" s="16"/>
      <c r="H44017" s="16"/>
      <c r="I44017" s="16"/>
      <c r="J44017" s="16"/>
    </row>
    <row r="44018" spans="7:10">
      <c r="G44018" s="16"/>
      <c r="H44018" s="16"/>
      <c r="I44018" s="16"/>
      <c r="J44018" s="16"/>
    </row>
    <row r="44019" spans="7:10">
      <c r="G44019" s="16"/>
      <c r="H44019" s="16"/>
      <c r="I44019" s="16"/>
      <c r="J44019" s="16"/>
    </row>
    <row r="44020" spans="7:10">
      <c r="G44020" s="16"/>
      <c r="H44020" s="16"/>
      <c r="I44020" s="16"/>
      <c r="J44020" s="16"/>
    </row>
    <row r="44021" spans="7:10">
      <c r="G44021" s="16"/>
      <c r="H44021" s="16"/>
      <c r="I44021" s="16"/>
      <c r="J44021" s="16"/>
    </row>
    <row r="44022" spans="7:10">
      <c r="G44022" s="16"/>
      <c r="H44022" s="16"/>
      <c r="I44022" s="16"/>
      <c r="J44022" s="16"/>
    </row>
    <row r="44023" spans="7:10">
      <c r="G44023" s="16"/>
      <c r="H44023" s="16"/>
      <c r="I44023" s="16"/>
      <c r="J44023" s="16"/>
    </row>
    <row r="44024" spans="7:10">
      <c r="G44024" s="16"/>
      <c r="H44024" s="16"/>
      <c r="I44024" s="16"/>
      <c r="J44024" s="16"/>
    </row>
    <row r="44025" spans="7:10">
      <c r="G44025" s="16"/>
      <c r="H44025" s="16"/>
      <c r="I44025" s="16"/>
      <c r="J44025" s="16"/>
    </row>
    <row r="44026" spans="7:10">
      <c r="G44026" s="16"/>
      <c r="H44026" s="16"/>
      <c r="I44026" s="16"/>
      <c r="J44026" s="16"/>
    </row>
    <row r="44027" spans="7:10">
      <c r="G44027" s="16"/>
      <c r="H44027" s="16"/>
      <c r="I44027" s="16"/>
      <c r="J44027" s="16"/>
    </row>
    <row r="44028" spans="7:10">
      <c r="G44028" s="16"/>
      <c r="H44028" s="16"/>
      <c r="I44028" s="16"/>
      <c r="J44028" s="16"/>
    </row>
    <row r="44029" spans="7:10">
      <c r="G44029" s="16"/>
      <c r="H44029" s="16"/>
      <c r="I44029" s="16"/>
      <c r="J44029" s="16"/>
    </row>
    <row r="44030" spans="7:10">
      <c r="G44030" s="16"/>
      <c r="H44030" s="16"/>
      <c r="I44030" s="16"/>
      <c r="J44030" s="16"/>
    </row>
    <row r="44031" spans="7:10">
      <c r="G44031" s="16"/>
      <c r="H44031" s="16"/>
      <c r="I44031" s="16"/>
      <c r="J44031" s="16"/>
    </row>
    <row r="44032" spans="7:10">
      <c r="G44032" s="16"/>
      <c r="H44032" s="16"/>
      <c r="I44032" s="16"/>
      <c r="J44032" s="16"/>
    </row>
    <row r="44033" spans="7:10">
      <c r="G44033" s="16"/>
      <c r="H44033" s="16"/>
      <c r="I44033" s="16"/>
      <c r="J44033" s="16"/>
    </row>
    <row r="44034" spans="7:10">
      <c r="G44034" s="16"/>
      <c r="H44034" s="16"/>
      <c r="I44034" s="16"/>
      <c r="J44034" s="16"/>
    </row>
    <row r="44035" spans="7:10">
      <c r="G44035" s="16"/>
      <c r="H44035" s="16"/>
      <c r="I44035" s="16"/>
      <c r="J44035" s="16"/>
    </row>
    <row r="44036" spans="7:10">
      <c r="G44036" s="16"/>
      <c r="H44036" s="16"/>
      <c r="I44036" s="16"/>
      <c r="J44036" s="16"/>
    </row>
    <row r="44037" spans="7:10">
      <c r="G44037" s="16"/>
      <c r="H44037" s="16"/>
      <c r="I44037" s="16"/>
      <c r="J44037" s="16"/>
    </row>
    <row r="44038" spans="7:10">
      <c r="G44038" s="16"/>
      <c r="H44038" s="16"/>
      <c r="I44038" s="16"/>
      <c r="J44038" s="16"/>
    </row>
    <row r="44039" spans="7:10">
      <c r="G44039" s="16"/>
      <c r="H44039" s="16"/>
      <c r="I44039" s="16"/>
      <c r="J44039" s="16"/>
    </row>
    <row r="44040" spans="7:10">
      <c r="G44040" s="16"/>
      <c r="H44040" s="16"/>
      <c r="I44040" s="16"/>
      <c r="J44040" s="16"/>
    </row>
    <row r="44041" spans="7:10">
      <c r="G44041" s="16"/>
      <c r="H44041" s="16"/>
      <c r="I44041" s="16"/>
      <c r="J44041" s="16"/>
    </row>
    <row r="44042" spans="7:10">
      <c r="G44042" s="16"/>
      <c r="H44042" s="16"/>
      <c r="I44042" s="16"/>
      <c r="J44042" s="16"/>
    </row>
    <row r="44043" spans="7:10">
      <c r="G44043" s="16"/>
      <c r="H44043" s="16"/>
      <c r="I44043" s="16"/>
      <c r="J44043" s="16"/>
    </row>
    <row r="44044" spans="7:10">
      <c r="G44044" s="16"/>
      <c r="H44044" s="16"/>
      <c r="I44044" s="16"/>
      <c r="J44044" s="16"/>
    </row>
    <row r="44045" spans="7:10">
      <c r="G44045" s="16"/>
      <c r="H44045" s="16"/>
      <c r="I44045" s="16"/>
      <c r="J44045" s="16"/>
    </row>
    <row r="44046" spans="7:10">
      <c r="G44046" s="16"/>
      <c r="H44046" s="16"/>
      <c r="I44046" s="16"/>
      <c r="J44046" s="16"/>
    </row>
    <row r="44047" spans="7:10">
      <c r="G44047" s="16"/>
      <c r="H44047" s="16"/>
      <c r="I44047" s="16"/>
      <c r="J44047" s="16"/>
    </row>
    <row r="44048" spans="7:10">
      <c r="G44048" s="16"/>
      <c r="H44048" s="16"/>
      <c r="I44048" s="16"/>
      <c r="J44048" s="16"/>
    </row>
    <row r="44049" spans="7:10">
      <c r="G44049" s="16"/>
      <c r="H44049" s="16"/>
      <c r="I44049" s="16"/>
      <c r="J44049" s="16"/>
    </row>
    <row r="44050" spans="7:10">
      <c r="G44050" s="16"/>
      <c r="H44050" s="16"/>
      <c r="I44050" s="16"/>
      <c r="J44050" s="16"/>
    </row>
    <row r="44051" spans="7:10">
      <c r="G44051" s="16"/>
      <c r="H44051" s="16"/>
      <c r="I44051" s="16"/>
      <c r="J44051" s="16"/>
    </row>
    <row r="44052" spans="7:10">
      <c r="G44052" s="16"/>
      <c r="H44052" s="16"/>
      <c r="I44052" s="16"/>
      <c r="J44052" s="16"/>
    </row>
    <row r="44053" spans="7:10">
      <c r="G44053" s="16"/>
      <c r="H44053" s="16"/>
      <c r="I44053" s="16"/>
      <c r="J44053" s="16"/>
    </row>
    <row r="44054" spans="7:10">
      <c r="G44054" s="16"/>
      <c r="H44054" s="16"/>
      <c r="I44054" s="16"/>
      <c r="J44054" s="16"/>
    </row>
    <row r="44055" spans="7:10">
      <c r="G44055" s="16"/>
      <c r="H44055" s="16"/>
      <c r="I44055" s="16"/>
      <c r="J44055" s="16"/>
    </row>
    <row r="44056" spans="7:10">
      <c r="G44056" s="16"/>
      <c r="H44056" s="16"/>
      <c r="I44056" s="16"/>
      <c r="J44056" s="16"/>
    </row>
    <row r="44057" spans="7:10">
      <c r="G44057" s="16"/>
      <c r="H44057" s="16"/>
      <c r="I44057" s="16"/>
      <c r="J44057" s="16"/>
    </row>
    <row r="44058" spans="7:10">
      <c r="G44058" s="16"/>
      <c r="H44058" s="16"/>
      <c r="I44058" s="16"/>
      <c r="J44058" s="16"/>
    </row>
    <row r="44059" spans="7:10">
      <c r="G44059" s="16"/>
      <c r="H44059" s="16"/>
      <c r="I44059" s="16"/>
      <c r="J44059" s="16"/>
    </row>
    <row r="44060" spans="7:10">
      <c r="G44060" s="16"/>
      <c r="H44060" s="16"/>
      <c r="I44060" s="16"/>
      <c r="J44060" s="16"/>
    </row>
    <row r="44061" spans="7:10">
      <c r="G44061" s="16"/>
      <c r="H44061" s="16"/>
      <c r="I44061" s="16"/>
      <c r="J44061" s="16"/>
    </row>
    <row r="44062" spans="7:10">
      <c r="G44062" s="16"/>
      <c r="H44062" s="16"/>
      <c r="I44062" s="16"/>
      <c r="J44062" s="16"/>
    </row>
    <row r="44063" spans="7:10">
      <c r="G44063" s="16"/>
      <c r="H44063" s="16"/>
      <c r="I44063" s="16"/>
      <c r="J44063" s="16"/>
    </row>
    <row r="44064" spans="7:10">
      <c r="G44064" s="16"/>
      <c r="H44064" s="16"/>
      <c r="I44064" s="16"/>
      <c r="J44064" s="16"/>
    </row>
    <row r="44065" spans="7:10">
      <c r="G44065" s="16"/>
      <c r="H44065" s="16"/>
      <c r="I44065" s="16"/>
      <c r="J44065" s="16"/>
    </row>
    <row r="44066" spans="7:10">
      <c r="G44066" s="16"/>
      <c r="H44066" s="16"/>
      <c r="I44066" s="16"/>
      <c r="J44066" s="16"/>
    </row>
    <row r="44067" spans="7:10">
      <c r="G44067" s="16"/>
      <c r="H44067" s="16"/>
      <c r="I44067" s="16"/>
      <c r="J44067" s="16"/>
    </row>
    <row r="44068" spans="7:10">
      <c r="G44068" s="16"/>
      <c r="H44068" s="16"/>
      <c r="I44068" s="16"/>
      <c r="J44068" s="16"/>
    </row>
    <row r="44069" spans="7:10">
      <c r="G44069" s="16"/>
      <c r="H44069" s="16"/>
      <c r="I44069" s="16"/>
      <c r="J44069" s="16"/>
    </row>
    <row r="44070" spans="7:10">
      <c r="G44070" s="16"/>
      <c r="H44070" s="16"/>
      <c r="I44070" s="16"/>
      <c r="J44070" s="16"/>
    </row>
    <row r="44071" spans="7:10">
      <c r="G44071" s="16"/>
      <c r="H44071" s="16"/>
      <c r="I44071" s="16"/>
      <c r="J44071" s="16"/>
    </row>
    <row r="44072" spans="7:10">
      <c r="G44072" s="16"/>
      <c r="H44072" s="16"/>
      <c r="I44072" s="16"/>
      <c r="J44072" s="16"/>
    </row>
    <row r="44073" spans="7:10">
      <c r="G44073" s="16"/>
      <c r="H44073" s="16"/>
      <c r="I44073" s="16"/>
      <c r="J44073" s="16"/>
    </row>
    <row r="44074" spans="7:10">
      <c r="G44074" s="16"/>
      <c r="H44074" s="16"/>
      <c r="I44074" s="16"/>
      <c r="J44074" s="16"/>
    </row>
    <row r="44075" spans="7:10">
      <c r="G44075" s="16"/>
      <c r="H44075" s="16"/>
      <c r="I44075" s="16"/>
      <c r="J44075" s="16"/>
    </row>
    <row r="44076" spans="7:10">
      <c r="G44076" s="16"/>
      <c r="H44076" s="16"/>
      <c r="I44076" s="16"/>
      <c r="J44076" s="16"/>
    </row>
    <row r="44077" spans="7:10">
      <c r="G44077" s="16"/>
      <c r="H44077" s="16"/>
      <c r="I44077" s="16"/>
      <c r="J44077" s="16"/>
    </row>
    <row r="44078" spans="7:10">
      <c r="G44078" s="16"/>
      <c r="H44078" s="16"/>
      <c r="I44078" s="16"/>
      <c r="J44078" s="16"/>
    </row>
    <row r="44079" spans="7:10">
      <c r="G44079" s="16"/>
      <c r="H44079" s="16"/>
      <c r="I44079" s="16"/>
      <c r="J44079" s="16"/>
    </row>
    <row r="44080" spans="7:10">
      <c r="G44080" s="16"/>
      <c r="H44080" s="16"/>
      <c r="I44080" s="16"/>
      <c r="J44080" s="16"/>
    </row>
    <row r="44081" spans="7:10">
      <c r="G44081" s="16"/>
      <c r="H44081" s="16"/>
      <c r="I44081" s="16"/>
      <c r="J44081" s="16"/>
    </row>
    <row r="44082" spans="7:10">
      <c r="G44082" s="16"/>
      <c r="H44082" s="16"/>
      <c r="I44082" s="16"/>
      <c r="J44082" s="16"/>
    </row>
    <row r="44083" spans="7:10">
      <c r="G44083" s="16"/>
      <c r="H44083" s="16"/>
      <c r="I44083" s="16"/>
      <c r="J44083" s="16"/>
    </row>
    <row r="44084" spans="7:10">
      <c r="G44084" s="16"/>
      <c r="H44084" s="16"/>
      <c r="I44084" s="16"/>
      <c r="J44084" s="16"/>
    </row>
    <row r="44085" spans="7:10">
      <c r="G44085" s="16"/>
      <c r="H44085" s="16"/>
      <c r="I44085" s="16"/>
      <c r="J44085" s="16"/>
    </row>
    <row r="44086" spans="7:10">
      <c r="G44086" s="16"/>
      <c r="H44086" s="16"/>
      <c r="I44086" s="16"/>
      <c r="J44086" s="16"/>
    </row>
    <row r="44087" spans="7:10">
      <c r="G44087" s="16"/>
      <c r="H44087" s="16"/>
      <c r="I44087" s="16"/>
      <c r="J44087" s="16"/>
    </row>
    <row r="44088" spans="7:10">
      <c r="G44088" s="16"/>
      <c r="H44088" s="16"/>
      <c r="I44088" s="16"/>
      <c r="J44088" s="16"/>
    </row>
    <row r="44089" spans="7:10">
      <c r="G44089" s="16"/>
      <c r="H44089" s="16"/>
      <c r="I44089" s="16"/>
      <c r="J44089" s="16"/>
    </row>
    <row r="44090" spans="7:10">
      <c r="G44090" s="16"/>
      <c r="H44090" s="16"/>
      <c r="I44090" s="16"/>
      <c r="J44090" s="16"/>
    </row>
    <row r="44091" spans="7:10">
      <c r="G44091" s="16"/>
      <c r="H44091" s="16"/>
      <c r="I44091" s="16"/>
      <c r="J44091" s="16"/>
    </row>
    <row r="44092" spans="7:10">
      <c r="G44092" s="16"/>
      <c r="H44092" s="16"/>
      <c r="I44092" s="16"/>
      <c r="J44092" s="16"/>
    </row>
    <row r="44093" spans="7:10">
      <c r="G44093" s="16"/>
      <c r="H44093" s="16"/>
      <c r="I44093" s="16"/>
      <c r="J44093" s="16"/>
    </row>
    <row r="44094" spans="7:10">
      <c r="G44094" s="16"/>
      <c r="H44094" s="16"/>
      <c r="I44094" s="16"/>
      <c r="J44094" s="16"/>
    </row>
    <row r="44095" spans="7:10">
      <c r="G44095" s="16"/>
      <c r="H44095" s="16"/>
      <c r="I44095" s="16"/>
      <c r="J44095" s="16"/>
    </row>
    <row r="44096" spans="7:10">
      <c r="G44096" s="16"/>
      <c r="H44096" s="16"/>
      <c r="I44096" s="16"/>
      <c r="J44096" s="16"/>
    </row>
    <row r="44097" spans="7:10">
      <c r="G44097" s="16"/>
      <c r="H44097" s="16"/>
      <c r="I44097" s="16"/>
      <c r="J44097" s="16"/>
    </row>
    <row r="44098" spans="7:10">
      <c r="G44098" s="16"/>
      <c r="H44098" s="16"/>
      <c r="I44098" s="16"/>
      <c r="J44098" s="16"/>
    </row>
    <row r="44099" spans="7:10">
      <c r="G44099" s="16"/>
      <c r="H44099" s="16"/>
      <c r="I44099" s="16"/>
      <c r="J44099" s="16"/>
    </row>
    <row r="44100" spans="7:10">
      <c r="G44100" s="16"/>
      <c r="H44100" s="16"/>
      <c r="I44100" s="16"/>
      <c r="J44100" s="16"/>
    </row>
    <row r="44101" spans="7:10">
      <c r="G44101" s="16"/>
      <c r="H44101" s="16"/>
      <c r="I44101" s="16"/>
      <c r="J44101" s="16"/>
    </row>
    <row r="44102" spans="7:10">
      <c r="G44102" s="16"/>
      <c r="H44102" s="16"/>
      <c r="I44102" s="16"/>
      <c r="J44102" s="16"/>
    </row>
    <row r="44103" spans="7:10">
      <c r="G44103" s="16"/>
      <c r="H44103" s="16"/>
      <c r="I44103" s="16"/>
      <c r="J44103" s="16"/>
    </row>
    <row r="44104" spans="7:10">
      <c r="G44104" s="16"/>
      <c r="H44104" s="16"/>
      <c r="I44104" s="16"/>
      <c r="J44104" s="16"/>
    </row>
    <row r="44105" spans="7:10">
      <c r="G44105" s="16"/>
      <c r="H44105" s="16"/>
      <c r="I44105" s="16"/>
      <c r="J44105" s="16"/>
    </row>
    <row r="44106" spans="7:10">
      <c r="G44106" s="16"/>
      <c r="H44106" s="16"/>
      <c r="I44106" s="16"/>
      <c r="J44106" s="16"/>
    </row>
    <row r="44107" spans="7:10">
      <c r="G44107" s="16"/>
      <c r="H44107" s="16"/>
      <c r="I44107" s="16"/>
      <c r="J44107" s="16"/>
    </row>
    <row r="44108" spans="7:10">
      <c r="G44108" s="16"/>
      <c r="H44108" s="16"/>
      <c r="I44108" s="16"/>
      <c r="J44108" s="16"/>
    </row>
    <row r="44109" spans="7:10">
      <c r="G44109" s="16"/>
      <c r="H44109" s="16"/>
      <c r="I44109" s="16"/>
      <c r="J44109" s="16"/>
    </row>
    <row r="44110" spans="7:10">
      <c r="G44110" s="16"/>
      <c r="H44110" s="16"/>
      <c r="I44110" s="16"/>
      <c r="J44110" s="16"/>
    </row>
    <row r="44111" spans="7:10">
      <c r="G44111" s="16"/>
      <c r="H44111" s="16"/>
      <c r="I44111" s="16"/>
      <c r="J44111" s="16"/>
    </row>
    <row r="44112" spans="7:10">
      <c r="G44112" s="16"/>
      <c r="H44112" s="16"/>
      <c r="I44112" s="16"/>
      <c r="J44112" s="16"/>
    </row>
    <row r="44113" spans="7:10">
      <c r="G44113" s="16"/>
      <c r="H44113" s="16"/>
      <c r="I44113" s="16"/>
      <c r="J44113" s="16"/>
    </row>
    <row r="44114" spans="7:10">
      <c r="G44114" s="16"/>
      <c r="H44114" s="16"/>
      <c r="I44114" s="16"/>
      <c r="J44114" s="16"/>
    </row>
    <row r="44115" spans="7:10">
      <c r="G44115" s="16"/>
      <c r="H44115" s="16"/>
      <c r="I44115" s="16"/>
      <c r="J44115" s="16"/>
    </row>
    <row r="44116" spans="7:10">
      <c r="G44116" s="16"/>
      <c r="H44116" s="16"/>
      <c r="I44116" s="16"/>
      <c r="J44116" s="16"/>
    </row>
    <row r="44117" spans="7:10">
      <c r="G44117" s="16"/>
      <c r="H44117" s="16"/>
      <c r="I44117" s="16"/>
      <c r="J44117" s="16"/>
    </row>
    <row r="44118" spans="7:10">
      <c r="G44118" s="16"/>
      <c r="H44118" s="16"/>
      <c r="I44118" s="16"/>
      <c r="J44118" s="16"/>
    </row>
    <row r="44119" spans="7:10">
      <c r="G44119" s="16"/>
      <c r="H44119" s="16"/>
      <c r="I44119" s="16"/>
      <c r="J44119" s="16"/>
    </row>
    <row r="44120" spans="7:10">
      <c r="G44120" s="16"/>
      <c r="H44120" s="16"/>
      <c r="I44120" s="16"/>
      <c r="J44120" s="16"/>
    </row>
    <row r="44121" spans="7:10">
      <c r="G44121" s="16"/>
      <c r="H44121" s="16"/>
      <c r="I44121" s="16"/>
      <c r="J44121" s="16"/>
    </row>
    <row r="44122" spans="7:10">
      <c r="G44122" s="16"/>
      <c r="H44122" s="16"/>
      <c r="I44122" s="16"/>
      <c r="J44122" s="16"/>
    </row>
    <row r="44123" spans="7:10">
      <c r="G44123" s="16"/>
      <c r="H44123" s="16"/>
      <c r="I44123" s="16"/>
      <c r="J44123" s="16"/>
    </row>
    <row r="44124" spans="7:10">
      <c r="G44124" s="16"/>
      <c r="H44124" s="16"/>
      <c r="I44124" s="16"/>
      <c r="J44124" s="16"/>
    </row>
    <row r="44125" spans="7:10">
      <c r="G44125" s="16"/>
      <c r="H44125" s="16"/>
      <c r="I44125" s="16"/>
      <c r="J44125" s="16"/>
    </row>
    <row r="44126" spans="7:10">
      <c r="G44126" s="16"/>
      <c r="H44126" s="16"/>
      <c r="I44126" s="16"/>
      <c r="J44126" s="16"/>
    </row>
    <row r="44127" spans="7:10">
      <c r="G44127" s="16"/>
      <c r="H44127" s="16"/>
      <c r="I44127" s="16"/>
      <c r="J44127" s="16"/>
    </row>
    <row r="44128" spans="7:10">
      <c r="G44128" s="16"/>
      <c r="H44128" s="16"/>
      <c r="I44128" s="16"/>
      <c r="J44128" s="16"/>
    </row>
    <row r="44129" spans="7:10">
      <c r="G44129" s="16"/>
      <c r="H44129" s="16"/>
      <c r="I44129" s="16"/>
      <c r="J44129" s="16"/>
    </row>
    <row r="44130" spans="7:10">
      <c r="G44130" s="16"/>
      <c r="H44130" s="16"/>
      <c r="I44130" s="16"/>
      <c r="J44130" s="16"/>
    </row>
    <row r="44131" spans="7:10">
      <c r="G44131" s="16"/>
      <c r="H44131" s="16"/>
      <c r="I44131" s="16"/>
      <c r="J44131" s="16"/>
    </row>
    <row r="44132" spans="7:10">
      <c r="G44132" s="16"/>
      <c r="H44132" s="16"/>
      <c r="I44132" s="16"/>
      <c r="J44132" s="16"/>
    </row>
    <row r="44133" spans="7:10">
      <c r="G44133" s="16"/>
      <c r="H44133" s="16"/>
      <c r="I44133" s="16"/>
      <c r="J44133" s="16"/>
    </row>
    <row r="44134" spans="7:10">
      <c r="G44134" s="16"/>
      <c r="H44134" s="16"/>
      <c r="I44134" s="16"/>
      <c r="J44134" s="16"/>
    </row>
    <row r="44135" spans="7:10">
      <c r="G44135" s="16"/>
      <c r="H44135" s="16"/>
      <c r="I44135" s="16"/>
      <c r="J44135" s="16"/>
    </row>
    <row r="44136" spans="7:10">
      <c r="G44136" s="16"/>
      <c r="H44136" s="16"/>
      <c r="I44136" s="16"/>
      <c r="J44136" s="16"/>
    </row>
    <row r="44137" spans="7:10">
      <c r="G44137" s="16"/>
      <c r="H44137" s="16"/>
      <c r="I44137" s="16"/>
      <c r="J44137" s="16"/>
    </row>
    <row r="44138" spans="7:10">
      <c r="G44138" s="16"/>
      <c r="H44138" s="16"/>
      <c r="I44138" s="16"/>
      <c r="J44138" s="16"/>
    </row>
    <row r="44139" spans="7:10">
      <c r="G44139" s="16"/>
      <c r="H44139" s="16"/>
      <c r="I44139" s="16"/>
      <c r="J44139" s="16"/>
    </row>
    <row r="44140" spans="7:10">
      <c r="G44140" s="16"/>
      <c r="H44140" s="16"/>
      <c r="I44140" s="16"/>
      <c r="J44140" s="16"/>
    </row>
    <row r="44141" spans="7:10">
      <c r="G44141" s="16"/>
      <c r="H44141" s="16"/>
      <c r="I44141" s="16"/>
      <c r="J44141" s="16"/>
    </row>
    <row r="44142" spans="7:10">
      <c r="G44142" s="16"/>
      <c r="H44142" s="16"/>
      <c r="I44142" s="16"/>
      <c r="J44142" s="16"/>
    </row>
    <row r="44143" spans="7:10">
      <c r="G44143" s="16"/>
      <c r="H44143" s="16"/>
      <c r="I44143" s="16"/>
      <c r="J44143" s="16"/>
    </row>
    <row r="44144" spans="7:10">
      <c r="G44144" s="16"/>
      <c r="H44144" s="16"/>
      <c r="I44144" s="16"/>
      <c r="J44144" s="16"/>
    </row>
    <row r="44145" spans="7:10">
      <c r="G44145" s="16"/>
      <c r="H44145" s="16"/>
      <c r="I44145" s="16"/>
      <c r="J44145" s="16"/>
    </row>
    <row r="44146" spans="7:10">
      <c r="G44146" s="16"/>
      <c r="H44146" s="16"/>
      <c r="I44146" s="16"/>
      <c r="J44146" s="16"/>
    </row>
    <row r="44147" spans="7:10">
      <c r="G44147" s="16"/>
      <c r="H44147" s="16"/>
      <c r="I44147" s="16"/>
      <c r="J44147" s="16"/>
    </row>
    <row r="44148" spans="7:10">
      <c r="G44148" s="16"/>
      <c r="H44148" s="16"/>
      <c r="I44148" s="16"/>
      <c r="J44148" s="16"/>
    </row>
    <row r="44149" spans="7:10">
      <c r="G44149" s="16"/>
      <c r="H44149" s="16"/>
      <c r="I44149" s="16"/>
      <c r="J44149" s="16"/>
    </row>
    <row r="44150" spans="7:10">
      <c r="G44150" s="16"/>
      <c r="H44150" s="16"/>
      <c r="I44150" s="16"/>
      <c r="J44150" s="16"/>
    </row>
    <row r="44151" spans="7:10">
      <c r="G44151" s="16"/>
      <c r="H44151" s="16"/>
      <c r="I44151" s="16"/>
      <c r="J44151" s="16"/>
    </row>
    <row r="44152" spans="7:10">
      <c r="G44152" s="16"/>
      <c r="H44152" s="16"/>
      <c r="I44152" s="16"/>
      <c r="J44152" s="16"/>
    </row>
    <row r="44153" spans="7:10">
      <c r="G44153" s="16"/>
      <c r="H44153" s="16"/>
      <c r="I44153" s="16"/>
      <c r="J44153" s="16"/>
    </row>
    <row r="44154" spans="7:10">
      <c r="G44154" s="16"/>
      <c r="H44154" s="16"/>
      <c r="I44154" s="16"/>
      <c r="J44154" s="16"/>
    </row>
    <row r="44155" spans="7:10">
      <c r="G44155" s="16"/>
      <c r="H44155" s="16"/>
      <c r="I44155" s="16"/>
      <c r="J44155" s="16"/>
    </row>
    <row r="44156" spans="7:10">
      <c r="G44156" s="16"/>
      <c r="H44156" s="16"/>
      <c r="I44156" s="16"/>
      <c r="J44156" s="16"/>
    </row>
    <row r="44157" spans="7:10">
      <c r="G44157" s="16"/>
      <c r="H44157" s="16"/>
      <c r="I44157" s="16"/>
      <c r="J44157" s="16"/>
    </row>
    <row r="44158" spans="7:10">
      <c r="G44158" s="16"/>
      <c r="H44158" s="16"/>
      <c r="I44158" s="16"/>
      <c r="J44158" s="16"/>
    </row>
    <row r="44159" spans="7:10">
      <c r="G44159" s="16"/>
      <c r="H44159" s="16"/>
      <c r="I44159" s="16"/>
      <c r="J44159" s="16"/>
    </row>
    <row r="44160" spans="7:10">
      <c r="G44160" s="16"/>
      <c r="H44160" s="16"/>
      <c r="I44160" s="16"/>
      <c r="J44160" s="16"/>
    </row>
    <row r="44161" spans="7:10">
      <c r="G44161" s="16"/>
      <c r="H44161" s="16"/>
      <c r="I44161" s="16"/>
      <c r="J44161" s="16"/>
    </row>
    <row r="44162" spans="7:10">
      <c r="G44162" s="16"/>
      <c r="H44162" s="16"/>
      <c r="I44162" s="16"/>
      <c r="J44162" s="16"/>
    </row>
    <row r="44163" spans="7:10">
      <c r="G44163" s="16"/>
      <c r="H44163" s="16"/>
      <c r="I44163" s="16"/>
      <c r="J44163" s="16"/>
    </row>
    <row r="44164" spans="7:10">
      <c r="G44164" s="16"/>
      <c r="H44164" s="16"/>
      <c r="I44164" s="16"/>
      <c r="J44164" s="16"/>
    </row>
    <row r="44165" spans="7:10">
      <c r="G44165" s="16"/>
      <c r="H44165" s="16"/>
      <c r="I44165" s="16"/>
      <c r="J44165" s="16"/>
    </row>
    <row r="44166" spans="7:10">
      <c r="G44166" s="16"/>
      <c r="H44166" s="16"/>
      <c r="I44166" s="16"/>
      <c r="J44166" s="16"/>
    </row>
    <row r="44167" spans="7:10">
      <c r="G44167" s="16"/>
      <c r="H44167" s="16"/>
      <c r="I44167" s="16"/>
      <c r="J44167" s="16"/>
    </row>
    <row r="44168" spans="7:10">
      <c r="G44168" s="16"/>
      <c r="H44168" s="16"/>
      <c r="I44168" s="16"/>
      <c r="J44168" s="16"/>
    </row>
    <row r="44169" spans="7:10">
      <c r="G44169" s="16"/>
      <c r="H44169" s="16"/>
      <c r="I44169" s="16"/>
      <c r="J44169" s="16"/>
    </row>
    <row r="44170" spans="7:10">
      <c r="G44170" s="16"/>
      <c r="H44170" s="16"/>
      <c r="I44170" s="16"/>
      <c r="J44170" s="16"/>
    </row>
    <row r="44171" spans="7:10">
      <c r="G44171" s="16"/>
      <c r="H44171" s="16"/>
      <c r="I44171" s="16"/>
      <c r="J44171" s="16"/>
    </row>
    <row r="44172" spans="7:10">
      <c r="G44172" s="16"/>
      <c r="H44172" s="16"/>
      <c r="I44172" s="16"/>
      <c r="J44172" s="16"/>
    </row>
    <row r="44173" spans="7:10">
      <c r="G44173" s="16"/>
      <c r="H44173" s="16"/>
      <c r="I44173" s="16"/>
      <c r="J44173" s="16"/>
    </row>
    <row r="44174" spans="7:10">
      <c r="G44174" s="16"/>
      <c r="H44174" s="16"/>
      <c r="I44174" s="16"/>
      <c r="J44174" s="16"/>
    </row>
    <row r="44175" spans="7:10">
      <c r="G44175" s="16"/>
      <c r="H44175" s="16"/>
      <c r="I44175" s="16"/>
      <c r="J44175" s="16"/>
    </row>
    <row r="44176" spans="7:10">
      <c r="G44176" s="16"/>
      <c r="H44176" s="16"/>
      <c r="I44176" s="16"/>
      <c r="J44176" s="16"/>
    </row>
    <row r="44177" spans="7:10">
      <c r="G44177" s="16"/>
      <c r="H44177" s="16"/>
      <c r="I44177" s="16"/>
      <c r="J44177" s="16"/>
    </row>
    <row r="44178" spans="7:10">
      <c r="G44178" s="16"/>
      <c r="H44178" s="16"/>
      <c r="I44178" s="16"/>
      <c r="J44178" s="16"/>
    </row>
    <row r="44179" spans="7:10">
      <c r="G44179" s="16"/>
      <c r="H44179" s="16"/>
      <c r="I44179" s="16"/>
      <c r="J44179" s="16"/>
    </row>
    <row r="44180" spans="7:10">
      <c r="G44180" s="16"/>
      <c r="H44180" s="16"/>
      <c r="I44180" s="16"/>
      <c r="J44180" s="16"/>
    </row>
    <row r="44181" spans="7:10">
      <c r="G44181" s="16"/>
      <c r="H44181" s="16"/>
      <c r="I44181" s="16"/>
      <c r="J44181" s="16"/>
    </row>
    <row r="44182" spans="7:10">
      <c r="G44182" s="16"/>
      <c r="H44182" s="16"/>
      <c r="I44182" s="16"/>
      <c r="J44182" s="16"/>
    </row>
    <row r="44183" spans="7:10">
      <c r="G44183" s="16"/>
      <c r="H44183" s="16"/>
      <c r="I44183" s="16"/>
      <c r="J44183" s="16"/>
    </row>
    <row r="44184" spans="7:10">
      <c r="G44184" s="16"/>
      <c r="H44184" s="16"/>
      <c r="I44184" s="16"/>
      <c r="J44184" s="16"/>
    </row>
    <row r="44185" spans="7:10">
      <c r="G44185" s="16"/>
      <c r="H44185" s="16"/>
      <c r="I44185" s="16"/>
      <c r="J44185" s="16"/>
    </row>
    <row r="44186" spans="7:10">
      <c r="G44186" s="16"/>
      <c r="H44186" s="16"/>
      <c r="I44186" s="16"/>
      <c r="J44186" s="16"/>
    </row>
    <row r="44187" spans="7:10">
      <c r="G44187" s="16"/>
      <c r="H44187" s="16"/>
      <c r="I44187" s="16"/>
      <c r="J44187" s="16"/>
    </row>
    <row r="44188" spans="7:10">
      <c r="G44188" s="16"/>
      <c r="H44188" s="16"/>
      <c r="I44188" s="16"/>
      <c r="J44188" s="16"/>
    </row>
    <row r="44189" spans="7:10">
      <c r="G44189" s="16"/>
      <c r="H44189" s="16"/>
      <c r="I44189" s="16"/>
      <c r="J44189" s="16"/>
    </row>
    <row r="44190" spans="7:10">
      <c r="G44190" s="16"/>
      <c r="H44190" s="16"/>
      <c r="I44190" s="16"/>
      <c r="J44190" s="16"/>
    </row>
    <row r="44191" spans="7:10">
      <c r="G44191" s="16"/>
      <c r="H44191" s="16"/>
      <c r="I44191" s="16"/>
      <c r="J44191" s="16"/>
    </row>
    <row r="44192" spans="7:10">
      <c r="G44192" s="16"/>
      <c r="H44192" s="16"/>
      <c r="I44192" s="16"/>
      <c r="J44192" s="16"/>
    </row>
    <row r="44193" spans="7:10">
      <c r="G44193" s="16"/>
      <c r="H44193" s="16"/>
      <c r="I44193" s="16"/>
      <c r="J44193" s="16"/>
    </row>
    <row r="44194" spans="7:10">
      <c r="G44194" s="16"/>
      <c r="H44194" s="16"/>
      <c r="I44194" s="16"/>
      <c r="J44194" s="16"/>
    </row>
    <row r="44195" spans="7:10">
      <c r="G44195" s="16"/>
      <c r="H44195" s="16"/>
      <c r="I44195" s="16"/>
      <c r="J44195" s="16"/>
    </row>
    <row r="44196" spans="7:10">
      <c r="G44196" s="16"/>
      <c r="H44196" s="16"/>
      <c r="I44196" s="16"/>
      <c r="J44196" s="16"/>
    </row>
    <row r="44197" spans="7:10">
      <c r="G44197" s="16"/>
      <c r="H44197" s="16"/>
      <c r="I44197" s="16"/>
      <c r="J44197" s="16"/>
    </row>
    <row r="44198" spans="7:10">
      <c r="G44198" s="16"/>
      <c r="H44198" s="16"/>
      <c r="I44198" s="16"/>
      <c r="J44198" s="16"/>
    </row>
    <row r="44199" spans="7:10">
      <c r="G44199" s="16"/>
      <c r="H44199" s="16"/>
      <c r="I44199" s="16"/>
      <c r="J44199" s="16"/>
    </row>
    <row r="44200" spans="7:10">
      <c r="G44200" s="16"/>
      <c r="H44200" s="16"/>
      <c r="I44200" s="16"/>
      <c r="J44200" s="16"/>
    </row>
    <row r="44201" spans="7:10">
      <c r="G44201" s="16"/>
      <c r="H44201" s="16"/>
      <c r="I44201" s="16"/>
      <c r="J44201" s="16"/>
    </row>
    <row r="44202" spans="7:10">
      <c r="G44202" s="16"/>
      <c r="H44202" s="16"/>
      <c r="I44202" s="16"/>
      <c r="J44202" s="16"/>
    </row>
    <row r="44203" spans="7:10">
      <c r="G44203" s="16"/>
      <c r="H44203" s="16"/>
      <c r="I44203" s="16"/>
      <c r="J44203" s="16"/>
    </row>
    <row r="44204" spans="7:10">
      <c r="G44204" s="16"/>
      <c r="H44204" s="16"/>
      <c r="I44204" s="16"/>
      <c r="J44204" s="16"/>
    </row>
    <row r="44205" spans="7:10">
      <c r="G44205" s="16"/>
      <c r="H44205" s="16"/>
      <c r="I44205" s="16"/>
      <c r="J44205" s="16"/>
    </row>
    <row r="44206" spans="7:10">
      <c r="G44206" s="16"/>
      <c r="H44206" s="16"/>
      <c r="I44206" s="16"/>
      <c r="J44206" s="16"/>
    </row>
    <row r="44207" spans="7:10">
      <c r="G44207" s="16"/>
      <c r="H44207" s="16"/>
      <c r="I44207" s="16"/>
      <c r="J44207" s="16"/>
    </row>
    <row r="44208" spans="7:10">
      <c r="G44208" s="16"/>
      <c r="H44208" s="16"/>
      <c r="I44208" s="16"/>
      <c r="J44208" s="16"/>
    </row>
    <row r="44209" spans="7:10">
      <c r="G44209" s="16"/>
      <c r="H44209" s="16"/>
      <c r="I44209" s="16"/>
      <c r="J44209" s="16"/>
    </row>
    <row r="44210" spans="7:10">
      <c r="G44210" s="16"/>
      <c r="H44210" s="16"/>
      <c r="I44210" s="16"/>
      <c r="J44210" s="16"/>
    </row>
    <row r="44211" spans="7:10">
      <c r="G44211" s="16"/>
      <c r="H44211" s="16"/>
      <c r="I44211" s="16"/>
      <c r="J44211" s="16"/>
    </row>
    <row r="44212" spans="7:10">
      <c r="G44212" s="16"/>
      <c r="H44212" s="16"/>
      <c r="I44212" s="16"/>
      <c r="J44212" s="16"/>
    </row>
    <row r="44213" spans="7:10">
      <c r="G44213" s="16"/>
      <c r="H44213" s="16"/>
      <c r="I44213" s="16"/>
      <c r="J44213" s="16"/>
    </row>
    <row r="44214" spans="7:10">
      <c r="G44214" s="16"/>
      <c r="H44214" s="16"/>
      <c r="I44214" s="16"/>
      <c r="J44214" s="16"/>
    </row>
    <row r="44215" spans="7:10">
      <c r="G44215" s="16"/>
      <c r="H44215" s="16"/>
      <c r="I44215" s="16"/>
      <c r="J44215" s="16"/>
    </row>
    <row r="44216" spans="7:10">
      <c r="G44216" s="16"/>
      <c r="H44216" s="16"/>
      <c r="I44216" s="16"/>
      <c r="J44216" s="16"/>
    </row>
    <row r="44217" spans="7:10">
      <c r="G44217" s="16"/>
      <c r="H44217" s="16"/>
      <c r="I44217" s="16"/>
      <c r="J44217" s="16"/>
    </row>
    <row r="44218" spans="7:10">
      <c r="G44218" s="16"/>
      <c r="H44218" s="16"/>
      <c r="I44218" s="16"/>
      <c r="J44218" s="16"/>
    </row>
    <row r="44219" spans="7:10">
      <c r="G44219" s="16"/>
      <c r="H44219" s="16"/>
      <c r="I44219" s="16"/>
      <c r="J44219" s="16"/>
    </row>
    <row r="44220" spans="7:10">
      <c r="G44220" s="16"/>
      <c r="H44220" s="16"/>
      <c r="I44220" s="16"/>
      <c r="J44220" s="16"/>
    </row>
    <row r="44221" spans="7:10">
      <c r="G44221" s="16"/>
      <c r="H44221" s="16"/>
      <c r="I44221" s="16"/>
      <c r="J44221" s="16"/>
    </row>
    <row r="44222" spans="7:10">
      <c r="G44222" s="16"/>
      <c r="H44222" s="16"/>
      <c r="I44222" s="16"/>
      <c r="J44222" s="16"/>
    </row>
    <row r="44223" spans="7:10">
      <c r="G44223" s="16"/>
      <c r="H44223" s="16"/>
      <c r="I44223" s="16"/>
      <c r="J44223" s="16"/>
    </row>
    <row r="44224" spans="7:10">
      <c r="G44224" s="16"/>
      <c r="H44224" s="16"/>
      <c r="I44224" s="16"/>
      <c r="J44224" s="16"/>
    </row>
    <row r="44225" spans="7:10">
      <c r="G44225" s="16"/>
      <c r="H44225" s="16"/>
      <c r="I44225" s="16"/>
      <c r="J44225" s="16"/>
    </row>
    <row r="44226" spans="7:10">
      <c r="G44226" s="16"/>
      <c r="H44226" s="16"/>
      <c r="I44226" s="16"/>
      <c r="J44226" s="16"/>
    </row>
    <row r="44227" spans="7:10">
      <c r="G44227" s="16"/>
      <c r="H44227" s="16"/>
      <c r="I44227" s="16"/>
      <c r="J44227" s="16"/>
    </row>
    <row r="44228" spans="7:10">
      <c r="G44228" s="16"/>
      <c r="H44228" s="16"/>
      <c r="I44228" s="16"/>
      <c r="J44228" s="16"/>
    </row>
    <row r="44229" spans="7:10">
      <c r="G44229" s="16"/>
      <c r="H44229" s="16"/>
      <c r="I44229" s="16"/>
      <c r="J44229" s="16"/>
    </row>
    <row r="44230" spans="7:10">
      <c r="G44230" s="16"/>
      <c r="H44230" s="16"/>
      <c r="I44230" s="16"/>
      <c r="J44230" s="16"/>
    </row>
    <row r="44231" spans="7:10">
      <c r="G44231" s="16"/>
      <c r="H44231" s="16"/>
      <c r="I44231" s="16"/>
      <c r="J44231" s="16"/>
    </row>
    <row r="44232" spans="7:10">
      <c r="G44232" s="16"/>
      <c r="H44232" s="16"/>
      <c r="I44232" s="16"/>
      <c r="J44232" s="16"/>
    </row>
    <row r="44233" spans="7:10">
      <c r="G44233" s="16"/>
      <c r="H44233" s="16"/>
      <c r="I44233" s="16"/>
      <c r="J44233" s="16"/>
    </row>
    <row r="44234" spans="7:10">
      <c r="G44234" s="16"/>
      <c r="H44234" s="16"/>
      <c r="I44234" s="16"/>
      <c r="J44234" s="16"/>
    </row>
    <row r="44235" spans="7:10">
      <c r="G44235" s="16"/>
      <c r="H44235" s="16"/>
      <c r="I44235" s="16"/>
      <c r="J44235" s="16"/>
    </row>
    <row r="44236" spans="7:10">
      <c r="G44236" s="16"/>
      <c r="H44236" s="16"/>
      <c r="I44236" s="16"/>
      <c r="J44236" s="16"/>
    </row>
    <row r="44237" spans="7:10">
      <c r="G44237" s="16"/>
      <c r="H44237" s="16"/>
      <c r="I44237" s="16"/>
      <c r="J44237" s="16"/>
    </row>
    <row r="44238" spans="7:10">
      <c r="G44238" s="16"/>
      <c r="H44238" s="16"/>
      <c r="I44238" s="16"/>
      <c r="J44238" s="16"/>
    </row>
    <row r="44239" spans="7:10">
      <c r="G44239" s="16"/>
      <c r="H44239" s="16"/>
      <c r="I44239" s="16"/>
      <c r="J44239" s="16"/>
    </row>
    <row r="44240" spans="7:10">
      <c r="G44240" s="16"/>
      <c r="H44240" s="16"/>
      <c r="I44240" s="16"/>
      <c r="J44240" s="16"/>
    </row>
    <row r="44241" spans="7:10">
      <c r="G44241" s="16"/>
      <c r="H44241" s="16"/>
      <c r="I44241" s="16"/>
      <c r="J44241" s="16"/>
    </row>
    <row r="44242" spans="7:10">
      <c r="G44242" s="16"/>
      <c r="H44242" s="16"/>
      <c r="I44242" s="16"/>
      <c r="J44242" s="16"/>
    </row>
    <row r="44243" spans="7:10">
      <c r="G44243" s="16"/>
      <c r="H44243" s="16"/>
      <c r="I44243" s="16"/>
      <c r="J44243" s="16"/>
    </row>
    <row r="44244" spans="7:10">
      <c r="G44244" s="16"/>
      <c r="H44244" s="16"/>
      <c r="I44244" s="16"/>
      <c r="J44244" s="16"/>
    </row>
    <row r="44245" spans="7:10">
      <c r="G44245" s="16"/>
      <c r="H44245" s="16"/>
      <c r="I44245" s="16"/>
      <c r="J44245" s="16"/>
    </row>
    <row r="44246" spans="7:10">
      <c r="G44246" s="16"/>
      <c r="H44246" s="16"/>
      <c r="I44246" s="16"/>
      <c r="J44246" s="16"/>
    </row>
    <row r="44247" spans="7:10">
      <c r="G44247" s="16"/>
      <c r="H44247" s="16"/>
      <c r="I44247" s="16"/>
      <c r="J44247" s="16"/>
    </row>
    <row r="44248" spans="7:10">
      <c r="G44248" s="16"/>
      <c r="H44248" s="16"/>
      <c r="I44248" s="16"/>
      <c r="J44248" s="16"/>
    </row>
    <row r="44249" spans="7:10">
      <c r="G44249" s="16"/>
      <c r="H44249" s="16"/>
      <c r="I44249" s="16"/>
      <c r="J44249" s="16"/>
    </row>
    <row r="44250" spans="7:10">
      <c r="G44250" s="16"/>
      <c r="H44250" s="16"/>
      <c r="I44250" s="16"/>
      <c r="J44250" s="16"/>
    </row>
    <row r="44251" spans="7:10">
      <c r="G44251" s="16"/>
      <c r="H44251" s="16"/>
      <c r="I44251" s="16"/>
      <c r="J44251" s="16"/>
    </row>
    <row r="44252" spans="7:10">
      <c r="G44252" s="16"/>
      <c r="H44252" s="16"/>
      <c r="I44252" s="16"/>
      <c r="J44252" s="16"/>
    </row>
    <row r="44253" spans="7:10">
      <c r="G44253" s="16"/>
      <c r="H44253" s="16"/>
      <c r="I44253" s="16"/>
      <c r="J44253" s="16"/>
    </row>
    <row r="44254" spans="7:10">
      <c r="G44254" s="16"/>
      <c r="H44254" s="16"/>
      <c r="I44254" s="16"/>
      <c r="J44254" s="16"/>
    </row>
    <row r="44255" spans="7:10">
      <c r="G44255" s="16"/>
      <c r="H44255" s="16"/>
      <c r="I44255" s="16"/>
      <c r="J44255" s="16"/>
    </row>
    <row r="44256" spans="7:10">
      <c r="G44256" s="16"/>
      <c r="H44256" s="16"/>
      <c r="I44256" s="16"/>
      <c r="J44256" s="16"/>
    </row>
    <row r="44257" spans="7:10">
      <c r="G44257" s="16"/>
      <c r="H44257" s="16"/>
      <c r="I44257" s="16"/>
      <c r="J44257" s="16"/>
    </row>
    <row r="44258" spans="7:10">
      <c r="G44258" s="16"/>
      <c r="H44258" s="16"/>
      <c r="I44258" s="16"/>
      <c r="J44258" s="16"/>
    </row>
    <row r="44259" spans="7:10">
      <c r="G44259" s="16"/>
      <c r="H44259" s="16"/>
      <c r="I44259" s="16"/>
      <c r="J44259" s="16"/>
    </row>
    <row r="44260" spans="7:10">
      <c r="G44260" s="16"/>
      <c r="H44260" s="16"/>
      <c r="I44260" s="16"/>
      <c r="J44260" s="16"/>
    </row>
    <row r="44261" spans="7:10">
      <c r="G44261" s="16"/>
      <c r="H44261" s="16"/>
      <c r="I44261" s="16"/>
      <c r="J44261" s="16"/>
    </row>
    <row r="44262" spans="7:10">
      <c r="G44262" s="16"/>
      <c r="H44262" s="16"/>
      <c r="I44262" s="16"/>
      <c r="J44262" s="16"/>
    </row>
    <row r="44263" spans="7:10">
      <c r="G44263" s="16"/>
      <c r="H44263" s="16"/>
      <c r="I44263" s="16"/>
      <c r="J44263" s="16"/>
    </row>
    <row r="44264" spans="7:10">
      <c r="G44264" s="16"/>
      <c r="H44264" s="16"/>
      <c r="I44264" s="16"/>
      <c r="J44264" s="16"/>
    </row>
    <row r="44265" spans="7:10">
      <c r="G44265" s="16"/>
      <c r="H44265" s="16"/>
      <c r="I44265" s="16"/>
      <c r="J44265" s="16"/>
    </row>
    <row r="44266" spans="7:10">
      <c r="G44266" s="16"/>
      <c r="H44266" s="16"/>
      <c r="I44266" s="16"/>
      <c r="J44266" s="16"/>
    </row>
    <row r="44267" spans="7:10">
      <c r="G44267" s="16"/>
      <c r="H44267" s="16"/>
      <c r="I44267" s="16"/>
      <c r="J44267" s="16"/>
    </row>
    <row r="44268" spans="7:10">
      <c r="G44268" s="16"/>
      <c r="H44268" s="16"/>
      <c r="I44268" s="16"/>
      <c r="J44268" s="16"/>
    </row>
    <row r="44269" spans="7:10">
      <c r="G44269" s="16"/>
      <c r="H44269" s="16"/>
      <c r="I44269" s="16"/>
      <c r="J44269" s="16"/>
    </row>
    <row r="44270" spans="7:10">
      <c r="G44270" s="16"/>
      <c r="H44270" s="16"/>
      <c r="I44270" s="16"/>
      <c r="J44270" s="16"/>
    </row>
    <row r="44271" spans="7:10">
      <c r="G44271" s="16"/>
      <c r="H44271" s="16"/>
      <c r="I44271" s="16"/>
      <c r="J44271" s="16"/>
    </row>
    <row r="44272" spans="7:10">
      <c r="G44272" s="16"/>
      <c r="H44272" s="16"/>
      <c r="I44272" s="16"/>
      <c r="J44272" s="16"/>
    </row>
    <row r="44273" spans="7:10">
      <c r="G44273" s="16"/>
      <c r="H44273" s="16"/>
      <c r="I44273" s="16"/>
      <c r="J44273" s="16"/>
    </row>
    <row r="44274" spans="7:10">
      <c r="G44274" s="16"/>
      <c r="H44274" s="16"/>
      <c r="I44274" s="16"/>
      <c r="J44274" s="16"/>
    </row>
    <row r="44275" spans="7:10">
      <c r="G44275" s="16"/>
      <c r="H44275" s="16"/>
      <c r="I44275" s="16"/>
      <c r="J44275" s="16"/>
    </row>
    <row r="44276" spans="7:10">
      <c r="G44276" s="16"/>
      <c r="H44276" s="16"/>
      <c r="I44276" s="16"/>
      <c r="J44276" s="16"/>
    </row>
    <row r="44277" spans="7:10">
      <c r="G44277" s="16"/>
      <c r="H44277" s="16"/>
      <c r="I44277" s="16"/>
      <c r="J44277" s="16"/>
    </row>
    <row r="44278" spans="7:10">
      <c r="G44278" s="16"/>
      <c r="H44278" s="16"/>
      <c r="I44278" s="16"/>
      <c r="J44278" s="16"/>
    </row>
    <row r="44279" spans="7:10">
      <c r="G44279" s="16"/>
      <c r="H44279" s="16"/>
      <c r="I44279" s="16"/>
      <c r="J44279" s="16"/>
    </row>
    <row r="44280" spans="7:10">
      <c r="G44280" s="16"/>
      <c r="H44280" s="16"/>
      <c r="I44280" s="16"/>
      <c r="J44280" s="16"/>
    </row>
    <row r="44281" spans="7:10">
      <c r="G44281" s="16"/>
      <c r="H44281" s="16"/>
      <c r="I44281" s="16"/>
      <c r="J44281" s="16"/>
    </row>
    <row r="44282" spans="7:10">
      <c r="G44282" s="16"/>
      <c r="H44282" s="16"/>
      <c r="I44282" s="16"/>
      <c r="J44282" s="16"/>
    </row>
    <row r="44283" spans="7:10">
      <c r="G44283" s="16"/>
      <c r="H44283" s="16"/>
      <c r="I44283" s="16"/>
      <c r="J44283" s="16"/>
    </row>
    <row r="44284" spans="7:10">
      <c r="G44284" s="16"/>
      <c r="H44284" s="16"/>
      <c r="I44284" s="16"/>
      <c r="J44284" s="16"/>
    </row>
    <row r="44285" spans="7:10">
      <c r="G44285" s="16"/>
      <c r="H44285" s="16"/>
      <c r="I44285" s="16"/>
      <c r="J44285" s="16"/>
    </row>
    <row r="44286" spans="7:10">
      <c r="G44286" s="16"/>
      <c r="H44286" s="16"/>
      <c r="I44286" s="16"/>
      <c r="J44286" s="16"/>
    </row>
    <row r="44287" spans="7:10">
      <c r="G44287" s="16"/>
      <c r="H44287" s="16"/>
      <c r="I44287" s="16"/>
      <c r="J44287" s="16"/>
    </row>
    <row r="44288" spans="7:10">
      <c r="G44288" s="16"/>
      <c r="H44288" s="16"/>
      <c r="I44288" s="16"/>
      <c r="J44288" s="16"/>
    </row>
    <row r="44289" spans="7:10">
      <c r="G44289" s="16"/>
      <c r="H44289" s="16"/>
      <c r="I44289" s="16"/>
      <c r="J44289" s="16"/>
    </row>
    <row r="44290" spans="7:10">
      <c r="G44290" s="16"/>
      <c r="H44290" s="16"/>
      <c r="I44290" s="16"/>
      <c r="J44290" s="16"/>
    </row>
    <row r="44291" spans="7:10">
      <c r="G44291" s="16"/>
      <c r="H44291" s="16"/>
      <c r="I44291" s="16"/>
      <c r="J44291" s="16"/>
    </row>
    <row r="44292" spans="7:10">
      <c r="G44292" s="16"/>
      <c r="H44292" s="16"/>
      <c r="I44292" s="16"/>
      <c r="J44292" s="16"/>
    </row>
    <row r="44293" spans="7:10">
      <c r="G44293" s="16"/>
      <c r="H44293" s="16"/>
      <c r="I44293" s="16"/>
      <c r="J44293" s="16"/>
    </row>
    <row r="44294" spans="7:10">
      <c r="G44294" s="16"/>
      <c r="H44294" s="16"/>
      <c r="I44294" s="16"/>
      <c r="J44294" s="16"/>
    </row>
    <row r="44295" spans="7:10">
      <c r="G44295" s="16"/>
      <c r="H44295" s="16"/>
      <c r="I44295" s="16"/>
      <c r="J44295" s="16"/>
    </row>
    <row r="44296" spans="7:10">
      <c r="G44296" s="16"/>
      <c r="H44296" s="16"/>
      <c r="I44296" s="16"/>
      <c r="J44296" s="16"/>
    </row>
    <row r="44297" spans="7:10">
      <c r="G44297" s="16"/>
      <c r="H44297" s="16"/>
      <c r="I44297" s="16"/>
      <c r="J44297" s="16"/>
    </row>
    <row r="44298" spans="7:10">
      <c r="G44298" s="16"/>
      <c r="H44298" s="16"/>
      <c r="I44298" s="16"/>
      <c r="J44298" s="16"/>
    </row>
    <row r="44299" spans="7:10">
      <c r="G44299" s="16"/>
      <c r="H44299" s="16"/>
      <c r="I44299" s="16"/>
      <c r="J44299" s="16"/>
    </row>
    <row r="44300" spans="7:10">
      <c r="G44300" s="16"/>
      <c r="H44300" s="16"/>
      <c r="I44300" s="16"/>
      <c r="J44300" s="16"/>
    </row>
    <row r="44301" spans="7:10">
      <c r="G44301" s="16"/>
      <c r="H44301" s="16"/>
      <c r="I44301" s="16"/>
      <c r="J44301" s="16"/>
    </row>
    <row r="44302" spans="7:10">
      <c r="G44302" s="16"/>
      <c r="H44302" s="16"/>
      <c r="I44302" s="16"/>
      <c r="J44302" s="16"/>
    </row>
    <row r="44303" spans="7:10">
      <c r="G44303" s="16"/>
      <c r="H44303" s="16"/>
      <c r="I44303" s="16"/>
      <c r="J44303" s="16"/>
    </row>
    <row r="44304" spans="7:10">
      <c r="G44304" s="16"/>
      <c r="H44304" s="16"/>
      <c r="I44304" s="16"/>
      <c r="J44304" s="16"/>
    </row>
    <row r="44305" spans="7:10">
      <c r="G44305" s="16"/>
      <c r="H44305" s="16"/>
      <c r="I44305" s="16"/>
      <c r="J44305" s="16"/>
    </row>
    <row r="44306" spans="7:10">
      <c r="G44306" s="16"/>
      <c r="H44306" s="16"/>
      <c r="I44306" s="16"/>
      <c r="J44306" s="16"/>
    </row>
    <row r="44307" spans="7:10">
      <c r="G44307" s="16"/>
      <c r="H44307" s="16"/>
      <c r="I44307" s="16"/>
      <c r="J44307" s="16"/>
    </row>
    <row r="44308" spans="7:10">
      <c r="G44308" s="16"/>
      <c r="H44308" s="16"/>
      <c r="I44308" s="16"/>
      <c r="J44308" s="16"/>
    </row>
    <row r="44309" spans="7:10">
      <c r="G44309" s="16"/>
      <c r="H44309" s="16"/>
      <c r="I44309" s="16"/>
      <c r="J44309" s="16"/>
    </row>
    <row r="44310" spans="7:10">
      <c r="G44310" s="16"/>
      <c r="H44310" s="16"/>
      <c r="I44310" s="16"/>
      <c r="J44310" s="16"/>
    </row>
    <row r="44311" spans="7:10">
      <c r="G44311" s="16"/>
      <c r="H44311" s="16"/>
      <c r="I44311" s="16"/>
      <c r="J44311" s="16"/>
    </row>
    <row r="44312" spans="7:10">
      <c r="G44312" s="16"/>
      <c r="H44312" s="16"/>
      <c r="I44312" s="16"/>
      <c r="J44312" s="16"/>
    </row>
    <row r="44313" spans="7:10">
      <c r="G44313" s="16"/>
      <c r="H44313" s="16"/>
      <c r="I44313" s="16"/>
      <c r="J44313" s="16"/>
    </row>
    <row r="44314" spans="7:10">
      <c r="G44314" s="16"/>
      <c r="H44314" s="16"/>
      <c r="I44314" s="16"/>
      <c r="J44314" s="16"/>
    </row>
    <row r="44315" spans="7:10">
      <c r="G44315" s="16"/>
      <c r="H44315" s="16"/>
      <c r="I44315" s="16"/>
      <c r="J44315" s="16"/>
    </row>
    <row r="44316" spans="7:10">
      <c r="G44316" s="16"/>
      <c r="H44316" s="16"/>
      <c r="I44316" s="16"/>
      <c r="J44316" s="16"/>
    </row>
    <row r="44317" spans="7:10">
      <c r="G44317" s="16"/>
      <c r="H44317" s="16"/>
      <c r="I44317" s="16"/>
      <c r="J44317" s="16"/>
    </row>
    <row r="44318" spans="7:10">
      <c r="G44318" s="16"/>
      <c r="H44318" s="16"/>
      <c r="I44318" s="16"/>
      <c r="J44318" s="16"/>
    </row>
    <row r="44319" spans="7:10">
      <c r="G44319" s="16"/>
      <c r="H44319" s="16"/>
      <c r="I44319" s="16"/>
      <c r="J44319" s="16"/>
    </row>
    <row r="44320" spans="7:10">
      <c r="G44320" s="16"/>
      <c r="H44320" s="16"/>
      <c r="I44320" s="16"/>
      <c r="J44320" s="16"/>
    </row>
    <row r="44321" spans="7:10">
      <c r="G44321" s="16"/>
      <c r="H44321" s="16"/>
      <c r="I44321" s="16"/>
      <c r="J44321" s="16"/>
    </row>
    <row r="44322" spans="7:10">
      <c r="G44322" s="16"/>
      <c r="H44322" s="16"/>
      <c r="I44322" s="16"/>
      <c r="J44322" s="16"/>
    </row>
    <row r="44323" spans="7:10">
      <c r="G44323" s="16"/>
      <c r="H44323" s="16"/>
      <c r="I44323" s="16"/>
      <c r="J44323" s="16"/>
    </row>
    <row r="44324" spans="7:10">
      <c r="G44324" s="16"/>
      <c r="H44324" s="16"/>
      <c r="I44324" s="16"/>
      <c r="J44324" s="16"/>
    </row>
    <row r="44325" spans="7:10">
      <c r="G44325" s="16"/>
      <c r="H44325" s="16"/>
      <c r="I44325" s="16"/>
      <c r="J44325" s="16"/>
    </row>
    <row r="44326" spans="7:10">
      <c r="G44326" s="16"/>
      <c r="H44326" s="16"/>
      <c r="I44326" s="16"/>
      <c r="J44326" s="16"/>
    </row>
    <row r="44327" spans="7:10">
      <c r="G44327" s="16"/>
      <c r="H44327" s="16"/>
      <c r="I44327" s="16"/>
      <c r="J44327" s="16"/>
    </row>
    <row r="44328" spans="7:10">
      <c r="G44328" s="16"/>
      <c r="H44328" s="16"/>
      <c r="I44328" s="16"/>
      <c r="J44328" s="16"/>
    </row>
    <row r="44329" spans="7:10">
      <c r="G44329" s="16"/>
      <c r="H44329" s="16"/>
      <c r="I44329" s="16"/>
      <c r="J44329" s="16"/>
    </row>
    <row r="44330" spans="7:10">
      <c r="G44330" s="16"/>
      <c r="H44330" s="16"/>
      <c r="I44330" s="16"/>
      <c r="J44330" s="16"/>
    </row>
    <row r="44331" spans="7:10">
      <c r="G44331" s="16"/>
      <c r="H44331" s="16"/>
      <c r="I44331" s="16"/>
      <c r="J44331" s="16"/>
    </row>
    <row r="44332" spans="7:10">
      <c r="G44332" s="16"/>
      <c r="H44332" s="16"/>
      <c r="I44332" s="16"/>
      <c r="J44332" s="16"/>
    </row>
    <row r="44333" spans="7:10">
      <c r="G44333" s="16"/>
      <c r="H44333" s="16"/>
      <c r="I44333" s="16"/>
      <c r="J44333" s="16"/>
    </row>
    <row r="44334" spans="7:10">
      <c r="G44334" s="16"/>
      <c r="H44334" s="16"/>
      <c r="I44334" s="16"/>
      <c r="J44334" s="16"/>
    </row>
    <row r="44335" spans="7:10">
      <c r="G44335" s="16"/>
      <c r="H44335" s="16"/>
      <c r="I44335" s="16"/>
      <c r="J44335" s="16"/>
    </row>
    <row r="44336" spans="7:10">
      <c r="G44336" s="16"/>
      <c r="H44336" s="16"/>
      <c r="I44336" s="16"/>
      <c r="J44336" s="16"/>
    </row>
    <row r="44337" spans="7:10">
      <c r="G44337" s="16"/>
      <c r="H44337" s="16"/>
      <c r="I44337" s="16"/>
      <c r="J44337" s="16"/>
    </row>
    <row r="44338" spans="7:10">
      <c r="G44338" s="16"/>
      <c r="H44338" s="16"/>
      <c r="I44338" s="16"/>
      <c r="J44338" s="16"/>
    </row>
    <row r="44339" spans="7:10">
      <c r="G44339" s="16"/>
      <c r="H44339" s="16"/>
      <c r="I44339" s="16"/>
      <c r="J44339" s="16"/>
    </row>
    <row r="44340" spans="7:10">
      <c r="G44340" s="16"/>
      <c r="H44340" s="16"/>
      <c r="I44340" s="16"/>
      <c r="J44340" s="16"/>
    </row>
    <row r="44341" spans="7:10">
      <c r="G44341" s="16"/>
      <c r="H44341" s="16"/>
      <c r="I44341" s="16"/>
      <c r="J44341" s="16"/>
    </row>
    <row r="44342" spans="7:10">
      <c r="G44342" s="16"/>
      <c r="H44342" s="16"/>
      <c r="I44342" s="16"/>
      <c r="J44342" s="16"/>
    </row>
    <row r="44343" spans="7:10">
      <c r="G44343" s="16"/>
      <c r="H44343" s="16"/>
      <c r="I44343" s="16"/>
      <c r="J44343" s="16"/>
    </row>
    <row r="44344" spans="7:10">
      <c r="G44344" s="16"/>
      <c r="H44344" s="16"/>
      <c r="I44344" s="16"/>
      <c r="J44344" s="16"/>
    </row>
    <row r="44345" spans="7:10">
      <c r="G44345" s="16"/>
      <c r="H44345" s="16"/>
      <c r="I44345" s="16"/>
      <c r="J44345" s="16"/>
    </row>
    <row r="44346" spans="7:10">
      <c r="G44346" s="16"/>
      <c r="H44346" s="16"/>
      <c r="I44346" s="16"/>
      <c r="J44346" s="16"/>
    </row>
    <row r="44347" spans="7:10">
      <c r="G44347" s="16"/>
      <c r="H44347" s="16"/>
      <c r="I44347" s="16"/>
      <c r="J44347" s="16"/>
    </row>
    <row r="44348" spans="7:10">
      <c r="G44348" s="16"/>
      <c r="H44348" s="16"/>
      <c r="I44348" s="16"/>
      <c r="J44348" s="16"/>
    </row>
    <row r="44349" spans="7:10">
      <c r="G44349" s="16"/>
      <c r="H44349" s="16"/>
      <c r="I44349" s="16"/>
      <c r="J44349" s="16"/>
    </row>
    <row r="44350" spans="7:10">
      <c r="G44350" s="16"/>
      <c r="H44350" s="16"/>
      <c r="I44350" s="16"/>
      <c r="J44350" s="16"/>
    </row>
    <row r="44351" spans="7:10">
      <c r="G44351" s="16"/>
      <c r="H44351" s="16"/>
      <c r="I44351" s="16"/>
      <c r="J44351" s="16"/>
    </row>
    <row r="44352" spans="7:10">
      <c r="G44352" s="16"/>
      <c r="H44352" s="16"/>
      <c r="I44352" s="16"/>
      <c r="J44352" s="16"/>
    </row>
    <row r="44353" spans="7:10">
      <c r="G44353" s="16"/>
      <c r="H44353" s="16"/>
      <c r="I44353" s="16"/>
      <c r="J44353" s="16"/>
    </row>
    <row r="44354" spans="7:10">
      <c r="G44354" s="16"/>
      <c r="H44354" s="16"/>
      <c r="I44354" s="16"/>
      <c r="J44354" s="16"/>
    </row>
    <row r="44355" spans="7:10">
      <c r="G44355" s="16"/>
      <c r="H44355" s="16"/>
      <c r="I44355" s="16"/>
      <c r="J44355" s="16"/>
    </row>
    <row r="44356" spans="7:10">
      <c r="G44356" s="16"/>
      <c r="H44356" s="16"/>
      <c r="I44356" s="16"/>
      <c r="J44356" s="16"/>
    </row>
    <row r="44357" spans="7:10">
      <c r="G44357" s="16"/>
      <c r="H44357" s="16"/>
      <c r="I44357" s="16"/>
      <c r="J44357" s="16"/>
    </row>
    <row r="44358" spans="7:10">
      <c r="G44358" s="16"/>
      <c r="H44358" s="16"/>
      <c r="I44358" s="16"/>
      <c r="J44358" s="16"/>
    </row>
    <row r="44359" spans="7:10">
      <c r="G44359" s="16"/>
      <c r="H44359" s="16"/>
      <c r="I44359" s="16"/>
      <c r="J44359" s="16"/>
    </row>
    <row r="44360" spans="7:10">
      <c r="G44360" s="16"/>
      <c r="H44360" s="16"/>
      <c r="I44360" s="16"/>
      <c r="J44360" s="16"/>
    </row>
    <row r="44361" spans="7:10">
      <c r="G44361" s="16"/>
      <c r="H44361" s="16"/>
      <c r="I44361" s="16"/>
      <c r="J44361" s="16"/>
    </row>
    <row r="44362" spans="7:10">
      <c r="G44362" s="16"/>
      <c r="H44362" s="16"/>
      <c r="I44362" s="16"/>
      <c r="J44362" s="16"/>
    </row>
    <row r="44363" spans="7:10">
      <c r="G44363" s="16"/>
      <c r="H44363" s="16"/>
      <c r="I44363" s="16"/>
      <c r="J44363" s="16"/>
    </row>
    <row r="44364" spans="7:10">
      <c r="G44364" s="16"/>
      <c r="H44364" s="16"/>
      <c r="I44364" s="16"/>
      <c r="J44364" s="16"/>
    </row>
    <row r="44365" spans="7:10">
      <c r="G44365" s="16"/>
      <c r="H44365" s="16"/>
      <c r="I44365" s="16"/>
      <c r="J44365" s="16"/>
    </row>
    <row r="44366" spans="7:10">
      <c r="G44366" s="16"/>
      <c r="H44366" s="16"/>
      <c r="I44366" s="16"/>
      <c r="J44366" s="16"/>
    </row>
    <row r="44367" spans="7:10">
      <c r="G44367" s="16"/>
      <c r="H44367" s="16"/>
      <c r="I44367" s="16"/>
      <c r="J44367" s="16"/>
    </row>
    <row r="44368" spans="7:10">
      <c r="G44368" s="16"/>
      <c r="H44368" s="16"/>
      <c r="I44368" s="16"/>
      <c r="J44368" s="16"/>
    </row>
    <row r="44369" spans="7:10">
      <c r="G44369" s="16"/>
      <c r="H44369" s="16"/>
      <c r="I44369" s="16"/>
      <c r="J44369" s="16"/>
    </row>
    <row r="44370" spans="7:10">
      <c r="G44370" s="16"/>
      <c r="H44370" s="16"/>
      <c r="I44370" s="16"/>
      <c r="J44370" s="16"/>
    </row>
    <row r="44371" spans="7:10">
      <c r="G44371" s="16"/>
      <c r="H44371" s="16"/>
      <c r="I44371" s="16"/>
      <c r="J44371" s="16"/>
    </row>
    <row r="44372" spans="7:10">
      <c r="G44372" s="16"/>
      <c r="H44372" s="16"/>
      <c r="I44372" s="16"/>
      <c r="J44372" s="16"/>
    </row>
    <row r="44373" spans="7:10">
      <c r="G44373" s="16"/>
      <c r="H44373" s="16"/>
      <c r="I44373" s="16"/>
      <c r="J44373" s="16"/>
    </row>
    <row r="44374" spans="7:10">
      <c r="G44374" s="16"/>
      <c r="H44374" s="16"/>
      <c r="I44374" s="16"/>
      <c r="J44374" s="16"/>
    </row>
    <row r="44375" spans="7:10">
      <c r="G44375" s="16"/>
      <c r="H44375" s="16"/>
      <c r="I44375" s="16"/>
      <c r="J44375" s="16"/>
    </row>
    <row r="44376" spans="7:10">
      <c r="G44376" s="16"/>
      <c r="H44376" s="16"/>
      <c r="I44376" s="16"/>
      <c r="J44376" s="16"/>
    </row>
    <row r="44377" spans="7:10">
      <c r="G44377" s="16"/>
      <c r="H44377" s="16"/>
      <c r="I44377" s="16"/>
      <c r="J44377" s="16"/>
    </row>
    <row r="44378" spans="7:10">
      <c r="G44378" s="16"/>
      <c r="H44378" s="16"/>
      <c r="I44378" s="16"/>
      <c r="J44378" s="16"/>
    </row>
    <row r="44379" spans="7:10">
      <c r="G44379" s="16"/>
      <c r="H44379" s="16"/>
      <c r="I44379" s="16"/>
      <c r="J44379" s="16"/>
    </row>
    <row r="44380" spans="7:10">
      <c r="G44380" s="16"/>
      <c r="H44380" s="16"/>
      <c r="I44380" s="16"/>
      <c r="J44380" s="16"/>
    </row>
    <row r="44381" spans="7:10">
      <c r="G44381" s="16"/>
      <c r="H44381" s="16"/>
      <c r="I44381" s="16"/>
      <c r="J44381" s="16"/>
    </row>
    <row r="44382" spans="7:10">
      <c r="G44382" s="16"/>
      <c r="H44382" s="16"/>
      <c r="I44382" s="16"/>
      <c r="J44382" s="16"/>
    </row>
    <row r="44383" spans="7:10">
      <c r="G44383" s="16"/>
      <c r="H44383" s="16"/>
      <c r="I44383" s="16"/>
      <c r="J44383" s="16"/>
    </row>
    <row r="44384" spans="7:10">
      <c r="G44384" s="16"/>
      <c r="H44384" s="16"/>
      <c r="I44384" s="16"/>
      <c r="J44384" s="16"/>
    </row>
    <row r="44385" spans="7:10">
      <c r="G44385" s="16"/>
      <c r="H44385" s="16"/>
      <c r="I44385" s="16"/>
      <c r="J44385" s="16"/>
    </row>
    <row r="44386" spans="7:10">
      <c r="G44386" s="16"/>
      <c r="H44386" s="16"/>
      <c r="I44386" s="16"/>
      <c r="J44386" s="16"/>
    </row>
    <row r="44387" spans="7:10">
      <c r="G44387" s="16"/>
      <c r="H44387" s="16"/>
      <c r="I44387" s="16"/>
      <c r="J44387" s="16"/>
    </row>
    <row r="44388" spans="7:10">
      <c r="G44388" s="16"/>
      <c r="H44388" s="16"/>
      <c r="I44388" s="16"/>
      <c r="J44388" s="16"/>
    </row>
    <row r="44389" spans="7:10">
      <c r="G44389" s="16"/>
      <c r="H44389" s="16"/>
      <c r="I44389" s="16"/>
      <c r="J44389" s="16"/>
    </row>
    <row r="44390" spans="7:10">
      <c r="G44390" s="16"/>
      <c r="H44390" s="16"/>
      <c r="I44390" s="16"/>
      <c r="J44390" s="16"/>
    </row>
    <row r="44391" spans="7:10">
      <c r="G44391" s="16"/>
      <c r="H44391" s="16"/>
      <c r="I44391" s="16"/>
      <c r="J44391" s="16"/>
    </row>
    <row r="44392" spans="7:10">
      <c r="G44392" s="16"/>
      <c r="H44392" s="16"/>
      <c r="I44392" s="16"/>
      <c r="J44392" s="16"/>
    </row>
    <row r="44393" spans="7:10">
      <c r="G44393" s="16"/>
      <c r="H44393" s="16"/>
      <c r="I44393" s="16"/>
      <c r="J44393" s="16"/>
    </row>
    <row r="44394" spans="7:10">
      <c r="G44394" s="16"/>
      <c r="H44394" s="16"/>
      <c r="I44394" s="16"/>
      <c r="J44394" s="16"/>
    </row>
    <row r="44395" spans="7:10">
      <c r="G44395" s="16"/>
      <c r="H44395" s="16"/>
      <c r="I44395" s="16"/>
      <c r="J44395" s="16"/>
    </row>
    <row r="44396" spans="7:10">
      <c r="G44396" s="16"/>
      <c r="H44396" s="16"/>
      <c r="I44396" s="16"/>
      <c r="J44396" s="16"/>
    </row>
    <row r="44397" spans="7:10">
      <c r="G44397" s="16"/>
      <c r="H44397" s="16"/>
      <c r="I44397" s="16"/>
      <c r="J44397" s="16"/>
    </row>
    <row r="44398" spans="7:10">
      <c r="G44398" s="16"/>
      <c r="H44398" s="16"/>
      <c r="I44398" s="16"/>
      <c r="J44398" s="16"/>
    </row>
    <row r="44399" spans="7:10">
      <c r="G44399" s="16"/>
      <c r="H44399" s="16"/>
      <c r="I44399" s="16"/>
      <c r="J44399" s="16"/>
    </row>
    <row r="44400" spans="7:10">
      <c r="G44400" s="16"/>
      <c r="H44400" s="16"/>
      <c r="I44400" s="16"/>
      <c r="J44400" s="16"/>
    </row>
    <row r="44401" spans="7:10">
      <c r="G44401" s="16"/>
      <c r="H44401" s="16"/>
      <c r="I44401" s="16"/>
      <c r="J44401" s="16"/>
    </row>
    <row r="44402" spans="7:10">
      <c r="G44402" s="16"/>
      <c r="H44402" s="16"/>
      <c r="I44402" s="16"/>
      <c r="J44402" s="16"/>
    </row>
    <row r="44403" spans="7:10">
      <c r="G44403" s="16"/>
      <c r="H44403" s="16"/>
      <c r="I44403" s="16"/>
      <c r="J44403" s="16"/>
    </row>
    <row r="44404" spans="7:10">
      <c r="G44404" s="16"/>
      <c r="H44404" s="16"/>
      <c r="I44404" s="16"/>
      <c r="J44404" s="16"/>
    </row>
    <row r="44405" spans="7:10">
      <c r="G44405" s="16"/>
      <c r="H44405" s="16"/>
      <c r="I44405" s="16"/>
      <c r="J44405" s="16"/>
    </row>
    <row r="44406" spans="7:10">
      <c r="G44406" s="16"/>
      <c r="H44406" s="16"/>
      <c r="I44406" s="16"/>
      <c r="J44406" s="16"/>
    </row>
    <row r="44407" spans="7:10">
      <c r="G44407" s="16"/>
      <c r="H44407" s="16"/>
      <c r="I44407" s="16"/>
      <c r="J44407" s="16"/>
    </row>
    <row r="44408" spans="7:10">
      <c r="G44408" s="16"/>
      <c r="H44408" s="16"/>
      <c r="I44408" s="16"/>
      <c r="J44408" s="16"/>
    </row>
    <row r="44409" spans="7:10">
      <c r="G44409" s="16"/>
      <c r="H44409" s="16"/>
      <c r="I44409" s="16"/>
      <c r="J44409" s="16"/>
    </row>
    <row r="44410" spans="7:10">
      <c r="G44410" s="16"/>
      <c r="H44410" s="16"/>
      <c r="I44410" s="16"/>
      <c r="J44410" s="16"/>
    </row>
    <row r="44411" spans="7:10">
      <c r="G44411" s="16"/>
      <c r="H44411" s="16"/>
      <c r="I44411" s="16"/>
      <c r="J44411" s="16"/>
    </row>
    <row r="44412" spans="7:10">
      <c r="G44412" s="16"/>
      <c r="H44412" s="16"/>
      <c r="I44412" s="16"/>
      <c r="J44412" s="16"/>
    </row>
    <row r="44413" spans="7:10">
      <c r="G44413" s="16"/>
      <c r="H44413" s="16"/>
      <c r="I44413" s="16"/>
      <c r="J44413" s="16"/>
    </row>
    <row r="44414" spans="7:10">
      <c r="G44414" s="16"/>
      <c r="H44414" s="16"/>
      <c r="I44414" s="16"/>
      <c r="J44414" s="16"/>
    </row>
    <row r="44415" spans="7:10">
      <c r="G44415" s="16"/>
      <c r="H44415" s="16"/>
      <c r="I44415" s="16"/>
      <c r="J44415" s="16"/>
    </row>
    <row r="44416" spans="7:10">
      <c r="G44416" s="16"/>
      <c r="H44416" s="16"/>
      <c r="I44416" s="16"/>
      <c r="J44416" s="16"/>
    </row>
    <row r="44417" spans="7:10">
      <c r="G44417" s="16"/>
      <c r="H44417" s="16"/>
      <c r="I44417" s="16"/>
      <c r="J44417" s="16"/>
    </row>
    <row r="44418" spans="7:10">
      <c r="G44418" s="16"/>
      <c r="H44418" s="16"/>
      <c r="I44418" s="16"/>
      <c r="J44418" s="16"/>
    </row>
    <row r="44419" spans="7:10">
      <c r="G44419" s="16"/>
      <c r="H44419" s="16"/>
      <c r="I44419" s="16"/>
      <c r="J44419" s="16"/>
    </row>
    <row r="44420" spans="7:10">
      <c r="G44420" s="16"/>
      <c r="H44420" s="16"/>
      <c r="I44420" s="16"/>
      <c r="J44420" s="16"/>
    </row>
    <row r="44421" spans="7:10">
      <c r="G44421" s="16"/>
      <c r="H44421" s="16"/>
      <c r="I44421" s="16"/>
      <c r="J44421" s="16"/>
    </row>
    <row r="44422" spans="7:10">
      <c r="G44422" s="16"/>
      <c r="H44422" s="16"/>
      <c r="I44422" s="16"/>
      <c r="J44422" s="16"/>
    </row>
    <row r="44423" spans="7:10">
      <c r="G44423" s="16"/>
      <c r="H44423" s="16"/>
      <c r="I44423" s="16"/>
      <c r="J44423" s="16"/>
    </row>
    <row r="44424" spans="7:10">
      <c r="G44424" s="16"/>
      <c r="H44424" s="16"/>
      <c r="I44424" s="16"/>
      <c r="J44424" s="16"/>
    </row>
    <row r="44425" spans="7:10">
      <c r="G44425" s="16"/>
      <c r="H44425" s="16"/>
      <c r="I44425" s="16"/>
      <c r="J44425" s="16"/>
    </row>
    <row r="44426" spans="7:10">
      <c r="G44426" s="16"/>
      <c r="H44426" s="16"/>
      <c r="I44426" s="16"/>
      <c r="J44426" s="16"/>
    </row>
    <row r="44427" spans="7:10">
      <c r="G44427" s="16"/>
      <c r="H44427" s="16"/>
      <c r="I44427" s="16"/>
      <c r="J44427" s="16"/>
    </row>
    <row r="44428" spans="7:10">
      <c r="G44428" s="16"/>
      <c r="H44428" s="16"/>
      <c r="I44428" s="16"/>
      <c r="J44428" s="16"/>
    </row>
    <row r="44429" spans="7:10">
      <c r="G44429" s="16"/>
      <c r="H44429" s="16"/>
      <c r="I44429" s="16"/>
      <c r="J44429" s="16"/>
    </row>
    <row r="44430" spans="7:10">
      <c r="G44430" s="16"/>
      <c r="H44430" s="16"/>
      <c r="I44430" s="16"/>
      <c r="J44430" s="16"/>
    </row>
    <row r="44431" spans="7:10">
      <c r="G44431" s="16"/>
      <c r="H44431" s="16"/>
      <c r="I44431" s="16"/>
      <c r="J44431" s="16"/>
    </row>
    <row r="44432" spans="7:10">
      <c r="G44432" s="16"/>
      <c r="H44432" s="16"/>
      <c r="I44432" s="16"/>
      <c r="J44432" s="16"/>
    </row>
    <row r="44433" spans="7:10">
      <c r="G44433" s="16"/>
      <c r="H44433" s="16"/>
      <c r="I44433" s="16"/>
      <c r="J44433" s="16"/>
    </row>
    <row r="44434" spans="7:10">
      <c r="G44434" s="16"/>
      <c r="H44434" s="16"/>
      <c r="I44434" s="16"/>
      <c r="J44434" s="16"/>
    </row>
    <row r="44435" spans="7:10">
      <c r="G44435" s="16"/>
      <c r="H44435" s="16"/>
      <c r="I44435" s="16"/>
      <c r="J44435" s="16"/>
    </row>
    <row r="44436" spans="7:10">
      <c r="G44436" s="16"/>
      <c r="H44436" s="16"/>
      <c r="I44436" s="16"/>
      <c r="J44436" s="16"/>
    </row>
    <row r="44437" spans="7:10">
      <c r="G44437" s="16"/>
      <c r="H44437" s="16"/>
      <c r="I44437" s="16"/>
      <c r="J44437" s="16"/>
    </row>
    <row r="44438" spans="7:10">
      <c r="G44438" s="16"/>
      <c r="H44438" s="16"/>
      <c r="I44438" s="16"/>
      <c r="J44438" s="16"/>
    </row>
    <row r="44439" spans="7:10">
      <c r="G44439" s="16"/>
      <c r="H44439" s="16"/>
      <c r="I44439" s="16"/>
      <c r="J44439" s="16"/>
    </row>
    <row r="44440" spans="7:10">
      <c r="G44440" s="16"/>
      <c r="H44440" s="16"/>
      <c r="I44440" s="16"/>
      <c r="J44440" s="16"/>
    </row>
    <row r="44441" spans="7:10">
      <c r="G44441" s="16"/>
      <c r="H44441" s="16"/>
      <c r="I44441" s="16"/>
      <c r="J44441" s="16"/>
    </row>
    <row r="44442" spans="7:10">
      <c r="G44442" s="16"/>
      <c r="H44442" s="16"/>
      <c r="I44442" s="16"/>
      <c r="J44442" s="16"/>
    </row>
    <row r="44443" spans="7:10">
      <c r="G44443" s="16"/>
      <c r="H44443" s="16"/>
      <c r="I44443" s="16"/>
      <c r="J44443" s="16"/>
    </row>
    <row r="44444" spans="7:10">
      <c r="G44444" s="16"/>
      <c r="H44444" s="16"/>
      <c r="I44444" s="16"/>
      <c r="J44444" s="16"/>
    </row>
    <row r="44445" spans="7:10">
      <c r="G44445" s="16"/>
      <c r="H44445" s="16"/>
      <c r="I44445" s="16"/>
      <c r="J44445" s="16"/>
    </row>
    <row r="44446" spans="7:10">
      <c r="G44446" s="16"/>
      <c r="H44446" s="16"/>
      <c r="I44446" s="16"/>
      <c r="J44446" s="16"/>
    </row>
    <row r="44447" spans="7:10">
      <c r="G44447" s="16"/>
      <c r="H44447" s="16"/>
      <c r="I44447" s="16"/>
      <c r="J44447" s="16"/>
    </row>
    <row r="44448" spans="7:10">
      <c r="G44448" s="16"/>
      <c r="H44448" s="16"/>
      <c r="I44448" s="16"/>
      <c r="J44448" s="16"/>
    </row>
    <row r="44449" spans="7:10">
      <c r="G44449" s="16"/>
      <c r="H44449" s="16"/>
      <c r="I44449" s="16"/>
      <c r="J44449" s="16"/>
    </row>
    <row r="44450" spans="7:10">
      <c r="G44450" s="16"/>
      <c r="H44450" s="16"/>
      <c r="I44450" s="16"/>
      <c r="J44450" s="16"/>
    </row>
    <row r="44451" spans="7:10">
      <c r="G44451" s="16"/>
      <c r="H44451" s="16"/>
      <c r="I44451" s="16"/>
      <c r="J44451" s="16"/>
    </row>
    <row r="44452" spans="7:10">
      <c r="G44452" s="16"/>
      <c r="H44452" s="16"/>
      <c r="I44452" s="16"/>
      <c r="J44452" s="16"/>
    </row>
    <row r="44453" spans="7:10">
      <c r="G44453" s="16"/>
      <c r="H44453" s="16"/>
      <c r="I44453" s="16"/>
      <c r="J44453" s="16"/>
    </row>
    <row r="44454" spans="7:10">
      <c r="G44454" s="16"/>
      <c r="H44454" s="16"/>
      <c r="I44454" s="16"/>
      <c r="J44454" s="16"/>
    </row>
    <row r="44455" spans="7:10">
      <c r="G44455" s="16"/>
      <c r="H44455" s="16"/>
      <c r="I44455" s="16"/>
      <c r="J44455" s="16"/>
    </row>
    <row r="44456" spans="7:10">
      <c r="G44456" s="16"/>
      <c r="H44456" s="16"/>
      <c r="I44456" s="16"/>
      <c r="J44456" s="16"/>
    </row>
    <row r="44457" spans="7:10">
      <c r="G44457" s="16"/>
      <c r="H44457" s="16"/>
      <c r="I44457" s="16"/>
      <c r="J44457" s="16"/>
    </row>
    <row r="44458" spans="7:10">
      <c r="G44458" s="16"/>
      <c r="H44458" s="16"/>
      <c r="I44458" s="16"/>
      <c r="J44458" s="16"/>
    </row>
    <row r="44459" spans="7:10">
      <c r="G44459" s="16"/>
      <c r="H44459" s="16"/>
      <c r="I44459" s="16"/>
      <c r="J44459" s="16"/>
    </row>
    <row r="44460" spans="7:10">
      <c r="G44460" s="16"/>
      <c r="H44460" s="16"/>
      <c r="I44460" s="16"/>
      <c r="J44460" s="16"/>
    </row>
    <row r="44461" spans="7:10">
      <c r="G44461" s="16"/>
      <c r="H44461" s="16"/>
      <c r="I44461" s="16"/>
      <c r="J44461" s="16"/>
    </row>
    <row r="44462" spans="7:10">
      <c r="G44462" s="16"/>
      <c r="H44462" s="16"/>
      <c r="I44462" s="16"/>
      <c r="J44462" s="16"/>
    </row>
    <row r="44463" spans="7:10">
      <c r="G44463" s="16"/>
      <c r="H44463" s="16"/>
      <c r="I44463" s="16"/>
      <c r="J44463" s="16"/>
    </row>
    <row r="44464" spans="7:10">
      <c r="G44464" s="16"/>
      <c r="H44464" s="16"/>
      <c r="I44464" s="16"/>
      <c r="J44464" s="16"/>
    </row>
    <row r="44465" spans="7:10">
      <c r="G44465" s="16"/>
      <c r="H44465" s="16"/>
      <c r="I44465" s="16"/>
      <c r="J44465" s="16"/>
    </row>
    <row r="44466" spans="7:10">
      <c r="G44466" s="16"/>
      <c r="H44466" s="16"/>
      <c r="I44466" s="16"/>
      <c r="J44466" s="16"/>
    </row>
    <row r="44467" spans="7:10">
      <c r="G44467" s="16"/>
      <c r="H44467" s="16"/>
      <c r="I44467" s="16"/>
      <c r="J44467" s="16"/>
    </row>
    <row r="44468" spans="7:10">
      <c r="G44468" s="16"/>
      <c r="H44468" s="16"/>
      <c r="I44468" s="16"/>
      <c r="J44468" s="16"/>
    </row>
    <row r="44469" spans="7:10">
      <c r="G44469" s="16"/>
      <c r="H44469" s="16"/>
      <c r="I44469" s="16"/>
      <c r="J44469" s="16"/>
    </row>
    <row r="44470" spans="7:10">
      <c r="G44470" s="16"/>
      <c r="H44470" s="16"/>
      <c r="I44470" s="16"/>
      <c r="J44470" s="16"/>
    </row>
    <row r="44471" spans="7:10">
      <c r="G44471" s="16"/>
      <c r="H44471" s="16"/>
      <c r="I44471" s="16"/>
      <c r="J44471" s="16"/>
    </row>
    <row r="44472" spans="7:10">
      <c r="G44472" s="16"/>
      <c r="H44472" s="16"/>
      <c r="I44472" s="16"/>
      <c r="J44472" s="16"/>
    </row>
    <row r="44473" spans="7:10">
      <c r="G44473" s="16"/>
      <c r="H44473" s="16"/>
      <c r="I44473" s="16"/>
      <c r="J44473" s="16"/>
    </row>
    <row r="44474" spans="7:10">
      <c r="G44474" s="16"/>
      <c r="H44474" s="16"/>
      <c r="I44474" s="16"/>
      <c r="J44474" s="16"/>
    </row>
    <row r="44475" spans="7:10">
      <c r="G44475" s="16"/>
      <c r="H44475" s="16"/>
      <c r="I44475" s="16"/>
      <c r="J44475" s="16"/>
    </row>
    <row r="44476" spans="7:10">
      <c r="G44476" s="16"/>
      <c r="H44476" s="16"/>
      <c r="I44476" s="16"/>
      <c r="J44476" s="16"/>
    </row>
    <row r="44477" spans="7:10">
      <c r="G44477" s="16"/>
      <c r="H44477" s="16"/>
      <c r="I44477" s="16"/>
      <c r="J44477" s="16"/>
    </row>
    <row r="44478" spans="7:10">
      <c r="G44478" s="16"/>
      <c r="H44478" s="16"/>
      <c r="I44478" s="16"/>
      <c r="J44478" s="16"/>
    </row>
    <row r="44479" spans="7:10">
      <c r="G44479" s="16"/>
      <c r="H44479" s="16"/>
      <c r="I44479" s="16"/>
      <c r="J44479" s="16"/>
    </row>
    <row r="44480" spans="7:10">
      <c r="G44480" s="16"/>
      <c r="H44480" s="16"/>
      <c r="I44480" s="16"/>
      <c r="J44480" s="16"/>
    </row>
    <row r="44481" spans="7:10">
      <c r="G44481" s="16"/>
      <c r="H44481" s="16"/>
      <c r="I44481" s="16"/>
      <c r="J44481" s="16"/>
    </row>
    <row r="44482" spans="7:10">
      <c r="G44482" s="16"/>
      <c r="H44482" s="16"/>
      <c r="I44482" s="16"/>
      <c r="J44482" s="16"/>
    </row>
    <row r="44483" spans="7:10">
      <c r="G44483" s="16"/>
      <c r="H44483" s="16"/>
      <c r="I44483" s="16"/>
      <c r="J44483" s="16"/>
    </row>
    <row r="44484" spans="7:10">
      <c r="G44484" s="16"/>
      <c r="H44484" s="16"/>
      <c r="I44484" s="16"/>
      <c r="J44484" s="16"/>
    </row>
    <row r="44485" spans="7:10">
      <c r="G44485" s="16"/>
      <c r="H44485" s="16"/>
      <c r="I44485" s="16"/>
      <c r="J44485" s="16"/>
    </row>
    <row r="44486" spans="7:10">
      <c r="G44486" s="16"/>
      <c r="H44486" s="16"/>
      <c r="I44486" s="16"/>
      <c r="J44486" s="16"/>
    </row>
    <row r="44487" spans="7:10">
      <c r="G44487" s="16"/>
      <c r="H44487" s="16"/>
      <c r="I44487" s="16"/>
      <c r="J44487" s="16"/>
    </row>
    <row r="44488" spans="7:10">
      <c r="G44488" s="16"/>
      <c r="H44488" s="16"/>
      <c r="I44488" s="16"/>
      <c r="J44488" s="16"/>
    </row>
    <row r="44489" spans="7:10">
      <c r="G44489" s="16"/>
      <c r="H44489" s="16"/>
      <c r="I44489" s="16"/>
      <c r="J44489" s="16"/>
    </row>
    <row r="44490" spans="7:10">
      <c r="G44490" s="16"/>
      <c r="H44490" s="16"/>
      <c r="I44490" s="16"/>
      <c r="J44490" s="16"/>
    </row>
    <row r="44491" spans="7:10">
      <c r="G44491" s="16"/>
      <c r="H44491" s="16"/>
      <c r="I44491" s="16"/>
      <c r="J44491" s="16"/>
    </row>
    <row r="44492" spans="7:10">
      <c r="G44492" s="16"/>
      <c r="H44492" s="16"/>
      <c r="I44492" s="16"/>
      <c r="J44492" s="16"/>
    </row>
    <row r="44493" spans="7:10">
      <c r="G44493" s="16"/>
      <c r="H44493" s="16"/>
      <c r="I44493" s="16"/>
      <c r="J44493" s="16"/>
    </row>
    <row r="44494" spans="7:10">
      <c r="G44494" s="16"/>
      <c r="H44494" s="16"/>
      <c r="I44494" s="16"/>
      <c r="J44494" s="16"/>
    </row>
    <row r="44495" spans="7:10">
      <c r="G44495" s="16"/>
      <c r="H44495" s="16"/>
      <c r="I44495" s="16"/>
      <c r="J44495" s="16"/>
    </row>
    <row r="44496" spans="7:10">
      <c r="G44496" s="16"/>
      <c r="H44496" s="16"/>
      <c r="I44496" s="16"/>
      <c r="J44496" s="16"/>
    </row>
    <row r="44497" spans="7:10">
      <c r="G44497" s="16"/>
      <c r="H44497" s="16"/>
      <c r="I44497" s="16"/>
      <c r="J44497" s="16"/>
    </row>
    <row r="44498" spans="7:10">
      <c r="G44498" s="16"/>
      <c r="H44498" s="16"/>
      <c r="I44498" s="16"/>
      <c r="J44498" s="16"/>
    </row>
    <row r="44499" spans="7:10">
      <c r="G44499" s="16"/>
      <c r="H44499" s="16"/>
      <c r="I44499" s="16"/>
      <c r="J44499" s="16"/>
    </row>
    <row r="44500" spans="7:10">
      <c r="G44500" s="16"/>
      <c r="H44500" s="16"/>
      <c r="I44500" s="16"/>
      <c r="J44500" s="16"/>
    </row>
    <row r="44501" spans="7:10">
      <c r="G44501" s="16"/>
      <c r="H44501" s="16"/>
      <c r="I44501" s="16"/>
      <c r="J44501" s="16"/>
    </row>
    <row r="44502" spans="7:10">
      <c r="G44502" s="16"/>
      <c r="H44502" s="16"/>
      <c r="I44502" s="16"/>
      <c r="J44502" s="16"/>
    </row>
    <row r="44503" spans="7:10">
      <c r="G44503" s="16"/>
      <c r="H44503" s="16"/>
      <c r="I44503" s="16"/>
      <c r="J44503" s="16"/>
    </row>
    <row r="44504" spans="7:10">
      <c r="G44504" s="16"/>
      <c r="H44504" s="16"/>
      <c r="I44504" s="16"/>
      <c r="J44504" s="16"/>
    </row>
    <row r="44505" spans="7:10">
      <c r="G44505" s="16"/>
      <c r="H44505" s="16"/>
      <c r="I44505" s="16"/>
      <c r="J44505" s="16"/>
    </row>
    <row r="44506" spans="7:10">
      <c r="G44506" s="16"/>
      <c r="H44506" s="16"/>
      <c r="I44506" s="16"/>
      <c r="J44506" s="16"/>
    </row>
    <row r="44507" spans="7:10">
      <c r="G44507" s="16"/>
      <c r="H44507" s="16"/>
      <c r="I44507" s="16"/>
      <c r="J44507" s="16"/>
    </row>
    <row r="44508" spans="7:10">
      <c r="G44508" s="16"/>
      <c r="H44508" s="16"/>
      <c r="I44508" s="16"/>
      <c r="J44508" s="16"/>
    </row>
    <row r="44509" spans="7:10">
      <c r="G44509" s="16"/>
      <c r="H44509" s="16"/>
      <c r="I44509" s="16"/>
      <c r="J44509" s="16"/>
    </row>
    <row r="44510" spans="7:10">
      <c r="G44510" s="16"/>
      <c r="H44510" s="16"/>
      <c r="I44510" s="16"/>
      <c r="J44510" s="16"/>
    </row>
    <row r="44511" spans="7:10">
      <c r="G44511" s="16"/>
      <c r="H44511" s="16"/>
      <c r="I44511" s="16"/>
      <c r="J44511" s="16"/>
    </row>
    <row r="44512" spans="7:10">
      <c r="G44512" s="16"/>
      <c r="H44512" s="16"/>
      <c r="I44512" s="16"/>
      <c r="J44512" s="16"/>
    </row>
    <row r="44513" spans="7:10">
      <c r="G44513" s="16"/>
      <c r="H44513" s="16"/>
      <c r="I44513" s="16"/>
      <c r="J44513" s="16"/>
    </row>
    <row r="44514" spans="7:10">
      <c r="G44514" s="16"/>
      <c r="H44514" s="16"/>
      <c r="I44514" s="16"/>
      <c r="J44514" s="16"/>
    </row>
    <row r="44515" spans="7:10">
      <c r="G44515" s="16"/>
      <c r="H44515" s="16"/>
      <c r="I44515" s="16"/>
      <c r="J44515" s="16"/>
    </row>
    <row r="44516" spans="7:10">
      <c r="G44516" s="16"/>
      <c r="H44516" s="16"/>
      <c r="I44516" s="16"/>
      <c r="J44516" s="16"/>
    </row>
    <row r="44517" spans="7:10">
      <c r="G44517" s="16"/>
      <c r="H44517" s="16"/>
      <c r="I44517" s="16"/>
      <c r="J44517" s="16"/>
    </row>
    <row r="44518" spans="7:10">
      <c r="G44518" s="16"/>
      <c r="H44518" s="16"/>
      <c r="I44518" s="16"/>
      <c r="J44518" s="16"/>
    </row>
    <row r="44519" spans="7:10">
      <c r="G44519" s="16"/>
      <c r="H44519" s="16"/>
      <c r="I44519" s="16"/>
      <c r="J44519" s="16"/>
    </row>
    <row r="44520" spans="7:10">
      <c r="G44520" s="16"/>
      <c r="H44520" s="16"/>
      <c r="I44520" s="16"/>
      <c r="J44520" s="16"/>
    </row>
    <row r="44521" spans="7:10">
      <c r="G44521" s="16"/>
      <c r="H44521" s="16"/>
      <c r="I44521" s="16"/>
      <c r="J44521" s="16"/>
    </row>
    <row r="44522" spans="7:10">
      <c r="G44522" s="16"/>
      <c r="H44522" s="16"/>
      <c r="I44522" s="16"/>
      <c r="J44522" s="16"/>
    </row>
    <row r="44523" spans="7:10">
      <c r="G44523" s="16"/>
      <c r="H44523" s="16"/>
      <c r="I44523" s="16"/>
      <c r="J44523" s="16"/>
    </row>
    <row r="44524" spans="7:10">
      <c r="G44524" s="16"/>
      <c r="H44524" s="16"/>
      <c r="I44524" s="16"/>
      <c r="J44524" s="16"/>
    </row>
    <row r="44525" spans="7:10">
      <c r="G44525" s="16"/>
      <c r="H44525" s="16"/>
      <c r="I44525" s="16"/>
      <c r="J44525" s="16"/>
    </row>
    <row r="44526" spans="7:10">
      <c r="G44526" s="16"/>
      <c r="H44526" s="16"/>
      <c r="I44526" s="16"/>
      <c r="J44526" s="16"/>
    </row>
    <row r="44527" spans="7:10">
      <c r="G44527" s="16"/>
      <c r="H44527" s="16"/>
      <c r="I44527" s="16"/>
      <c r="J44527" s="16"/>
    </row>
    <row r="44528" spans="7:10">
      <c r="G44528" s="16"/>
      <c r="H44528" s="16"/>
      <c r="I44528" s="16"/>
      <c r="J44528" s="16"/>
    </row>
    <row r="44529" spans="7:10">
      <c r="G44529" s="16"/>
      <c r="H44529" s="16"/>
      <c r="I44529" s="16"/>
      <c r="J44529" s="16"/>
    </row>
    <row r="44530" spans="7:10">
      <c r="G44530" s="16"/>
      <c r="H44530" s="16"/>
      <c r="I44530" s="16"/>
      <c r="J44530" s="16"/>
    </row>
    <row r="44531" spans="7:10">
      <c r="G44531" s="16"/>
      <c r="H44531" s="16"/>
      <c r="I44531" s="16"/>
      <c r="J44531" s="16"/>
    </row>
    <row r="44532" spans="7:10">
      <c r="G44532" s="16"/>
      <c r="H44532" s="16"/>
      <c r="I44532" s="16"/>
      <c r="J44532" s="16"/>
    </row>
    <row r="44533" spans="7:10">
      <c r="G44533" s="16"/>
      <c r="H44533" s="16"/>
      <c r="I44533" s="16"/>
      <c r="J44533" s="16"/>
    </row>
    <row r="44534" spans="7:10">
      <c r="G44534" s="16"/>
      <c r="H44534" s="16"/>
      <c r="I44534" s="16"/>
      <c r="J44534" s="16"/>
    </row>
    <row r="44535" spans="7:10">
      <c r="G44535" s="16"/>
      <c r="H44535" s="16"/>
      <c r="I44535" s="16"/>
      <c r="J44535" s="16"/>
    </row>
    <row r="44536" spans="7:10">
      <c r="G44536" s="16"/>
      <c r="H44536" s="16"/>
      <c r="I44536" s="16"/>
      <c r="J44536" s="16"/>
    </row>
    <row r="44537" spans="7:10">
      <c r="G44537" s="16"/>
      <c r="H44537" s="16"/>
      <c r="I44537" s="16"/>
      <c r="J44537" s="16"/>
    </row>
    <row r="44538" spans="7:10">
      <c r="G44538" s="16"/>
      <c r="H44538" s="16"/>
      <c r="I44538" s="16"/>
      <c r="J44538" s="16"/>
    </row>
    <row r="44539" spans="7:10">
      <c r="G44539" s="16"/>
      <c r="H44539" s="16"/>
      <c r="I44539" s="16"/>
      <c r="J44539" s="16"/>
    </row>
    <row r="44540" spans="7:10">
      <c r="G44540" s="16"/>
      <c r="H44540" s="16"/>
      <c r="I44540" s="16"/>
      <c r="J44540" s="16"/>
    </row>
    <row r="44541" spans="7:10">
      <c r="G44541" s="16"/>
      <c r="H44541" s="16"/>
      <c r="I44541" s="16"/>
      <c r="J44541" s="16"/>
    </row>
    <row r="44542" spans="7:10">
      <c r="G44542" s="16"/>
      <c r="H44542" s="16"/>
      <c r="I44542" s="16"/>
      <c r="J44542" s="16"/>
    </row>
    <row r="44543" spans="7:10">
      <c r="G44543" s="16"/>
      <c r="H44543" s="16"/>
      <c r="I44543" s="16"/>
      <c r="J44543" s="16"/>
    </row>
    <row r="44544" spans="7:10">
      <c r="G44544" s="16"/>
      <c r="H44544" s="16"/>
      <c r="I44544" s="16"/>
      <c r="J44544" s="16"/>
    </row>
    <row r="44545" spans="7:10">
      <c r="G44545" s="16"/>
      <c r="H44545" s="16"/>
      <c r="I44545" s="16"/>
      <c r="J44545" s="16"/>
    </row>
    <row r="44546" spans="7:10">
      <c r="G44546" s="16"/>
      <c r="H44546" s="16"/>
      <c r="I44546" s="16"/>
      <c r="J44546" s="16"/>
    </row>
    <row r="44547" spans="7:10">
      <c r="G44547" s="16"/>
      <c r="H44547" s="16"/>
      <c r="I44547" s="16"/>
      <c r="J44547" s="16"/>
    </row>
    <row r="44548" spans="7:10">
      <c r="G44548" s="16"/>
      <c r="H44548" s="16"/>
      <c r="I44548" s="16"/>
      <c r="J44548" s="16"/>
    </row>
    <row r="44549" spans="7:10">
      <c r="G44549" s="16"/>
      <c r="H44549" s="16"/>
      <c r="I44549" s="16"/>
      <c r="J44549" s="16"/>
    </row>
    <row r="44550" spans="7:10">
      <c r="G44550" s="16"/>
      <c r="H44550" s="16"/>
      <c r="I44550" s="16"/>
      <c r="J44550" s="16"/>
    </row>
    <row r="44551" spans="7:10">
      <c r="G44551" s="16"/>
      <c r="H44551" s="16"/>
      <c r="I44551" s="16"/>
      <c r="J44551" s="16"/>
    </row>
    <row r="44552" spans="7:10">
      <c r="G44552" s="16"/>
      <c r="H44552" s="16"/>
      <c r="I44552" s="16"/>
      <c r="J44552" s="16"/>
    </row>
    <row r="44553" spans="7:10">
      <c r="G44553" s="16"/>
      <c r="H44553" s="16"/>
      <c r="I44553" s="16"/>
      <c r="J44553" s="16"/>
    </row>
    <row r="44554" spans="7:10">
      <c r="G44554" s="16"/>
      <c r="H44554" s="16"/>
      <c r="I44554" s="16"/>
      <c r="J44554" s="16"/>
    </row>
    <row r="44555" spans="7:10">
      <c r="G44555" s="16"/>
      <c r="H44555" s="16"/>
      <c r="I44555" s="16"/>
      <c r="J44555" s="16"/>
    </row>
    <row r="44556" spans="7:10">
      <c r="G44556" s="16"/>
      <c r="H44556" s="16"/>
      <c r="I44556" s="16"/>
      <c r="J44556" s="16"/>
    </row>
    <row r="44557" spans="7:10">
      <c r="G44557" s="16"/>
      <c r="H44557" s="16"/>
      <c r="I44557" s="16"/>
      <c r="J44557" s="16"/>
    </row>
    <row r="44558" spans="7:10">
      <c r="G44558" s="16"/>
      <c r="H44558" s="16"/>
      <c r="I44558" s="16"/>
      <c r="J44558" s="16"/>
    </row>
    <row r="44559" spans="7:10">
      <c r="G44559" s="16"/>
      <c r="H44559" s="16"/>
      <c r="I44559" s="16"/>
      <c r="J44559" s="16"/>
    </row>
    <row r="44560" spans="7:10">
      <c r="G44560" s="16"/>
      <c r="H44560" s="16"/>
      <c r="I44560" s="16"/>
      <c r="J44560" s="16"/>
    </row>
    <row r="44561" spans="7:10">
      <c r="G44561" s="16"/>
      <c r="H44561" s="16"/>
      <c r="I44561" s="16"/>
      <c r="J44561" s="16"/>
    </row>
    <row r="44562" spans="7:10">
      <c r="G44562" s="16"/>
      <c r="H44562" s="16"/>
      <c r="I44562" s="16"/>
      <c r="J44562" s="16"/>
    </row>
    <row r="44563" spans="7:10">
      <c r="G44563" s="16"/>
      <c r="H44563" s="16"/>
      <c r="I44563" s="16"/>
      <c r="J44563" s="16"/>
    </row>
    <row r="44564" spans="7:10">
      <c r="G44564" s="16"/>
      <c r="H44564" s="16"/>
      <c r="I44564" s="16"/>
      <c r="J44564" s="16"/>
    </row>
    <row r="44565" spans="7:10">
      <c r="G44565" s="16"/>
      <c r="H44565" s="16"/>
      <c r="I44565" s="16"/>
      <c r="J44565" s="16"/>
    </row>
    <row r="44566" spans="7:10">
      <c r="G44566" s="16"/>
      <c r="H44566" s="16"/>
      <c r="I44566" s="16"/>
      <c r="J44566" s="16"/>
    </row>
    <row r="44567" spans="7:10">
      <c r="G44567" s="16"/>
      <c r="H44567" s="16"/>
      <c r="I44567" s="16"/>
      <c r="J44567" s="16"/>
    </row>
    <row r="44568" spans="7:10">
      <c r="G44568" s="16"/>
      <c r="H44568" s="16"/>
      <c r="I44568" s="16"/>
      <c r="J44568" s="16"/>
    </row>
    <row r="44569" spans="7:10">
      <c r="G44569" s="16"/>
      <c r="H44569" s="16"/>
      <c r="I44569" s="16"/>
      <c r="J44569" s="16"/>
    </row>
    <row r="44570" spans="7:10">
      <c r="G44570" s="16"/>
      <c r="H44570" s="16"/>
      <c r="I44570" s="16"/>
      <c r="J44570" s="16"/>
    </row>
    <row r="44571" spans="7:10">
      <c r="G44571" s="16"/>
      <c r="H44571" s="16"/>
      <c r="I44571" s="16"/>
      <c r="J44571" s="16"/>
    </row>
    <row r="44572" spans="7:10">
      <c r="G44572" s="16"/>
      <c r="H44572" s="16"/>
      <c r="I44572" s="16"/>
      <c r="J44572" s="16"/>
    </row>
    <row r="44573" spans="7:10">
      <c r="G44573" s="16"/>
      <c r="H44573" s="16"/>
      <c r="I44573" s="16"/>
      <c r="J44573" s="16"/>
    </row>
    <row r="44574" spans="7:10">
      <c r="G44574" s="16"/>
      <c r="H44574" s="16"/>
      <c r="I44574" s="16"/>
      <c r="J44574" s="16"/>
    </row>
    <row r="44575" spans="7:10">
      <c r="G44575" s="16"/>
      <c r="H44575" s="16"/>
      <c r="I44575" s="16"/>
      <c r="J44575" s="16"/>
    </row>
    <row r="44576" spans="7:10">
      <c r="G44576" s="16"/>
      <c r="H44576" s="16"/>
      <c r="I44576" s="16"/>
      <c r="J44576" s="16"/>
    </row>
    <row r="44577" spans="7:10">
      <c r="G44577" s="16"/>
      <c r="H44577" s="16"/>
      <c r="I44577" s="16"/>
      <c r="J44577" s="16"/>
    </row>
    <row r="44578" spans="7:10">
      <c r="G44578" s="16"/>
      <c r="H44578" s="16"/>
      <c r="I44578" s="16"/>
      <c r="J44578" s="16"/>
    </row>
    <row r="44579" spans="7:10">
      <c r="G44579" s="16"/>
      <c r="H44579" s="16"/>
      <c r="I44579" s="16"/>
      <c r="J44579" s="16"/>
    </row>
    <row r="44580" spans="7:10">
      <c r="G44580" s="16"/>
      <c r="H44580" s="16"/>
      <c r="I44580" s="16"/>
      <c r="J44580" s="16"/>
    </row>
    <row r="44581" spans="7:10">
      <c r="G44581" s="16"/>
      <c r="H44581" s="16"/>
      <c r="I44581" s="16"/>
      <c r="J44581" s="16"/>
    </row>
    <row r="44582" spans="7:10">
      <c r="G44582" s="16"/>
      <c r="H44582" s="16"/>
      <c r="I44582" s="16"/>
      <c r="J44582" s="16"/>
    </row>
    <row r="44583" spans="7:10">
      <c r="G44583" s="16"/>
      <c r="H44583" s="16"/>
      <c r="I44583" s="16"/>
      <c r="J44583" s="16"/>
    </row>
    <row r="44584" spans="7:10">
      <c r="G44584" s="16"/>
      <c r="H44584" s="16"/>
      <c r="I44584" s="16"/>
      <c r="J44584" s="16"/>
    </row>
    <row r="44585" spans="7:10">
      <c r="G44585" s="16"/>
      <c r="H44585" s="16"/>
      <c r="I44585" s="16"/>
      <c r="J44585" s="16"/>
    </row>
    <row r="44586" spans="7:10">
      <c r="G44586" s="16"/>
      <c r="H44586" s="16"/>
      <c r="I44586" s="16"/>
      <c r="J44586" s="16"/>
    </row>
    <row r="44587" spans="7:10">
      <c r="G44587" s="16"/>
      <c r="H44587" s="16"/>
      <c r="I44587" s="16"/>
      <c r="J44587" s="16"/>
    </row>
    <row r="44588" spans="7:10">
      <c r="G44588" s="16"/>
      <c r="H44588" s="16"/>
      <c r="I44588" s="16"/>
      <c r="J44588" s="16"/>
    </row>
    <row r="44589" spans="7:10">
      <c r="G44589" s="16"/>
      <c r="H44589" s="16"/>
      <c r="I44589" s="16"/>
      <c r="J44589" s="16"/>
    </row>
    <row r="44590" spans="7:10">
      <c r="G44590" s="16"/>
      <c r="H44590" s="16"/>
      <c r="I44590" s="16"/>
      <c r="J44590" s="16"/>
    </row>
    <row r="44591" spans="7:10">
      <c r="G44591" s="16"/>
      <c r="H44591" s="16"/>
      <c r="I44591" s="16"/>
      <c r="J44591" s="16"/>
    </row>
    <row r="44592" spans="7:10">
      <c r="G44592" s="16"/>
      <c r="H44592" s="16"/>
      <c r="I44592" s="16"/>
      <c r="J44592" s="16"/>
    </row>
    <row r="44593" spans="7:10">
      <c r="G44593" s="16"/>
      <c r="H44593" s="16"/>
      <c r="I44593" s="16"/>
      <c r="J44593" s="16"/>
    </row>
    <row r="44594" spans="7:10">
      <c r="G44594" s="16"/>
      <c r="H44594" s="16"/>
      <c r="I44594" s="16"/>
      <c r="J44594" s="16"/>
    </row>
    <row r="44595" spans="7:10">
      <c r="G44595" s="16"/>
      <c r="H44595" s="16"/>
      <c r="I44595" s="16"/>
      <c r="J44595" s="16"/>
    </row>
    <row r="44596" spans="7:10">
      <c r="G44596" s="16"/>
      <c r="H44596" s="16"/>
      <c r="I44596" s="16"/>
      <c r="J44596" s="16"/>
    </row>
    <row r="44597" spans="7:10">
      <c r="G44597" s="16"/>
      <c r="H44597" s="16"/>
      <c r="I44597" s="16"/>
      <c r="J44597" s="16"/>
    </row>
    <row r="44598" spans="7:10">
      <c r="G44598" s="16"/>
      <c r="H44598" s="16"/>
      <c r="I44598" s="16"/>
      <c r="J44598" s="16"/>
    </row>
    <row r="44599" spans="7:10">
      <c r="G44599" s="16"/>
      <c r="H44599" s="16"/>
      <c r="I44599" s="16"/>
      <c r="J44599" s="16"/>
    </row>
    <row r="44600" spans="7:10">
      <c r="G44600" s="16"/>
      <c r="H44600" s="16"/>
      <c r="I44600" s="16"/>
      <c r="J44600" s="16"/>
    </row>
    <row r="44601" spans="7:10">
      <c r="G44601" s="16"/>
      <c r="H44601" s="16"/>
      <c r="I44601" s="16"/>
      <c r="J44601" s="16"/>
    </row>
    <row r="44602" spans="7:10">
      <c r="G44602" s="16"/>
      <c r="H44602" s="16"/>
      <c r="I44602" s="16"/>
      <c r="J44602" s="16"/>
    </row>
    <row r="44603" spans="7:10">
      <c r="G44603" s="16"/>
      <c r="H44603" s="16"/>
      <c r="I44603" s="16"/>
      <c r="J44603" s="16"/>
    </row>
    <row r="44604" spans="7:10">
      <c r="G44604" s="16"/>
      <c r="H44604" s="16"/>
      <c r="I44604" s="16"/>
      <c r="J44604" s="16"/>
    </row>
    <row r="44605" spans="7:10">
      <c r="G44605" s="16"/>
      <c r="H44605" s="16"/>
      <c r="I44605" s="16"/>
      <c r="J44605" s="16"/>
    </row>
    <row r="44606" spans="7:10">
      <c r="G44606" s="16"/>
      <c r="H44606" s="16"/>
      <c r="I44606" s="16"/>
      <c r="J44606" s="16"/>
    </row>
    <row r="44607" spans="7:10">
      <c r="G44607" s="16"/>
      <c r="H44607" s="16"/>
      <c r="I44607" s="16"/>
      <c r="J44607" s="16"/>
    </row>
    <row r="44608" spans="7:10">
      <c r="G44608" s="16"/>
      <c r="H44608" s="16"/>
      <c r="I44608" s="16"/>
      <c r="J44608" s="16"/>
    </row>
    <row r="44609" spans="7:10">
      <c r="G44609" s="16"/>
      <c r="H44609" s="16"/>
      <c r="I44609" s="16"/>
      <c r="J44609" s="16"/>
    </row>
    <row r="44610" spans="7:10">
      <c r="G44610" s="16"/>
      <c r="H44610" s="16"/>
      <c r="I44610" s="16"/>
      <c r="J44610" s="16"/>
    </row>
    <row r="44611" spans="7:10">
      <c r="G44611" s="16"/>
      <c r="H44611" s="16"/>
      <c r="I44611" s="16"/>
      <c r="J44611" s="16"/>
    </row>
    <row r="44612" spans="7:10">
      <c r="G44612" s="16"/>
      <c r="H44612" s="16"/>
      <c r="I44612" s="16"/>
      <c r="J44612" s="16"/>
    </row>
    <row r="44613" spans="7:10">
      <c r="G44613" s="16"/>
      <c r="H44613" s="16"/>
      <c r="I44613" s="16"/>
      <c r="J44613" s="16"/>
    </row>
    <row r="44614" spans="7:10">
      <c r="G44614" s="16"/>
      <c r="H44614" s="16"/>
      <c r="I44614" s="16"/>
      <c r="J44614" s="16"/>
    </row>
    <row r="44615" spans="7:10">
      <c r="G44615" s="16"/>
      <c r="H44615" s="16"/>
      <c r="I44615" s="16"/>
      <c r="J44615" s="16"/>
    </row>
    <row r="44616" spans="7:10">
      <c r="G44616" s="16"/>
      <c r="H44616" s="16"/>
      <c r="I44616" s="16"/>
      <c r="J44616" s="16"/>
    </row>
    <row r="44617" spans="7:10">
      <c r="G44617" s="16"/>
      <c r="H44617" s="16"/>
      <c r="I44617" s="16"/>
      <c r="J44617" s="16"/>
    </row>
    <row r="44618" spans="7:10">
      <c r="G44618" s="16"/>
      <c r="H44618" s="16"/>
      <c r="I44618" s="16"/>
      <c r="J44618" s="16"/>
    </row>
    <row r="44619" spans="7:10">
      <c r="G44619" s="16"/>
      <c r="H44619" s="16"/>
      <c r="I44619" s="16"/>
      <c r="J44619" s="16"/>
    </row>
    <row r="44620" spans="7:10">
      <c r="G44620" s="16"/>
      <c r="H44620" s="16"/>
      <c r="I44620" s="16"/>
      <c r="J44620" s="16"/>
    </row>
    <row r="44621" spans="7:10">
      <c r="G44621" s="16"/>
      <c r="H44621" s="16"/>
      <c r="I44621" s="16"/>
      <c r="J44621" s="16"/>
    </row>
    <row r="44622" spans="7:10">
      <c r="G44622" s="16"/>
      <c r="H44622" s="16"/>
      <c r="I44622" s="16"/>
      <c r="J44622" s="16"/>
    </row>
    <row r="44623" spans="7:10">
      <c r="G44623" s="16"/>
      <c r="H44623" s="16"/>
      <c r="I44623" s="16"/>
      <c r="J44623" s="16"/>
    </row>
    <row r="44624" spans="7:10">
      <c r="G44624" s="16"/>
      <c r="H44624" s="16"/>
      <c r="I44624" s="16"/>
      <c r="J44624" s="16"/>
    </row>
    <row r="44625" spans="7:10">
      <c r="G44625" s="16"/>
      <c r="H44625" s="16"/>
      <c r="I44625" s="16"/>
      <c r="J44625" s="16"/>
    </row>
    <row r="44626" spans="7:10">
      <c r="G44626" s="16"/>
      <c r="H44626" s="16"/>
      <c r="I44626" s="16"/>
      <c r="J44626" s="16"/>
    </row>
    <row r="44627" spans="7:10">
      <c r="G44627" s="16"/>
      <c r="H44627" s="16"/>
      <c r="I44627" s="16"/>
      <c r="J44627" s="16"/>
    </row>
    <row r="44628" spans="7:10">
      <c r="G44628" s="16"/>
      <c r="H44628" s="16"/>
      <c r="I44628" s="16"/>
      <c r="J44628" s="16"/>
    </row>
    <row r="44629" spans="7:10">
      <c r="G44629" s="16"/>
      <c r="H44629" s="16"/>
      <c r="I44629" s="16"/>
      <c r="J44629" s="16"/>
    </row>
    <row r="44630" spans="7:10">
      <c r="G44630" s="16"/>
      <c r="H44630" s="16"/>
      <c r="I44630" s="16"/>
      <c r="J44630" s="16"/>
    </row>
    <row r="44631" spans="7:10">
      <c r="G44631" s="16"/>
      <c r="H44631" s="16"/>
      <c r="I44631" s="16"/>
      <c r="J44631" s="16"/>
    </row>
    <row r="44632" spans="7:10">
      <c r="G44632" s="16"/>
      <c r="H44632" s="16"/>
      <c r="I44632" s="16"/>
      <c r="J44632" s="16"/>
    </row>
    <row r="44633" spans="7:10">
      <c r="G44633" s="16"/>
      <c r="H44633" s="16"/>
      <c r="I44633" s="16"/>
      <c r="J44633" s="16"/>
    </row>
    <row r="44634" spans="7:10">
      <c r="G44634" s="16"/>
      <c r="H44634" s="16"/>
      <c r="I44634" s="16"/>
      <c r="J44634" s="16"/>
    </row>
    <row r="44635" spans="7:10">
      <c r="G44635" s="16"/>
      <c r="H44635" s="16"/>
      <c r="I44635" s="16"/>
      <c r="J44635" s="16"/>
    </row>
    <row r="44636" spans="7:10">
      <c r="G44636" s="16"/>
      <c r="H44636" s="16"/>
      <c r="I44636" s="16"/>
      <c r="J44636" s="16"/>
    </row>
    <row r="44637" spans="7:10">
      <c r="G44637" s="16"/>
      <c r="H44637" s="16"/>
      <c r="I44637" s="16"/>
      <c r="J44637" s="16"/>
    </row>
    <row r="44638" spans="7:10">
      <c r="G44638" s="16"/>
      <c r="H44638" s="16"/>
      <c r="I44638" s="16"/>
      <c r="J44638" s="16"/>
    </row>
    <row r="44639" spans="7:10">
      <c r="G44639" s="16"/>
      <c r="H44639" s="16"/>
      <c r="I44639" s="16"/>
      <c r="J44639" s="16"/>
    </row>
    <row r="44640" spans="7:10">
      <c r="G44640" s="16"/>
      <c r="H44640" s="16"/>
      <c r="I44640" s="16"/>
      <c r="J44640" s="16"/>
    </row>
    <row r="44641" spans="7:10">
      <c r="G44641" s="16"/>
      <c r="H44641" s="16"/>
      <c r="I44641" s="16"/>
      <c r="J44641" s="16"/>
    </row>
    <row r="44642" spans="7:10">
      <c r="G44642" s="16"/>
      <c r="H44642" s="16"/>
      <c r="I44642" s="16"/>
      <c r="J44642" s="16"/>
    </row>
    <row r="44643" spans="7:10">
      <c r="G44643" s="16"/>
      <c r="H44643" s="16"/>
      <c r="I44643" s="16"/>
      <c r="J44643" s="16"/>
    </row>
    <row r="44644" spans="7:10">
      <c r="G44644" s="16"/>
      <c r="H44644" s="16"/>
      <c r="I44644" s="16"/>
      <c r="J44644" s="16"/>
    </row>
    <row r="44645" spans="7:10">
      <c r="G44645" s="16"/>
      <c r="H44645" s="16"/>
      <c r="I44645" s="16"/>
      <c r="J44645" s="16"/>
    </row>
    <row r="44646" spans="7:10">
      <c r="G44646" s="16"/>
      <c r="H44646" s="16"/>
      <c r="I44646" s="16"/>
      <c r="J44646" s="16"/>
    </row>
    <row r="44647" spans="7:10">
      <c r="G44647" s="16"/>
      <c r="H44647" s="16"/>
      <c r="I44647" s="16"/>
      <c r="J44647" s="16"/>
    </row>
    <row r="44648" spans="7:10">
      <c r="G44648" s="16"/>
      <c r="H44648" s="16"/>
      <c r="I44648" s="16"/>
      <c r="J44648" s="16"/>
    </row>
    <row r="44649" spans="7:10">
      <c r="G44649" s="16"/>
      <c r="H44649" s="16"/>
      <c r="I44649" s="16"/>
      <c r="J44649" s="16"/>
    </row>
    <row r="44650" spans="7:10">
      <c r="G44650" s="16"/>
      <c r="H44650" s="16"/>
      <c r="I44650" s="16"/>
      <c r="J44650" s="16"/>
    </row>
    <row r="44651" spans="7:10">
      <c r="G44651" s="16"/>
      <c r="H44651" s="16"/>
      <c r="I44651" s="16"/>
      <c r="J44651" s="16"/>
    </row>
    <row r="44652" spans="7:10">
      <c r="G44652" s="16"/>
      <c r="H44652" s="16"/>
      <c r="I44652" s="16"/>
      <c r="J44652" s="16"/>
    </row>
    <row r="44653" spans="7:10">
      <c r="G44653" s="16"/>
      <c r="H44653" s="16"/>
      <c r="I44653" s="16"/>
      <c r="J44653" s="16"/>
    </row>
    <row r="44654" spans="7:10">
      <c r="G44654" s="16"/>
      <c r="H44654" s="16"/>
      <c r="I44654" s="16"/>
      <c r="J44654" s="16"/>
    </row>
    <row r="44655" spans="7:10">
      <c r="G44655" s="16"/>
      <c r="H44655" s="16"/>
      <c r="I44655" s="16"/>
      <c r="J44655" s="16"/>
    </row>
    <row r="44656" spans="7:10">
      <c r="G44656" s="16"/>
      <c r="H44656" s="16"/>
      <c r="I44656" s="16"/>
      <c r="J44656" s="16"/>
    </row>
    <row r="44657" spans="7:10">
      <c r="G44657" s="16"/>
      <c r="H44657" s="16"/>
      <c r="I44657" s="16"/>
      <c r="J44657" s="16"/>
    </row>
    <row r="44658" spans="7:10">
      <c r="G44658" s="16"/>
      <c r="H44658" s="16"/>
      <c r="I44658" s="16"/>
      <c r="J44658" s="16"/>
    </row>
    <row r="44659" spans="7:10">
      <c r="G44659" s="16"/>
      <c r="H44659" s="16"/>
      <c r="I44659" s="16"/>
      <c r="J44659" s="16"/>
    </row>
    <row r="44660" spans="7:10">
      <c r="G44660" s="16"/>
      <c r="H44660" s="16"/>
      <c r="I44660" s="16"/>
      <c r="J44660" s="16"/>
    </row>
    <row r="44661" spans="7:10">
      <c r="G44661" s="16"/>
      <c r="H44661" s="16"/>
      <c r="I44661" s="16"/>
      <c r="J44661" s="16"/>
    </row>
    <row r="44662" spans="7:10">
      <c r="G44662" s="16"/>
      <c r="H44662" s="16"/>
      <c r="I44662" s="16"/>
      <c r="J44662" s="16"/>
    </row>
    <row r="44663" spans="7:10">
      <c r="G44663" s="16"/>
      <c r="H44663" s="16"/>
      <c r="I44663" s="16"/>
      <c r="J44663" s="16"/>
    </row>
    <row r="44664" spans="7:10">
      <c r="G44664" s="16"/>
      <c r="H44664" s="16"/>
      <c r="I44664" s="16"/>
      <c r="J44664" s="16"/>
    </row>
    <row r="44665" spans="7:10">
      <c r="G44665" s="16"/>
      <c r="H44665" s="16"/>
      <c r="I44665" s="16"/>
      <c r="J44665" s="16"/>
    </row>
    <row r="44666" spans="7:10">
      <c r="G44666" s="16"/>
      <c r="H44666" s="16"/>
      <c r="I44666" s="16"/>
      <c r="J44666" s="16"/>
    </row>
    <row r="44667" spans="7:10">
      <c r="G44667" s="16"/>
      <c r="H44667" s="16"/>
      <c r="I44667" s="16"/>
      <c r="J44667" s="16"/>
    </row>
    <row r="44668" spans="7:10">
      <c r="G44668" s="16"/>
      <c r="H44668" s="16"/>
      <c r="I44668" s="16"/>
      <c r="J44668" s="16"/>
    </row>
    <row r="44669" spans="7:10">
      <c r="G44669" s="16"/>
      <c r="H44669" s="16"/>
      <c r="I44669" s="16"/>
      <c r="J44669" s="16"/>
    </row>
    <row r="44670" spans="7:10">
      <c r="G44670" s="16"/>
      <c r="H44670" s="16"/>
      <c r="I44670" s="16"/>
      <c r="J44670" s="16"/>
    </row>
    <row r="44671" spans="7:10">
      <c r="G44671" s="16"/>
      <c r="H44671" s="16"/>
      <c r="I44671" s="16"/>
      <c r="J44671" s="16"/>
    </row>
    <row r="44672" spans="7:10">
      <c r="G44672" s="16"/>
      <c r="H44672" s="16"/>
      <c r="I44672" s="16"/>
      <c r="J44672" s="16"/>
    </row>
    <row r="44673" spans="7:10">
      <c r="G44673" s="16"/>
      <c r="H44673" s="16"/>
      <c r="I44673" s="16"/>
      <c r="J44673" s="16"/>
    </row>
    <row r="44674" spans="7:10">
      <c r="G44674" s="16"/>
      <c r="H44674" s="16"/>
      <c r="I44674" s="16"/>
      <c r="J44674" s="16"/>
    </row>
    <row r="44675" spans="7:10">
      <c r="G44675" s="16"/>
      <c r="H44675" s="16"/>
      <c r="I44675" s="16"/>
      <c r="J44675" s="16"/>
    </row>
    <row r="44676" spans="7:10">
      <c r="G44676" s="16"/>
      <c r="H44676" s="16"/>
      <c r="I44676" s="16"/>
      <c r="J44676" s="16"/>
    </row>
    <row r="44677" spans="7:10">
      <c r="G44677" s="16"/>
      <c r="H44677" s="16"/>
      <c r="I44677" s="16"/>
      <c r="J44677" s="16"/>
    </row>
    <row r="44678" spans="7:10">
      <c r="G44678" s="16"/>
      <c r="H44678" s="16"/>
      <c r="I44678" s="16"/>
      <c r="J44678" s="16"/>
    </row>
    <row r="44679" spans="7:10">
      <c r="G44679" s="16"/>
      <c r="H44679" s="16"/>
      <c r="I44679" s="16"/>
      <c r="J44679" s="16"/>
    </row>
    <row r="44680" spans="7:10">
      <c r="G44680" s="16"/>
      <c r="H44680" s="16"/>
      <c r="I44680" s="16"/>
      <c r="J44680" s="16"/>
    </row>
    <row r="44681" spans="7:10">
      <c r="G44681" s="16"/>
      <c r="H44681" s="16"/>
      <c r="I44681" s="16"/>
      <c r="J44681" s="16"/>
    </row>
    <row r="44682" spans="7:10">
      <c r="G44682" s="16"/>
      <c r="H44682" s="16"/>
      <c r="I44682" s="16"/>
      <c r="J44682" s="16"/>
    </row>
    <row r="44683" spans="7:10">
      <c r="G44683" s="16"/>
      <c r="H44683" s="16"/>
      <c r="I44683" s="16"/>
      <c r="J44683" s="16"/>
    </row>
    <row r="44684" spans="7:10">
      <c r="G44684" s="16"/>
      <c r="H44684" s="16"/>
      <c r="I44684" s="16"/>
      <c r="J44684" s="16"/>
    </row>
    <row r="44685" spans="7:10">
      <c r="G44685" s="16"/>
      <c r="H44685" s="16"/>
      <c r="I44685" s="16"/>
      <c r="J44685" s="16"/>
    </row>
    <row r="44686" spans="7:10">
      <c r="G44686" s="16"/>
      <c r="H44686" s="16"/>
      <c r="I44686" s="16"/>
      <c r="J44686" s="16"/>
    </row>
    <row r="44687" spans="7:10">
      <c r="G44687" s="16"/>
      <c r="H44687" s="16"/>
      <c r="I44687" s="16"/>
      <c r="J44687" s="16"/>
    </row>
    <row r="44688" spans="7:10">
      <c r="G44688" s="16"/>
      <c r="H44688" s="16"/>
      <c r="I44688" s="16"/>
      <c r="J44688" s="16"/>
    </row>
    <row r="44689" spans="7:10">
      <c r="G44689" s="16"/>
      <c r="H44689" s="16"/>
      <c r="I44689" s="16"/>
      <c r="J44689" s="16"/>
    </row>
    <row r="44690" spans="7:10">
      <c r="G44690" s="16"/>
      <c r="H44690" s="16"/>
      <c r="I44690" s="16"/>
      <c r="J44690" s="16"/>
    </row>
    <row r="44691" spans="7:10">
      <c r="G44691" s="16"/>
      <c r="H44691" s="16"/>
      <c r="I44691" s="16"/>
      <c r="J44691" s="16"/>
    </row>
    <row r="44692" spans="7:10">
      <c r="G44692" s="16"/>
      <c r="H44692" s="16"/>
      <c r="I44692" s="16"/>
      <c r="J44692" s="16"/>
    </row>
    <row r="44693" spans="7:10">
      <c r="G44693" s="16"/>
      <c r="H44693" s="16"/>
      <c r="I44693" s="16"/>
      <c r="J44693" s="16"/>
    </row>
    <row r="44694" spans="7:10">
      <c r="G44694" s="16"/>
      <c r="H44694" s="16"/>
      <c r="I44694" s="16"/>
      <c r="J44694" s="16"/>
    </row>
    <row r="44695" spans="7:10">
      <c r="G44695" s="16"/>
      <c r="H44695" s="16"/>
      <c r="I44695" s="16"/>
      <c r="J44695" s="16"/>
    </row>
    <row r="44696" spans="7:10">
      <c r="G44696" s="16"/>
      <c r="H44696" s="16"/>
      <c r="I44696" s="16"/>
      <c r="J44696" s="16"/>
    </row>
    <row r="44697" spans="7:10">
      <c r="G44697" s="16"/>
      <c r="H44697" s="16"/>
      <c r="I44697" s="16"/>
      <c r="J44697" s="16"/>
    </row>
    <row r="44698" spans="7:10">
      <c r="G44698" s="16"/>
      <c r="H44698" s="16"/>
      <c r="I44698" s="16"/>
      <c r="J44698" s="16"/>
    </row>
    <row r="44699" spans="7:10">
      <c r="G44699" s="16"/>
      <c r="H44699" s="16"/>
      <c r="I44699" s="16"/>
      <c r="J44699" s="16"/>
    </row>
    <row r="44700" spans="7:10">
      <c r="G44700" s="16"/>
      <c r="H44700" s="16"/>
      <c r="I44700" s="16"/>
      <c r="J44700" s="16"/>
    </row>
    <row r="44701" spans="7:10">
      <c r="G44701" s="16"/>
      <c r="H44701" s="16"/>
      <c r="I44701" s="16"/>
      <c r="J44701" s="16"/>
    </row>
    <row r="44702" spans="7:10">
      <c r="G44702" s="16"/>
      <c r="H44702" s="16"/>
      <c r="I44702" s="16"/>
      <c r="J44702" s="16"/>
    </row>
    <row r="44703" spans="7:10">
      <c r="G44703" s="16"/>
      <c r="H44703" s="16"/>
      <c r="I44703" s="16"/>
      <c r="J44703" s="16"/>
    </row>
    <row r="44704" spans="7:10">
      <c r="G44704" s="16"/>
      <c r="H44704" s="16"/>
      <c r="I44704" s="16"/>
      <c r="J44704" s="16"/>
    </row>
    <row r="44705" spans="7:10">
      <c r="G44705" s="16"/>
      <c r="H44705" s="16"/>
      <c r="I44705" s="16"/>
      <c r="J44705" s="16"/>
    </row>
    <row r="44706" spans="7:10">
      <c r="G44706" s="16"/>
      <c r="H44706" s="16"/>
      <c r="I44706" s="16"/>
      <c r="J44706" s="16"/>
    </row>
    <row r="44707" spans="7:10">
      <c r="G44707" s="16"/>
      <c r="H44707" s="16"/>
      <c r="I44707" s="16"/>
      <c r="J44707" s="16"/>
    </row>
    <row r="44708" spans="7:10">
      <c r="G44708" s="16"/>
      <c r="H44708" s="16"/>
      <c r="I44708" s="16"/>
      <c r="J44708" s="16"/>
    </row>
    <row r="44709" spans="7:10">
      <c r="G44709" s="16"/>
      <c r="H44709" s="16"/>
      <c r="I44709" s="16"/>
      <c r="J44709" s="16"/>
    </row>
    <row r="44710" spans="7:10">
      <c r="G44710" s="16"/>
      <c r="H44710" s="16"/>
      <c r="I44710" s="16"/>
      <c r="J44710" s="16"/>
    </row>
    <row r="44711" spans="7:10">
      <c r="G44711" s="16"/>
      <c r="H44711" s="16"/>
      <c r="I44711" s="16"/>
      <c r="J44711" s="16"/>
    </row>
    <row r="44712" spans="7:10">
      <c r="G44712" s="16"/>
      <c r="H44712" s="16"/>
      <c r="I44712" s="16"/>
      <c r="J44712" s="16"/>
    </row>
    <row r="44713" spans="7:10">
      <c r="G44713" s="16"/>
      <c r="H44713" s="16"/>
      <c r="I44713" s="16"/>
      <c r="J44713" s="16"/>
    </row>
    <row r="44714" spans="7:10">
      <c r="G44714" s="16"/>
      <c r="H44714" s="16"/>
      <c r="I44714" s="16"/>
      <c r="J44714" s="16"/>
    </row>
    <row r="44715" spans="7:10">
      <c r="G44715" s="16"/>
      <c r="H44715" s="16"/>
      <c r="I44715" s="16"/>
      <c r="J44715" s="16"/>
    </row>
    <row r="44716" spans="7:10">
      <c r="G44716" s="16"/>
      <c r="H44716" s="16"/>
      <c r="I44716" s="16"/>
      <c r="J44716" s="16"/>
    </row>
    <row r="44717" spans="7:10">
      <c r="G44717" s="16"/>
      <c r="H44717" s="16"/>
      <c r="I44717" s="16"/>
      <c r="J44717" s="16"/>
    </row>
    <row r="44718" spans="7:10">
      <c r="G44718" s="16"/>
      <c r="H44718" s="16"/>
      <c r="I44718" s="16"/>
      <c r="J44718" s="16"/>
    </row>
    <row r="44719" spans="7:10">
      <c r="G44719" s="16"/>
      <c r="H44719" s="16"/>
      <c r="I44719" s="16"/>
      <c r="J44719" s="16"/>
    </row>
    <row r="44720" spans="7:10">
      <c r="G44720" s="16"/>
      <c r="H44720" s="16"/>
      <c r="I44720" s="16"/>
      <c r="J44720" s="16"/>
    </row>
    <row r="44721" spans="7:10">
      <c r="G44721" s="16"/>
      <c r="H44721" s="16"/>
      <c r="I44721" s="16"/>
      <c r="J44721" s="16"/>
    </row>
    <row r="44722" spans="7:10">
      <c r="G44722" s="16"/>
      <c r="H44722" s="16"/>
      <c r="I44722" s="16"/>
      <c r="J44722" s="16"/>
    </row>
    <row r="44723" spans="7:10">
      <c r="G44723" s="16"/>
      <c r="H44723" s="16"/>
      <c r="I44723" s="16"/>
      <c r="J44723" s="16"/>
    </row>
    <row r="44724" spans="7:10">
      <c r="G44724" s="16"/>
      <c r="H44724" s="16"/>
      <c r="I44724" s="16"/>
      <c r="J44724" s="16"/>
    </row>
    <row r="44725" spans="7:10">
      <c r="G44725" s="16"/>
      <c r="H44725" s="16"/>
      <c r="I44725" s="16"/>
      <c r="J44725" s="16"/>
    </row>
    <row r="44726" spans="7:10">
      <c r="G44726" s="16"/>
      <c r="H44726" s="16"/>
      <c r="I44726" s="16"/>
      <c r="J44726" s="16"/>
    </row>
    <row r="44727" spans="7:10">
      <c r="G44727" s="16"/>
      <c r="H44727" s="16"/>
      <c r="I44727" s="16"/>
      <c r="J44727" s="16"/>
    </row>
    <row r="44728" spans="7:10">
      <c r="G44728" s="16"/>
      <c r="H44728" s="16"/>
      <c r="I44728" s="16"/>
      <c r="J44728" s="16"/>
    </row>
    <row r="44729" spans="7:10">
      <c r="G44729" s="16"/>
      <c r="H44729" s="16"/>
      <c r="I44729" s="16"/>
      <c r="J44729" s="16"/>
    </row>
    <row r="44730" spans="7:10">
      <c r="G44730" s="16"/>
      <c r="H44730" s="16"/>
      <c r="I44730" s="16"/>
      <c r="J44730" s="16"/>
    </row>
    <row r="44731" spans="7:10">
      <c r="G44731" s="16"/>
      <c r="H44731" s="16"/>
      <c r="I44731" s="16"/>
      <c r="J44731" s="16"/>
    </row>
    <row r="44732" spans="7:10">
      <c r="G44732" s="16"/>
      <c r="H44732" s="16"/>
      <c r="I44732" s="16"/>
      <c r="J44732" s="16"/>
    </row>
    <row r="44733" spans="7:10">
      <c r="G44733" s="16"/>
      <c r="H44733" s="16"/>
      <c r="I44733" s="16"/>
      <c r="J44733" s="16"/>
    </row>
    <row r="44734" spans="7:10">
      <c r="G44734" s="16"/>
      <c r="H44734" s="16"/>
      <c r="I44734" s="16"/>
      <c r="J44734" s="16"/>
    </row>
    <row r="44735" spans="7:10">
      <c r="G44735" s="16"/>
      <c r="H44735" s="16"/>
      <c r="I44735" s="16"/>
      <c r="J44735" s="16"/>
    </row>
    <row r="44736" spans="7:10">
      <c r="G44736" s="16"/>
      <c r="H44736" s="16"/>
      <c r="I44736" s="16"/>
      <c r="J44736" s="16"/>
    </row>
    <row r="44737" spans="7:10">
      <c r="G44737" s="16"/>
      <c r="H44737" s="16"/>
      <c r="I44737" s="16"/>
      <c r="J44737" s="16"/>
    </row>
    <row r="44738" spans="7:10">
      <c r="G44738" s="16"/>
      <c r="H44738" s="16"/>
      <c r="I44738" s="16"/>
      <c r="J44738" s="16"/>
    </row>
    <row r="44739" spans="7:10">
      <c r="G44739" s="16"/>
      <c r="H44739" s="16"/>
      <c r="I44739" s="16"/>
      <c r="J44739" s="16"/>
    </row>
    <row r="44740" spans="7:10">
      <c r="G44740" s="16"/>
      <c r="H44740" s="16"/>
      <c r="I44740" s="16"/>
      <c r="J44740" s="16"/>
    </row>
    <row r="44741" spans="7:10">
      <c r="G44741" s="16"/>
      <c r="H44741" s="16"/>
      <c r="I44741" s="16"/>
      <c r="J44741" s="16"/>
    </row>
    <row r="44742" spans="7:10">
      <c r="G44742" s="16"/>
      <c r="H44742" s="16"/>
      <c r="I44742" s="16"/>
      <c r="J44742" s="16"/>
    </row>
    <row r="44743" spans="7:10">
      <c r="G44743" s="16"/>
      <c r="H44743" s="16"/>
      <c r="I44743" s="16"/>
      <c r="J44743" s="16"/>
    </row>
    <row r="44744" spans="7:10">
      <c r="G44744" s="16"/>
      <c r="H44744" s="16"/>
      <c r="I44744" s="16"/>
      <c r="J44744" s="16"/>
    </row>
    <row r="44745" spans="7:10">
      <c r="G44745" s="16"/>
      <c r="H44745" s="16"/>
      <c r="I44745" s="16"/>
      <c r="J44745" s="16"/>
    </row>
    <row r="44746" spans="7:10">
      <c r="G44746" s="16"/>
      <c r="H44746" s="16"/>
      <c r="I44746" s="16"/>
      <c r="J44746" s="16"/>
    </row>
    <row r="44747" spans="7:10">
      <c r="G44747" s="16"/>
      <c r="H44747" s="16"/>
      <c r="I44747" s="16"/>
      <c r="J44747" s="16"/>
    </row>
    <row r="44748" spans="7:10">
      <c r="G44748" s="16"/>
      <c r="H44748" s="16"/>
      <c r="I44748" s="16"/>
      <c r="J44748" s="16"/>
    </row>
    <row r="44749" spans="7:10">
      <c r="G44749" s="16"/>
      <c r="H44749" s="16"/>
      <c r="I44749" s="16"/>
      <c r="J44749" s="16"/>
    </row>
    <row r="44750" spans="7:10">
      <c r="G44750" s="16"/>
      <c r="H44750" s="16"/>
      <c r="I44750" s="16"/>
      <c r="J44750" s="16"/>
    </row>
    <row r="44751" spans="7:10">
      <c r="G44751" s="16"/>
      <c r="H44751" s="16"/>
      <c r="I44751" s="16"/>
      <c r="J44751" s="16"/>
    </row>
    <row r="44752" spans="7:10">
      <c r="G44752" s="16"/>
      <c r="H44752" s="16"/>
      <c r="I44752" s="16"/>
      <c r="J44752" s="16"/>
    </row>
    <row r="44753" spans="7:10">
      <c r="G44753" s="16"/>
      <c r="H44753" s="16"/>
      <c r="I44753" s="16"/>
      <c r="J44753" s="16"/>
    </row>
    <row r="44754" spans="7:10">
      <c r="G44754" s="16"/>
      <c r="H44754" s="16"/>
      <c r="I44754" s="16"/>
      <c r="J44754" s="16"/>
    </row>
    <row r="44755" spans="7:10">
      <c r="G44755" s="16"/>
      <c r="H44755" s="16"/>
      <c r="I44755" s="16"/>
      <c r="J44755" s="16"/>
    </row>
    <row r="44756" spans="7:10">
      <c r="G44756" s="16"/>
      <c r="H44756" s="16"/>
      <c r="I44756" s="16"/>
      <c r="J44756" s="16"/>
    </row>
    <row r="44757" spans="7:10">
      <c r="G44757" s="16"/>
      <c r="H44757" s="16"/>
      <c r="I44757" s="16"/>
      <c r="J44757" s="16"/>
    </row>
    <row r="44758" spans="7:10">
      <c r="G44758" s="16"/>
      <c r="H44758" s="16"/>
      <c r="I44758" s="16"/>
      <c r="J44758" s="16"/>
    </row>
    <row r="44759" spans="7:10">
      <c r="G44759" s="16"/>
      <c r="H44759" s="16"/>
      <c r="I44759" s="16"/>
      <c r="J44759" s="16"/>
    </row>
    <row r="44760" spans="7:10">
      <c r="G44760" s="16"/>
      <c r="H44760" s="16"/>
      <c r="I44760" s="16"/>
      <c r="J44760" s="16"/>
    </row>
    <row r="44761" spans="7:10">
      <c r="G44761" s="16"/>
      <c r="H44761" s="16"/>
      <c r="I44761" s="16"/>
      <c r="J44761" s="16"/>
    </row>
    <row r="44762" spans="7:10">
      <c r="G44762" s="16"/>
      <c r="H44762" s="16"/>
      <c r="I44762" s="16"/>
      <c r="J44762" s="16"/>
    </row>
    <row r="44763" spans="7:10">
      <c r="G44763" s="16"/>
      <c r="H44763" s="16"/>
      <c r="I44763" s="16"/>
      <c r="J44763" s="16"/>
    </row>
    <row r="44764" spans="7:10">
      <c r="G44764" s="16"/>
      <c r="H44764" s="16"/>
      <c r="I44764" s="16"/>
      <c r="J44764" s="16"/>
    </row>
    <row r="44765" spans="7:10">
      <c r="G44765" s="16"/>
      <c r="H44765" s="16"/>
      <c r="I44765" s="16"/>
      <c r="J44765" s="16"/>
    </row>
    <row r="44766" spans="7:10">
      <c r="G44766" s="16"/>
      <c r="H44766" s="16"/>
      <c r="I44766" s="16"/>
      <c r="J44766" s="16"/>
    </row>
    <row r="44767" spans="7:10">
      <c r="G44767" s="16"/>
      <c r="H44767" s="16"/>
      <c r="I44767" s="16"/>
      <c r="J44767" s="16"/>
    </row>
    <row r="44768" spans="7:10">
      <c r="G44768" s="16"/>
      <c r="H44768" s="16"/>
      <c r="I44768" s="16"/>
      <c r="J44768" s="16"/>
    </row>
    <row r="44769" spans="7:10">
      <c r="G44769" s="16"/>
      <c r="H44769" s="16"/>
      <c r="I44769" s="16"/>
      <c r="J44769" s="16"/>
    </row>
    <row r="44770" spans="7:10">
      <c r="G44770" s="16"/>
      <c r="H44770" s="16"/>
      <c r="I44770" s="16"/>
      <c r="J44770" s="16"/>
    </row>
    <row r="44771" spans="7:10">
      <c r="G44771" s="16"/>
      <c r="H44771" s="16"/>
      <c r="I44771" s="16"/>
      <c r="J44771" s="16"/>
    </row>
    <row r="44772" spans="7:10">
      <c r="G44772" s="16"/>
      <c r="H44772" s="16"/>
      <c r="I44772" s="16"/>
      <c r="J44772" s="16"/>
    </row>
    <row r="44773" spans="7:10">
      <c r="G44773" s="16"/>
      <c r="H44773" s="16"/>
      <c r="I44773" s="16"/>
      <c r="J44773" s="16"/>
    </row>
    <row r="44774" spans="7:10">
      <c r="G44774" s="16"/>
      <c r="H44774" s="16"/>
      <c r="I44774" s="16"/>
      <c r="J44774" s="16"/>
    </row>
    <row r="44775" spans="7:10">
      <c r="G44775" s="16"/>
      <c r="H44775" s="16"/>
      <c r="I44775" s="16"/>
      <c r="J44775" s="16"/>
    </row>
    <row r="44776" spans="7:10">
      <c r="G44776" s="16"/>
      <c r="H44776" s="16"/>
      <c r="I44776" s="16"/>
      <c r="J44776" s="16"/>
    </row>
    <row r="44777" spans="7:10">
      <c r="G44777" s="16"/>
      <c r="H44777" s="16"/>
      <c r="I44777" s="16"/>
      <c r="J44777" s="16"/>
    </row>
    <row r="44778" spans="7:10">
      <c r="G44778" s="16"/>
      <c r="H44778" s="16"/>
      <c r="I44778" s="16"/>
      <c r="J44778" s="16"/>
    </row>
    <row r="44779" spans="7:10">
      <c r="G44779" s="16"/>
      <c r="H44779" s="16"/>
      <c r="I44779" s="16"/>
      <c r="J44779" s="16"/>
    </row>
    <row r="44780" spans="7:10">
      <c r="G44780" s="16"/>
      <c r="H44780" s="16"/>
      <c r="I44780" s="16"/>
      <c r="J44780" s="16"/>
    </row>
    <row r="44781" spans="7:10">
      <c r="G44781" s="16"/>
      <c r="H44781" s="16"/>
      <c r="I44781" s="16"/>
      <c r="J44781" s="16"/>
    </row>
    <row r="44782" spans="7:10">
      <c r="G44782" s="16"/>
      <c r="H44782" s="16"/>
      <c r="I44782" s="16"/>
      <c r="J44782" s="16"/>
    </row>
    <row r="44783" spans="7:10">
      <c r="G44783" s="16"/>
      <c r="H44783" s="16"/>
      <c r="I44783" s="16"/>
      <c r="J44783" s="16"/>
    </row>
    <row r="44784" spans="7:10">
      <c r="G44784" s="16"/>
      <c r="H44784" s="16"/>
      <c r="I44784" s="16"/>
      <c r="J44784" s="16"/>
    </row>
    <row r="44785" spans="7:10">
      <c r="G44785" s="16"/>
      <c r="H44785" s="16"/>
      <c r="I44785" s="16"/>
      <c r="J44785" s="16"/>
    </row>
    <row r="44786" spans="7:10">
      <c r="G44786" s="16"/>
      <c r="H44786" s="16"/>
      <c r="I44786" s="16"/>
      <c r="J44786" s="16"/>
    </row>
    <row r="44787" spans="7:10">
      <c r="G44787" s="16"/>
      <c r="H44787" s="16"/>
      <c r="I44787" s="16"/>
      <c r="J44787" s="16"/>
    </row>
    <row r="44788" spans="7:10">
      <c r="G44788" s="16"/>
      <c r="H44788" s="16"/>
      <c r="I44788" s="16"/>
      <c r="J44788" s="16"/>
    </row>
    <row r="44789" spans="7:10">
      <c r="G44789" s="16"/>
      <c r="H44789" s="16"/>
      <c r="I44789" s="16"/>
      <c r="J44789" s="16"/>
    </row>
    <row r="44790" spans="7:10">
      <c r="G44790" s="16"/>
      <c r="H44790" s="16"/>
      <c r="I44790" s="16"/>
      <c r="J44790" s="16"/>
    </row>
    <row r="44791" spans="7:10">
      <c r="G44791" s="16"/>
      <c r="H44791" s="16"/>
      <c r="I44791" s="16"/>
      <c r="J44791" s="16"/>
    </row>
    <row r="44792" spans="7:10">
      <c r="G44792" s="16"/>
      <c r="H44792" s="16"/>
      <c r="I44792" s="16"/>
      <c r="J44792" s="16"/>
    </row>
    <row r="44793" spans="7:10">
      <c r="G44793" s="16"/>
      <c r="H44793" s="16"/>
      <c r="I44793" s="16"/>
      <c r="J44793" s="16"/>
    </row>
    <row r="44794" spans="7:10">
      <c r="G44794" s="16"/>
      <c r="H44794" s="16"/>
      <c r="I44794" s="16"/>
      <c r="J44794" s="16"/>
    </row>
    <row r="44795" spans="7:10">
      <c r="G44795" s="16"/>
      <c r="H44795" s="16"/>
      <c r="I44795" s="16"/>
      <c r="J44795" s="16"/>
    </row>
    <row r="44796" spans="7:10">
      <c r="G44796" s="16"/>
      <c r="H44796" s="16"/>
      <c r="I44796" s="16"/>
      <c r="J44796" s="16"/>
    </row>
    <row r="44797" spans="7:10">
      <c r="G44797" s="16"/>
      <c r="H44797" s="16"/>
      <c r="I44797" s="16"/>
      <c r="J44797" s="16"/>
    </row>
    <row r="44798" spans="7:10">
      <c r="G44798" s="16"/>
      <c r="H44798" s="16"/>
      <c r="I44798" s="16"/>
      <c r="J44798" s="16"/>
    </row>
    <row r="44799" spans="7:10">
      <c r="G44799" s="16"/>
      <c r="H44799" s="16"/>
      <c r="I44799" s="16"/>
      <c r="J44799" s="16"/>
    </row>
    <row r="44800" spans="7:10">
      <c r="G44800" s="16"/>
      <c r="H44800" s="16"/>
      <c r="I44800" s="16"/>
      <c r="J44800" s="16"/>
    </row>
    <row r="44801" spans="7:10">
      <c r="G44801" s="16"/>
      <c r="H44801" s="16"/>
      <c r="I44801" s="16"/>
      <c r="J44801" s="16"/>
    </row>
    <row r="44802" spans="7:10">
      <c r="G44802" s="16"/>
      <c r="H44802" s="16"/>
      <c r="I44802" s="16"/>
      <c r="J44802" s="16"/>
    </row>
    <row r="44803" spans="7:10">
      <c r="G44803" s="16"/>
      <c r="H44803" s="16"/>
      <c r="I44803" s="16"/>
      <c r="J44803" s="16"/>
    </row>
    <row r="44804" spans="7:10">
      <c r="G44804" s="16"/>
      <c r="H44804" s="16"/>
      <c r="I44804" s="16"/>
      <c r="J44804" s="16"/>
    </row>
    <row r="44805" spans="7:10">
      <c r="G44805" s="16"/>
      <c r="H44805" s="16"/>
      <c r="I44805" s="16"/>
      <c r="J44805" s="16"/>
    </row>
    <row r="44806" spans="7:10">
      <c r="G44806" s="16"/>
      <c r="H44806" s="16"/>
      <c r="I44806" s="16"/>
      <c r="J44806" s="16"/>
    </row>
    <row r="44807" spans="7:10">
      <c r="G44807" s="16"/>
      <c r="H44807" s="16"/>
      <c r="I44807" s="16"/>
      <c r="J44807" s="16"/>
    </row>
    <row r="44808" spans="7:10">
      <c r="G44808" s="16"/>
      <c r="H44808" s="16"/>
      <c r="I44808" s="16"/>
      <c r="J44808" s="16"/>
    </row>
    <row r="44809" spans="7:10">
      <c r="G44809" s="16"/>
      <c r="H44809" s="16"/>
      <c r="I44809" s="16"/>
      <c r="J44809" s="16"/>
    </row>
    <row r="44810" spans="7:10">
      <c r="G44810" s="16"/>
      <c r="H44810" s="16"/>
      <c r="I44810" s="16"/>
      <c r="J44810" s="16"/>
    </row>
    <row r="44811" spans="7:10">
      <c r="G44811" s="16"/>
      <c r="H44811" s="16"/>
      <c r="I44811" s="16"/>
      <c r="J44811" s="16"/>
    </row>
    <row r="44812" spans="7:10">
      <c r="G44812" s="16"/>
      <c r="H44812" s="16"/>
      <c r="I44812" s="16"/>
      <c r="J44812" s="16"/>
    </row>
    <row r="44813" spans="7:10">
      <c r="G44813" s="16"/>
      <c r="H44813" s="16"/>
      <c r="I44813" s="16"/>
      <c r="J44813" s="16"/>
    </row>
    <row r="44814" spans="7:10">
      <c r="G44814" s="16"/>
      <c r="H44814" s="16"/>
      <c r="I44814" s="16"/>
      <c r="J44814" s="16"/>
    </row>
    <row r="44815" spans="7:10">
      <c r="G44815" s="16"/>
      <c r="H44815" s="16"/>
      <c r="I44815" s="16"/>
      <c r="J44815" s="16"/>
    </row>
    <row r="44816" spans="7:10">
      <c r="G44816" s="16"/>
      <c r="H44816" s="16"/>
      <c r="I44816" s="16"/>
      <c r="J44816" s="16"/>
    </row>
    <row r="44817" spans="7:10">
      <c r="G44817" s="16"/>
      <c r="H44817" s="16"/>
      <c r="I44817" s="16"/>
      <c r="J44817" s="16"/>
    </row>
    <row r="44818" spans="7:10">
      <c r="G44818" s="16"/>
      <c r="H44818" s="16"/>
      <c r="I44818" s="16"/>
      <c r="J44818" s="16"/>
    </row>
    <row r="44819" spans="7:10">
      <c r="G44819" s="16"/>
      <c r="H44819" s="16"/>
      <c r="I44819" s="16"/>
      <c r="J44819" s="16"/>
    </row>
    <row r="44820" spans="7:10">
      <c r="G44820" s="16"/>
      <c r="H44820" s="16"/>
      <c r="I44820" s="16"/>
      <c r="J44820" s="16"/>
    </row>
    <row r="44821" spans="7:10">
      <c r="G44821" s="16"/>
      <c r="H44821" s="16"/>
      <c r="I44821" s="16"/>
      <c r="J44821" s="16"/>
    </row>
    <row r="44822" spans="7:10">
      <c r="G44822" s="16"/>
      <c r="H44822" s="16"/>
      <c r="I44822" s="16"/>
      <c r="J44822" s="16"/>
    </row>
    <row r="44823" spans="7:10">
      <c r="G44823" s="16"/>
      <c r="H44823" s="16"/>
      <c r="I44823" s="16"/>
      <c r="J44823" s="16"/>
    </row>
    <row r="44824" spans="7:10">
      <c r="G44824" s="16"/>
      <c r="H44824" s="16"/>
      <c r="I44824" s="16"/>
      <c r="J44824" s="16"/>
    </row>
    <row r="44825" spans="7:10">
      <c r="G44825" s="16"/>
      <c r="H44825" s="16"/>
      <c r="I44825" s="16"/>
      <c r="J44825" s="16"/>
    </row>
    <row r="44826" spans="7:10">
      <c r="G44826" s="16"/>
      <c r="H44826" s="16"/>
      <c r="I44826" s="16"/>
      <c r="J44826" s="16"/>
    </row>
    <row r="44827" spans="7:10">
      <c r="G44827" s="16"/>
      <c r="H44827" s="16"/>
      <c r="I44827" s="16"/>
      <c r="J44827" s="16"/>
    </row>
    <row r="44828" spans="7:10">
      <c r="G44828" s="16"/>
      <c r="H44828" s="16"/>
      <c r="I44828" s="16"/>
      <c r="J44828" s="16"/>
    </row>
    <row r="44829" spans="7:10">
      <c r="G44829" s="16"/>
      <c r="H44829" s="16"/>
      <c r="I44829" s="16"/>
      <c r="J44829" s="16"/>
    </row>
    <row r="44830" spans="7:10">
      <c r="G44830" s="16"/>
      <c r="H44830" s="16"/>
      <c r="I44830" s="16"/>
      <c r="J44830" s="16"/>
    </row>
    <row r="44831" spans="7:10">
      <c r="G44831" s="16"/>
      <c r="H44831" s="16"/>
      <c r="I44831" s="16"/>
      <c r="J44831" s="16"/>
    </row>
    <row r="44832" spans="7:10">
      <c r="G44832" s="16"/>
      <c r="H44832" s="16"/>
      <c r="I44832" s="16"/>
      <c r="J44832" s="16"/>
    </row>
    <row r="44833" spans="7:10">
      <c r="G44833" s="16"/>
      <c r="H44833" s="16"/>
      <c r="I44833" s="16"/>
      <c r="J44833" s="16"/>
    </row>
    <row r="44834" spans="7:10">
      <c r="G44834" s="16"/>
      <c r="H44834" s="16"/>
      <c r="I44834" s="16"/>
      <c r="J44834" s="16"/>
    </row>
    <row r="44835" spans="7:10">
      <c r="G44835" s="16"/>
      <c r="H44835" s="16"/>
      <c r="I44835" s="16"/>
      <c r="J44835" s="16"/>
    </row>
    <row r="44836" spans="7:10">
      <c r="G44836" s="16"/>
      <c r="H44836" s="16"/>
      <c r="I44836" s="16"/>
      <c r="J44836" s="16"/>
    </row>
    <row r="44837" spans="7:10">
      <c r="G44837" s="16"/>
      <c r="H44837" s="16"/>
      <c r="I44837" s="16"/>
      <c r="J44837" s="16"/>
    </row>
    <row r="44838" spans="7:10">
      <c r="G44838" s="16"/>
      <c r="H44838" s="16"/>
      <c r="I44838" s="16"/>
      <c r="J44838" s="16"/>
    </row>
    <row r="44839" spans="7:10">
      <c r="G44839" s="16"/>
      <c r="H44839" s="16"/>
      <c r="I44839" s="16"/>
      <c r="J44839" s="16"/>
    </row>
    <row r="44840" spans="7:10">
      <c r="G44840" s="16"/>
      <c r="H44840" s="16"/>
      <c r="I44840" s="16"/>
      <c r="J44840" s="16"/>
    </row>
    <row r="44841" spans="7:10">
      <c r="G44841" s="16"/>
      <c r="H44841" s="16"/>
      <c r="I44841" s="16"/>
      <c r="J44841" s="16"/>
    </row>
    <row r="44842" spans="7:10">
      <c r="G44842" s="16"/>
      <c r="H44842" s="16"/>
      <c r="I44842" s="16"/>
      <c r="J44842" s="16"/>
    </row>
    <row r="44843" spans="7:10">
      <c r="G44843" s="16"/>
      <c r="H44843" s="16"/>
      <c r="I44843" s="16"/>
      <c r="J44843" s="16"/>
    </row>
    <row r="44844" spans="7:10">
      <c r="G44844" s="16"/>
      <c r="H44844" s="16"/>
      <c r="I44844" s="16"/>
      <c r="J44844" s="16"/>
    </row>
    <row r="44845" spans="7:10">
      <c r="G44845" s="16"/>
      <c r="H44845" s="16"/>
      <c r="I44845" s="16"/>
      <c r="J44845" s="16"/>
    </row>
    <row r="44846" spans="7:10">
      <c r="G44846" s="16"/>
      <c r="H44846" s="16"/>
      <c r="I44846" s="16"/>
      <c r="J44846" s="16"/>
    </row>
    <row r="44847" spans="7:10">
      <c r="G44847" s="16"/>
      <c r="H44847" s="16"/>
      <c r="I44847" s="16"/>
      <c r="J44847" s="16"/>
    </row>
    <row r="44848" spans="7:10">
      <c r="G44848" s="16"/>
      <c r="H44848" s="16"/>
      <c r="I44848" s="16"/>
      <c r="J44848" s="16"/>
    </row>
    <row r="44849" spans="7:10">
      <c r="G44849" s="16"/>
      <c r="H44849" s="16"/>
      <c r="I44849" s="16"/>
      <c r="J44849" s="16"/>
    </row>
    <row r="44850" spans="7:10">
      <c r="G44850" s="16"/>
      <c r="H44850" s="16"/>
      <c r="I44850" s="16"/>
      <c r="J44850" s="16"/>
    </row>
    <row r="44851" spans="7:10">
      <c r="G44851" s="16"/>
      <c r="H44851" s="16"/>
      <c r="I44851" s="16"/>
      <c r="J44851" s="16"/>
    </row>
    <row r="44852" spans="7:10">
      <c r="G44852" s="16"/>
      <c r="H44852" s="16"/>
      <c r="I44852" s="16"/>
      <c r="J44852" s="16"/>
    </row>
    <row r="44853" spans="7:10">
      <c r="G44853" s="16"/>
      <c r="H44853" s="16"/>
      <c r="I44853" s="16"/>
      <c r="J44853" s="16"/>
    </row>
    <row r="44854" spans="7:10">
      <c r="G44854" s="16"/>
      <c r="H44854" s="16"/>
      <c r="I44854" s="16"/>
      <c r="J44854" s="16"/>
    </row>
    <row r="44855" spans="7:10">
      <c r="G44855" s="16"/>
      <c r="H44855" s="16"/>
      <c r="I44855" s="16"/>
      <c r="J44855" s="16"/>
    </row>
    <row r="44856" spans="7:10">
      <c r="G44856" s="16"/>
      <c r="H44856" s="16"/>
      <c r="I44856" s="16"/>
      <c r="J44856" s="16"/>
    </row>
    <row r="44857" spans="7:10">
      <c r="G44857" s="16"/>
      <c r="H44857" s="16"/>
      <c r="I44857" s="16"/>
      <c r="J44857" s="16"/>
    </row>
    <row r="44858" spans="7:10">
      <c r="G44858" s="16"/>
      <c r="H44858" s="16"/>
      <c r="I44858" s="16"/>
      <c r="J44858" s="16"/>
    </row>
    <row r="44859" spans="7:10">
      <c r="G44859" s="16"/>
      <c r="H44859" s="16"/>
      <c r="I44859" s="16"/>
      <c r="J44859" s="16"/>
    </row>
    <row r="44860" spans="7:10">
      <c r="G44860" s="16"/>
      <c r="H44860" s="16"/>
      <c r="I44860" s="16"/>
      <c r="J44860" s="16"/>
    </row>
    <row r="44861" spans="7:10">
      <c r="G44861" s="16"/>
      <c r="H44861" s="16"/>
      <c r="I44861" s="16"/>
      <c r="J44861" s="16"/>
    </row>
    <row r="44862" spans="7:10">
      <c r="G44862" s="16"/>
      <c r="H44862" s="16"/>
      <c r="I44862" s="16"/>
      <c r="J44862" s="16"/>
    </row>
    <row r="44863" spans="7:10">
      <c r="G44863" s="16"/>
      <c r="H44863" s="16"/>
      <c r="I44863" s="16"/>
      <c r="J44863" s="16"/>
    </row>
    <row r="44864" spans="7:10">
      <c r="G44864" s="16"/>
      <c r="H44864" s="16"/>
      <c r="I44864" s="16"/>
      <c r="J44864" s="16"/>
    </row>
    <row r="44865" spans="7:10">
      <c r="G44865" s="16"/>
      <c r="H44865" s="16"/>
      <c r="I44865" s="16"/>
      <c r="J44865" s="16"/>
    </row>
    <row r="44866" spans="7:10">
      <c r="G44866" s="16"/>
      <c r="H44866" s="16"/>
      <c r="I44866" s="16"/>
      <c r="J44866" s="16"/>
    </row>
    <row r="44867" spans="7:10">
      <c r="G44867" s="16"/>
      <c r="H44867" s="16"/>
      <c r="I44867" s="16"/>
      <c r="J44867" s="16"/>
    </row>
    <row r="44868" spans="7:10">
      <c r="G44868" s="16"/>
      <c r="H44868" s="16"/>
      <c r="I44868" s="16"/>
      <c r="J44868" s="16"/>
    </row>
    <row r="44869" spans="7:10">
      <c r="G44869" s="16"/>
      <c r="H44869" s="16"/>
      <c r="I44869" s="16"/>
      <c r="J44869" s="16"/>
    </row>
    <row r="44870" spans="7:10">
      <c r="G44870" s="16"/>
      <c r="H44870" s="16"/>
      <c r="I44870" s="16"/>
      <c r="J44870" s="16"/>
    </row>
    <row r="44871" spans="7:10">
      <c r="G44871" s="16"/>
      <c r="H44871" s="16"/>
      <c r="I44871" s="16"/>
      <c r="J44871" s="16"/>
    </row>
    <row r="44872" spans="7:10">
      <c r="G44872" s="16"/>
      <c r="H44872" s="16"/>
      <c r="I44872" s="16"/>
      <c r="J44872" s="16"/>
    </row>
    <row r="44873" spans="7:10">
      <c r="G44873" s="16"/>
      <c r="H44873" s="16"/>
      <c r="I44873" s="16"/>
      <c r="J44873" s="16"/>
    </row>
    <row r="44874" spans="7:10">
      <c r="G44874" s="16"/>
      <c r="H44874" s="16"/>
      <c r="I44874" s="16"/>
      <c r="J44874" s="16"/>
    </row>
    <row r="44875" spans="7:10">
      <c r="G44875" s="16"/>
      <c r="H44875" s="16"/>
      <c r="I44875" s="16"/>
      <c r="J44875" s="16"/>
    </row>
    <row r="44876" spans="7:10">
      <c r="G44876" s="16"/>
      <c r="H44876" s="16"/>
      <c r="I44876" s="16"/>
      <c r="J44876" s="16"/>
    </row>
    <row r="44877" spans="7:10">
      <c r="G44877" s="16"/>
      <c r="H44877" s="16"/>
      <c r="I44877" s="16"/>
      <c r="J44877" s="16"/>
    </row>
    <row r="44878" spans="7:10">
      <c r="G44878" s="16"/>
      <c r="H44878" s="16"/>
      <c r="I44878" s="16"/>
      <c r="J44878" s="16"/>
    </row>
    <row r="44879" spans="7:10">
      <c r="G44879" s="16"/>
      <c r="H44879" s="16"/>
      <c r="I44879" s="16"/>
      <c r="J44879" s="16"/>
    </row>
    <row r="44880" spans="7:10">
      <c r="G44880" s="16"/>
      <c r="H44880" s="16"/>
      <c r="I44880" s="16"/>
      <c r="J44880" s="16"/>
    </row>
    <row r="44881" spans="7:10">
      <c r="G44881" s="16"/>
      <c r="H44881" s="16"/>
      <c r="I44881" s="16"/>
      <c r="J44881" s="16"/>
    </row>
    <row r="44882" spans="7:10">
      <c r="G44882" s="16"/>
      <c r="H44882" s="16"/>
      <c r="I44882" s="16"/>
      <c r="J44882" s="16"/>
    </row>
    <row r="44883" spans="7:10">
      <c r="G44883" s="16"/>
      <c r="H44883" s="16"/>
      <c r="I44883" s="16"/>
      <c r="J44883" s="16"/>
    </row>
    <row r="44884" spans="7:10">
      <c r="G44884" s="16"/>
      <c r="H44884" s="16"/>
      <c r="I44884" s="16"/>
      <c r="J44884" s="16"/>
    </row>
    <row r="44885" spans="7:10">
      <c r="G44885" s="16"/>
      <c r="H44885" s="16"/>
      <c r="I44885" s="16"/>
      <c r="J44885" s="16"/>
    </row>
    <row r="44886" spans="7:10">
      <c r="G44886" s="16"/>
      <c r="H44886" s="16"/>
      <c r="I44886" s="16"/>
      <c r="J44886" s="16"/>
    </row>
    <row r="44887" spans="7:10">
      <c r="G44887" s="16"/>
      <c r="H44887" s="16"/>
      <c r="I44887" s="16"/>
      <c r="J44887" s="16"/>
    </row>
    <row r="44888" spans="7:10">
      <c r="G44888" s="16"/>
      <c r="H44888" s="16"/>
      <c r="I44888" s="16"/>
      <c r="J44888" s="16"/>
    </row>
    <row r="44889" spans="7:10">
      <c r="G44889" s="16"/>
      <c r="H44889" s="16"/>
      <c r="I44889" s="16"/>
      <c r="J44889" s="16"/>
    </row>
    <row r="44890" spans="7:10">
      <c r="G44890" s="16"/>
      <c r="H44890" s="16"/>
      <c r="I44890" s="16"/>
      <c r="J44890" s="16"/>
    </row>
    <row r="44891" spans="7:10">
      <c r="G44891" s="16"/>
      <c r="H44891" s="16"/>
      <c r="I44891" s="16"/>
      <c r="J44891" s="16"/>
    </row>
    <row r="44892" spans="7:10">
      <c r="G44892" s="16"/>
      <c r="H44892" s="16"/>
      <c r="I44892" s="16"/>
      <c r="J44892" s="16"/>
    </row>
    <row r="44893" spans="7:10">
      <c r="G44893" s="16"/>
      <c r="H44893" s="16"/>
      <c r="I44893" s="16"/>
      <c r="J44893" s="16"/>
    </row>
    <row r="44894" spans="7:10">
      <c r="G44894" s="16"/>
      <c r="H44894" s="16"/>
      <c r="I44894" s="16"/>
      <c r="J44894" s="16"/>
    </row>
    <row r="44895" spans="7:10">
      <c r="G44895" s="16"/>
      <c r="H44895" s="16"/>
      <c r="I44895" s="16"/>
      <c r="J44895" s="16"/>
    </row>
    <row r="44896" spans="7:10">
      <c r="G44896" s="16"/>
      <c r="H44896" s="16"/>
      <c r="I44896" s="16"/>
      <c r="J44896" s="16"/>
    </row>
    <row r="44897" spans="7:10">
      <c r="G44897" s="16"/>
      <c r="H44897" s="16"/>
      <c r="I44897" s="16"/>
      <c r="J44897" s="16"/>
    </row>
    <row r="44898" spans="7:10">
      <c r="G44898" s="16"/>
      <c r="H44898" s="16"/>
      <c r="I44898" s="16"/>
      <c r="J44898" s="16"/>
    </row>
    <row r="44899" spans="7:10">
      <c r="G44899" s="16"/>
      <c r="H44899" s="16"/>
      <c r="I44899" s="16"/>
      <c r="J44899" s="16"/>
    </row>
    <row r="44900" spans="7:10">
      <c r="G44900" s="16"/>
      <c r="H44900" s="16"/>
      <c r="I44900" s="16"/>
      <c r="J44900" s="16"/>
    </row>
    <row r="44901" spans="7:10">
      <c r="G44901" s="16"/>
      <c r="H44901" s="16"/>
      <c r="I44901" s="16"/>
      <c r="J44901" s="16"/>
    </row>
    <row r="44902" spans="7:10">
      <c r="G44902" s="16"/>
      <c r="H44902" s="16"/>
      <c r="I44902" s="16"/>
      <c r="J44902" s="16"/>
    </row>
    <row r="44903" spans="7:10">
      <c r="G44903" s="16"/>
      <c r="H44903" s="16"/>
      <c r="I44903" s="16"/>
      <c r="J44903" s="16"/>
    </row>
    <row r="44904" spans="7:10">
      <c r="G44904" s="16"/>
      <c r="H44904" s="16"/>
      <c r="I44904" s="16"/>
      <c r="J44904" s="16"/>
    </row>
    <row r="44905" spans="7:10">
      <c r="G44905" s="16"/>
      <c r="H44905" s="16"/>
      <c r="I44905" s="16"/>
      <c r="J44905" s="16"/>
    </row>
    <row r="44906" spans="7:10">
      <c r="G44906" s="16"/>
      <c r="H44906" s="16"/>
      <c r="I44906" s="16"/>
      <c r="J44906" s="16"/>
    </row>
    <row r="44907" spans="7:10">
      <c r="G44907" s="16"/>
      <c r="H44907" s="16"/>
      <c r="I44907" s="16"/>
      <c r="J44907" s="16"/>
    </row>
    <row r="44908" spans="7:10">
      <c r="G44908" s="16"/>
      <c r="H44908" s="16"/>
      <c r="I44908" s="16"/>
      <c r="J44908" s="16"/>
    </row>
    <row r="44909" spans="7:10">
      <c r="G44909" s="16"/>
      <c r="H44909" s="16"/>
      <c r="I44909" s="16"/>
      <c r="J44909" s="16"/>
    </row>
    <row r="44910" spans="7:10">
      <c r="G44910" s="16"/>
      <c r="H44910" s="16"/>
      <c r="I44910" s="16"/>
      <c r="J44910" s="16"/>
    </row>
    <row r="44911" spans="7:10">
      <c r="G44911" s="16"/>
      <c r="H44911" s="16"/>
      <c r="I44911" s="16"/>
      <c r="J44911" s="16"/>
    </row>
    <row r="44912" spans="7:10">
      <c r="G44912" s="16"/>
      <c r="H44912" s="16"/>
      <c r="I44912" s="16"/>
      <c r="J44912" s="16"/>
    </row>
    <row r="44913" spans="7:10">
      <c r="G44913" s="16"/>
      <c r="H44913" s="16"/>
      <c r="I44913" s="16"/>
      <c r="J44913" s="16"/>
    </row>
    <row r="44914" spans="7:10">
      <c r="G44914" s="16"/>
      <c r="H44914" s="16"/>
      <c r="I44914" s="16"/>
      <c r="J44914" s="16"/>
    </row>
    <row r="44915" spans="7:10">
      <c r="G44915" s="16"/>
      <c r="H44915" s="16"/>
      <c r="I44915" s="16"/>
      <c r="J44915" s="16"/>
    </row>
    <row r="44916" spans="7:10">
      <c r="G44916" s="16"/>
      <c r="H44916" s="16"/>
      <c r="I44916" s="16"/>
      <c r="J44916" s="16"/>
    </row>
    <row r="44917" spans="7:10">
      <c r="G44917" s="16"/>
      <c r="H44917" s="16"/>
      <c r="I44917" s="16"/>
      <c r="J44917" s="16"/>
    </row>
    <row r="44918" spans="7:10">
      <c r="G44918" s="16"/>
      <c r="H44918" s="16"/>
      <c r="I44918" s="16"/>
      <c r="J44918" s="16"/>
    </row>
    <row r="44919" spans="7:10">
      <c r="G44919" s="16"/>
      <c r="H44919" s="16"/>
      <c r="I44919" s="16"/>
      <c r="J44919" s="16"/>
    </row>
    <row r="44920" spans="7:10">
      <c r="G44920" s="16"/>
      <c r="H44920" s="16"/>
      <c r="I44920" s="16"/>
      <c r="J44920" s="16"/>
    </row>
    <row r="44921" spans="7:10">
      <c r="G44921" s="16"/>
      <c r="H44921" s="16"/>
      <c r="I44921" s="16"/>
      <c r="J44921" s="16"/>
    </row>
    <row r="44922" spans="7:10">
      <c r="G44922" s="16"/>
      <c r="H44922" s="16"/>
      <c r="I44922" s="16"/>
      <c r="J44922" s="16"/>
    </row>
    <row r="44923" spans="7:10">
      <c r="G44923" s="16"/>
      <c r="H44923" s="16"/>
      <c r="I44923" s="16"/>
      <c r="J44923" s="16"/>
    </row>
    <row r="44924" spans="7:10">
      <c r="G44924" s="16"/>
      <c r="H44924" s="16"/>
      <c r="I44924" s="16"/>
      <c r="J44924" s="16"/>
    </row>
    <row r="44925" spans="7:10">
      <c r="G44925" s="16"/>
      <c r="H44925" s="16"/>
      <c r="I44925" s="16"/>
      <c r="J44925" s="16"/>
    </row>
    <row r="44926" spans="7:10">
      <c r="G44926" s="16"/>
      <c r="H44926" s="16"/>
      <c r="I44926" s="16"/>
      <c r="J44926" s="16"/>
    </row>
    <row r="44927" spans="7:10">
      <c r="G44927" s="16"/>
      <c r="H44927" s="16"/>
      <c r="I44927" s="16"/>
      <c r="J44927" s="16"/>
    </row>
    <row r="44928" spans="7:10">
      <c r="G44928" s="16"/>
      <c r="H44928" s="16"/>
      <c r="I44928" s="16"/>
      <c r="J44928" s="16"/>
    </row>
    <row r="44929" spans="7:10">
      <c r="G44929" s="16"/>
      <c r="H44929" s="16"/>
      <c r="I44929" s="16"/>
      <c r="J44929" s="16"/>
    </row>
    <row r="44930" spans="7:10">
      <c r="G44930" s="16"/>
      <c r="H44930" s="16"/>
      <c r="I44930" s="16"/>
      <c r="J44930" s="16"/>
    </row>
    <row r="44931" spans="7:10">
      <c r="G44931" s="16"/>
      <c r="H44931" s="16"/>
      <c r="I44931" s="16"/>
      <c r="J44931" s="16"/>
    </row>
    <row r="44932" spans="7:10">
      <c r="G44932" s="16"/>
      <c r="H44932" s="16"/>
      <c r="I44932" s="16"/>
      <c r="J44932" s="16"/>
    </row>
    <row r="44933" spans="7:10">
      <c r="G44933" s="16"/>
      <c r="H44933" s="16"/>
      <c r="I44933" s="16"/>
      <c r="J44933" s="16"/>
    </row>
    <row r="44934" spans="7:10">
      <c r="G44934" s="16"/>
      <c r="H44934" s="16"/>
      <c r="I44934" s="16"/>
      <c r="J44934" s="16"/>
    </row>
    <row r="44935" spans="7:10">
      <c r="G44935" s="16"/>
      <c r="H44935" s="16"/>
      <c r="I44935" s="16"/>
      <c r="J44935" s="16"/>
    </row>
    <row r="44936" spans="7:10">
      <c r="G44936" s="16"/>
      <c r="H44936" s="16"/>
      <c r="I44936" s="16"/>
      <c r="J44936" s="16"/>
    </row>
    <row r="44937" spans="7:10">
      <c r="G44937" s="16"/>
      <c r="H44937" s="16"/>
      <c r="I44937" s="16"/>
      <c r="J44937" s="16"/>
    </row>
    <row r="44938" spans="7:10">
      <c r="G44938" s="16"/>
      <c r="H44938" s="16"/>
      <c r="I44938" s="16"/>
      <c r="J44938" s="16"/>
    </row>
    <row r="44939" spans="7:10">
      <c r="G44939" s="16"/>
      <c r="H44939" s="16"/>
      <c r="I44939" s="16"/>
      <c r="J44939" s="16"/>
    </row>
    <row r="44940" spans="7:10">
      <c r="G44940" s="16"/>
      <c r="H44940" s="16"/>
      <c r="I44940" s="16"/>
      <c r="J44940" s="16"/>
    </row>
    <row r="44941" spans="7:10">
      <c r="G44941" s="16"/>
      <c r="H44941" s="16"/>
      <c r="I44941" s="16"/>
      <c r="J44941" s="16"/>
    </row>
    <row r="44942" spans="7:10">
      <c r="G44942" s="16"/>
      <c r="H44942" s="16"/>
      <c r="I44942" s="16"/>
      <c r="J44942" s="16"/>
    </row>
    <row r="44943" spans="7:10">
      <c r="G44943" s="16"/>
      <c r="H44943" s="16"/>
      <c r="I44943" s="16"/>
      <c r="J44943" s="16"/>
    </row>
    <row r="44944" spans="7:10">
      <c r="G44944" s="16"/>
      <c r="H44944" s="16"/>
      <c r="I44944" s="16"/>
      <c r="J44944" s="16"/>
    </row>
    <row r="44945" spans="7:10">
      <c r="G44945" s="16"/>
      <c r="H44945" s="16"/>
      <c r="I44945" s="16"/>
      <c r="J44945" s="16"/>
    </row>
    <row r="44946" spans="7:10">
      <c r="G44946" s="16"/>
      <c r="H44946" s="16"/>
      <c r="I44946" s="16"/>
      <c r="J44946" s="16"/>
    </row>
    <row r="44947" spans="7:10">
      <c r="G44947" s="16"/>
      <c r="H44947" s="16"/>
      <c r="I44947" s="16"/>
      <c r="J44947" s="16"/>
    </row>
    <row r="44948" spans="7:10">
      <c r="G44948" s="16"/>
      <c r="H44948" s="16"/>
      <c r="I44948" s="16"/>
      <c r="J44948" s="16"/>
    </row>
    <row r="44949" spans="7:10">
      <c r="G44949" s="16"/>
      <c r="H44949" s="16"/>
      <c r="I44949" s="16"/>
      <c r="J44949" s="16"/>
    </row>
    <row r="44950" spans="7:10">
      <c r="G44950" s="16"/>
      <c r="H44950" s="16"/>
      <c r="I44950" s="16"/>
      <c r="J44950" s="16"/>
    </row>
    <row r="44951" spans="7:10">
      <c r="G44951" s="16"/>
      <c r="H44951" s="16"/>
      <c r="I44951" s="16"/>
      <c r="J44951" s="16"/>
    </row>
    <row r="44952" spans="7:10">
      <c r="G44952" s="16"/>
      <c r="H44952" s="16"/>
      <c r="I44952" s="16"/>
      <c r="J44952" s="16"/>
    </row>
    <row r="44953" spans="7:10">
      <c r="G44953" s="16"/>
      <c r="H44953" s="16"/>
      <c r="I44953" s="16"/>
      <c r="J44953" s="16"/>
    </row>
    <row r="44954" spans="7:10">
      <c r="G44954" s="16"/>
      <c r="H44954" s="16"/>
      <c r="I44954" s="16"/>
      <c r="J44954" s="16"/>
    </row>
    <row r="44955" spans="7:10">
      <c r="G44955" s="16"/>
      <c r="H44955" s="16"/>
      <c r="I44955" s="16"/>
      <c r="J44955" s="16"/>
    </row>
    <row r="44956" spans="7:10">
      <c r="G44956" s="16"/>
      <c r="H44956" s="16"/>
      <c r="I44956" s="16"/>
      <c r="J44956" s="16"/>
    </row>
    <row r="44957" spans="7:10">
      <c r="G44957" s="16"/>
      <c r="H44957" s="16"/>
      <c r="I44957" s="16"/>
      <c r="J44957" s="16"/>
    </row>
    <row r="44958" spans="7:10">
      <c r="G44958" s="16"/>
      <c r="H44958" s="16"/>
      <c r="I44958" s="16"/>
      <c r="J44958" s="16"/>
    </row>
    <row r="44959" spans="7:10">
      <c r="G44959" s="16"/>
      <c r="H44959" s="16"/>
      <c r="I44959" s="16"/>
      <c r="J44959" s="16"/>
    </row>
    <row r="44960" spans="7:10">
      <c r="G44960" s="16"/>
      <c r="H44960" s="16"/>
      <c r="I44960" s="16"/>
      <c r="J44960" s="16"/>
    </row>
    <row r="44961" spans="7:10">
      <c r="G44961" s="16"/>
      <c r="H44961" s="16"/>
      <c r="I44961" s="16"/>
      <c r="J44961" s="16"/>
    </row>
    <row r="44962" spans="7:10">
      <c r="G44962" s="16"/>
      <c r="H44962" s="16"/>
      <c r="I44962" s="16"/>
      <c r="J44962" s="16"/>
    </row>
    <row r="44963" spans="7:10">
      <c r="G44963" s="16"/>
      <c r="H44963" s="16"/>
      <c r="I44963" s="16"/>
      <c r="J44963" s="16"/>
    </row>
    <row r="44964" spans="7:10">
      <c r="G44964" s="16"/>
      <c r="H44964" s="16"/>
      <c r="I44964" s="16"/>
      <c r="J44964" s="16"/>
    </row>
    <row r="44965" spans="7:10">
      <c r="G44965" s="16"/>
      <c r="H44965" s="16"/>
      <c r="I44965" s="16"/>
      <c r="J44965" s="16"/>
    </row>
    <row r="44966" spans="7:10">
      <c r="G44966" s="16"/>
      <c r="H44966" s="16"/>
      <c r="I44966" s="16"/>
      <c r="J44966" s="16"/>
    </row>
    <row r="44967" spans="7:10">
      <c r="G44967" s="16"/>
      <c r="H44967" s="16"/>
      <c r="I44967" s="16"/>
      <c r="J44967" s="16"/>
    </row>
    <row r="44968" spans="7:10">
      <c r="G44968" s="16"/>
      <c r="H44968" s="16"/>
      <c r="I44968" s="16"/>
      <c r="J44968" s="16"/>
    </row>
    <row r="44969" spans="7:10">
      <c r="G44969" s="16"/>
      <c r="H44969" s="16"/>
      <c r="I44969" s="16"/>
      <c r="J44969" s="16"/>
    </row>
    <row r="44970" spans="7:10">
      <c r="G44970" s="16"/>
      <c r="H44970" s="16"/>
      <c r="I44970" s="16"/>
      <c r="J44970" s="16"/>
    </row>
    <row r="44971" spans="7:10">
      <c r="G44971" s="16"/>
      <c r="H44971" s="16"/>
      <c r="I44971" s="16"/>
      <c r="J44971" s="16"/>
    </row>
    <row r="44972" spans="7:10">
      <c r="G44972" s="16"/>
      <c r="H44972" s="16"/>
      <c r="I44972" s="16"/>
      <c r="J44972" s="16"/>
    </row>
    <row r="44973" spans="7:10">
      <c r="G44973" s="16"/>
      <c r="H44973" s="16"/>
      <c r="I44973" s="16"/>
      <c r="J44973" s="16"/>
    </row>
    <row r="44974" spans="7:10">
      <c r="G44974" s="16"/>
      <c r="H44974" s="16"/>
      <c r="I44974" s="16"/>
      <c r="J44974" s="16"/>
    </row>
    <row r="44975" spans="7:10">
      <c r="G44975" s="16"/>
      <c r="H44975" s="16"/>
      <c r="I44975" s="16"/>
      <c r="J44975" s="16"/>
    </row>
    <row r="44976" spans="7:10">
      <c r="G44976" s="16"/>
      <c r="H44976" s="16"/>
      <c r="I44976" s="16"/>
      <c r="J44976" s="16"/>
    </row>
    <row r="44977" spans="7:10">
      <c r="G44977" s="16"/>
      <c r="H44977" s="16"/>
      <c r="I44977" s="16"/>
      <c r="J44977" s="16"/>
    </row>
    <row r="44978" spans="7:10">
      <c r="G44978" s="16"/>
      <c r="H44978" s="16"/>
      <c r="I44978" s="16"/>
      <c r="J44978" s="16"/>
    </row>
    <row r="44979" spans="7:10">
      <c r="G44979" s="16"/>
      <c r="H44979" s="16"/>
      <c r="I44979" s="16"/>
      <c r="J44979" s="16"/>
    </row>
    <row r="44980" spans="7:10">
      <c r="G44980" s="16"/>
      <c r="H44980" s="16"/>
      <c r="I44980" s="16"/>
      <c r="J44980" s="16"/>
    </row>
    <row r="44981" spans="7:10">
      <c r="G44981" s="16"/>
      <c r="H44981" s="16"/>
      <c r="I44981" s="16"/>
      <c r="J44981" s="16"/>
    </row>
    <row r="44982" spans="7:10">
      <c r="G44982" s="16"/>
      <c r="H44982" s="16"/>
      <c r="I44982" s="16"/>
      <c r="J44982" s="16"/>
    </row>
    <row r="44983" spans="7:10">
      <c r="G44983" s="16"/>
      <c r="H44983" s="16"/>
      <c r="I44983" s="16"/>
      <c r="J44983" s="16"/>
    </row>
    <row r="44984" spans="7:10">
      <c r="G44984" s="16"/>
      <c r="H44984" s="16"/>
      <c r="I44984" s="16"/>
      <c r="J44984" s="16"/>
    </row>
    <row r="44985" spans="7:10">
      <c r="G44985" s="16"/>
      <c r="H44985" s="16"/>
      <c r="I44985" s="16"/>
      <c r="J44985" s="16"/>
    </row>
    <row r="44986" spans="7:10">
      <c r="G44986" s="16"/>
      <c r="H44986" s="16"/>
      <c r="I44986" s="16"/>
      <c r="J44986" s="16"/>
    </row>
    <row r="44987" spans="7:10">
      <c r="G44987" s="16"/>
      <c r="H44987" s="16"/>
      <c r="I44987" s="16"/>
      <c r="J44987" s="16"/>
    </row>
    <row r="44988" spans="7:10">
      <c r="G44988" s="16"/>
      <c r="H44988" s="16"/>
      <c r="I44988" s="16"/>
      <c r="J44988" s="16"/>
    </row>
    <row r="44989" spans="7:10">
      <c r="G44989" s="16"/>
      <c r="H44989" s="16"/>
      <c r="I44989" s="16"/>
      <c r="J44989" s="16"/>
    </row>
    <row r="44990" spans="7:10">
      <c r="G44990" s="16"/>
      <c r="H44990" s="16"/>
      <c r="I44990" s="16"/>
      <c r="J44990" s="16"/>
    </row>
    <row r="44991" spans="7:10">
      <c r="G44991" s="16"/>
      <c r="H44991" s="16"/>
      <c r="I44991" s="16"/>
      <c r="J44991" s="16"/>
    </row>
    <row r="44992" spans="7:10">
      <c r="G44992" s="16"/>
      <c r="H44992" s="16"/>
      <c r="I44992" s="16"/>
      <c r="J44992" s="16"/>
    </row>
    <row r="44993" spans="7:10">
      <c r="G44993" s="16"/>
      <c r="H44993" s="16"/>
      <c r="I44993" s="16"/>
      <c r="J44993" s="16"/>
    </row>
    <row r="44994" spans="7:10">
      <c r="G44994" s="16"/>
      <c r="H44994" s="16"/>
      <c r="I44994" s="16"/>
      <c r="J44994" s="16"/>
    </row>
    <row r="44995" spans="7:10">
      <c r="G44995" s="16"/>
      <c r="H44995" s="16"/>
      <c r="I44995" s="16"/>
      <c r="J44995" s="16"/>
    </row>
    <row r="44996" spans="7:10">
      <c r="G44996" s="16"/>
      <c r="H44996" s="16"/>
      <c r="I44996" s="16"/>
      <c r="J44996" s="16"/>
    </row>
    <row r="44997" spans="7:10">
      <c r="G44997" s="16"/>
      <c r="H44997" s="16"/>
      <c r="I44997" s="16"/>
      <c r="J44997" s="16"/>
    </row>
    <row r="44998" spans="7:10">
      <c r="G44998" s="16"/>
      <c r="H44998" s="16"/>
      <c r="I44998" s="16"/>
      <c r="J44998" s="16"/>
    </row>
    <row r="44999" spans="7:10">
      <c r="G44999" s="16"/>
      <c r="H44999" s="16"/>
      <c r="I44999" s="16"/>
      <c r="J44999" s="16"/>
    </row>
    <row r="45000" spans="7:10">
      <c r="G45000" s="16"/>
      <c r="H45000" s="16"/>
      <c r="I45000" s="16"/>
      <c r="J45000" s="16"/>
    </row>
    <row r="45001" spans="7:10">
      <c r="G45001" s="16"/>
      <c r="H45001" s="16"/>
      <c r="I45001" s="16"/>
      <c r="J45001" s="16"/>
    </row>
    <row r="45002" spans="7:10">
      <c r="G45002" s="16"/>
      <c r="H45002" s="16"/>
      <c r="I45002" s="16"/>
      <c r="J45002" s="16"/>
    </row>
    <row r="45003" spans="7:10">
      <c r="G45003" s="16"/>
      <c r="H45003" s="16"/>
      <c r="I45003" s="16"/>
      <c r="J45003" s="16"/>
    </row>
    <row r="45004" spans="7:10">
      <c r="G45004" s="16"/>
      <c r="H45004" s="16"/>
      <c r="I45004" s="16"/>
      <c r="J45004" s="16"/>
    </row>
    <row r="45005" spans="7:10">
      <c r="G45005" s="16"/>
      <c r="H45005" s="16"/>
      <c r="I45005" s="16"/>
      <c r="J45005" s="16"/>
    </row>
    <row r="45006" spans="7:10">
      <c r="G45006" s="16"/>
      <c r="H45006" s="16"/>
      <c r="I45006" s="16"/>
      <c r="J45006" s="16"/>
    </row>
    <row r="45007" spans="7:10">
      <c r="G45007" s="16"/>
      <c r="H45007" s="16"/>
      <c r="I45007" s="16"/>
      <c r="J45007" s="16"/>
    </row>
    <row r="45008" spans="7:10">
      <c r="G45008" s="16"/>
      <c r="H45008" s="16"/>
      <c r="I45008" s="16"/>
      <c r="J45008" s="16"/>
    </row>
    <row r="45009" spans="7:10">
      <c r="G45009" s="16"/>
      <c r="H45009" s="16"/>
      <c r="I45009" s="16"/>
      <c r="J45009" s="16"/>
    </row>
    <row r="45010" spans="7:10">
      <c r="G45010" s="16"/>
      <c r="H45010" s="16"/>
      <c r="I45010" s="16"/>
      <c r="J45010" s="16"/>
    </row>
    <row r="45011" spans="7:10">
      <c r="G45011" s="16"/>
      <c r="H45011" s="16"/>
      <c r="I45011" s="16"/>
      <c r="J45011" s="16"/>
    </row>
    <row r="45012" spans="7:10">
      <c r="G45012" s="16"/>
      <c r="H45012" s="16"/>
      <c r="I45012" s="16"/>
      <c r="J45012" s="16"/>
    </row>
    <row r="45013" spans="7:10">
      <c r="G45013" s="16"/>
      <c r="H45013" s="16"/>
      <c r="I45013" s="16"/>
      <c r="J45013" s="16"/>
    </row>
    <row r="45014" spans="7:10">
      <c r="G45014" s="16"/>
      <c r="H45014" s="16"/>
      <c r="I45014" s="16"/>
      <c r="J45014" s="16"/>
    </row>
    <row r="45015" spans="7:10">
      <c r="G45015" s="16"/>
      <c r="H45015" s="16"/>
      <c r="I45015" s="16"/>
      <c r="J45015" s="16"/>
    </row>
    <row r="45016" spans="7:10">
      <c r="G45016" s="16"/>
      <c r="H45016" s="16"/>
      <c r="I45016" s="16"/>
      <c r="J45016" s="16"/>
    </row>
    <row r="45017" spans="7:10">
      <c r="G45017" s="16"/>
      <c r="H45017" s="16"/>
      <c r="I45017" s="16"/>
      <c r="J45017" s="16"/>
    </row>
    <row r="45018" spans="7:10">
      <c r="G45018" s="16"/>
      <c r="H45018" s="16"/>
      <c r="I45018" s="16"/>
      <c r="J45018" s="16"/>
    </row>
    <row r="45019" spans="7:10">
      <c r="G45019" s="16"/>
      <c r="H45019" s="16"/>
      <c r="I45019" s="16"/>
      <c r="J45019" s="16"/>
    </row>
    <row r="45020" spans="7:10">
      <c r="G45020" s="16"/>
      <c r="H45020" s="16"/>
      <c r="I45020" s="16"/>
      <c r="J45020" s="16"/>
    </row>
    <row r="45021" spans="7:10">
      <c r="G45021" s="16"/>
      <c r="H45021" s="16"/>
      <c r="I45021" s="16"/>
      <c r="J45021" s="16"/>
    </row>
    <row r="45022" spans="7:10">
      <c r="G45022" s="16"/>
      <c r="H45022" s="16"/>
      <c r="I45022" s="16"/>
      <c r="J45022" s="16"/>
    </row>
    <row r="45023" spans="7:10">
      <c r="G45023" s="16"/>
      <c r="H45023" s="16"/>
      <c r="I45023" s="16"/>
      <c r="J45023" s="16"/>
    </row>
    <row r="45024" spans="7:10">
      <c r="G45024" s="16"/>
      <c r="H45024" s="16"/>
      <c r="I45024" s="16"/>
      <c r="J45024" s="16"/>
    </row>
    <row r="45025" spans="7:10">
      <c r="G45025" s="16"/>
      <c r="H45025" s="16"/>
      <c r="I45025" s="16"/>
      <c r="J45025" s="16"/>
    </row>
    <row r="45026" spans="7:10">
      <c r="G45026" s="16"/>
      <c r="H45026" s="16"/>
      <c r="I45026" s="16"/>
      <c r="J45026" s="16"/>
    </row>
    <row r="45027" spans="7:10">
      <c r="G45027" s="16"/>
      <c r="H45027" s="16"/>
      <c r="I45027" s="16"/>
      <c r="J45027" s="16"/>
    </row>
    <row r="45028" spans="7:10">
      <c r="G45028" s="16"/>
      <c r="H45028" s="16"/>
      <c r="I45028" s="16"/>
      <c r="J45028" s="16"/>
    </row>
    <row r="45029" spans="7:10">
      <c r="G45029" s="16"/>
      <c r="H45029" s="16"/>
      <c r="I45029" s="16"/>
      <c r="J45029" s="16"/>
    </row>
    <row r="45030" spans="7:10">
      <c r="G45030" s="16"/>
      <c r="H45030" s="16"/>
      <c r="I45030" s="16"/>
      <c r="J45030" s="16"/>
    </row>
    <row r="45031" spans="7:10">
      <c r="G45031" s="16"/>
      <c r="H45031" s="16"/>
      <c r="I45031" s="16"/>
      <c r="J45031" s="16"/>
    </row>
    <row r="45032" spans="7:10">
      <c r="G45032" s="16"/>
      <c r="H45032" s="16"/>
      <c r="I45032" s="16"/>
      <c r="J45032" s="16"/>
    </row>
    <row r="45033" spans="7:10">
      <c r="G45033" s="16"/>
      <c r="H45033" s="16"/>
      <c r="I45033" s="16"/>
      <c r="J45033" s="16"/>
    </row>
    <row r="45034" spans="7:10">
      <c r="G45034" s="16"/>
      <c r="H45034" s="16"/>
      <c r="I45034" s="16"/>
      <c r="J45034" s="16"/>
    </row>
    <row r="45035" spans="7:10">
      <c r="G45035" s="16"/>
      <c r="H45035" s="16"/>
      <c r="I45035" s="16"/>
      <c r="J45035" s="16"/>
    </row>
    <row r="45036" spans="7:10">
      <c r="G45036" s="16"/>
      <c r="H45036" s="16"/>
      <c r="I45036" s="16"/>
      <c r="J45036" s="16"/>
    </row>
    <row r="45037" spans="7:10">
      <c r="G45037" s="16"/>
      <c r="H45037" s="16"/>
      <c r="I45037" s="16"/>
      <c r="J45037" s="16"/>
    </row>
    <row r="45038" spans="7:10">
      <c r="G45038" s="16"/>
      <c r="H45038" s="16"/>
      <c r="I45038" s="16"/>
      <c r="J45038" s="16"/>
    </row>
    <row r="45039" spans="7:10">
      <c r="G45039" s="16"/>
      <c r="H45039" s="16"/>
      <c r="I45039" s="16"/>
      <c r="J45039" s="16"/>
    </row>
    <row r="45040" spans="7:10">
      <c r="G45040" s="16"/>
      <c r="H45040" s="16"/>
      <c r="I45040" s="16"/>
      <c r="J45040" s="16"/>
    </row>
    <row r="45041" spans="7:10">
      <c r="G45041" s="16"/>
      <c r="H45041" s="16"/>
      <c r="I45041" s="16"/>
      <c r="J45041" s="16"/>
    </row>
    <row r="45042" spans="7:10">
      <c r="G45042" s="16"/>
      <c r="H45042" s="16"/>
      <c r="I45042" s="16"/>
      <c r="J45042" s="16"/>
    </row>
    <row r="45043" spans="7:10">
      <c r="G45043" s="16"/>
      <c r="H45043" s="16"/>
      <c r="I45043" s="16"/>
      <c r="J45043" s="16"/>
    </row>
    <row r="45044" spans="7:10">
      <c r="G45044" s="16"/>
      <c r="H45044" s="16"/>
      <c r="I45044" s="16"/>
      <c r="J45044" s="16"/>
    </row>
    <row r="45045" spans="7:10">
      <c r="G45045" s="16"/>
      <c r="H45045" s="16"/>
      <c r="I45045" s="16"/>
      <c r="J45045" s="16"/>
    </row>
    <row r="45046" spans="7:10">
      <c r="G45046" s="16"/>
      <c r="H45046" s="16"/>
      <c r="I45046" s="16"/>
      <c r="J45046" s="16"/>
    </row>
    <row r="45047" spans="7:10">
      <c r="G45047" s="16"/>
      <c r="H45047" s="16"/>
      <c r="I45047" s="16"/>
      <c r="J45047" s="16"/>
    </row>
    <row r="45048" spans="7:10">
      <c r="G45048" s="16"/>
      <c r="H45048" s="16"/>
      <c r="I45048" s="16"/>
      <c r="J45048" s="16"/>
    </row>
    <row r="45049" spans="7:10">
      <c r="G45049" s="16"/>
      <c r="H45049" s="16"/>
      <c r="I45049" s="16"/>
      <c r="J45049" s="16"/>
    </row>
    <row r="45050" spans="7:10">
      <c r="G45050" s="16"/>
      <c r="H45050" s="16"/>
      <c r="I45050" s="16"/>
      <c r="J45050" s="16"/>
    </row>
    <row r="45051" spans="7:10">
      <c r="G45051" s="16"/>
      <c r="H45051" s="16"/>
      <c r="I45051" s="16"/>
      <c r="J45051" s="16"/>
    </row>
    <row r="45052" spans="7:10">
      <c r="G45052" s="16"/>
      <c r="H45052" s="16"/>
      <c r="I45052" s="16"/>
      <c r="J45052" s="16"/>
    </row>
    <row r="45053" spans="7:10">
      <c r="G45053" s="16"/>
      <c r="H45053" s="16"/>
      <c r="I45053" s="16"/>
      <c r="J45053" s="16"/>
    </row>
    <row r="45054" spans="7:10">
      <c r="G45054" s="16"/>
      <c r="H45054" s="16"/>
      <c r="I45054" s="16"/>
      <c r="J45054" s="16"/>
    </row>
    <row r="45055" spans="7:10">
      <c r="G45055" s="16"/>
      <c r="H45055" s="16"/>
      <c r="I45055" s="16"/>
      <c r="J45055" s="16"/>
    </row>
    <row r="45056" spans="7:10">
      <c r="G45056" s="16"/>
      <c r="H45056" s="16"/>
      <c r="I45056" s="16"/>
      <c r="J45056" s="16"/>
    </row>
    <row r="45057" spans="7:10">
      <c r="G45057" s="16"/>
      <c r="H45057" s="16"/>
      <c r="I45057" s="16"/>
      <c r="J45057" s="16"/>
    </row>
    <row r="45058" spans="7:10">
      <c r="G45058" s="16"/>
      <c r="H45058" s="16"/>
      <c r="I45058" s="16"/>
      <c r="J45058" s="16"/>
    </row>
    <row r="45059" spans="7:10">
      <c r="G45059" s="16"/>
      <c r="H45059" s="16"/>
      <c r="I45059" s="16"/>
      <c r="J45059" s="16"/>
    </row>
    <row r="45060" spans="7:10">
      <c r="G45060" s="16"/>
      <c r="H45060" s="16"/>
      <c r="I45060" s="16"/>
      <c r="J45060" s="16"/>
    </row>
    <row r="45061" spans="7:10">
      <c r="G45061" s="16"/>
      <c r="H45061" s="16"/>
      <c r="I45061" s="16"/>
      <c r="J45061" s="16"/>
    </row>
    <row r="45062" spans="7:10">
      <c r="G45062" s="16"/>
      <c r="H45062" s="16"/>
      <c r="I45062" s="16"/>
      <c r="J45062" s="16"/>
    </row>
    <row r="45063" spans="7:10">
      <c r="G45063" s="16"/>
      <c r="H45063" s="16"/>
      <c r="I45063" s="16"/>
      <c r="J45063" s="16"/>
    </row>
    <row r="45064" spans="7:10">
      <c r="G45064" s="16"/>
      <c r="H45064" s="16"/>
      <c r="I45064" s="16"/>
      <c r="J45064" s="16"/>
    </row>
    <row r="45065" spans="7:10">
      <c r="G45065" s="16"/>
      <c r="H45065" s="16"/>
      <c r="I45065" s="16"/>
      <c r="J45065" s="16"/>
    </row>
    <row r="45066" spans="7:10">
      <c r="G45066" s="16"/>
      <c r="H45066" s="16"/>
      <c r="I45066" s="16"/>
      <c r="J45066" s="16"/>
    </row>
    <row r="45067" spans="7:10">
      <c r="G45067" s="16"/>
      <c r="H45067" s="16"/>
      <c r="I45067" s="16"/>
      <c r="J45067" s="16"/>
    </row>
    <row r="45068" spans="7:10">
      <c r="G45068" s="16"/>
      <c r="H45068" s="16"/>
      <c r="I45068" s="16"/>
      <c r="J45068" s="16"/>
    </row>
    <row r="45069" spans="7:10">
      <c r="G45069" s="16"/>
      <c r="H45069" s="16"/>
      <c r="I45069" s="16"/>
      <c r="J45069" s="16"/>
    </row>
    <row r="45070" spans="7:10">
      <c r="G45070" s="16"/>
      <c r="H45070" s="16"/>
      <c r="I45070" s="16"/>
      <c r="J45070" s="16"/>
    </row>
    <row r="45071" spans="7:10">
      <c r="G45071" s="16"/>
      <c r="H45071" s="16"/>
      <c r="I45071" s="16"/>
      <c r="J45071" s="16"/>
    </row>
    <row r="45072" spans="7:10">
      <c r="G45072" s="16"/>
      <c r="H45072" s="16"/>
      <c r="I45072" s="16"/>
      <c r="J45072" s="16"/>
    </row>
    <row r="45073" spans="7:10">
      <c r="G45073" s="16"/>
      <c r="H45073" s="16"/>
      <c r="I45073" s="16"/>
      <c r="J45073" s="16"/>
    </row>
    <row r="45074" spans="7:10">
      <c r="G45074" s="16"/>
      <c r="H45074" s="16"/>
      <c r="I45074" s="16"/>
      <c r="J45074" s="16"/>
    </row>
    <row r="45075" spans="7:10">
      <c r="G45075" s="16"/>
      <c r="H45075" s="16"/>
      <c r="I45075" s="16"/>
      <c r="J45075" s="16"/>
    </row>
    <row r="45076" spans="7:10">
      <c r="G45076" s="16"/>
      <c r="H45076" s="16"/>
      <c r="I45076" s="16"/>
      <c r="J45076" s="16"/>
    </row>
    <row r="45077" spans="7:10">
      <c r="G45077" s="16"/>
      <c r="H45077" s="16"/>
      <c r="I45077" s="16"/>
      <c r="J45077" s="16"/>
    </row>
    <row r="45078" spans="7:10">
      <c r="G45078" s="16"/>
      <c r="H45078" s="16"/>
      <c r="I45078" s="16"/>
      <c r="J45078" s="16"/>
    </row>
    <row r="45079" spans="7:10">
      <c r="G45079" s="16"/>
      <c r="H45079" s="16"/>
      <c r="I45079" s="16"/>
      <c r="J45079" s="16"/>
    </row>
    <row r="45080" spans="7:10">
      <c r="G45080" s="16"/>
      <c r="H45080" s="16"/>
      <c r="I45080" s="16"/>
      <c r="J45080" s="16"/>
    </row>
    <row r="45081" spans="7:10">
      <c r="G45081" s="16"/>
      <c r="H45081" s="16"/>
      <c r="I45081" s="16"/>
      <c r="J45081" s="16"/>
    </row>
    <row r="45082" spans="7:10">
      <c r="G45082" s="16"/>
      <c r="H45082" s="16"/>
      <c r="I45082" s="16"/>
      <c r="J45082" s="16"/>
    </row>
    <row r="45083" spans="7:10">
      <c r="G45083" s="16"/>
      <c r="H45083" s="16"/>
      <c r="I45083" s="16"/>
      <c r="J45083" s="16"/>
    </row>
    <row r="45084" spans="7:10">
      <c r="G45084" s="16"/>
      <c r="H45084" s="16"/>
      <c r="I45084" s="16"/>
      <c r="J45084" s="16"/>
    </row>
    <row r="45085" spans="7:10">
      <c r="G45085" s="16"/>
      <c r="H45085" s="16"/>
      <c r="I45085" s="16"/>
      <c r="J45085" s="16"/>
    </row>
    <row r="45086" spans="7:10">
      <c r="G45086" s="16"/>
      <c r="H45086" s="16"/>
      <c r="I45086" s="16"/>
      <c r="J45086" s="16"/>
    </row>
    <row r="45087" spans="7:10">
      <c r="G45087" s="16"/>
      <c r="H45087" s="16"/>
      <c r="I45087" s="16"/>
      <c r="J45087" s="16"/>
    </row>
    <row r="45088" spans="7:10">
      <c r="G45088" s="16"/>
      <c r="H45088" s="16"/>
      <c r="I45088" s="16"/>
      <c r="J45088" s="16"/>
    </row>
    <row r="45089" spans="7:10">
      <c r="G45089" s="16"/>
      <c r="H45089" s="16"/>
      <c r="I45089" s="16"/>
      <c r="J45089" s="16"/>
    </row>
    <row r="45090" spans="7:10">
      <c r="G45090" s="16"/>
      <c r="H45090" s="16"/>
      <c r="I45090" s="16"/>
      <c r="J45090" s="16"/>
    </row>
    <row r="45091" spans="7:10">
      <c r="G45091" s="16"/>
      <c r="H45091" s="16"/>
      <c r="I45091" s="16"/>
      <c r="J45091" s="16"/>
    </row>
    <row r="45092" spans="7:10">
      <c r="G45092" s="16"/>
      <c r="H45092" s="16"/>
      <c r="I45092" s="16"/>
      <c r="J45092" s="16"/>
    </row>
    <row r="45093" spans="7:10">
      <c r="G45093" s="16"/>
      <c r="H45093" s="16"/>
      <c r="I45093" s="16"/>
      <c r="J45093" s="16"/>
    </row>
    <row r="45094" spans="7:10">
      <c r="G45094" s="16"/>
      <c r="H45094" s="16"/>
      <c r="I45094" s="16"/>
      <c r="J45094" s="16"/>
    </row>
    <row r="45095" spans="7:10">
      <c r="G45095" s="16"/>
      <c r="H45095" s="16"/>
      <c r="I45095" s="16"/>
      <c r="J45095" s="16"/>
    </row>
    <row r="45096" spans="7:10">
      <c r="G45096" s="16"/>
      <c r="H45096" s="16"/>
      <c r="I45096" s="16"/>
      <c r="J45096" s="16"/>
    </row>
    <row r="45097" spans="7:10">
      <c r="G45097" s="16"/>
      <c r="H45097" s="16"/>
      <c r="I45097" s="16"/>
      <c r="J45097" s="16"/>
    </row>
    <row r="45098" spans="7:10">
      <c r="G45098" s="16"/>
      <c r="H45098" s="16"/>
      <c r="I45098" s="16"/>
      <c r="J45098" s="16"/>
    </row>
    <row r="45099" spans="7:10">
      <c r="G45099" s="16"/>
      <c r="H45099" s="16"/>
      <c r="I45099" s="16"/>
      <c r="J45099" s="16"/>
    </row>
    <row r="45100" spans="7:10">
      <c r="G45100" s="16"/>
      <c r="H45100" s="16"/>
      <c r="I45100" s="16"/>
      <c r="J45100" s="16"/>
    </row>
    <row r="45101" spans="7:10">
      <c r="G45101" s="16"/>
      <c r="H45101" s="16"/>
      <c r="I45101" s="16"/>
      <c r="J45101" s="16"/>
    </row>
    <row r="45102" spans="7:10">
      <c r="G45102" s="16"/>
      <c r="H45102" s="16"/>
      <c r="I45102" s="16"/>
      <c r="J45102" s="16"/>
    </row>
    <row r="45103" spans="7:10">
      <c r="G45103" s="16"/>
      <c r="H45103" s="16"/>
      <c r="I45103" s="16"/>
      <c r="J45103" s="16"/>
    </row>
    <row r="45104" spans="7:10">
      <c r="G45104" s="16"/>
      <c r="H45104" s="16"/>
      <c r="I45104" s="16"/>
      <c r="J45104" s="16"/>
    </row>
    <row r="45105" spans="7:10">
      <c r="G45105" s="16"/>
      <c r="H45105" s="16"/>
      <c r="I45105" s="16"/>
      <c r="J45105" s="16"/>
    </row>
    <row r="45106" spans="7:10">
      <c r="G45106" s="16"/>
      <c r="H45106" s="16"/>
      <c r="I45106" s="16"/>
      <c r="J45106" s="16"/>
    </row>
    <row r="45107" spans="7:10">
      <c r="G45107" s="16"/>
      <c r="H45107" s="16"/>
      <c r="I45107" s="16"/>
      <c r="J45107" s="16"/>
    </row>
    <row r="45108" spans="7:10">
      <c r="G45108" s="16"/>
      <c r="H45108" s="16"/>
      <c r="I45108" s="16"/>
      <c r="J45108" s="16"/>
    </row>
    <row r="45109" spans="7:10">
      <c r="G45109" s="16"/>
      <c r="H45109" s="16"/>
      <c r="I45109" s="16"/>
      <c r="J45109" s="16"/>
    </row>
    <row r="45110" spans="7:10">
      <c r="G45110" s="16"/>
      <c r="H45110" s="16"/>
      <c r="I45110" s="16"/>
      <c r="J45110" s="16"/>
    </row>
    <row r="45111" spans="7:10">
      <c r="G45111" s="16"/>
      <c r="H45111" s="16"/>
      <c r="I45111" s="16"/>
      <c r="J45111" s="16"/>
    </row>
    <row r="45112" spans="7:10">
      <c r="G45112" s="16"/>
      <c r="H45112" s="16"/>
      <c r="I45112" s="16"/>
      <c r="J45112" s="16"/>
    </row>
    <row r="45113" spans="7:10">
      <c r="G45113" s="16"/>
      <c r="H45113" s="16"/>
      <c r="I45113" s="16"/>
      <c r="J45113" s="16"/>
    </row>
    <row r="45114" spans="7:10">
      <c r="G45114" s="16"/>
      <c r="H45114" s="16"/>
      <c r="I45114" s="16"/>
      <c r="J45114" s="16"/>
    </row>
    <row r="45115" spans="7:10">
      <c r="G45115" s="16"/>
      <c r="H45115" s="16"/>
      <c r="I45115" s="16"/>
      <c r="J45115" s="16"/>
    </row>
    <row r="45116" spans="7:10">
      <c r="G45116" s="16"/>
      <c r="H45116" s="16"/>
      <c r="I45116" s="16"/>
      <c r="J45116" s="16"/>
    </row>
    <row r="45117" spans="7:10">
      <c r="G45117" s="16"/>
      <c r="H45117" s="16"/>
      <c r="I45117" s="16"/>
      <c r="J45117" s="16"/>
    </row>
    <row r="45118" spans="7:10">
      <c r="G45118" s="16"/>
      <c r="H45118" s="16"/>
      <c r="I45118" s="16"/>
      <c r="J45118" s="16"/>
    </row>
    <row r="45119" spans="7:10">
      <c r="G45119" s="16"/>
      <c r="H45119" s="16"/>
      <c r="I45119" s="16"/>
      <c r="J45119" s="16"/>
    </row>
    <row r="45120" spans="7:10">
      <c r="G45120" s="16"/>
      <c r="H45120" s="16"/>
      <c r="I45120" s="16"/>
      <c r="J45120" s="16"/>
    </row>
    <row r="45121" spans="7:10">
      <c r="G45121" s="16"/>
      <c r="H45121" s="16"/>
      <c r="I45121" s="16"/>
      <c r="J45121" s="16"/>
    </row>
    <row r="45122" spans="7:10">
      <c r="G45122" s="16"/>
      <c r="H45122" s="16"/>
      <c r="I45122" s="16"/>
      <c r="J45122" s="16"/>
    </row>
    <row r="45123" spans="7:10">
      <c r="G45123" s="16"/>
      <c r="H45123" s="16"/>
      <c r="I45123" s="16"/>
      <c r="J45123" s="16"/>
    </row>
    <row r="45124" spans="7:10">
      <c r="G45124" s="16"/>
      <c r="H45124" s="16"/>
      <c r="I45124" s="16"/>
      <c r="J45124" s="16"/>
    </row>
    <row r="45125" spans="7:10">
      <c r="G45125" s="16"/>
      <c r="H45125" s="16"/>
      <c r="I45125" s="16"/>
      <c r="J45125" s="16"/>
    </row>
    <row r="45126" spans="7:10">
      <c r="G45126" s="16"/>
      <c r="H45126" s="16"/>
      <c r="I45126" s="16"/>
      <c r="J45126" s="16"/>
    </row>
    <row r="45127" spans="7:10">
      <c r="G45127" s="16"/>
      <c r="H45127" s="16"/>
      <c r="I45127" s="16"/>
      <c r="J45127" s="16"/>
    </row>
    <row r="45128" spans="7:10">
      <c r="G45128" s="16"/>
      <c r="H45128" s="16"/>
      <c r="I45128" s="16"/>
      <c r="J45128" s="16"/>
    </row>
    <row r="45129" spans="7:10">
      <c r="G45129" s="16"/>
      <c r="H45129" s="16"/>
      <c r="I45129" s="16"/>
      <c r="J45129" s="16"/>
    </row>
    <row r="45130" spans="7:10">
      <c r="G45130" s="16"/>
      <c r="H45130" s="16"/>
      <c r="I45130" s="16"/>
      <c r="J45130" s="16"/>
    </row>
    <row r="45131" spans="7:10">
      <c r="G45131" s="16"/>
      <c r="H45131" s="16"/>
      <c r="I45131" s="16"/>
      <c r="J45131" s="16"/>
    </row>
    <row r="45132" spans="7:10">
      <c r="G45132" s="16"/>
      <c r="H45132" s="16"/>
      <c r="I45132" s="16"/>
      <c r="J45132" s="16"/>
    </row>
    <row r="45133" spans="7:10">
      <c r="G45133" s="16"/>
      <c r="H45133" s="16"/>
      <c r="I45133" s="16"/>
      <c r="J45133" s="16"/>
    </row>
    <row r="45134" spans="7:10">
      <c r="G45134" s="16"/>
      <c r="H45134" s="16"/>
      <c r="I45134" s="16"/>
      <c r="J45134" s="16"/>
    </row>
    <row r="45135" spans="7:10">
      <c r="G45135" s="16"/>
      <c r="H45135" s="16"/>
      <c r="I45135" s="16"/>
      <c r="J45135" s="16"/>
    </row>
    <row r="45136" spans="7:10">
      <c r="G45136" s="16"/>
      <c r="H45136" s="16"/>
      <c r="I45136" s="16"/>
      <c r="J45136" s="16"/>
    </row>
    <row r="45137" spans="7:10">
      <c r="G45137" s="16"/>
      <c r="H45137" s="16"/>
      <c r="I45137" s="16"/>
      <c r="J45137" s="16"/>
    </row>
    <row r="45138" spans="7:10">
      <c r="G45138" s="16"/>
      <c r="H45138" s="16"/>
      <c r="I45138" s="16"/>
      <c r="J45138" s="16"/>
    </row>
    <row r="45139" spans="7:10">
      <c r="G45139" s="16"/>
      <c r="H45139" s="16"/>
      <c r="I45139" s="16"/>
      <c r="J45139" s="16"/>
    </row>
    <row r="45140" spans="7:10">
      <c r="G45140" s="16"/>
      <c r="H45140" s="16"/>
      <c r="I45140" s="16"/>
      <c r="J45140" s="16"/>
    </row>
    <row r="45141" spans="7:10">
      <c r="G45141" s="16"/>
      <c r="H45141" s="16"/>
      <c r="I45141" s="16"/>
      <c r="J45141" s="16"/>
    </row>
    <row r="45142" spans="7:10">
      <c r="G45142" s="16"/>
      <c r="H45142" s="16"/>
      <c r="I45142" s="16"/>
      <c r="J45142" s="16"/>
    </row>
    <row r="45143" spans="7:10">
      <c r="G45143" s="16"/>
      <c r="H45143" s="16"/>
      <c r="I45143" s="16"/>
      <c r="J45143" s="16"/>
    </row>
    <row r="45144" spans="7:10">
      <c r="G45144" s="16"/>
      <c r="H45144" s="16"/>
      <c r="I45144" s="16"/>
      <c r="J45144" s="16"/>
    </row>
    <row r="45145" spans="7:10">
      <c r="G45145" s="16"/>
      <c r="H45145" s="16"/>
      <c r="I45145" s="16"/>
      <c r="J45145" s="16"/>
    </row>
    <row r="45146" spans="7:10">
      <c r="G45146" s="16"/>
      <c r="H45146" s="16"/>
      <c r="I45146" s="16"/>
      <c r="J45146" s="16"/>
    </row>
    <row r="45147" spans="7:10">
      <c r="G45147" s="16"/>
      <c r="H45147" s="16"/>
      <c r="I45147" s="16"/>
      <c r="J45147" s="16"/>
    </row>
    <row r="45148" spans="7:10">
      <c r="G45148" s="16"/>
      <c r="H45148" s="16"/>
      <c r="I45148" s="16"/>
      <c r="J45148" s="16"/>
    </row>
    <row r="45149" spans="7:10">
      <c r="G45149" s="16"/>
      <c r="H45149" s="16"/>
      <c r="I45149" s="16"/>
      <c r="J45149" s="16"/>
    </row>
    <row r="45150" spans="7:10">
      <c r="G45150" s="16"/>
      <c r="H45150" s="16"/>
      <c r="I45150" s="16"/>
      <c r="J45150" s="16"/>
    </row>
    <row r="45151" spans="7:10">
      <c r="G45151" s="16"/>
      <c r="H45151" s="16"/>
      <c r="I45151" s="16"/>
      <c r="J45151" s="16"/>
    </row>
    <row r="45152" spans="7:10">
      <c r="G45152" s="16"/>
      <c r="H45152" s="16"/>
      <c r="I45152" s="16"/>
      <c r="J45152" s="16"/>
    </row>
    <row r="45153" spans="7:10">
      <c r="G45153" s="16"/>
      <c r="H45153" s="16"/>
      <c r="I45153" s="16"/>
      <c r="J45153" s="16"/>
    </row>
    <row r="45154" spans="7:10">
      <c r="G45154" s="16"/>
      <c r="H45154" s="16"/>
      <c r="I45154" s="16"/>
      <c r="J45154" s="16"/>
    </row>
    <row r="45155" spans="7:10">
      <c r="G45155" s="16"/>
      <c r="H45155" s="16"/>
      <c r="I45155" s="16"/>
      <c r="J45155" s="16"/>
    </row>
    <row r="45156" spans="7:10">
      <c r="G45156" s="16"/>
      <c r="H45156" s="16"/>
      <c r="I45156" s="16"/>
      <c r="J45156" s="16"/>
    </row>
    <row r="45157" spans="7:10">
      <c r="G45157" s="16"/>
      <c r="H45157" s="16"/>
      <c r="I45157" s="16"/>
      <c r="J45157" s="16"/>
    </row>
    <row r="45158" spans="7:10">
      <c r="G45158" s="16"/>
      <c r="H45158" s="16"/>
      <c r="I45158" s="16"/>
      <c r="J45158" s="16"/>
    </row>
    <row r="45159" spans="7:10">
      <c r="G45159" s="16"/>
      <c r="H45159" s="16"/>
      <c r="I45159" s="16"/>
      <c r="J45159" s="16"/>
    </row>
    <row r="45160" spans="7:10">
      <c r="G45160" s="16"/>
      <c r="H45160" s="16"/>
      <c r="I45160" s="16"/>
      <c r="J45160" s="16"/>
    </row>
    <row r="45161" spans="7:10">
      <c r="G45161" s="16"/>
      <c r="H45161" s="16"/>
      <c r="I45161" s="16"/>
      <c r="J45161" s="16"/>
    </row>
    <row r="45162" spans="7:10">
      <c r="G45162" s="16"/>
      <c r="H45162" s="16"/>
      <c r="I45162" s="16"/>
      <c r="J45162" s="16"/>
    </row>
    <row r="45163" spans="7:10">
      <c r="G45163" s="16"/>
      <c r="H45163" s="16"/>
      <c r="I45163" s="16"/>
      <c r="J45163" s="16"/>
    </row>
    <row r="45164" spans="7:10">
      <c r="G45164" s="16"/>
      <c r="H45164" s="16"/>
      <c r="I45164" s="16"/>
      <c r="J45164" s="16"/>
    </row>
    <row r="45165" spans="7:10">
      <c r="G45165" s="16"/>
      <c r="H45165" s="16"/>
      <c r="I45165" s="16"/>
      <c r="J45165" s="16"/>
    </row>
    <row r="45166" spans="7:10">
      <c r="G45166" s="16"/>
      <c r="H45166" s="16"/>
      <c r="I45166" s="16"/>
      <c r="J45166" s="16"/>
    </row>
    <row r="45167" spans="7:10">
      <c r="G45167" s="16"/>
      <c r="H45167" s="16"/>
      <c r="I45167" s="16"/>
      <c r="J45167" s="16"/>
    </row>
    <row r="45168" spans="7:10">
      <c r="G45168" s="16"/>
      <c r="H45168" s="16"/>
      <c r="I45168" s="16"/>
      <c r="J45168" s="16"/>
    </row>
    <row r="45169" spans="7:10">
      <c r="G45169" s="16"/>
      <c r="H45169" s="16"/>
      <c r="I45169" s="16"/>
      <c r="J45169" s="16"/>
    </row>
    <row r="45170" spans="7:10">
      <c r="G45170" s="16"/>
      <c r="H45170" s="16"/>
      <c r="I45170" s="16"/>
      <c r="J45170" s="16"/>
    </row>
    <row r="45171" spans="7:10">
      <c r="G45171" s="16"/>
      <c r="H45171" s="16"/>
      <c r="I45171" s="16"/>
      <c r="J45171" s="16"/>
    </row>
    <row r="45172" spans="7:10">
      <c r="G45172" s="16"/>
      <c r="H45172" s="16"/>
      <c r="I45172" s="16"/>
      <c r="J45172" s="16"/>
    </row>
    <row r="45173" spans="7:10">
      <c r="G45173" s="16"/>
      <c r="H45173" s="16"/>
      <c r="I45173" s="16"/>
      <c r="J45173" s="16"/>
    </row>
    <row r="45174" spans="7:10">
      <c r="G45174" s="16"/>
      <c r="H45174" s="16"/>
      <c r="I45174" s="16"/>
      <c r="J45174" s="16"/>
    </row>
    <row r="45175" spans="7:10">
      <c r="G45175" s="16"/>
      <c r="H45175" s="16"/>
      <c r="I45175" s="16"/>
      <c r="J45175" s="16"/>
    </row>
    <row r="45176" spans="7:10">
      <c r="G45176" s="16"/>
      <c r="H45176" s="16"/>
      <c r="I45176" s="16"/>
      <c r="J45176" s="16"/>
    </row>
    <row r="45177" spans="7:10">
      <c r="G45177" s="16"/>
      <c r="H45177" s="16"/>
      <c r="I45177" s="16"/>
      <c r="J45177" s="16"/>
    </row>
    <row r="45178" spans="7:10">
      <c r="G45178" s="16"/>
      <c r="H45178" s="16"/>
      <c r="I45178" s="16"/>
      <c r="J45178" s="16"/>
    </row>
    <row r="45179" spans="7:10">
      <c r="G45179" s="16"/>
      <c r="H45179" s="16"/>
      <c r="I45179" s="16"/>
      <c r="J45179" s="16"/>
    </row>
    <row r="45180" spans="7:10">
      <c r="G45180" s="16"/>
      <c r="H45180" s="16"/>
      <c r="I45180" s="16"/>
      <c r="J45180" s="16"/>
    </row>
    <row r="45181" spans="7:10">
      <c r="G45181" s="16"/>
      <c r="H45181" s="16"/>
      <c r="I45181" s="16"/>
      <c r="J45181" s="16"/>
    </row>
    <row r="45182" spans="7:10">
      <c r="G45182" s="16"/>
      <c r="H45182" s="16"/>
      <c r="I45182" s="16"/>
      <c r="J45182" s="16"/>
    </row>
    <row r="45183" spans="7:10">
      <c r="G45183" s="16"/>
      <c r="H45183" s="16"/>
      <c r="I45183" s="16"/>
      <c r="J45183" s="16"/>
    </row>
    <row r="45184" spans="7:10">
      <c r="G45184" s="16"/>
      <c r="H45184" s="16"/>
      <c r="I45184" s="16"/>
      <c r="J45184" s="16"/>
    </row>
    <row r="45185" spans="7:10">
      <c r="G45185" s="16"/>
      <c r="H45185" s="16"/>
      <c r="I45185" s="16"/>
      <c r="J45185" s="16"/>
    </row>
    <row r="45186" spans="7:10">
      <c r="G45186" s="16"/>
      <c r="H45186" s="16"/>
      <c r="I45186" s="16"/>
      <c r="J45186" s="16"/>
    </row>
    <row r="45187" spans="7:10">
      <c r="G45187" s="16"/>
      <c r="H45187" s="16"/>
      <c r="I45187" s="16"/>
      <c r="J45187" s="16"/>
    </row>
    <row r="45188" spans="7:10">
      <c r="G45188" s="16"/>
      <c r="H45188" s="16"/>
      <c r="I45188" s="16"/>
      <c r="J45188" s="16"/>
    </row>
    <row r="45189" spans="7:10">
      <c r="G45189" s="16"/>
      <c r="H45189" s="16"/>
      <c r="I45189" s="16"/>
      <c r="J45189" s="16"/>
    </row>
    <row r="45190" spans="7:10">
      <c r="G45190" s="16"/>
      <c r="H45190" s="16"/>
      <c r="I45190" s="16"/>
      <c r="J45190" s="16"/>
    </row>
    <row r="45191" spans="7:10">
      <c r="G45191" s="16"/>
      <c r="H45191" s="16"/>
      <c r="I45191" s="16"/>
      <c r="J45191" s="16"/>
    </row>
    <row r="45192" spans="7:10">
      <c r="G45192" s="16"/>
      <c r="H45192" s="16"/>
      <c r="I45192" s="16"/>
      <c r="J45192" s="16"/>
    </row>
    <row r="45193" spans="7:10">
      <c r="G45193" s="16"/>
      <c r="H45193" s="16"/>
      <c r="I45193" s="16"/>
      <c r="J45193" s="16"/>
    </row>
    <row r="45194" spans="7:10">
      <c r="G45194" s="16"/>
      <c r="H45194" s="16"/>
      <c r="I45194" s="16"/>
      <c r="J45194" s="16"/>
    </row>
    <row r="45195" spans="7:10">
      <c r="G45195" s="16"/>
      <c r="H45195" s="16"/>
      <c r="I45195" s="16"/>
      <c r="J45195" s="16"/>
    </row>
    <row r="45196" spans="7:10">
      <c r="G45196" s="16"/>
      <c r="H45196" s="16"/>
      <c r="I45196" s="16"/>
      <c r="J45196" s="16"/>
    </row>
    <row r="45197" spans="7:10">
      <c r="G45197" s="16"/>
      <c r="H45197" s="16"/>
      <c r="I45197" s="16"/>
      <c r="J45197" s="16"/>
    </row>
    <row r="45198" spans="7:10">
      <c r="G45198" s="16"/>
      <c r="H45198" s="16"/>
      <c r="I45198" s="16"/>
      <c r="J45198" s="16"/>
    </row>
    <row r="45199" spans="7:10">
      <c r="G45199" s="16"/>
      <c r="H45199" s="16"/>
      <c r="I45199" s="16"/>
      <c r="J45199" s="16"/>
    </row>
    <row r="45200" spans="7:10">
      <c r="G45200" s="16"/>
      <c r="H45200" s="16"/>
      <c r="I45200" s="16"/>
      <c r="J45200" s="16"/>
    </row>
    <row r="45201" spans="7:10">
      <c r="G45201" s="16"/>
      <c r="H45201" s="16"/>
      <c r="I45201" s="16"/>
      <c r="J45201" s="16"/>
    </row>
    <row r="45202" spans="7:10">
      <c r="G45202" s="16"/>
      <c r="H45202" s="16"/>
      <c r="I45202" s="16"/>
      <c r="J45202" s="16"/>
    </row>
    <row r="45203" spans="7:10">
      <c r="G45203" s="16"/>
      <c r="H45203" s="16"/>
      <c r="I45203" s="16"/>
      <c r="J45203" s="16"/>
    </row>
    <row r="45204" spans="7:10">
      <c r="G45204" s="16"/>
      <c r="H45204" s="16"/>
      <c r="I45204" s="16"/>
      <c r="J45204" s="16"/>
    </row>
    <row r="45205" spans="7:10">
      <c r="G45205" s="16"/>
      <c r="H45205" s="16"/>
      <c r="I45205" s="16"/>
      <c r="J45205" s="16"/>
    </row>
    <row r="45206" spans="7:10">
      <c r="G45206" s="16"/>
      <c r="H45206" s="16"/>
      <c r="I45206" s="16"/>
      <c r="J45206" s="16"/>
    </row>
    <row r="45207" spans="7:10">
      <c r="G45207" s="16"/>
      <c r="H45207" s="16"/>
      <c r="I45207" s="16"/>
      <c r="J45207" s="16"/>
    </row>
    <row r="45208" spans="7:10">
      <c r="G45208" s="16"/>
      <c r="H45208" s="16"/>
      <c r="I45208" s="16"/>
      <c r="J45208" s="16"/>
    </row>
    <row r="45209" spans="7:10">
      <c r="G45209" s="16"/>
      <c r="H45209" s="16"/>
      <c r="I45209" s="16"/>
      <c r="J45209" s="16"/>
    </row>
    <row r="45210" spans="7:10">
      <c r="G45210" s="16"/>
      <c r="H45210" s="16"/>
      <c r="I45210" s="16"/>
      <c r="J45210" s="16"/>
    </row>
    <row r="45211" spans="7:10">
      <c r="G45211" s="16"/>
      <c r="H45211" s="16"/>
      <c r="I45211" s="16"/>
      <c r="J45211" s="16"/>
    </row>
    <row r="45212" spans="7:10">
      <c r="G45212" s="16"/>
      <c r="H45212" s="16"/>
      <c r="I45212" s="16"/>
      <c r="J45212" s="16"/>
    </row>
    <row r="45213" spans="7:10">
      <c r="G45213" s="16"/>
      <c r="H45213" s="16"/>
      <c r="I45213" s="16"/>
      <c r="J45213" s="16"/>
    </row>
    <row r="45214" spans="7:10">
      <c r="G45214" s="16"/>
      <c r="H45214" s="16"/>
      <c r="I45214" s="16"/>
      <c r="J45214" s="16"/>
    </row>
    <row r="45215" spans="7:10">
      <c r="G45215" s="16"/>
      <c r="H45215" s="16"/>
      <c r="I45215" s="16"/>
      <c r="J45215" s="16"/>
    </row>
    <row r="45216" spans="7:10">
      <c r="G45216" s="16"/>
      <c r="H45216" s="16"/>
      <c r="I45216" s="16"/>
      <c r="J45216" s="16"/>
    </row>
    <row r="45217" spans="7:10">
      <c r="G45217" s="16"/>
      <c r="H45217" s="16"/>
      <c r="I45217" s="16"/>
      <c r="J45217" s="16"/>
    </row>
    <row r="45218" spans="7:10">
      <c r="G45218" s="16"/>
      <c r="H45218" s="16"/>
      <c r="I45218" s="16"/>
      <c r="J45218" s="16"/>
    </row>
    <row r="45219" spans="7:10">
      <c r="G45219" s="16"/>
      <c r="H45219" s="16"/>
      <c r="I45219" s="16"/>
      <c r="J45219" s="16"/>
    </row>
    <row r="45220" spans="7:10">
      <c r="G45220" s="16"/>
      <c r="H45220" s="16"/>
      <c r="I45220" s="16"/>
      <c r="J45220" s="16"/>
    </row>
    <row r="45221" spans="7:10">
      <c r="G45221" s="16"/>
      <c r="H45221" s="16"/>
      <c r="I45221" s="16"/>
      <c r="J45221" s="16"/>
    </row>
    <row r="45222" spans="7:10">
      <c r="G45222" s="16"/>
      <c r="H45222" s="16"/>
      <c r="I45222" s="16"/>
      <c r="J45222" s="16"/>
    </row>
    <row r="45223" spans="7:10">
      <c r="G45223" s="16"/>
      <c r="H45223" s="16"/>
      <c r="I45223" s="16"/>
      <c r="J45223" s="16"/>
    </row>
    <row r="45224" spans="7:10">
      <c r="G45224" s="16"/>
      <c r="H45224" s="16"/>
      <c r="I45224" s="16"/>
      <c r="J45224" s="16"/>
    </row>
    <row r="45225" spans="7:10">
      <c r="G45225" s="16"/>
      <c r="H45225" s="16"/>
      <c r="I45225" s="16"/>
      <c r="J45225" s="16"/>
    </row>
    <row r="45226" spans="7:10">
      <c r="G45226" s="16"/>
      <c r="H45226" s="16"/>
      <c r="I45226" s="16"/>
      <c r="J45226" s="16"/>
    </row>
    <row r="45227" spans="7:10">
      <c r="G45227" s="16"/>
      <c r="H45227" s="16"/>
      <c r="I45227" s="16"/>
      <c r="J45227" s="16"/>
    </row>
    <row r="45228" spans="7:10">
      <c r="G45228" s="16"/>
      <c r="H45228" s="16"/>
      <c r="I45228" s="16"/>
      <c r="J45228" s="16"/>
    </row>
    <row r="45229" spans="7:10">
      <c r="G45229" s="16"/>
      <c r="H45229" s="16"/>
      <c r="I45229" s="16"/>
      <c r="J45229" s="16"/>
    </row>
    <row r="45230" spans="7:10">
      <c r="G45230" s="16"/>
      <c r="H45230" s="16"/>
      <c r="I45230" s="16"/>
      <c r="J45230" s="16"/>
    </row>
    <row r="45231" spans="7:10">
      <c r="G45231" s="16"/>
      <c r="H45231" s="16"/>
      <c r="I45231" s="16"/>
      <c r="J45231" s="16"/>
    </row>
    <row r="45232" spans="7:10">
      <c r="G45232" s="16"/>
      <c r="H45232" s="16"/>
      <c r="I45232" s="16"/>
      <c r="J45232" s="16"/>
    </row>
    <row r="45233" spans="7:10">
      <c r="G45233" s="16"/>
      <c r="H45233" s="16"/>
      <c r="I45233" s="16"/>
      <c r="J45233" s="16"/>
    </row>
    <row r="45234" spans="7:10">
      <c r="G45234" s="16"/>
      <c r="H45234" s="16"/>
      <c r="I45234" s="16"/>
      <c r="J45234" s="16"/>
    </row>
    <row r="45235" spans="7:10">
      <c r="G45235" s="16"/>
      <c r="H45235" s="16"/>
      <c r="I45235" s="16"/>
      <c r="J45235" s="16"/>
    </row>
    <row r="45236" spans="7:10">
      <c r="G45236" s="16"/>
      <c r="H45236" s="16"/>
      <c r="I45236" s="16"/>
      <c r="J45236" s="16"/>
    </row>
    <row r="45237" spans="7:10">
      <c r="G45237" s="16"/>
      <c r="H45237" s="16"/>
      <c r="I45237" s="16"/>
      <c r="J45237" s="16"/>
    </row>
    <row r="45238" spans="7:10">
      <c r="G45238" s="16"/>
      <c r="H45238" s="16"/>
      <c r="I45238" s="16"/>
      <c r="J45238" s="16"/>
    </row>
    <row r="45239" spans="7:10">
      <c r="G45239" s="16"/>
      <c r="H45239" s="16"/>
      <c r="I45239" s="16"/>
      <c r="J45239" s="16"/>
    </row>
    <row r="45240" spans="7:10">
      <c r="G45240" s="16"/>
      <c r="H45240" s="16"/>
      <c r="I45240" s="16"/>
      <c r="J45240" s="16"/>
    </row>
    <row r="45241" spans="7:10">
      <c r="G45241" s="16"/>
      <c r="H45241" s="16"/>
      <c r="I45241" s="16"/>
      <c r="J45241" s="16"/>
    </row>
    <row r="45242" spans="7:10">
      <c r="G45242" s="16"/>
      <c r="H45242" s="16"/>
      <c r="I45242" s="16"/>
      <c r="J45242" s="16"/>
    </row>
    <row r="45243" spans="7:10">
      <c r="G45243" s="16"/>
      <c r="H45243" s="16"/>
      <c r="I45243" s="16"/>
      <c r="J45243" s="16"/>
    </row>
    <row r="45244" spans="7:10">
      <c r="G45244" s="16"/>
      <c r="H45244" s="16"/>
      <c r="I45244" s="16"/>
      <c r="J45244" s="16"/>
    </row>
    <row r="45245" spans="7:10">
      <c r="G45245" s="16"/>
      <c r="H45245" s="16"/>
      <c r="I45245" s="16"/>
      <c r="J45245" s="16"/>
    </row>
    <row r="45246" spans="7:10">
      <c r="G45246" s="16"/>
      <c r="H45246" s="16"/>
      <c r="I45246" s="16"/>
      <c r="J45246" s="16"/>
    </row>
    <row r="45247" spans="7:10">
      <c r="G45247" s="16"/>
      <c r="H45247" s="16"/>
      <c r="I45247" s="16"/>
      <c r="J45247" s="16"/>
    </row>
    <row r="45248" spans="7:10">
      <c r="G45248" s="16"/>
      <c r="H45248" s="16"/>
      <c r="I45248" s="16"/>
      <c r="J45248" s="16"/>
    </row>
    <row r="45249" spans="7:10">
      <c r="G45249" s="16"/>
      <c r="H45249" s="16"/>
      <c r="I45249" s="16"/>
      <c r="J45249" s="16"/>
    </row>
    <row r="45250" spans="7:10">
      <c r="G45250" s="16"/>
      <c r="H45250" s="16"/>
      <c r="I45250" s="16"/>
      <c r="J45250" s="16"/>
    </row>
    <row r="45251" spans="7:10">
      <c r="G45251" s="16"/>
      <c r="H45251" s="16"/>
      <c r="I45251" s="16"/>
      <c r="J45251" s="16"/>
    </row>
    <row r="45252" spans="7:10">
      <c r="G45252" s="16"/>
      <c r="H45252" s="16"/>
      <c r="I45252" s="16"/>
      <c r="J45252" s="16"/>
    </row>
    <row r="45253" spans="7:10">
      <c r="G45253" s="16"/>
      <c r="H45253" s="16"/>
      <c r="I45253" s="16"/>
      <c r="J45253" s="16"/>
    </row>
    <row r="45254" spans="7:10">
      <c r="G45254" s="16"/>
      <c r="H45254" s="16"/>
      <c r="I45254" s="16"/>
      <c r="J45254" s="16"/>
    </row>
    <row r="45255" spans="7:10">
      <c r="G45255" s="16"/>
      <c r="H45255" s="16"/>
      <c r="I45255" s="16"/>
      <c r="J45255" s="16"/>
    </row>
    <row r="45256" spans="7:10">
      <c r="G45256" s="16"/>
      <c r="H45256" s="16"/>
      <c r="I45256" s="16"/>
      <c r="J45256" s="16"/>
    </row>
    <row r="45257" spans="7:10">
      <c r="G45257" s="16"/>
      <c r="H45257" s="16"/>
      <c r="I45257" s="16"/>
      <c r="J45257" s="16"/>
    </row>
    <row r="45258" spans="7:10">
      <c r="G45258" s="16"/>
      <c r="H45258" s="16"/>
      <c r="I45258" s="16"/>
      <c r="J45258" s="16"/>
    </row>
    <row r="45259" spans="7:10">
      <c r="G45259" s="16"/>
      <c r="H45259" s="16"/>
      <c r="I45259" s="16"/>
      <c r="J45259" s="16"/>
    </row>
    <row r="45260" spans="7:10">
      <c r="G45260" s="16"/>
      <c r="H45260" s="16"/>
      <c r="I45260" s="16"/>
      <c r="J45260" s="16"/>
    </row>
    <row r="45261" spans="7:10">
      <c r="G45261" s="16"/>
      <c r="H45261" s="16"/>
      <c r="I45261" s="16"/>
      <c r="J45261" s="16"/>
    </row>
    <row r="45262" spans="7:10">
      <c r="G45262" s="16"/>
      <c r="H45262" s="16"/>
      <c r="I45262" s="16"/>
      <c r="J45262" s="16"/>
    </row>
    <row r="45263" spans="7:10">
      <c r="G45263" s="16"/>
      <c r="H45263" s="16"/>
      <c r="I45263" s="16"/>
      <c r="J45263" s="16"/>
    </row>
    <row r="45264" spans="7:10">
      <c r="G45264" s="16"/>
      <c r="H45264" s="16"/>
      <c r="I45264" s="16"/>
      <c r="J45264" s="16"/>
    </row>
    <row r="45265" spans="7:10">
      <c r="G45265" s="16"/>
      <c r="H45265" s="16"/>
      <c r="I45265" s="16"/>
      <c r="J45265" s="16"/>
    </row>
    <row r="45266" spans="7:10">
      <c r="G45266" s="16"/>
      <c r="H45266" s="16"/>
      <c r="I45266" s="16"/>
      <c r="J45266" s="16"/>
    </row>
    <row r="45267" spans="7:10">
      <c r="G45267" s="16"/>
      <c r="H45267" s="16"/>
      <c r="I45267" s="16"/>
      <c r="J45267" s="16"/>
    </row>
    <row r="45268" spans="7:10">
      <c r="G45268" s="16"/>
      <c r="H45268" s="16"/>
      <c r="I45268" s="16"/>
      <c r="J45268" s="16"/>
    </row>
    <row r="45269" spans="7:10">
      <c r="G45269" s="16"/>
      <c r="H45269" s="16"/>
      <c r="I45269" s="16"/>
      <c r="J45269" s="16"/>
    </row>
    <row r="45270" spans="7:10">
      <c r="G45270" s="16"/>
      <c r="H45270" s="16"/>
      <c r="I45270" s="16"/>
      <c r="J45270" s="16"/>
    </row>
    <row r="45271" spans="7:10">
      <c r="G45271" s="16"/>
      <c r="H45271" s="16"/>
      <c r="I45271" s="16"/>
      <c r="J45271" s="16"/>
    </row>
    <row r="45272" spans="7:10">
      <c r="G45272" s="16"/>
      <c r="H45272" s="16"/>
      <c r="I45272" s="16"/>
      <c r="J45272" s="16"/>
    </row>
    <row r="45273" spans="7:10">
      <c r="G45273" s="16"/>
      <c r="H45273" s="16"/>
      <c r="I45273" s="16"/>
      <c r="J45273" s="16"/>
    </row>
    <row r="45274" spans="7:10">
      <c r="G45274" s="16"/>
      <c r="H45274" s="16"/>
      <c r="I45274" s="16"/>
      <c r="J45274" s="16"/>
    </row>
    <row r="45275" spans="7:10">
      <c r="G45275" s="16"/>
      <c r="H45275" s="16"/>
      <c r="I45275" s="16"/>
      <c r="J45275" s="16"/>
    </row>
    <row r="45276" spans="7:10">
      <c r="G45276" s="16"/>
      <c r="H45276" s="16"/>
      <c r="I45276" s="16"/>
      <c r="J45276" s="16"/>
    </row>
    <row r="45277" spans="7:10">
      <c r="G45277" s="16"/>
      <c r="H45277" s="16"/>
      <c r="I45277" s="16"/>
      <c r="J45277" s="16"/>
    </row>
    <row r="45278" spans="7:10">
      <c r="G45278" s="16"/>
      <c r="H45278" s="16"/>
      <c r="I45278" s="16"/>
      <c r="J45278" s="16"/>
    </row>
    <row r="45279" spans="7:10">
      <c r="G45279" s="16"/>
      <c r="H45279" s="16"/>
      <c r="I45279" s="16"/>
      <c r="J45279" s="16"/>
    </row>
    <row r="45280" spans="7:10">
      <c r="G45280" s="16"/>
      <c r="H45280" s="16"/>
      <c r="I45280" s="16"/>
      <c r="J45280" s="16"/>
    </row>
    <row r="45281" spans="7:10">
      <c r="G45281" s="16"/>
      <c r="H45281" s="16"/>
      <c r="I45281" s="16"/>
      <c r="J45281" s="16"/>
    </row>
    <row r="45282" spans="7:10">
      <c r="G45282" s="16"/>
      <c r="H45282" s="16"/>
      <c r="I45282" s="16"/>
      <c r="J45282" s="16"/>
    </row>
    <row r="45283" spans="7:10">
      <c r="G45283" s="16"/>
      <c r="H45283" s="16"/>
      <c r="I45283" s="16"/>
      <c r="J45283" s="16"/>
    </row>
    <row r="45284" spans="7:10">
      <c r="G45284" s="16"/>
      <c r="H45284" s="16"/>
      <c r="I45284" s="16"/>
      <c r="J45284" s="16"/>
    </row>
    <row r="45285" spans="7:10">
      <c r="G45285" s="16"/>
      <c r="H45285" s="16"/>
      <c r="I45285" s="16"/>
      <c r="J45285" s="16"/>
    </row>
    <row r="45286" spans="7:10">
      <c r="G45286" s="16"/>
      <c r="H45286" s="16"/>
      <c r="I45286" s="16"/>
      <c r="J45286" s="16"/>
    </row>
    <row r="45287" spans="7:10">
      <c r="G45287" s="16"/>
      <c r="H45287" s="16"/>
      <c r="I45287" s="16"/>
      <c r="J45287" s="16"/>
    </row>
    <row r="45288" spans="7:10">
      <c r="G45288" s="16"/>
      <c r="H45288" s="16"/>
      <c r="I45288" s="16"/>
      <c r="J45288" s="16"/>
    </row>
    <row r="45289" spans="7:10">
      <c r="G45289" s="16"/>
      <c r="H45289" s="16"/>
      <c r="I45289" s="16"/>
      <c r="J45289" s="16"/>
    </row>
    <row r="45290" spans="7:10">
      <c r="G45290" s="16"/>
      <c r="H45290" s="16"/>
      <c r="I45290" s="16"/>
      <c r="J45290" s="16"/>
    </row>
    <row r="45291" spans="7:10">
      <c r="G45291" s="16"/>
      <c r="H45291" s="16"/>
      <c r="I45291" s="16"/>
      <c r="J45291" s="16"/>
    </row>
    <row r="45292" spans="7:10">
      <c r="G45292" s="16"/>
      <c r="H45292" s="16"/>
      <c r="I45292" s="16"/>
      <c r="J45292" s="16"/>
    </row>
    <row r="45293" spans="7:10">
      <c r="G45293" s="16"/>
      <c r="H45293" s="16"/>
      <c r="I45293" s="16"/>
      <c r="J45293" s="16"/>
    </row>
    <row r="45294" spans="7:10">
      <c r="G45294" s="16"/>
      <c r="H45294" s="16"/>
      <c r="I45294" s="16"/>
      <c r="J45294" s="16"/>
    </row>
    <row r="45295" spans="7:10">
      <c r="G45295" s="16"/>
      <c r="H45295" s="16"/>
      <c r="I45295" s="16"/>
      <c r="J45295" s="16"/>
    </row>
    <row r="45296" spans="7:10">
      <c r="G45296" s="16"/>
      <c r="H45296" s="16"/>
      <c r="I45296" s="16"/>
      <c r="J45296" s="16"/>
    </row>
    <row r="45297" spans="7:10">
      <c r="G45297" s="16"/>
      <c r="H45297" s="16"/>
      <c r="I45297" s="16"/>
      <c r="J45297" s="16"/>
    </row>
    <row r="45298" spans="7:10">
      <c r="G45298" s="16"/>
      <c r="H45298" s="16"/>
      <c r="I45298" s="16"/>
      <c r="J45298" s="16"/>
    </row>
    <row r="45299" spans="7:10">
      <c r="G45299" s="16"/>
      <c r="H45299" s="16"/>
      <c r="I45299" s="16"/>
      <c r="J45299" s="16"/>
    </row>
    <row r="45300" spans="7:10">
      <c r="G45300" s="16"/>
      <c r="H45300" s="16"/>
      <c r="I45300" s="16"/>
      <c r="J45300" s="16"/>
    </row>
    <row r="45301" spans="7:10">
      <c r="G45301" s="16"/>
      <c r="H45301" s="16"/>
      <c r="I45301" s="16"/>
      <c r="J45301" s="16"/>
    </row>
    <row r="45302" spans="7:10">
      <c r="G45302" s="16"/>
      <c r="H45302" s="16"/>
      <c r="I45302" s="16"/>
      <c r="J45302" s="16"/>
    </row>
    <row r="45303" spans="7:10">
      <c r="G45303" s="16"/>
      <c r="H45303" s="16"/>
      <c r="I45303" s="16"/>
      <c r="J45303" s="16"/>
    </row>
    <row r="45304" spans="7:10">
      <c r="G45304" s="16"/>
      <c r="H45304" s="16"/>
      <c r="I45304" s="16"/>
      <c r="J45304" s="16"/>
    </row>
    <row r="45305" spans="7:10">
      <c r="G45305" s="16"/>
      <c r="H45305" s="16"/>
      <c r="I45305" s="16"/>
      <c r="J45305" s="16"/>
    </row>
    <row r="45306" spans="7:10">
      <c r="G45306" s="16"/>
      <c r="H45306" s="16"/>
      <c r="I45306" s="16"/>
      <c r="J45306" s="16"/>
    </row>
    <row r="45307" spans="7:10">
      <c r="G45307" s="16"/>
      <c r="H45307" s="16"/>
      <c r="I45307" s="16"/>
      <c r="J45307" s="16"/>
    </row>
    <row r="45308" spans="7:10">
      <c r="G45308" s="16"/>
      <c r="H45308" s="16"/>
      <c r="I45308" s="16"/>
      <c r="J45308" s="16"/>
    </row>
    <row r="45309" spans="7:10">
      <c r="G45309" s="16"/>
      <c r="H45309" s="16"/>
      <c r="I45309" s="16"/>
      <c r="J45309" s="16"/>
    </row>
    <row r="45310" spans="7:10">
      <c r="G45310" s="16"/>
      <c r="H45310" s="16"/>
      <c r="I45310" s="16"/>
      <c r="J45310" s="16"/>
    </row>
    <row r="45311" spans="7:10">
      <c r="G45311" s="16"/>
      <c r="H45311" s="16"/>
      <c r="I45311" s="16"/>
      <c r="J45311" s="16"/>
    </row>
    <row r="45312" spans="7:10">
      <c r="G45312" s="16"/>
      <c r="H45312" s="16"/>
      <c r="I45312" s="16"/>
      <c r="J45312" s="16"/>
    </row>
    <row r="45313" spans="7:10">
      <c r="G45313" s="16"/>
      <c r="H45313" s="16"/>
      <c r="I45313" s="16"/>
      <c r="J45313" s="16"/>
    </row>
    <row r="45314" spans="7:10">
      <c r="G45314" s="16"/>
      <c r="H45314" s="16"/>
      <c r="I45314" s="16"/>
      <c r="J45314" s="16"/>
    </row>
    <row r="45315" spans="7:10">
      <c r="G45315" s="16"/>
      <c r="H45315" s="16"/>
      <c r="I45315" s="16"/>
      <c r="J45315" s="16"/>
    </row>
    <row r="45316" spans="7:10">
      <c r="G45316" s="16"/>
      <c r="H45316" s="16"/>
      <c r="I45316" s="16"/>
      <c r="J45316" s="16"/>
    </row>
    <row r="45317" spans="7:10">
      <c r="G45317" s="16"/>
      <c r="H45317" s="16"/>
      <c r="I45317" s="16"/>
      <c r="J45317" s="16"/>
    </row>
    <row r="45318" spans="7:10">
      <c r="G45318" s="16"/>
      <c r="H45318" s="16"/>
      <c r="I45318" s="16"/>
      <c r="J45318" s="16"/>
    </row>
    <row r="45319" spans="7:10">
      <c r="G45319" s="16"/>
      <c r="H45319" s="16"/>
      <c r="I45319" s="16"/>
      <c r="J45319" s="16"/>
    </row>
    <row r="45320" spans="7:10">
      <c r="G45320" s="16"/>
      <c r="H45320" s="16"/>
      <c r="I45320" s="16"/>
      <c r="J45320" s="16"/>
    </row>
    <row r="45321" spans="7:10">
      <c r="G45321" s="16"/>
      <c r="H45321" s="16"/>
      <c r="I45321" s="16"/>
      <c r="J45321" s="16"/>
    </row>
    <row r="45322" spans="7:10">
      <c r="G45322" s="16"/>
      <c r="H45322" s="16"/>
      <c r="I45322" s="16"/>
      <c r="J45322" s="16"/>
    </row>
    <row r="45323" spans="7:10">
      <c r="G45323" s="16"/>
      <c r="H45323" s="16"/>
      <c r="I45323" s="16"/>
      <c r="J45323" s="16"/>
    </row>
    <row r="45324" spans="7:10">
      <c r="G45324" s="16"/>
      <c r="H45324" s="16"/>
      <c r="I45324" s="16"/>
      <c r="J45324" s="16"/>
    </row>
    <row r="45325" spans="7:10">
      <c r="G45325" s="16"/>
      <c r="H45325" s="16"/>
      <c r="I45325" s="16"/>
      <c r="J45325" s="16"/>
    </row>
    <row r="45326" spans="7:10">
      <c r="G45326" s="16"/>
      <c r="H45326" s="16"/>
      <c r="I45326" s="16"/>
      <c r="J45326" s="16"/>
    </row>
    <row r="45327" spans="7:10">
      <c r="G45327" s="16"/>
      <c r="H45327" s="16"/>
      <c r="I45327" s="16"/>
      <c r="J45327" s="16"/>
    </row>
    <row r="45328" spans="7:10">
      <c r="G45328" s="16"/>
      <c r="H45328" s="16"/>
      <c r="I45328" s="16"/>
      <c r="J45328" s="16"/>
    </row>
    <row r="45329" spans="7:10">
      <c r="G45329" s="16"/>
      <c r="H45329" s="16"/>
      <c r="I45329" s="16"/>
      <c r="J45329" s="16"/>
    </row>
    <row r="45330" spans="7:10">
      <c r="G45330" s="16"/>
      <c r="H45330" s="16"/>
      <c r="I45330" s="16"/>
      <c r="J45330" s="16"/>
    </row>
    <row r="45331" spans="7:10">
      <c r="G45331" s="16"/>
      <c r="H45331" s="16"/>
      <c r="I45331" s="16"/>
      <c r="J45331" s="16"/>
    </row>
    <row r="45332" spans="7:10">
      <c r="G45332" s="16"/>
      <c r="H45332" s="16"/>
      <c r="I45332" s="16"/>
      <c r="J45332" s="16"/>
    </row>
    <row r="45333" spans="7:10">
      <c r="G45333" s="16"/>
      <c r="H45333" s="16"/>
      <c r="I45333" s="16"/>
      <c r="J45333" s="16"/>
    </row>
    <row r="45334" spans="7:10">
      <c r="G45334" s="16"/>
      <c r="H45334" s="16"/>
      <c r="I45334" s="16"/>
      <c r="J45334" s="16"/>
    </row>
    <row r="45335" spans="7:10">
      <c r="G45335" s="16"/>
      <c r="H45335" s="16"/>
      <c r="I45335" s="16"/>
      <c r="J45335" s="16"/>
    </row>
    <row r="45336" spans="7:10">
      <c r="G45336" s="16"/>
      <c r="H45336" s="16"/>
      <c r="I45336" s="16"/>
      <c r="J45336" s="16"/>
    </row>
    <row r="45337" spans="7:10">
      <c r="G45337" s="16"/>
      <c r="H45337" s="16"/>
      <c r="I45337" s="16"/>
      <c r="J45337" s="16"/>
    </row>
    <row r="45338" spans="7:10">
      <c r="G45338" s="16"/>
      <c r="H45338" s="16"/>
      <c r="I45338" s="16"/>
      <c r="J45338" s="16"/>
    </row>
    <row r="45339" spans="7:10">
      <c r="G45339" s="16"/>
      <c r="H45339" s="16"/>
      <c r="I45339" s="16"/>
      <c r="J45339" s="16"/>
    </row>
    <row r="45340" spans="7:10">
      <c r="G45340" s="16"/>
      <c r="H45340" s="16"/>
      <c r="I45340" s="16"/>
      <c r="J45340" s="16"/>
    </row>
    <row r="45341" spans="7:10">
      <c r="G45341" s="16"/>
      <c r="H45341" s="16"/>
      <c r="I45341" s="16"/>
      <c r="J45341" s="16"/>
    </row>
    <row r="45342" spans="7:10">
      <c r="G45342" s="16"/>
      <c r="H45342" s="16"/>
      <c r="I45342" s="16"/>
      <c r="J45342" s="16"/>
    </row>
    <row r="45343" spans="7:10">
      <c r="G45343" s="16"/>
      <c r="H45343" s="16"/>
      <c r="I45343" s="16"/>
      <c r="J45343" s="16"/>
    </row>
    <row r="45344" spans="7:10">
      <c r="G45344" s="16"/>
      <c r="H45344" s="16"/>
      <c r="I45344" s="16"/>
      <c r="J45344" s="16"/>
    </row>
    <row r="45345" spans="7:10">
      <c r="G45345" s="16"/>
      <c r="H45345" s="16"/>
      <c r="I45345" s="16"/>
      <c r="J45345" s="16"/>
    </row>
    <row r="45346" spans="7:10">
      <c r="G45346" s="16"/>
      <c r="H45346" s="16"/>
      <c r="I45346" s="16"/>
      <c r="J45346" s="16"/>
    </row>
    <row r="45347" spans="7:10">
      <c r="G45347" s="16"/>
      <c r="H45347" s="16"/>
      <c r="I45347" s="16"/>
      <c r="J45347" s="16"/>
    </row>
    <row r="45348" spans="7:10">
      <c r="G45348" s="16"/>
      <c r="H45348" s="16"/>
      <c r="I45348" s="16"/>
      <c r="J45348" s="16"/>
    </row>
    <row r="45349" spans="7:10">
      <c r="G45349" s="16"/>
      <c r="H45349" s="16"/>
      <c r="I45349" s="16"/>
      <c r="J45349" s="16"/>
    </row>
    <row r="45350" spans="7:10">
      <c r="G45350" s="16"/>
      <c r="H45350" s="16"/>
      <c r="I45350" s="16"/>
      <c r="J45350" s="16"/>
    </row>
    <row r="45351" spans="7:10">
      <c r="G45351" s="16"/>
      <c r="H45351" s="16"/>
      <c r="I45351" s="16"/>
      <c r="J45351" s="16"/>
    </row>
    <row r="45352" spans="7:10">
      <c r="G45352" s="16"/>
      <c r="H45352" s="16"/>
      <c r="I45352" s="16"/>
      <c r="J45352" s="16"/>
    </row>
    <row r="45353" spans="7:10">
      <c r="G45353" s="16"/>
      <c r="H45353" s="16"/>
      <c r="I45353" s="16"/>
      <c r="J45353" s="16"/>
    </row>
    <row r="45354" spans="7:10">
      <c r="G45354" s="16"/>
      <c r="H45354" s="16"/>
      <c r="I45354" s="16"/>
      <c r="J45354" s="16"/>
    </row>
    <row r="45355" spans="7:10">
      <c r="G45355" s="16"/>
      <c r="H45355" s="16"/>
      <c r="I45355" s="16"/>
      <c r="J45355" s="16"/>
    </row>
    <row r="45356" spans="7:10">
      <c r="G45356" s="16"/>
      <c r="H45356" s="16"/>
      <c r="I45356" s="16"/>
      <c r="J45356" s="16"/>
    </row>
    <row r="45357" spans="7:10">
      <c r="G45357" s="16"/>
      <c r="H45357" s="16"/>
      <c r="I45357" s="16"/>
      <c r="J45357" s="16"/>
    </row>
    <row r="45358" spans="7:10">
      <c r="G45358" s="16"/>
      <c r="H45358" s="16"/>
      <c r="I45358" s="16"/>
      <c r="J45358" s="16"/>
    </row>
    <row r="45359" spans="7:10">
      <c r="G45359" s="16"/>
      <c r="H45359" s="16"/>
      <c r="I45359" s="16"/>
      <c r="J45359" s="16"/>
    </row>
    <row r="45360" spans="7:10">
      <c r="G45360" s="16"/>
      <c r="H45360" s="16"/>
      <c r="I45360" s="16"/>
      <c r="J45360" s="16"/>
    </row>
    <row r="45361" spans="7:10">
      <c r="G45361" s="16"/>
      <c r="H45361" s="16"/>
      <c r="I45361" s="16"/>
      <c r="J45361" s="16"/>
    </row>
    <row r="45362" spans="7:10">
      <c r="G45362" s="16"/>
      <c r="H45362" s="16"/>
      <c r="I45362" s="16"/>
      <c r="J45362" s="16"/>
    </row>
    <row r="45363" spans="7:10">
      <c r="G45363" s="16"/>
      <c r="H45363" s="16"/>
      <c r="I45363" s="16"/>
      <c r="J45363" s="16"/>
    </row>
    <row r="45364" spans="7:10">
      <c r="G45364" s="16"/>
      <c r="H45364" s="16"/>
      <c r="I45364" s="16"/>
      <c r="J45364" s="16"/>
    </row>
    <row r="45365" spans="7:10">
      <c r="G45365" s="16"/>
      <c r="H45365" s="16"/>
      <c r="I45365" s="16"/>
      <c r="J45365" s="16"/>
    </row>
    <row r="45366" spans="7:10">
      <c r="G45366" s="16"/>
      <c r="H45366" s="16"/>
      <c r="I45366" s="16"/>
      <c r="J45366" s="16"/>
    </row>
    <row r="45367" spans="7:10">
      <c r="G45367" s="16"/>
      <c r="H45367" s="16"/>
      <c r="I45367" s="16"/>
      <c r="J45367" s="16"/>
    </row>
    <row r="45368" spans="7:10">
      <c r="G45368" s="16"/>
      <c r="H45368" s="16"/>
      <c r="I45368" s="16"/>
      <c r="J45368" s="16"/>
    </row>
    <row r="45369" spans="7:10">
      <c r="G45369" s="16"/>
      <c r="H45369" s="16"/>
      <c r="I45369" s="16"/>
      <c r="J45369" s="16"/>
    </row>
    <row r="45370" spans="7:10">
      <c r="G45370" s="16"/>
      <c r="H45370" s="16"/>
      <c r="I45370" s="16"/>
      <c r="J45370" s="16"/>
    </row>
    <row r="45371" spans="7:10">
      <c r="G45371" s="16"/>
      <c r="H45371" s="16"/>
      <c r="I45371" s="16"/>
      <c r="J45371" s="16"/>
    </row>
    <row r="45372" spans="7:10">
      <c r="G45372" s="16"/>
      <c r="H45372" s="16"/>
      <c r="I45372" s="16"/>
      <c r="J45372" s="16"/>
    </row>
    <row r="45373" spans="7:10">
      <c r="G45373" s="16"/>
      <c r="H45373" s="16"/>
      <c r="I45373" s="16"/>
      <c r="J45373" s="16"/>
    </row>
    <row r="45374" spans="7:10">
      <c r="G45374" s="16"/>
      <c r="H45374" s="16"/>
      <c r="I45374" s="16"/>
      <c r="J45374" s="16"/>
    </row>
    <row r="45375" spans="7:10">
      <c r="G45375" s="16"/>
      <c r="H45375" s="16"/>
      <c r="I45375" s="16"/>
      <c r="J45375" s="16"/>
    </row>
    <row r="45376" spans="7:10">
      <c r="G45376" s="16"/>
      <c r="H45376" s="16"/>
      <c r="I45376" s="16"/>
      <c r="J45376" s="16"/>
    </row>
    <row r="45377" spans="7:10">
      <c r="G45377" s="16"/>
      <c r="H45377" s="16"/>
      <c r="I45377" s="16"/>
      <c r="J45377" s="16"/>
    </row>
    <row r="45378" spans="7:10">
      <c r="G45378" s="16"/>
      <c r="H45378" s="16"/>
      <c r="I45378" s="16"/>
      <c r="J45378" s="16"/>
    </row>
    <row r="45379" spans="7:10">
      <c r="G45379" s="16"/>
      <c r="H45379" s="16"/>
      <c r="I45379" s="16"/>
      <c r="J45379" s="16"/>
    </row>
    <row r="45380" spans="7:10">
      <c r="G45380" s="16"/>
      <c r="H45380" s="16"/>
      <c r="I45380" s="16"/>
      <c r="J45380" s="16"/>
    </row>
    <row r="45381" spans="7:10">
      <c r="G45381" s="16"/>
      <c r="H45381" s="16"/>
      <c r="I45381" s="16"/>
      <c r="J45381" s="16"/>
    </row>
    <row r="45382" spans="7:10">
      <c r="G45382" s="16"/>
      <c r="H45382" s="16"/>
      <c r="I45382" s="16"/>
      <c r="J45382" s="16"/>
    </row>
    <row r="45383" spans="7:10">
      <c r="G45383" s="16"/>
      <c r="H45383" s="16"/>
      <c r="I45383" s="16"/>
      <c r="J45383" s="16"/>
    </row>
    <row r="45384" spans="7:10">
      <c r="G45384" s="16"/>
      <c r="H45384" s="16"/>
      <c r="I45384" s="16"/>
      <c r="J45384" s="16"/>
    </row>
    <row r="45385" spans="7:10">
      <c r="G45385" s="16"/>
      <c r="H45385" s="16"/>
      <c r="I45385" s="16"/>
      <c r="J45385" s="16"/>
    </row>
    <row r="45386" spans="7:10">
      <c r="G45386" s="16"/>
      <c r="H45386" s="16"/>
      <c r="I45386" s="16"/>
      <c r="J45386" s="16"/>
    </row>
    <row r="45387" spans="7:10">
      <c r="G45387" s="16"/>
      <c r="H45387" s="16"/>
      <c r="I45387" s="16"/>
      <c r="J45387" s="16"/>
    </row>
    <row r="45388" spans="7:10">
      <c r="G45388" s="16"/>
      <c r="H45388" s="16"/>
      <c r="I45388" s="16"/>
      <c r="J45388" s="16"/>
    </row>
    <row r="45389" spans="7:10">
      <c r="G45389" s="16"/>
      <c r="H45389" s="16"/>
      <c r="I45389" s="16"/>
      <c r="J45389" s="16"/>
    </row>
    <row r="45390" spans="7:10">
      <c r="G45390" s="16"/>
      <c r="H45390" s="16"/>
      <c r="I45390" s="16"/>
      <c r="J45390" s="16"/>
    </row>
    <row r="45391" spans="7:10">
      <c r="G45391" s="16"/>
      <c r="H45391" s="16"/>
      <c r="I45391" s="16"/>
      <c r="J45391" s="16"/>
    </row>
    <row r="45392" spans="7:10">
      <c r="G45392" s="16"/>
      <c r="H45392" s="16"/>
      <c r="I45392" s="16"/>
      <c r="J45392" s="16"/>
    </row>
    <row r="45393" spans="7:10">
      <c r="G45393" s="16"/>
      <c r="H45393" s="16"/>
      <c r="I45393" s="16"/>
      <c r="J45393" s="16"/>
    </row>
    <row r="45394" spans="7:10">
      <c r="G45394" s="16"/>
      <c r="H45394" s="16"/>
      <c r="I45394" s="16"/>
      <c r="J45394" s="16"/>
    </row>
    <row r="45395" spans="7:10">
      <c r="G45395" s="16"/>
      <c r="H45395" s="16"/>
      <c r="I45395" s="16"/>
      <c r="J45395" s="16"/>
    </row>
    <row r="45396" spans="7:10">
      <c r="G45396" s="16"/>
      <c r="H45396" s="16"/>
      <c r="I45396" s="16"/>
      <c r="J45396" s="16"/>
    </row>
    <row r="45397" spans="7:10">
      <c r="G45397" s="16"/>
      <c r="H45397" s="16"/>
      <c r="I45397" s="16"/>
      <c r="J45397" s="16"/>
    </row>
    <row r="45398" spans="7:10">
      <c r="G45398" s="16"/>
      <c r="H45398" s="16"/>
      <c r="I45398" s="16"/>
      <c r="J45398" s="16"/>
    </row>
    <row r="45399" spans="7:10">
      <c r="G45399" s="16"/>
      <c r="H45399" s="16"/>
      <c r="I45399" s="16"/>
      <c r="J45399" s="16"/>
    </row>
    <row r="45400" spans="7:10">
      <c r="G45400" s="16"/>
      <c r="H45400" s="16"/>
      <c r="I45400" s="16"/>
      <c r="J45400" s="16"/>
    </row>
    <row r="45401" spans="7:10">
      <c r="G45401" s="16"/>
      <c r="H45401" s="16"/>
      <c r="I45401" s="16"/>
      <c r="J45401" s="16"/>
    </row>
    <row r="45402" spans="7:10">
      <c r="G45402" s="16"/>
      <c r="H45402" s="16"/>
      <c r="I45402" s="16"/>
      <c r="J45402" s="16"/>
    </row>
    <row r="45403" spans="7:10">
      <c r="G45403" s="16"/>
      <c r="H45403" s="16"/>
      <c r="I45403" s="16"/>
      <c r="J45403" s="16"/>
    </row>
    <row r="45404" spans="7:10">
      <c r="G45404" s="16"/>
      <c r="H45404" s="16"/>
      <c r="I45404" s="16"/>
      <c r="J45404" s="16"/>
    </row>
    <row r="45405" spans="7:10">
      <c r="G45405" s="16"/>
      <c r="H45405" s="16"/>
      <c r="I45405" s="16"/>
      <c r="J45405" s="16"/>
    </row>
    <row r="45406" spans="7:10">
      <c r="G45406" s="16"/>
      <c r="H45406" s="16"/>
      <c r="I45406" s="16"/>
      <c r="J45406" s="16"/>
    </row>
    <row r="45407" spans="7:10">
      <c r="G45407" s="16"/>
      <c r="H45407" s="16"/>
      <c r="I45407" s="16"/>
      <c r="J45407" s="16"/>
    </row>
    <row r="45408" spans="7:10">
      <c r="G45408" s="16"/>
      <c r="H45408" s="16"/>
      <c r="I45408" s="16"/>
      <c r="J45408" s="16"/>
    </row>
    <row r="45409" spans="7:10">
      <c r="G45409" s="16"/>
      <c r="H45409" s="16"/>
      <c r="I45409" s="16"/>
      <c r="J45409" s="16"/>
    </row>
    <row r="45410" spans="7:10">
      <c r="G45410" s="16"/>
      <c r="H45410" s="16"/>
      <c r="I45410" s="16"/>
      <c r="J45410" s="16"/>
    </row>
    <row r="45411" spans="7:10">
      <c r="G45411" s="16"/>
      <c r="H45411" s="16"/>
      <c r="I45411" s="16"/>
      <c r="J45411" s="16"/>
    </row>
    <row r="45412" spans="7:10">
      <c r="G45412" s="16"/>
      <c r="H45412" s="16"/>
      <c r="I45412" s="16"/>
      <c r="J45412" s="16"/>
    </row>
    <row r="45413" spans="7:10">
      <c r="G45413" s="16"/>
      <c r="H45413" s="16"/>
      <c r="I45413" s="16"/>
      <c r="J45413" s="16"/>
    </row>
    <row r="45414" spans="7:10">
      <c r="G45414" s="16"/>
      <c r="H45414" s="16"/>
      <c r="I45414" s="16"/>
      <c r="J45414" s="16"/>
    </row>
    <row r="45415" spans="7:10">
      <c r="G45415" s="16"/>
      <c r="H45415" s="16"/>
      <c r="I45415" s="16"/>
      <c r="J45415" s="16"/>
    </row>
    <row r="45416" spans="7:10">
      <c r="G45416" s="16"/>
      <c r="H45416" s="16"/>
      <c r="I45416" s="16"/>
      <c r="J45416" s="16"/>
    </row>
    <row r="45417" spans="7:10">
      <c r="G45417" s="16"/>
      <c r="H45417" s="16"/>
      <c r="I45417" s="16"/>
      <c r="J45417" s="16"/>
    </row>
    <row r="45418" spans="7:10">
      <c r="G45418" s="16"/>
      <c r="H45418" s="16"/>
      <c r="I45418" s="16"/>
      <c r="J45418" s="16"/>
    </row>
    <row r="45419" spans="7:10">
      <c r="G45419" s="16"/>
      <c r="H45419" s="16"/>
      <c r="I45419" s="16"/>
      <c r="J45419" s="16"/>
    </row>
    <row r="45420" spans="7:10">
      <c r="G45420" s="16"/>
      <c r="H45420" s="16"/>
      <c r="I45420" s="16"/>
      <c r="J45420" s="16"/>
    </row>
    <row r="45421" spans="7:10">
      <c r="G45421" s="16"/>
      <c r="H45421" s="16"/>
      <c r="I45421" s="16"/>
      <c r="J45421" s="16"/>
    </row>
    <row r="45422" spans="7:10">
      <c r="G45422" s="16"/>
      <c r="H45422" s="16"/>
      <c r="I45422" s="16"/>
      <c r="J45422" s="16"/>
    </row>
    <row r="45423" spans="7:10">
      <c r="G45423" s="16"/>
      <c r="H45423" s="16"/>
      <c r="I45423" s="16"/>
      <c r="J45423" s="16"/>
    </row>
    <row r="45424" spans="7:10">
      <c r="G45424" s="16"/>
      <c r="H45424" s="16"/>
      <c r="I45424" s="16"/>
      <c r="J45424" s="16"/>
    </row>
    <row r="45425" spans="7:10">
      <c r="G45425" s="16"/>
      <c r="H45425" s="16"/>
      <c r="I45425" s="16"/>
      <c r="J45425" s="16"/>
    </row>
    <row r="45426" spans="7:10">
      <c r="G45426" s="16"/>
      <c r="H45426" s="16"/>
      <c r="I45426" s="16"/>
      <c r="J45426" s="16"/>
    </row>
    <row r="45427" spans="7:10">
      <c r="G45427" s="16"/>
      <c r="H45427" s="16"/>
      <c r="I45427" s="16"/>
      <c r="J45427" s="16"/>
    </row>
    <row r="45428" spans="7:10">
      <c r="G45428" s="16"/>
      <c r="H45428" s="16"/>
      <c r="I45428" s="16"/>
      <c r="J45428" s="16"/>
    </row>
    <row r="45429" spans="7:10">
      <c r="G45429" s="16"/>
      <c r="H45429" s="16"/>
      <c r="I45429" s="16"/>
      <c r="J45429" s="16"/>
    </row>
    <row r="45430" spans="7:10">
      <c r="G45430" s="16"/>
      <c r="H45430" s="16"/>
      <c r="I45430" s="16"/>
      <c r="J45430" s="16"/>
    </row>
    <row r="45431" spans="7:10">
      <c r="G45431" s="16"/>
      <c r="H45431" s="16"/>
      <c r="I45431" s="16"/>
      <c r="J45431" s="16"/>
    </row>
    <row r="45432" spans="7:10">
      <c r="G45432" s="16"/>
      <c r="H45432" s="16"/>
      <c r="I45432" s="16"/>
      <c r="J45432" s="16"/>
    </row>
    <row r="45433" spans="7:10">
      <c r="G45433" s="16"/>
      <c r="H45433" s="16"/>
      <c r="I45433" s="16"/>
      <c r="J45433" s="16"/>
    </row>
    <row r="45434" spans="7:10">
      <c r="G45434" s="16"/>
      <c r="H45434" s="16"/>
      <c r="I45434" s="16"/>
      <c r="J45434" s="16"/>
    </row>
    <row r="45435" spans="7:10">
      <c r="G45435" s="16"/>
      <c r="H45435" s="16"/>
      <c r="I45435" s="16"/>
      <c r="J45435" s="16"/>
    </row>
    <row r="45436" spans="7:10">
      <c r="G45436" s="16"/>
      <c r="H45436" s="16"/>
      <c r="I45436" s="16"/>
      <c r="J45436" s="16"/>
    </row>
    <row r="45437" spans="7:10">
      <c r="G45437" s="16"/>
      <c r="H45437" s="16"/>
      <c r="I45437" s="16"/>
      <c r="J45437" s="16"/>
    </row>
    <row r="45438" spans="7:10">
      <c r="G45438" s="16"/>
      <c r="H45438" s="16"/>
      <c r="I45438" s="16"/>
      <c r="J45438" s="16"/>
    </row>
    <row r="45439" spans="7:10">
      <c r="G45439" s="16"/>
      <c r="H45439" s="16"/>
      <c r="I45439" s="16"/>
      <c r="J45439" s="16"/>
    </row>
    <row r="45440" spans="7:10">
      <c r="G45440" s="16"/>
      <c r="H45440" s="16"/>
      <c r="I45440" s="16"/>
      <c r="J45440" s="16"/>
    </row>
    <row r="45441" spans="7:10">
      <c r="G45441" s="16"/>
      <c r="H45441" s="16"/>
      <c r="I45441" s="16"/>
      <c r="J45441" s="16"/>
    </row>
    <row r="45442" spans="7:10">
      <c r="G45442" s="16"/>
      <c r="H45442" s="16"/>
      <c r="I45442" s="16"/>
      <c r="J45442" s="16"/>
    </row>
    <row r="45443" spans="7:10">
      <c r="G45443" s="16"/>
      <c r="H45443" s="16"/>
      <c r="I45443" s="16"/>
      <c r="J45443" s="16"/>
    </row>
    <row r="45444" spans="7:10">
      <c r="G45444" s="16"/>
      <c r="H45444" s="16"/>
      <c r="I45444" s="16"/>
      <c r="J45444" s="16"/>
    </row>
    <row r="45445" spans="7:10">
      <c r="G45445" s="16"/>
      <c r="H45445" s="16"/>
      <c r="I45445" s="16"/>
      <c r="J45445" s="16"/>
    </row>
    <row r="45446" spans="7:10">
      <c r="G45446" s="16"/>
      <c r="H45446" s="16"/>
      <c r="I45446" s="16"/>
      <c r="J45446" s="16"/>
    </row>
    <row r="45447" spans="7:10">
      <c r="G45447" s="16"/>
      <c r="H45447" s="16"/>
      <c r="I45447" s="16"/>
      <c r="J45447" s="16"/>
    </row>
    <row r="45448" spans="7:10">
      <c r="G45448" s="16"/>
      <c r="H45448" s="16"/>
      <c r="I45448" s="16"/>
      <c r="J45448" s="16"/>
    </row>
    <row r="45449" spans="7:10">
      <c r="G45449" s="16"/>
      <c r="H45449" s="16"/>
      <c r="I45449" s="16"/>
      <c r="J45449" s="16"/>
    </row>
    <row r="45450" spans="7:10">
      <c r="G45450" s="16"/>
      <c r="H45450" s="16"/>
      <c r="I45450" s="16"/>
      <c r="J45450" s="16"/>
    </row>
    <row r="45451" spans="7:10">
      <c r="G45451" s="16"/>
      <c r="H45451" s="16"/>
      <c r="I45451" s="16"/>
      <c r="J45451" s="16"/>
    </row>
    <row r="45452" spans="7:10">
      <c r="G45452" s="16"/>
      <c r="H45452" s="16"/>
      <c r="I45452" s="16"/>
      <c r="J45452" s="16"/>
    </row>
    <row r="45453" spans="7:10">
      <c r="G45453" s="16"/>
      <c r="H45453" s="16"/>
      <c r="I45453" s="16"/>
      <c r="J45453" s="16"/>
    </row>
    <row r="45454" spans="7:10">
      <c r="G45454" s="16"/>
      <c r="H45454" s="16"/>
      <c r="I45454" s="16"/>
      <c r="J45454" s="16"/>
    </row>
    <row r="45455" spans="7:10">
      <c r="G45455" s="16"/>
      <c r="H45455" s="16"/>
      <c r="I45455" s="16"/>
      <c r="J45455" s="16"/>
    </row>
    <row r="45456" spans="7:10">
      <c r="G45456" s="16"/>
      <c r="H45456" s="16"/>
      <c r="I45456" s="16"/>
      <c r="J45456" s="16"/>
    </row>
    <row r="45457" spans="7:10">
      <c r="G45457" s="16"/>
      <c r="H45457" s="16"/>
      <c r="I45457" s="16"/>
      <c r="J45457" s="16"/>
    </row>
    <row r="45458" spans="7:10">
      <c r="G45458" s="16"/>
      <c r="H45458" s="16"/>
      <c r="I45458" s="16"/>
      <c r="J45458" s="16"/>
    </row>
    <row r="45459" spans="7:10">
      <c r="G45459" s="16"/>
      <c r="H45459" s="16"/>
      <c r="I45459" s="16"/>
      <c r="J45459" s="16"/>
    </row>
    <row r="45460" spans="7:10">
      <c r="G45460" s="16"/>
      <c r="H45460" s="16"/>
      <c r="I45460" s="16"/>
      <c r="J45460" s="16"/>
    </row>
    <row r="45461" spans="7:10">
      <c r="G45461" s="16"/>
      <c r="H45461" s="16"/>
      <c r="I45461" s="16"/>
      <c r="J45461" s="16"/>
    </row>
    <row r="45462" spans="7:10">
      <c r="G45462" s="16"/>
      <c r="H45462" s="16"/>
      <c r="I45462" s="16"/>
      <c r="J45462" s="16"/>
    </row>
    <row r="45463" spans="7:10">
      <c r="G45463" s="16"/>
      <c r="H45463" s="16"/>
      <c r="I45463" s="16"/>
      <c r="J45463" s="16"/>
    </row>
    <row r="45464" spans="7:10">
      <c r="G45464" s="16"/>
      <c r="H45464" s="16"/>
      <c r="I45464" s="16"/>
      <c r="J45464" s="16"/>
    </row>
    <row r="45465" spans="7:10">
      <c r="G45465" s="16"/>
      <c r="H45465" s="16"/>
      <c r="I45465" s="16"/>
      <c r="J45465" s="16"/>
    </row>
    <row r="45466" spans="7:10">
      <c r="G45466" s="16"/>
      <c r="H45466" s="16"/>
      <c r="I45466" s="16"/>
      <c r="J45466" s="16"/>
    </row>
    <row r="45467" spans="7:10">
      <c r="G45467" s="16"/>
      <c r="H45467" s="16"/>
      <c r="I45467" s="16"/>
      <c r="J45467" s="16"/>
    </row>
    <row r="45468" spans="7:10">
      <c r="G45468" s="16"/>
      <c r="H45468" s="16"/>
      <c r="I45468" s="16"/>
      <c r="J45468" s="16"/>
    </row>
    <row r="45469" spans="7:10">
      <c r="G45469" s="16"/>
      <c r="H45469" s="16"/>
      <c r="I45469" s="16"/>
      <c r="J45469" s="16"/>
    </row>
    <row r="45470" spans="7:10">
      <c r="G45470" s="16"/>
      <c r="H45470" s="16"/>
      <c r="I45470" s="16"/>
      <c r="J45470" s="16"/>
    </row>
    <row r="45471" spans="7:10">
      <c r="G45471" s="16"/>
      <c r="H45471" s="16"/>
      <c r="I45471" s="16"/>
      <c r="J45471" s="16"/>
    </row>
    <row r="45472" spans="7:10">
      <c r="G45472" s="16"/>
      <c r="H45472" s="16"/>
      <c r="I45472" s="16"/>
      <c r="J45472" s="16"/>
    </row>
    <row r="45473" spans="7:10">
      <c r="G45473" s="16"/>
      <c r="H45473" s="16"/>
      <c r="I45473" s="16"/>
      <c r="J45473" s="16"/>
    </row>
    <row r="45474" spans="7:10">
      <c r="G45474" s="16"/>
      <c r="H45474" s="16"/>
      <c r="I45474" s="16"/>
      <c r="J45474" s="16"/>
    </row>
    <row r="45475" spans="7:10">
      <c r="G45475" s="16"/>
      <c r="H45475" s="16"/>
      <c r="I45475" s="16"/>
      <c r="J45475" s="16"/>
    </row>
    <row r="45476" spans="7:10">
      <c r="G45476" s="16"/>
      <c r="H45476" s="16"/>
      <c r="I45476" s="16"/>
      <c r="J45476" s="16"/>
    </row>
    <row r="45477" spans="7:10">
      <c r="G45477" s="16"/>
      <c r="H45477" s="16"/>
      <c r="I45477" s="16"/>
      <c r="J45477" s="16"/>
    </row>
    <row r="45478" spans="7:10">
      <c r="G45478" s="16"/>
      <c r="H45478" s="16"/>
      <c r="I45478" s="16"/>
      <c r="J45478" s="16"/>
    </row>
    <row r="45479" spans="7:10">
      <c r="G45479" s="16"/>
      <c r="H45479" s="16"/>
      <c r="I45479" s="16"/>
      <c r="J45479" s="16"/>
    </row>
    <row r="45480" spans="7:10">
      <c r="G45480" s="16"/>
      <c r="H45480" s="16"/>
      <c r="I45480" s="16"/>
      <c r="J45480" s="16"/>
    </row>
    <row r="45481" spans="7:10">
      <c r="G45481" s="16"/>
      <c r="H45481" s="16"/>
      <c r="I45481" s="16"/>
      <c r="J45481" s="16"/>
    </row>
    <row r="45482" spans="7:10">
      <c r="G45482" s="16"/>
      <c r="H45482" s="16"/>
      <c r="I45482" s="16"/>
      <c r="J45482" s="16"/>
    </row>
    <row r="45483" spans="7:10">
      <c r="G45483" s="16"/>
      <c r="H45483" s="16"/>
      <c r="I45483" s="16"/>
      <c r="J45483" s="16"/>
    </row>
    <row r="45484" spans="7:10">
      <c r="G45484" s="16"/>
      <c r="H45484" s="16"/>
      <c r="I45484" s="16"/>
      <c r="J45484" s="16"/>
    </row>
    <row r="45485" spans="7:10">
      <c r="G45485" s="16"/>
      <c r="H45485" s="16"/>
      <c r="I45485" s="16"/>
      <c r="J45485" s="16"/>
    </row>
    <row r="45486" spans="7:10">
      <c r="G45486" s="16"/>
      <c r="H45486" s="16"/>
      <c r="I45486" s="16"/>
      <c r="J45486" s="16"/>
    </row>
    <row r="45487" spans="7:10">
      <c r="G45487" s="16"/>
      <c r="H45487" s="16"/>
      <c r="I45487" s="16"/>
      <c r="J45487" s="16"/>
    </row>
    <row r="45488" spans="7:10">
      <c r="G45488" s="16"/>
      <c r="H45488" s="16"/>
      <c r="I45488" s="16"/>
      <c r="J45488" s="16"/>
    </row>
    <row r="45489" spans="7:10">
      <c r="G45489" s="16"/>
      <c r="H45489" s="16"/>
      <c r="I45489" s="16"/>
      <c r="J45489" s="16"/>
    </row>
    <row r="45490" spans="7:10">
      <c r="G45490" s="16"/>
      <c r="H45490" s="16"/>
      <c r="I45490" s="16"/>
      <c r="J45490" s="16"/>
    </row>
    <row r="45491" spans="7:10">
      <c r="G45491" s="16"/>
      <c r="H45491" s="16"/>
      <c r="I45491" s="16"/>
      <c r="J45491" s="16"/>
    </row>
    <row r="45492" spans="7:10">
      <c r="G45492" s="16"/>
      <c r="H45492" s="16"/>
      <c r="I45492" s="16"/>
      <c r="J45492" s="16"/>
    </row>
    <row r="45493" spans="7:10">
      <c r="G45493" s="16"/>
      <c r="H45493" s="16"/>
      <c r="I45493" s="16"/>
      <c r="J45493" s="16"/>
    </row>
    <row r="45494" spans="7:10">
      <c r="G45494" s="16"/>
      <c r="H45494" s="16"/>
      <c r="I45494" s="16"/>
      <c r="J45494" s="16"/>
    </row>
    <row r="45495" spans="7:10">
      <c r="G45495" s="16"/>
      <c r="H45495" s="16"/>
      <c r="I45495" s="16"/>
      <c r="J45495" s="16"/>
    </row>
    <row r="45496" spans="7:10">
      <c r="G45496" s="16"/>
      <c r="H45496" s="16"/>
      <c r="I45496" s="16"/>
      <c r="J45496" s="16"/>
    </row>
    <row r="45497" spans="7:10">
      <c r="G45497" s="16"/>
      <c r="H45497" s="16"/>
      <c r="I45497" s="16"/>
      <c r="J45497" s="16"/>
    </row>
    <row r="45498" spans="7:10">
      <c r="G45498" s="16"/>
      <c r="H45498" s="16"/>
      <c r="I45498" s="16"/>
      <c r="J45498" s="16"/>
    </row>
    <row r="45499" spans="7:10">
      <c r="G45499" s="16"/>
      <c r="H45499" s="16"/>
      <c r="I45499" s="16"/>
      <c r="J45499" s="16"/>
    </row>
    <row r="45500" spans="7:10">
      <c r="G45500" s="16"/>
      <c r="H45500" s="16"/>
      <c r="I45500" s="16"/>
      <c r="J45500" s="16"/>
    </row>
    <row r="45501" spans="7:10">
      <c r="G45501" s="16"/>
      <c r="H45501" s="16"/>
      <c r="I45501" s="16"/>
      <c r="J45501" s="16"/>
    </row>
    <row r="45502" spans="7:10">
      <c r="G45502" s="16"/>
      <c r="H45502" s="16"/>
      <c r="I45502" s="16"/>
      <c r="J45502" s="16"/>
    </row>
    <row r="45503" spans="7:10">
      <c r="G45503" s="16"/>
      <c r="H45503" s="16"/>
      <c r="I45503" s="16"/>
      <c r="J45503" s="16"/>
    </row>
    <row r="45504" spans="7:10">
      <c r="G45504" s="16"/>
      <c r="H45504" s="16"/>
      <c r="I45504" s="16"/>
      <c r="J45504" s="16"/>
    </row>
    <row r="45505" spans="7:10">
      <c r="G45505" s="16"/>
      <c r="H45505" s="16"/>
      <c r="I45505" s="16"/>
      <c r="J45505" s="16"/>
    </row>
    <row r="45506" spans="7:10">
      <c r="G45506" s="16"/>
      <c r="H45506" s="16"/>
      <c r="I45506" s="16"/>
      <c r="J45506" s="16"/>
    </row>
    <row r="45507" spans="7:10">
      <c r="G45507" s="16"/>
      <c r="H45507" s="16"/>
      <c r="I45507" s="16"/>
      <c r="J45507" s="16"/>
    </row>
    <row r="45508" spans="7:10">
      <c r="G45508" s="16"/>
      <c r="H45508" s="16"/>
      <c r="I45508" s="16"/>
      <c r="J45508" s="16"/>
    </row>
    <row r="45509" spans="7:10">
      <c r="G45509" s="16"/>
      <c r="H45509" s="16"/>
      <c r="I45509" s="16"/>
      <c r="J45509" s="16"/>
    </row>
    <row r="45510" spans="7:10">
      <c r="G45510" s="16"/>
      <c r="H45510" s="16"/>
      <c r="I45510" s="16"/>
      <c r="J45510" s="16"/>
    </row>
    <row r="45511" spans="7:10">
      <c r="G45511" s="16"/>
      <c r="H45511" s="16"/>
      <c r="I45511" s="16"/>
      <c r="J45511" s="16"/>
    </row>
    <row r="45512" spans="7:10">
      <c r="G45512" s="16"/>
      <c r="H45512" s="16"/>
      <c r="I45512" s="16"/>
      <c r="J45512" s="16"/>
    </row>
    <row r="45513" spans="7:10">
      <c r="G45513" s="16"/>
      <c r="H45513" s="16"/>
      <c r="I45513" s="16"/>
      <c r="J45513" s="16"/>
    </row>
    <row r="45514" spans="7:10">
      <c r="G45514" s="16"/>
      <c r="H45514" s="16"/>
      <c r="I45514" s="16"/>
      <c r="J45514" s="16"/>
    </row>
    <row r="45515" spans="7:10">
      <c r="G45515" s="16"/>
      <c r="H45515" s="16"/>
      <c r="I45515" s="16"/>
      <c r="J45515" s="16"/>
    </row>
    <row r="45516" spans="7:10">
      <c r="G45516" s="16"/>
      <c r="H45516" s="16"/>
      <c r="I45516" s="16"/>
      <c r="J45516" s="16"/>
    </row>
    <row r="45517" spans="7:10">
      <c r="G45517" s="16"/>
      <c r="H45517" s="16"/>
      <c r="I45517" s="16"/>
      <c r="J45517" s="16"/>
    </row>
    <row r="45518" spans="7:10">
      <c r="G45518" s="16"/>
      <c r="H45518" s="16"/>
      <c r="I45518" s="16"/>
      <c r="J45518" s="16"/>
    </row>
    <row r="45519" spans="7:10">
      <c r="G45519" s="16"/>
      <c r="H45519" s="16"/>
      <c r="I45519" s="16"/>
      <c r="J45519" s="16"/>
    </row>
    <row r="45520" spans="7:10">
      <c r="G45520" s="16"/>
      <c r="H45520" s="16"/>
      <c r="I45520" s="16"/>
      <c r="J45520" s="16"/>
    </row>
    <row r="45521" spans="7:10">
      <c r="G45521" s="16"/>
      <c r="H45521" s="16"/>
      <c r="I45521" s="16"/>
      <c r="J45521" s="16"/>
    </row>
    <row r="45522" spans="7:10">
      <c r="G45522" s="16"/>
      <c r="H45522" s="16"/>
      <c r="I45522" s="16"/>
      <c r="J45522" s="16"/>
    </row>
    <row r="45523" spans="7:10">
      <c r="G45523" s="16"/>
      <c r="H45523" s="16"/>
      <c r="I45523" s="16"/>
      <c r="J45523" s="16"/>
    </row>
    <row r="45524" spans="7:10">
      <c r="G45524" s="16"/>
      <c r="H45524" s="16"/>
      <c r="I45524" s="16"/>
      <c r="J45524" s="16"/>
    </row>
    <row r="45525" spans="7:10">
      <c r="G45525" s="16"/>
      <c r="H45525" s="16"/>
      <c r="I45525" s="16"/>
      <c r="J45525" s="16"/>
    </row>
    <row r="45526" spans="7:10">
      <c r="G45526" s="16"/>
      <c r="H45526" s="16"/>
      <c r="I45526" s="16"/>
      <c r="J45526" s="16"/>
    </row>
    <row r="45527" spans="7:10">
      <c r="G45527" s="16"/>
      <c r="H45527" s="16"/>
      <c r="I45527" s="16"/>
      <c r="J45527" s="16"/>
    </row>
    <row r="45528" spans="7:10">
      <c r="G45528" s="16"/>
      <c r="H45528" s="16"/>
      <c r="I45528" s="16"/>
      <c r="J45528" s="16"/>
    </row>
    <row r="45529" spans="7:10">
      <c r="G45529" s="16"/>
      <c r="H45529" s="16"/>
      <c r="I45529" s="16"/>
      <c r="J45529" s="16"/>
    </row>
    <row r="45530" spans="7:10">
      <c r="G45530" s="16"/>
      <c r="H45530" s="16"/>
      <c r="I45530" s="16"/>
      <c r="J45530" s="16"/>
    </row>
    <row r="45531" spans="7:10">
      <c r="G45531" s="16"/>
      <c r="H45531" s="16"/>
      <c r="I45531" s="16"/>
      <c r="J45531" s="16"/>
    </row>
    <row r="45532" spans="7:10">
      <c r="G45532" s="16"/>
      <c r="H45532" s="16"/>
      <c r="I45532" s="16"/>
      <c r="J45532" s="16"/>
    </row>
    <row r="45533" spans="7:10">
      <c r="G45533" s="16"/>
      <c r="H45533" s="16"/>
      <c r="I45533" s="16"/>
      <c r="J45533" s="16"/>
    </row>
    <row r="45534" spans="7:10">
      <c r="G45534" s="16"/>
      <c r="H45534" s="16"/>
      <c r="I45534" s="16"/>
      <c r="J45534" s="16"/>
    </row>
    <row r="45535" spans="7:10">
      <c r="G45535" s="16"/>
      <c r="H45535" s="16"/>
      <c r="I45535" s="16"/>
      <c r="J45535" s="16"/>
    </row>
    <row r="45536" spans="7:10">
      <c r="G45536" s="16"/>
      <c r="H45536" s="16"/>
      <c r="I45536" s="16"/>
      <c r="J45536" s="16"/>
    </row>
    <row r="45537" spans="7:10">
      <c r="G45537" s="16"/>
      <c r="H45537" s="16"/>
      <c r="I45537" s="16"/>
      <c r="J45537" s="16"/>
    </row>
    <row r="45538" spans="7:10">
      <c r="G45538" s="16"/>
      <c r="H45538" s="16"/>
      <c r="I45538" s="16"/>
      <c r="J45538" s="16"/>
    </row>
    <row r="45539" spans="7:10">
      <c r="G45539" s="16"/>
      <c r="H45539" s="16"/>
      <c r="I45539" s="16"/>
      <c r="J45539" s="16"/>
    </row>
    <row r="45540" spans="7:10">
      <c r="G45540" s="16"/>
      <c r="H45540" s="16"/>
      <c r="I45540" s="16"/>
      <c r="J45540" s="16"/>
    </row>
    <row r="45541" spans="7:10">
      <c r="G45541" s="16"/>
      <c r="H45541" s="16"/>
      <c r="I45541" s="16"/>
      <c r="J45541" s="16"/>
    </row>
    <row r="45542" spans="7:10">
      <c r="G45542" s="16"/>
      <c r="H45542" s="16"/>
      <c r="I45542" s="16"/>
      <c r="J45542" s="16"/>
    </row>
    <row r="45543" spans="7:10">
      <c r="G45543" s="16"/>
      <c r="H45543" s="16"/>
      <c r="I45543" s="16"/>
      <c r="J45543" s="16"/>
    </row>
    <row r="45544" spans="7:10">
      <c r="G45544" s="16"/>
      <c r="H45544" s="16"/>
      <c r="I45544" s="16"/>
      <c r="J45544" s="16"/>
    </row>
    <row r="45545" spans="7:10">
      <c r="G45545" s="16"/>
      <c r="H45545" s="16"/>
      <c r="I45545" s="16"/>
      <c r="J45545" s="16"/>
    </row>
    <row r="45546" spans="7:10">
      <c r="G45546" s="16"/>
      <c r="H45546" s="16"/>
      <c r="I45546" s="16"/>
      <c r="J45546" s="16"/>
    </row>
    <row r="45547" spans="7:10">
      <c r="G45547" s="16"/>
      <c r="H45547" s="16"/>
      <c r="I45547" s="16"/>
      <c r="J45547" s="16"/>
    </row>
    <row r="45548" spans="7:10">
      <c r="G45548" s="16"/>
      <c r="H45548" s="16"/>
      <c r="I45548" s="16"/>
      <c r="J45548" s="16"/>
    </row>
    <row r="45549" spans="7:10">
      <c r="G45549" s="16"/>
      <c r="H45549" s="16"/>
      <c r="I45549" s="16"/>
      <c r="J45549" s="16"/>
    </row>
    <row r="45550" spans="7:10">
      <c r="G45550" s="16"/>
      <c r="H45550" s="16"/>
      <c r="I45550" s="16"/>
      <c r="J45550" s="16"/>
    </row>
    <row r="45551" spans="7:10">
      <c r="G45551" s="16"/>
      <c r="H45551" s="16"/>
      <c r="I45551" s="16"/>
      <c r="J45551" s="16"/>
    </row>
    <row r="45552" spans="7:10">
      <c r="G45552" s="16"/>
      <c r="H45552" s="16"/>
      <c r="I45552" s="16"/>
      <c r="J45552" s="16"/>
    </row>
    <row r="45553" spans="7:10">
      <c r="G45553" s="16"/>
      <c r="H45553" s="16"/>
      <c r="I45553" s="16"/>
      <c r="J45553" s="16"/>
    </row>
    <row r="45554" spans="7:10">
      <c r="G45554" s="16"/>
      <c r="H45554" s="16"/>
      <c r="I45554" s="16"/>
      <c r="J45554" s="16"/>
    </row>
    <row r="45555" spans="7:10">
      <c r="G45555" s="16"/>
      <c r="H45555" s="16"/>
      <c r="I45555" s="16"/>
      <c r="J45555" s="16"/>
    </row>
    <row r="45556" spans="7:10">
      <c r="G45556" s="16"/>
      <c r="H45556" s="16"/>
      <c r="I45556" s="16"/>
      <c r="J45556" s="16"/>
    </row>
    <row r="45557" spans="7:10">
      <c r="G45557" s="16"/>
      <c r="H45557" s="16"/>
      <c r="I45557" s="16"/>
      <c r="J45557" s="16"/>
    </row>
    <row r="45558" spans="7:10">
      <c r="G45558" s="16"/>
      <c r="H45558" s="16"/>
      <c r="I45558" s="16"/>
      <c r="J45558" s="16"/>
    </row>
    <row r="45559" spans="7:10">
      <c r="G45559" s="16"/>
      <c r="H45559" s="16"/>
      <c r="I45559" s="16"/>
      <c r="J45559" s="16"/>
    </row>
    <row r="45560" spans="7:10">
      <c r="G45560" s="16"/>
      <c r="H45560" s="16"/>
      <c r="I45560" s="16"/>
      <c r="J45560" s="16"/>
    </row>
    <row r="45561" spans="7:10">
      <c r="G45561" s="16"/>
      <c r="H45561" s="16"/>
      <c r="I45561" s="16"/>
      <c r="J45561" s="16"/>
    </row>
    <row r="45562" spans="7:10">
      <c r="G45562" s="16"/>
      <c r="H45562" s="16"/>
      <c r="I45562" s="16"/>
      <c r="J45562" s="16"/>
    </row>
    <row r="45563" spans="7:10">
      <c r="G45563" s="16"/>
      <c r="H45563" s="16"/>
      <c r="I45563" s="16"/>
      <c r="J45563" s="16"/>
    </row>
    <row r="45564" spans="7:10">
      <c r="G45564" s="16"/>
      <c r="H45564" s="16"/>
      <c r="I45564" s="16"/>
      <c r="J45564" s="16"/>
    </row>
    <row r="45565" spans="7:10">
      <c r="G45565" s="16"/>
      <c r="H45565" s="16"/>
      <c r="I45565" s="16"/>
      <c r="J45565" s="16"/>
    </row>
    <row r="45566" spans="7:10">
      <c r="G45566" s="16"/>
      <c r="H45566" s="16"/>
      <c r="I45566" s="16"/>
      <c r="J45566" s="16"/>
    </row>
    <row r="45567" spans="7:10">
      <c r="G45567" s="16"/>
      <c r="H45567" s="16"/>
      <c r="I45567" s="16"/>
      <c r="J45567" s="16"/>
    </row>
    <row r="45568" spans="7:10">
      <c r="G45568" s="16"/>
      <c r="H45568" s="16"/>
      <c r="I45568" s="16"/>
      <c r="J45568" s="16"/>
    </row>
    <row r="45569" spans="7:10">
      <c r="G45569" s="16"/>
      <c r="H45569" s="16"/>
      <c r="I45569" s="16"/>
      <c r="J45569" s="16"/>
    </row>
    <row r="45570" spans="7:10">
      <c r="G45570" s="16"/>
      <c r="H45570" s="16"/>
      <c r="I45570" s="16"/>
      <c r="J45570" s="16"/>
    </row>
    <row r="45571" spans="7:10">
      <c r="G45571" s="16"/>
      <c r="H45571" s="16"/>
      <c r="I45571" s="16"/>
      <c r="J45571" s="16"/>
    </row>
    <row r="45572" spans="7:10">
      <c r="G45572" s="16"/>
      <c r="H45572" s="16"/>
      <c r="I45572" s="16"/>
      <c r="J45572" s="16"/>
    </row>
    <row r="45573" spans="7:10">
      <c r="G45573" s="16"/>
      <c r="H45573" s="16"/>
      <c r="I45573" s="16"/>
      <c r="J45573" s="16"/>
    </row>
    <row r="45574" spans="7:10">
      <c r="G45574" s="16"/>
      <c r="H45574" s="16"/>
      <c r="I45574" s="16"/>
      <c r="J45574" s="16"/>
    </row>
    <row r="45575" spans="7:10">
      <c r="G45575" s="16"/>
      <c r="H45575" s="16"/>
      <c r="I45575" s="16"/>
      <c r="J45575" s="16"/>
    </row>
    <row r="45576" spans="7:10">
      <c r="G45576" s="16"/>
      <c r="H45576" s="16"/>
      <c r="I45576" s="16"/>
      <c r="J45576" s="16"/>
    </row>
    <row r="45577" spans="7:10">
      <c r="G45577" s="16"/>
      <c r="H45577" s="16"/>
      <c r="I45577" s="16"/>
      <c r="J45577" s="16"/>
    </row>
    <row r="45578" spans="7:10">
      <c r="G45578" s="16"/>
      <c r="H45578" s="16"/>
      <c r="I45578" s="16"/>
      <c r="J45578" s="16"/>
    </row>
    <row r="45579" spans="7:10">
      <c r="G45579" s="16"/>
      <c r="H45579" s="16"/>
      <c r="I45579" s="16"/>
      <c r="J45579" s="16"/>
    </row>
    <row r="45580" spans="7:10">
      <c r="G45580" s="16"/>
      <c r="H45580" s="16"/>
      <c r="I45580" s="16"/>
      <c r="J45580" s="16"/>
    </row>
    <row r="45581" spans="7:10">
      <c r="G45581" s="16"/>
      <c r="H45581" s="16"/>
      <c r="I45581" s="16"/>
      <c r="J45581" s="16"/>
    </row>
    <row r="45582" spans="7:10">
      <c r="G45582" s="16"/>
      <c r="H45582" s="16"/>
      <c r="I45582" s="16"/>
      <c r="J45582" s="16"/>
    </row>
    <row r="45583" spans="7:10">
      <c r="G45583" s="16"/>
      <c r="H45583" s="16"/>
      <c r="I45583" s="16"/>
      <c r="J45583" s="16"/>
    </row>
    <row r="45584" spans="7:10">
      <c r="G45584" s="16"/>
      <c r="H45584" s="16"/>
      <c r="I45584" s="16"/>
      <c r="J45584" s="16"/>
    </row>
    <row r="45585" spans="7:10">
      <c r="G45585" s="16"/>
      <c r="H45585" s="16"/>
      <c r="I45585" s="16"/>
      <c r="J45585" s="16"/>
    </row>
    <row r="45586" spans="7:10">
      <c r="G45586" s="16"/>
      <c r="H45586" s="16"/>
      <c r="I45586" s="16"/>
      <c r="J45586" s="16"/>
    </row>
    <row r="45587" spans="7:10">
      <c r="G45587" s="16"/>
      <c r="H45587" s="16"/>
      <c r="I45587" s="16"/>
      <c r="J45587" s="16"/>
    </row>
    <row r="45588" spans="7:10">
      <c r="G45588" s="16"/>
      <c r="H45588" s="16"/>
      <c r="I45588" s="16"/>
      <c r="J45588" s="16"/>
    </row>
    <row r="45589" spans="7:10">
      <c r="G45589" s="16"/>
      <c r="H45589" s="16"/>
      <c r="I45589" s="16"/>
      <c r="J45589" s="16"/>
    </row>
    <row r="45590" spans="7:10">
      <c r="G45590" s="16"/>
      <c r="H45590" s="16"/>
      <c r="I45590" s="16"/>
      <c r="J45590" s="16"/>
    </row>
    <row r="45591" spans="7:10">
      <c r="G45591" s="16"/>
      <c r="H45591" s="16"/>
      <c r="I45591" s="16"/>
      <c r="J45591" s="16"/>
    </row>
    <row r="45592" spans="7:10">
      <c r="G45592" s="16"/>
      <c r="H45592" s="16"/>
      <c r="I45592" s="16"/>
      <c r="J45592" s="16"/>
    </row>
    <row r="45593" spans="7:10">
      <c r="G45593" s="16"/>
      <c r="H45593" s="16"/>
      <c r="I45593" s="16"/>
      <c r="J45593" s="16"/>
    </row>
    <row r="45594" spans="7:10">
      <c r="G45594" s="16"/>
      <c r="H45594" s="16"/>
      <c r="I45594" s="16"/>
      <c r="J45594" s="16"/>
    </row>
    <row r="45595" spans="7:10">
      <c r="G45595" s="16"/>
      <c r="H45595" s="16"/>
      <c r="I45595" s="16"/>
      <c r="J45595" s="16"/>
    </row>
    <row r="45596" spans="7:10">
      <c r="G45596" s="16"/>
      <c r="H45596" s="16"/>
      <c r="I45596" s="16"/>
      <c r="J45596" s="16"/>
    </row>
    <row r="45597" spans="7:10">
      <c r="G45597" s="16"/>
      <c r="H45597" s="16"/>
      <c r="I45597" s="16"/>
      <c r="J45597" s="16"/>
    </row>
    <row r="45598" spans="7:10">
      <c r="G45598" s="16"/>
      <c r="H45598" s="16"/>
      <c r="I45598" s="16"/>
      <c r="J45598" s="16"/>
    </row>
    <row r="45599" spans="7:10">
      <c r="G45599" s="16"/>
      <c r="H45599" s="16"/>
      <c r="I45599" s="16"/>
      <c r="J45599" s="16"/>
    </row>
    <row r="45600" spans="7:10">
      <c r="G45600" s="16"/>
      <c r="H45600" s="16"/>
      <c r="I45600" s="16"/>
      <c r="J45600" s="16"/>
    </row>
    <row r="45601" spans="7:10">
      <c r="G45601" s="16"/>
      <c r="H45601" s="16"/>
      <c r="I45601" s="16"/>
      <c r="J45601" s="16"/>
    </row>
    <row r="45602" spans="7:10">
      <c r="G45602" s="16"/>
      <c r="H45602" s="16"/>
      <c r="I45602" s="16"/>
      <c r="J45602" s="16"/>
    </row>
    <row r="45603" spans="7:10">
      <c r="G45603" s="16"/>
      <c r="H45603" s="16"/>
      <c r="I45603" s="16"/>
      <c r="J45603" s="16"/>
    </row>
    <row r="45604" spans="7:10">
      <c r="G45604" s="16"/>
      <c r="H45604" s="16"/>
      <c r="I45604" s="16"/>
      <c r="J45604" s="16"/>
    </row>
    <row r="45605" spans="7:10">
      <c r="G45605" s="16"/>
      <c r="H45605" s="16"/>
      <c r="I45605" s="16"/>
      <c r="J45605" s="16"/>
    </row>
    <row r="45606" spans="7:10">
      <c r="G45606" s="16"/>
      <c r="H45606" s="16"/>
      <c r="I45606" s="16"/>
      <c r="J45606" s="16"/>
    </row>
    <row r="45607" spans="7:10">
      <c r="G45607" s="16"/>
      <c r="H45607" s="16"/>
      <c r="I45607" s="16"/>
      <c r="J45607" s="16"/>
    </row>
    <row r="45608" spans="7:10">
      <c r="G45608" s="16"/>
      <c r="H45608" s="16"/>
      <c r="I45608" s="16"/>
      <c r="J45608" s="16"/>
    </row>
    <row r="45609" spans="7:10">
      <c r="G45609" s="16"/>
      <c r="H45609" s="16"/>
      <c r="I45609" s="16"/>
      <c r="J45609" s="16"/>
    </row>
    <row r="45610" spans="7:10">
      <c r="G45610" s="16"/>
      <c r="H45610" s="16"/>
      <c r="I45610" s="16"/>
      <c r="J45610" s="16"/>
    </row>
    <row r="45611" spans="7:10">
      <c r="G45611" s="16"/>
      <c r="H45611" s="16"/>
      <c r="I45611" s="16"/>
      <c r="J45611" s="16"/>
    </row>
    <row r="45612" spans="7:10">
      <c r="G45612" s="16"/>
      <c r="H45612" s="16"/>
      <c r="I45612" s="16"/>
      <c r="J45612" s="16"/>
    </row>
    <row r="45613" spans="7:10">
      <c r="G45613" s="16"/>
      <c r="H45613" s="16"/>
      <c r="I45613" s="16"/>
      <c r="J45613" s="16"/>
    </row>
    <row r="45614" spans="7:10">
      <c r="G45614" s="16"/>
      <c r="H45614" s="16"/>
      <c r="I45614" s="16"/>
      <c r="J45614" s="16"/>
    </row>
    <row r="45615" spans="7:10">
      <c r="G45615" s="16"/>
      <c r="H45615" s="16"/>
      <c r="I45615" s="16"/>
      <c r="J45615" s="16"/>
    </row>
    <row r="45616" spans="7:10">
      <c r="G45616" s="16"/>
      <c r="H45616" s="16"/>
      <c r="I45616" s="16"/>
      <c r="J45616" s="16"/>
    </row>
    <row r="45617" spans="7:10">
      <c r="G45617" s="16"/>
      <c r="H45617" s="16"/>
      <c r="I45617" s="16"/>
      <c r="J45617" s="16"/>
    </row>
    <row r="45618" spans="7:10">
      <c r="G45618" s="16"/>
      <c r="H45618" s="16"/>
      <c r="I45618" s="16"/>
      <c r="J45618" s="16"/>
    </row>
    <row r="45619" spans="7:10">
      <c r="G45619" s="16"/>
      <c r="H45619" s="16"/>
      <c r="I45619" s="16"/>
      <c r="J45619" s="16"/>
    </row>
    <row r="45620" spans="7:10">
      <c r="G45620" s="16"/>
      <c r="H45620" s="16"/>
      <c r="I45620" s="16"/>
      <c r="J45620" s="16"/>
    </row>
    <row r="45621" spans="7:10">
      <c r="G45621" s="16"/>
      <c r="H45621" s="16"/>
      <c r="I45621" s="16"/>
      <c r="J45621" s="16"/>
    </row>
    <row r="45622" spans="7:10">
      <c r="G45622" s="16"/>
      <c r="H45622" s="16"/>
      <c r="I45622" s="16"/>
      <c r="J45622" s="16"/>
    </row>
    <row r="45623" spans="7:10">
      <c r="G45623" s="16"/>
      <c r="H45623" s="16"/>
      <c r="I45623" s="16"/>
      <c r="J45623" s="16"/>
    </row>
    <row r="45624" spans="7:10">
      <c r="G45624" s="16"/>
      <c r="H45624" s="16"/>
      <c r="I45624" s="16"/>
      <c r="J45624" s="16"/>
    </row>
    <row r="45625" spans="7:10">
      <c r="G45625" s="16"/>
      <c r="H45625" s="16"/>
      <c r="I45625" s="16"/>
      <c r="J45625" s="16"/>
    </row>
    <row r="45626" spans="7:10">
      <c r="G45626" s="16"/>
      <c r="H45626" s="16"/>
      <c r="I45626" s="16"/>
      <c r="J45626" s="16"/>
    </row>
    <row r="45627" spans="7:10">
      <c r="G45627" s="16"/>
      <c r="H45627" s="16"/>
      <c r="I45627" s="16"/>
      <c r="J45627" s="16"/>
    </row>
    <row r="45628" spans="7:10">
      <c r="G45628" s="16"/>
      <c r="H45628" s="16"/>
      <c r="I45628" s="16"/>
      <c r="J45628" s="16"/>
    </row>
    <row r="45629" spans="7:10">
      <c r="G45629" s="16"/>
      <c r="H45629" s="16"/>
      <c r="I45629" s="16"/>
      <c r="J45629" s="16"/>
    </row>
    <row r="45630" spans="7:10">
      <c r="G45630" s="16"/>
      <c r="H45630" s="16"/>
      <c r="I45630" s="16"/>
      <c r="J45630" s="16"/>
    </row>
    <row r="45631" spans="7:10">
      <c r="G45631" s="16"/>
      <c r="H45631" s="16"/>
      <c r="I45631" s="16"/>
      <c r="J45631" s="16"/>
    </row>
    <row r="45632" spans="7:10">
      <c r="G45632" s="16"/>
      <c r="H45632" s="16"/>
      <c r="I45632" s="16"/>
      <c r="J45632" s="16"/>
    </row>
    <row r="45633" spans="7:10">
      <c r="G45633" s="16"/>
      <c r="H45633" s="16"/>
      <c r="I45633" s="16"/>
      <c r="J45633" s="16"/>
    </row>
    <row r="45634" spans="7:10">
      <c r="G45634" s="16"/>
      <c r="H45634" s="16"/>
      <c r="I45634" s="16"/>
      <c r="J45634" s="16"/>
    </row>
    <row r="45635" spans="7:10">
      <c r="G45635" s="16"/>
      <c r="H45635" s="16"/>
      <c r="I45635" s="16"/>
      <c r="J45635" s="16"/>
    </row>
    <row r="45636" spans="7:10">
      <c r="G45636" s="16"/>
      <c r="H45636" s="16"/>
      <c r="I45636" s="16"/>
      <c r="J45636" s="16"/>
    </row>
    <row r="45637" spans="7:10">
      <c r="G45637" s="16"/>
      <c r="H45637" s="16"/>
      <c r="I45637" s="16"/>
      <c r="J45637" s="16"/>
    </row>
    <row r="45638" spans="7:10">
      <c r="G45638" s="16"/>
      <c r="H45638" s="16"/>
      <c r="I45638" s="16"/>
      <c r="J45638" s="16"/>
    </row>
    <row r="45639" spans="7:10">
      <c r="G45639" s="16"/>
      <c r="H45639" s="16"/>
      <c r="I45639" s="16"/>
      <c r="J45639" s="16"/>
    </row>
    <row r="45640" spans="7:10">
      <c r="G45640" s="16"/>
      <c r="H45640" s="16"/>
      <c r="I45640" s="16"/>
      <c r="J45640" s="16"/>
    </row>
    <row r="45641" spans="7:10">
      <c r="G45641" s="16"/>
      <c r="H45641" s="16"/>
      <c r="I45641" s="16"/>
      <c r="J45641" s="16"/>
    </row>
    <row r="45642" spans="7:10">
      <c r="G45642" s="16"/>
      <c r="H45642" s="16"/>
      <c r="I45642" s="16"/>
      <c r="J45642" s="16"/>
    </row>
    <row r="45643" spans="7:10">
      <c r="G45643" s="16"/>
      <c r="H45643" s="16"/>
      <c r="I45643" s="16"/>
      <c r="J45643" s="16"/>
    </row>
    <row r="45644" spans="7:10">
      <c r="G45644" s="16"/>
      <c r="H45644" s="16"/>
      <c r="I45644" s="16"/>
      <c r="J45644" s="16"/>
    </row>
    <row r="45645" spans="7:10">
      <c r="G45645" s="16"/>
      <c r="H45645" s="16"/>
      <c r="I45645" s="16"/>
      <c r="J45645" s="16"/>
    </row>
    <row r="45646" spans="7:10">
      <c r="G45646" s="16"/>
      <c r="H45646" s="16"/>
      <c r="I45646" s="16"/>
      <c r="J45646" s="16"/>
    </row>
    <row r="45647" spans="7:10">
      <c r="G45647" s="16"/>
      <c r="H45647" s="16"/>
      <c r="I45647" s="16"/>
      <c r="J45647" s="16"/>
    </row>
    <row r="45648" spans="7:10">
      <c r="G45648" s="16"/>
      <c r="H45648" s="16"/>
      <c r="I45648" s="16"/>
      <c r="J45648" s="16"/>
    </row>
    <row r="45649" spans="7:10">
      <c r="G45649" s="16"/>
      <c r="H45649" s="16"/>
      <c r="I45649" s="16"/>
      <c r="J45649" s="16"/>
    </row>
    <row r="45650" spans="7:10">
      <c r="G45650" s="16"/>
      <c r="H45650" s="16"/>
      <c r="I45650" s="16"/>
      <c r="J45650" s="16"/>
    </row>
    <row r="45651" spans="7:10">
      <c r="G45651" s="16"/>
      <c r="H45651" s="16"/>
      <c r="I45651" s="16"/>
      <c r="J45651" s="16"/>
    </row>
    <row r="45652" spans="7:10">
      <c r="G45652" s="16"/>
      <c r="H45652" s="16"/>
      <c r="I45652" s="16"/>
      <c r="J45652" s="16"/>
    </row>
    <row r="45653" spans="7:10">
      <c r="G45653" s="16"/>
      <c r="H45653" s="16"/>
      <c r="I45653" s="16"/>
      <c r="J45653" s="16"/>
    </row>
    <row r="45654" spans="7:10">
      <c r="G45654" s="16"/>
      <c r="H45654" s="16"/>
      <c r="I45654" s="16"/>
      <c r="J45654" s="16"/>
    </row>
    <row r="45655" spans="7:10">
      <c r="G45655" s="16"/>
      <c r="H45655" s="16"/>
      <c r="I45655" s="16"/>
      <c r="J45655" s="16"/>
    </row>
    <row r="45656" spans="7:10">
      <c r="G45656" s="16"/>
      <c r="H45656" s="16"/>
      <c r="I45656" s="16"/>
      <c r="J45656" s="16"/>
    </row>
    <row r="45657" spans="7:10">
      <c r="G45657" s="16"/>
      <c r="H45657" s="16"/>
      <c r="I45657" s="16"/>
      <c r="J45657" s="16"/>
    </row>
    <row r="45658" spans="7:10">
      <c r="G45658" s="16"/>
      <c r="H45658" s="16"/>
      <c r="I45658" s="16"/>
      <c r="J45658" s="16"/>
    </row>
    <row r="45659" spans="7:10">
      <c r="G45659" s="16"/>
      <c r="H45659" s="16"/>
      <c r="I45659" s="16"/>
      <c r="J45659" s="16"/>
    </row>
    <row r="45660" spans="7:10">
      <c r="G45660" s="16"/>
      <c r="H45660" s="16"/>
      <c r="I45660" s="16"/>
      <c r="J45660" s="16"/>
    </row>
    <row r="45661" spans="7:10">
      <c r="G45661" s="16"/>
      <c r="H45661" s="16"/>
      <c r="I45661" s="16"/>
      <c r="J45661" s="16"/>
    </row>
    <row r="45662" spans="7:10">
      <c r="G45662" s="16"/>
      <c r="H45662" s="16"/>
      <c r="I45662" s="16"/>
      <c r="J45662" s="16"/>
    </row>
    <row r="45663" spans="7:10">
      <c r="G45663" s="16"/>
      <c r="H45663" s="16"/>
      <c r="I45663" s="16"/>
      <c r="J45663" s="16"/>
    </row>
    <row r="45664" spans="7:10">
      <c r="G45664" s="16"/>
      <c r="H45664" s="16"/>
      <c r="I45664" s="16"/>
      <c r="J45664" s="16"/>
    </row>
    <row r="45665" spans="7:10">
      <c r="G45665" s="16"/>
      <c r="H45665" s="16"/>
      <c r="I45665" s="16"/>
      <c r="J45665" s="16"/>
    </row>
    <row r="45666" spans="7:10">
      <c r="G45666" s="16"/>
      <c r="H45666" s="16"/>
      <c r="I45666" s="16"/>
      <c r="J45666" s="16"/>
    </row>
    <row r="45667" spans="7:10">
      <c r="G45667" s="16"/>
      <c r="H45667" s="16"/>
      <c r="I45667" s="16"/>
      <c r="J45667" s="16"/>
    </row>
    <row r="45668" spans="7:10">
      <c r="G45668" s="16"/>
      <c r="H45668" s="16"/>
      <c r="I45668" s="16"/>
      <c r="J45668" s="16"/>
    </row>
    <row r="45669" spans="7:10">
      <c r="G45669" s="16"/>
      <c r="H45669" s="16"/>
      <c r="I45669" s="16"/>
      <c r="J45669" s="16"/>
    </row>
    <row r="45670" spans="7:10">
      <c r="G45670" s="16"/>
      <c r="H45670" s="16"/>
      <c r="I45670" s="16"/>
      <c r="J45670" s="16"/>
    </row>
    <row r="45671" spans="7:10">
      <c r="G45671" s="16"/>
      <c r="H45671" s="16"/>
      <c r="I45671" s="16"/>
      <c r="J45671" s="16"/>
    </row>
    <row r="45672" spans="7:10">
      <c r="G45672" s="16"/>
      <c r="H45672" s="16"/>
      <c r="I45672" s="16"/>
      <c r="J45672" s="16"/>
    </row>
    <row r="45673" spans="7:10">
      <c r="G45673" s="16"/>
      <c r="H45673" s="16"/>
      <c r="I45673" s="16"/>
      <c r="J45673" s="16"/>
    </row>
    <row r="45674" spans="7:10">
      <c r="G45674" s="16"/>
      <c r="H45674" s="16"/>
      <c r="I45674" s="16"/>
      <c r="J45674" s="16"/>
    </row>
    <row r="45675" spans="7:10">
      <c r="G45675" s="16"/>
      <c r="H45675" s="16"/>
      <c r="I45675" s="16"/>
      <c r="J45675" s="16"/>
    </row>
    <row r="45676" spans="7:10">
      <c r="G45676" s="16"/>
      <c r="H45676" s="16"/>
      <c r="I45676" s="16"/>
      <c r="J45676" s="16"/>
    </row>
    <row r="45677" spans="7:10">
      <c r="G45677" s="16"/>
      <c r="H45677" s="16"/>
      <c r="I45677" s="16"/>
      <c r="J45677" s="16"/>
    </row>
    <row r="45678" spans="7:10">
      <c r="G45678" s="16"/>
      <c r="H45678" s="16"/>
      <c r="I45678" s="16"/>
      <c r="J45678" s="16"/>
    </row>
    <row r="45679" spans="7:10">
      <c r="G45679" s="16"/>
      <c r="H45679" s="16"/>
      <c r="I45679" s="16"/>
      <c r="J45679" s="16"/>
    </row>
    <row r="45680" spans="7:10">
      <c r="G45680" s="16"/>
      <c r="H45680" s="16"/>
      <c r="I45680" s="16"/>
      <c r="J45680" s="16"/>
    </row>
    <row r="45681" spans="7:10">
      <c r="G45681" s="16"/>
      <c r="H45681" s="16"/>
      <c r="I45681" s="16"/>
      <c r="J45681" s="16"/>
    </row>
    <row r="45682" spans="7:10">
      <c r="G45682" s="16"/>
      <c r="H45682" s="16"/>
      <c r="I45682" s="16"/>
      <c r="J45682" s="16"/>
    </row>
    <row r="45683" spans="7:10">
      <c r="G45683" s="16"/>
      <c r="H45683" s="16"/>
      <c r="I45683" s="16"/>
      <c r="J45683" s="16"/>
    </row>
    <row r="45684" spans="7:10">
      <c r="G45684" s="16"/>
      <c r="H45684" s="16"/>
      <c r="I45684" s="16"/>
      <c r="J45684" s="16"/>
    </row>
    <row r="45685" spans="7:10">
      <c r="G45685" s="16"/>
      <c r="H45685" s="16"/>
      <c r="I45685" s="16"/>
      <c r="J45685" s="16"/>
    </row>
    <row r="45686" spans="7:10">
      <c r="G45686" s="16"/>
      <c r="H45686" s="16"/>
      <c r="I45686" s="16"/>
      <c r="J45686" s="16"/>
    </row>
    <row r="45687" spans="7:10">
      <c r="G45687" s="16"/>
      <c r="H45687" s="16"/>
      <c r="I45687" s="16"/>
      <c r="J45687" s="16"/>
    </row>
    <row r="45688" spans="7:10">
      <c r="G45688" s="16"/>
      <c r="H45688" s="16"/>
      <c r="I45688" s="16"/>
      <c r="J45688" s="16"/>
    </row>
    <row r="45689" spans="7:10">
      <c r="G45689" s="16"/>
      <c r="H45689" s="16"/>
      <c r="I45689" s="16"/>
      <c r="J45689" s="16"/>
    </row>
    <row r="45690" spans="7:10">
      <c r="G45690" s="16"/>
      <c r="H45690" s="16"/>
      <c r="I45690" s="16"/>
      <c r="J45690" s="16"/>
    </row>
    <row r="45691" spans="7:10">
      <c r="G45691" s="16"/>
      <c r="H45691" s="16"/>
      <c r="I45691" s="16"/>
      <c r="J45691" s="16"/>
    </row>
    <row r="45692" spans="7:10">
      <c r="G45692" s="16"/>
      <c r="H45692" s="16"/>
      <c r="I45692" s="16"/>
      <c r="J45692" s="16"/>
    </row>
    <row r="45693" spans="7:10">
      <c r="G45693" s="16"/>
      <c r="H45693" s="16"/>
      <c r="I45693" s="16"/>
      <c r="J45693" s="16"/>
    </row>
    <row r="45694" spans="7:10">
      <c r="G45694" s="16"/>
      <c r="H45694" s="16"/>
      <c r="I45694" s="16"/>
      <c r="J45694" s="16"/>
    </row>
    <row r="45695" spans="7:10">
      <c r="G45695" s="16"/>
      <c r="H45695" s="16"/>
      <c r="I45695" s="16"/>
      <c r="J45695" s="16"/>
    </row>
    <row r="45696" spans="7:10">
      <c r="G45696" s="16"/>
      <c r="H45696" s="16"/>
      <c r="I45696" s="16"/>
      <c r="J45696" s="16"/>
    </row>
    <row r="45697" spans="7:10">
      <c r="G45697" s="16"/>
      <c r="H45697" s="16"/>
      <c r="I45697" s="16"/>
      <c r="J45697" s="16"/>
    </row>
    <row r="45698" spans="7:10">
      <c r="G45698" s="16"/>
      <c r="H45698" s="16"/>
      <c r="I45698" s="16"/>
      <c r="J45698" s="16"/>
    </row>
    <row r="45699" spans="7:10">
      <c r="G45699" s="16"/>
      <c r="H45699" s="16"/>
      <c r="I45699" s="16"/>
      <c r="J45699" s="16"/>
    </row>
    <row r="45700" spans="7:10">
      <c r="G45700" s="16"/>
      <c r="H45700" s="16"/>
      <c r="I45700" s="16"/>
      <c r="J45700" s="16"/>
    </row>
    <row r="45701" spans="7:10">
      <c r="G45701" s="16"/>
      <c r="H45701" s="16"/>
      <c r="I45701" s="16"/>
      <c r="J45701" s="16"/>
    </row>
    <row r="45702" spans="7:10">
      <c r="G45702" s="16"/>
      <c r="H45702" s="16"/>
      <c r="I45702" s="16"/>
      <c r="J45702" s="16"/>
    </row>
    <row r="45703" spans="7:10">
      <c r="G45703" s="16"/>
      <c r="H45703" s="16"/>
      <c r="I45703" s="16"/>
      <c r="J45703" s="16"/>
    </row>
    <row r="45704" spans="7:10">
      <c r="G45704" s="16"/>
      <c r="H45704" s="16"/>
      <c r="I45704" s="16"/>
      <c r="J45704" s="16"/>
    </row>
    <row r="45705" spans="7:10">
      <c r="G45705" s="16"/>
      <c r="H45705" s="16"/>
      <c r="I45705" s="16"/>
      <c r="J45705" s="16"/>
    </row>
    <row r="45706" spans="7:10">
      <c r="G45706" s="16"/>
      <c r="H45706" s="16"/>
      <c r="I45706" s="16"/>
      <c r="J45706" s="16"/>
    </row>
    <row r="45707" spans="7:10">
      <c r="G45707" s="16"/>
      <c r="H45707" s="16"/>
      <c r="I45707" s="16"/>
      <c r="J45707" s="16"/>
    </row>
    <row r="45708" spans="7:10">
      <c r="G45708" s="16"/>
      <c r="H45708" s="16"/>
      <c r="I45708" s="16"/>
      <c r="J45708" s="16"/>
    </row>
    <row r="45709" spans="7:10">
      <c r="G45709" s="16"/>
      <c r="H45709" s="16"/>
      <c r="I45709" s="16"/>
      <c r="J45709" s="16"/>
    </row>
    <row r="45710" spans="7:10">
      <c r="G45710" s="16"/>
      <c r="H45710" s="16"/>
      <c r="I45710" s="16"/>
      <c r="J45710" s="16"/>
    </row>
    <row r="45711" spans="7:10">
      <c r="G45711" s="16"/>
      <c r="H45711" s="16"/>
      <c r="I45711" s="16"/>
      <c r="J45711" s="16"/>
    </row>
    <row r="45712" spans="7:10">
      <c r="G45712" s="16"/>
      <c r="H45712" s="16"/>
      <c r="I45712" s="16"/>
      <c r="J45712" s="16"/>
    </row>
    <row r="45713" spans="7:10">
      <c r="G45713" s="16"/>
      <c r="H45713" s="16"/>
      <c r="I45713" s="16"/>
      <c r="J45713" s="16"/>
    </row>
    <row r="45714" spans="7:10">
      <c r="G45714" s="16"/>
      <c r="H45714" s="16"/>
      <c r="I45714" s="16"/>
      <c r="J45714" s="16"/>
    </row>
    <row r="45715" spans="7:10">
      <c r="G45715" s="16"/>
      <c r="H45715" s="16"/>
      <c r="I45715" s="16"/>
      <c r="J45715" s="16"/>
    </row>
    <row r="45716" spans="7:10">
      <c r="G45716" s="16"/>
      <c r="H45716" s="16"/>
      <c r="I45716" s="16"/>
      <c r="J45716" s="16"/>
    </row>
    <row r="45717" spans="7:10">
      <c r="G45717" s="16"/>
      <c r="H45717" s="16"/>
      <c r="I45717" s="16"/>
      <c r="J45717" s="16"/>
    </row>
    <row r="45718" spans="7:10">
      <c r="G45718" s="16"/>
      <c r="H45718" s="16"/>
      <c r="I45718" s="16"/>
      <c r="J45718" s="16"/>
    </row>
    <row r="45719" spans="7:10">
      <c r="G45719" s="16"/>
      <c r="H45719" s="16"/>
      <c r="I45719" s="16"/>
      <c r="J45719" s="16"/>
    </row>
    <row r="45720" spans="7:10">
      <c r="G45720" s="16"/>
      <c r="H45720" s="16"/>
      <c r="I45720" s="16"/>
      <c r="J45720" s="16"/>
    </row>
    <row r="45721" spans="7:10">
      <c r="G45721" s="16"/>
      <c r="H45721" s="16"/>
      <c r="I45721" s="16"/>
      <c r="J45721" s="16"/>
    </row>
    <row r="45722" spans="7:10">
      <c r="G45722" s="16"/>
      <c r="H45722" s="16"/>
      <c r="I45722" s="16"/>
      <c r="J45722" s="16"/>
    </row>
    <row r="45723" spans="7:10">
      <c r="G45723" s="16"/>
      <c r="H45723" s="16"/>
      <c r="I45723" s="16"/>
      <c r="J45723" s="16"/>
    </row>
    <row r="45724" spans="7:10">
      <c r="G45724" s="16"/>
      <c r="H45724" s="16"/>
      <c r="I45724" s="16"/>
      <c r="J45724" s="16"/>
    </row>
    <row r="45725" spans="7:10">
      <c r="G45725" s="16"/>
      <c r="H45725" s="16"/>
      <c r="I45725" s="16"/>
      <c r="J45725" s="16"/>
    </row>
    <row r="45726" spans="7:10">
      <c r="G45726" s="16"/>
      <c r="H45726" s="16"/>
      <c r="I45726" s="16"/>
      <c r="J45726" s="16"/>
    </row>
    <row r="45727" spans="7:10">
      <c r="G45727" s="16"/>
      <c r="H45727" s="16"/>
      <c r="I45727" s="16"/>
      <c r="J45727" s="16"/>
    </row>
    <row r="45728" spans="7:10">
      <c r="G45728" s="16"/>
      <c r="H45728" s="16"/>
      <c r="I45728" s="16"/>
      <c r="J45728" s="16"/>
    </row>
    <row r="45729" spans="7:10">
      <c r="G45729" s="16"/>
      <c r="H45729" s="16"/>
      <c r="I45729" s="16"/>
      <c r="J45729" s="16"/>
    </row>
    <row r="45730" spans="7:10">
      <c r="G45730" s="16"/>
      <c r="H45730" s="16"/>
      <c r="I45730" s="16"/>
      <c r="J45730" s="16"/>
    </row>
    <row r="45731" spans="7:10">
      <c r="G45731" s="16"/>
      <c r="H45731" s="16"/>
      <c r="I45731" s="16"/>
      <c r="J45731" s="16"/>
    </row>
    <row r="45732" spans="7:10">
      <c r="G45732" s="16"/>
      <c r="H45732" s="16"/>
      <c r="I45732" s="16"/>
      <c r="J45732" s="16"/>
    </row>
    <row r="45733" spans="7:10">
      <c r="G45733" s="16"/>
      <c r="H45733" s="16"/>
      <c r="I45733" s="16"/>
      <c r="J45733" s="16"/>
    </row>
    <row r="45734" spans="7:10">
      <c r="G45734" s="16"/>
      <c r="H45734" s="16"/>
      <c r="I45734" s="16"/>
      <c r="J45734" s="16"/>
    </row>
    <row r="45735" spans="7:10">
      <c r="G45735" s="16"/>
      <c r="H45735" s="16"/>
      <c r="I45735" s="16"/>
      <c r="J45735" s="16"/>
    </row>
    <row r="45736" spans="7:10">
      <c r="G45736" s="16"/>
      <c r="H45736" s="16"/>
      <c r="I45736" s="16"/>
      <c r="J45736" s="16"/>
    </row>
    <row r="45737" spans="7:10">
      <c r="G45737" s="16"/>
      <c r="H45737" s="16"/>
      <c r="I45737" s="16"/>
      <c r="J45737" s="16"/>
    </row>
    <row r="45738" spans="7:10">
      <c r="G45738" s="16"/>
      <c r="H45738" s="16"/>
      <c r="I45738" s="16"/>
      <c r="J45738" s="16"/>
    </row>
    <row r="45739" spans="7:10">
      <c r="G45739" s="16"/>
      <c r="H45739" s="16"/>
      <c r="I45739" s="16"/>
      <c r="J45739" s="16"/>
    </row>
    <row r="45740" spans="7:10">
      <c r="G45740" s="16"/>
      <c r="H45740" s="16"/>
      <c r="I45740" s="16"/>
      <c r="J45740" s="16"/>
    </row>
    <row r="45741" spans="7:10">
      <c r="G45741" s="16"/>
      <c r="H45741" s="16"/>
      <c r="I45741" s="16"/>
      <c r="J45741" s="16"/>
    </row>
    <row r="45742" spans="7:10">
      <c r="G45742" s="16"/>
      <c r="H45742" s="16"/>
      <c r="I45742" s="16"/>
      <c r="J45742" s="16"/>
    </row>
    <row r="45743" spans="7:10">
      <c r="G45743" s="16"/>
      <c r="H45743" s="16"/>
      <c r="I45743" s="16"/>
      <c r="J45743" s="16"/>
    </row>
    <row r="45744" spans="7:10">
      <c r="G45744" s="16"/>
      <c r="H45744" s="16"/>
      <c r="I45744" s="16"/>
      <c r="J45744" s="16"/>
    </row>
    <row r="45745" spans="7:10">
      <c r="G45745" s="16"/>
      <c r="H45745" s="16"/>
      <c r="I45745" s="16"/>
      <c r="J45745" s="16"/>
    </row>
    <row r="45746" spans="7:10">
      <c r="G45746" s="16"/>
      <c r="H45746" s="16"/>
      <c r="I45746" s="16"/>
      <c r="J45746" s="16"/>
    </row>
    <row r="45747" spans="7:10">
      <c r="G45747" s="16"/>
      <c r="H45747" s="16"/>
      <c r="I45747" s="16"/>
      <c r="J45747" s="16"/>
    </row>
    <row r="45748" spans="7:10">
      <c r="G45748" s="16"/>
      <c r="H45748" s="16"/>
      <c r="I45748" s="16"/>
      <c r="J45748" s="16"/>
    </row>
    <row r="45749" spans="7:10">
      <c r="G45749" s="16"/>
      <c r="H45749" s="16"/>
      <c r="I45749" s="16"/>
      <c r="J45749" s="16"/>
    </row>
    <row r="45750" spans="7:10">
      <c r="G45750" s="16"/>
      <c r="H45750" s="16"/>
      <c r="I45750" s="16"/>
      <c r="J45750" s="16"/>
    </row>
    <row r="45751" spans="7:10">
      <c r="G45751" s="16"/>
      <c r="H45751" s="16"/>
      <c r="I45751" s="16"/>
      <c r="J45751" s="16"/>
    </row>
    <row r="45752" spans="7:10">
      <c r="G45752" s="16"/>
      <c r="H45752" s="16"/>
      <c r="I45752" s="16"/>
      <c r="J45752" s="16"/>
    </row>
    <row r="45753" spans="7:10">
      <c r="G45753" s="16"/>
      <c r="H45753" s="16"/>
      <c r="I45753" s="16"/>
      <c r="J45753" s="16"/>
    </row>
    <row r="45754" spans="7:10">
      <c r="G45754" s="16"/>
      <c r="H45754" s="16"/>
      <c r="I45754" s="16"/>
      <c r="J45754" s="16"/>
    </row>
    <row r="45755" spans="7:10">
      <c r="G45755" s="16"/>
      <c r="H45755" s="16"/>
      <c r="I45755" s="16"/>
      <c r="J45755" s="16"/>
    </row>
    <row r="45756" spans="7:10">
      <c r="G45756" s="16"/>
      <c r="H45756" s="16"/>
      <c r="I45756" s="16"/>
      <c r="J45756" s="16"/>
    </row>
    <row r="45757" spans="7:10">
      <c r="G45757" s="16"/>
      <c r="H45757" s="16"/>
      <c r="I45757" s="16"/>
      <c r="J45757" s="16"/>
    </row>
    <row r="45758" spans="7:10">
      <c r="G45758" s="16"/>
      <c r="H45758" s="16"/>
      <c r="I45758" s="16"/>
      <c r="J45758" s="16"/>
    </row>
    <row r="45759" spans="7:10">
      <c r="G45759" s="16"/>
      <c r="H45759" s="16"/>
      <c r="I45759" s="16"/>
      <c r="J45759" s="16"/>
    </row>
    <row r="45760" spans="7:10">
      <c r="G45760" s="16"/>
      <c r="H45760" s="16"/>
      <c r="I45760" s="16"/>
      <c r="J45760" s="16"/>
    </row>
    <row r="45761" spans="7:10">
      <c r="G45761" s="16"/>
      <c r="H45761" s="16"/>
      <c r="I45761" s="16"/>
      <c r="J45761" s="16"/>
    </row>
    <row r="45762" spans="7:10">
      <c r="G45762" s="16"/>
      <c r="H45762" s="16"/>
      <c r="I45762" s="16"/>
      <c r="J45762" s="16"/>
    </row>
    <row r="45763" spans="7:10">
      <c r="G45763" s="16"/>
      <c r="H45763" s="16"/>
      <c r="I45763" s="16"/>
      <c r="J45763" s="16"/>
    </row>
    <row r="45764" spans="7:10">
      <c r="G45764" s="16"/>
      <c r="H45764" s="16"/>
      <c r="I45764" s="16"/>
      <c r="J45764" s="16"/>
    </row>
    <row r="45765" spans="7:10">
      <c r="G45765" s="16"/>
      <c r="H45765" s="16"/>
      <c r="I45765" s="16"/>
      <c r="J45765" s="16"/>
    </row>
    <row r="45766" spans="7:10">
      <c r="G45766" s="16"/>
      <c r="H45766" s="16"/>
      <c r="I45766" s="16"/>
      <c r="J45766" s="16"/>
    </row>
    <row r="45767" spans="7:10">
      <c r="G45767" s="16"/>
      <c r="H45767" s="16"/>
      <c r="I45767" s="16"/>
      <c r="J45767" s="16"/>
    </row>
    <row r="45768" spans="7:10">
      <c r="G45768" s="16"/>
      <c r="H45768" s="16"/>
      <c r="I45768" s="16"/>
      <c r="J45768" s="16"/>
    </row>
    <row r="45769" spans="7:10">
      <c r="G45769" s="16"/>
      <c r="H45769" s="16"/>
      <c r="I45769" s="16"/>
      <c r="J45769" s="16"/>
    </row>
    <row r="45770" spans="7:10">
      <c r="G45770" s="16"/>
      <c r="H45770" s="16"/>
      <c r="I45770" s="16"/>
      <c r="J45770" s="16"/>
    </row>
    <row r="45771" spans="7:10">
      <c r="G45771" s="16"/>
      <c r="H45771" s="16"/>
      <c r="I45771" s="16"/>
      <c r="J45771" s="16"/>
    </row>
    <row r="45772" spans="7:10">
      <c r="G45772" s="16"/>
      <c r="H45772" s="16"/>
      <c r="I45772" s="16"/>
      <c r="J45772" s="16"/>
    </row>
    <row r="45773" spans="7:10">
      <c r="G45773" s="16"/>
      <c r="H45773" s="16"/>
      <c r="I45773" s="16"/>
      <c r="J45773" s="16"/>
    </row>
    <row r="45774" spans="7:10">
      <c r="G45774" s="16"/>
      <c r="H45774" s="16"/>
      <c r="I45774" s="16"/>
      <c r="J45774" s="16"/>
    </row>
    <row r="45775" spans="7:10">
      <c r="G45775" s="16"/>
      <c r="H45775" s="16"/>
      <c r="I45775" s="16"/>
      <c r="J45775" s="16"/>
    </row>
    <row r="45776" spans="7:10">
      <c r="G45776" s="16"/>
      <c r="H45776" s="16"/>
      <c r="I45776" s="16"/>
      <c r="J45776" s="16"/>
    </row>
    <row r="45777" spans="7:10">
      <c r="G45777" s="16"/>
      <c r="H45777" s="16"/>
      <c r="I45777" s="16"/>
      <c r="J45777" s="16"/>
    </row>
    <row r="45778" spans="7:10">
      <c r="G45778" s="16"/>
      <c r="H45778" s="16"/>
      <c r="I45778" s="16"/>
      <c r="J45778" s="16"/>
    </row>
    <row r="45779" spans="7:10">
      <c r="G45779" s="16"/>
      <c r="H45779" s="16"/>
      <c r="I45779" s="16"/>
      <c r="J45779" s="16"/>
    </row>
    <row r="45780" spans="7:10">
      <c r="G45780" s="16"/>
      <c r="H45780" s="16"/>
      <c r="I45780" s="16"/>
      <c r="J45780" s="16"/>
    </row>
    <row r="45781" spans="7:10">
      <c r="G45781" s="16"/>
      <c r="H45781" s="16"/>
      <c r="I45781" s="16"/>
      <c r="J45781" s="16"/>
    </row>
    <row r="45782" spans="7:10">
      <c r="G45782" s="16"/>
      <c r="H45782" s="16"/>
      <c r="I45782" s="16"/>
      <c r="J45782" s="16"/>
    </row>
    <row r="45783" spans="7:10">
      <c r="G45783" s="16"/>
      <c r="H45783" s="16"/>
      <c r="I45783" s="16"/>
      <c r="J45783" s="16"/>
    </row>
    <row r="45784" spans="7:10">
      <c r="G45784" s="16"/>
      <c r="H45784" s="16"/>
      <c r="I45784" s="16"/>
      <c r="J45784" s="16"/>
    </row>
    <row r="45785" spans="7:10">
      <c r="G45785" s="16"/>
      <c r="H45785" s="16"/>
      <c r="I45785" s="16"/>
      <c r="J45785" s="16"/>
    </row>
    <row r="45786" spans="7:10">
      <c r="G45786" s="16"/>
      <c r="H45786" s="16"/>
      <c r="I45786" s="16"/>
      <c r="J45786" s="16"/>
    </row>
    <row r="45787" spans="7:10">
      <c r="G45787" s="16"/>
      <c r="H45787" s="16"/>
      <c r="I45787" s="16"/>
      <c r="J45787" s="16"/>
    </row>
    <row r="45788" spans="7:10">
      <c r="G45788" s="16"/>
      <c r="H45788" s="16"/>
      <c r="I45788" s="16"/>
      <c r="J45788" s="16"/>
    </row>
    <row r="45789" spans="7:10">
      <c r="G45789" s="16"/>
      <c r="H45789" s="16"/>
      <c r="I45789" s="16"/>
      <c r="J45789" s="16"/>
    </row>
    <row r="45790" spans="7:10">
      <c r="G45790" s="16"/>
      <c r="H45790" s="16"/>
      <c r="I45790" s="16"/>
      <c r="J45790" s="16"/>
    </row>
    <row r="45791" spans="7:10">
      <c r="G45791" s="16"/>
      <c r="H45791" s="16"/>
      <c r="I45791" s="16"/>
      <c r="J45791" s="16"/>
    </row>
    <row r="45792" spans="7:10">
      <c r="G45792" s="16"/>
      <c r="H45792" s="16"/>
      <c r="I45792" s="16"/>
      <c r="J45792" s="16"/>
    </row>
    <row r="45793" spans="7:10">
      <c r="G45793" s="16"/>
      <c r="H45793" s="16"/>
      <c r="I45793" s="16"/>
      <c r="J45793" s="16"/>
    </row>
    <row r="45794" spans="7:10">
      <c r="G45794" s="16"/>
      <c r="H45794" s="16"/>
      <c r="I45794" s="16"/>
      <c r="J45794" s="16"/>
    </row>
    <row r="45795" spans="7:10">
      <c r="G45795" s="16"/>
      <c r="H45795" s="16"/>
      <c r="I45795" s="16"/>
      <c r="J45795" s="16"/>
    </row>
    <row r="45796" spans="7:10">
      <c r="G45796" s="16"/>
      <c r="H45796" s="16"/>
      <c r="I45796" s="16"/>
      <c r="J45796" s="16"/>
    </row>
    <row r="45797" spans="7:10">
      <c r="G45797" s="16"/>
      <c r="H45797" s="16"/>
      <c r="I45797" s="16"/>
      <c r="J45797" s="16"/>
    </row>
    <row r="45798" spans="7:10">
      <c r="G45798" s="16"/>
      <c r="H45798" s="16"/>
      <c r="I45798" s="16"/>
      <c r="J45798" s="16"/>
    </row>
    <row r="45799" spans="7:10">
      <c r="G45799" s="16"/>
      <c r="H45799" s="16"/>
      <c r="I45799" s="16"/>
      <c r="J45799" s="16"/>
    </row>
    <row r="45800" spans="7:10">
      <c r="G45800" s="16"/>
      <c r="H45800" s="16"/>
      <c r="I45800" s="16"/>
      <c r="J45800" s="16"/>
    </row>
    <row r="45801" spans="7:10">
      <c r="G45801" s="16"/>
      <c r="H45801" s="16"/>
      <c r="I45801" s="16"/>
      <c r="J45801" s="16"/>
    </row>
    <row r="45802" spans="7:10">
      <c r="G45802" s="16"/>
      <c r="H45802" s="16"/>
      <c r="I45802" s="16"/>
      <c r="J45802" s="16"/>
    </row>
    <row r="45803" spans="7:10">
      <c r="G45803" s="16"/>
      <c r="H45803" s="16"/>
      <c r="I45803" s="16"/>
      <c r="J45803" s="16"/>
    </row>
    <row r="45804" spans="7:10">
      <c r="G45804" s="16"/>
      <c r="H45804" s="16"/>
      <c r="I45804" s="16"/>
      <c r="J45804" s="16"/>
    </row>
    <row r="45805" spans="7:10">
      <c r="G45805" s="16"/>
      <c r="H45805" s="16"/>
      <c r="I45805" s="16"/>
      <c r="J45805" s="16"/>
    </row>
    <row r="45806" spans="7:10">
      <c r="G45806" s="16"/>
      <c r="H45806" s="16"/>
      <c r="I45806" s="16"/>
      <c r="J45806" s="16"/>
    </row>
    <row r="45807" spans="7:10">
      <c r="G45807" s="16"/>
      <c r="H45807" s="16"/>
      <c r="I45807" s="16"/>
      <c r="J45807" s="16"/>
    </row>
    <row r="45808" spans="7:10">
      <c r="G45808" s="16"/>
      <c r="H45808" s="16"/>
      <c r="I45808" s="16"/>
      <c r="J45808" s="16"/>
    </row>
    <row r="45809" spans="7:10">
      <c r="G45809" s="16"/>
      <c r="H45809" s="16"/>
      <c r="I45809" s="16"/>
      <c r="J45809" s="16"/>
    </row>
    <row r="45810" spans="7:10">
      <c r="G45810" s="16"/>
      <c r="H45810" s="16"/>
      <c r="I45810" s="16"/>
      <c r="J45810" s="16"/>
    </row>
    <row r="45811" spans="7:10">
      <c r="G45811" s="16"/>
      <c r="H45811" s="16"/>
      <c r="I45811" s="16"/>
      <c r="J45811" s="16"/>
    </row>
    <row r="45812" spans="7:10">
      <c r="G45812" s="16"/>
      <c r="H45812" s="16"/>
      <c r="I45812" s="16"/>
      <c r="J45812" s="16"/>
    </row>
    <row r="45813" spans="7:10">
      <c r="G45813" s="16"/>
      <c r="H45813" s="16"/>
      <c r="I45813" s="16"/>
      <c r="J45813" s="16"/>
    </row>
    <row r="45814" spans="7:10">
      <c r="G45814" s="16"/>
      <c r="H45814" s="16"/>
      <c r="I45814" s="16"/>
      <c r="J45814" s="16"/>
    </row>
    <row r="45815" spans="7:10">
      <c r="G45815" s="16"/>
      <c r="H45815" s="16"/>
      <c r="I45815" s="16"/>
      <c r="J45815" s="16"/>
    </row>
    <row r="45816" spans="7:10">
      <c r="G45816" s="16"/>
      <c r="H45816" s="16"/>
      <c r="I45816" s="16"/>
      <c r="J45816" s="16"/>
    </row>
    <row r="45817" spans="7:10">
      <c r="G45817" s="16"/>
      <c r="H45817" s="16"/>
      <c r="I45817" s="16"/>
      <c r="J45817" s="16"/>
    </row>
    <row r="45818" spans="7:10">
      <c r="G45818" s="16"/>
      <c r="H45818" s="16"/>
      <c r="I45818" s="16"/>
      <c r="J45818" s="16"/>
    </row>
    <row r="45819" spans="7:10">
      <c r="G45819" s="16"/>
      <c r="H45819" s="16"/>
      <c r="I45819" s="16"/>
      <c r="J45819" s="16"/>
    </row>
    <row r="45820" spans="7:10">
      <c r="G45820" s="16"/>
      <c r="H45820" s="16"/>
      <c r="I45820" s="16"/>
      <c r="J45820" s="16"/>
    </row>
    <row r="45821" spans="7:10">
      <c r="G45821" s="16"/>
      <c r="H45821" s="16"/>
      <c r="I45821" s="16"/>
      <c r="J45821" s="16"/>
    </row>
    <row r="45822" spans="7:10">
      <c r="G45822" s="16"/>
      <c r="H45822" s="16"/>
      <c r="I45822" s="16"/>
      <c r="J45822" s="16"/>
    </row>
    <row r="45823" spans="7:10">
      <c r="G45823" s="16"/>
      <c r="H45823" s="16"/>
      <c r="I45823" s="16"/>
      <c r="J45823" s="16"/>
    </row>
    <row r="45824" spans="7:10">
      <c r="G45824" s="16"/>
      <c r="H45824" s="16"/>
      <c r="I45824" s="16"/>
      <c r="J45824" s="16"/>
    </row>
    <row r="45825" spans="7:10">
      <c r="G45825" s="16"/>
      <c r="H45825" s="16"/>
      <c r="I45825" s="16"/>
      <c r="J45825" s="16"/>
    </row>
    <row r="45826" spans="7:10">
      <c r="G45826" s="16"/>
      <c r="H45826" s="16"/>
      <c r="I45826" s="16"/>
      <c r="J45826" s="16"/>
    </row>
    <row r="45827" spans="7:10">
      <c r="G45827" s="16"/>
      <c r="H45827" s="16"/>
      <c r="I45827" s="16"/>
      <c r="J45827" s="16"/>
    </row>
    <row r="45828" spans="7:10">
      <c r="G45828" s="16"/>
      <c r="H45828" s="16"/>
      <c r="I45828" s="16"/>
      <c r="J45828" s="16"/>
    </row>
    <row r="45829" spans="7:10">
      <c r="G45829" s="16"/>
      <c r="H45829" s="16"/>
      <c r="I45829" s="16"/>
      <c r="J45829" s="16"/>
    </row>
    <row r="45830" spans="7:10">
      <c r="G45830" s="16"/>
      <c r="H45830" s="16"/>
      <c r="I45830" s="16"/>
      <c r="J45830" s="16"/>
    </row>
    <row r="45831" spans="7:10">
      <c r="G45831" s="16"/>
      <c r="H45831" s="16"/>
      <c r="I45831" s="16"/>
      <c r="J45831" s="16"/>
    </row>
    <row r="45832" spans="7:10">
      <c r="G45832" s="16"/>
      <c r="H45832" s="16"/>
      <c r="I45832" s="16"/>
      <c r="J45832" s="16"/>
    </row>
    <row r="45833" spans="7:10">
      <c r="G45833" s="16"/>
      <c r="H45833" s="16"/>
      <c r="I45833" s="16"/>
      <c r="J45833" s="16"/>
    </row>
    <row r="45834" spans="7:10">
      <c r="G45834" s="16"/>
      <c r="H45834" s="16"/>
      <c r="I45834" s="16"/>
      <c r="J45834" s="16"/>
    </row>
    <row r="45835" spans="7:10">
      <c r="G45835" s="16"/>
      <c r="H45835" s="16"/>
      <c r="I45835" s="16"/>
      <c r="J45835" s="16"/>
    </row>
    <row r="45836" spans="7:10">
      <c r="G45836" s="16"/>
      <c r="H45836" s="16"/>
      <c r="I45836" s="16"/>
      <c r="J45836" s="16"/>
    </row>
    <row r="45837" spans="7:10">
      <c r="G45837" s="16"/>
      <c r="H45837" s="16"/>
      <c r="I45837" s="16"/>
      <c r="J45837" s="16"/>
    </row>
    <row r="45838" spans="7:10">
      <c r="G45838" s="16"/>
      <c r="H45838" s="16"/>
      <c r="I45838" s="16"/>
      <c r="J45838" s="16"/>
    </row>
    <row r="45839" spans="7:10">
      <c r="G45839" s="16"/>
      <c r="H45839" s="16"/>
      <c r="I45839" s="16"/>
      <c r="J45839" s="16"/>
    </row>
    <row r="45840" spans="7:10">
      <c r="G45840" s="16"/>
      <c r="H45840" s="16"/>
      <c r="I45840" s="16"/>
      <c r="J45840" s="16"/>
    </row>
    <row r="45841" spans="7:10">
      <c r="G45841" s="16"/>
      <c r="H45841" s="16"/>
      <c r="I45841" s="16"/>
      <c r="J45841" s="16"/>
    </row>
    <row r="45842" spans="7:10">
      <c r="G45842" s="16"/>
      <c r="H45842" s="16"/>
      <c r="I45842" s="16"/>
      <c r="J45842" s="16"/>
    </row>
    <row r="45843" spans="7:10">
      <c r="G45843" s="16"/>
      <c r="H45843" s="16"/>
      <c r="I45843" s="16"/>
      <c r="J45843" s="16"/>
    </row>
    <row r="45844" spans="7:10">
      <c r="G45844" s="16"/>
      <c r="H45844" s="16"/>
      <c r="I45844" s="16"/>
      <c r="J45844" s="16"/>
    </row>
    <row r="45845" spans="7:10">
      <c r="G45845" s="16"/>
      <c r="H45845" s="16"/>
      <c r="I45845" s="16"/>
      <c r="J45845" s="16"/>
    </row>
    <row r="45846" spans="7:10">
      <c r="G45846" s="16"/>
      <c r="H45846" s="16"/>
      <c r="I45846" s="16"/>
      <c r="J45846" s="16"/>
    </row>
    <row r="45847" spans="7:10">
      <c r="G45847" s="16"/>
      <c r="H45847" s="16"/>
      <c r="I45847" s="16"/>
      <c r="J45847" s="16"/>
    </row>
    <row r="45848" spans="7:10">
      <c r="G45848" s="16"/>
      <c r="H45848" s="16"/>
      <c r="I45848" s="16"/>
      <c r="J45848" s="16"/>
    </row>
    <row r="45849" spans="7:10">
      <c r="G45849" s="16"/>
      <c r="H45849" s="16"/>
      <c r="I45849" s="16"/>
      <c r="J45849" s="16"/>
    </row>
    <row r="45850" spans="7:10">
      <c r="G45850" s="16"/>
      <c r="H45850" s="16"/>
      <c r="I45850" s="16"/>
      <c r="J45850" s="16"/>
    </row>
    <row r="45851" spans="7:10">
      <c r="G45851" s="16"/>
      <c r="H45851" s="16"/>
      <c r="I45851" s="16"/>
      <c r="J45851" s="16"/>
    </row>
    <row r="45852" spans="7:10">
      <c r="G45852" s="16"/>
      <c r="H45852" s="16"/>
      <c r="I45852" s="16"/>
      <c r="J45852" s="16"/>
    </row>
    <row r="45853" spans="7:10">
      <c r="G45853" s="16"/>
      <c r="H45853" s="16"/>
      <c r="I45853" s="16"/>
      <c r="J45853" s="16"/>
    </row>
    <row r="45854" spans="7:10">
      <c r="G45854" s="16"/>
      <c r="H45854" s="16"/>
      <c r="I45854" s="16"/>
      <c r="J45854" s="16"/>
    </row>
    <row r="45855" spans="7:10">
      <c r="G45855" s="16"/>
      <c r="H45855" s="16"/>
      <c r="I45855" s="16"/>
      <c r="J45855" s="16"/>
    </row>
    <row r="45856" spans="7:10">
      <c r="G45856" s="16"/>
      <c r="H45856" s="16"/>
      <c r="I45856" s="16"/>
      <c r="J45856" s="16"/>
    </row>
    <row r="45857" spans="7:10">
      <c r="G45857" s="16"/>
      <c r="H45857" s="16"/>
      <c r="I45857" s="16"/>
      <c r="J45857" s="16"/>
    </row>
    <row r="45858" spans="7:10">
      <c r="G45858" s="16"/>
      <c r="H45858" s="16"/>
      <c r="I45858" s="16"/>
      <c r="J45858" s="16"/>
    </row>
    <row r="45859" spans="7:10">
      <c r="G45859" s="16"/>
      <c r="H45859" s="16"/>
      <c r="I45859" s="16"/>
      <c r="J45859" s="16"/>
    </row>
    <row r="45860" spans="7:10">
      <c r="G45860" s="16"/>
      <c r="H45860" s="16"/>
      <c r="I45860" s="16"/>
      <c r="J45860" s="16"/>
    </row>
    <row r="45861" spans="7:10">
      <c r="G45861" s="16"/>
      <c r="H45861" s="16"/>
      <c r="I45861" s="16"/>
      <c r="J45861" s="16"/>
    </row>
    <row r="45862" spans="7:10">
      <c r="G45862" s="16"/>
      <c r="H45862" s="16"/>
      <c r="I45862" s="16"/>
      <c r="J45862" s="16"/>
    </row>
    <row r="45863" spans="7:10">
      <c r="G45863" s="16"/>
      <c r="H45863" s="16"/>
      <c r="I45863" s="16"/>
      <c r="J45863" s="16"/>
    </row>
    <row r="45864" spans="7:10">
      <c r="G45864" s="16"/>
      <c r="H45864" s="16"/>
      <c r="I45864" s="16"/>
      <c r="J45864" s="16"/>
    </row>
    <row r="45865" spans="7:10">
      <c r="G45865" s="16"/>
      <c r="H45865" s="16"/>
      <c r="I45865" s="16"/>
      <c r="J45865" s="16"/>
    </row>
    <row r="45866" spans="7:10">
      <c r="G45866" s="16"/>
      <c r="H45866" s="16"/>
      <c r="I45866" s="16"/>
      <c r="J45866" s="16"/>
    </row>
    <row r="45867" spans="7:10">
      <c r="G45867" s="16"/>
      <c r="H45867" s="16"/>
      <c r="I45867" s="16"/>
      <c r="J45867" s="16"/>
    </row>
    <row r="45868" spans="7:10">
      <c r="G45868" s="16"/>
      <c r="H45868" s="16"/>
      <c r="I45868" s="16"/>
      <c r="J45868" s="16"/>
    </row>
    <row r="45869" spans="7:10">
      <c r="G45869" s="16"/>
      <c r="H45869" s="16"/>
      <c r="I45869" s="16"/>
      <c r="J45869" s="16"/>
    </row>
    <row r="45870" spans="7:10">
      <c r="G45870" s="16"/>
      <c r="H45870" s="16"/>
      <c r="I45870" s="16"/>
      <c r="J45870" s="16"/>
    </row>
    <row r="45871" spans="7:10">
      <c r="G45871" s="16"/>
      <c r="H45871" s="16"/>
      <c r="I45871" s="16"/>
      <c r="J45871" s="16"/>
    </row>
    <row r="45872" spans="7:10">
      <c r="G45872" s="16"/>
      <c r="H45872" s="16"/>
      <c r="I45872" s="16"/>
      <c r="J45872" s="16"/>
    </row>
    <row r="45873" spans="7:10">
      <c r="G45873" s="16"/>
      <c r="H45873" s="16"/>
      <c r="I45873" s="16"/>
      <c r="J45873" s="16"/>
    </row>
    <row r="45874" spans="7:10">
      <c r="G45874" s="16"/>
      <c r="H45874" s="16"/>
      <c r="I45874" s="16"/>
      <c r="J45874" s="16"/>
    </row>
    <row r="45875" spans="7:10">
      <c r="G45875" s="16"/>
      <c r="H45875" s="16"/>
      <c r="I45875" s="16"/>
      <c r="J45875" s="16"/>
    </row>
    <row r="45876" spans="7:10">
      <c r="G45876" s="16"/>
      <c r="H45876" s="16"/>
      <c r="I45876" s="16"/>
      <c r="J45876" s="16"/>
    </row>
    <row r="45877" spans="7:10">
      <c r="G45877" s="16"/>
      <c r="H45877" s="16"/>
      <c r="I45877" s="16"/>
      <c r="J45877" s="16"/>
    </row>
    <row r="45878" spans="7:10">
      <c r="G45878" s="16"/>
      <c r="H45878" s="16"/>
      <c r="I45878" s="16"/>
      <c r="J45878" s="16"/>
    </row>
    <row r="45879" spans="7:10">
      <c r="G45879" s="16"/>
      <c r="H45879" s="16"/>
      <c r="I45879" s="16"/>
      <c r="J45879" s="16"/>
    </row>
    <row r="45880" spans="7:10">
      <c r="G45880" s="16"/>
      <c r="H45880" s="16"/>
      <c r="I45880" s="16"/>
      <c r="J45880" s="16"/>
    </row>
    <row r="45881" spans="7:10">
      <c r="G45881" s="16"/>
      <c r="H45881" s="16"/>
      <c r="I45881" s="16"/>
      <c r="J45881" s="16"/>
    </row>
    <row r="45882" spans="7:10">
      <c r="G45882" s="16"/>
      <c r="H45882" s="16"/>
      <c r="I45882" s="16"/>
      <c r="J45882" s="16"/>
    </row>
    <row r="45883" spans="7:10">
      <c r="G45883" s="16"/>
      <c r="H45883" s="16"/>
      <c r="I45883" s="16"/>
      <c r="J45883" s="16"/>
    </row>
    <row r="45884" spans="7:10">
      <c r="G45884" s="16"/>
      <c r="H45884" s="16"/>
      <c r="I45884" s="16"/>
      <c r="J45884" s="16"/>
    </row>
    <row r="45885" spans="7:10">
      <c r="G45885" s="16"/>
      <c r="H45885" s="16"/>
      <c r="I45885" s="16"/>
      <c r="J45885" s="16"/>
    </row>
    <row r="45886" spans="7:10">
      <c r="G45886" s="16"/>
      <c r="H45886" s="16"/>
      <c r="I45886" s="16"/>
      <c r="J45886" s="16"/>
    </row>
    <row r="45887" spans="7:10">
      <c r="G45887" s="16"/>
      <c r="H45887" s="16"/>
      <c r="I45887" s="16"/>
      <c r="J45887" s="16"/>
    </row>
    <row r="45888" spans="7:10">
      <c r="G45888" s="16"/>
      <c r="H45888" s="16"/>
      <c r="I45888" s="16"/>
      <c r="J45888" s="16"/>
    </row>
    <row r="45889" spans="7:10">
      <c r="G45889" s="16"/>
      <c r="H45889" s="16"/>
      <c r="I45889" s="16"/>
      <c r="J45889" s="16"/>
    </row>
    <row r="45890" spans="7:10">
      <c r="G45890" s="16"/>
      <c r="H45890" s="16"/>
      <c r="I45890" s="16"/>
      <c r="J45890" s="16"/>
    </row>
    <row r="45891" spans="7:10">
      <c r="G45891" s="16"/>
      <c r="H45891" s="16"/>
      <c r="I45891" s="16"/>
      <c r="J45891" s="16"/>
    </row>
    <row r="45892" spans="7:10">
      <c r="G45892" s="16"/>
      <c r="H45892" s="16"/>
      <c r="I45892" s="16"/>
      <c r="J45892" s="16"/>
    </row>
    <row r="45893" spans="7:10">
      <c r="G45893" s="16"/>
      <c r="H45893" s="16"/>
      <c r="I45893" s="16"/>
      <c r="J45893" s="16"/>
    </row>
    <row r="45894" spans="7:10">
      <c r="G45894" s="16"/>
      <c r="H45894" s="16"/>
      <c r="I45894" s="16"/>
      <c r="J45894" s="16"/>
    </row>
    <row r="45895" spans="7:10">
      <c r="G45895" s="16"/>
      <c r="H45895" s="16"/>
      <c r="I45895" s="16"/>
      <c r="J45895" s="16"/>
    </row>
    <row r="45896" spans="7:10">
      <c r="G45896" s="16"/>
      <c r="H45896" s="16"/>
      <c r="I45896" s="16"/>
      <c r="J45896" s="16"/>
    </row>
    <row r="45897" spans="7:10">
      <c r="G45897" s="16"/>
      <c r="H45897" s="16"/>
      <c r="I45897" s="16"/>
      <c r="J45897" s="16"/>
    </row>
    <row r="45898" spans="7:10">
      <c r="G45898" s="16"/>
      <c r="H45898" s="16"/>
      <c r="I45898" s="16"/>
      <c r="J45898" s="16"/>
    </row>
    <row r="45899" spans="7:10">
      <c r="G45899" s="16"/>
      <c r="H45899" s="16"/>
      <c r="I45899" s="16"/>
      <c r="J45899" s="16"/>
    </row>
    <row r="45900" spans="7:10">
      <c r="G45900" s="16"/>
      <c r="H45900" s="16"/>
      <c r="I45900" s="16"/>
      <c r="J45900" s="16"/>
    </row>
    <row r="45901" spans="7:10">
      <c r="G45901" s="16"/>
      <c r="H45901" s="16"/>
      <c r="I45901" s="16"/>
      <c r="J45901" s="16"/>
    </row>
    <row r="45902" spans="7:10">
      <c r="G45902" s="16"/>
      <c r="H45902" s="16"/>
      <c r="I45902" s="16"/>
      <c r="J45902" s="16"/>
    </row>
    <row r="45903" spans="7:10">
      <c r="G45903" s="16"/>
      <c r="H45903" s="16"/>
      <c r="I45903" s="16"/>
      <c r="J45903" s="16"/>
    </row>
    <row r="45904" spans="7:10">
      <c r="G45904" s="16"/>
      <c r="H45904" s="16"/>
      <c r="I45904" s="16"/>
      <c r="J45904" s="16"/>
    </row>
    <row r="45905" spans="7:10">
      <c r="G45905" s="16"/>
      <c r="H45905" s="16"/>
      <c r="I45905" s="16"/>
      <c r="J45905" s="16"/>
    </row>
    <row r="45906" spans="7:10">
      <c r="G45906" s="16"/>
      <c r="H45906" s="16"/>
      <c r="I45906" s="16"/>
      <c r="J45906" s="16"/>
    </row>
    <row r="45907" spans="7:10">
      <c r="G45907" s="16"/>
      <c r="H45907" s="16"/>
      <c r="I45907" s="16"/>
      <c r="J45907" s="16"/>
    </row>
    <row r="45908" spans="7:10">
      <c r="G45908" s="16"/>
      <c r="H45908" s="16"/>
      <c r="I45908" s="16"/>
      <c r="J45908" s="16"/>
    </row>
    <row r="45909" spans="7:10">
      <c r="G45909" s="16"/>
      <c r="H45909" s="16"/>
      <c r="I45909" s="16"/>
      <c r="J45909" s="16"/>
    </row>
    <row r="45910" spans="7:10">
      <c r="G45910" s="16"/>
      <c r="H45910" s="16"/>
      <c r="I45910" s="16"/>
      <c r="J45910" s="16"/>
    </row>
    <row r="45911" spans="7:10">
      <c r="G45911" s="16"/>
      <c r="H45911" s="16"/>
      <c r="I45911" s="16"/>
      <c r="J45911" s="16"/>
    </row>
    <row r="45912" spans="7:10">
      <c r="G45912" s="16"/>
      <c r="H45912" s="16"/>
      <c r="I45912" s="16"/>
      <c r="J45912" s="16"/>
    </row>
    <row r="45913" spans="7:10">
      <c r="G45913" s="16"/>
      <c r="H45913" s="16"/>
      <c r="I45913" s="16"/>
      <c r="J45913" s="16"/>
    </row>
    <row r="45914" spans="7:10">
      <c r="G45914" s="16"/>
      <c r="H45914" s="16"/>
      <c r="I45914" s="16"/>
      <c r="J45914" s="16"/>
    </row>
    <row r="45915" spans="7:10">
      <c r="G45915" s="16"/>
      <c r="H45915" s="16"/>
      <c r="I45915" s="16"/>
      <c r="J45915" s="16"/>
    </row>
    <row r="45916" spans="7:10">
      <c r="G45916" s="16"/>
      <c r="H45916" s="16"/>
      <c r="I45916" s="16"/>
      <c r="J45916" s="16"/>
    </row>
    <row r="45917" spans="7:10">
      <c r="G45917" s="16"/>
      <c r="H45917" s="16"/>
      <c r="I45917" s="16"/>
      <c r="J45917" s="16"/>
    </row>
    <row r="45918" spans="7:10">
      <c r="G45918" s="16"/>
      <c r="H45918" s="16"/>
      <c r="I45918" s="16"/>
      <c r="J45918" s="16"/>
    </row>
    <row r="45919" spans="7:10">
      <c r="G45919" s="16"/>
      <c r="H45919" s="16"/>
      <c r="I45919" s="16"/>
      <c r="J45919" s="16"/>
    </row>
    <row r="45920" spans="7:10">
      <c r="G45920" s="16"/>
      <c r="H45920" s="16"/>
      <c r="I45920" s="16"/>
      <c r="J45920" s="16"/>
    </row>
    <row r="45921" spans="7:10">
      <c r="G45921" s="16"/>
      <c r="H45921" s="16"/>
      <c r="I45921" s="16"/>
      <c r="J45921" s="16"/>
    </row>
    <row r="45922" spans="7:10">
      <c r="G45922" s="16"/>
      <c r="H45922" s="16"/>
      <c r="I45922" s="16"/>
      <c r="J45922" s="16"/>
    </row>
    <row r="45923" spans="7:10">
      <c r="G45923" s="16"/>
      <c r="H45923" s="16"/>
      <c r="I45923" s="16"/>
      <c r="J45923" s="16"/>
    </row>
    <row r="45924" spans="7:10">
      <c r="G45924" s="16"/>
      <c r="H45924" s="16"/>
      <c r="I45924" s="16"/>
      <c r="J45924" s="16"/>
    </row>
    <row r="45925" spans="7:10">
      <c r="G45925" s="16"/>
      <c r="H45925" s="16"/>
      <c r="I45925" s="16"/>
      <c r="J45925" s="16"/>
    </row>
    <row r="45926" spans="7:10">
      <c r="G45926" s="16"/>
      <c r="H45926" s="16"/>
      <c r="I45926" s="16"/>
      <c r="J45926" s="16"/>
    </row>
    <row r="45927" spans="7:10">
      <c r="G45927" s="16"/>
      <c r="H45927" s="16"/>
      <c r="I45927" s="16"/>
      <c r="J45927" s="16"/>
    </row>
    <row r="45928" spans="7:10">
      <c r="G45928" s="16"/>
      <c r="H45928" s="16"/>
      <c r="I45928" s="16"/>
      <c r="J45928" s="16"/>
    </row>
    <row r="45929" spans="7:10">
      <c r="G45929" s="16"/>
      <c r="H45929" s="16"/>
      <c r="I45929" s="16"/>
      <c r="J45929" s="16"/>
    </row>
    <row r="45930" spans="7:10">
      <c r="G45930" s="16"/>
      <c r="H45930" s="16"/>
      <c r="I45930" s="16"/>
      <c r="J45930" s="16"/>
    </row>
    <row r="45931" spans="7:10">
      <c r="G45931" s="16"/>
      <c r="H45931" s="16"/>
      <c r="I45931" s="16"/>
      <c r="J45931" s="16"/>
    </row>
    <row r="45932" spans="7:10">
      <c r="G45932" s="16"/>
      <c r="H45932" s="16"/>
      <c r="I45932" s="16"/>
      <c r="J45932" s="16"/>
    </row>
    <row r="45933" spans="7:10">
      <c r="G45933" s="16"/>
      <c r="H45933" s="16"/>
      <c r="I45933" s="16"/>
      <c r="J45933" s="16"/>
    </row>
    <row r="45934" spans="7:10">
      <c r="G45934" s="16"/>
      <c r="H45934" s="16"/>
      <c r="I45934" s="16"/>
      <c r="J45934" s="16"/>
    </row>
    <row r="45935" spans="7:10">
      <c r="G45935" s="16"/>
      <c r="H45935" s="16"/>
      <c r="I45935" s="16"/>
      <c r="J45935" s="16"/>
    </row>
    <row r="45936" spans="7:10">
      <c r="G45936" s="16"/>
      <c r="H45936" s="16"/>
      <c r="I45936" s="16"/>
      <c r="J45936" s="16"/>
    </row>
    <row r="45937" spans="7:10">
      <c r="G45937" s="16"/>
      <c r="H45937" s="16"/>
      <c r="I45937" s="16"/>
      <c r="J45937" s="16"/>
    </row>
    <row r="45938" spans="7:10">
      <c r="G45938" s="16"/>
      <c r="H45938" s="16"/>
      <c r="I45938" s="16"/>
      <c r="J45938" s="16"/>
    </row>
    <row r="45939" spans="7:10">
      <c r="G45939" s="16"/>
      <c r="H45939" s="16"/>
      <c r="I45939" s="16"/>
      <c r="J45939" s="16"/>
    </row>
    <row r="45940" spans="7:10">
      <c r="G45940" s="16"/>
      <c r="H45940" s="16"/>
      <c r="I45940" s="16"/>
      <c r="J45940" s="16"/>
    </row>
    <row r="45941" spans="7:10">
      <c r="G45941" s="16"/>
      <c r="H45941" s="16"/>
      <c r="I45941" s="16"/>
      <c r="J45941" s="16"/>
    </row>
    <row r="45942" spans="7:10">
      <c r="G45942" s="16"/>
      <c r="H45942" s="16"/>
      <c r="I45942" s="16"/>
      <c r="J45942" s="16"/>
    </row>
    <row r="45943" spans="7:10">
      <c r="G45943" s="16"/>
      <c r="H45943" s="16"/>
      <c r="I45943" s="16"/>
      <c r="J45943" s="16"/>
    </row>
    <row r="45944" spans="7:10">
      <c r="G45944" s="16"/>
      <c r="H45944" s="16"/>
      <c r="I45944" s="16"/>
      <c r="J45944" s="16"/>
    </row>
    <row r="45945" spans="7:10">
      <c r="G45945" s="16"/>
      <c r="H45945" s="16"/>
      <c r="I45945" s="16"/>
      <c r="J45945" s="16"/>
    </row>
    <row r="45946" spans="7:10">
      <c r="G45946" s="16"/>
      <c r="H45946" s="16"/>
      <c r="I45946" s="16"/>
      <c r="J45946" s="16"/>
    </row>
    <row r="45947" spans="7:10">
      <c r="G45947" s="16"/>
      <c r="H45947" s="16"/>
      <c r="I45947" s="16"/>
      <c r="J45947" s="16"/>
    </row>
    <row r="45948" spans="7:10">
      <c r="G45948" s="16"/>
      <c r="H45948" s="16"/>
      <c r="I45948" s="16"/>
      <c r="J45948" s="16"/>
    </row>
    <row r="45949" spans="7:10">
      <c r="G45949" s="16"/>
      <c r="H45949" s="16"/>
      <c r="I45949" s="16"/>
      <c r="J45949" s="16"/>
    </row>
    <row r="45950" spans="7:10">
      <c r="G45950" s="16"/>
      <c r="H45950" s="16"/>
      <c r="I45950" s="16"/>
      <c r="J45950" s="16"/>
    </row>
    <row r="45951" spans="7:10">
      <c r="G45951" s="16"/>
      <c r="H45951" s="16"/>
      <c r="I45951" s="16"/>
      <c r="J45951" s="16"/>
    </row>
    <row r="45952" spans="7:10">
      <c r="G45952" s="16"/>
      <c r="H45952" s="16"/>
      <c r="I45952" s="16"/>
      <c r="J45952" s="16"/>
    </row>
    <row r="45953" spans="7:10">
      <c r="G45953" s="16"/>
      <c r="H45953" s="16"/>
      <c r="I45953" s="16"/>
      <c r="J45953" s="16"/>
    </row>
    <row r="45954" spans="7:10">
      <c r="G45954" s="16"/>
      <c r="H45954" s="16"/>
      <c r="I45954" s="16"/>
      <c r="J45954" s="16"/>
    </row>
    <row r="45955" spans="7:10">
      <c r="G45955" s="16"/>
      <c r="H45955" s="16"/>
      <c r="I45955" s="16"/>
      <c r="J45955" s="16"/>
    </row>
    <row r="45956" spans="7:10">
      <c r="G45956" s="16"/>
      <c r="H45956" s="16"/>
      <c r="I45956" s="16"/>
      <c r="J45956" s="16"/>
    </row>
    <row r="45957" spans="7:10">
      <c r="G45957" s="16"/>
      <c r="H45957" s="16"/>
      <c r="I45957" s="16"/>
      <c r="J45957" s="16"/>
    </row>
    <row r="45958" spans="7:10">
      <c r="G45958" s="16"/>
      <c r="H45958" s="16"/>
      <c r="I45958" s="16"/>
      <c r="J45958" s="16"/>
    </row>
    <row r="45959" spans="7:10">
      <c r="G45959" s="16"/>
      <c r="H45959" s="16"/>
      <c r="I45959" s="16"/>
      <c r="J45959" s="16"/>
    </row>
    <row r="45960" spans="7:10">
      <c r="G45960" s="16"/>
      <c r="H45960" s="16"/>
      <c r="I45960" s="16"/>
      <c r="J45960" s="16"/>
    </row>
    <row r="45961" spans="7:10">
      <c r="G45961" s="16"/>
      <c r="H45961" s="16"/>
      <c r="I45961" s="16"/>
      <c r="J45961" s="16"/>
    </row>
    <row r="45962" spans="7:10">
      <c r="G45962" s="16"/>
      <c r="H45962" s="16"/>
      <c r="I45962" s="16"/>
      <c r="J45962" s="16"/>
    </row>
    <row r="45963" spans="7:10">
      <c r="G45963" s="16"/>
      <c r="H45963" s="16"/>
      <c r="I45963" s="16"/>
      <c r="J45963" s="16"/>
    </row>
    <row r="45964" spans="7:10">
      <c r="G45964" s="16"/>
      <c r="H45964" s="16"/>
      <c r="I45964" s="16"/>
      <c r="J45964" s="16"/>
    </row>
    <row r="45965" spans="7:10">
      <c r="G45965" s="16"/>
      <c r="H45965" s="16"/>
      <c r="I45965" s="16"/>
      <c r="J45965" s="16"/>
    </row>
    <row r="45966" spans="7:10">
      <c r="G45966" s="16"/>
      <c r="H45966" s="16"/>
      <c r="I45966" s="16"/>
      <c r="J45966" s="16"/>
    </row>
    <row r="45967" spans="7:10">
      <c r="G45967" s="16"/>
      <c r="H45967" s="16"/>
      <c r="I45967" s="16"/>
      <c r="J45967" s="16"/>
    </row>
    <row r="45968" spans="7:10">
      <c r="G45968" s="16"/>
      <c r="H45968" s="16"/>
      <c r="I45968" s="16"/>
      <c r="J45968" s="16"/>
    </row>
    <row r="45969" spans="7:10">
      <c r="G45969" s="16"/>
      <c r="H45969" s="16"/>
      <c r="I45969" s="16"/>
      <c r="J45969" s="16"/>
    </row>
    <row r="45970" spans="7:10">
      <c r="G45970" s="16"/>
      <c r="H45970" s="16"/>
      <c r="I45970" s="16"/>
      <c r="J45970" s="16"/>
    </row>
    <row r="45971" spans="7:10">
      <c r="G45971" s="16"/>
      <c r="H45971" s="16"/>
      <c r="I45971" s="16"/>
      <c r="J45971" s="16"/>
    </row>
    <row r="45972" spans="7:10">
      <c r="G45972" s="16"/>
      <c r="H45972" s="16"/>
      <c r="I45972" s="16"/>
      <c r="J45972" s="16"/>
    </row>
    <row r="45973" spans="7:10">
      <c r="G45973" s="16"/>
      <c r="H45973" s="16"/>
      <c r="I45973" s="16"/>
      <c r="J45973" s="16"/>
    </row>
    <row r="45974" spans="7:10">
      <c r="G45974" s="16"/>
      <c r="H45974" s="16"/>
      <c r="I45974" s="16"/>
      <c r="J45974" s="16"/>
    </row>
    <row r="45975" spans="7:10">
      <c r="G45975" s="16"/>
      <c r="H45975" s="16"/>
      <c r="I45975" s="16"/>
      <c r="J45975" s="16"/>
    </row>
    <row r="45976" spans="7:10">
      <c r="G45976" s="16"/>
      <c r="H45976" s="16"/>
      <c r="I45976" s="16"/>
      <c r="J45976" s="16"/>
    </row>
    <row r="45977" spans="7:10">
      <c r="G45977" s="16"/>
      <c r="H45977" s="16"/>
      <c r="I45977" s="16"/>
      <c r="J45977" s="16"/>
    </row>
    <row r="45978" spans="7:10">
      <c r="G45978" s="16"/>
      <c r="H45978" s="16"/>
      <c r="I45978" s="16"/>
      <c r="J45978" s="16"/>
    </row>
    <row r="45979" spans="7:10">
      <c r="G45979" s="16"/>
      <c r="H45979" s="16"/>
      <c r="I45979" s="16"/>
      <c r="J45979" s="16"/>
    </row>
    <row r="45980" spans="7:10">
      <c r="G45980" s="16"/>
      <c r="H45980" s="16"/>
      <c r="I45980" s="16"/>
      <c r="J45980" s="16"/>
    </row>
    <row r="45981" spans="7:10">
      <c r="G45981" s="16"/>
      <c r="H45981" s="16"/>
      <c r="I45981" s="16"/>
      <c r="J45981" s="16"/>
    </row>
    <row r="45982" spans="7:10">
      <c r="G45982" s="16"/>
      <c r="H45982" s="16"/>
      <c r="I45982" s="16"/>
      <c r="J45982" s="16"/>
    </row>
    <row r="45983" spans="7:10">
      <c r="G45983" s="16"/>
      <c r="H45983" s="16"/>
      <c r="I45983" s="16"/>
      <c r="J45983" s="16"/>
    </row>
    <row r="45984" spans="7:10">
      <c r="G45984" s="16"/>
      <c r="H45984" s="16"/>
      <c r="I45984" s="16"/>
      <c r="J45984" s="16"/>
    </row>
    <row r="45985" spans="7:10">
      <c r="G45985" s="16"/>
      <c r="H45985" s="16"/>
      <c r="I45985" s="16"/>
      <c r="J45985" s="16"/>
    </row>
    <row r="45986" spans="7:10">
      <c r="G45986" s="16"/>
      <c r="H45986" s="16"/>
      <c r="I45986" s="16"/>
      <c r="J45986" s="16"/>
    </row>
    <row r="45987" spans="7:10">
      <c r="G45987" s="16"/>
      <c r="H45987" s="16"/>
      <c r="I45987" s="16"/>
      <c r="J45987" s="16"/>
    </row>
    <row r="45988" spans="7:10">
      <c r="G45988" s="16"/>
      <c r="H45988" s="16"/>
      <c r="I45988" s="16"/>
      <c r="J45988" s="16"/>
    </row>
    <row r="45989" spans="7:10">
      <c r="G45989" s="16"/>
      <c r="H45989" s="16"/>
      <c r="I45989" s="16"/>
      <c r="J45989" s="16"/>
    </row>
    <row r="45990" spans="7:10">
      <c r="G45990" s="16"/>
      <c r="H45990" s="16"/>
      <c r="I45990" s="16"/>
      <c r="J45990" s="16"/>
    </row>
    <row r="45991" spans="7:10">
      <c r="G45991" s="16"/>
      <c r="H45991" s="16"/>
      <c r="I45991" s="16"/>
      <c r="J45991" s="16"/>
    </row>
    <row r="45992" spans="7:10">
      <c r="G45992" s="16"/>
      <c r="H45992" s="16"/>
      <c r="I45992" s="16"/>
      <c r="J45992" s="16"/>
    </row>
    <row r="45993" spans="7:10">
      <c r="G45993" s="16"/>
      <c r="H45993" s="16"/>
      <c r="I45993" s="16"/>
      <c r="J45993" s="16"/>
    </row>
    <row r="45994" spans="7:10">
      <c r="G45994" s="16"/>
      <c r="H45994" s="16"/>
      <c r="I45994" s="16"/>
      <c r="J45994" s="16"/>
    </row>
    <row r="45995" spans="7:10">
      <c r="G45995" s="16"/>
      <c r="H45995" s="16"/>
      <c r="I45995" s="16"/>
      <c r="J45995" s="16"/>
    </row>
    <row r="45996" spans="7:10">
      <c r="G45996" s="16"/>
      <c r="H45996" s="16"/>
      <c r="I45996" s="16"/>
      <c r="J45996" s="16"/>
    </row>
    <row r="45997" spans="7:10">
      <c r="G45997" s="16"/>
      <c r="H45997" s="16"/>
      <c r="I45997" s="16"/>
      <c r="J45997" s="16"/>
    </row>
    <row r="45998" spans="7:10">
      <c r="G45998" s="16"/>
      <c r="H45998" s="16"/>
      <c r="I45998" s="16"/>
      <c r="J45998" s="16"/>
    </row>
    <row r="45999" spans="7:10">
      <c r="G45999" s="16"/>
      <c r="H45999" s="16"/>
      <c r="I45999" s="16"/>
      <c r="J45999" s="16"/>
    </row>
    <row r="46000" spans="7:10">
      <c r="G46000" s="16"/>
      <c r="H46000" s="16"/>
      <c r="I46000" s="16"/>
      <c r="J46000" s="16"/>
    </row>
    <row r="46001" spans="7:10">
      <c r="G46001" s="16"/>
      <c r="H46001" s="16"/>
      <c r="I46001" s="16"/>
      <c r="J46001" s="16"/>
    </row>
    <row r="46002" spans="7:10">
      <c r="G46002" s="16"/>
      <c r="H46002" s="16"/>
      <c r="I46002" s="16"/>
      <c r="J46002" s="16"/>
    </row>
    <row r="46003" spans="7:10">
      <c r="G46003" s="16"/>
      <c r="H46003" s="16"/>
      <c r="I46003" s="16"/>
      <c r="J46003" s="16"/>
    </row>
    <row r="46004" spans="7:10">
      <c r="G46004" s="16"/>
      <c r="H46004" s="16"/>
      <c r="I46004" s="16"/>
      <c r="J46004" s="16"/>
    </row>
    <row r="46005" spans="7:10">
      <c r="G46005" s="16"/>
      <c r="H46005" s="16"/>
      <c r="I46005" s="16"/>
      <c r="J46005" s="16"/>
    </row>
    <row r="46006" spans="7:10">
      <c r="G46006" s="16"/>
      <c r="H46006" s="16"/>
      <c r="I46006" s="16"/>
      <c r="J46006" s="16"/>
    </row>
    <row r="46007" spans="7:10">
      <c r="G46007" s="16"/>
      <c r="H46007" s="16"/>
      <c r="I46007" s="16"/>
      <c r="J46007" s="16"/>
    </row>
    <row r="46008" spans="7:10">
      <c r="G46008" s="16"/>
      <c r="H46008" s="16"/>
      <c r="I46008" s="16"/>
      <c r="J46008" s="16"/>
    </row>
    <row r="46009" spans="7:10">
      <c r="G46009" s="16"/>
      <c r="H46009" s="16"/>
      <c r="I46009" s="16"/>
      <c r="J46009" s="16"/>
    </row>
    <row r="46010" spans="7:10">
      <c r="G46010" s="16"/>
      <c r="H46010" s="16"/>
      <c r="I46010" s="16"/>
      <c r="J46010" s="16"/>
    </row>
    <row r="46011" spans="7:10">
      <c r="G46011" s="16"/>
      <c r="H46011" s="16"/>
      <c r="I46011" s="16"/>
      <c r="J46011" s="16"/>
    </row>
    <row r="46012" spans="7:10">
      <c r="G46012" s="16"/>
      <c r="H46012" s="16"/>
      <c r="I46012" s="16"/>
      <c r="J46012" s="16"/>
    </row>
    <row r="46013" spans="7:10">
      <c r="G46013" s="16"/>
      <c r="H46013" s="16"/>
      <c r="I46013" s="16"/>
      <c r="J46013" s="16"/>
    </row>
    <row r="46014" spans="7:10">
      <c r="G46014" s="16"/>
      <c r="H46014" s="16"/>
      <c r="I46014" s="16"/>
      <c r="J46014" s="16"/>
    </row>
    <row r="46015" spans="7:10">
      <c r="G46015" s="16"/>
      <c r="H46015" s="16"/>
      <c r="I46015" s="16"/>
      <c r="J46015" s="16"/>
    </row>
    <row r="46016" spans="7:10">
      <c r="G46016" s="16"/>
      <c r="H46016" s="16"/>
      <c r="I46016" s="16"/>
      <c r="J46016" s="16"/>
    </row>
    <row r="46017" spans="7:10">
      <c r="G46017" s="16"/>
      <c r="H46017" s="16"/>
      <c r="I46017" s="16"/>
      <c r="J46017" s="16"/>
    </row>
    <row r="46018" spans="7:10">
      <c r="G46018" s="16"/>
      <c r="H46018" s="16"/>
      <c r="I46018" s="16"/>
      <c r="J46018" s="16"/>
    </row>
    <row r="46019" spans="7:10">
      <c r="G46019" s="16"/>
      <c r="H46019" s="16"/>
      <c r="I46019" s="16"/>
      <c r="J46019" s="16"/>
    </row>
    <row r="46020" spans="7:10">
      <c r="G46020" s="16"/>
      <c r="H46020" s="16"/>
      <c r="I46020" s="16"/>
      <c r="J46020" s="16"/>
    </row>
    <row r="46021" spans="7:10">
      <c r="G46021" s="16"/>
      <c r="H46021" s="16"/>
      <c r="I46021" s="16"/>
      <c r="J46021" s="16"/>
    </row>
    <row r="46022" spans="7:10">
      <c r="G46022" s="16"/>
      <c r="H46022" s="16"/>
      <c r="I46022" s="16"/>
      <c r="J46022" s="16"/>
    </row>
    <row r="46023" spans="7:10">
      <c r="G46023" s="16"/>
      <c r="H46023" s="16"/>
      <c r="I46023" s="16"/>
      <c r="J46023" s="16"/>
    </row>
    <row r="46024" spans="7:10">
      <c r="G46024" s="16"/>
      <c r="H46024" s="16"/>
      <c r="I46024" s="16"/>
      <c r="J46024" s="16"/>
    </row>
    <row r="46025" spans="7:10">
      <c r="G46025" s="16"/>
      <c r="H46025" s="16"/>
      <c r="I46025" s="16"/>
      <c r="J46025" s="16"/>
    </row>
    <row r="46026" spans="7:10">
      <c r="G46026" s="16"/>
      <c r="H46026" s="16"/>
      <c r="I46026" s="16"/>
      <c r="J46026" s="16"/>
    </row>
    <row r="46027" spans="7:10">
      <c r="G46027" s="16"/>
      <c r="H46027" s="16"/>
      <c r="I46027" s="16"/>
      <c r="J46027" s="16"/>
    </row>
    <row r="46028" spans="7:10">
      <c r="G46028" s="16"/>
      <c r="H46028" s="16"/>
      <c r="I46028" s="16"/>
      <c r="J46028" s="16"/>
    </row>
    <row r="46029" spans="7:10">
      <c r="G46029" s="16"/>
      <c r="H46029" s="16"/>
      <c r="I46029" s="16"/>
      <c r="J46029" s="16"/>
    </row>
    <row r="46030" spans="7:10">
      <c r="G46030" s="16"/>
      <c r="H46030" s="16"/>
      <c r="I46030" s="16"/>
      <c r="J46030" s="16"/>
    </row>
    <row r="46031" spans="7:10">
      <c r="G46031" s="16"/>
      <c r="H46031" s="16"/>
      <c r="I46031" s="16"/>
      <c r="J46031" s="16"/>
    </row>
    <row r="46032" spans="7:10">
      <c r="G46032" s="16"/>
      <c r="H46032" s="16"/>
      <c r="I46032" s="16"/>
      <c r="J46032" s="16"/>
    </row>
    <row r="46033" spans="7:10">
      <c r="G46033" s="16"/>
      <c r="H46033" s="16"/>
      <c r="I46033" s="16"/>
      <c r="J46033" s="16"/>
    </row>
    <row r="46034" spans="7:10">
      <c r="G46034" s="16"/>
      <c r="H46034" s="16"/>
      <c r="I46034" s="16"/>
      <c r="J46034" s="16"/>
    </row>
    <row r="46035" spans="7:10">
      <c r="G46035" s="16"/>
      <c r="H46035" s="16"/>
      <c r="I46035" s="16"/>
      <c r="J46035" s="16"/>
    </row>
    <row r="46036" spans="7:10">
      <c r="G46036" s="16"/>
      <c r="H46036" s="16"/>
      <c r="I46036" s="16"/>
      <c r="J46036" s="16"/>
    </row>
    <row r="46037" spans="7:10">
      <c r="G46037" s="16"/>
      <c r="H46037" s="16"/>
      <c r="I46037" s="16"/>
      <c r="J46037" s="16"/>
    </row>
    <row r="46038" spans="7:10">
      <c r="G46038" s="16"/>
      <c r="H46038" s="16"/>
      <c r="I46038" s="16"/>
      <c r="J46038" s="16"/>
    </row>
    <row r="46039" spans="7:10">
      <c r="G46039" s="16"/>
      <c r="H46039" s="16"/>
      <c r="I46039" s="16"/>
      <c r="J46039" s="16"/>
    </row>
    <row r="46040" spans="7:10">
      <c r="G46040" s="16"/>
      <c r="H46040" s="16"/>
      <c r="I46040" s="16"/>
      <c r="J46040" s="16"/>
    </row>
    <row r="46041" spans="7:10">
      <c r="G46041" s="16"/>
      <c r="H46041" s="16"/>
      <c r="I46041" s="16"/>
      <c r="J46041" s="16"/>
    </row>
    <row r="46042" spans="7:10">
      <c r="G46042" s="16"/>
      <c r="H46042" s="16"/>
      <c r="I46042" s="16"/>
      <c r="J46042" s="16"/>
    </row>
    <row r="46043" spans="7:10">
      <c r="G46043" s="16"/>
      <c r="H46043" s="16"/>
      <c r="I46043" s="16"/>
      <c r="J46043" s="16"/>
    </row>
    <row r="46044" spans="7:10">
      <c r="G46044" s="16"/>
      <c r="H46044" s="16"/>
      <c r="I46044" s="16"/>
      <c r="J46044" s="16"/>
    </row>
    <row r="46045" spans="7:10">
      <c r="G46045" s="16"/>
      <c r="H46045" s="16"/>
      <c r="I46045" s="16"/>
      <c r="J46045" s="16"/>
    </row>
    <row r="46046" spans="7:10">
      <c r="G46046" s="16"/>
      <c r="H46046" s="16"/>
      <c r="I46046" s="16"/>
      <c r="J46046" s="16"/>
    </row>
    <row r="46047" spans="7:10">
      <c r="G46047" s="16"/>
      <c r="H46047" s="16"/>
      <c r="I46047" s="16"/>
      <c r="J46047" s="16"/>
    </row>
    <row r="46048" spans="7:10">
      <c r="G46048" s="16"/>
      <c r="H46048" s="16"/>
      <c r="I46048" s="16"/>
      <c r="J46048" s="16"/>
    </row>
    <row r="46049" spans="7:10">
      <c r="G46049" s="16"/>
      <c r="H46049" s="16"/>
      <c r="I46049" s="16"/>
      <c r="J46049" s="16"/>
    </row>
    <row r="46050" spans="7:10">
      <c r="G46050" s="16"/>
      <c r="H46050" s="16"/>
      <c r="I46050" s="16"/>
      <c r="J46050" s="16"/>
    </row>
    <row r="46051" spans="7:10">
      <c r="G46051" s="16"/>
      <c r="H46051" s="16"/>
      <c r="I46051" s="16"/>
      <c r="J46051" s="16"/>
    </row>
    <row r="46052" spans="7:10">
      <c r="G46052" s="16"/>
      <c r="H46052" s="16"/>
      <c r="I46052" s="16"/>
      <c r="J46052" s="16"/>
    </row>
    <row r="46053" spans="7:10">
      <c r="G46053" s="16"/>
      <c r="H46053" s="16"/>
      <c r="I46053" s="16"/>
      <c r="J46053" s="16"/>
    </row>
    <row r="46054" spans="7:10">
      <c r="G46054" s="16"/>
      <c r="H46054" s="16"/>
      <c r="I46054" s="16"/>
      <c r="J46054" s="16"/>
    </row>
    <row r="46055" spans="7:10">
      <c r="G46055" s="16"/>
      <c r="H46055" s="16"/>
      <c r="I46055" s="16"/>
      <c r="J46055" s="16"/>
    </row>
    <row r="46056" spans="7:10">
      <c r="G46056" s="16"/>
      <c r="H46056" s="16"/>
      <c r="I46056" s="16"/>
      <c r="J46056" s="16"/>
    </row>
    <row r="46057" spans="7:10">
      <c r="G46057" s="16"/>
      <c r="H46057" s="16"/>
      <c r="I46057" s="16"/>
      <c r="J46057" s="16"/>
    </row>
    <row r="46058" spans="7:10">
      <c r="G46058" s="16"/>
      <c r="H46058" s="16"/>
      <c r="I46058" s="16"/>
      <c r="J46058" s="16"/>
    </row>
    <row r="46059" spans="7:10">
      <c r="G46059" s="16"/>
      <c r="H46059" s="16"/>
      <c r="I46059" s="16"/>
      <c r="J46059" s="16"/>
    </row>
    <row r="46060" spans="7:10">
      <c r="G46060" s="16"/>
      <c r="H46060" s="16"/>
      <c r="I46060" s="16"/>
      <c r="J46060" s="16"/>
    </row>
    <row r="46061" spans="7:10">
      <c r="G46061" s="16"/>
      <c r="H46061" s="16"/>
      <c r="I46061" s="16"/>
      <c r="J46061" s="16"/>
    </row>
    <row r="46062" spans="7:10">
      <c r="G46062" s="16"/>
      <c r="H46062" s="16"/>
      <c r="I46062" s="16"/>
      <c r="J46062" s="16"/>
    </row>
    <row r="46063" spans="7:10">
      <c r="G46063" s="16"/>
      <c r="H46063" s="16"/>
      <c r="I46063" s="16"/>
      <c r="J46063" s="16"/>
    </row>
    <row r="46064" spans="7:10">
      <c r="G46064" s="16"/>
      <c r="H46064" s="16"/>
      <c r="I46064" s="16"/>
      <c r="J46064" s="16"/>
    </row>
    <row r="46065" spans="7:10">
      <c r="G46065" s="16"/>
      <c r="H46065" s="16"/>
      <c r="I46065" s="16"/>
      <c r="J46065" s="16"/>
    </row>
    <row r="46066" spans="7:10">
      <c r="G46066" s="16"/>
      <c r="H46066" s="16"/>
      <c r="I46066" s="16"/>
      <c r="J46066" s="16"/>
    </row>
    <row r="46067" spans="7:10">
      <c r="G46067" s="16"/>
      <c r="H46067" s="16"/>
      <c r="I46067" s="16"/>
      <c r="J46067" s="16"/>
    </row>
    <row r="46068" spans="7:10">
      <c r="G46068" s="16"/>
      <c r="H46068" s="16"/>
      <c r="I46068" s="16"/>
      <c r="J46068" s="16"/>
    </row>
    <row r="46069" spans="7:10">
      <c r="G46069" s="16"/>
      <c r="H46069" s="16"/>
      <c r="I46069" s="16"/>
      <c r="J46069" s="16"/>
    </row>
    <row r="46070" spans="7:10">
      <c r="G46070" s="16"/>
      <c r="H46070" s="16"/>
      <c r="I46070" s="16"/>
      <c r="J46070" s="16"/>
    </row>
    <row r="46071" spans="7:10">
      <c r="G46071" s="16"/>
      <c r="H46071" s="16"/>
      <c r="I46071" s="16"/>
      <c r="J46071" s="16"/>
    </row>
    <row r="46072" spans="7:10">
      <c r="G46072" s="16"/>
      <c r="H46072" s="16"/>
      <c r="I46072" s="16"/>
      <c r="J46072" s="16"/>
    </row>
    <row r="46073" spans="7:10">
      <c r="G46073" s="16"/>
      <c r="H46073" s="16"/>
      <c r="I46073" s="16"/>
      <c r="J46073" s="16"/>
    </row>
    <row r="46074" spans="7:10">
      <c r="G46074" s="16"/>
      <c r="H46074" s="16"/>
      <c r="I46074" s="16"/>
      <c r="J46074" s="16"/>
    </row>
    <row r="46075" spans="7:10">
      <c r="G46075" s="16"/>
      <c r="H46075" s="16"/>
      <c r="I46075" s="16"/>
      <c r="J46075" s="16"/>
    </row>
    <row r="46076" spans="7:10">
      <c r="G46076" s="16"/>
      <c r="H46076" s="16"/>
      <c r="I46076" s="16"/>
      <c r="J46076" s="16"/>
    </row>
    <row r="46077" spans="7:10">
      <c r="G46077" s="16"/>
      <c r="H46077" s="16"/>
      <c r="I46077" s="16"/>
      <c r="J46077" s="16"/>
    </row>
    <row r="46078" spans="7:10">
      <c r="G46078" s="16"/>
      <c r="H46078" s="16"/>
      <c r="I46078" s="16"/>
      <c r="J46078" s="16"/>
    </row>
    <row r="46079" spans="7:10">
      <c r="G46079" s="16"/>
      <c r="H46079" s="16"/>
      <c r="I46079" s="16"/>
      <c r="J46079" s="16"/>
    </row>
    <row r="46080" spans="7:10">
      <c r="G46080" s="16"/>
      <c r="H46080" s="16"/>
      <c r="I46080" s="16"/>
      <c r="J46080" s="16"/>
    </row>
    <row r="46081" spans="7:10">
      <c r="G46081" s="16"/>
      <c r="H46081" s="16"/>
      <c r="I46081" s="16"/>
      <c r="J46081" s="16"/>
    </row>
    <row r="46082" spans="7:10">
      <c r="G46082" s="16"/>
      <c r="H46082" s="16"/>
      <c r="I46082" s="16"/>
      <c r="J46082" s="16"/>
    </row>
    <row r="46083" spans="7:10">
      <c r="G46083" s="16"/>
      <c r="H46083" s="16"/>
      <c r="I46083" s="16"/>
      <c r="J46083" s="16"/>
    </row>
    <row r="46084" spans="7:10">
      <c r="G46084" s="16"/>
      <c r="H46084" s="16"/>
      <c r="I46084" s="16"/>
      <c r="J46084" s="16"/>
    </row>
    <row r="46085" spans="7:10">
      <c r="G46085" s="16"/>
      <c r="H46085" s="16"/>
      <c r="I46085" s="16"/>
      <c r="J46085" s="16"/>
    </row>
    <row r="46086" spans="7:10">
      <c r="G46086" s="16"/>
      <c r="H46086" s="16"/>
      <c r="I46086" s="16"/>
      <c r="J46086" s="16"/>
    </row>
    <row r="46087" spans="7:10">
      <c r="G46087" s="16"/>
      <c r="H46087" s="16"/>
      <c r="I46087" s="16"/>
      <c r="J46087" s="16"/>
    </row>
    <row r="46088" spans="7:10">
      <c r="G46088" s="16"/>
      <c r="H46088" s="16"/>
      <c r="I46088" s="16"/>
      <c r="J46088" s="16"/>
    </row>
    <row r="46089" spans="7:10">
      <c r="G46089" s="16"/>
      <c r="H46089" s="16"/>
      <c r="I46089" s="16"/>
      <c r="J46089" s="16"/>
    </row>
    <row r="46090" spans="7:10">
      <c r="G46090" s="16"/>
      <c r="H46090" s="16"/>
      <c r="I46090" s="16"/>
      <c r="J46090" s="16"/>
    </row>
    <row r="46091" spans="7:10">
      <c r="G46091" s="16"/>
      <c r="H46091" s="16"/>
      <c r="I46091" s="16"/>
      <c r="J46091" s="16"/>
    </row>
    <row r="46092" spans="7:10">
      <c r="G46092" s="16"/>
      <c r="H46092" s="16"/>
      <c r="I46092" s="16"/>
      <c r="J46092" s="16"/>
    </row>
    <row r="46093" spans="7:10">
      <c r="G46093" s="16"/>
      <c r="H46093" s="16"/>
      <c r="I46093" s="16"/>
      <c r="J46093" s="16"/>
    </row>
    <row r="46094" spans="7:10">
      <c r="G46094" s="16"/>
      <c r="H46094" s="16"/>
      <c r="I46094" s="16"/>
      <c r="J46094" s="16"/>
    </row>
    <row r="46095" spans="7:10">
      <c r="G46095" s="16"/>
      <c r="H46095" s="16"/>
      <c r="I46095" s="16"/>
      <c r="J46095" s="16"/>
    </row>
    <row r="46096" spans="7:10">
      <c r="G46096" s="16"/>
      <c r="H46096" s="16"/>
      <c r="I46096" s="16"/>
      <c r="J46096" s="16"/>
    </row>
    <row r="46097" spans="7:10">
      <c r="G46097" s="16"/>
      <c r="H46097" s="16"/>
      <c r="I46097" s="16"/>
      <c r="J46097" s="16"/>
    </row>
    <row r="46098" spans="7:10">
      <c r="G46098" s="16"/>
      <c r="H46098" s="16"/>
      <c r="I46098" s="16"/>
      <c r="J46098" s="16"/>
    </row>
    <row r="46099" spans="7:10">
      <c r="G46099" s="16"/>
      <c r="H46099" s="16"/>
      <c r="I46099" s="16"/>
      <c r="J46099" s="16"/>
    </row>
    <row r="46100" spans="7:10">
      <c r="G46100" s="16"/>
      <c r="H46100" s="16"/>
      <c r="I46100" s="16"/>
      <c r="J46100" s="16"/>
    </row>
    <row r="46101" spans="7:10">
      <c r="G46101" s="16"/>
      <c r="H46101" s="16"/>
      <c r="I46101" s="16"/>
      <c r="J46101" s="16"/>
    </row>
    <row r="46102" spans="7:10">
      <c r="G46102" s="16"/>
      <c r="H46102" s="16"/>
      <c r="I46102" s="16"/>
      <c r="J46102" s="16"/>
    </row>
    <row r="46103" spans="7:10">
      <c r="G46103" s="16"/>
      <c r="H46103" s="16"/>
      <c r="I46103" s="16"/>
      <c r="J46103" s="16"/>
    </row>
    <row r="46104" spans="7:10">
      <c r="G46104" s="16"/>
      <c r="H46104" s="16"/>
      <c r="I46104" s="16"/>
      <c r="J46104" s="16"/>
    </row>
    <row r="46105" spans="7:10">
      <c r="G46105" s="16"/>
      <c r="H46105" s="16"/>
      <c r="I46105" s="16"/>
      <c r="J46105" s="16"/>
    </row>
    <row r="46106" spans="7:10">
      <c r="G46106" s="16"/>
      <c r="H46106" s="16"/>
      <c r="I46106" s="16"/>
      <c r="J46106" s="16"/>
    </row>
    <row r="46107" spans="7:10">
      <c r="G46107" s="16"/>
      <c r="H46107" s="16"/>
      <c r="I46107" s="16"/>
      <c r="J46107" s="16"/>
    </row>
    <row r="46108" spans="7:10">
      <c r="G46108" s="16"/>
      <c r="H46108" s="16"/>
      <c r="I46108" s="16"/>
      <c r="J46108" s="16"/>
    </row>
    <row r="46109" spans="7:10">
      <c r="G46109" s="16"/>
      <c r="H46109" s="16"/>
      <c r="I46109" s="16"/>
      <c r="J46109" s="16"/>
    </row>
    <row r="46110" spans="7:10">
      <c r="G46110" s="16"/>
      <c r="H46110" s="16"/>
      <c r="I46110" s="16"/>
      <c r="J46110" s="16"/>
    </row>
    <row r="46111" spans="7:10">
      <c r="G46111" s="16"/>
      <c r="H46111" s="16"/>
      <c r="I46111" s="16"/>
      <c r="J46111" s="16"/>
    </row>
    <row r="46112" spans="7:10">
      <c r="G46112" s="16"/>
      <c r="H46112" s="16"/>
      <c r="I46112" s="16"/>
      <c r="J46112" s="16"/>
    </row>
    <row r="46113" spans="7:10">
      <c r="G46113" s="16"/>
      <c r="H46113" s="16"/>
      <c r="I46113" s="16"/>
      <c r="J46113" s="16"/>
    </row>
    <row r="46114" spans="7:10">
      <c r="G46114" s="16"/>
      <c r="H46114" s="16"/>
      <c r="I46114" s="16"/>
      <c r="J46114" s="16"/>
    </row>
    <row r="46115" spans="7:10">
      <c r="G46115" s="16"/>
      <c r="H46115" s="16"/>
      <c r="I46115" s="16"/>
      <c r="J46115" s="16"/>
    </row>
    <row r="46116" spans="7:10">
      <c r="G46116" s="16"/>
      <c r="H46116" s="16"/>
      <c r="I46116" s="16"/>
      <c r="J46116" s="16"/>
    </row>
    <row r="46117" spans="7:10">
      <c r="G46117" s="16"/>
      <c r="H46117" s="16"/>
      <c r="I46117" s="16"/>
      <c r="J46117" s="16"/>
    </row>
    <row r="46118" spans="7:10">
      <c r="G46118" s="16"/>
      <c r="H46118" s="16"/>
      <c r="I46118" s="16"/>
      <c r="J46118" s="16"/>
    </row>
    <row r="46119" spans="7:10">
      <c r="G46119" s="16"/>
      <c r="H46119" s="16"/>
      <c r="I46119" s="16"/>
      <c r="J46119" s="16"/>
    </row>
    <row r="46120" spans="7:10">
      <c r="G46120" s="16"/>
      <c r="H46120" s="16"/>
      <c r="I46120" s="16"/>
      <c r="J46120" s="16"/>
    </row>
    <row r="46121" spans="7:10">
      <c r="G46121" s="16"/>
      <c r="H46121" s="16"/>
      <c r="I46121" s="16"/>
      <c r="J46121" s="16"/>
    </row>
    <row r="46122" spans="7:10">
      <c r="G46122" s="16"/>
      <c r="H46122" s="16"/>
      <c r="I46122" s="16"/>
      <c r="J46122" s="16"/>
    </row>
    <row r="46123" spans="7:10">
      <c r="G46123" s="16"/>
      <c r="H46123" s="16"/>
      <c r="I46123" s="16"/>
      <c r="J46123" s="16"/>
    </row>
    <row r="46124" spans="7:10">
      <c r="G46124" s="16"/>
      <c r="H46124" s="16"/>
      <c r="I46124" s="16"/>
      <c r="J46124" s="16"/>
    </row>
    <row r="46125" spans="7:10">
      <c r="G46125" s="16"/>
      <c r="H46125" s="16"/>
      <c r="I46125" s="16"/>
      <c r="J46125" s="16"/>
    </row>
    <row r="46126" spans="7:10">
      <c r="G46126" s="16"/>
      <c r="H46126" s="16"/>
      <c r="I46126" s="16"/>
      <c r="J46126" s="16"/>
    </row>
    <row r="46127" spans="7:10">
      <c r="G46127" s="16"/>
      <c r="H46127" s="16"/>
      <c r="I46127" s="16"/>
      <c r="J46127" s="16"/>
    </row>
    <row r="46128" spans="7:10">
      <c r="G46128" s="16"/>
      <c r="H46128" s="16"/>
      <c r="I46128" s="16"/>
      <c r="J46128" s="16"/>
    </row>
    <row r="46129" spans="7:10">
      <c r="G46129" s="16"/>
      <c r="H46129" s="16"/>
      <c r="I46129" s="16"/>
      <c r="J46129" s="16"/>
    </row>
    <row r="46130" spans="7:10">
      <c r="G46130" s="16"/>
      <c r="H46130" s="16"/>
      <c r="I46130" s="16"/>
      <c r="J46130" s="16"/>
    </row>
    <row r="46131" spans="7:10">
      <c r="G46131" s="16"/>
      <c r="H46131" s="16"/>
      <c r="I46131" s="16"/>
      <c r="J46131" s="16"/>
    </row>
    <row r="46132" spans="7:10">
      <c r="G46132" s="16"/>
      <c r="H46132" s="16"/>
      <c r="I46132" s="16"/>
      <c r="J46132" s="16"/>
    </row>
    <row r="46133" spans="7:10">
      <c r="G46133" s="16"/>
      <c r="H46133" s="16"/>
      <c r="I46133" s="16"/>
      <c r="J46133" s="16"/>
    </row>
    <row r="46134" spans="7:10">
      <c r="G46134" s="16"/>
      <c r="H46134" s="16"/>
      <c r="I46134" s="16"/>
      <c r="J46134" s="16"/>
    </row>
    <row r="46135" spans="7:10">
      <c r="G46135" s="16"/>
      <c r="H46135" s="16"/>
      <c r="I46135" s="16"/>
      <c r="J46135" s="16"/>
    </row>
    <row r="46136" spans="7:10">
      <c r="G46136" s="16"/>
      <c r="H46136" s="16"/>
      <c r="I46136" s="16"/>
      <c r="J46136" s="16"/>
    </row>
    <row r="46137" spans="7:10">
      <c r="G46137" s="16"/>
      <c r="H46137" s="16"/>
      <c r="I46137" s="16"/>
      <c r="J46137" s="16"/>
    </row>
    <row r="46138" spans="7:10">
      <c r="G46138" s="16"/>
      <c r="H46138" s="16"/>
      <c r="I46138" s="16"/>
      <c r="J46138" s="16"/>
    </row>
    <row r="46139" spans="7:10">
      <c r="G46139" s="16"/>
      <c r="H46139" s="16"/>
      <c r="I46139" s="16"/>
      <c r="J46139" s="16"/>
    </row>
    <row r="46140" spans="7:10">
      <c r="G46140" s="16"/>
      <c r="H46140" s="16"/>
      <c r="I46140" s="16"/>
      <c r="J46140" s="16"/>
    </row>
    <row r="46141" spans="7:10">
      <c r="G46141" s="16"/>
      <c r="H46141" s="16"/>
      <c r="I46141" s="16"/>
      <c r="J46141" s="16"/>
    </row>
    <row r="46142" spans="7:10">
      <c r="G46142" s="16"/>
      <c r="H46142" s="16"/>
      <c r="I46142" s="16"/>
      <c r="J46142" s="16"/>
    </row>
    <row r="46143" spans="7:10">
      <c r="G46143" s="16"/>
      <c r="H46143" s="16"/>
      <c r="I46143" s="16"/>
      <c r="J46143" s="16"/>
    </row>
    <row r="46144" spans="7:10">
      <c r="G46144" s="16"/>
      <c r="H46144" s="16"/>
      <c r="I46144" s="16"/>
      <c r="J46144" s="16"/>
    </row>
    <row r="46145" spans="7:10">
      <c r="G46145" s="16"/>
      <c r="H46145" s="16"/>
      <c r="I46145" s="16"/>
      <c r="J46145" s="16"/>
    </row>
    <row r="46146" spans="7:10">
      <c r="G46146" s="16"/>
      <c r="H46146" s="16"/>
      <c r="I46146" s="16"/>
      <c r="J46146" s="16"/>
    </row>
    <row r="46147" spans="7:10">
      <c r="G46147" s="16"/>
      <c r="H46147" s="16"/>
      <c r="I46147" s="16"/>
      <c r="J46147" s="16"/>
    </row>
    <row r="46148" spans="7:10">
      <c r="G46148" s="16"/>
      <c r="H46148" s="16"/>
      <c r="I46148" s="16"/>
      <c r="J46148" s="16"/>
    </row>
    <row r="46149" spans="7:10">
      <c r="G46149" s="16"/>
      <c r="H46149" s="16"/>
      <c r="I46149" s="16"/>
      <c r="J46149" s="16"/>
    </row>
    <row r="46150" spans="7:10">
      <c r="G46150" s="16"/>
      <c r="H46150" s="16"/>
      <c r="I46150" s="16"/>
      <c r="J46150" s="16"/>
    </row>
    <row r="46151" spans="7:10">
      <c r="G46151" s="16"/>
      <c r="H46151" s="16"/>
      <c r="I46151" s="16"/>
      <c r="J46151" s="16"/>
    </row>
    <row r="46152" spans="7:10">
      <c r="G46152" s="16"/>
      <c r="H46152" s="16"/>
      <c r="I46152" s="16"/>
      <c r="J46152" s="16"/>
    </row>
    <row r="46153" spans="7:10">
      <c r="G46153" s="16"/>
      <c r="H46153" s="16"/>
      <c r="I46153" s="16"/>
      <c r="J46153" s="16"/>
    </row>
    <row r="46154" spans="7:10">
      <c r="G46154" s="16"/>
      <c r="H46154" s="16"/>
      <c r="I46154" s="16"/>
      <c r="J46154" s="16"/>
    </row>
    <row r="46155" spans="7:10">
      <c r="G46155" s="16"/>
      <c r="H46155" s="16"/>
      <c r="I46155" s="16"/>
      <c r="J46155" s="16"/>
    </row>
    <row r="46156" spans="7:10">
      <c r="G46156" s="16"/>
      <c r="H46156" s="16"/>
      <c r="I46156" s="16"/>
      <c r="J46156" s="16"/>
    </row>
    <row r="46157" spans="7:10">
      <c r="G46157" s="16"/>
      <c r="H46157" s="16"/>
      <c r="I46157" s="16"/>
      <c r="J46157" s="16"/>
    </row>
    <row r="46158" spans="7:10">
      <c r="G46158" s="16"/>
      <c r="H46158" s="16"/>
      <c r="I46158" s="16"/>
      <c r="J46158" s="16"/>
    </row>
    <row r="46159" spans="7:10">
      <c r="G46159" s="16"/>
      <c r="H46159" s="16"/>
      <c r="I46159" s="16"/>
      <c r="J46159" s="16"/>
    </row>
    <row r="46160" spans="7:10">
      <c r="G46160" s="16"/>
      <c r="H46160" s="16"/>
      <c r="I46160" s="16"/>
      <c r="J46160" s="16"/>
    </row>
    <row r="46161" spans="7:10">
      <c r="G46161" s="16"/>
      <c r="H46161" s="16"/>
      <c r="I46161" s="16"/>
      <c r="J46161" s="16"/>
    </row>
    <row r="46162" spans="7:10">
      <c r="G46162" s="16"/>
      <c r="H46162" s="16"/>
      <c r="I46162" s="16"/>
      <c r="J46162" s="16"/>
    </row>
    <row r="46163" spans="7:10">
      <c r="G46163" s="16"/>
      <c r="H46163" s="16"/>
      <c r="I46163" s="16"/>
      <c r="J46163" s="16"/>
    </row>
    <row r="46164" spans="7:10">
      <c r="G46164" s="16"/>
      <c r="H46164" s="16"/>
      <c r="I46164" s="16"/>
      <c r="J46164" s="16"/>
    </row>
    <row r="46165" spans="7:10">
      <c r="G46165" s="16"/>
      <c r="H46165" s="16"/>
      <c r="I46165" s="16"/>
      <c r="J46165" s="16"/>
    </row>
    <row r="46166" spans="7:10">
      <c r="G46166" s="16"/>
      <c r="H46166" s="16"/>
      <c r="I46166" s="16"/>
      <c r="J46166" s="16"/>
    </row>
    <row r="46167" spans="7:10">
      <c r="G46167" s="16"/>
      <c r="H46167" s="16"/>
      <c r="I46167" s="16"/>
      <c r="J46167" s="16"/>
    </row>
    <row r="46168" spans="7:10">
      <c r="G46168" s="16"/>
      <c r="H46168" s="16"/>
      <c r="I46168" s="16"/>
      <c r="J46168" s="16"/>
    </row>
    <row r="46169" spans="7:10">
      <c r="G46169" s="16"/>
      <c r="H46169" s="16"/>
      <c r="I46169" s="16"/>
      <c r="J46169" s="16"/>
    </row>
    <row r="46170" spans="7:10">
      <c r="G46170" s="16"/>
      <c r="H46170" s="16"/>
      <c r="I46170" s="16"/>
      <c r="J46170" s="16"/>
    </row>
    <row r="46171" spans="7:10">
      <c r="G46171" s="16"/>
      <c r="H46171" s="16"/>
      <c r="I46171" s="16"/>
      <c r="J46171" s="16"/>
    </row>
    <row r="46172" spans="7:10">
      <c r="G46172" s="16"/>
      <c r="H46172" s="16"/>
      <c r="I46172" s="16"/>
      <c r="J46172" s="16"/>
    </row>
    <row r="46173" spans="7:10">
      <c r="G46173" s="16"/>
      <c r="H46173" s="16"/>
      <c r="I46173" s="16"/>
      <c r="J46173" s="16"/>
    </row>
    <row r="46174" spans="7:10">
      <c r="G46174" s="16"/>
      <c r="H46174" s="16"/>
      <c r="I46174" s="16"/>
      <c r="J46174" s="16"/>
    </row>
    <row r="46175" spans="7:10">
      <c r="G46175" s="16"/>
      <c r="H46175" s="16"/>
      <c r="I46175" s="16"/>
      <c r="J46175" s="16"/>
    </row>
    <row r="46176" spans="7:10">
      <c r="G46176" s="16"/>
      <c r="H46176" s="16"/>
      <c r="I46176" s="16"/>
      <c r="J46176" s="16"/>
    </row>
    <row r="46177" spans="7:10">
      <c r="G46177" s="16"/>
      <c r="H46177" s="16"/>
      <c r="I46177" s="16"/>
      <c r="J46177" s="16"/>
    </row>
    <row r="46178" spans="7:10">
      <c r="G46178" s="16"/>
      <c r="H46178" s="16"/>
      <c r="I46178" s="16"/>
      <c r="J46178" s="16"/>
    </row>
    <row r="46179" spans="7:10">
      <c r="G46179" s="16"/>
      <c r="H46179" s="16"/>
      <c r="I46179" s="16"/>
      <c r="J46179" s="16"/>
    </row>
    <row r="46180" spans="7:10">
      <c r="G46180" s="16"/>
      <c r="H46180" s="16"/>
      <c r="I46180" s="16"/>
      <c r="J46180" s="16"/>
    </row>
    <row r="46181" spans="7:10">
      <c r="G46181" s="16"/>
      <c r="H46181" s="16"/>
      <c r="I46181" s="16"/>
      <c r="J46181" s="16"/>
    </row>
    <row r="46182" spans="7:10">
      <c r="G46182" s="16"/>
      <c r="H46182" s="16"/>
      <c r="I46182" s="16"/>
      <c r="J46182" s="16"/>
    </row>
    <row r="46183" spans="7:10">
      <c r="G46183" s="16"/>
      <c r="H46183" s="16"/>
      <c r="I46183" s="16"/>
      <c r="J46183" s="16"/>
    </row>
    <row r="46184" spans="7:10">
      <c r="G46184" s="16"/>
      <c r="H46184" s="16"/>
      <c r="I46184" s="16"/>
      <c r="J46184" s="16"/>
    </row>
    <row r="46185" spans="7:10">
      <c r="G46185" s="16"/>
      <c r="H46185" s="16"/>
      <c r="I46185" s="16"/>
      <c r="J46185" s="16"/>
    </row>
    <row r="46186" spans="7:10">
      <c r="G46186" s="16"/>
      <c r="H46186" s="16"/>
      <c r="I46186" s="16"/>
      <c r="J46186" s="16"/>
    </row>
    <row r="46187" spans="7:10">
      <c r="G46187" s="16"/>
      <c r="H46187" s="16"/>
      <c r="I46187" s="16"/>
      <c r="J46187" s="16"/>
    </row>
    <row r="46188" spans="7:10">
      <c r="G46188" s="16"/>
      <c r="H46188" s="16"/>
      <c r="I46188" s="16"/>
      <c r="J46188" s="16"/>
    </row>
    <row r="46189" spans="7:10">
      <c r="G46189" s="16"/>
      <c r="H46189" s="16"/>
      <c r="I46189" s="16"/>
      <c r="J46189" s="16"/>
    </row>
    <row r="46190" spans="7:10">
      <c r="G46190" s="16"/>
      <c r="H46190" s="16"/>
      <c r="I46190" s="16"/>
      <c r="J46190" s="16"/>
    </row>
    <row r="46191" spans="7:10">
      <c r="G46191" s="16"/>
      <c r="H46191" s="16"/>
      <c r="I46191" s="16"/>
      <c r="J46191" s="16"/>
    </row>
    <row r="46192" spans="7:10">
      <c r="G46192" s="16"/>
      <c r="H46192" s="16"/>
      <c r="I46192" s="16"/>
      <c r="J46192" s="16"/>
    </row>
    <row r="46193" spans="7:10">
      <c r="G46193" s="16"/>
      <c r="H46193" s="16"/>
      <c r="I46193" s="16"/>
      <c r="J46193" s="16"/>
    </row>
    <row r="46194" spans="7:10">
      <c r="G46194" s="16"/>
      <c r="H46194" s="16"/>
      <c r="I46194" s="16"/>
      <c r="J46194" s="16"/>
    </row>
    <row r="46195" spans="7:10">
      <c r="G46195" s="16"/>
      <c r="H46195" s="16"/>
      <c r="I46195" s="16"/>
      <c r="J46195" s="16"/>
    </row>
    <row r="46196" spans="7:10">
      <c r="G46196" s="16"/>
      <c r="H46196" s="16"/>
      <c r="I46196" s="16"/>
      <c r="J46196" s="16"/>
    </row>
    <row r="46197" spans="7:10">
      <c r="G46197" s="16"/>
      <c r="H46197" s="16"/>
      <c r="I46197" s="16"/>
      <c r="J46197" s="16"/>
    </row>
    <row r="46198" spans="7:10">
      <c r="G46198" s="16"/>
      <c r="H46198" s="16"/>
      <c r="I46198" s="16"/>
      <c r="J46198" s="16"/>
    </row>
    <row r="46199" spans="7:10">
      <c r="G46199" s="16"/>
      <c r="H46199" s="16"/>
      <c r="I46199" s="16"/>
      <c r="J46199" s="16"/>
    </row>
    <row r="46200" spans="7:10">
      <c r="G46200" s="16"/>
      <c r="H46200" s="16"/>
      <c r="I46200" s="16"/>
      <c r="J46200" s="16"/>
    </row>
    <row r="46201" spans="7:10">
      <c r="G46201" s="16"/>
      <c r="H46201" s="16"/>
      <c r="I46201" s="16"/>
      <c r="J46201" s="16"/>
    </row>
    <row r="46202" spans="7:10">
      <c r="G46202" s="16"/>
      <c r="H46202" s="16"/>
      <c r="I46202" s="16"/>
      <c r="J46202" s="16"/>
    </row>
    <row r="46203" spans="7:10">
      <c r="G46203" s="16"/>
      <c r="H46203" s="16"/>
      <c r="I46203" s="16"/>
      <c r="J46203" s="16"/>
    </row>
    <row r="46204" spans="7:10">
      <c r="G46204" s="16"/>
      <c r="H46204" s="16"/>
      <c r="I46204" s="16"/>
      <c r="J46204" s="16"/>
    </row>
    <row r="46205" spans="7:10">
      <c r="G46205" s="16"/>
      <c r="H46205" s="16"/>
      <c r="I46205" s="16"/>
      <c r="J46205" s="16"/>
    </row>
    <row r="46206" spans="7:10">
      <c r="G46206" s="16"/>
      <c r="H46206" s="16"/>
      <c r="I46206" s="16"/>
      <c r="J46206" s="16"/>
    </row>
    <row r="46207" spans="7:10">
      <c r="G46207" s="16"/>
      <c r="H46207" s="16"/>
      <c r="I46207" s="16"/>
      <c r="J46207" s="16"/>
    </row>
    <row r="46208" spans="7:10">
      <c r="G46208" s="16"/>
      <c r="H46208" s="16"/>
      <c r="I46208" s="16"/>
      <c r="J46208" s="16"/>
    </row>
    <row r="46209" spans="7:10">
      <c r="G46209" s="16"/>
      <c r="H46209" s="16"/>
      <c r="I46209" s="16"/>
      <c r="J46209" s="16"/>
    </row>
    <row r="46210" spans="7:10">
      <c r="G46210" s="16"/>
      <c r="H46210" s="16"/>
      <c r="I46210" s="16"/>
      <c r="J46210" s="16"/>
    </row>
    <row r="46211" spans="7:10">
      <c r="G46211" s="16"/>
      <c r="H46211" s="16"/>
      <c r="I46211" s="16"/>
      <c r="J46211" s="16"/>
    </row>
    <row r="46212" spans="7:10">
      <c r="G46212" s="16"/>
      <c r="H46212" s="16"/>
      <c r="I46212" s="16"/>
      <c r="J46212" s="16"/>
    </row>
    <row r="46213" spans="7:10">
      <c r="G46213" s="16"/>
      <c r="H46213" s="16"/>
      <c r="I46213" s="16"/>
      <c r="J46213" s="16"/>
    </row>
    <row r="46214" spans="7:10">
      <c r="G46214" s="16"/>
      <c r="H46214" s="16"/>
      <c r="I46214" s="16"/>
      <c r="J46214" s="16"/>
    </row>
    <row r="46215" spans="7:10">
      <c r="G46215" s="16"/>
      <c r="H46215" s="16"/>
      <c r="I46215" s="16"/>
      <c r="J46215" s="16"/>
    </row>
    <row r="46216" spans="7:10">
      <c r="G46216" s="16"/>
      <c r="H46216" s="16"/>
      <c r="I46216" s="16"/>
      <c r="J46216" s="16"/>
    </row>
    <row r="46217" spans="7:10">
      <c r="G46217" s="16"/>
      <c r="H46217" s="16"/>
      <c r="I46217" s="16"/>
      <c r="J46217" s="16"/>
    </row>
    <row r="46218" spans="7:10">
      <c r="G46218" s="16"/>
      <c r="H46218" s="16"/>
      <c r="I46218" s="16"/>
      <c r="J46218" s="16"/>
    </row>
    <row r="46219" spans="7:10">
      <c r="G46219" s="16"/>
      <c r="H46219" s="16"/>
      <c r="I46219" s="16"/>
      <c r="J46219" s="16"/>
    </row>
    <row r="46220" spans="7:10">
      <c r="G46220" s="16"/>
      <c r="H46220" s="16"/>
      <c r="I46220" s="16"/>
      <c r="J46220" s="16"/>
    </row>
    <row r="46221" spans="7:10">
      <c r="G46221" s="16"/>
      <c r="H46221" s="16"/>
      <c r="I46221" s="16"/>
      <c r="J46221" s="16"/>
    </row>
    <row r="46222" spans="7:10">
      <c r="G46222" s="16"/>
      <c r="H46222" s="16"/>
      <c r="I46222" s="16"/>
      <c r="J46222" s="16"/>
    </row>
    <row r="46223" spans="7:10">
      <c r="G46223" s="16"/>
      <c r="H46223" s="16"/>
      <c r="I46223" s="16"/>
      <c r="J46223" s="16"/>
    </row>
    <row r="46224" spans="7:10">
      <c r="G46224" s="16"/>
      <c r="H46224" s="16"/>
      <c r="I46224" s="16"/>
      <c r="J46224" s="16"/>
    </row>
    <row r="46225" spans="7:10">
      <c r="G46225" s="16"/>
      <c r="H46225" s="16"/>
      <c r="I46225" s="16"/>
      <c r="J46225" s="16"/>
    </row>
    <row r="46226" spans="7:10">
      <c r="G46226" s="16"/>
      <c r="H46226" s="16"/>
      <c r="I46226" s="16"/>
      <c r="J46226" s="16"/>
    </row>
    <row r="46227" spans="7:10">
      <c r="G46227" s="16"/>
      <c r="H46227" s="16"/>
      <c r="I46227" s="16"/>
      <c r="J46227" s="16"/>
    </row>
    <row r="46228" spans="7:10">
      <c r="G46228" s="16"/>
      <c r="H46228" s="16"/>
      <c r="I46228" s="16"/>
      <c r="J46228" s="16"/>
    </row>
    <row r="46229" spans="7:10">
      <c r="G46229" s="16"/>
      <c r="H46229" s="16"/>
      <c r="I46229" s="16"/>
      <c r="J46229" s="16"/>
    </row>
    <row r="46230" spans="7:10">
      <c r="G46230" s="16"/>
      <c r="H46230" s="16"/>
      <c r="I46230" s="16"/>
      <c r="J46230" s="16"/>
    </row>
    <row r="46231" spans="7:10">
      <c r="G46231" s="16"/>
      <c r="H46231" s="16"/>
      <c r="I46231" s="16"/>
      <c r="J46231" s="16"/>
    </row>
    <row r="46232" spans="7:10">
      <c r="G46232" s="16"/>
      <c r="H46232" s="16"/>
      <c r="I46232" s="16"/>
      <c r="J46232" s="16"/>
    </row>
    <row r="46233" spans="7:10">
      <c r="G46233" s="16"/>
      <c r="H46233" s="16"/>
      <c r="I46233" s="16"/>
      <c r="J46233" s="16"/>
    </row>
    <row r="46234" spans="7:10">
      <c r="G46234" s="16"/>
      <c r="H46234" s="16"/>
      <c r="I46234" s="16"/>
      <c r="J46234" s="16"/>
    </row>
    <row r="46235" spans="7:10">
      <c r="G46235" s="16"/>
      <c r="H46235" s="16"/>
      <c r="I46235" s="16"/>
      <c r="J46235" s="16"/>
    </row>
    <row r="46236" spans="7:10">
      <c r="G46236" s="16"/>
      <c r="H46236" s="16"/>
      <c r="I46236" s="16"/>
      <c r="J46236" s="16"/>
    </row>
    <row r="46237" spans="7:10">
      <c r="G46237" s="16"/>
      <c r="H46237" s="16"/>
      <c r="I46237" s="16"/>
      <c r="J46237" s="16"/>
    </row>
    <row r="46238" spans="7:10">
      <c r="G46238" s="16"/>
      <c r="H46238" s="16"/>
      <c r="I46238" s="16"/>
      <c r="J46238" s="16"/>
    </row>
    <row r="46239" spans="7:10">
      <c r="G46239" s="16"/>
      <c r="H46239" s="16"/>
      <c r="I46239" s="16"/>
      <c r="J46239" s="16"/>
    </row>
    <row r="46240" spans="7:10">
      <c r="G46240" s="16"/>
      <c r="H46240" s="16"/>
      <c r="I46240" s="16"/>
      <c r="J46240" s="16"/>
    </row>
    <row r="46241" spans="7:10">
      <c r="G46241" s="16"/>
      <c r="H46241" s="16"/>
      <c r="I46241" s="16"/>
      <c r="J46241" s="16"/>
    </row>
    <row r="46242" spans="7:10">
      <c r="G46242" s="16"/>
      <c r="H46242" s="16"/>
      <c r="I46242" s="16"/>
      <c r="J46242" s="16"/>
    </row>
    <row r="46243" spans="7:10">
      <c r="G46243" s="16"/>
      <c r="H46243" s="16"/>
      <c r="I46243" s="16"/>
      <c r="J46243" s="16"/>
    </row>
    <row r="46244" spans="7:10">
      <c r="G46244" s="16"/>
      <c r="H46244" s="16"/>
      <c r="I46244" s="16"/>
      <c r="J46244" s="16"/>
    </row>
    <row r="46245" spans="7:10">
      <c r="G46245" s="16"/>
      <c r="H46245" s="16"/>
      <c r="I46245" s="16"/>
      <c r="J46245" s="16"/>
    </row>
    <row r="46246" spans="7:10">
      <c r="G46246" s="16"/>
      <c r="H46246" s="16"/>
      <c r="I46246" s="16"/>
      <c r="J46246" s="16"/>
    </row>
    <row r="46247" spans="7:10">
      <c r="G46247" s="16"/>
      <c r="H46247" s="16"/>
      <c r="I46247" s="16"/>
      <c r="J46247" s="16"/>
    </row>
    <row r="46248" spans="7:10">
      <c r="G46248" s="16"/>
      <c r="H46248" s="16"/>
      <c r="I46248" s="16"/>
      <c r="J46248" s="16"/>
    </row>
    <row r="46249" spans="7:10">
      <c r="G46249" s="16"/>
      <c r="H46249" s="16"/>
      <c r="I46249" s="16"/>
      <c r="J46249" s="16"/>
    </row>
    <row r="46250" spans="7:10">
      <c r="G46250" s="16"/>
      <c r="H46250" s="16"/>
      <c r="I46250" s="16"/>
      <c r="J46250" s="16"/>
    </row>
    <row r="46251" spans="7:10">
      <c r="G46251" s="16"/>
      <c r="H46251" s="16"/>
      <c r="I46251" s="16"/>
      <c r="J46251" s="16"/>
    </row>
    <row r="46252" spans="7:10">
      <c r="G46252" s="16"/>
      <c r="H46252" s="16"/>
      <c r="I46252" s="16"/>
      <c r="J46252" s="16"/>
    </row>
    <row r="46253" spans="7:10">
      <c r="G46253" s="16"/>
      <c r="H46253" s="16"/>
      <c r="I46253" s="16"/>
      <c r="J46253" s="16"/>
    </row>
    <row r="46254" spans="7:10">
      <c r="G46254" s="16"/>
      <c r="H46254" s="16"/>
      <c r="I46254" s="16"/>
      <c r="J46254" s="16"/>
    </row>
    <row r="46255" spans="7:10">
      <c r="G46255" s="16"/>
      <c r="H46255" s="16"/>
      <c r="I46255" s="16"/>
      <c r="J46255" s="16"/>
    </row>
    <row r="46256" spans="7:10">
      <c r="G46256" s="16"/>
      <c r="H46256" s="16"/>
      <c r="I46256" s="16"/>
      <c r="J46256" s="16"/>
    </row>
    <row r="46257" spans="7:10">
      <c r="G46257" s="16"/>
      <c r="H46257" s="16"/>
      <c r="I46257" s="16"/>
      <c r="J46257" s="16"/>
    </row>
    <row r="46258" spans="7:10">
      <c r="G46258" s="16"/>
      <c r="H46258" s="16"/>
      <c r="I46258" s="16"/>
      <c r="J46258" s="16"/>
    </row>
    <row r="46259" spans="7:10">
      <c r="G46259" s="16"/>
      <c r="H46259" s="16"/>
      <c r="I46259" s="16"/>
      <c r="J46259" s="16"/>
    </row>
    <row r="46260" spans="7:10">
      <c r="G46260" s="16"/>
      <c r="H46260" s="16"/>
      <c r="I46260" s="16"/>
      <c r="J46260" s="16"/>
    </row>
    <row r="46261" spans="7:10">
      <c r="G46261" s="16"/>
      <c r="H46261" s="16"/>
      <c r="I46261" s="16"/>
      <c r="J46261" s="16"/>
    </row>
    <row r="46262" spans="7:10">
      <c r="G46262" s="16"/>
      <c r="H46262" s="16"/>
      <c r="I46262" s="16"/>
      <c r="J46262" s="16"/>
    </row>
    <row r="46263" spans="7:10">
      <c r="G46263" s="16"/>
      <c r="H46263" s="16"/>
      <c r="I46263" s="16"/>
      <c r="J46263" s="16"/>
    </row>
    <row r="46264" spans="7:10">
      <c r="G46264" s="16"/>
      <c r="H46264" s="16"/>
      <c r="I46264" s="16"/>
      <c r="J46264" s="16"/>
    </row>
    <row r="46265" spans="7:10">
      <c r="G46265" s="16"/>
      <c r="H46265" s="16"/>
      <c r="I46265" s="16"/>
      <c r="J46265" s="16"/>
    </row>
    <row r="46266" spans="7:10">
      <c r="G46266" s="16"/>
      <c r="H46266" s="16"/>
      <c r="I46266" s="16"/>
      <c r="J46266" s="16"/>
    </row>
    <row r="46267" spans="7:10">
      <c r="G46267" s="16"/>
      <c r="H46267" s="16"/>
      <c r="I46267" s="16"/>
      <c r="J46267" s="16"/>
    </row>
    <row r="46268" spans="7:10">
      <c r="G46268" s="16"/>
      <c r="H46268" s="16"/>
      <c r="I46268" s="16"/>
      <c r="J46268" s="16"/>
    </row>
    <row r="46269" spans="7:10">
      <c r="G46269" s="16"/>
      <c r="H46269" s="16"/>
      <c r="I46269" s="16"/>
      <c r="J46269" s="16"/>
    </row>
    <row r="46270" spans="7:10">
      <c r="G46270" s="16"/>
      <c r="H46270" s="16"/>
      <c r="I46270" s="16"/>
      <c r="J46270" s="16"/>
    </row>
    <row r="46271" spans="7:10">
      <c r="G46271" s="16"/>
      <c r="H46271" s="16"/>
      <c r="I46271" s="16"/>
      <c r="J46271" s="16"/>
    </row>
    <row r="46272" spans="7:10">
      <c r="G46272" s="16"/>
      <c r="H46272" s="16"/>
      <c r="I46272" s="16"/>
      <c r="J46272" s="16"/>
    </row>
    <row r="46273" spans="7:10">
      <c r="G46273" s="16"/>
      <c r="H46273" s="16"/>
      <c r="I46273" s="16"/>
      <c r="J46273" s="16"/>
    </row>
    <row r="46274" spans="7:10">
      <c r="G46274" s="16"/>
      <c r="H46274" s="16"/>
      <c r="I46274" s="16"/>
      <c r="J46274" s="16"/>
    </row>
    <row r="46275" spans="7:10">
      <c r="G46275" s="16"/>
      <c r="H46275" s="16"/>
      <c r="I46275" s="16"/>
      <c r="J46275" s="16"/>
    </row>
    <row r="46276" spans="7:10">
      <c r="G46276" s="16"/>
      <c r="H46276" s="16"/>
      <c r="I46276" s="16"/>
      <c r="J46276" s="16"/>
    </row>
    <row r="46277" spans="7:10">
      <c r="G46277" s="16"/>
      <c r="H46277" s="16"/>
      <c r="I46277" s="16"/>
      <c r="J46277" s="16"/>
    </row>
    <row r="46278" spans="7:10">
      <c r="G46278" s="16"/>
      <c r="H46278" s="16"/>
      <c r="I46278" s="16"/>
      <c r="J46278" s="16"/>
    </row>
    <row r="46279" spans="7:10">
      <c r="G46279" s="16"/>
      <c r="H46279" s="16"/>
      <c r="I46279" s="16"/>
      <c r="J46279" s="16"/>
    </row>
    <row r="46280" spans="7:10">
      <c r="G46280" s="16"/>
      <c r="H46280" s="16"/>
      <c r="I46280" s="16"/>
      <c r="J46280" s="16"/>
    </row>
    <row r="46281" spans="7:10">
      <c r="G46281" s="16"/>
      <c r="H46281" s="16"/>
      <c r="I46281" s="16"/>
      <c r="J46281" s="16"/>
    </row>
    <row r="46282" spans="7:10">
      <c r="G46282" s="16"/>
      <c r="H46282" s="16"/>
      <c r="I46282" s="16"/>
      <c r="J46282" s="16"/>
    </row>
    <row r="46283" spans="7:10">
      <c r="G46283" s="16"/>
      <c r="H46283" s="16"/>
      <c r="I46283" s="16"/>
      <c r="J46283" s="16"/>
    </row>
    <row r="46284" spans="7:10">
      <c r="G46284" s="16"/>
      <c r="H46284" s="16"/>
      <c r="I46284" s="16"/>
      <c r="J46284" s="16"/>
    </row>
    <row r="46285" spans="7:10">
      <c r="G46285" s="16"/>
      <c r="H46285" s="16"/>
      <c r="I46285" s="16"/>
      <c r="J46285" s="16"/>
    </row>
    <row r="46286" spans="7:10">
      <c r="G46286" s="16"/>
      <c r="H46286" s="16"/>
      <c r="I46286" s="16"/>
      <c r="J46286" s="16"/>
    </row>
    <row r="46287" spans="7:10">
      <c r="G46287" s="16"/>
      <c r="H46287" s="16"/>
      <c r="I46287" s="16"/>
      <c r="J46287" s="16"/>
    </row>
    <row r="46288" spans="7:10">
      <c r="G46288" s="16"/>
      <c r="H46288" s="16"/>
      <c r="I46288" s="16"/>
      <c r="J46288" s="16"/>
    </row>
    <row r="46289" spans="7:10">
      <c r="G46289" s="16"/>
      <c r="H46289" s="16"/>
      <c r="I46289" s="16"/>
      <c r="J46289" s="16"/>
    </row>
    <row r="46290" spans="7:10">
      <c r="G46290" s="16"/>
      <c r="H46290" s="16"/>
      <c r="I46290" s="16"/>
      <c r="J46290" s="16"/>
    </row>
    <row r="46291" spans="7:10">
      <c r="G46291" s="16"/>
      <c r="H46291" s="16"/>
      <c r="I46291" s="16"/>
      <c r="J46291" s="16"/>
    </row>
    <row r="46292" spans="7:10">
      <c r="G46292" s="16"/>
      <c r="H46292" s="16"/>
      <c r="I46292" s="16"/>
      <c r="J46292" s="16"/>
    </row>
    <row r="46293" spans="7:10">
      <c r="G46293" s="16"/>
      <c r="H46293" s="16"/>
      <c r="I46293" s="16"/>
      <c r="J46293" s="16"/>
    </row>
    <row r="46294" spans="7:10">
      <c r="G46294" s="16"/>
      <c r="H46294" s="16"/>
      <c r="I46294" s="16"/>
      <c r="J46294" s="16"/>
    </row>
    <row r="46295" spans="7:10">
      <c r="G46295" s="16"/>
      <c r="H46295" s="16"/>
      <c r="I46295" s="16"/>
      <c r="J46295" s="16"/>
    </row>
    <row r="46296" spans="7:10">
      <c r="G46296" s="16"/>
      <c r="H46296" s="16"/>
      <c r="I46296" s="16"/>
      <c r="J46296" s="16"/>
    </row>
    <row r="46297" spans="7:10">
      <c r="G46297" s="16"/>
      <c r="H46297" s="16"/>
      <c r="I46297" s="16"/>
      <c r="J46297" s="16"/>
    </row>
    <row r="46298" spans="7:10">
      <c r="G46298" s="16"/>
      <c r="H46298" s="16"/>
      <c r="I46298" s="16"/>
      <c r="J46298" s="16"/>
    </row>
    <row r="46299" spans="7:10">
      <c r="G46299" s="16"/>
      <c r="H46299" s="16"/>
      <c r="I46299" s="16"/>
      <c r="J46299" s="16"/>
    </row>
    <row r="46300" spans="7:10">
      <c r="G46300" s="16"/>
      <c r="H46300" s="16"/>
      <c r="I46300" s="16"/>
      <c r="J46300" s="16"/>
    </row>
    <row r="46301" spans="7:10">
      <c r="G46301" s="16"/>
      <c r="H46301" s="16"/>
      <c r="I46301" s="16"/>
      <c r="J46301" s="16"/>
    </row>
    <row r="46302" spans="7:10">
      <c r="G46302" s="16"/>
      <c r="H46302" s="16"/>
      <c r="I46302" s="16"/>
      <c r="J46302" s="16"/>
    </row>
    <row r="46303" spans="7:10">
      <c r="G46303" s="16"/>
      <c r="H46303" s="16"/>
      <c r="I46303" s="16"/>
      <c r="J46303" s="16"/>
    </row>
    <row r="46304" spans="7:10">
      <c r="G46304" s="16"/>
      <c r="H46304" s="16"/>
      <c r="I46304" s="16"/>
      <c r="J46304" s="16"/>
    </row>
    <row r="46305" spans="7:10">
      <c r="G46305" s="16"/>
      <c r="H46305" s="16"/>
      <c r="I46305" s="16"/>
      <c r="J46305" s="16"/>
    </row>
    <row r="46306" spans="7:10">
      <c r="G46306" s="16"/>
      <c r="H46306" s="16"/>
      <c r="I46306" s="16"/>
      <c r="J46306" s="16"/>
    </row>
    <row r="46307" spans="7:10">
      <c r="G46307" s="16"/>
      <c r="H46307" s="16"/>
      <c r="I46307" s="16"/>
      <c r="J46307" s="16"/>
    </row>
    <row r="46308" spans="7:10">
      <c r="G46308" s="16"/>
      <c r="H46308" s="16"/>
      <c r="I46308" s="16"/>
      <c r="J46308" s="16"/>
    </row>
    <row r="46309" spans="7:10">
      <c r="G46309" s="16"/>
      <c r="H46309" s="16"/>
      <c r="I46309" s="16"/>
      <c r="J46309" s="16"/>
    </row>
    <row r="46310" spans="7:10">
      <c r="G46310" s="16"/>
      <c r="H46310" s="16"/>
      <c r="I46310" s="16"/>
      <c r="J46310" s="16"/>
    </row>
    <row r="46311" spans="7:10">
      <c r="G46311" s="16"/>
      <c r="H46311" s="16"/>
      <c r="I46311" s="16"/>
      <c r="J46311" s="16"/>
    </row>
    <row r="46312" spans="7:10">
      <c r="G46312" s="16"/>
      <c r="H46312" s="16"/>
      <c r="I46312" s="16"/>
      <c r="J46312" s="16"/>
    </row>
    <row r="46313" spans="7:10">
      <c r="G46313" s="16"/>
      <c r="H46313" s="16"/>
      <c r="I46313" s="16"/>
      <c r="J46313" s="16"/>
    </row>
    <row r="46314" spans="7:10">
      <c r="G46314" s="16"/>
      <c r="H46314" s="16"/>
      <c r="I46314" s="16"/>
      <c r="J46314" s="16"/>
    </row>
    <row r="46315" spans="7:10">
      <c r="G46315" s="16"/>
      <c r="H46315" s="16"/>
      <c r="I46315" s="16"/>
      <c r="J46315" s="16"/>
    </row>
    <row r="46316" spans="7:10">
      <c r="G46316" s="16"/>
      <c r="H46316" s="16"/>
      <c r="I46316" s="16"/>
      <c r="J46316" s="16"/>
    </row>
    <row r="46317" spans="7:10">
      <c r="G46317" s="16"/>
      <c r="H46317" s="16"/>
      <c r="I46317" s="16"/>
      <c r="J46317" s="16"/>
    </row>
    <row r="46318" spans="7:10">
      <c r="G46318" s="16"/>
      <c r="H46318" s="16"/>
      <c r="I46318" s="16"/>
      <c r="J46318" s="16"/>
    </row>
    <row r="46319" spans="7:10">
      <c r="G46319" s="16"/>
      <c r="H46319" s="16"/>
      <c r="I46319" s="16"/>
      <c r="J46319" s="16"/>
    </row>
    <row r="46320" spans="7:10">
      <c r="G46320" s="16"/>
      <c r="H46320" s="16"/>
      <c r="I46320" s="16"/>
      <c r="J46320" s="16"/>
    </row>
    <row r="46321" spans="7:10">
      <c r="G46321" s="16"/>
      <c r="H46321" s="16"/>
      <c r="I46321" s="16"/>
      <c r="J46321" s="16"/>
    </row>
    <row r="46322" spans="7:10">
      <c r="G46322" s="16"/>
      <c r="H46322" s="16"/>
      <c r="I46322" s="16"/>
      <c r="J46322" s="16"/>
    </row>
    <row r="46323" spans="7:10">
      <c r="G46323" s="16"/>
      <c r="H46323" s="16"/>
      <c r="I46323" s="16"/>
      <c r="J46323" s="16"/>
    </row>
    <row r="46324" spans="7:10">
      <c r="G46324" s="16"/>
      <c r="H46324" s="16"/>
      <c r="I46324" s="16"/>
      <c r="J46324" s="16"/>
    </row>
    <row r="46325" spans="7:10">
      <c r="G46325" s="16"/>
      <c r="H46325" s="16"/>
      <c r="I46325" s="16"/>
      <c r="J46325" s="16"/>
    </row>
    <row r="46326" spans="7:10">
      <c r="G46326" s="16"/>
      <c r="H46326" s="16"/>
      <c r="I46326" s="16"/>
      <c r="J46326" s="16"/>
    </row>
    <row r="46327" spans="7:10">
      <c r="G46327" s="16"/>
      <c r="H46327" s="16"/>
      <c r="I46327" s="16"/>
      <c r="J46327" s="16"/>
    </row>
    <row r="46328" spans="7:10">
      <c r="G46328" s="16"/>
      <c r="H46328" s="16"/>
      <c r="I46328" s="16"/>
      <c r="J46328" s="16"/>
    </row>
    <row r="46329" spans="7:10">
      <c r="G46329" s="16"/>
      <c r="H46329" s="16"/>
      <c r="I46329" s="16"/>
      <c r="J46329" s="16"/>
    </row>
    <row r="46330" spans="7:10">
      <c r="G46330" s="16"/>
      <c r="H46330" s="16"/>
      <c r="I46330" s="16"/>
      <c r="J46330" s="16"/>
    </row>
    <row r="46331" spans="7:10">
      <c r="G46331" s="16"/>
      <c r="H46331" s="16"/>
      <c r="I46331" s="16"/>
      <c r="J46331" s="16"/>
    </row>
    <row r="46332" spans="7:10">
      <c r="G46332" s="16"/>
      <c r="H46332" s="16"/>
      <c r="I46332" s="16"/>
      <c r="J46332" s="16"/>
    </row>
    <row r="46333" spans="7:10">
      <c r="G46333" s="16"/>
      <c r="H46333" s="16"/>
      <c r="I46333" s="16"/>
      <c r="J46333" s="16"/>
    </row>
    <row r="46334" spans="7:10">
      <c r="G46334" s="16"/>
      <c r="H46334" s="16"/>
      <c r="I46334" s="16"/>
      <c r="J46334" s="16"/>
    </row>
    <row r="46335" spans="7:10">
      <c r="G46335" s="16"/>
      <c r="H46335" s="16"/>
      <c r="I46335" s="16"/>
      <c r="J46335" s="16"/>
    </row>
    <row r="46336" spans="7:10">
      <c r="G46336" s="16"/>
      <c r="H46336" s="16"/>
      <c r="I46336" s="16"/>
      <c r="J46336" s="16"/>
    </row>
    <row r="46337" spans="7:10">
      <c r="G46337" s="16"/>
      <c r="H46337" s="16"/>
      <c r="I46337" s="16"/>
      <c r="J46337" s="16"/>
    </row>
    <row r="46338" spans="7:10">
      <c r="G46338" s="16"/>
      <c r="H46338" s="16"/>
      <c r="I46338" s="16"/>
      <c r="J46338" s="16"/>
    </row>
    <row r="46339" spans="7:10">
      <c r="G46339" s="16"/>
      <c r="H46339" s="16"/>
      <c r="I46339" s="16"/>
      <c r="J46339" s="16"/>
    </row>
    <row r="46340" spans="7:10">
      <c r="G46340" s="16"/>
      <c r="H46340" s="16"/>
      <c r="I46340" s="16"/>
      <c r="J46340" s="16"/>
    </row>
    <row r="46341" spans="7:10">
      <c r="G46341" s="16"/>
      <c r="H46341" s="16"/>
      <c r="I46341" s="16"/>
      <c r="J46341" s="16"/>
    </row>
    <row r="46342" spans="7:10">
      <c r="G46342" s="16"/>
      <c r="H46342" s="16"/>
      <c r="I46342" s="16"/>
      <c r="J46342" s="16"/>
    </row>
    <row r="46343" spans="7:10">
      <c r="G46343" s="16"/>
      <c r="H46343" s="16"/>
      <c r="I46343" s="16"/>
      <c r="J46343" s="16"/>
    </row>
    <row r="46344" spans="7:10">
      <c r="G46344" s="16"/>
      <c r="H46344" s="16"/>
      <c r="I46344" s="16"/>
      <c r="J46344" s="16"/>
    </row>
    <row r="46345" spans="7:10">
      <c r="G46345" s="16"/>
      <c r="H46345" s="16"/>
      <c r="I46345" s="16"/>
      <c r="J46345" s="16"/>
    </row>
    <row r="46346" spans="7:10">
      <c r="G46346" s="16"/>
      <c r="H46346" s="16"/>
      <c r="I46346" s="16"/>
      <c r="J46346" s="16"/>
    </row>
    <row r="46347" spans="7:10">
      <c r="G46347" s="16"/>
      <c r="H46347" s="16"/>
      <c r="I46347" s="16"/>
      <c r="J46347" s="16"/>
    </row>
    <row r="46348" spans="7:10">
      <c r="G46348" s="16"/>
      <c r="H46348" s="16"/>
      <c r="I46348" s="16"/>
      <c r="J46348" s="16"/>
    </row>
    <row r="46349" spans="7:10">
      <c r="G46349" s="16"/>
      <c r="H46349" s="16"/>
      <c r="I46349" s="16"/>
      <c r="J46349" s="16"/>
    </row>
    <row r="46350" spans="7:10">
      <c r="G46350" s="16"/>
      <c r="H46350" s="16"/>
      <c r="I46350" s="16"/>
      <c r="J46350" s="16"/>
    </row>
    <row r="46351" spans="7:10">
      <c r="G46351" s="16"/>
      <c r="H46351" s="16"/>
      <c r="I46351" s="16"/>
      <c r="J46351" s="16"/>
    </row>
    <row r="46352" spans="7:10">
      <c r="G46352" s="16"/>
      <c r="H46352" s="16"/>
      <c r="I46352" s="16"/>
      <c r="J46352" s="16"/>
    </row>
    <row r="46353" spans="7:10">
      <c r="G46353" s="16"/>
      <c r="H46353" s="16"/>
      <c r="I46353" s="16"/>
      <c r="J46353" s="16"/>
    </row>
    <row r="46354" spans="7:10">
      <c r="G46354" s="16"/>
      <c r="H46354" s="16"/>
      <c r="I46354" s="16"/>
      <c r="J46354" s="16"/>
    </row>
    <row r="46355" spans="7:10">
      <c r="G46355" s="16"/>
      <c r="H46355" s="16"/>
      <c r="I46355" s="16"/>
      <c r="J46355" s="16"/>
    </row>
    <row r="46356" spans="7:10">
      <c r="G46356" s="16"/>
      <c r="H46356" s="16"/>
      <c r="I46356" s="16"/>
      <c r="J46356" s="16"/>
    </row>
    <row r="46357" spans="7:10">
      <c r="G46357" s="16"/>
      <c r="H46357" s="16"/>
      <c r="I46357" s="16"/>
      <c r="J46357" s="16"/>
    </row>
    <row r="46358" spans="7:10">
      <c r="G46358" s="16"/>
      <c r="H46358" s="16"/>
      <c r="I46358" s="16"/>
      <c r="J46358" s="16"/>
    </row>
    <row r="46359" spans="7:10">
      <c r="G46359" s="16"/>
      <c r="H46359" s="16"/>
      <c r="I46359" s="16"/>
      <c r="J46359" s="16"/>
    </row>
    <row r="46360" spans="7:10">
      <c r="G46360" s="16"/>
      <c r="H46360" s="16"/>
      <c r="I46360" s="16"/>
      <c r="J46360" s="16"/>
    </row>
    <row r="46361" spans="7:10">
      <c r="G46361" s="16"/>
      <c r="H46361" s="16"/>
      <c r="I46361" s="16"/>
      <c r="J46361" s="16"/>
    </row>
    <row r="46362" spans="7:10">
      <c r="G46362" s="16"/>
      <c r="H46362" s="16"/>
      <c r="I46362" s="16"/>
      <c r="J46362" s="16"/>
    </row>
    <row r="46363" spans="7:10">
      <c r="G46363" s="16"/>
      <c r="H46363" s="16"/>
      <c r="I46363" s="16"/>
      <c r="J46363" s="16"/>
    </row>
    <row r="46364" spans="7:10">
      <c r="G46364" s="16"/>
      <c r="H46364" s="16"/>
      <c r="I46364" s="16"/>
      <c r="J46364" s="16"/>
    </row>
    <row r="46365" spans="7:10">
      <c r="G46365" s="16"/>
      <c r="H46365" s="16"/>
      <c r="I46365" s="16"/>
      <c r="J46365" s="16"/>
    </row>
    <row r="46366" spans="7:10">
      <c r="G46366" s="16"/>
      <c r="H46366" s="16"/>
      <c r="I46366" s="16"/>
      <c r="J46366" s="16"/>
    </row>
    <row r="46367" spans="7:10">
      <c r="G46367" s="16"/>
      <c r="H46367" s="16"/>
      <c r="I46367" s="16"/>
      <c r="J46367" s="16"/>
    </row>
    <row r="46368" spans="7:10">
      <c r="G46368" s="16"/>
      <c r="H46368" s="16"/>
      <c r="I46368" s="16"/>
      <c r="J46368" s="16"/>
    </row>
    <row r="46369" spans="7:10">
      <c r="G46369" s="16"/>
      <c r="H46369" s="16"/>
      <c r="I46369" s="16"/>
      <c r="J46369" s="16"/>
    </row>
    <row r="46370" spans="7:10">
      <c r="G46370" s="16"/>
      <c r="H46370" s="16"/>
      <c r="I46370" s="16"/>
      <c r="J46370" s="16"/>
    </row>
    <row r="46371" spans="7:10">
      <c r="G46371" s="16"/>
      <c r="H46371" s="16"/>
      <c r="I46371" s="16"/>
      <c r="J46371" s="16"/>
    </row>
    <row r="46372" spans="7:10">
      <c r="G46372" s="16"/>
      <c r="H46372" s="16"/>
      <c r="I46372" s="16"/>
      <c r="J46372" s="16"/>
    </row>
    <row r="46373" spans="7:10">
      <c r="G46373" s="16"/>
      <c r="H46373" s="16"/>
      <c r="I46373" s="16"/>
      <c r="J46373" s="16"/>
    </row>
    <row r="46374" spans="7:10">
      <c r="G46374" s="16"/>
      <c r="H46374" s="16"/>
      <c r="I46374" s="16"/>
      <c r="J46374" s="16"/>
    </row>
    <row r="46375" spans="7:10">
      <c r="G46375" s="16"/>
      <c r="H46375" s="16"/>
      <c r="I46375" s="16"/>
      <c r="J46375" s="16"/>
    </row>
    <row r="46376" spans="7:10">
      <c r="G46376" s="16"/>
      <c r="H46376" s="16"/>
      <c r="I46376" s="16"/>
      <c r="J46376" s="16"/>
    </row>
    <row r="46377" spans="7:10">
      <c r="G46377" s="16"/>
      <c r="H46377" s="16"/>
      <c r="I46377" s="16"/>
      <c r="J46377" s="16"/>
    </row>
    <row r="46378" spans="7:10">
      <c r="G46378" s="16"/>
      <c r="H46378" s="16"/>
      <c r="I46378" s="16"/>
      <c r="J46378" s="16"/>
    </row>
    <row r="46379" spans="7:10">
      <c r="G46379" s="16"/>
      <c r="H46379" s="16"/>
      <c r="I46379" s="16"/>
      <c r="J46379" s="16"/>
    </row>
    <row r="46380" spans="7:10">
      <c r="G46380" s="16"/>
      <c r="H46380" s="16"/>
      <c r="I46380" s="16"/>
      <c r="J46380" s="16"/>
    </row>
    <row r="46381" spans="7:10">
      <c r="G46381" s="16"/>
      <c r="H46381" s="16"/>
      <c r="I46381" s="16"/>
      <c r="J46381" s="16"/>
    </row>
    <row r="46382" spans="7:10">
      <c r="G46382" s="16"/>
      <c r="H46382" s="16"/>
      <c r="I46382" s="16"/>
      <c r="J46382" s="16"/>
    </row>
    <row r="46383" spans="7:10">
      <c r="G46383" s="16"/>
      <c r="H46383" s="16"/>
      <c r="I46383" s="16"/>
      <c r="J46383" s="16"/>
    </row>
    <row r="46384" spans="7:10">
      <c r="G46384" s="16"/>
      <c r="H46384" s="16"/>
      <c r="I46384" s="16"/>
      <c r="J46384" s="16"/>
    </row>
    <row r="46385" spans="7:10">
      <c r="G46385" s="16"/>
      <c r="H46385" s="16"/>
      <c r="I46385" s="16"/>
      <c r="J46385" s="16"/>
    </row>
    <row r="46386" spans="7:10">
      <c r="G46386" s="16"/>
      <c r="H46386" s="16"/>
      <c r="I46386" s="16"/>
      <c r="J46386" s="16"/>
    </row>
    <row r="46387" spans="7:10">
      <c r="G46387" s="16"/>
      <c r="H46387" s="16"/>
      <c r="I46387" s="16"/>
      <c r="J46387" s="16"/>
    </row>
    <row r="46388" spans="7:10">
      <c r="G46388" s="16"/>
      <c r="H46388" s="16"/>
      <c r="I46388" s="16"/>
      <c r="J46388" s="16"/>
    </row>
    <row r="46389" spans="7:10">
      <c r="G46389" s="16"/>
      <c r="H46389" s="16"/>
      <c r="I46389" s="16"/>
      <c r="J46389" s="16"/>
    </row>
    <row r="46390" spans="7:10">
      <c r="G46390" s="16"/>
      <c r="H46390" s="16"/>
      <c r="I46390" s="16"/>
      <c r="J46390" s="16"/>
    </row>
    <row r="46391" spans="7:10">
      <c r="G46391" s="16"/>
      <c r="H46391" s="16"/>
      <c r="I46391" s="16"/>
      <c r="J46391" s="16"/>
    </row>
    <row r="46392" spans="7:10">
      <c r="G46392" s="16"/>
      <c r="H46392" s="16"/>
      <c r="I46392" s="16"/>
      <c r="J46392" s="16"/>
    </row>
    <row r="46393" spans="7:10">
      <c r="G46393" s="16"/>
      <c r="H46393" s="16"/>
      <c r="I46393" s="16"/>
      <c r="J46393" s="16"/>
    </row>
    <row r="46394" spans="7:10">
      <c r="G46394" s="16"/>
      <c r="H46394" s="16"/>
      <c r="I46394" s="16"/>
      <c r="J46394" s="16"/>
    </row>
    <row r="46395" spans="7:10">
      <c r="G46395" s="16"/>
      <c r="H46395" s="16"/>
      <c r="I46395" s="16"/>
      <c r="J46395" s="16"/>
    </row>
    <row r="46396" spans="7:10">
      <c r="G46396" s="16"/>
      <c r="H46396" s="16"/>
      <c r="I46396" s="16"/>
      <c r="J46396" s="16"/>
    </row>
    <row r="46397" spans="7:10">
      <c r="G46397" s="16"/>
      <c r="H46397" s="16"/>
      <c r="I46397" s="16"/>
      <c r="J46397" s="16"/>
    </row>
    <row r="46398" spans="7:10">
      <c r="G46398" s="16"/>
      <c r="H46398" s="16"/>
      <c r="I46398" s="16"/>
      <c r="J46398" s="16"/>
    </row>
    <row r="46399" spans="7:10">
      <c r="G46399" s="16"/>
      <c r="H46399" s="16"/>
      <c r="I46399" s="16"/>
      <c r="J46399" s="16"/>
    </row>
    <row r="46400" spans="7:10">
      <c r="G46400" s="16"/>
      <c r="H46400" s="16"/>
      <c r="I46400" s="16"/>
      <c r="J46400" s="16"/>
    </row>
    <row r="46401" spans="7:10">
      <c r="G46401" s="16"/>
      <c r="H46401" s="16"/>
      <c r="I46401" s="16"/>
      <c r="J46401" s="16"/>
    </row>
    <row r="46402" spans="7:10">
      <c r="G46402" s="16"/>
      <c r="H46402" s="16"/>
      <c r="I46402" s="16"/>
      <c r="J46402" s="16"/>
    </row>
    <row r="46403" spans="7:10">
      <c r="G46403" s="16"/>
      <c r="H46403" s="16"/>
      <c r="I46403" s="16"/>
      <c r="J46403" s="16"/>
    </row>
    <row r="46404" spans="7:10">
      <c r="G46404" s="16"/>
      <c r="H46404" s="16"/>
      <c r="I46404" s="16"/>
      <c r="J46404" s="16"/>
    </row>
    <row r="46405" spans="7:10">
      <c r="G46405" s="16"/>
      <c r="H46405" s="16"/>
      <c r="I46405" s="16"/>
      <c r="J46405" s="16"/>
    </row>
    <row r="46406" spans="7:10">
      <c r="G46406" s="16"/>
      <c r="H46406" s="16"/>
      <c r="I46406" s="16"/>
      <c r="J46406" s="16"/>
    </row>
    <row r="46407" spans="7:10">
      <c r="G46407" s="16"/>
      <c r="H46407" s="16"/>
      <c r="I46407" s="16"/>
      <c r="J46407" s="16"/>
    </row>
    <row r="46408" spans="7:10">
      <c r="G46408" s="16"/>
      <c r="H46408" s="16"/>
      <c r="I46408" s="16"/>
      <c r="J46408" s="16"/>
    </row>
    <row r="46409" spans="7:10">
      <c r="G46409" s="16"/>
      <c r="H46409" s="16"/>
      <c r="I46409" s="16"/>
      <c r="J46409" s="16"/>
    </row>
    <row r="46410" spans="7:10">
      <c r="G46410" s="16"/>
      <c r="H46410" s="16"/>
      <c r="I46410" s="16"/>
      <c r="J46410" s="16"/>
    </row>
    <row r="46411" spans="7:10">
      <c r="G46411" s="16"/>
      <c r="H46411" s="16"/>
      <c r="I46411" s="16"/>
      <c r="J46411" s="16"/>
    </row>
    <row r="46412" spans="7:10">
      <c r="G46412" s="16"/>
      <c r="H46412" s="16"/>
      <c r="I46412" s="16"/>
      <c r="J46412" s="16"/>
    </row>
    <row r="46413" spans="7:10">
      <c r="G46413" s="16"/>
      <c r="H46413" s="16"/>
      <c r="I46413" s="16"/>
      <c r="J46413" s="16"/>
    </row>
    <row r="46414" spans="7:10">
      <c r="G46414" s="16"/>
      <c r="H46414" s="16"/>
      <c r="I46414" s="16"/>
      <c r="J46414" s="16"/>
    </row>
    <row r="46415" spans="7:10">
      <c r="G46415" s="16"/>
      <c r="H46415" s="16"/>
      <c r="I46415" s="16"/>
      <c r="J46415" s="16"/>
    </row>
    <row r="46416" spans="7:10">
      <c r="G46416" s="16"/>
      <c r="H46416" s="16"/>
      <c r="I46416" s="16"/>
      <c r="J46416" s="16"/>
    </row>
    <row r="46417" spans="7:10">
      <c r="G46417" s="16"/>
      <c r="H46417" s="16"/>
      <c r="I46417" s="16"/>
      <c r="J46417" s="16"/>
    </row>
    <row r="46418" spans="7:10">
      <c r="G46418" s="16"/>
      <c r="H46418" s="16"/>
      <c r="I46418" s="16"/>
      <c r="J46418" s="16"/>
    </row>
    <row r="46419" spans="7:10">
      <c r="G46419" s="16"/>
      <c r="H46419" s="16"/>
      <c r="I46419" s="16"/>
      <c r="J46419" s="16"/>
    </row>
    <row r="46420" spans="7:10">
      <c r="G46420" s="16"/>
      <c r="H46420" s="16"/>
      <c r="I46420" s="16"/>
      <c r="J46420" s="16"/>
    </row>
    <row r="46421" spans="7:10">
      <c r="G46421" s="16"/>
      <c r="H46421" s="16"/>
      <c r="I46421" s="16"/>
      <c r="J46421" s="16"/>
    </row>
    <row r="46422" spans="7:10">
      <c r="G46422" s="16"/>
      <c r="H46422" s="16"/>
      <c r="I46422" s="16"/>
      <c r="J46422" s="16"/>
    </row>
    <row r="46423" spans="7:10">
      <c r="G46423" s="16"/>
      <c r="H46423" s="16"/>
      <c r="I46423" s="16"/>
      <c r="J46423" s="16"/>
    </row>
    <row r="46424" spans="7:10">
      <c r="G46424" s="16"/>
      <c r="H46424" s="16"/>
      <c r="I46424" s="16"/>
      <c r="J46424" s="16"/>
    </row>
    <row r="46425" spans="7:10">
      <c r="G46425" s="16"/>
      <c r="H46425" s="16"/>
      <c r="I46425" s="16"/>
      <c r="J46425" s="16"/>
    </row>
    <row r="46426" spans="7:10">
      <c r="G46426" s="16"/>
      <c r="H46426" s="16"/>
      <c r="I46426" s="16"/>
      <c r="J46426" s="16"/>
    </row>
    <row r="46427" spans="7:10">
      <c r="G46427" s="16"/>
      <c r="H46427" s="16"/>
      <c r="I46427" s="16"/>
      <c r="J46427" s="16"/>
    </row>
    <row r="46428" spans="7:10">
      <c r="G46428" s="16"/>
      <c r="H46428" s="16"/>
      <c r="I46428" s="16"/>
      <c r="J46428" s="16"/>
    </row>
    <row r="46429" spans="7:10">
      <c r="G46429" s="16"/>
      <c r="H46429" s="16"/>
      <c r="I46429" s="16"/>
      <c r="J46429" s="16"/>
    </row>
    <row r="46430" spans="7:10">
      <c r="G46430" s="16"/>
      <c r="H46430" s="16"/>
      <c r="I46430" s="16"/>
      <c r="J46430" s="16"/>
    </row>
    <row r="46431" spans="7:10">
      <c r="G46431" s="16"/>
      <c r="H46431" s="16"/>
      <c r="I46431" s="16"/>
      <c r="J46431" s="16"/>
    </row>
    <row r="46432" spans="7:10">
      <c r="G46432" s="16"/>
      <c r="H46432" s="16"/>
      <c r="I46432" s="16"/>
      <c r="J46432" s="16"/>
    </row>
    <row r="46433" spans="7:10">
      <c r="G46433" s="16"/>
      <c r="H46433" s="16"/>
      <c r="I46433" s="16"/>
      <c r="J46433" s="16"/>
    </row>
    <row r="46434" spans="7:10">
      <c r="G46434" s="16"/>
      <c r="H46434" s="16"/>
      <c r="I46434" s="16"/>
      <c r="J46434" s="16"/>
    </row>
    <row r="46435" spans="7:10">
      <c r="G46435" s="16"/>
      <c r="H46435" s="16"/>
      <c r="I46435" s="16"/>
      <c r="J46435" s="16"/>
    </row>
    <row r="46436" spans="7:10">
      <c r="G46436" s="16"/>
      <c r="H46436" s="16"/>
      <c r="I46436" s="16"/>
      <c r="J46436" s="16"/>
    </row>
    <row r="46437" spans="7:10">
      <c r="G46437" s="16"/>
      <c r="H46437" s="16"/>
      <c r="I46437" s="16"/>
      <c r="J46437" s="16"/>
    </row>
    <row r="46438" spans="7:10">
      <c r="G46438" s="16"/>
      <c r="H46438" s="16"/>
      <c r="I46438" s="16"/>
      <c r="J46438" s="16"/>
    </row>
    <row r="46439" spans="7:10">
      <c r="G46439" s="16"/>
      <c r="H46439" s="16"/>
      <c r="I46439" s="16"/>
      <c r="J46439" s="16"/>
    </row>
    <row r="46440" spans="7:10">
      <c r="G46440" s="16"/>
      <c r="H46440" s="16"/>
      <c r="I46440" s="16"/>
      <c r="J46440" s="16"/>
    </row>
    <row r="46441" spans="7:10">
      <c r="G46441" s="16"/>
      <c r="H46441" s="16"/>
      <c r="I46441" s="16"/>
      <c r="J46441" s="16"/>
    </row>
    <row r="46442" spans="7:10">
      <c r="G46442" s="16"/>
      <c r="H46442" s="16"/>
      <c r="I46442" s="16"/>
      <c r="J46442" s="16"/>
    </row>
    <row r="46443" spans="7:10">
      <c r="G46443" s="16"/>
      <c r="H46443" s="16"/>
      <c r="I46443" s="16"/>
      <c r="J46443" s="16"/>
    </row>
    <row r="46444" spans="7:10">
      <c r="G46444" s="16"/>
      <c r="H46444" s="16"/>
      <c r="I46444" s="16"/>
      <c r="J46444" s="16"/>
    </row>
    <row r="46445" spans="7:10">
      <c r="G46445" s="16"/>
      <c r="H46445" s="16"/>
      <c r="I46445" s="16"/>
      <c r="J46445" s="16"/>
    </row>
    <row r="46446" spans="7:10">
      <c r="G46446" s="16"/>
      <c r="H46446" s="16"/>
      <c r="I46446" s="16"/>
      <c r="J46446" s="16"/>
    </row>
    <row r="46447" spans="7:10">
      <c r="G46447" s="16"/>
      <c r="H46447" s="16"/>
      <c r="I46447" s="16"/>
      <c r="J46447" s="16"/>
    </row>
    <row r="46448" spans="7:10">
      <c r="G46448" s="16"/>
      <c r="H46448" s="16"/>
      <c r="I46448" s="16"/>
      <c r="J46448" s="16"/>
    </row>
    <row r="46449" spans="7:10">
      <c r="G46449" s="16"/>
      <c r="H46449" s="16"/>
      <c r="I46449" s="16"/>
      <c r="J46449" s="16"/>
    </row>
    <row r="46450" spans="7:10">
      <c r="G46450" s="16"/>
      <c r="H46450" s="16"/>
      <c r="I46450" s="16"/>
      <c r="J46450" s="16"/>
    </row>
    <row r="46451" spans="7:10">
      <c r="G46451" s="16"/>
      <c r="H46451" s="16"/>
      <c r="I46451" s="16"/>
      <c r="J46451" s="16"/>
    </row>
    <row r="46452" spans="7:10">
      <c r="G46452" s="16"/>
      <c r="H46452" s="16"/>
      <c r="I46452" s="16"/>
      <c r="J46452" s="16"/>
    </row>
    <row r="46453" spans="7:10">
      <c r="G46453" s="16"/>
      <c r="H46453" s="16"/>
      <c r="I46453" s="16"/>
      <c r="J46453" s="16"/>
    </row>
    <row r="46454" spans="7:10">
      <c r="G46454" s="16"/>
      <c r="H46454" s="16"/>
      <c r="I46454" s="16"/>
      <c r="J46454" s="16"/>
    </row>
    <row r="46455" spans="7:10">
      <c r="G46455" s="16"/>
      <c r="H46455" s="16"/>
      <c r="I46455" s="16"/>
      <c r="J46455" s="16"/>
    </row>
    <row r="46456" spans="7:10">
      <c r="G46456" s="16"/>
      <c r="H46456" s="16"/>
      <c r="I46456" s="16"/>
      <c r="J46456" s="16"/>
    </row>
    <row r="46457" spans="7:10">
      <c r="G46457" s="16"/>
      <c r="H46457" s="16"/>
      <c r="I46457" s="16"/>
      <c r="J46457" s="16"/>
    </row>
    <row r="46458" spans="7:10">
      <c r="G46458" s="16"/>
      <c r="H46458" s="16"/>
      <c r="I46458" s="16"/>
      <c r="J46458" s="16"/>
    </row>
    <row r="46459" spans="7:10">
      <c r="G46459" s="16"/>
      <c r="H46459" s="16"/>
      <c r="I46459" s="16"/>
      <c r="J46459" s="16"/>
    </row>
    <row r="46460" spans="7:10">
      <c r="G46460" s="16"/>
      <c r="H46460" s="16"/>
      <c r="I46460" s="16"/>
      <c r="J46460" s="16"/>
    </row>
    <row r="46461" spans="7:10">
      <c r="G46461" s="16"/>
      <c r="H46461" s="16"/>
      <c r="I46461" s="16"/>
      <c r="J46461" s="16"/>
    </row>
    <row r="46462" spans="7:10">
      <c r="G46462" s="16"/>
      <c r="H46462" s="16"/>
      <c r="I46462" s="16"/>
      <c r="J46462" s="16"/>
    </row>
    <row r="46463" spans="7:10">
      <c r="G46463" s="16"/>
      <c r="H46463" s="16"/>
      <c r="I46463" s="16"/>
      <c r="J46463" s="16"/>
    </row>
    <row r="46464" spans="7:10">
      <c r="G46464" s="16"/>
      <c r="H46464" s="16"/>
      <c r="I46464" s="16"/>
      <c r="J46464" s="16"/>
    </row>
    <row r="46465" spans="7:10">
      <c r="G46465" s="16"/>
      <c r="H46465" s="16"/>
      <c r="I46465" s="16"/>
      <c r="J46465" s="16"/>
    </row>
    <row r="46466" spans="7:10">
      <c r="G46466" s="16"/>
      <c r="H46466" s="16"/>
      <c r="I46466" s="16"/>
      <c r="J46466" s="16"/>
    </row>
    <row r="46467" spans="7:10">
      <c r="G46467" s="16"/>
      <c r="H46467" s="16"/>
      <c r="I46467" s="16"/>
      <c r="J46467" s="16"/>
    </row>
    <row r="46468" spans="7:10">
      <c r="G46468" s="16"/>
      <c r="H46468" s="16"/>
      <c r="I46468" s="16"/>
      <c r="J46468" s="16"/>
    </row>
    <row r="46469" spans="7:10">
      <c r="G46469" s="16"/>
      <c r="H46469" s="16"/>
      <c r="I46469" s="16"/>
      <c r="J46469" s="16"/>
    </row>
    <row r="46470" spans="7:10">
      <c r="G46470" s="16"/>
      <c r="H46470" s="16"/>
      <c r="I46470" s="16"/>
      <c r="J46470" s="16"/>
    </row>
    <row r="46471" spans="7:10">
      <c r="G46471" s="16"/>
      <c r="H46471" s="16"/>
      <c r="I46471" s="16"/>
      <c r="J46471" s="16"/>
    </row>
    <row r="46472" spans="7:10">
      <c r="G46472" s="16"/>
      <c r="H46472" s="16"/>
      <c r="I46472" s="16"/>
      <c r="J46472" s="16"/>
    </row>
    <row r="46473" spans="7:10">
      <c r="G46473" s="16"/>
      <c r="H46473" s="16"/>
      <c r="I46473" s="16"/>
      <c r="J46473" s="16"/>
    </row>
    <row r="46474" spans="7:10">
      <c r="G46474" s="16"/>
      <c r="H46474" s="16"/>
      <c r="I46474" s="16"/>
      <c r="J46474" s="16"/>
    </row>
    <row r="46475" spans="7:10">
      <c r="G46475" s="16"/>
      <c r="H46475" s="16"/>
      <c r="I46475" s="16"/>
      <c r="J46475" s="16"/>
    </row>
    <row r="46476" spans="7:10">
      <c r="G46476" s="16"/>
      <c r="H46476" s="16"/>
      <c r="I46476" s="16"/>
      <c r="J46476" s="16"/>
    </row>
    <row r="46477" spans="7:10">
      <c r="G46477" s="16"/>
      <c r="H46477" s="16"/>
      <c r="I46477" s="16"/>
      <c r="J46477" s="16"/>
    </row>
    <row r="46478" spans="7:10">
      <c r="G46478" s="16"/>
      <c r="H46478" s="16"/>
      <c r="I46478" s="16"/>
      <c r="J46478" s="16"/>
    </row>
    <row r="46479" spans="7:10">
      <c r="G46479" s="16"/>
      <c r="H46479" s="16"/>
      <c r="I46479" s="16"/>
      <c r="J46479" s="16"/>
    </row>
    <row r="46480" spans="7:10">
      <c r="G46480" s="16"/>
      <c r="H46480" s="16"/>
      <c r="I46480" s="16"/>
      <c r="J46480" s="16"/>
    </row>
    <row r="46481" spans="7:10">
      <c r="G46481" s="16"/>
      <c r="H46481" s="16"/>
      <c r="I46481" s="16"/>
      <c r="J46481" s="16"/>
    </row>
    <row r="46482" spans="7:10">
      <c r="G46482" s="16"/>
      <c r="H46482" s="16"/>
      <c r="I46482" s="16"/>
      <c r="J46482" s="16"/>
    </row>
    <row r="46483" spans="7:10">
      <c r="G46483" s="16"/>
      <c r="H46483" s="16"/>
      <c r="I46483" s="16"/>
      <c r="J46483" s="16"/>
    </row>
    <row r="46484" spans="7:10">
      <c r="G46484" s="16"/>
      <c r="H46484" s="16"/>
      <c r="I46484" s="16"/>
      <c r="J46484" s="16"/>
    </row>
    <row r="46485" spans="7:10">
      <c r="G46485" s="16"/>
      <c r="H46485" s="16"/>
      <c r="I46485" s="16"/>
      <c r="J46485" s="16"/>
    </row>
    <row r="46486" spans="7:10">
      <c r="G46486" s="16"/>
      <c r="H46486" s="16"/>
      <c r="I46486" s="16"/>
      <c r="J46486" s="16"/>
    </row>
    <row r="46487" spans="7:10">
      <c r="G46487" s="16"/>
      <c r="H46487" s="16"/>
      <c r="I46487" s="16"/>
      <c r="J46487" s="16"/>
    </row>
    <row r="46488" spans="7:10">
      <c r="G46488" s="16"/>
      <c r="H46488" s="16"/>
      <c r="I46488" s="16"/>
      <c r="J46488" s="16"/>
    </row>
    <row r="46489" spans="7:10">
      <c r="G46489" s="16"/>
      <c r="H46489" s="16"/>
      <c r="I46489" s="16"/>
      <c r="J46489" s="16"/>
    </row>
    <row r="46490" spans="7:10">
      <c r="G46490" s="16"/>
      <c r="H46490" s="16"/>
      <c r="I46490" s="16"/>
      <c r="J46490" s="16"/>
    </row>
    <row r="46491" spans="7:10">
      <c r="G46491" s="16"/>
      <c r="H46491" s="16"/>
      <c r="I46491" s="16"/>
      <c r="J46491" s="16"/>
    </row>
    <row r="46492" spans="7:10">
      <c r="G46492" s="16"/>
      <c r="H46492" s="16"/>
      <c r="I46492" s="16"/>
      <c r="J46492" s="16"/>
    </row>
    <row r="46493" spans="7:10">
      <c r="G46493" s="16"/>
      <c r="H46493" s="16"/>
      <c r="I46493" s="16"/>
      <c r="J46493" s="16"/>
    </row>
    <row r="46494" spans="7:10">
      <c r="G46494" s="16"/>
      <c r="H46494" s="16"/>
      <c r="I46494" s="16"/>
      <c r="J46494" s="16"/>
    </row>
    <row r="46495" spans="7:10">
      <c r="G46495" s="16"/>
      <c r="H46495" s="16"/>
      <c r="I46495" s="16"/>
      <c r="J46495" s="16"/>
    </row>
    <row r="46496" spans="7:10">
      <c r="G46496" s="16"/>
      <c r="H46496" s="16"/>
      <c r="I46496" s="16"/>
      <c r="J46496" s="16"/>
    </row>
    <row r="46497" spans="7:10">
      <c r="G46497" s="16"/>
      <c r="H46497" s="16"/>
      <c r="I46497" s="16"/>
      <c r="J46497" s="16"/>
    </row>
    <row r="46498" spans="7:10">
      <c r="G46498" s="16"/>
      <c r="H46498" s="16"/>
      <c r="I46498" s="16"/>
      <c r="J46498" s="16"/>
    </row>
    <row r="46499" spans="7:10">
      <c r="G46499" s="16"/>
      <c r="H46499" s="16"/>
      <c r="I46499" s="16"/>
      <c r="J46499" s="16"/>
    </row>
    <row r="46500" spans="7:10">
      <c r="G46500" s="16"/>
      <c r="H46500" s="16"/>
      <c r="I46500" s="16"/>
      <c r="J46500" s="16"/>
    </row>
    <row r="46501" spans="7:10">
      <c r="G46501" s="16"/>
      <c r="H46501" s="16"/>
      <c r="I46501" s="16"/>
      <c r="J46501" s="16"/>
    </row>
    <row r="46502" spans="7:10">
      <c r="G46502" s="16"/>
      <c r="H46502" s="16"/>
      <c r="I46502" s="16"/>
      <c r="J46502" s="16"/>
    </row>
    <row r="46503" spans="7:10">
      <c r="G46503" s="16"/>
      <c r="H46503" s="16"/>
      <c r="I46503" s="16"/>
      <c r="J46503" s="16"/>
    </row>
    <row r="46504" spans="7:10">
      <c r="G46504" s="16"/>
      <c r="H46504" s="16"/>
      <c r="I46504" s="16"/>
      <c r="J46504" s="16"/>
    </row>
    <row r="46505" spans="7:10">
      <c r="G46505" s="16"/>
      <c r="H46505" s="16"/>
      <c r="I46505" s="16"/>
      <c r="J46505" s="16"/>
    </row>
    <row r="46506" spans="7:10">
      <c r="G46506" s="16"/>
      <c r="H46506" s="16"/>
      <c r="I46506" s="16"/>
      <c r="J46506" s="16"/>
    </row>
    <row r="46507" spans="7:10">
      <c r="G46507" s="16"/>
      <c r="H46507" s="16"/>
      <c r="I46507" s="16"/>
      <c r="J46507" s="16"/>
    </row>
    <row r="46508" spans="7:10">
      <c r="G46508" s="16"/>
      <c r="H46508" s="16"/>
      <c r="I46508" s="16"/>
      <c r="J46508" s="16"/>
    </row>
    <row r="46509" spans="7:10">
      <c r="G46509" s="16"/>
      <c r="H46509" s="16"/>
      <c r="I46509" s="16"/>
      <c r="J46509" s="16"/>
    </row>
    <row r="46510" spans="7:10">
      <c r="G46510" s="16"/>
      <c r="H46510" s="16"/>
      <c r="I46510" s="16"/>
      <c r="J46510" s="16"/>
    </row>
    <row r="46511" spans="7:10">
      <c r="G46511" s="16"/>
      <c r="H46511" s="16"/>
      <c r="I46511" s="16"/>
      <c r="J46511" s="16"/>
    </row>
    <row r="46512" spans="7:10">
      <c r="G46512" s="16"/>
      <c r="H46512" s="16"/>
      <c r="I46512" s="16"/>
      <c r="J46512" s="16"/>
    </row>
    <row r="46513" spans="7:10">
      <c r="G46513" s="16"/>
      <c r="H46513" s="16"/>
      <c r="I46513" s="16"/>
      <c r="J46513" s="16"/>
    </row>
    <row r="46514" spans="7:10">
      <c r="G46514" s="16"/>
      <c r="H46514" s="16"/>
      <c r="I46514" s="16"/>
      <c r="J46514" s="16"/>
    </row>
    <row r="46515" spans="7:10">
      <c r="G46515" s="16"/>
      <c r="H46515" s="16"/>
      <c r="I46515" s="16"/>
      <c r="J46515" s="16"/>
    </row>
    <row r="46516" spans="7:10">
      <c r="G46516" s="16"/>
      <c r="H46516" s="16"/>
      <c r="I46516" s="16"/>
      <c r="J46516" s="16"/>
    </row>
    <row r="46517" spans="7:10">
      <c r="G46517" s="16"/>
      <c r="H46517" s="16"/>
      <c r="I46517" s="16"/>
      <c r="J46517" s="16"/>
    </row>
    <row r="46518" spans="7:10">
      <c r="G46518" s="16"/>
      <c r="H46518" s="16"/>
      <c r="I46518" s="16"/>
      <c r="J46518" s="16"/>
    </row>
    <row r="46519" spans="7:10">
      <c r="G46519" s="16"/>
      <c r="H46519" s="16"/>
      <c r="I46519" s="16"/>
      <c r="J46519" s="16"/>
    </row>
    <row r="46520" spans="7:10">
      <c r="G46520" s="16"/>
      <c r="H46520" s="16"/>
      <c r="I46520" s="16"/>
      <c r="J46520" s="16"/>
    </row>
    <row r="46521" spans="7:10">
      <c r="G46521" s="16"/>
      <c r="H46521" s="16"/>
      <c r="I46521" s="16"/>
      <c r="J46521" s="16"/>
    </row>
    <row r="46522" spans="7:10">
      <c r="G46522" s="16"/>
      <c r="H46522" s="16"/>
      <c r="I46522" s="16"/>
      <c r="J46522" s="16"/>
    </row>
    <row r="46523" spans="7:10">
      <c r="G46523" s="16"/>
      <c r="H46523" s="16"/>
      <c r="I46523" s="16"/>
      <c r="J46523" s="16"/>
    </row>
    <row r="46524" spans="7:10">
      <c r="G46524" s="16"/>
      <c r="H46524" s="16"/>
      <c r="I46524" s="16"/>
      <c r="J46524" s="16"/>
    </row>
    <row r="46525" spans="7:10">
      <c r="G46525" s="16"/>
      <c r="H46525" s="16"/>
      <c r="I46525" s="16"/>
      <c r="J46525" s="16"/>
    </row>
    <row r="46526" spans="7:10">
      <c r="G46526" s="16"/>
      <c r="H46526" s="16"/>
      <c r="I46526" s="16"/>
      <c r="J46526" s="16"/>
    </row>
    <row r="46527" spans="7:10">
      <c r="G46527" s="16"/>
      <c r="H46527" s="16"/>
      <c r="I46527" s="16"/>
      <c r="J46527" s="16"/>
    </row>
    <row r="46528" spans="7:10">
      <c r="G46528" s="16"/>
      <c r="H46528" s="16"/>
      <c r="I46528" s="16"/>
      <c r="J46528" s="16"/>
    </row>
    <row r="46529" spans="7:10">
      <c r="G46529" s="16"/>
      <c r="H46529" s="16"/>
      <c r="I46529" s="16"/>
      <c r="J46529" s="16"/>
    </row>
    <row r="46530" spans="7:10">
      <c r="G46530" s="16"/>
      <c r="H46530" s="16"/>
      <c r="I46530" s="16"/>
      <c r="J46530" s="16"/>
    </row>
    <row r="46531" spans="7:10">
      <c r="G46531" s="16"/>
      <c r="H46531" s="16"/>
      <c r="I46531" s="16"/>
      <c r="J46531" s="16"/>
    </row>
    <row r="46532" spans="7:10">
      <c r="G46532" s="16"/>
      <c r="H46532" s="16"/>
      <c r="I46532" s="16"/>
      <c r="J46532" s="16"/>
    </row>
    <row r="46533" spans="7:10">
      <c r="G46533" s="16"/>
      <c r="H46533" s="16"/>
      <c r="I46533" s="16"/>
      <c r="J46533" s="16"/>
    </row>
    <row r="46534" spans="7:10">
      <c r="G46534" s="16"/>
      <c r="H46534" s="16"/>
      <c r="I46534" s="16"/>
      <c r="J46534" s="16"/>
    </row>
    <row r="46535" spans="7:10">
      <c r="G46535" s="16"/>
      <c r="H46535" s="16"/>
      <c r="I46535" s="16"/>
      <c r="J46535" s="16"/>
    </row>
    <row r="46536" spans="7:10">
      <c r="G46536" s="16"/>
      <c r="H46536" s="16"/>
      <c r="I46536" s="16"/>
      <c r="J46536" s="16"/>
    </row>
    <row r="46537" spans="7:10">
      <c r="G46537" s="16"/>
      <c r="H46537" s="16"/>
      <c r="I46537" s="16"/>
      <c r="J46537" s="16"/>
    </row>
    <row r="46538" spans="7:10">
      <c r="G46538" s="16"/>
      <c r="H46538" s="16"/>
      <c r="I46538" s="16"/>
      <c r="J46538" s="16"/>
    </row>
    <row r="46539" spans="7:10">
      <c r="G46539" s="16"/>
      <c r="H46539" s="16"/>
      <c r="I46539" s="16"/>
      <c r="J46539" s="16"/>
    </row>
    <row r="46540" spans="7:10">
      <c r="G46540" s="16"/>
      <c r="H46540" s="16"/>
      <c r="I46540" s="16"/>
      <c r="J46540" s="16"/>
    </row>
    <row r="46541" spans="7:10">
      <c r="G46541" s="16"/>
      <c r="H46541" s="16"/>
      <c r="I46541" s="16"/>
      <c r="J46541" s="16"/>
    </row>
    <row r="46542" spans="7:10">
      <c r="G46542" s="16"/>
      <c r="H46542" s="16"/>
      <c r="I46542" s="16"/>
      <c r="J46542" s="16"/>
    </row>
    <row r="46543" spans="7:10">
      <c r="G46543" s="16"/>
      <c r="H46543" s="16"/>
      <c r="I46543" s="16"/>
      <c r="J46543" s="16"/>
    </row>
    <row r="46544" spans="7:10">
      <c r="G46544" s="16"/>
      <c r="H46544" s="16"/>
      <c r="I46544" s="16"/>
      <c r="J46544" s="16"/>
    </row>
    <row r="46545" spans="7:10">
      <c r="G46545" s="16"/>
      <c r="H46545" s="16"/>
      <c r="I46545" s="16"/>
      <c r="J46545" s="16"/>
    </row>
    <row r="46546" spans="7:10">
      <c r="G46546" s="16"/>
      <c r="H46546" s="16"/>
      <c r="I46546" s="16"/>
      <c r="J46546" s="16"/>
    </row>
    <row r="46547" spans="7:10">
      <c r="G46547" s="16"/>
      <c r="H46547" s="16"/>
      <c r="I46547" s="16"/>
      <c r="J46547" s="16"/>
    </row>
    <row r="46548" spans="7:10">
      <c r="G46548" s="16"/>
      <c r="H46548" s="16"/>
      <c r="I46548" s="16"/>
      <c r="J46548" s="16"/>
    </row>
    <row r="46549" spans="7:10">
      <c r="G46549" s="16"/>
      <c r="H46549" s="16"/>
      <c r="I46549" s="16"/>
      <c r="J46549" s="16"/>
    </row>
    <row r="46550" spans="7:10">
      <c r="G46550" s="16"/>
      <c r="H46550" s="16"/>
      <c r="I46550" s="16"/>
      <c r="J46550" s="16"/>
    </row>
    <row r="46551" spans="7:10">
      <c r="G46551" s="16"/>
      <c r="H46551" s="16"/>
      <c r="I46551" s="16"/>
      <c r="J46551" s="16"/>
    </row>
    <row r="46552" spans="7:10">
      <c r="G46552" s="16"/>
      <c r="H46552" s="16"/>
      <c r="I46552" s="16"/>
      <c r="J46552" s="16"/>
    </row>
    <row r="46553" spans="7:10">
      <c r="G46553" s="16"/>
      <c r="H46553" s="16"/>
      <c r="I46553" s="16"/>
      <c r="J46553" s="16"/>
    </row>
    <row r="46554" spans="7:10">
      <c r="G46554" s="16"/>
      <c r="H46554" s="16"/>
      <c r="I46554" s="16"/>
      <c r="J46554" s="16"/>
    </row>
    <row r="46555" spans="7:10">
      <c r="G46555" s="16"/>
      <c r="H46555" s="16"/>
      <c r="I46555" s="16"/>
      <c r="J46555" s="16"/>
    </row>
    <row r="46556" spans="7:10">
      <c r="G46556" s="16"/>
      <c r="H46556" s="16"/>
      <c r="I46556" s="16"/>
      <c r="J46556" s="16"/>
    </row>
    <row r="46557" spans="7:10">
      <c r="G46557" s="16"/>
      <c r="H46557" s="16"/>
      <c r="I46557" s="16"/>
      <c r="J46557" s="16"/>
    </row>
    <row r="46558" spans="7:10">
      <c r="G46558" s="16"/>
      <c r="H46558" s="16"/>
      <c r="I46558" s="16"/>
      <c r="J46558" s="16"/>
    </row>
    <row r="46559" spans="7:10">
      <c r="G46559" s="16"/>
      <c r="H46559" s="16"/>
      <c r="I46559" s="16"/>
      <c r="J46559" s="16"/>
    </row>
    <row r="46560" spans="7:10">
      <c r="G46560" s="16"/>
      <c r="H46560" s="16"/>
      <c r="I46560" s="16"/>
      <c r="J46560" s="16"/>
    </row>
    <row r="46561" spans="7:10">
      <c r="G46561" s="16"/>
      <c r="H46561" s="16"/>
      <c r="I46561" s="16"/>
      <c r="J46561" s="16"/>
    </row>
    <row r="46562" spans="7:10">
      <c r="G46562" s="16"/>
      <c r="H46562" s="16"/>
      <c r="I46562" s="16"/>
      <c r="J46562" s="16"/>
    </row>
    <row r="46563" spans="7:10">
      <c r="G46563" s="16"/>
      <c r="H46563" s="16"/>
      <c r="I46563" s="16"/>
      <c r="J46563" s="16"/>
    </row>
    <row r="46564" spans="7:10">
      <c r="G46564" s="16"/>
      <c r="H46564" s="16"/>
      <c r="I46564" s="16"/>
      <c r="J46564" s="16"/>
    </row>
    <row r="46565" spans="7:10">
      <c r="G46565" s="16"/>
      <c r="H46565" s="16"/>
      <c r="I46565" s="16"/>
      <c r="J46565" s="16"/>
    </row>
    <row r="46566" spans="7:10">
      <c r="G46566" s="16"/>
      <c r="H46566" s="16"/>
      <c r="I46566" s="16"/>
      <c r="J46566" s="16"/>
    </row>
    <row r="46567" spans="7:10">
      <c r="G46567" s="16"/>
      <c r="H46567" s="16"/>
      <c r="I46567" s="16"/>
      <c r="J46567" s="16"/>
    </row>
    <row r="46568" spans="7:10">
      <c r="G46568" s="16"/>
      <c r="H46568" s="16"/>
      <c r="I46568" s="16"/>
      <c r="J46568" s="16"/>
    </row>
    <row r="46569" spans="7:10">
      <c r="G46569" s="16"/>
      <c r="H46569" s="16"/>
      <c r="I46569" s="16"/>
      <c r="J46569" s="16"/>
    </row>
    <row r="46570" spans="7:10">
      <c r="G46570" s="16"/>
      <c r="H46570" s="16"/>
      <c r="I46570" s="16"/>
      <c r="J46570" s="16"/>
    </row>
    <row r="46571" spans="7:10">
      <c r="G46571" s="16"/>
      <c r="H46571" s="16"/>
      <c r="I46571" s="16"/>
      <c r="J46571" s="16"/>
    </row>
    <row r="46572" spans="7:10">
      <c r="G46572" s="16"/>
      <c r="H46572" s="16"/>
      <c r="I46572" s="16"/>
      <c r="J46572" s="16"/>
    </row>
    <row r="46573" spans="7:10">
      <c r="G46573" s="16"/>
      <c r="H46573" s="16"/>
      <c r="I46573" s="16"/>
      <c r="J46573" s="16"/>
    </row>
    <row r="46574" spans="7:10">
      <c r="G46574" s="16"/>
      <c r="H46574" s="16"/>
      <c r="I46574" s="16"/>
      <c r="J46574" s="16"/>
    </row>
    <row r="46575" spans="7:10">
      <c r="G46575" s="16"/>
      <c r="H46575" s="16"/>
      <c r="I46575" s="16"/>
      <c r="J46575" s="16"/>
    </row>
    <row r="46576" spans="7:10">
      <c r="G46576" s="16"/>
      <c r="H46576" s="16"/>
      <c r="I46576" s="16"/>
      <c r="J46576" s="16"/>
    </row>
    <row r="46577" spans="7:10">
      <c r="G46577" s="16"/>
      <c r="H46577" s="16"/>
      <c r="I46577" s="16"/>
      <c r="J46577" s="16"/>
    </row>
    <row r="46578" spans="7:10">
      <c r="G46578" s="16"/>
      <c r="H46578" s="16"/>
      <c r="I46578" s="16"/>
      <c r="J46578" s="16"/>
    </row>
    <row r="46579" spans="7:10">
      <c r="G46579" s="16"/>
      <c r="H46579" s="16"/>
      <c r="I46579" s="16"/>
      <c r="J46579" s="16"/>
    </row>
    <row r="46580" spans="7:10">
      <c r="G46580" s="16"/>
      <c r="H46580" s="16"/>
      <c r="I46580" s="16"/>
      <c r="J46580" s="16"/>
    </row>
    <row r="46581" spans="7:10">
      <c r="G46581" s="16"/>
      <c r="H46581" s="16"/>
      <c r="I46581" s="16"/>
      <c r="J46581" s="16"/>
    </row>
    <row r="46582" spans="7:10">
      <c r="G46582" s="16"/>
      <c r="H46582" s="16"/>
      <c r="I46582" s="16"/>
      <c r="J46582" s="16"/>
    </row>
    <row r="46583" spans="7:10">
      <c r="G46583" s="16"/>
      <c r="H46583" s="16"/>
      <c r="I46583" s="16"/>
      <c r="J46583" s="16"/>
    </row>
    <row r="46584" spans="7:10">
      <c r="G46584" s="16"/>
      <c r="H46584" s="16"/>
      <c r="I46584" s="16"/>
      <c r="J46584" s="16"/>
    </row>
    <row r="46585" spans="7:10">
      <c r="G46585" s="16"/>
      <c r="H46585" s="16"/>
      <c r="I46585" s="16"/>
      <c r="J46585" s="16"/>
    </row>
    <row r="46586" spans="7:10">
      <c r="G46586" s="16"/>
      <c r="H46586" s="16"/>
      <c r="I46586" s="16"/>
      <c r="J46586" s="16"/>
    </row>
    <row r="46587" spans="7:10">
      <c r="G46587" s="16"/>
      <c r="H46587" s="16"/>
      <c r="I46587" s="16"/>
      <c r="J46587" s="16"/>
    </row>
    <row r="46588" spans="7:10">
      <c r="G46588" s="16"/>
      <c r="H46588" s="16"/>
      <c r="I46588" s="16"/>
      <c r="J46588" s="16"/>
    </row>
    <row r="46589" spans="7:10">
      <c r="G46589" s="16"/>
      <c r="H46589" s="16"/>
      <c r="I46589" s="16"/>
      <c r="J46589" s="16"/>
    </row>
    <row r="46590" spans="7:10">
      <c r="G46590" s="16"/>
      <c r="H46590" s="16"/>
      <c r="I46590" s="16"/>
      <c r="J46590" s="16"/>
    </row>
    <row r="46591" spans="7:10">
      <c r="G46591" s="16"/>
      <c r="H46591" s="16"/>
      <c r="I46591" s="16"/>
      <c r="J46591" s="16"/>
    </row>
    <row r="46592" spans="7:10">
      <c r="G46592" s="16"/>
      <c r="H46592" s="16"/>
      <c r="I46592" s="16"/>
      <c r="J46592" s="16"/>
    </row>
    <row r="46593" spans="7:10">
      <c r="G46593" s="16"/>
      <c r="H46593" s="16"/>
      <c r="I46593" s="16"/>
      <c r="J46593" s="16"/>
    </row>
    <row r="46594" spans="7:10">
      <c r="G46594" s="16"/>
      <c r="H46594" s="16"/>
      <c r="I46594" s="16"/>
      <c r="J46594" s="16"/>
    </row>
    <row r="46595" spans="7:10">
      <c r="G46595" s="16"/>
      <c r="H46595" s="16"/>
      <c r="I46595" s="16"/>
      <c r="J46595" s="16"/>
    </row>
    <row r="46596" spans="7:10">
      <c r="G46596" s="16"/>
      <c r="H46596" s="16"/>
      <c r="I46596" s="16"/>
      <c r="J46596" s="16"/>
    </row>
    <row r="46597" spans="7:10">
      <c r="G46597" s="16"/>
      <c r="H46597" s="16"/>
      <c r="I46597" s="16"/>
      <c r="J46597" s="16"/>
    </row>
    <row r="46598" spans="7:10">
      <c r="G46598" s="16"/>
      <c r="H46598" s="16"/>
      <c r="I46598" s="16"/>
      <c r="J46598" s="16"/>
    </row>
    <row r="46599" spans="7:10">
      <c r="G46599" s="16"/>
      <c r="H46599" s="16"/>
      <c r="I46599" s="16"/>
      <c r="J46599" s="16"/>
    </row>
    <row r="46600" spans="7:10">
      <c r="G46600" s="16"/>
      <c r="H46600" s="16"/>
      <c r="I46600" s="16"/>
      <c r="J46600" s="16"/>
    </row>
    <row r="46601" spans="7:10">
      <c r="G46601" s="16"/>
      <c r="H46601" s="16"/>
      <c r="I46601" s="16"/>
      <c r="J46601" s="16"/>
    </row>
    <row r="46602" spans="7:10">
      <c r="G46602" s="16"/>
      <c r="H46602" s="16"/>
      <c r="I46602" s="16"/>
      <c r="J46602" s="16"/>
    </row>
    <row r="46603" spans="7:10">
      <c r="G46603" s="16"/>
      <c r="H46603" s="16"/>
      <c r="I46603" s="16"/>
      <c r="J46603" s="16"/>
    </row>
    <row r="46604" spans="7:10">
      <c r="G46604" s="16"/>
      <c r="H46604" s="16"/>
      <c r="I46604" s="16"/>
      <c r="J46604" s="16"/>
    </row>
    <row r="46605" spans="7:10">
      <c r="G46605" s="16"/>
      <c r="H46605" s="16"/>
      <c r="I46605" s="16"/>
      <c r="J46605" s="16"/>
    </row>
    <row r="46606" spans="7:10">
      <c r="G46606" s="16"/>
      <c r="H46606" s="16"/>
      <c r="I46606" s="16"/>
      <c r="J46606" s="16"/>
    </row>
    <row r="46607" spans="7:10">
      <c r="G46607" s="16"/>
      <c r="H46607" s="16"/>
      <c r="I46607" s="16"/>
      <c r="J46607" s="16"/>
    </row>
    <row r="46608" spans="7:10">
      <c r="G46608" s="16"/>
      <c r="H46608" s="16"/>
      <c r="I46608" s="16"/>
      <c r="J46608" s="16"/>
    </row>
    <row r="46609" spans="7:10">
      <c r="G46609" s="16"/>
      <c r="H46609" s="16"/>
      <c r="I46609" s="16"/>
      <c r="J46609" s="16"/>
    </row>
    <row r="46610" spans="7:10">
      <c r="G46610" s="16"/>
      <c r="H46610" s="16"/>
      <c r="I46610" s="16"/>
      <c r="J46610" s="16"/>
    </row>
    <row r="46611" spans="7:10">
      <c r="G46611" s="16"/>
      <c r="H46611" s="16"/>
      <c r="I46611" s="16"/>
      <c r="J46611" s="16"/>
    </row>
    <row r="46612" spans="7:10">
      <c r="G46612" s="16"/>
      <c r="H46612" s="16"/>
      <c r="I46612" s="16"/>
      <c r="J46612" s="16"/>
    </row>
    <row r="46613" spans="7:10">
      <c r="G46613" s="16"/>
      <c r="H46613" s="16"/>
      <c r="I46613" s="16"/>
      <c r="J46613" s="16"/>
    </row>
    <row r="46614" spans="7:10">
      <c r="G46614" s="16"/>
      <c r="H46614" s="16"/>
      <c r="I46614" s="16"/>
      <c r="J46614" s="16"/>
    </row>
    <row r="46615" spans="7:10">
      <c r="G46615" s="16"/>
      <c r="H46615" s="16"/>
      <c r="I46615" s="16"/>
      <c r="J46615" s="16"/>
    </row>
    <row r="46616" spans="7:10">
      <c r="G46616" s="16"/>
      <c r="H46616" s="16"/>
      <c r="I46616" s="16"/>
      <c r="J46616" s="16"/>
    </row>
    <row r="46617" spans="7:10">
      <c r="G46617" s="16"/>
      <c r="H46617" s="16"/>
      <c r="I46617" s="16"/>
      <c r="J46617" s="16"/>
    </row>
    <row r="46618" spans="7:10">
      <c r="G46618" s="16"/>
      <c r="H46618" s="16"/>
      <c r="I46618" s="16"/>
      <c r="J46618" s="16"/>
    </row>
    <row r="46619" spans="7:10">
      <c r="G46619" s="16"/>
      <c r="H46619" s="16"/>
      <c r="I46619" s="16"/>
      <c r="J46619" s="16"/>
    </row>
    <row r="46620" spans="7:10">
      <c r="G46620" s="16"/>
      <c r="H46620" s="16"/>
      <c r="I46620" s="16"/>
      <c r="J46620" s="16"/>
    </row>
    <row r="46621" spans="7:10">
      <c r="G46621" s="16"/>
      <c r="H46621" s="16"/>
      <c r="I46621" s="16"/>
      <c r="J46621" s="16"/>
    </row>
    <row r="46622" spans="7:10">
      <c r="G46622" s="16"/>
      <c r="H46622" s="16"/>
      <c r="I46622" s="16"/>
      <c r="J46622" s="16"/>
    </row>
    <row r="46623" spans="7:10">
      <c r="G46623" s="16"/>
      <c r="H46623" s="16"/>
      <c r="I46623" s="16"/>
      <c r="J46623" s="16"/>
    </row>
    <row r="46624" spans="7:10">
      <c r="G46624" s="16"/>
      <c r="H46624" s="16"/>
      <c r="I46624" s="16"/>
      <c r="J46624" s="16"/>
    </row>
    <row r="46625" spans="7:10">
      <c r="G46625" s="16"/>
      <c r="H46625" s="16"/>
      <c r="I46625" s="16"/>
      <c r="J46625" s="16"/>
    </row>
    <row r="46626" spans="7:10">
      <c r="G46626" s="16"/>
      <c r="H46626" s="16"/>
      <c r="I46626" s="16"/>
      <c r="J46626" s="16"/>
    </row>
    <row r="46627" spans="7:10">
      <c r="G46627" s="16"/>
      <c r="H46627" s="16"/>
      <c r="I46627" s="16"/>
      <c r="J46627" s="16"/>
    </row>
    <row r="46628" spans="7:10">
      <c r="G46628" s="16"/>
      <c r="H46628" s="16"/>
      <c r="I46628" s="16"/>
      <c r="J46628" s="16"/>
    </row>
    <row r="46629" spans="7:10">
      <c r="G46629" s="16"/>
      <c r="H46629" s="16"/>
      <c r="I46629" s="16"/>
      <c r="J46629" s="16"/>
    </row>
    <row r="46630" spans="7:10">
      <c r="G46630" s="16"/>
      <c r="H46630" s="16"/>
      <c r="I46630" s="16"/>
      <c r="J46630" s="16"/>
    </row>
    <row r="46631" spans="7:10">
      <c r="G46631" s="16"/>
      <c r="H46631" s="16"/>
      <c r="I46631" s="16"/>
      <c r="J46631" s="16"/>
    </row>
    <row r="46632" spans="7:10">
      <c r="G46632" s="16"/>
      <c r="H46632" s="16"/>
      <c r="I46632" s="16"/>
      <c r="J46632" s="16"/>
    </row>
    <row r="46633" spans="7:10">
      <c r="G46633" s="16"/>
      <c r="H46633" s="16"/>
      <c r="I46633" s="16"/>
      <c r="J46633" s="16"/>
    </row>
    <row r="46634" spans="7:10">
      <c r="G46634" s="16"/>
      <c r="H46634" s="16"/>
      <c r="I46634" s="16"/>
      <c r="J46634" s="16"/>
    </row>
    <row r="46635" spans="7:10">
      <c r="G46635" s="16"/>
      <c r="H46635" s="16"/>
      <c r="I46635" s="16"/>
      <c r="J46635" s="16"/>
    </row>
    <row r="46636" spans="7:10">
      <c r="G46636" s="16"/>
      <c r="H46636" s="16"/>
      <c r="I46636" s="16"/>
      <c r="J46636" s="16"/>
    </row>
    <row r="46637" spans="7:10">
      <c r="G46637" s="16"/>
      <c r="H46637" s="16"/>
      <c r="I46637" s="16"/>
      <c r="J46637" s="16"/>
    </row>
    <row r="46638" spans="7:10">
      <c r="G46638" s="16"/>
      <c r="H46638" s="16"/>
      <c r="I46638" s="16"/>
      <c r="J46638" s="16"/>
    </row>
    <row r="46639" spans="7:10">
      <c r="G46639" s="16"/>
      <c r="H46639" s="16"/>
      <c r="I46639" s="16"/>
      <c r="J46639" s="16"/>
    </row>
    <row r="46640" spans="7:10">
      <c r="G46640" s="16"/>
      <c r="H46640" s="16"/>
      <c r="I46640" s="16"/>
      <c r="J46640" s="16"/>
    </row>
    <row r="46641" spans="7:10">
      <c r="G46641" s="16"/>
      <c r="H46641" s="16"/>
      <c r="I46641" s="16"/>
      <c r="J46641" s="16"/>
    </row>
    <row r="46642" spans="7:10">
      <c r="G46642" s="16"/>
      <c r="H46642" s="16"/>
      <c r="I46642" s="16"/>
      <c r="J46642" s="16"/>
    </row>
    <row r="46643" spans="7:10">
      <c r="G46643" s="16"/>
      <c r="H46643" s="16"/>
      <c r="I46643" s="16"/>
      <c r="J46643" s="16"/>
    </row>
    <row r="46644" spans="7:10">
      <c r="G46644" s="16"/>
      <c r="H46644" s="16"/>
      <c r="I46644" s="16"/>
      <c r="J46644" s="16"/>
    </row>
    <row r="46645" spans="7:10">
      <c r="G46645" s="16"/>
      <c r="H46645" s="16"/>
      <c r="I46645" s="16"/>
      <c r="J46645" s="16"/>
    </row>
    <row r="46646" spans="7:10">
      <c r="G46646" s="16"/>
      <c r="H46646" s="16"/>
      <c r="I46646" s="16"/>
      <c r="J46646" s="16"/>
    </row>
    <row r="46647" spans="7:10">
      <c r="G46647" s="16"/>
      <c r="H46647" s="16"/>
      <c r="I46647" s="16"/>
      <c r="J46647" s="16"/>
    </row>
    <row r="46648" spans="7:10">
      <c r="G46648" s="16"/>
      <c r="H46648" s="16"/>
      <c r="I46648" s="16"/>
      <c r="J46648" s="16"/>
    </row>
    <row r="46649" spans="7:10">
      <c r="G46649" s="16"/>
      <c r="H46649" s="16"/>
      <c r="I46649" s="16"/>
      <c r="J46649" s="16"/>
    </row>
    <row r="46650" spans="7:10">
      <c r="G46650" s="16"/>
      <c r="H46650" s="16"/>
      <c r="I46650" s="16"/>
      <c r="J46650" s="16"/>
    </row>
    <row r="46651" spans="7:10">
      <c r="G46651" s="16"/>
      <c r="H46651" s="16"/>
      <c r="I46651" s="16"/>
      <c r="J46651" s="16"/>
    </row>
    <row r="46652" spans="7:10">
      <c r="G46652" s="16"/>
      <c r="H46652" s="16"/>
      <c r="I46652" s="16"/>
      <c r="J46652" s="16"/>
    </row>
    <row r="46653" spans="7:10">
      <c r="G46653" s="16"/>
      <c r="H46653" s="16"/>
      <c r="I46653" s="16"/>
      <c r="J46653" s="16"/>
    </row>
    <row r="46654" spans="7:10">
      <c r="G46654" s="16"/>
      <c r="H46654" s="16"/>
      <c r="I46654" s="16"/>
      <c r="J46654" s="16"/>
    </row>
    <row r="46655" spans="7:10">
      <c r="G46655" s="16"/>
      <c r="H46655" s="16"/>
      <c r="I46655" s="16"/>
      <c r="J46655" s="16"/>
    </row>
    <row r="46656" spans="7:10">
      <c r="G46656" s="16"/>
      <c r="H46656" s="16"/>
      <c r="I46656" s="16"/>
      <c r="J46656" s="16"/>
    </row>
    <row r="46657" spans="7:10">
      <c r="G46657" s="16"/>
      <c r="H46657" s="16"/>
      <c r="I46657" s="16"/>
      <c r="J46657" s="16"/>
    </row>
    <row r="46658" spans="7:10">
      <c r="G46658" s="16"/>
      <c r="H46658" s="16"/>
      <c r="I46658" s="16"/>
      <c r="J46658" s="16"/>
    </row>
    <row r="46659" spans="7:10">
      <c r="G46659" s="16"/>
      <c r="H46659" s="16"/>
      <c r="I46659" s="16"/>
      <c r="J46659" s="16"/>
    </row>
    <row r="46660" spans="7:10">
      <c r="G46660" s="16"/>
      <c r="H46660" s="16"/>
      <c r="I46660" s="16"/>
      <c r="J46660" s="16"/>
    </row>
    <row r="46661" spans="7:10">
      <c r="G46661" s="16"/>
      <c r="H46661" s="16"/>
      <c r="I46661" s="16"/>
      <c r="J46661" s="16"/>
    </row>
    <row r="46662" spans="7:10">
      <c r="G46662" s="16"/>
      <c r="H46662" s="16"/>
      <c r="I46662" s="16"/>
      <c r="J46662" s="16"/>
    </row>
    <row r="46663" spans="7:10">
      <c r="G46663" s="16"/>
      <c r="H46663" s="16"/>
      <c r="I46663" s="16"/>
      <c r="J46663" s="16"/>
    </row>
    <row r="46664" spans="7:10">
      <c r="G46664" s="16"/>
      <c r="H46664" s="16"/>
      <c r="I46664" s="16"/>
      <c r="J46664" s="16"/>
    </row>
    <row r="46665" spans="7:10">
      <c r="G46665" s="16"/>
      <c r="H46665" s="16"/>
      <c r="I46665" s="16"/>
      <c r="J46665" s="16"/>
    </row>
    <row r="46666" spans="7:10">
      <c r="G46666" s="16"/>
      <c r="H46666" s="16"/>
      <c r="I46666" s="16"/>
      <c r="J46666" s="16"/>
    </row>
    <row r="46667" spans="7:10">
      <c r="G46667" s="16"/>
      <c r="H46667" s="16"/>
      <c r="I46667" s="16"/>
      <c r="J46667" s="16"/>
    </row>
    <row r="46668" spans="7:10">
      <c r="G46668" s="16"/>
      <c r="H46668" s="16"/>
      <c r="I46668" s="16"/>
      <c r="J46668" s="16"/>
    </row>
    <row r="46669" spans="7:10">
      <c r="G46669" s="16"/>
      <c r="H46669" s="16"/>
      <c r="I46669" s="16"/>
      <c r="J46669" s="16"/>
    </row>
    <row r="46670" spans="7:10">
      <c r="G46670" s="16"/>
      <c r="H46670" s="16"/>
      <c r="I46670" s="16"/>
      <c r="J46670" s="16"/>
    </row>
    <row r="46671" spans="7:10">
      <c r="G46671" s="16"/>
      <c r="H46671" s="16"/>
      <c r="I46671" s="16"/>
      <c r="J46671" s="16"/>
    </row>
    <row r="46672" spans="7:10">
      <c r="G46672" s="16"/>
      <c r="H46672" s="16"/>
      <c r="I46672" s="16"/>
      <c r="J46672" s="16"/>
    </row>
    <row r="46673" spans="7:10">
      <c r="G46673" s="16"/>
      <c r="H46673" s="16"/>
      <c r="I46673" s="16"/>
      <c r="J46673" s="16"/>
    </row>
    <row r="46674" spans="7:10">
      <c r="G46674" s="16"/>
      <c r="H46674" s="16"/>
      <c r="I46674" s="16"/>
      <c r="J46674" s="16"/>
    </row>
    <row r="46675" spans="7:10">
      <c r="G46675" s="16"/>
      <c r="H46675" s="16"/>
      <c r="I46675" s="16"/>
      <c r="J46675" s="16"/>
    </row>
    <row r="46676" spans="7:10">
      <c r="G46676" s="16"/>
      <c r="H46676" s="16"/>
      <c r="I46676" s="16"/>
      <c r="J46676" s="16"/>
    </row>
    <row r="46677" spans="7:10">
      <c r="G46677" s="16"/>
      <c r="H46677" s="16"/>
      <c r="I46677" s="16"/>
      <c r="J46677" s="16"/>
    </row>
    <row r="46678" spans="7:10">
      <c r="G46678" s="16"/>
      <c r="H46678" s="16"/>
      <c r="I46678" s="16"/>
      <c r="J46678" s="16"/>
    </row>
    <row r="46679" spans="7:10">
      <c r="G46679" s="16"/>
      <c r="H46679" s="16"/>
      <c r="I46679" s="16"/>
      <c r="J46679" s="16"/>
    </row>
    <row r="46680" spans="7:10">
      <c r="G46680" s="16"/>
      <c r="H46680" s="16"/>
      <c r="I46680" s="16"/>
      <c r="J46680" s="16"/>
    </row>
    <row r="46681" spans="7:10">
      <c r="G46681" s="16"/>
      <c r="H46681" s="16"/>
      <c r="I46681" s="16"/>
      <c r="J46681" s="16"/>
    </row>
    <row r="46682" spans="7:10">
      <c r="G46682" s="16"/>
      <c r="H46682" s="16"/>
      <c r="I46682" s="16"/>
      <c r="J46682" s="16"/>
    </row>
    <row r="46683" spans="7:10">
      <c r="G46683" s="16"/>
      <c r="H46683" s="16"/>
      <c r="I46683" s="16"/>
      <c r="J46683" s="16"/>
    </row>
    <row r="46684" spans="7:10">
      <c r="G46684" s="16"/>
      <c r="H46684" s="16"/>
      <c r="I46684" s="16"/>
      <c r="J46684" s="16"/>
    </row>
    <row r="46685" spans="7:10">
      <c r="G46685" s="16"/>
      <c r="H46685" s="16"/>
      <c r="I46685" s="16"/>
      <c r="J46685" s="16"/>
    </row>
    <row r="46686" spans="7:10">
      <c r="G46686" s="16"/>
      <c r="H46686" s="16"/>
      <c r="I46686" s="16"/>
      <c r="J46686" s="16"/>
    </row>
    <row r="46687" spans="7:10">
      <c r="G46687" s="16"/>
      <c r="H46687" s="16"/>
      <c r="I46687" s="16"/>
      <c r="J46687" s="16"/>
    </row>
    <row r="46688" spans="7:10">
      <c r="G46688" s="16"/>
      <c r="H46688" s="16"/>
      <c r="I46688" s="16"/>
      <c r="J46688" s="16"/>
    </row>
    <row r="46689" spans="7:10">
      <c r="G46689" s="16"/>
      <c r="H46689" s="16"/>
      <c r="I46689" s="16"/>
      <c r="J46689" s="16"/>
    </row>
    <row r="46690" spans="7:10">
      <c r="G46690" s="16"/>
      <c r="H46690" s="16"/>
      <c r="I46690" s="16"/>
      <c r="J46690" s="16"/>
    </row>
    <row r="46691" spans="7:10">
      <c r="G46691" s="16"/>
      <c r="H46691" s="16"/>
      <c r="I46691" s="16"/>
      <c r="J46691" s="16"/>
    </row>
    <row r="46692" spans="7:10">
      <c r="G46692" s="16"/>
      <c r="H46692" s="16"/>
      <c r="I46692" s="16"/>
      <c r="J46692" s="16"/>
    </row>
    <row r="46693" spans="7:10">
      <c r="G46693" s="16"/>
      <c r="H46693" s="16"/>
      <c r="I46693" s="16"/>
      <c r="J46693" s="16"/>
    </row>
    <row r="46694" spans="7:10">
      <c r="G46694" s="16"/>
      <c r="H46694" s="16"/>
      <c r="I46694" s="16"/>
      <c r="J46694" s="16"/>
    </row>
    <row r="46695" spans="7:10">
      <c r="G46695" s="16"/>
      <c r="H46695" s="16"/>
      <c r="I46695" s="16"/>
      <c r="J46695" s="16"/>
    </row>
    <row r="46696" spans="7:10">
      <c r="G46696" s="16"/>
      <c r="H46696" s="16"/>
      <c r="I46696" s="16"/>
      <c r="J46696" s="16"/>
    </row>
    <row r="46697" spans="7:10">
      <c r="G46697" s="16"/>
      <c r="H46697" s="16"/>
      <c r="I46697" s="16"/>
      <c r="J46697" s="16"/>
    </row>
    <row r="46698" spans="7:10">
      <c r="G46698" s="16"/>
      <c r="H46698" s="16"/>
      <c r="I46698" s="16"/>
      <c r="J46698" s="16"/>
    </row>
    <row r="46699" spans="7:10">
      <c r="G46699" s="16"/>
      <c r="H46699" s="16"/>
      <c r="I46699" s="16"/>
      <c r="J46699" s="16"/>
    </row>
    <row r="46700" spans="7:10">
      <c r="G46700" s="16"/>
      <c r="H46700" s="16"/>
      <c r="I46700" s="16"/>
      <c r="J46700" s="16"/>
    </row>
    <row r="46701" spans="7:10">
      <c r="G46701" s="16"/>
      <c r="H46701" s="16"/>
      <c r="I46701" s="16"/>
      <c r="J46701" s="16"/>
    </row>
    <row r="46702" spans="7:10">
      <c r="G46702" s="16"/>
      <c r="H46702" s="16"/>
      <c r="I46702" s="16"/>
      <c r="J46702" s="16"/>
    </row>
    <row r="46703" spans="7:10">
      <c r="G46703" s="16"/>
      <c r="H46703" s="16"/>
      <c r="I46703" s="16"/>
      <c r="J46703" s="16"/>
    </row>
    <row r="46704" spans="7:10">
      <c r="G46704" s="16"/>
      <c r="H46704" s="16"/>
      <c r="I46704" s="16"/>
      <c r="J46704" s="16"/>
    </row>
    <row r="46705" spans="7:10">
      <c r="G46705" s="16"/>
      <c r="H46705" s="16"/>
      <c r="I46705" s="16"/>
      <c r="J46705" s="16"/>
    </row>
    <row r="46706" spans="7:10">
      <c r="G46706" s="16"/>
      <c r="H46706" s="16"/>
      <c r="I46706" s="16"/>
      <c r="J46706" s="16"/>
    </row>
    <row r="46707" spans="7:10">
      <c r="G46707" s="16"/>
      <c r="H46707" s="16"/>
      <c r="I46707" s="16"/>
      <c r="J46707" s="16"/>
    </row>
    <row r="46708" spans="7:10">
      <c r="G46708" s="16"/>
      <c r="H46708" s="16"/>
      <c r="I46708" s="16"/>
      <c r="J46708" s="16"/>
    </row>
    <row r="46709" spans="7:10">
      <c r="G46709" s="16"/>
      <c r="H46709" s="16"/>
      <c r="I46709" s="16"/>
      <c r="J46709" s="16"/>
    </row>
    <row r="46710" spans="7:10">
      <c r="G46710" s="16"/>
      <c r="H46710" s="16"/>
      <c r="I46710" s="16"/>
      <c r="J46710" s="16"/>
    </row>
    <row r="46711" spans="7:10">
      <c r="G46711" s="16"/>
      <c r="H46711" s="16"/>
      <c r="I46711" s="16"/>
      <c r="J46711" s="16"/>
    </row>
    <row r="46712" spans="7:10">
      <c r="G46712" s="16"/>
      <c r="H46712" s="16"/>
      <c r="I46712" s="16"/>
      <c r="J46712" s="16"/>
    </row>
    <row r="46713" spans="7:10">
      <c r="G46713" s="16"/>
      <c r="H46713" s="16"/>
      <c r="I46713" s="16"/>
      <c r="J46713" s="16"/>
    </row>
    <row r="46714" spans="7:10">
      <c r="G46714" s="16"/>
      <c r="H46714" s="16"/>
      <c r="I46714" s="16"/>
      <c r="J46714" s="16"/>
    </row>
    <row r="46715" spans="7:10">
      <c r="G46715" s="16"/>
      <c r="H46715" s="16"/>
      <c r="I46715" s="16"/>
      <c r="J46715" s="16"/>
    </row>
    <row r="46716" spans="7:10">
      <c r="G46716" s="16"/>
      <c r="H46716" s="16"/>
      <c r="I46716" s="16"/>
      <c r="J46716" s="16"/>
    </row>
    <row r="46717" spans="7:10">
      <c r="G46717" s="16"/>
      <c r="H46717" s="16"/>
      <c r="I46717" s="16"/>
      <c r="J46717" s="16"/>
    </row>
    <row r="46718" spans="7:10">
      <c r="G46718" s="16"/>
      <c r="H46718" s="16"/>
      <c r="I46718" s="16"/>
      <c r="J46718" s="16"/>
    </row>
    <row r="46719" spans="7:10">
      <c r="G46719" s="16"/>
      <c r="H46719" s="16"/>
      <c r="I46719" s="16"/>
      <c r="J46719" s="16"/>
    </row>
    <row r="46720" spans="7:10">
      <c r="G46720" s="16"/>
      <c r="H46720" s="16"/>
      <c r="I46720" s="16"/>
      <c r="J46720" s="16"/>
    </row>
    <row r="46721" spans="7:10">
      <c r="G46721" s="16"/>
      <c r="H46721" s="16"/>
      <c r="I46721" s="16"/>
      <c r="J46721" s="16"/>
    </row>
    <row r="46722" spans="7:10">
      <c r="G46722" s="16"/>
      <c r="H46722" s="16"/>
      <c r="I46722" s="16"/>
      <c r="J46722" s="16"/>
    </row>
    <row r="46723" spans="7:10">
      <c r="G46723" s="16"/>
      <c r="H46723" s="16"/>
      <c r="I46723" s="16"/>
      <c r="J46723" s="16"/>
    </row>
    <row r="46724" spans="7:10">
      <c r="G46724" s="16"/>
      <c r="H46724" s="16"/>
      <c r="I46724" s="16"/>
      <c r="J46724" s="16"/>
    </row>
    <row r="46725" spans="7:10">
      <c r="G46725" s="16"/>
      <c r="H46725" s="16"/>
      <c r="I46725" s="16"/>
      <c r="J46725" s="16"/>
    </row>
    <row r="46726" spans="7:10">
      <c r="G46726" s="16"/>
      <c r="H46726" s="16"/>
      <c r="I46726" s="16"/>
      <c r="J46726" s="16"/>
    </row>
    <row r="46727" spans="7:10">
      <c r="G46727" s="16"/>
      <c r="H46727" s="16"/>
      <c r="I46727" s="16"/>
      <c r="J46727" s="16"/>
    </row>
    <row r="46728" spans="7:10">
      <c r="G46728" s="16"/>
      <c r="H46728" s="16"/>
      <c r="I46728" s="16"/>
      <c r="J46728" s="16"/>
    </row>
    <row r="46729" spans="7:10">
      <c r="G46729" s="16"/>
      <c r="H46729" s="16"/>
      <c r="I46729" s="16"/>
      <c r="J46729" s="16"/>
    </row>
    <row r="46730" spans="7:10">
      <c r="G46730" s="16"/>
      <c r="H46730" s="16"/>
      <c r="I46730" s="16"/>
      <c r="J46730" s="16"/>
    </row>
    <row r="46731" spans="7:10">
      <c r="G46731" s="16"/>
      <c r="H46731" s="16"/>
      <c r="I46731" s="16"/>
      <c r="J46731" s="16"/>
    </row>
    <row r="46732" spans="7:10">
      <c r="G46732" s="16"/>
      <c r="H46732" s="16"/>
      <c r="I46732" s="16"/>
      <c r="J46732" s="16"/>
    </row>
    <row r="46733" spans="7:10">
      <c r="G46733" s="16"/>
      <c r="H46733" s="16"/>
      <c r="I46733" s="16"/>
      <c r="J46733" s="16"/>
    </row>
    <row r="46734" spans="7:10">
      <c r="G46734" s="16"/>
      <c r="H46734" s="16"/>
      <c r="I46734" s="16"/>
      <c r="J46734" s="16"/>
    </row>
    <row r="46735" spans="7:10">
      <c r="G46735" s="16"/>
      <c r="H46735" s="16"/>
      <c r="I46735" s="16"/>
      <c r="J46735" s="16"/>
    </row>
    <row r="46736" spans="7:10">
      <c r="G46736" s="16"/>
      <c r="H46736" s="16"/>
      <c r="I46736" s="16"/>
      <c r="J46736" s="16"/>
    </row>
    <row r="46737" spans="7:10">
      <c r="G46737" s="16"/>
      <c r="H46737" s="16"/>
      <c r="I46737" s="16"/>
      <c r="J46737" s="16"/>
    </row>
    <row r="46738" spans="7:10">
      <c r="G46738" s="16"/>
      <c r="H46738" s="16"/>
      <c r="I46738" s="16"/>
      <c r="J46738" s="16"/>
    </row>
    <row r="46739" spans="7:10">
      <c r="G46739" s="16"/>
      <c r="H46739" s="16"/>
      <c r="I46739" s="16"/>
      <c r="J46739" s="16"/>
    </row>
    <row r="46740" spans="7:10">
      <c r="G46740" s="16"/>
      <c r="H46740" s="16"/>
      <c r="I46740" s="16"/>
      <c r="J46740" s="16"/>
    </row>
    <row r="46741" spans="7:10">
      <c r="G46741" s="16"/>
      <c r="H46741" s="16"/>
      <c r="I46741" s="16"/>
      <c r="J46741" s="16"/>
    </row>
    <row r="46742" spans="7:10">
      <c r="G46742" s="16"/>
      <c r="H46742" s="16"/>
      <c r="I46742" s="16"/>
      <c r="J46742" s="16"/>
    </row>
    <row r="46743" spans="7:10">
      <c r="G46743" s="16"/>
      <c r="H46743" s="16"/>
      <c r="I46743" s="16"/>
      <c r="J46743" s="16"/>
    </row>
    <row r="46744" spans="7:10">
      <c r="G46744" s="16"/>
      <c r="H46744" s="16"/>
      <c r="I46744" s="16"/>
      <c r="J46744" s="16"/>
    </row>
    <row r="46745" spans="7:10">
      <c r="G46745" s="16"/>
      <c r="H46745" s="16"/>
      <c r="I46745" s="16"/>
      <c r="J46745" s="16"/>
    </row>
    <row r="46746" spans="7:10">
      <c r="G46746" s="16"/>
      <c r="H46746" s="16"/>
      <c r="I46746" s="16"/>
      <c r="J46746" s="16"/>
    </row>
    <row r="46747" spans="7:10">
      <c r="G46747" s="16"/>
      <c r="H46747" s="16"/>
      <c r="I46747" s="16"/>
      <c r="J46747" s="16"/>
    </row>
    <row r="46748" spans="7:10">
      <c r="G46748" s="16"/>
      <c r="H46748" s="16"/>
      <c r="I46748" s="16"/>
      <c r="J46748" s="16"/>
    </row>
    <row r="46749" spans="7:10">
      <c r="G46749" s="16"/>
      <c r="H46749" s="16"/>
      <c r="I46749" s="16"/>
      <c r="J46749" s="16"/>
    </row>
    <row r="46750" spans="7:10">
      <c r="G46750" s="16"/>
      <c r="H46750" s="16"/>
      <c r="I46750" s="16"/>
      <c r="J46750" s="16"/>
    </row>
    <row r="46751" spans="7:10">
      <c r="G46751" s="16"/>
      <c r="H46751" s="16"/>
      <c r="I46751" s="16"/>
      <c r="J46751" s="16"/>
    </row>
    <row r="46752" spans="7:10">
      <c r="G46752" s="16"/>
      <c r="H46752" s="16"/>
      <c r="I46752" s="16"/>
      <c r="J46752" s="16"/>
    </row>
    <row r="46753" spans="7:10">
      <c r="G46753" s="16"/>
      <c r="H46753" s="16"/>
      <c r="I46753" s="16"/>
      <c r="J46753" s="16"/>
    </row>
    <row r="46754" spans="7:10">
      <c r="G46754" s="16"/>
      <c r="H46754" s="16"/>
      <c r="I46754" s="16"/>
      <c r="J46754" s="16"/>
    </row>
    <row r="46755" spans="7:10">
      <c r="G46755" s="16"/>
      <c r="H46755" s="16"/>
      <c r="I46755" s="16"/>
      <c r="J46755" s="16"/>
    </row>
    <row r="46756" spans="7:10">
      <c r="G46756" s="16"/>
      <c r="H46756" s="16"/>
      <c r="I46756" s="16"/>
      <c r="J46756" s="16"/>
    </row>
    <row r="46757" spans="7:10">
      <c r="G46757" s="16"/>
      <c r="H46757" s="16"/>
      <c r="I46757" s="16"/>
      <c r="J46757" s="16"/>
    </row>
    <row r="46758" spans="7:10">
      <c r="G46758" s="16"/>
      <c r="H46758" s="16"/>
      <c r="I46758" s="16"/>
      <c r="J46758" s="16"/>
    </row>
    <row r="46759" spans="7:10">
      <c r="G46759" s="16"/>
      <c r="H46759" s="16"/>
      <c r="I46759" s="16"/>
      <c r="J46759" s="16"/>
    </row>
    <row r="46760" spans="7:10">
      <c r="G46760" s="16"/>
      <c r="H46760" s="16"/>
      <c r="I46760" s="16"/>
      <c r="J46760" s="16"/>
    </row>
    <row r="46761" spans="7:10">
      <c r="G46761" s="16"/>
      <c r="H46761" s="16"/>
      <c r="I46761" s="16"/>
      <c r="J46761" s="16"/>
    </row>
    <row r="46762" spans="7:10">
      <c r="G46762" s="16"/>
      <c r="H46762" s="16"/>
      <c r="I46762" s="16"/>
      <c r="J46762" s="16"/>
    </row>
    <row r="46763" spans="7:10">
      <c r="G46763" s="16"/>
      <c r="H46763" s="16"/>
      <c r="I46763" s="16"/>
      <c r="J46763" s="16"/>
    </row>
    <row r="46764" spans="7:10">
      <c r="G46764" s="16"/>
      <c r="H46764" s="16"/>
      <c r="I46764" s="16"/>
      <c r="J46764" s="16"/>
    </row>
    <row r="46765" spans="7:10">
      <c r="G46765" s="16"/>
      <c r="H46765" s="16"/>
      <c r="I46765" s="16"/>
      <c r="J46765" s="16"/>
    </row>
    <row r="46766" spans="7:10">
      <c r="G46766" s="16"/>
      <c r="H46766" s="16"/>
      <c r="I46766" s="16"/>
      <c r="J46766" s="16"/>
    </row>
    <row r="46767" spans="7:10">
      <c r="G46767" s="16"/>
      <c r="H46767" s="16"/>
      <c r="I46767" s="16"/>
      <c r="J46767" s="16"/>
    </row>
    <row r="46768" spans="7:10">
      <c r="G46768" s="16"/>
      <c r="H46768" s="16"/>
      <c r="I46768" s="16"/>
      <c r="J46768" s="16"/>
    </row>
    <row r="46769" spans="7:10">
      <c r="G46769" s="16"/>
      <c r="H46769" s="16"/>
      <c r="I46769" s="16"/>
      <c r="J46769" s="16"/>
    </row>
    <row r="46770" spans="7:10">
      <c r="G46770" s="16"/>
      <c r="H46770" s="16"/>
      <c r="I46770" s="16"/>
      <c r="J46770" s="16"/>
    </row>
    <row r="46771" spans="7:10">
      <c r="G46771" s="16"/>
      <c r="H46771" s="16"/>
      <c r="I46771" s="16"/>
      <c r="J46771" s="16"/>
    </row>
    <row r="46772" spans="7:10">
      <c r="G46772" s="16"/>
      <c r="H46772" s="16"/>
      <c r="I46772" s="16"/>
      <c r="J46772" s="16"/>
    </row>
    <row r="46773" spans="7:10">
      <c r="G46773" s="16"/>
      <c r="H46773" s="16"/>
      <c r="I46773" s="16"/>
      <c r="J46773" s="16"/>
    </row>
    <row r="46774" spans="7:10">
      <c r="G46774" s="16"/>
      <c r="H46774" s="16"/>
      <c r="I46774" s="16"/>
      <c r="J46774" s="16"/>
    </row>
    <row r="46775" spans="7:10">
      <c r="G46775" s="16"/>
      <c r="H46775" s="16"/>
      <c r="I46775" s="16"/>
      <c r="J46775" s="16"/>
    </row>
    <row r="46776" spans="7:10">
      <c r="G46776" s="16"/>
      <c r="H46776" s="16"/>
      <c r="I46776" s="16"/>
      <c r="J46776" s="16"/>
    </row>
    <row r="46777" spans="7:10">
      <c r="G46777" s="16"/>
      <c r="H46777" s="16"/>
      <c r="I46777" s="16"/>
      <c r="J46777" s="16"/>
    </row>
    <row r="46778" spans="7:10">
      <c r="G46778" s="16"/>
      <c r="H46778" s="16"/>
      <c r="I46778" s="16"/>
      <c r="J46778" s="16"/>
    </row>
    <row r="46779" spans="7:10">
      <c r="G46779" s="16"/>
      <c r="H46779" s="16"/>
      <c r="I46779" s="16"/>
      <c r="J46779" s="16"/>
    </row>
    <row r="46780" spans="7:10">
      <c r="G46780" s="16"/>
      <c r="H46780" s="16"/>
      <c r="I46780" s="16"/>
      <c r="J46780" s="16"/>
    </row>
    <row r="46781" spans="7:10">
      <c r="G46781" s="16"/>
      <c r="H46781" s="16"/>
      <c r="I46781" s="16"/>
      <c r="J46781" s="16"/>
    </row>
    <row r="46782" spans="7:10">
      <c r="G46782" s="16"/>
      <c r="H46782" s="16"/>
      <c r="I46782" s="16"/>
      <c r="J46782" s="16"/>
    </row>
    <row r="46783" spans="7:10">
      <c r="G46783" s="16"/>
      <c r="H46783" s="16"/>
      <c r="I46783" s="16"/>
      <c r="J46783" s="16"/>
    </row>
    <row r="46784" spans="7:10">
      <c r="G46784" s="16"/>
      <c r="H46784" s="16"/>
      <c r="I46784" s="16"/>
      <c r="J46784" s="16"/>
    </row>
    <row r="46785" spans="7:10">
      <c r="G46785" s="16"/>
      <c r="H46785" s="16"/>
      <c r="I46785" s="16"/>
      <c r="J46785" s="16"/>
    </row>
    <row r="46786" spans="7:10">
      <c r="G46786" s="16"/>
      <c r="H46786" s="16"/>
      <c r="I46786" s="16"/>
      <c r="J46786" s="16"/>
    </row>
    <row r="46787" spans="7:10">
      <c r="G46787" s="16"/>
      <c r="H46787" s="16"/>
      <c r="I46787" s="16"/>
      <c r="J46787" s="16"/>
    </row>
    <row r="46788" spans="7:10">
      <c r="G46788" s="16"/>
      <c r="H46788" s="16"/>
      <c r="I46788" s="16"/>
      <c r="J46788" s="16"/>
    </row>
    <row r="46789" spans="7:10">
      <c r="G46789" s="16"/>
      <c r="H46789" s="16"/>
      <c r="I46789" s="16"/>
      <c r="J46789" s="16"/>
    </row>
    <row r="46790" spans="7:10">
      <c r="G46790" s="16"/>
      <c r="H46790" s="16"/>
      <c r="I46790" s="16"/>
      <c r="J46790" s="16"/>
    </row>
    <row r="46791" spans="7:10">
      <c r="G46791" s="16"/>
      <c r="H46791" s="16"/>
      <c r="I46791" s="16"/>
      <c r="J46791" s="16"/>
    </row>
    <row r="46792" spans="7:10">
      <c r="G46792" s="16"/>
      <c r="H46792" s="16"/>
      <c r="I46792" s="16"/>
      <c r="J46792" s="16"/>
    </row>
    <row r="46793" spans="7:10">
      <c r="G46793" s="16"/>
      <c r="H46793" s="16"/>
      <c r="I46793" s="16"/>
      <c r="J46793" s="16"/>
    </row>
    <row r="46794" spans="7:10">
      <c r="G46794" s="16"/>
      <c r="H46794" s="16"/>
      <c r="I46794" s="16"/>
      <c r="J46794" s="16"/>
    </row>
    <row r="46795" spans="7:10">
      <c r="G46795" s="16"/>
      <c r="H46795" s="16"/>
      <c r="I46795" s="16"/>
      <c r="J46795" s="16"/>
    </row>
    <row r="46796" spans="7:10">
      <c r="G46796" s="16"/>
      <c r="H46796" s="16"/>
      <c r="I46796" s="16"/>
      <c r="J46796" s="16"/>
    </row>
    <row r="46797" spans="7:10">
      <c r="G46797" s="16"/>
      <c r="H46797" s="16"/>
      <c r="I46797" s="16"/>
      <c r="J46797" s="16"/>
    </row>
    <row r="46798" spans="7:10">
      <c r="G46798" s="16"/>
      <c r="H46798" s="16"/>
      <c r="I46798" s="16"/>
      <c r="J46798" s="16"/>
    </row>
    <row r="46799" spans="7:10">
      <c r="G46799" s="16"/>
      <c r="H46799" s="16"/>
      <c r="I46799" s="16"/>
      <c r="J46799" s="16"/>
    </row>
    <row r="46800" spans="7:10">
      <c r="G46800" s="16"/>
      <c r="H46800" s="16"/>
      <c r="I46800" s="16"/>
      <c r="J46800" s="16"/>
    </row>
    <row r="46801" spans="7:10">
      <c r="G46801" s="16"/>
      <c r="H46801" s="16"/>
      <c r="I46801" s="16"/>
      <c r="J46801" s="16"/>
    </row>
    <row r="46802" spans="7:10">
      <c r="G46802" s="16"/>
      <c r="H46802" s="16"/>
      <c r="I46802" s="16"/>
      <c r="J46802" s="16"/>
    </row>
    <row r="46803" spans="7:10">
      <c r="G46803" s="16"/>
      <c r="H46803" s="16"/>
      <c r="I46803" s="16"/>
      <c r="J46803" s="16"/>
    </row>
    <row r="46804" spans="7:10">
      <c r="G46804" s="16"/>
      <c r="H46804" s="16"/>
      <c r="I46804" s="16"/>
      <c r="J46804" s="16"/>
    </row>
    <row r="46805" spans="7:10">
      <c r="G46805" s="16"/>
      <c r="H46805" s="16"/>
      <c r="I46805" s="16"/>
      <c r="J46805" s="16"/>
    </row>
    <row r="46806" spans="7:10">
      <c r="G46806" s="16"/>
      <c r="H46806" s="16"/>
      <c r="I46806" s="16"/>
      <c r="J46806" s="16"/>
    </row>
    <row r="46807" spans="7:10">
      <c r="G46807" s="16"/>
      <c r="H46807" s="16"/>
      <c r="I46807" s="16"/>
      <c r="J46807" s="16"/>
    </row>
    <row r="46808" spans="7:10">
      <c r="G46808" s="16"/>
      <c r="H46808" s="16"/>
      <c r="I46808" s="16"/>
      <c r="J46808" s="16"/>
    </row>
    <row r="46809" spans="7:10">
      <c r="G46809" s="16"/>
      <c r="H46809" s="16"/>
      <c r="I46809" s="16"/>
      <c r="J46809" s="16"/>
    </row>
    <row r="46810" spans="7:10">
      <c r="G46810" s="16"/>
      <c r="H46810" s="16"/>
      <c r="I46810" s="16"/>
      <c r="J46810" s="16"/>
    </row>
    <row r="46811" spans="7:10">
      <c r="G46811" s="16"/>
      <c r="H46811" s="16"/>
      <c r="I46811" s="16"/>
      <c r="J46811" s="16"/>
    </row>
    <row r="46812" spans="7:10">
      <c r="G46812" s="16"/>
      <c r="H46812" s="16"/>
      <c r="I46812" s="16"/>
      <c r="J46812" s="16"/>
    </row>
    <row r="46813" spans="7:10">
      <c r="G46813" s="16"/>
      <c r="H46813" s="16"/>
      <c r="I46813" s="16"/>
      <c r="J46813" s="16"/>
    </row>
    <row r="46814" spans="7:10">
      <c r="G46814" s="16"/>
      <c r="H46814" s="16"/>
      <c r="I46814" s="16"/>
      <c r="J46814" s="16"/>
    </row>
    <row r="46815" spans="7:10">
      <c r="G46815" s="16"/>
      <c r="H46815" s="16"/>
      <c r="I46815" s="16"/>
      <c r="J46815" s="16"/>
    </row>
    <row r="46816" spans="7:10">
      <c r="G46816" s="16"/>
      <c r="H46816" s="16"/>
      <c r="I46816" s="16"/>
      <c r="J46816" s="16"/>
    </row>
    <row r="46817" spans="7:10">
      <c r="G46817" s="16"/>
      <c r="H46817" s="16"/>
      <c r="I46817" s="16"/>
      <c r="J46817" s="16"/>
    </row>
    <row r="46818" spans="7:10">
      <c r="G46818" s="16"/>
      <c r="H46818" s="16"/>
      <c r="I46818" s="16"/>
      <c r="J46818" s="16"/>
    </row>
    <row r="46819" spans="7:10">
      <c r="G46819" s="16"/>
      <c r="H46819" s="16"/>
      <c r="I46819" s="16"/>
      <c r="J46819" s="16"/>
    </row>
    <row r="46820" spans="7:10">
      <c r="G46820" s="16"/>
      <c r="H46820" s="16"/>
      <c r="I46820" s="16"/>
      <c r="J46820" s="16"/>
    </row>
    <row r="46821" spans="7:10">
      <c r="G46821" s="16"/>
      <c r="H46821" s="16"/>
      <c r="I46821" s="16"/>
      <c r="J46821" s="16"/>
    </row>
    <row r="46822" spans="7:10">
      <c r="G46822" s="16"/>
      <c r="H46822" s="16"/>
      <c r="I46822" s="16"/>
      <c r="J46822" s="16"/>
    </row>
    <row r="46823" spans="7:10">
      <c r="G46823" s="16"/>
      <c r="H46823" s="16"/>
      <c r="I46823" s="16"/>
      <c r="J46823" s="16"/>
    </row>
    <row r="46824" spans="7:10">
      <c r="G46824" s="16"/>
      <c r="H46824" s="16"/>
      <c r="I46824" s="16"/>
      <c r="J46824" s="16"/>
    </row>
    <row r="46825" spans="7:10">
      <c r="G46825" s="16"/>
      <c r="H46825" s="16"/>
      <c r="I46825" s="16"/>
      <c r="J46825" s="16"/>
    </row>
    <row r="46826" spans="7:10">
      <c r="G46826" s="16"/>
      <c r="H46826" s="16"/>
      <c r="I46826" s="16"/>
      <c r="J46826" s="16"/>
    </row>
    <row r="46827" spans="7:10">
      <c r="G46827" s="16"/>
      <c r="H46827" s="16"/>
      <c r="I46827" s="16"/>
      <c r="J46827" s="16"/>
    </row>
    <row r="46828" spans="7:10">
      <c r="G46828" s="16"/>
      <c r="H46828" s="16"/>
      <c r="I46828" s="16"/>
      <c r="J46828" s="16"/>
    </row>
    <row r="46829" spans="7:10">
      <c r="G46829" s="16"/>
      <c r="H46829" s="16"/>
      <c r="I46829" s="16"/>
      <c r="J46829" s="16"/>
    </row>
    <row r="46830" spans="7:10">
      <c r="G46830" s="16"/>
      <c r="H46830" s="16"/>
      <c r="I46830" s="16"/>
      <c r="J46830" s="16"/>
    </row>
    <row r="46831" spans="7:10">
      <c r="G46831" s="16"/>
      <c r="H46831" s="16"/>
      <c r="I46831" s="16"/>
      <c r="J46831" s="16"/>
    </row>
    <row r="46832" spans="7:10">
      <c r="G46832" s="16"/>
      <c r="H46832" s="16"/>
      <c r="I46832" s="16"/>
      <c r="J46832" s="16"/>
    </row>
    <row r="46833" spans="7:10">
      <c r="G46833" s="16"/>
      <c r="H46833" s="16"/>
      <c r="I46833" s="16"/>
      <c r="J46833" s="16"/>
    </row>
    <row r="46834" spans="7:10">
      <c r="G46834" s="16"/>
      <c r="H46834" s="16"/>
      <c r="I46834" s="16"/>
      <c r="J46834" s="16"/>
    </row>
    <row r="46835" spans="7:10">
      <c r="G46835" s="16"/>
      <c r="H46835" s="16"/>
      <c r="I46835" s="16"/>
      <c r="J46835" s="16"/>
    </row>
    <row r="46836" spans="7:10">
      <c r="G46836" s="16"/>
      <c r="H46836" s="16"/>
      <c r="I46836" s="16"/>
      <c r="J46836" s="16"/>
    </row>
    <row r="46837" spans="7:10">
      <c r="G46837" s="16"/>
      <c r="H46837" s="16"/>
      <c r="I46837" s="16"/>
      <c r="J46837" s="16"/>
    </row>
    <row r="46838" spans="7:10">
      <c r="G46838" s="16"/>
      <c r="H46838" s="16"/>
      <c r="I46838" s="16"/>
      <c r="J46838" s="16"/>
    </row>
    <row r="46839" spans="7:10">
      <c r="G46839" s="16"/>
      <c r="H46839" s="16"/>
      <c r="I46839" s="16"/>
      <c r="J46839" s="16"/>
    </row>
    <row r="46840" spans="7:10">
      <c r="G46840" s="16"/>
      <c r="H46840" s="16"/>
      <c r="I46840" s="16"/>
      <c r="J46840" s="16"/>
    </row>
    <row r="46841" spans="7:10">
      <c r="G46841" s="16"/>
      <c r="H46841" s="16"/>
      <c r="I46841" s="16"/>
      <c r="J46841" s="16"/>
    </row>
    <row r="46842" spans="7:10">
      <c r="G46842" s="16"/>
      <c r="H46842" s="16"/>
      <c r="I46842" s="16"/>
      <c r="J46842" s="16"/>
    </row>
    <row r="46843" spans="7:10">
      <c r="G46843" s="16"/>
      <c r="H46843" s="16"/>
      <c r="I46843" s="16"/>
      <c r="J46843" s="16"/>
    </row>
    <row r="46844" spans="7:10">
      <c r="G46844" s="16"/>
      <c r="H46844" s="16"/>
      <c r="I46844" s="16"/>
      <c r="J46844" s="16"/>
    </row>
    <row r="46845" spans="7:10">
      <c r="G46845" s="16"/>
      <c r="H46845" s="16"/>
      <c r="I46845" s="16"/>
      <c r="J46845" s="16"/>
    </row>
    <row r="46846" spans="7:10">
      <c r="G46846" s="16"/>
      <c r="H46846" s="16"/>
      <c r="I46846" s="16"/>
      <c r="J46846" s="16"/>
    </row>
    <row r="46847" spans="7:10">
      <c r="G46847" s="16"/>
      <c r="H46847" s="16"/>
      <c r="I46847" s="16"/>
      <c r="J46847" s="16"/>
    </row>
    <row r="46848" spans="7:10">
      <c r="G46848" s="16"/>
      <c r="H46848" s="16"/>
      <c r="I46848" s="16"/>
      <c r="J46848" s="16"/>
    </row>
    <row r="46849" spans="7:10">
      <c r="G46849" s="16"/>
      <c r="H46849" s="16"/>
      <c r="I46849" s="16"/>
      <c r="J46849" s="16"/>
    </row>
    <row r="46850" spans="7:10">
      <c r="G46850" s="16"/>
      <c r="H46850" s="16"/>
      <c r="I46850" s="16"/>
      <c r="J46850" s="16"/>
    </row>
    <row r="46851" spans="7:10">
      <c r="G46851" s="16"/>
      <c r="H46851" s="16"/>
      <c r="I46851" s="16"/>
      <c r="J46851" s="16"/>
    </row>
    <row r="46852" spans="7:10">
      <c r="G46852" s="16"/>
      <c r="H46852" s="16"/>
      <c r="I46852" s="16"/>
      <c r="J46852" s="16"/>
    </row>
    <row r="46853" spans="7:10">
      <c r="G46853" s="16"/>
      <c r="H46853" s="16"/>
      <c r="I46853" s="16"/>
      <c r="J46853" s="16"/>
    </row>
    <row r="46854" spans="7:10">
      <c r="G46854" s="16"/>
      <c r="H46854" s="16"/>
      <c r="I46854" s="16"/>
      <c r="J46854" s="16"/>
    </row>
    <row r="46855" spans="7:10">
      <c r="G46855" s="16"/>
      <c r="H46855" s="16"/>
      <c r="I46855" s="16"/>
      <c r="J46855" s="16"/>
    </row>
    <row r="46856" spans="7:10">
      <c r="G46856" s="16"/>
      <c r="H46856" s="16"/>
      <c r="I46856" s="16"/>
      <c r="J46856" s="16"/>
    </row>
    <row r="46857" spans="7:10">
      <c r="G46857" s="16"/>
      <c r="H46857" s="16"/>
      <c r="I46857" s="16"/>
      <c r="J46857" s="16"/>
    </row>
    <row r="46858" spans="7:10">
      <c r="G46858" s="16"/>
      <c r="H46858" s="16"/>
      <c r="I46858" s="16"/>
      <c r="J46858" s="16"/>
    </row>
    <row r="46859" spans="7:10">
      <c r="G46859" s="16"/>
      <c r="H46859" s="16"/>
      <c r="I46859" s="16"/>
      <c r="J46859" s="16"/>
    </row>
    <row r="46860" spans="7:10">
      <c r="G46860" s="16"/>
      <c r="H46860" s="16"/>
      <c r="I46860" s="16"/>
      <c r="J46860" s="16"/>
    </row>
    <row r="46861" spans="7:10">
      <c r="G46861" s="16"/>
      <c r="H46861" s="16"/>
      <c r="I46861" s="16"/>
      <c r="J46861" s="16"/>
    </row>
    <row r="46862" spans="7:10">
      <c r="G46862" s="16"/>
      <c r="H46862" s="16"/>
      <c r="I46862" s="16"/>
      <c r="J46862" s="16"/>
    </row>
    <row r="46863" spans="7:10">
      <c r="G46863" s="16"/>
      <c r="H46863" s="16"/>
      <c r="I46863" s="16"/>
      <c r="J46863" s="16"/>
    </row>
    <row r="46864" spans="7:10">
      <c r="G46864" s="16"/>
      <c r="H46864" s="16"/>
      <c r="I46864" s="16"/>
      <c r="J46864" s="16"/>
    </row>
    <row r="46865" spans="7:10">
      <c r="G46865" s="16"/>
      <c r="H46865" s="16"/>
      <c r="I46865" s="16"/>
      <c r="J46865" s="16"/>
    </row>
    <row r="46866" spans="7:10">
      <c r="G46866" s="16"/>
      <c r="H46866" s="16"/>
      <c r="I46866" s="16"/>
      <c r="J46866" s="16"/>
    </row>
    <row r="46867" spans="7:10">
      <c r="G46867" s="16"/>
      <c r="H46867" s="16"/>
      <c r="I46867" s="16"/>
      <c r="J46867" s="16"/>
    </row>
    <row r="46868" spans="7:10">
      <c r="G46868" s="16"/>
      <c r="H46868" s="16"/>
      <c r="I46868" s="16"/>
      <c r="J46868" s="16"/>
    </row>
    <row r="46869" spans="7:10">
      <c r="G46869" s="16"/>
      <c r="H46869" s="16"/>
      <c r="I46869" s="16"/>
      <c r="J46869" s="16"/>
    </row>
    <row r="46870" spans="7:10">
      <c r="G46870" s="16"/>
      <c r="H46870" s="16"/>
      <c r="I46870" s="16"/>
      <c r="J46870" s="16"/>
    </row>
    <row r="46871" spans="7:10">
      <c r="G46871" s="16"/>
      <c r="H46871" s="16"/>
      <c r="I46871" s="16"/>
      <c r="J46871" s="16"/>
    </row>
    <row r="46872" spans="7:10">
      <c r="G46872" s="16"/>
      <c r="H46872" s="16"/>
      <c r="I46872" s="16"/>
      <c r="J46872" s="16"/>
    </row>
    <row r="46873" spans="7:10">
      <c r="G46873" s="16"/>
      <c r="H46873" s="16"/>
      <c r="I46873" s="16"/>
      <c r="J46873" s="16"/>
    </row>
    <row r="46874" spans="7:10">
      <c r="G46874" s="16"/>
      <c r="H46874" s="16"/>
      <c r="I46874" s="16"/>
      <c r="J46874" s="16"/>
    </row>
    <row r="46875" spans="7:10">
      <c r="G46875" s="16"/>
      <c r="H46875" s="16"/>
      <c r="I46875" s="16"/>
      <c r="J46875" s="16"/>
    </row>
    <row r="46876" spans="7:10">
      <c r="G46876" s="16"/>
      <c r="H46876" s="16"/>
      <c r="I46876" s="16"/>
      <c r="J46876" s="16"/>
    </row>
    <row r="46877" spans="7:10">
      <c r="G46877" s="16"/>
      <c r="H46877" s="16"/>
      <c r="I46877" s="16"/>
      <c r="J46877" s="16"/>
    </row>
    <row r="46878" spans="7:10">
      <c r="G46878" s="16"/>
      <c r="H46878" s="16"/>
      <c r="I46878" s="16"/>
      <c r="J46878" s="16"/>
    </row>
    <row r="46879" spans="7:10">
      <c r="G46879" s="16"/>
      <c r="H46879" s="16"/>
      <c r="I46879" s="16"/>
      <c r="J46879" s="16"/>
    </row>
    <row r="46880" spans="7:10">
      <c r="G46880" s="16"/>
      <c r="H46880" s="16"/>
      <c r="I46880" s="16"/>
      <c r="J46880" s="16"/>
    </row>
    <row r="46881" spans="7:10">
      <c r="G46881" s="16"/>
      <c r="H46881" s="16"/>
      <c r="I46881" s="16"/>
      <c r="J46881" s="16"/>
    </row>
    <row r="46882" spans="7:10">
      <c r="G46882" s="16"/>
      <c r="H46882" s="16"/>
      <c r="I46882" s="16"/>
      <c r="J46882" s="16"/>
    </row>
    <row r="46883" spans="7:10">
      <c r="G46883" s="16"/>
      <c r="H46883" s="16"/>
      <c r="I46883" s="16"/>
      <c r="J46883" s="16"/>
    </row>
    <row r="46884" spans="7:10">
      <c r="G46884" s="16"/>
      <c r="H46884" s="16"/>
      <c r="I46884" s="16"/>
      <c r="J46884" s="16"/>
    </row>
    <row r="46885" spans="7:10">
      <c r="G46885" s="16"/>
      <c r="H46885" s="16"/>
      <c r="I46885" s="16"/>
      <c r="J46885" s="16"/>
    </row>
    <row r="46886" spans="7:10">
      <c r="G46886" s="16"/>
      <c r="H46886" s="16"/>
      <c r="I46886" s="16"/>
      <c r="J46886" s="16"/>
    </row>
    <row r="46887" spans="7:10">
      <c r="G46887" s="16"/>
      <c r="H46887" s="16"/>
      <c r="I46887" s="16"/>
      <c r="J46887" s="16"/>
    </row>
    <row r="46888" spans="7:10">
      <c r="G46888" s="16"/>
      <c r="H46888" s="16"/>
      <c r="I46888" s="16"/>
      <c r="J46888" s="16"/>
    </row>
    <row r="46889" spans="7:10">
      <c r="G46889" s="16"/>
      <c r="H46889" s="16"/>
      <c r="I46889" s="16"/>
      <c r="J46889" s="16"/>
    </row>
    <row r="46890" spans="7:10">
      <c r="G46890" s="16"/>
      <c r="H46890" s="16"/>
      <c r="I46890" s="16"/>
      <c r="J46890" s="16"/>
    </row>
    <row r="46891" spans="7:10">
      <c r="G46891" s="16"/>
      <c r="H46891" s="16"/>
      <c r="I46891" s="16"/>
      <c r="J46891" s="16"/>
    </row>
    <row r="46892" spans="7:10">
      <c r="G46892" s="16"/>
      <c r="H46892" s="16"/>
      <c r="I46892" s="16"/>
      <c r="J46892" s="16"/>
    </row>
    <row r="46893" spans="7:10">
      <c r="G46893" s="16"/>
      <c r="H46893" s="16"/>
      <c r="I46893" s="16"/>
      <c r="J46893" s="16"/>
    </row>
    <row r="46894" spans="7:10">
      <c r="G46894" s="16"/>
      <c r="H46894" s="16"/>
      <c r="I46894" s="16"/>
      <c r="J46894" s="16"/>
    </row>
    <row r="46895" spans="7:10">
      <c r="G46895" s="16"/>
      <c r="H46895" s="16"/>
      <c r="I46895" s="16"/>
      <c r="J46895" s="16"/>
    </row>
    <row r="46896" spans="7:10">
      <c r="G46896" s="16"/>
      <c r="H46896" s="16"/>
      <c r="I46896" s="16"/>
      <c r="J46896" s="16"/>
    </row>
    <row r="46897" spans="7:10">
      <c r="G46897" s="16"/>
      <c r="H46897" s="16"/>
      <c r="I46897" s="16"/>
      <c r="J46897" s="16"/>
    </row>
    <row r="46898" spans="7:10">
      <c r="G46898" s="16"/>
      <c r="H46898" s="16"/>
      <c r="I46898" s="16"/>
      <c r="J46898" s="16"/>
    </row>
    <row r="46899" spans="7:10">
      <c r="G46899" s="16"/>
      <c r="H46899" s="16"/>
      <c r="I46899" s="16"/>
      <c r="J46899" s="16"/>
    </row>
    <row r="46900" spans="7:10">
      <c r="G46900" s="16"/>
      <c r="H46900" s="16"/>
      <c r="I46900" s="16"/>
      <c r="J46900" s="16"/>
    </row>
    <row r="46901" spans="7:10">
      <c r="G46901" s="16"/>
      <c r="H46901" s="16"/>
      <c r="I46901" s="16"/>
      <c r="J46901" s="16"/>
    </row>
    <row r="46902" spans="7:10">
      <c r="G46902" s="16"/>
      <c r="H46902" s="16"/>
      <c r="I46902" s="16"/>
      <c r="J46902" s="16"/>
    </row>
    <row r="46903" spans="7:10">
      <c r="G46903" s="16"/>
      <c r="H46903" s="16"/>
      <c r="I46903" s="16"/>
      <c r="J46903" s="16"/>
    </row>
    <row r="46904" spans="7:10">
      <c r="G46904" s="16"/>
      <c r="H46904" s="16"/>
      <c r="I46904" s="16"/>
      <c r="J46904" s="16"/>
    </row>
    <row r="46905" spans="7:10">
      <c r="G46905" s="16"/>
      <c r="H46905" s="16"/>
      <c r="I46905" s="16"/>
      <c r="J46905" s="16"/>
    </row>
    <row r="46906" spans="7:10">
      <c r="G46906" s="16"/>
      <c r="H46906" s="16"/>
      <c r="I46906" s="16"/>
      <c r="J46906" s="16"/>
    </row>
    <row r="46907" spans="7:10">
      <c r="G46907" s="16"/>
      <c r="H46907" s="16"/>
      <c r="I46907" s="16"/>
      <c r="J46907" s="16"/>
    </row>
    <row r="46908" spans="7:10">
      <c r="G46908" s="16"/>
      <c r="H46908" s="16"/>
      <c r="I46908" s="16"/>
      <c r="J46908" s="16"/>
    </row>
    <row r="46909" spans="7:10">
      <c r="G46909" s="16"/>
      <c r="H46909" s="16"/>
      <c r="I46909" s="16"/>
      <c r="J46909" s="16"/>
    </row>
    <row r="46910" spans="7:10">
      <c r="G46910" s="16"/>
      <c r="H46910" s="16"/>
      <c r="I46910" s="16"/>
      <c r="J46910" s="16"/>
    </row>
    <row r="46911" spans="7:10">
      <c r="G46911" s="16"/>
      <c r="H46911" s="16"/>
      <c r="I46911" s="16"/>
      <c r="J46911" s="16"/>
    </row>
    <row r="46912" spans="7:10">
      <c r="G46912" s="16"/>
      <c r="H46912" s="16"/>
      <c r="I46912" s="16"/>
      <c r="J46912" s="16"/>
    </row>
    <row r="46913" spans="7:10">
      <c r="G46913" s="16"/>
      <c r="H46913" s="16"/>
      <c r="I46913" s="16"/>
      <c r="J46913" s="16"/>
    </row>
    <row r="46914" spans="7:10">
      <c r="G46914" s="16"/>
      <c r="H46914" s="16"/>
      <c r="I46914" s="16"/>
      <c r="J46914" s="16"/>
    </row>
    <row r="46915" spans="7:10">
      <c r="G46915" s="16"/>
      <c r="H46915" s="16"/>
      <c r="I46915" s="16"/>
      <c r="J46915" s="16"/>
    </row>
    <row r="46916" spans="7:10">
      <c r="G46916" s="16"/>
      <c r="H46916" s="16"/>
      <c r="I46916" s="16"/>
      <c r="J46916" s="16"/>
    </row>
    <row r="46917" spans="7:10">
      <c r="G46917" s="16"/>
      <c r="H46917" s="16"/>
      <c r="I46917" s="16"/>
      <c r="J46917" s="16"/>
    </row>
    <row r="46918" spans="7:10">
      <c r="G46918" s="16"/>
      <c r="H46918" s="16"/>
      <c r="I46918" s="16"/>
      <c r="J46918" s="16"/>
    </row>
    <row r="46919" spans="7:10">
      <c r="G46919" s="16"/>
      <c r="H46919" s="16"/>
      <c r="I46919" s="16"/>
      <c r="J46919" s="16"/>
    </row>
    <row r="46920" spans="7:10">
      <c r="G46920" s="16"/>
      <c r="H46920" s="16"/>
      <c r="I46920" s="16"/>
      <c r="J46920" s="16"/>
    </row>
    <row r="46921" spans="7:10">
      <c r="G46921" s="16"/>
      <c r="H46921" s="16"/>
      <c r="I46921" s="16"/>
      <c r="J46921" s="16"/>
    </row>
    <row r="46922" spans="7:10">
      <c r="G46922" s="16"/>
      <c r="H46922" s="16"/>
      <c r="I46922" s="16"/>
      <c r="J46922" s="16"/>
    </row>
    <row r="46923" spans="7:10">
      <c r="G46923" s="16"/>
      <c r="H46923" s="16"/>
      <c r="I46923" s="16"/>
      <c r="J46923" s="16"/>
    </row>
    <row r="46924" spans="7:10">
      <c r="G46924" s="16"/>
      <c r="H46924" s="16"/>
      <c r="I46924" s="16"/>
      <c r="J46924" s="16"/>
    </row>
    <row r="46925" spans="7:10">
      <c r="G46925" s="16"/>
      <c r="H46925" s="16"/>
      <c r="I46925" s="16"/>
      <c r="J46925" s="16"/>
    </row>
    <row r="46926" spans="7:10">
      <c r="G46926" s="16"/>
      <c r="H46926" s="16"/>
      <c r="I46926" s="16"/>
      <c r="J46926" s="16"/>
    </row>
    <row r="46927" spans="7:10">
      <c r="G46927" s="16"/>
      <c r="H46927" s="16"/>
      <c r="I46927" s="16"/>
      <c r="J46927" s="16"/>
    </row>
    <row r="46928" spans="7:10">
      <c r="G46928" s="16"/>
      <c r="H46928" s="16"/>
      <c r="I46928" s="16"/>
      <c r="J46928" s="16"/>
    </row>
    <row r="46929" spans="7:10">
      <c r="G46929" s="16"/>
      <c r="H46929" s="16"/>
      <c r="I46929" s="16"/>
      <c r="J46929" s="16"/>
    </row>
    <row r="46930" spans="7:10">
      <c r="G46930" s="16"/>
      <c r="H46930" s="16"/>
      <c r="I46930" s="16"/>
      <c r="J46930" s="16"/>
    </row>
    <row r="46931" spans="7:10">
      <c r="G46931" s="16"/>
      <c r="H46931" s="16"/>
      <c r="I46931" s="16"/>
      <c r="J46931" s="16"/>
    </row>
    <row r="46932" spans="7:10">
      <c r="G46932" s="16"/>
      <c r="H46932" s="16"/>
      <c r="I46932" s="16"/>
      <c r="J46932" s="16"/>
    </row>
    <row r="46933" spans="7:10">
      <c r="G46933" s="16"/>
      <c r="H46933" s="16"/>
      <c r="I46933" s="16"/>
      <c r="J46933" s="16"/>
    </row>
    <row r="46934" spans="7:10">
      <c r="G46934" s="16"/>
      <c r="H46934" s="16"/>
      <c r="I46934" s="16"/>
      <c r="J46934" s="16"/>
    </row>
    <row r="46935" spans="7:10">
      <c r="G46935" s="16"/>
      <c r="H46935" s="16"/>
      <c r="I46935" s="16"/>
      <c r="J46935" s="16"/>
    </row>
    <row r="46936" spans="7:10">
      <c r="G46936" s="16"/>
      <c r="H46936" s="16"/>
      <c r="I46936" s="16"/>
      <c r="J46936" s="16"/>
    </row>
    <row r="46937" spans="7:10">
      <c r="G46937" s="16"/>
      <c r="H46937" s="16"/>
      <c r="I46937" s="16"/>
      <c r="J46937" s="16"/>
    </row>
    <row r="46938" spans="7:10">
      <c r="G46938" s="16"/>
      <c r="H46938" s="16"/>
      <c r="I46938" s="16"/>
      <c r="J46938" s="16"/>
    </row>
    <row r="46939" spans="7:10">
      <c r="G46939" s="16"/>
      <c r="H46939" s="16"/>
      <c r="I46939" s="16"/>
      <c r="J46939" s="16"/>
    </row>
    <row r="46940" spans="7:10">
      <c r="G46940" s="16"/>
      <c r="H46940" s="16"/>
      <c r="I46940" s="16"/>
      <c r="J46940" s="16"/>
    </row>
    <row r="46941" spans="7:10">
      <c r="G46941" s="16"/>
      <c r="H46941" s="16"/>
      <c r="I46941" s="16"/>
      <c r="J46941" s="16"/>
    </row>
    <row r="46942" spans="7:10">
      <c r="G46942" s="16"/>
      <c r="H46942" s="16"/>
      <c r="I46942" s="16"/>
      <c r="J46942" s="16"/>
    </row>
    <row r="46943" spans="7:10">
      <c r="G46943" s="16"/>
      <c r="H46943" s="16"/>
      <c r="I46943" s="16"/>
      <c r="J46943" s="16"/>
    </row>
    <row r="46944" spans="7:10">
      <c r="G46944" s="16"/>
      <c r="H46944" s="16"/>
      <c r="I46944" s="16"/>
      <c r="J46944" s="16"/>
    </row>
    <row r="46945" spans="7:10">
      <c r="G46945" s="16"/>
      <c r="H46945" s="16"/>
      <c r="I46945" s="16"/>
      <c r="J46945" s="16"/>
    </row>
    <row r="46946" spans="7:10">
      <c r="G46946" s="16"/>
      <c r="H46946" s="16"/>
      <c r="I46946" s="16"/>
      <c r="J46946" s="16"/>
    </row>
    <row r="46947" spans="7:10">
      <c r="G46947" s="16"/>
      <c r="H46947" s="16"/>
      <c r="I46947" s="16"/>
      <c r="J46947" s="16"/>
    </row>
    <row r="46948" spans="7:10">
      <c r="G46948" s="16"/>
      <c r="H46948" s="16"/>
      <c r="I46948" s="16"/>
      <c r="J46948" s="16"/>
    </row>
    <row r="46949" spans="7:10">
      <c r="G46949" s="16"/>
      <c r="H46949" s="16"/>
      <c r="I46949" s="16"/>
      <c r="J46949" s="16"/>
    </row>
    <row r="46950" spans="7:10">
      <c r="G46950" s="16"/>
      <c r="H46950" s="16"/>
      <c r="I46950" s="16"/>
      <c r="J46950" s="16"/>
    </row>
    <row r="46951" spans="7:10">
      <c r="G46951" s="16"/>
      <c r="H46951" s="16"/>
      <c r="I46951" s="16"/>
      <c r="J46951" s="16"/>
    </row>
    <row r="46952" spans="7:10">
      <c r="G46952" s="16"/>
      <c r="H46952" s="16"/>
      <c r="I46952" s="16"/>
      <c r="J46952" s="16"/>
    </row>
    <row r="46953" spans="7:10">
      <c r="G46953" s="16"/>
      <c r="H46953" s="16"/>
      <c r="I46953" s="16"/>
      <c r="J46953" s="16"/>
    </row>
    <row r="46954" spans="7:10">
      <c r="G46954" s="16"/>
      <c r="H46954" s="16"/>
      <c r="I46954" s="16"/>
      <c r="J46954" s="16"/>
    </row>
    <row r="46955" spans="7:10">
      <c r="G46955" s="16"/>
      <c r="H46955" s="16"/>
      <c r="I46955" s="16"/>
      <c r="J46955" s="16"/>
    </row>
    <row r="46956" spans="7:10">
      <c r="G46956" s="16"/>
      <c r="H46956" s="16"/>
      <c r="I46956" s="16"/>
      <c r="J46956" s="16"/>
    </row>
    <row r="46957" spans="7:10">
      <c r="G46957" s="16"/>
      <c r="H46957" s="16"/>
      <c r="I46957" s="16"/>
      <c r="J46957" s="16"/>
    </row>
    <row r="46958" spans="7:10">
      <c r="G46958" s="16"/>
      <c r="H46958" s="16"/>
      <c r="I46958" s="16"/>
      <c r="J46958" s="16"/>
    </row>
    <row r="46959" spans="7:10">
      <c r="G46959" s="16"/>
      <c r="H46959" s="16"/>
      <c r="I46959" s="16"/>
      <c r="J46959" s="16"/>
    </row>
    <row r="46960" spans="7:10">
      <c r="G46960" s="16"/>
      <c r="H46960" s="16"/>
      <c r="I46960" s="16"/>
      <c r="J46960" s="16"/>
    </row>
    <row r="46961" spans="7:10">
      <c r="G46961" s="16"/>
      <c r="H46961" s="16"/>
      <c r="I46961" s="16"/>
      <c r="J46961" s="16"/>
    </row>
    <row r="46962" spans="7:10">
      <c r="G46962" s="16"/>
      <c r="H46962" s="16"/>
      <c r="I46962" s="16"/>
      <c r="J46962" s="16"/>
    </row>
    <row r="46963" spans="7:10">
      <c r="G46963" s="16"/>
      <c r="H46963" s="16"/>
      <c r="I46963" s="16"/>
      <c r="J46963" s="16"/>
    </row>
    <row r="46964" spans="7:10">
      <c r="G46964" s="16"/>
      <c r="H46964" s="16"/>
      <c r="I46964" s="16"/>
      <c r="J46964" s="16"/>
    </row>
    <row r="46965" spans="7:10">
      <c r="G46965" s="16"/>
      <c r="H46965" s="16"/>
      <c r="I46965" s="16"/>
      <c r="J46965" s="16"/>
    </row>
    <row r="46966" spans="7:10">
      <c r="G46966" s="16"/>
      <c r="H46966" s="16"/>
      <c r="I46966" s="16"/>
      <c r="J46966" s="16"/>
    </row>
    <row r="46967" spans="7:10">
      <c r="G46967" s="16"/>
      <c r="H46967" s="16"/>
      <c r="I46967" s="16"/>
      <c r="J46967" s="16"/>
    </row>
    <row r="46968" spans="7:10">
      <c r="G46968" s="16"/>
      <c r="H46968" s="16"/>
      <c r="I46968" s="16"/>
      <c r="J46968" s="16"/>
    </row>
    <row r="46969" spans="7:10">
      <c r="G46969" s="16"/>
      <c r="H46969" s="16"/>
      <c r="I46969" s="16"/>
      <c r="J46969" s="16"/>
    </row>
    <row r="46970" spans="7:10">
      <c r="G46970" s="16"/>
      <c r="H46970" s="16"/>
      <c r="I46970" s="16"/>
      <c r="J46970" s="16"/>
    </row>
    <row r="46971" spans="7:10">
      <c r="G46971" s="16"/>
      <c r="H46971" s="16"/>
      <c r="I46971" s="16"/>
      <c r="J46971" s="16"/>
    </row>
    <row r="46972" spans="7:10">
      <c r="G46972" s="16"/>
      <c r="H46972" s="16"/>
      <c r="I46972" s="16"/>
      <c r="J46972" s="16"/>
    </row>
    <row r="46973" spans="7:10">
      <c r="G46973" s="16"/>
      <c r="H46973" s="16"/>
      <c r="I46973" s="16"/>
      <c r="J46973" s="16"/>
    </row>
    <row r="46974" spans="7:10">
      <c r="G46974" s="16"/>
      <c r="H46974" s="16"/>
      <c r="I46974" s="16"/>
      <c r="J46974" s="16"/>
    </row>
    <row r="46975" spans="7:10">
      <c r="G46975" s="16"/>
      <c r="H46975" s="16"/>
      <c r="I46975" s="16"/>
      <c r="J46975" s="16"/>
    </row>
    <row r="46976" spans="7:10">
      <c r="G46976" s="16"/>
      <c r="H46976" s="16"/>
      <c r="I46976" s="16"/>
      <c r="J46976" s="16"/>
    </row>
    <row r="46977" spans="7:10">
      <c r="G46977" s="16"/>
      <c r="H46977" s="16"/>
      <c r="I46977" s="16"/>
      <c r="J46977" s="16"/>
    </row>
    <row r="46978" spans="7:10">
      <c r="G46978" s="16"/>
      <c r="H46978" s="16"/>
      <c r="I46978" s="16"/>
      <c r="J46978" s="16"/>
    </row>
    <row r="46979" spans="7:10">
      <c r="G46979" s="16"/>
      <c r="H46979" s="16"/>
      <c r="I46979" s="16"/>
      <c r="J46979" s="16"/>
    </row>
    <row r="46980" spans="7:10">
      <c r="G46980" s="16"/>
      <c r="H46980" s="16"/>
      <c r="I46980" s="16"/>
      <c r="J46980" s="16"/>
    </row>
    <row r="46981" spans="7:10">
      <c r="G46981" s="16"/>
      <c r="H46981" s="16"/>
      <c r="I46981" s="16"/>
      <c r="J46981" s="16"/>
    </row>
    <row r="46982" spans="7:10">
      <c r="G46982" s="16"/>
      <c r="H46982" s="16"/>
      <c r="I46982" s="16"/>
      <c r="J46982" s="16"/>
    </row>
    <row r="46983" spans="7:10">
      <c r="G46983" s="16"/>
      <c r="H46983" s="16"/>
      <c r="I46983" s="16"/>
      <c r="J46983" s="16"/>
    </row>
    <row r="46984" spans="7:10">
      <c r="G46984" s="16"/>
      <c r="H46984" s="16"/>
      <c r="I46984" s="16"/>
      <c r="J46984" s="16"/>
    </row>
    <row r="46985" spans="7:10">
      <c r="G46985" s="16"/>
      <c r="H46985" s="16"/>
      <c r="I46985" s="16"/>
      <c r="J46985" s="16"/>
    </row>
    <row r="46986" spans="7:10">
      <c r="G46986" s="16"/>
      <c r="H46986" s="16"/>
      <c r="I46986" s="16"/>
      <c r="J46986" s="16"/>
    </row>
    <row r="46987" spans="7:10">
      <c r="G46987" s="16"/>
      <c r="H46987" s="16"/>
      <c r="I46987" s="16"/>
      <c r="J46987" s="16"/>
    </row>
    <row r="46988" spans="7:10">
      <c r="G46988" s="16"/>
      <c r="H46988" s="16"/>
      <c r="I46988" s="16"/>
      <c r="J46988" s="16"/>
    </row>
    <row r="46989" spans="7:10">
      <c r="G46989" s="16"/>
      <c r="H46989" s="16"/>
      <c r="I46989" s="16"/>
      <c r="J46989" s="16"/>
    </row>
    <row r="46990" spans="7:10">
      <c r="G46990" s="16"/>
      <c r="H46990" s="16"/>
      <c r="I46990" s="16"/>
      <c r="J46990" s="16"/>
    </row>
    <row r="46991" spans="7:10">
      <c r="G46991" s="16"/>
      <c r="H46991" s="16"/>
      <c r="I46991" s="16"/>
      <c r="J46991" s="16"/>
    </row>
    <row r="46992" spans="7:10">
      <c r="G46992" s="16"/>
      <c r="H46992" s="16"/>
      <c r="I46992" s="16"/>
      <c r="J46992" s="16"/>
    </row>
    <row r="46993" spans="7:10">
      <c r="G46993" s="16"/>
      <c r="H46993" s="16"/>
      <c r="I46993" s="16"/>
      <c r="J46993" s="16"/>
    </row>
    <row r="46994" spans="7:10">
      <c r="G46994" s="16"/>
      <c r="H46994" s="16"/>
      <c r="I46994" s="16"/>
      <c r="J46994" s="16"/>
    </row>
    <row r="46995" spans="7:10">
      <c r="G46995" s="16"/>
      <c r="H46995" s="16"/>
      <c r="I46995" s="16"/>
      <c r="J46995" s="16"/>
    </row>
    <row r="46996" spans="7:10">
      <c r="G46996" s="16"/>
      <c r="H46996" s="16"/>
      <c r="I46996" s="16"/>
      <c r="J46996" s="16"/>
    </row>
    <row r="46997" spans="7:10">
      <c r="G46997" s="16"/>
      <c r="H46997" s="16"/>
      <c r="I46997" s="16"/>
      <c r="J46997" s="16"/>
    </row>
    <row r="46998" spans="7:10">
      <c r="G46998" s="16"/>
      <c r="H46998" s="16"/>
      <c r="I46998" s="16"/>
      <c r="J46998" s="16"/>
    </row>
    <row r="46999" spans="7:10">
      <c r="G46999" s="16"/>
      <c r="H46999" s="16"/>
      <c r="I46999" s="16"/>
      <c r="J46999" s="16"/>
    </row>
    <row r="47000" spans="7:10">
      <c r="G47000" s="16"/>
      <c r="H47000" s="16"/>
      <c r="I47000" s="16"/>
      <c r="J47000" s="16"/>
    </row>
    <row r="47001" spans="7:10">
      <c r="G47001" s="16"/>
      <c r="H47001" s="16"/>
      <c r="I47001" s="16"/>
      <c r="J47001" s="16"/>
    </row>
    <row r="47002" spans="7:10">
      <c r="G47002" s="16"/>
      <c r="H47002" s="16"/>
      <c r="I47002" s="16"/>
      <c r="J47002" s="16"/>
    </row>
    <row r="47003" spans="7:10">
      <c r="G47003" s="16"/>
      <c r="H47003" s="16"/>
      <c r="I47003" s="16"/>
      <c r="J47003" s="16"/>
    </row>
    <row r="47004" spans="7:10">
      <c r="G47004" s="16"/>
      <c r="H47004" s="16"/>
      <c r="I47004" s="16"/>
      <c r="J47004" s="16"/>
    </row>
    <row r="47005" spans="7:10">
      <c r="G47005" s="16"/>
      <c r="H47005" s="16"/>
      <c r="I47005" s="16"/>
      <c r="J47005" s="16"/>
    </row>
    <row r="47006" spans="7:10">
      <c r="G47006" s="16"/>
      <c r="H47006" s="16"/>
      <c r="I47006" s="16"/>
      <c r="J47006" s="16"/>
    </row>
    <row r="47007" spans="7:10">
      <c r="G47007" s="16"/>
      <c r="H47007" s="16"/>
      <c r="I47007" s="16"/>
      <c r="J47007" s="16"/>
    </row>
    <row r="47008" spans="7:10">
      <c r="G47008" s="16"/>
      <c r="H47008" s="16"/>
      <c r="I47008" s="16"/>
      <c r="J47008" s="16"/>
    </row>
    <row r="47009" spans="7:10">
      <c r="G47009" s="16"/>
      <c r="H47009" s="16"/>
      <c r="I47009" s="16"/>
      <c r="J47009" s="16"/>
    </row>
    <row r="47010" spans="7:10">
      <c r="G47010" s="16"/>
      <c r="H47010" s="16"/>
      <c r="I47010" s="16"/>
      <c r="J47010" s="16"/>
    </row>
    <row r="47011" spans="7:10">
      <c r="G47011" s="16"/>
      <c r="H47011" s="16"/>
      <c r="I47011" s="16"/>
      <c r="J47011" s="16"/>
    </row>
    <row r="47012" spans="7:10">
      <c r="G47012" s="16"/>
      <c r="H47012" s="16"/>
      <c r="I47012" s="16"/>
      <c r="J47012" s="16"/>
    </row>
    <row r="47013" spans="7:10">
      <c r="G47013" s="16"/>
      <c r="H47013" s="16"/>
      <c r="I47013" s="16"/>
      <c r="J47013" s="16"/>
    </row>
    <row r="47014" spans="7:10">
      <c r="G47014" s="16"/>
      <c r="H47014" s="16"/>
      <c r="I47014" s="16"/>
      <c r="J47014" s="16"/>
    </row>
    <row r="47015" spans="7:10">
      <c r="G47015" s="16"/>
      <c r="H47015" s="16"/>
      <c r="I47015" s="16"/>
      <c r="J47015" s="16"/>
    </row>
    <row r="47016" spans="7:10">
      <c r="G47016" s="16"/>
      <c r="H47016" s="16"/>
      <c r="I47016" s="16"/>
      <c r="J47016" s="16"/>
    </row>
    <row r="47017" spans="7:10">
      <c r="G47017" s="16"/>
      <c r="H47017" s="16"/>
      <c r="I47017" s="16"/>
      <c r="J47017" s="16"/>
    </row>
    <row r="47018" spans="7:10">
      <c r="G47018" s="16"/>
      <c r="H47018" s="16"/>
      <c r="I47018" s="16"/>
      <c r="J47018" s="16"/>
    </row>
    <row r="47019" spans="7:10">
      <c r="G47019" s="16"/>
      <c r="H47019" s="16"/>
      <c r="I47019" s="16"/>
      <c r="J47019" s="16"/>
    </row>
    <row r="47020" spans="7:10">
      <c r="G47020" s="16"/>
      <c r="H47020" s="16"/>
      <c r="I47020" s="16"/>
      <c r="J47020" s="16"/>
    </row>
    <row r="47021" spans="7:10">
      <c r="G47021" s="16"/>
      <c r="H47021" s="16"/>
      <c r="I47021" s="16"/>
      <c r="J47021" s="16"/>
    </row>
    <row r="47022" spans="7:10">
      <c r="G47022" s="16"/>
      <c r="H47022" s="16"/>
      <c r="I47022" s="16"/>
      <c r="J47022" s="16"/>
    </row>
    <row r="47023" spans="7:10">
      <c r="G47023" s="16"/>
      <c r="H47023" s="16"/>
      <c r="I47023" s="16"/>
      <c r="J47023" s="16"/>
    </row>
    <row r="47024" spans="7:10">
      <c r="G47024" s="16"/>
      <c r="H47024" s="16"/>
      <c r="I47024" s="16"/>
      <c r="J47024" s="16"/>
    </row>
    <row r="47025" spans="7:10">
      <c r="G47025" s="16"/>
      <c r="H47025" s="16"/>
      <c r="I47025" s="16"/>
      <c r="J47025" s="16"/>
    </row>
    <row r="47026" spans="7:10">
      <c r="G47026" s="16"/>
      <c r="H47026" s="16"/>
      <c r="I47026" s="16"/>
      <c r="J47026" s="16"/>
    </row>
    <row r="47027" spans="7:10">
      <c r="G47027" s="16"/>
      <c r="H47027" s="16"/>
      <c r="I47027" s="16"/>
      <c r="J47027" s="16"/>
    </row>
    <row r="47028" spans="7:10">
      <c r="G47028" s="16"/>
      <c r="H47028" s="16"/>
      <c r="I47028" s="16"/>
      <c r="J47028" s="16"/>
    </row>
    <row r="47029" spans="7:10">
      <c r="G47029" s="16"/>
      <c r="H47029" s="16"/>
      <c r="I47029" s="16"/>
      <c r="J47029" s="16"/>
    </row>
    <row r="47030" spans="7:10">
      <c r="G47030" s="16"/>
      <c r="H47030" s="16"/>
      <c r="I47030" s="16"/>
      <c r="J47030" s="16"/>
    </row>
    <row r="47031" spans="7:10">
      <c r="G47031" s="16"/>
      <c r="H47031" s="16"/>
      <c r="I47031" s="16"/>
      <c r="J47031" s="16"/>
    </row>
    <row r="47032" spans="7:10">
      <c r="G47032" s="16"/>
      <c r="H47032" s="16"/>
      <c r="I47032" s="16"/>
      <c r="J47032" s="16"/>
    </row>
    <row r="47033" spans="7:10">
      <c r="G47033" s="16"/>
      <c r="H47033" s="16"/>
      <c r="I47033" s="16"/>
      <c r="J47033" s="16"/>
    </row>
    <row r="47034" spans="7:10">
      <c r="G47034" s="16"/>
      <c r="H47034" s="16"/>
      <c r="I47034" s="16"/>
      <c r="J47034" s="16"/>
    </row>
    <row r="47035" spans="7:10">
      <c r="G47035" s="16"/>
      <c r="H47035" s="16"/>
      <c r="I47035" s="16"/>
      <c r="J47035" s="16"/>
    </row>
    <row r="47036" spans="7:10">
      <c r="G47036" s="16"/>
      <c r="H47036" s="16"/>
      <c r="I47036" s="16"/>
      <c r="J47036" s="16"/>
    </row>
    <row r="47037" spans="7:10">
      <c r="G47037" s="16"/>
      <c r="H47037" s="16"/>
      <c r="I47037" s="16"/>
      <c r="J47037" s="16"/>
    </row>
    <row r="47038" spans="7:10">
      <c r="G47038" s="16"/>
      <c r="H47038" s="16"/>
      <c r="I47038" s="16"/>
      <c r="J47038" s="16"/>
    </row>
    <row r="47039" spans="7:10">
      <c r="G47039" s="16"/>
      <c r="H47039" s="16"/>
      <c r="I47039" s="16"/>
      <c r="J47039" s="16"/>
    </row>
    <row r="47040" spans="7:10">
      <c r="G47040" s="16"/>
      <c r="H47040" s="16"/>
      <c r="I47040" s="16"/>
      <c r="J47040" s="16"/>
    </row>
    <row r="47041" spans="7:10">
      <c r="G47041" s="16"/>
      <c r="H47041" s="16"/>
      <c r="I47041" s="16"/>
      <c r="J47041" s="16"/>
    </row>
    <row r="47042" spans="7:10">
      <c r="G47042" s="16"/>
      <c r="H47042" s="16"/>
      <c r="I47042" s="16"/>
      <c r="J47042" s="16"/>
    </row>
    <row r="47043" spans="7:10">
      <c r="G47043" s="16"/>
      <c r="H47043" s="16"/>
      <c r="I47043" s="16"/>
      <c r="J47043" s="16"/>
    </row>
    <row r="47044" spans="7:10">
      <c r="G47044" s="16"/>
      <c r="H47044" s="16"/>
      <c r="I47044" s="16"/>
      <c r="J47044" s="16"/>
    </row>
    <row r="47045" spans="7:10">
      <c r="G47045" s="16"/>
      <c r="H47045" s="16"/>
      <c r="I47045" s="16"/>
      <c r="J47045" s="16"/>
    </row>
    <row r="47046" spans="7:10">
      <c r="G47046" s="16"/>
      <c r="H47046" s="16"/>
      <c r="I47046" s="16"/>
      <c r="J47046" s="16"/>
    </row>
    <row r="47047" spans="7:10">
      <c r="G47047" s="16"/>
      <c r="H47047" s="16"/>
      <c r="I47047" s="16"/>
      <c r="J47047" s="16"/>
    </row>
    <row r="47048" spans="7:10">
      <c r="G47048" s="16"/>
      <c r="H47048" s="16"/>
      <c r="I47048" s="16"/>
      <c r="J47048" s="16"/>
    </row>
    <row r="47049" spans="7:10">
      <c r="G47049" s="16"/>
      <c r="H47049" s="16"/>
      <c r="I47049" s="16"/>
      <c r="J47049" s="16"/>
    </row>
    <row r="47050" spans="7:10">
      <c r="G47050" s="16"/>
      <c r="H47050" s="16"/>
      <c r="I47050" s="16"/>
      <c r="J47050" s="16"/>
    </row>
    <row r="47051" spans="7:10">
      <c r="G47051" s="16"/>
      <c r="H47051" s="16"/>
      <c r="I47051" s="16"/>
      <c r="J47051" s="16"/>
    </row>
    <row r="47052" spans="7:10">
      <c r="G47052" s="16"/>
      <c r="H47052" s="16"/>
      <c r="I47052" s="16"/>
      <c r="J47052" s="16"/>
    </row>
    <row r="47053" spans="7:10">
      <c r="G47053" s="16"/>
      <c r="H47053" s="16"/>
      <c r="I47053" s="16"/>
      <c r="J47053" s="16"/>
    </row>
    <row r="47054" spans="7:10">
      <c r="G47054" s="16"/>
      <c r="H47054" s="16"/>
      <c r="I47054" s="16"/>
      <c r="J47054" s="16"/>
    </row>
    <row r="47055" spans="7:10">
      <c r="G47055" s="16"/>
      <c r="H47055" s="16"/>
      <c r="I47055" s="16"/>
      <c r="J47055" s="16"/>
    </row>
    <row r="47056" spans="7:10">
      <c r="G47056" s="16"/>
      <c r="H47056" s="16"/>
      <c r="I47056" s="16"/>
      <c r="J47056" s="16"/>
    </row>
    <row r="47057" spans="7:10">
      <c r="G47057" s="16"/>
      <c r="H47057" s="16"/>
      <c r="I47057" s="16"/>
      <c r="J47057" s="16"/>
    </row>
    <row r="47058" spans="7:10">
      <c r="G47058" s="16"/>
      <c r="H47058" s="16"/>
      <c r="I47058" s="16"/>
      <c r="J47058" s="16"/>
    </row>
    <row r="47059" spans="7:10">
      <c r="G47059" s="16"/>
      <c r="H47059" s="16"/>
      <c r="I47059" s="16"/>
      <c r="J47059" s="16"/>
    </row>
    <row r="47060" spans="7:10">
      <c r="G47060" s="16"/>
      <c r="H47060" s="16"/>
      <c r="I47060" s="16"/>
      <c r="J47060" s="16"/>
    </row>
    <row r="47061" spans="7:10">
      <c r="G47061" s="16"/>
      <c r="H47061" s="16"/>
      <c r="I47061" s="16"/>
      <c r="J47061" s="16"/>
    </row>
    <row r="47062" spans="7:10">
      <c r="G47062" s="16"/>
      <c r="H47062" s="16"/>
      <c r="I47062" s="16"/>
      <c r="J47062" s="16"/>
    </row>
    <row r="47063" spans="7:10">
      <c r="G47063" s="16"/>
      <c r="H47063" s="16"/>
      <c r="I47063" s="16"/>
      <c r="J47063" s="16"/>
    </row>
    <row r="47064" spans="7:10">
      <c r="G47064" s="16"/>
      <c r="H47064" s="16"/>
      <c r="I47064" s="16"/>
      <c r="J47064" s="16"/>
    </row>
    <row r="47065" spans="7:10">
      <c r="G47065" s="16"/>
      <c r="H47065" s="16"/>
      <c r="I47065" s="16"/>
      <c r="J47065" s="16"/>
    </row>
    <row r="47066" spans="7:10">
      <c r="G47066" s="16"/>
      <c r="H47066" s="16"/>
      <c r="I47066" s="16"/>
      <c r="J47066" s="16"/>
    </row>
    <row r="47067" spans="7:10">
      <c r="G47067" s="16"/>
      <c r="H47067" s="16"/>
      <c r="I47067" s="16"/>
      <c r="J47067" s="16"/>
    </row>
    <row r="47068" spans="7:10">
      <c r="G47068" s="16"/>
      <c r="H47068" s="16"/>
      <c r="I47068" s="16"/>
      <c r="J47068" s="16"/>
    </row>
    <row r="47069" spans="7:10">
      <c r="G47069" s="16"/>
      <c r="H47069" s="16"/>
      <c r="I47069" s="16"/>
      <c r="J47069" s="16"/>
    </row>
    <row r="47070" spans="7:10">
      <c r="G47070" s="16"/>
      <c r="H47070" s="16"/>
      <c r="I47070" s="16"/>
      <c r="J47070" s="16"/>
    </row>
    <row r="47071" spans="7:10">
      <c r="G47071" s="16"/>
      <c r="H47071" s="16"/>
      <c r="I47071" s="16"/>
      <c r="J47071" s="16"/>
    </row>
    <row r="47072" spans="7:10">
      <c r="G47072" s="16"/>
      <c r="H47072" s="16"/>
      <c r="I47072" s="16"/>
      <c r="J47072" s="16"/>
    </row>
    <row r="47073" spans="7:10">
      <c r="G47073" s="16"/>
      <c r="H47073" s="16"/>
      <c r="I47073" s="16"/>
      <c r="J47073" s="16"/>
    </row>
    <row r="47074" spans="7:10">
      <c r="G47074" s="16"/>
      <c r="H47074" s="16"/>
      <c r="I47074" s="16"/>
      <c r="J47074" s="16"/>
    </row>
    <row r="47075" spans="7:10">
      <c r="G47075" s="16"/>
      <c r="H47075" s="16"/>
      <c r="I47075" s="16"/>
      <c r="J47075" s="16"/>
    </row>
    <row r="47076" spans="7:10">
      <c r="G47076" s="16"/>
      <c r="H47076" s="16"/>
      <c r="I47076" s="16"/>
      <c r="J47076" s="16"/>
    </row>
    <row r="47077" spans="7:10">
      <c r="G47077" s="16"/>
      <c r="H47077" s="16"/>
      <c r="I47077" s="16"/>
      <c r="J47077" s="16"/>
    </row>
    <row r="47078" spans="7:10">
      <c r="G47078" s="16"/>
      <c r="H47078" s="16"/>
      <c r="I47078" s="16"/>
      <c r="J47078" s="16"/>
    </row>
    <row r="47079" spans="7:10">
      <c r="G47079" s="16"/>
      <c r="H47079" s="16"/>
      <c r="I47079" s="16"/>
      <c r="J47079" s="16"/>
    </row>
    <row r="47080" spans="7:10">
      <c r="G47080" s="16"/>
      <c r="H47080" s="16"/>
      <c r="I47080" s="16"/>
      <c r="J47080" s="16"/>
    </row>
    <row r="47081" spans="7:10">
      <c r="G47081" s="16"/>
      <c r="H47081" s="16"/>
      <c r="I47081" s="16"/>
      <c r="J47081" s="16"/>
    </row>
    <row r="47082" spans="7:10">
      <c r="G47082" s="16"/>
      <c r="H47082" s="16"/>
      <c r="I47082" s="16"/>
      <c r="J47082" s="16"/>
    </row>
    <row r="47083" spans="7:10">
      <c r="G47083" s="16"/>
      <c r="H47083" s="16"/>
      <c r="I47083" s="16"/>
      <c r="J47083" s="16"/>
    </row>
    <row r="47084" spans="7:10">
      <c r="G47084" s="16"/>
      <c r="H47084" s="16"/>
      <c r="I47084" s="16"/>
      <c r="J47084" s="16"/>
    </row>
    <row r="47085" spans="7:10">
      <c r="G47085" s="16"/>
      <c r="H47085" s="16"/>
      <c r="I47085" s="16"/>
      <c r="J47085" s="16"/>
    </row>
    <row r="47086" spans="7:10">
      <c r="G47086" s="16"/>
      <c r="H47086" s="16"/>
      <c r="I47086" s="16"/>
      <c r="J47086" s="16"/>
    </row>
    <row r="47087" spans="7:10">
      <c r="G47087" s="16"/>
      <c r="H47087" s="16"/>
      <c r="I47087" s="16"/>
      <c r="J47087" s="16"/>
    </row>
    <row r="47088" spans="7:10">
      <c r="G47088" s="16"/>
      <c r="H47088" s="16"/>
      <c r="I47088" s="16"/>
      <c r="J47088" s="16"/>
    </row>
    <row r="47089" spans="7:10">
      <c r="G47089" s="16"/>
      <c r="H47089" s="16"/>
      <c r="I47089" s="16"/>
      <c r="J47089" s="16"/>
    </row>
    <row r="47090" spans="7:10">
      <c r="G47090" s="16"/>
      <c r="H47090" s="16"/>
      <c r="I47090" s="16"/>
      <c r="J47090" s="16"/>
    </row>
    <row r="47091" spans="7:10">
      <c r="G47091" s="16"/>
      <c r="H47091" s="16"/>
      <c r="I47091" s="16"/>
      <c r="J47091" s="16"/>
    </row>
    <row r="47092" spans="7:10">
      <c r="G47092" s="16"/>
      <c r="H47092" s="16"/>
      <c r="I47092" s="16"/>
      <c r="J47092" s="16"/>
    </row>
    <row r="47093" spans="7:10">
      <c r="G47093" s="16"/>
      <c r="H47093" s="16"/>
      <c r="I47093" s="16"/>
      <c r="J47093" s="16"/>
    </row>
    <row r="47094" spans="7:10">
      <c r="G47094" s="16"/>
      <c r="H47094" s="16"/>
      <c r="I47094" s="16"/>
      <c r="J47094" s="16"/>
    </row>
    <row r="47095" spans="7:10">
      <c r="G47095" s="16"/>
      <c r="H47095" s="16"/>
      <c r="I47095" s="16"/>
      <c r="J47095" s="16"/>
    </row>
    <row r="47096" spans="7:10">
      <c r="G47096" s="16"/>
      <c r="H47096" s="16"/>
      <c r="I47096" s="16"/>
      <c r="J47096" s="16"/>
    </row>
    <row r="47097" spans="7:10">
      <c r="G47097" s="16"/>
      <c r="H47097" s="16"/>
      <c r="I47097" s="16"/>
      <c r="J47097" s="16"/>
    </row>
    <row r="47098" spans="7:10">
      <c r="G47098" s="16"/>
      <c r="H47098" s="16"/>
      <c r="I47098" s="16"/>
      <c r="J47098" s="16"/>
    </row>
    <row r="47099" spans="7:10">
      <c r="G47099" s="16"/>
      <c r="H47099" s="16"/>
      <c r="I47099" s="16"/>
      <c r="J47099" s="16"/>
    </row>
    <row r="47100" spans="7:10">
      <c r="G47100" s="16"/>
      <c r="H47100" s="16"/>
      <c r="I47100" s="16"/>
      <c r="J47100" s="16"/>
    </row>
    <row r="47101" spans="7:10">
      <c r="G47101" s="16"/>
      <c r="H47101" s="16"/>
      <c r="I47101" s="16"/>
      <c r="J47101" s="16"/>
    </row>
    <row r="47102" spans="7:10">
      <c r="G47102" s="16"/>
      <c r="H47102" s="16"/>
      <c r="I47102" s="16"/>
      <c r="J47102" s="16"/>
    </row>
    <row r="47103" spans="7:10">
      <c r="G47103" s="16"/>
      <c r="H47103" s="16"/>
      <c r="I47103" s="16"/>
      <c r="J47103" s="16"/>
    </row>
    <row r="47104" spans="7:10">
      <c r="G47104" s="16"/>
      <c r="H47104" s="16"/>
      <c r="I47104" s="16"/>
      <c r="J47104" s="16"/>
    </row>
    <row r="47105" spans="7:10">
      <c r="G47105" s="16"/>
      <c r="H47105" s="16"/>
      <c r="I47105" s="16"/>
      <c r="J47105" s="16"/>
    </row>
    <row r="47106" spans="7:10">
      <c r="G47106" s="16"/>
      <c r="H47106" s="16"/>
      <c r="I47106" s="16"/>
      <c r="J47106" s="16"/>
    </row>
    <row r="47107" spans="7:10">
      <c r="G47107" s="16"/>
      <c r="H47107" s="16"/>
      <c r="I47107" s="16"/>
      <c r="J47107" s="16"/>
    </row>
    <row r="47108" spans="7:10">
      <c r="G47108" s="16"/>
      <c r="H47108" s="16"/>
      <c r="I47108" s="16"/>
      <c r="J47108" s="16"/>
    </row>
    <row r="47109" spans="7:10">
      <c r="G47109" s="16"/>
      <c r="H47109" s="16"/>
      <c r="I47109" s="16"/>
      <c r="J47109" s="16"/>
    </row>
    <row r="47110" spans="7:10">
      <c r="G47110" s="16"/>
      <c r="H47110" s="16"/>
      <c r="I47110" s="16"/>
      <c r="J47110" s="16"/>
    </row>
    <row r="47111" spans="7:10">
      <c r="G47111" s="16"/>
      <c r="H47111" s="16"/>
      <c r="I47111" s="16"/>
      <c r="J47111" s="16"/>
    </row>
    <row r="47112" spans="7:10">
      <c r="G47112" s="16"/>
      <c r="H47112" s="16"/>
      <c r="I47112" s="16"/>
      <c r="J47112" s="16"/>
    </row>
    <row r="47113" spans="7:10">
      <c r="G47113" s="16"/>
      <c r="H47113" s="16"/>
      <c r="I47113" s="16"/>
      <c r="J47113" s="16"/>
    </row>
    <row r="47114" spans="7:10">
      <c r="G47114" s="16"/>
      <c r="H47114" s="16"/>
      <c r="I47114" s="16"/>
      <c r="J47114" s="16"/>
    </row>
    <row r="47115" spans="7:10">
      <c r="G47115" s="16"/>
      <c r="H47115" s="16"/>
      <c r="I47115" s="16"/>
      <c r="J47115" s="16"/>
    </row>
    <row r="47116" spans="7:10">
      <c r="G47116" s="16"/>
      <c r="H47116" s="16"/>
      <c r="I47116" s="16"/>
      <c r="J47116" s="16"/>
    </row>
    <row r="47117" spans="7:10">
      <c r="G47117" s="16"/>
      <c r="H47117" s="16"/>
      <c r="I47117" s="16"/>
      <c r="J47117" s="16"/>
    </row>
    <row r="47118" spans="7:10">
      <c r="G47118" s="16"/>
      <c r="H47118" s="16"/>
      <c r="I47118" s="16"/>
      <c r="J47118" s="16"/>
    </row>
    <row r="47119" spans="7:10">
      <c r="G47119" s="16"/>
      <c r="H47119" s="16"/>
      <c r="I47119" s="16"/>
      <c r="J47119" s="16"/>
    </row>
    <row r="47120" spans="7:10">
      <c r="G47120" s="16"/>
      <c r="H47120" s="16"/>
      <c r="I47120" s="16"/>
      <c r="J47120" s="16"/>
    </row>
    <row r="47121" spans="7:10">
      <c r="G47121" s="16"/>
      <c r="H47121" s="16"/>
      <c r="I47121" s="16"/>
      <c r="J47121" s="16"/>
    </row>
    <row r="47122" spans="7:10">
      <c r="G47122" s="16"/>
      <c r="H47122" s="16"/>
      <c r="I47122" s="16"/>
      <c r="J47122" s="16"/>
    </row>
    <row r="47123" spans="7:10">
      <c r="G47123" s="16"/>
      <c r="H47123" s="16"/>
      <c r="I47123" s="16"/>
      <c r="J47123" s="16"/>
    </row>
    <row r="47124" spans="7:10">
      <c r="G47124" s="16"/>
      <c r="H47124" s="16"/>
      <c r="I47124" s="16"/>
      <c r="J47124" s="16"/>
    </row>
    <row r="47125" spans="7:10">
      <c r="G47125" s="16"/>
      <c r="H47125" s="16"/>
      <c r="I47125" s="16"/>
      <c r="J47125" s="16"/>
    </row>
    <row r="47126" spans="7:10">
      <c r="G47126" s="16"/>
      <c r="H47126" s="16"/>
      <c r="I47126" s="16"/>
      <c r="J47126" s="16"/>
    </row>
    <row r="47127" spans="7:10">
      <c r="G47127" s="16"/>
      <c r="H47127" s="16"/>
      <c r="I47127" s="16"/>
      <c r="J47127" s="16"/>
    </row>
    <row r="47128" spans="7:10">
      <c r="G47128" s="16"/>
      <c r="H47128" s="16"/>
      <c r="I47128" s="16"/>
      <c r="J47128" s="16"/>
    </row>
    <row r="47129" spans="7:10">
      <c r="G47129" s="16"/>
      <c r="H47129" s="16"/>
      <c r="I47129" s="16"/>
      <c r="J47129" s="16"/>
    </row>
    <row r="47130" spans="7:10">
      <c r="G47130" s="16"/>
      <c r="H47130" s="16"/>
      <c r="I47130" s="16"/>
      <c r="J47130" s="16"/>
    </row>
    <row r="47131" spans="7:10">
      <c r="G47131" s="16"/>
      <c r="H47131" s="16"/>
      <c r="I47131" s="16"/>
      <c r="J47131" s="16"/>
    </row>
    <row r="47132" spans="7:10">
      <c r="G47132" s="16"/>
      <c r="H47132" s="16"/>
      <c r="I47132" s="16"/>
      <c r="J47132" s="16"/>
    </row>
    <row r="47133" spans="7:10">
      <c r="G47133" s="16"/>
      <c r="H47133" s="16"/>
      <c r="I47133" s="16"/>
      <c r="J47133" s="16"/>
    </row>
    <row r="47134" spans="7:10">
      <c r="G47134" s="16"/>
      <c r="H47134" s="16"/>
      <c r="I47134" s="16"/>
      <c r="J47134" s="16"/>
    </row>
    <row r="47135" spans="7:10">
      <c r="G47135" s="16"/>
      <c r="H47135" s="16"/>
      <c r="I47135" s="16"/>
      <c r="J47135" s="16"/>
    </row>
    <row r="47136" spans="7:10">
      <c r="G47136" s="16"/>
      <c r="H47136" s="16"/>
      <c r="I47136" s="16"/>
      <c r="J47136" s="16"/>
    </row>
    <row r="47137" spans="7:10">
      <c r="G47137" s="16"/>
      <c r="H47137" s="16"/>
      <c r="I47137" s="16"/>
      <c r="J47137" s="16"/>
    </row>
    <row r="47138" spans="7:10">
      <c r="G47138" s="16"/>
      <c r="H47138" s="16"/>
      <c r="I47138" s="16"/>
      <c r="J47138" s="16"/>
    </row>
    <row r="47139" spans="7:10">
      <c r="G47139" s="16"/>
      <c r="H47139" s="16"/>
      <c r="I47139" s="16"/>
      <c r="J47139" s="16"/>
    </row>
    <row r="47140" spans="7:10">
      <c r="G47140" s="16"/>
      <c r="H47140" s="16"/>
      <c r="I47140" s="16"/>
      <c r="J47140" s="16"/>
    </row>
    <row r="47141" spans="7:10">
      <c r="G47141" s="16"/>
      <c r="H47141" s="16"/>
      <c r="I47141" s="16"/>
      <c r="J47141" s="16"/>
    </row>
    <row r="47142" spans="7:10">
      <c r="G47142" s="16"/>
      <c r="H47142" s="16"/>
      <c r="I47142" s="16"/>
      <c r="J47142" s="16"/>
    </row>
    <row r="47143" spans="7:10">
      <c r="G47143" s="16"/>
      <c r="H47143" s="16"/>
      <c r="I47143" s="16"/>
      <c r="J47143" s="16"/>
    </row>
    <row r="47144" spans="7:10">
      <c r="G47144" s="16"/>
      <c r="H47144" s="16"/>
      <c r="I47144" s="16"/>
      <c r="J47144" s="16"/>
    </row>
    <row r="47145" spans="7:10">
      <c r="G47145" s="16"/>
      <c r="H47145" s="16"/>
      <c r="I47145" s="16"/>
      <c r="J47145" s="16"/>
    </row>
    <row r="47146" spans="7:10">
      <c r="G47146" s="16"/>
      <c r="H47146" s="16"/>
      <c r="I47146" s="16"/>
      <c r="J47146" s="16"/>
    </row>
    <row r="47147" spans="7:10">
      <c r="G47147" s="16"/>
      <c r="H47147" s="16"/>
      <c r="I47147" s="16"/>
      <c r="J47147" s="16"/>
    </row>
    <row r="47148" spans="7:10">
      <c r="G47148" s="16"/>
      <c r="H47148" s="16"/>
      <c r="I47148" s="16"/>
      <c r="J47148" s="16"/>
    </row>
    <row r="47149" spans="7:10">
      <c r="G47149" s="16"/>
      <c r="H47149" s="16"/>
      <c r="I47149" s="16"/>
      <c r="J47149" s="16"/>
    </row>
    <row r="47150" spans="7:10">
      <c r="G47150" s="16"/>
      <c r="H47150" s="16"/>
      <c r="I47150" s="16"/>
      <c r="J47150" s="16"/>
    </row>
    <row r="47151" spans="7:10">
      <c r="G47151" s="16"/>
      <c r="H47151" s="16"/>
      <c r="I47151" s="16"/>
      <c r="J47151" s="16"/>
    </row>
    <row r="47152" spans="7:10">
      <c r="G47152" s="16"/>
      <c r="H47152" s="16"/>
      <c r="I47152" s="16"/>
      <c r="J47152" s="16"/>
    </row>
    <row r="47153" spans="7:10">
      <c r="G47153" s="16"/>
      <c r="H47153" s="16"/>
      <c r="I47153" s="16"/>
      <c r="J47153" s="16"/>
    </row>
    <row r="47154" spans="7:10">
      <c r="G47154" s="16"/>
      <c r="H47154" s="16"/>
      <c r="I47154" s="16"/>
      <c r="J47154" s="16"/>
    </row>
    <row r="47155" spans="7:10">
      <c r="G47155" s="16"/>
      <c r="H47155" s="16"/>
      <c r="I47155" s="16"/>
      <c r="J47155" s="16"/>
    </row>
    <row r="47156" spans="7:10">
      <c r="G47156" s="16"/>
      <c r="H47156" s="16"/>
      <c r="I47156" s="16"/>
      <c r="J47156" s="16"/>
    </row>
    <row r="47157" spans="7:10">
      <c r="G47157" s="16"/>
      <c r="H47157" s="16"/>
      <c r="I47157" s="16"/>
      <c r="J47157" s="16"/>
    </row>
    <row r="47158" spans="7:10">
      <c r="G47158" s="16"/>
      <c r="H47158" s="16"/>
      <c r="I47158" s="16"/>
      <c r="J47158" s="16"/>
    </row>
    <row r="47159" spans="7:10">
      <c r="G47159" s="16"/>
      <c r="H47159" s="16"/>
      <c r="I47159" s="16"/>
      <c r="J47159" s="16"/>
    </row>
    <row r="47160" spans="7:10">
      <c r="G47160" s="16"/>
      <c r="H47160" s="16"/>
      <c r="I47160" s="16"/>
      <c r="J47160" s="16"/>
    </row>
    <row r="47161" spans="7:10">
      <c r="G47161" s="16"/>
      <c r="H47161" s="16"/>
      <c r="I47161" s="16"/>
      <c r="J47161" s="16"/>
    </row>
    <row r="47162" spans="7:10">
      <c r="G47162" s="16"/>
      <c r="H47162" s="16"/>
      <c r="I47162" s="16"/>
      <c r="J47162" s="16"/>
    </row>
    <row r="47163" spans="7:10">
      <c r="G47163" s="16"/>
      <c r="H47163" s="16"/>
      <c r="I47163" s="16"/>
      <c r="J47163" s="16"/>
    </row>
    <row r="47164" spans="7:10">
      <c r="G47164" s="16"/>
      <c r="H47164" s="16"/>
      <c r="I47164" s="16"/>
      <c r="J47164" s="16"/>
    </row>
    <row r="47165" spans="7:10">
      <c r="G47165" s="16"/>
      <c r="H47165" s="16"/>
      <c r="I47165" s="16"/>
      <c r="J47165" s="16"/>
    </row>
    <row r="47166" spans="7:10">
      <c r="G47166" s="16"/>
      <c r="H47166" s="16"/>
      <c r="I47166" s="16"/>
      <c r="J47166" s="16"/>
    </row>
    <row r="47167" spans="7:10">
      <c r="G47167" s="16"/>
      <c r="H47167" s="16"/>
      <c r="I47167" s="16"/>
      <c r="J47167" s="16"/>
    </row>
    <row r="47168" spans="7:10">
      <c r="G47168" s="16"/>
      <c r="H47168" s="16"/>
      <c r="I47168" s="16"/>
      <c r="J47168" s="16"/>
    </row>
    <row r="47169" spans="7:10">
      <c r="G47169" s="16"/>
      <c r="H47169" s="16"/>
      <c r="I47169" s="16"/>
      <c r="J47169" s="16"/>
    </row>
    <row r="47170" spans="7:10">
      <c r="G47170" s="16"/>
      <c r="H47170" s="16"/>
      <c r="I47170" s="16"/>
      <c r="J47170" s="16"/>
    </row>
    <row r="47171" spans="7:10">
      <c r="G47171" s="16"/>
      <c r="H47171" s="16"/>
      <c r="I47171" s="16"/>
      <c r="J47171" s="16"/>
    </row>
    <row r="47172" spans="7:10">
      <c r="G47172" s="16"/>
      <c r="H47172" s="16"/>
      <c r="I47172" s="16"/>
      <c r="J47172" s="16"/>
    </row>
    <row r="47173" spans="7:10">
      <c r="G47173" s="16"/>
      <c r="H47173" s="16"/>
      <c r="I47173" s="16"/>
      <c r="J47173" s="16"/>
    </row>
    <row r="47174" spans="7:10">
      <c r="G47174" s="16"/>
      <c r="H47174" s="16"/>
      <c r="I47174" s="16"/>
      <c r="J47174" s="16"/>
    </row>
    <row r="47175" spans="7:10">
      <c r="G47175" s="16"/>
      <c r="H47175" s="16"/>
      <c r="I47175" s="16"/>
      <c r="J47175" s="16"/>
    </row>
    <row r="47176" spans="7:10">
      <c r="G47176" s="16"/>
      <c r="H47176" s="16"/>
      <c r="I47176" s="16"/>
      <c r="J47176" s="16"/>
    </row>
    <row r="47177" spans="7:10">
      <c r="G47177" s="16"/>
      <c r="H47177" s="16"/>
      <c r="I47177" s="16"/>
      <c r="J47177" s="16"/>
    </row>
    <row r="47178" spans="7:10">
      <c r="G47178" s="16"/>
      <c r="H47178" s="16"/>
      <c r="I47178" s="16"/>
      <c r="J47178" s="16"/>
    </row>
    <row r="47179" spans="7:10">
      <c r="G47179" s="16"/>
      <c r="H47179" s="16"/>
      <c r="I47179" s="16"/>
      <c r="J47179" s="16"/>
    </row>
    <row r="47180" spans="7:10">
      <c r="G47180" s="16"/>
      <c r="H47180" s="16"/>
      <c r="I47180" s="16"/>
      <c r="J47180" s="16"/>
    </row>
    <row r="47181" spans="7:10">
      <c r="G47181" s="16"/>
      <c r="H47181" s="16"/>
      <c r="I47181" s="16"/>
      <c r="J47181" s="16"/>
    </row>
    <row r="47182" spans="7:10">
      <c r="G47182" s="16"/>
      <c r="H47182" s="16"/>
      <c r="I47182" s="16"/>
      <c r="J47182" s="16"/>
    </row>
    <row r="47183" spans="7:10">
      <c r="G47183" s="16"/>
      <c r="H47183" s="16"/>
      <c r="I47183" s="16"/>
      <c r="J47183" s="16"/>
    </row>
    <row r="47184" spans="7:10">
      <c r="G47184" s="16"/>
      <c r="H47184" s="16"/>
      <c r="I47184" s="16"/>
      <c r="J47184" s="16"/>
    </row>
    <row r="47185" spans="7:10">
      <c r="G47185" s="16"/>
      <c r="H47185" s="16"/>
      <c r="I47185" s="16"/>
      <c r="J47185" s="16"/>
    </row>
    <row r="47186" spans="7:10">
      <c r="G47186" s="16"/>
      <c r="H47186" s="16"/>
      <c r="I47186" s="16"/>
      <c r="J47186" s="16"/>
    </row>
    <row r="47187" spans="7:10">
      <c r="G47187" s="16"/>
      <c r="H47187" s="16"/>
      <c r="I47187" s="16"/>
      <c r="J47187" s="16"/>
    </row>
    <row r="47188" spans="7:10">
      <c r="G47188" s="16"/>
      <c r="H47188" s="16"/>
      <c r="I47188" s="16"/>
      <c r="J47188" s="16"/>
    </row>
    <row r="47189" spans="7:10">
      <c r="G47189" s="16"/>
      <c r="H47189" s="16"/>
      <c r="I47189" s="16"/>
      <c r="J47189" s="16"/>
    </row>
    <row r="47190" spans="7:10">
      <c r="G47190" s="16"/>
      <c r="H47190" s="16"/>
      <c r="I47190" s="16"/>
      <c r="J47190" s="16"/>
    </row>
    <row r="47191" spans="7:10">
      <c r="G47191" s="16"/>
      <c r="H47191" s="16"/>
      <c r="I47191" s="16"/>
      <c r="J47191" s="16"/>
    </row>
    <row r="47192" spans="7:10">
      <c r="G47192" s="16"/>
      <c r="H47192" s="16"/>
      <c r="I47192" s="16"/>
      <c r="J47192" s="16"/>
    </row>
    <row r="47193" spans="7:10">
      <c r="G47193" s="16"/>
      <c r="H47193" s="16"/>
      <c r="I47193" s="16"/>
      <c r="J47193" s="16"/>
    </row>
    <row r="47194" spans="7:10">
      <c r="G47194" s="16"/>
      <c r="H47194" s="16"/>
      <c r="I47194" s="16"/>
      <c r="J47194" s="16"/>
    </row>
    <row r="47195" spans="7:10">
      <c r="G47195" s="16"/>
      <c r="H47195" s="16"/>
      <c r="I47195" s="16"/>
      <c r="J47195" s="16"/>
    </row>
    <row r="47196" spans="7:10">
      <c r="G47196" s="16"/>
      <c r="H47196" s="16"/>
      <c r="I47196" s="16"/>
      <c r="J47196" s="16"/>
    </row>
    <row r="47197" spans="7:10">
      <c r="G47197" s="16"/>
      <c r="H47197" s="16"/>
      <c r="I47197" s="16"/>
      <c r="J47197" s="16"/>
    </row>
    <row r="47198" spans="7:10">
      <c r="G47198" s="16"/>
      <c r="H47198" s="16"/>
      <c r="I47198" s="16"/>
      <c r="J47198" s="16"/>
    </row>
    <row r="47199" spans="7:10">
      <c r="G47199" s="16"/>
      <c r="H47199" s="16"/>
      <c r="I47199" s="16"/>
      <c r="J47199" s="16"/>
    </row>
    <row r="47200" spans="7:10">
      <c r="G47200" s="16"/>
      <c r="H47200" s="16"/>
      <c r="I47200" s="16"/>
      <c r="J47200" s="16"/>
    </row>
    <row r="47201" spans="7:10">
      <c r="G47201" s="16"/>
      <c r="H47201" s="16"/>
      <c r="I47201" s="16"/>
      <c r="J47201" s="16"/>
    </row>
    <row r="47202" spans="7:10">
      <c r="G47202" s="16"/>
      <c r="H47202" s="16"/>
      <c r="I47202" s="16"/>
      <c r="J47202" s="16"/>
    </row>
    <row r="47203" spans="7:10">
      <c r="G47203" s="16"/>
      <c r="H47203" s="16"/>
      <c r="I47203" s="16"/>
      <c r="J47203" s="16"/>
    </row>
    <row r="47204" spans="7:10">
      <c r="G47204" s="16"/>
      <c r="H47204" s="16"/>
      <c r="I47204" s="16"/>
      <c r="J47204" s="16"/>
    </row>
    <row r="47205" spans="7:10">
      <c r="G47205" s="16"/>
      <c r="H47205" s="16"/>
      <c r="I47205" s="16"/>
      <c r="J47205" s="16"/>
    </row>
    <row r="47206" spans="7:10">
      <c r="G47206" s="16"/>
      <c r="H47206" s="16"/>
      <c r="I47206" s="16"/>
      <c r="J47206" s="16"/>
    </row>
    <row r="47207" spans="7:10">
      <c r="G47207" s="16"/>
      <c r="H47207" s="16"/>
      <c r="I47207" s="16"/>
      <c r="J47207" s="16"/>
    </row>
    <row r="47208" spans="7:10">
      <c r="G47208" s="16"/>
      <c r="H47208" s="16"/>
      <c r="I47208" s="16"/>
      <c r="J47208" s="16"/>
    </row>
    <row r="47209" spans="7:10">
      <c r="G47209" s="16"/>
      <c r="H47209" s="16"/>
      <c r="I47209" s="16"/>
      <c r="J47209" s="16"/>
    </row>
    <row r="47210" spans="7:10">
      <c r="G47210" s="16"/>
      <c r="H47210" s="16"/>
      <c r="I47210" s="16"/>
      <c r="J47210" s="16"/>
    </row>
    <row r="47211" spans="7:10">
      <c r="G47211" s="16"/>
      <c r="H47211" s="16"/>
      <c r="I47211" s="16"/>
      <c r="J47211" s="16"/>
    </row>
    <row r="47212" spans="7:10">
      <c r="G47212" s="16"/>
      <c r="H47212" s="16"/>
      <c r="I47212" s="16"/>
      <c r="J47212" s="16"/>
    </row>
    <row r="47213" spans="7:10">
      <c r="G47213" s="16"/>
      <c r="H47213" s="16"/>
      <c r="I47213" s="16"/>
      <c r="J47213" s="16"/>
    </row>
    <row r="47214" spans="7:10">
      <c r="G47214" s="16"/>
      <c r="H47214" s="16"/>
      <c r="I47214" s="16"/>
      <c r="J47214" s="16"/>
    </row>
    <row r="47215" spans="7:10">
      <c r="G47215" s="16"/>
      <c r="H47215" s="16"/>
      <c r="I47215" s="16"/>
      <c r="J47215" s="16"/>
    </row>
    <row r="47216" spans="7:10">
      <c r="G47216" s="16"/>
      <c r="H47216" s="16"/>
      <c r="I47216" s="16"/>
      <c r="J47216" s="16"/>
    </row>
    <row r="47217" spans="7:10">
      <c r="G47217" s="16"/>
      <c r="H47217" s="16"/>
      <c r="I47217" s="16"/>
      <c r="J47217" s="16"/>
    </row>
    <row r="47218" spans="7:10">
      <c r="G47218" s="16"/>
      <c r="H47218" s="16"/>
      <c r="I47218" s="16"/>
      <c r="J47218" s="16"/>
    </row>
    <row r="47219" spans="7:10">
      <c r="G47219" s="16"/>
      <c r="H47219" s="16"/>
      <c r="I47219" s="16"/>
      <c r="J47219" s="16"/>
    </row>
    <row r="47220" spans="7:10">
      <c r="G47220" s="16"/>
      <c r="H47220" s="16"/>
      <c r="I47220" s="16"/>
      <c r="J47220" s="16"/>
    </row>
    <row r="47221" spans="7:10">
      <c r="G47221" s="16"/>
      <c r="H47221" s="16"/>
      <c r="I47221" s="16"/>
      <c r="J47221" s="16"/>
    </row>
    <row r="47222" spans="7:10">
      <c r="G47222" s="16"/>
      <c r="H47222" s="16"/>
      <c r="I47222" s="16"/>
      <c r="J47222" s="16"/>
    </row>
    <row r="47223" spans="7:10">
      <c r="G47223" s="16"/>
      <c r="H47223" s="16"/>
      <c r="I47223" s="16"/>
      <c r="J47223" s="16"/>
    </row>
    <row r="47224" spans="7:10">
      <c r="G47224" s="16"/>
      <c r="H47224" s="16"/>
      <c r="I47224" s="16"/>
      <c r="J47224" s="16"/>
    </row>
    <row r="47225" spans="7:10">
      <c r="G47225" s="16"/>
      <c r="H47225" s="16"/>
      <c r="I47225" s="16"/>
      <c r="J47225" s="16"/>
    </row>
    <row r="47226" spans="7:10">
      <c r="G47226" s="16"/>
      <c r="H47226" s="16"/>
      <c r="I47226" s="16"/>
      <c r="J47226" s="16"/>
    </row>
    <row r="47227" spans="7:10">
      <c r="G47227" s="16"/>
      <c r="H47227" s="16"/>
      <c r="I47227" s="16"/>
      <c r="J47227" s="16"/>
    </row>
    <row r="47228" spans="7:10">
      <c r="G47228" s="16"/>
      <c r="H47228" s="16"/>
      <c r="I47228" s="16"/>
      <c r="J47228" s="16"/>
    </row>
    <row r="47229" spans="7:10">
      <c r="G47229" s="16"/>
      <c r="H47229" s="16"/>
      <c r="I47229" s="16"/>
      <c r="J47229" s="16"/>
    </row>
    <row r="47230" spans="7:10">
      <c r="G47230" s="16"/>
      <c r="H47230" s="16"/>
      <c r="I47230" s="16"/>
      <c r="J47230" s="16"/>
    </row>
    <row r="47231" spans="7:10">
      <c r="G47231" s="16"/>
      <c r="H47231" s="16"/>
      <c r="I47231" s="16"/>
      <c r="J47231" s="16"/>
    </row>
    <row r="47232" spans="7:10">
      <c r="G47232" s="16"/>
      <c r="H47232" s="16"/>
      <c r="I47232" s="16"/>
      <c r="J47232" s="16"/>
    </row>
    <row r="47233" spans="7:10">
      <c r="G47233" s="16"/>
      <c r="H47233" s="16"/>
      <c r="I47233" s="16"/>
      <c r="J47233" s="16"/>
    </row>
    <row r="47234" spans="7:10">
      <c r="G47234" s="16"/>
      <c r="H47234" s="16"/>
      <c r="I47234" s="16"/>
      <c r="J47234" s="16"/>
    </row>
    <row r="47235" spans="7:10">
      <c r="G47235" s="16"/>
      <c r="H47235" s="16"/>
      <c r="I47235" s="16"/>
      <c r="J47235" s="16"/>
    </row>
    <row r="47236" spans="7:10">
      <c r="G47236" s="16"/>
      <c r="H47236" s="16"/>
      <c r="I47236" s="16"/>
      <c r="J47236" s="16"/>
    </row>
    <row r="47237" spans="7:10">
      <c r="G47237" s="16"/>
      <c r="H47237" s="16"/>
      <c r="I47237" s="16"/>
      <c r="J47237" s="16"/>
    </row>
    <row r="47238" spans="7:10">
      <c r="G47238" s="16"/>
      <c r="H47238" s="16"/>
      <c r="I47238" s="16"/>
      <c r="J47238" s="16"/>
    </row>
    <row r="47239" spans="7:10">
      <c r="G47239" s="16"/>
      <c r="H47239" s="16"/>
      <c r="I47239" s="16"/>
      <c r="J47239" s="16"/>
    </row>
    <row r="47240" spans="7:10">
      <c r="G47240" s="16"/>
      <c r="H47240" s="16"/>
      <c r="I47240" s="16"/>
      <c r="J47240" s="16"/>
    </row>
    <row r="47241" spans="7:10">
      <c r="G47241" s="16"/>
      <c r="H47241" s="16"/>
      <c r="I47241" s="16"/>
      <c r="J47241" s="16"/>
    </row>
    <row r="47242" spans="7:10">
      <c r="G47242" s="16"/>
      <c r="H47242" s="16"/>
      <c r="I47242" s="16"/>
      <c r="J47242" s="16"/>
    </row>
    <row r="47243" spans="7:10">
      <c r="G47243" s="16"/>
      <c r="H47243" s="16"/>
      <c r="I47243" s="16"/>
      <c r="J47243" s="16"/>
    </row>
    <row r="47244" spans="7:10">
      <c r="G47244" s="16"/>
      <c r="H47244" s="16"/>
      <c r="I47244" s="16"/>
      <c r="J47244" s="16"/>
    </row>
    <row r="47245" spans="7:10">
      <c r="G47245" s="16"/>
      <c r="H47245" s="16"/>
      <c r="I47245" s="16"/>
      <c r="J47245" s="16"/>
    </row>
    <row r="47246" spans="7:10">
      <c r="G47246" s="16"/>
      <c r="H47246" s="16"/>
      <c r="I47246" s="16"/>
      <c r="J47246" s="16"/>
    </row>
    <row r="47247" spans="7:10">
      <c r="G47247" s="16"/>
      <c r="H47247" s="16"/>
      <c r="I47247" s="16"/>
      <c r="J47247" s="16"/>
    </row>
    <row r="47248" spans="7:10">
      <c r="G47248" s="16"/>
      <c r="H47248" s="16"/>
      <c r="I47248" s="16"/>
      <c r="J47248" s="16"/>
    </row>
    <row r="47249" spans="7:10">
      <c r="G47249" s="16"/>
      <c r="H47249" s="16"/>
      <c r="I47249" s="16"/>
      <c r="J47249" s="16"/>
    </row>
    <row r="47250" spans="7:10">
      <c r="G47250" s="16"/>
      <c r="H47250" s="16"/>
      <c r="I47250" s="16"/>
      <c r="J47250" s="16"/>
    </row>
    <row r="47251" spans="7:10">
      <c r="G47251" s="16"/>
      <c r="H47251" s="16"/>
      <c r="I47251" s="16"/>
      <c r="J47251" s="16"/>
    </row>
    <row r="47252" spans="7:10">
      <c r="G47252" s="16"/>
      <c r="H47252" s="16"/>
      <c r="I47252" s="16"/>
      <c r="J47252" s="16"/>
    </row>
    <row r="47253" spans="7:10">
      <c r="G47253" s="16"/>
      <c r="H47253" s="16"/>
      <c r="I47253" s="16"/>
      <c r="J47253" s="16"/>
    </row>
    <row r="47254" spans="7:10">
      <c r="G47254" s="16"/>
      <c r="H47254" s="16"/>
      <c r="I47254" s="16"/>
      <c r="J47254" s="16"/>
    </row>
    <row r="47255" spans="7:10">
      <c r="G47255" s="16"/>
      <c r="H47255" s="16"/>
      <c r="I47255" s="16"/>
      <c r="J47255" s="16"/>
    </row>
    <row r="47256" spans="7:10">
      <c r="G47256" s="16"/>
      <c r="H47256" s="16"/>
      <c r="I47256" s="16"/>
      <c r="J47256" s="16"/>
    </row>
    <row r="47257" spans="7:10">
      <c r="G47257" s="16"/>
      <c r="H47257" s="16"/>
      <c r="I47257" s="16"/>
      <c r="J47257" s="16"/>
    </row>
    <row r="47258" spans="7:10">
      <c r="G47258" s="16"/>
      <c r="H47258" s="16"/>
      <c r="I47258" s="16"/>
      <c r="J47258" s="16"/>
    </row>
    <row r="47259" spans="7:10">
      <c r="G47259" s="16"/>
      <c r="H47259" s="16"/>
      <c r="I47259" s="16"/>
      <c r="J47259" s="16"/>
    </row>
    <row r="47260" spans="7:10">
      <c r="G47260" s="16"/>
      <c r="H47260" s="16"/>
      <c r="I47260" s="16"/>
      <c r="J47260" s="16"/>
    </row>
    <row r="47261" spans="7:10">
      <c r="G47261" s="16"/>
      <c r="H47261" s="16"/>
      <c r="I47261" s="16"/>
      <c r="J47261" s="16"/>
    </row>
    <row r="47262" spans="7:10">
      <c r="G47262" s="16"/>
      <c r="H47262" s="16"/>
      <c r="I47262" s="16"/>
      <c r="J47262" s="16"/>
    </row>
    <row r="47263" spans="7:10">
      <c r="G47263" s="16"/>
      <c r="H47263" s="16"/>
      <c r="I47263" s="16"/>
      <c r="J47263" s="16"/>
    </row>
    <row r="47264" spans="7:10">
      <c r="G47264" s="16"/>
      <c r="H47264" s="16"/>
      <c r="I47264" s="16"/>
      <c r="J47264" s="16"/>
    </row>
    <row r="47265" spans="7:10">
      <c r="G47265" s="16"/>
      <c r="H47265" s="16"/>
      <c r="I47265" s="16"/>
      <c r="J47265" s="16"/>
    </row>
    <row r="47266" spans="7:10">
      <c r="G47266" s="16"/>
      <c r="H47266" s="16"/>
      <c r="I47266" s="16"/>
      <c r="J47266" s="16"/>
    </row>
    <row r="47267" spans="7:10">
      <c r="G47267" s="16"/>
      <c r="H47267" s="16"/>
      <c r="I47267" s="16"/>
      <c r="J47267" s="16"/>
    </row>
    <row r="47268" spans="7:10">
      <c r="G47268" s="16"/>
      <c r="H47268" s="16"/>
      <c r="I47268" s="16"/>
      <c r="J47268" s="16"/>
    </row>
    <row r="47269" spans="7:10">
      <c r="G47269" s="16"/>
      <c r="H47269" s="16"/>
      <c r="I47269" s="16"/>
      <c r="J47269" s="16"/>
    </row>
    <row r="47270" spans="7:10">
      <c r="G47270" s="16"/>
      <c r="H47270" s="16"/>
      <c r="I47270" s="16"/>
      <c r="J47270" s="16"/>
    </row>
    <row r="47271" spans="7:10">
      <c r="G47271" s="16"/>
      <c r="H47271" s="16"/>
      <c r="I47271" s="16"/>
      <c r="J47271" s="16"/>
    </row>
    <row r="47272" spans="7:10">
      <c r="G47272" s="16"/>
      <c r="H47272" s="16"/>
      <c r="I47272" s="16"/>
      <c r="J47272" s="16"/>
    </row>
    <row r="47273" spans="7:10">
      <c r="G47273" s="16"/>
      <c r="H47273" s="16"/>
      <c r="I47273" s="16"/>
      <c r="J47273" s="16"/>
    </row>
    <row r="47274" spans="7:10">
      <c r="G47274" s="16"/>
      <c r="H47274" s="16"/>
      <c r="I47274" s="16"/>
      <c r="J47274" s="16"/>
    </row>
    <row r="47275" spans="7:10">
      <c r="G47275" s="16"/>
      <c r="H47275" s="16"/>
      <c r="I47275" s="16"/>
      <c r="J47275" s="16"/>
    </row>
    <row r="47276" spans="7:10">
      <c r="G47276" s="16"/>
      <c r="H47276" s="16"/>
      <c r="I47276" s="16"/>
      <c r="J47276" s="16"/>
    </row>
    <row r="47277" spans="7:10">
      <c r="G47277" s="16"/>
      <c r="H47277" s="16"/>
      <c r="I47277" s="16"/>
      <c r="J47277" s="16"/>
    </row>
    <row r="47278" spans="7:10">
      <c r="G47278" s="16"/>
      <c r="H47278" s="16"/>
      <c r="I47278" s="16"/>
      <c r="J47278" s="16"/>
    </row>
    <row r="47279" spans="7:10">
      <c r="G47279" s="16"/>
      <c r="H47279" s="16"/>
      <c r="I47279" s="16"/>
      <c r="J47279" s="16"/>
    </row>
    <row r="47280" spans="7:10">
      <c r="G47280" s="16"/>
      <c r="H47280" s="16"/>
      <c r="I47280" s="16"/>
      <c r="J47280" s="16"/>
    </row>
    <row r="47281" spans="7:10">
      <c r="G47281" s="16"/>
      <c r="H47281" s="16"/>
      <c r="I47281" s="16"/>
      <c r="J47281" s="16"/>
    </row>
    <row r="47282" spans="7:10">
      <c r="G47282" s="16"/>
      <c r="H47282" s="16"/>
      <c r="I47282" s="16"/>
      <c r="J47282" s="16"/>
    </row>
    <row r="47283" spans="7:10">
      <c r="G47283" s="16"/>
      <c r="H47283" s="16"/>
      <c r="I47283" s="16"/>
      <c r="J47283" s="16"/>
    </row>
    <row r="47284" spans="7:10">
      <c r="G47284" s="16"/>
      <c r="H47284" s="16"/>
      <c r="I47284" s="16"/>
      <c r="J47284" s="16"/>
    </row>
    <row r="47285" spans="7:10">
      <c r="G47285" s="16"/>
      <c r="H47285" s="16"/>
      <c r="I47285" s="16"/>
      <c r="J47285" s="16"/>
    </row>
    <row r="47286" spans="7:10">
      <c r="G47286" s="16"/>
      <c r="H47286" s="16"/>
      <c r="I47286" s="16"/>
      <c r="J47286" s="16"/>
    </row>
    <row r="47287" spans="7:10">
      <c r="G47287" s="16"/>
      <c r="H47287" s="16"/>
      <c r="I47287" s="16"/>
      <c r="J47287" s="16"/>
    </row>
    <row r="47288" spans="7:10">
      <c r="G47288" s="16"/>
      <c r="H47288" s="16"/>
      <c r="I47288" s="16"/>
      <c r="J47288" s="16"/>
    </row>
    <row r="47289" spans="7:10">
      <c r="G47289" s="16"/>
      <c r="H47289" s="16"/>
      <c r="I47289" s="16"/>
      <c r="J47289" s="16"/>
    </row>
    <row r="47290" spans="7:10">
      <c r="G47290" s="16"/>
      <c r="H47290" s="16"/>
      <c r="I47290" s="16"/>
      <c r="J47290" s="16"/>
    </row>
    <row r="47291" spans="7:10">
      <c r="G47291" s="16"/>
      <c r="H47291" s="16"/>
      <c r="I47291" s="16"/>
      <c r="J47291" s="16"/>
    </row>
    <row r="47292" spans="7:10">
      <c r="G47292" s="16"/>
      <c r="H47292" s="16"/>
      <c r="I47292" s="16"/>
      <c r="J47292" s="16"/>
    </row>
    <row r="47293" spans="7:10">
      <c r="G47293" s="16"/>
      <c r="H47293" s="16"/>
      <c r="I47293" s="16"/>
      <c r="J47293" s="16"/>
    </row>
    <row r="47294" spans="7:10">
      <c r="G47294" s="16"/>
      <c r="H47294" s="16"/>
      <c r="I47294" s="16"/>
      <c r="J47294" s="16"/>
    </row>
    <row r="47295" spans="7:10">
      <c r="G47295" s="16"/>
      <c r="H47295" s="16"/>
      <c r="I47295" s="16"/>
      <c r="J47295" s="16"/>
    </row>
    <row r="47296" spans="7:10">
      <c r="G47296" s="16"/>
      <c r="H47296" s="16"/>
      <c r="I47296" s="16"/>
      <c r="J47296" s="16"/>
    </row>
    <row r="47297" spans="7:10">
      <c r="G47297" s="16"/>
      <c r="H47297" s="16"/>
      <c r="I47297" s="16"/>
      <c r="J47297" s="16"/>
    </row>
    <row r="47298" spans="7:10">
      <c r="G47298" s="16"/>
      <c r="H47298" s="16"/>
      <c r="I47298" s="16"/>
      <c r="J47298" s="16"/>
    </row>
    <row r="47299" spans="7:10">
      <c r="G47299" s="16"/>
      <c r="H47299" s="16"/>
      <c r="I47299" s="16"/>
      <c r="J47299" s="16"/>
    </row>
    <row r="47300" spans="7:10">
      <c r="G47300" s="16"/>
      <c r="H47300" s="16"/>
      <c r="I47300" s="16"/>
      <c r="J47300" s="16"/>
    </row>
    <row r="47301" spans="7:10">
      <c r="G47301" s="16"/>
      <c r="H47301" s="16"/>
      <c r="I47301" s="16"/>
      <c r="J47301" s="16"/>
    </row>
    <row r="47302" spans="7:10">
      <c r="G47302" s="16"/>
      <c r="H47302" s="16"/>
      <c r="I47302" s="16"/>
      <c r="J47302" s="16"/>
    </row>
    <row r="47303" spans="7:10">
      <c r="G47303" s="16"/>
      <c r="H47303" s="16"/>
      <c r="I47303" s="16"/>
      <c r="J47303" s="16"/>
    </row>
    <row r="47304" spans="7:10">
      <c r="G47304" s="16"/>
      <c r="H47304" s="16"/>
      <c r="I47304" s="16"/>
      <c r="J47304" s="16"/>
    </row>
    <row r="47305" spans="7:10">
      <c r="G47305" s="16"/>
      <c r="H47305" s="16"/>
      <c r="I47305" s="16"/>
      <c r="J47305" s="16"/>
    </row>
    <row r="47306" spans="7:10">
      <c r="G47306" s="16"/>
      <c r="H47306" s="16"/>
      <c r="I47306" s="16"/>
      <c r="J47306" s="16"/>
    </row>
    <row r="47307" spans="7:10">
      <c r="G47307" s="16"/>
      <c r="H47307" s="16"/>
      <c r="I47307" s="16"/>
      <c r="J47307" s="16"/>
    </row>
    <row r="47308" spans="7:10">
      <c r="G47308" s="16"/>
      <c r="H47308" s="16"/>
      <c r="I47308" s="16"/>
      <c r="J47308" s="16"/>
    </row>
    <row r="47309" spans="7:10">
      <c r="G47309" s="16"/>
      <c r="H47309" s="16"/>
      <c r="I47309" s="16"/>
      <c r="J47309" s="16"/>
    </row>
    <row r="47310" spans="7:10">
      <c r="G47310" s="16"/>
      <c r="H47310" s="16"/>
      <c r="I47310" s="16"/>
      <c r="J47310" s="16"/>
    </row>
    <row r="47311" spans="7:10">
      <c r="G47311" s="16"/>
      <c r="H47311" s="16"/>
      <c r="I47311" s="16"/>
      <c r="J47311" s="16"/>
    </row>
    <row r="47312" spans="7:10">
      <c r="G47312" s="16"/>
      <c r="H47312" s="16"/>
      <c r="I47312" s="16"/>
      <c r="J47312" s="16"/>
    </row>
    <row r="47313" spans="7:10">
      <c r="G47313" s="16"/>
      <c r="H47313" s="16"/>
      <c r="I47313" s="16"/>
      <c r="J47313" s="16"/>
    </row>
    <row r="47314" spans="7:10">
      <c r="G47314" s="16"/>
      <c r="H47314" s="16"/>
      <c r="I47314" s="16"/>
      <c r="J47314" s="16"/>
    </row>
    <row r="47315" spans="7:10">
      <c r="G47315" s="16"/>
      <c r="H47315" s="16"/>
      <c r="I47315" s="16"/>
      <c r="J47315" s="16"/>
    </row>
    <row r="47316" spans="7:10">
      <c r="G47316" s="16"/>
      <c r="H47316" s="16"/>
      <c r="I47316" s="16"/>
      <c r="J47316" s="16"/>
    </row>
    <row r="47317" spans="7:10">
      <c r="G47317" s="16"/>
      <c r="H47317" s="16"/>
      <c r="I47317" s="16"/>
      <c r="J47317" s="16"/>
    </row>
    <row r="47318" spans="7:10">
      <c r="G47318" s="16"/>
      <c r="H47318" s="16"/>
      <c r="I47318" s="16"/>
      <c r="J47318" s="16"/>
    </row>
    <row r="47319" spans="7:10">
      <c r="G47319" s="16"/>
      <c r="H47319" s="16"/>
      <c r="I47319" s="16"/>
      <c r="J47319" s="16"/>
    </row>
    <row r="47320" spans="7:10">
      <c r="G47320" s="16"/>
      <c r="H47320" s="16"/>
      <c r="I47320" s="16"/>
      <c r="J47320" s="16"/>
    </row>
    <row r="47321" spans="7:10">
      <c r="G47321" s="16"/>
      <c r="H47321" s="16"/>
      <c r="I47321" s="16"/>
      <c r="J47321" s="16"/>
    </row>
    <row r="47322" spans="7:10">
      <c r="G47322" s="16"/>
      <c r="H47322" s="16"/>
      <c r="I47322" s="16"/>
      <c r="J47322" s="16"/>
    </row>
    <row r="47323" spans="7:10">
      <c r="G47323" s="16"/>
      <c r="H47323" s="16"/>
      <c r="I47323" s="16"/>
      <c r="J47323" s="16"/>
    </row>
    <row r="47324" spans="7:10">
      <c r="G47324" s="16"/>
      <c r="H47324" s="16"/>
      <c r="I47324" s="16"/>
      <c r="J47324" s="16"/>
    </row>
    <row r="47325" spans="7:10">
      <c r="G47325" s="16"/>
      <c r="H47325" s="16"/>
      <c r="I47325" s="16"/>
      <c r="J47325" s="16"/>
    </row>
    <row r="47326" spans="7:10">
      <c r="G47326" s="16"/>
      <c r="H47326" s="16"/>
      <c r="I47326" s="16"/>
      <c r="J47326" s="16"/>
    </row>
    <row r="47327" spans="7:10">
      <c r="G47327" s="16"/>
      <c r="H47327" s="16"/>
      <c r="I47327" s="16"/>
      <c r="J47327" s="16"/>
    </row>
    <row r="47328" spans="7:10">
      <c r="G47328" s="16"/>
      <c r="H47328" s="16"/>
      <c r="I47328" s="16"/>
      <c r="J47328" s="16"/>
    </row>
    <row r="47329" spans="7:10">
      <c r="G47329" s="16"/>
      <c r="H47329" s="16"/>
      <c r="I47329" s="16"/>
      <c r="J47329" s="16"/>
    </row>
    <row r="47330" spans="7:10">
      <c r="G47330" s="16"/>
      <c r="H47330" s="16"/>
      <c r="I47330" s="16"/>
      <c r="J47330" s="16"/>
    </row>
    <row r="47331" spans="7:10">
      <c r="G47331" s="16"/>
      <c r="H47331" s="16"/>
      <c r="I47331" s="16"/>
      <c r="J47331" s="16"/>
    </row>
    <row r="47332" spans="7:10">
      <c r="G47332" s="16"/>
      <c r="H47332" s="16"/>
      <c r="I47332" s="16"/>
      <c r="J47332" s="16"/>
    </row>
    <row r="47333" spans="7:10">
      <c r="G47333" s="16"/>
      <c r="H47333" s="16"/>
      <c r="I47333" s="16"/>
      <c r="J47333" s="16"/>
    </row>
    <row r="47334" spans="7:10">
      <c r="G47334" s="16"/>
      <c r="H47334" s="16"/>
      <c r="I47334" s="16"/>
      <c r="J47334" s="16"/>
    </row>
    <row r="47335" spans="7:10">
      <c r="G47335" s="16"/>
      <c r="H47335" s="16"/>
      <c r="I47335" s="16"/>
      <c r="J47335" s="16"/>
    </row>
    <row r="47336" spans="7:10">
      <c r="G47336" s="16"/>
      <c r="H47336" s="16"/>
      <c r="I47336" s="16"/>
      <c r="J47336" s="16"/>
    </row>
    <row r="47337" spans="7:10">
      <c r="G47337" s="16"/>
      <c r="H47337" s="16"/>
      <c r="I47337" s="16"/>
      <c r="J47337" s="16"/>
    </row>
    <row r="47338" spans="7:10">
      <c r="G47338" s="16"/>
      <c r="H47338" s="16"/>
      <c r="I47338" s="16"/>
      <c r="J47338" s="16"/>
    </row>
    <row r="47339" spans="7:10">
      <c r="G47339" s="16"/>
      <c r="H47339" s="16"/>
      <c r="I47339" s="16"/>
      <c r="J47339" s="16"/>
    </row>
    <row r="47340" spans="7:10">
      <c r="G47340" s="16"/>
      <c r="H47340" s="16"/>
      <c r="I47340" s="16"/>
      <c r="J47340" s="16"/>
    </row>
    <row r="47341" spans="7:10">
      <c r="G47341" s="16"/>
      <c r="H47341" s="16"/>
      <c r="I47341" s="16"/>
      <c r="J47341" s="16"/>
    </row>
    <row r="47342" spans="7:10">
      <c r="G47342" s="16"/>
      <c r="H47342" s="16"/>
      <c r="I47342" s="16"/>
      <c r="J47342" s="16"/>
    </row>
    <row r="47343" spans="7:10">
      <c r="G47343" s="16"/>
      <c r="H47343" s="16"/>
      <c r="I47343" s="16"/>
      <c r="J47343" s="16"/>
    </row>
    <row r="47344" spans="7:10">
      <c r="G47344" s="16"/>
      <c r="H47344" s="16"/>
      <c r="I47344" s="16"/>
      <c r="J47344" s="16"/>
    </row>
    <row r="47345" spans="7:10">
      <c r="G47345" s="16"/>
      <c r="H47345" s="16"/>
      <c r="I47345" s="16"/>
      <c r="J47345" s="16"/>
    </row>
    <row r="47346" spans="7:10">
      <c r="G47346" s="16"/>
      <c r="H47346" s="16"/>
      <c r="I47346" s="16"/>
      <c r="J47346" s="16"/>
    </row>
    <row r="47347" spans="7:10">
      <c r="G47347" s="16"/>
      <c r="H47347" s="16"/>
      <c r="I47347" s="16"/>
      <c r="J47347" s="16"/>
    </row>
    <row r="47348" spans="7:10">
      <c r="G47348" s="16"/>
      <c r="H47348" s="16"/>
      <c r="I47348" s="16"/>
      <c r="J47348" s="16"/>
    </row>
    <row r="47349" spans="7:10">
      <c r="G47349" s="16"/>
      <c r="H47349" s="16"/>
      <c r="I47349" s="16"/>
      <c r="J47349" s="16"/>
    </row>
    <row r="47350" spans="7:10">
      <c r="G47350" s="16"/>
      <c r="H47350" s="16"/>
      <c r="I47350" s="16"/>
      <c r="J47350" s="16"/>
    </row>
    <row r="47351" spans="7:10">
      <c r="G47351" s="16"/>
      <c r="H47351" s="16"/>
      <c r="I47351" s="16"/>
      <c r="J47351" s="16"/>
    </row>
    <row r="47352" spans="7:10">
      <c r="G47352" s="16"/>
      <c r="H47352" s="16"/>
      <c r="I47352" s="16"/>
      <c r="J47352" s="16"/>
    </row>
    <row r="47353" spans="7:10">
      <c r="G47353" s="16"/>
      <c r="H47353" s="16"/>
      <c r="I47353" s="16"/>
      <c r="J47353" s="16"/>
    </row>
    <row r="47354" spans="7:10">
      <c r="G47354" s="16"/>
      <c r="H47354" s="16"/>
      <c r="I47354" s="16"/>
      <c r="J47354" s="16"/>
    </row>
    <row r="47355" spans="7:10">
      <c r="G47355" s="16"/>
      <c r="H47355" s="16"/>
      <c r="I47355" s="16"/>
      <c r="J47355" s="16"/>
    </row>
    <row r="47356" spans="7:10">
      <c r="G47356" s="16"/>
      <c r="H47356" s="16"/>
      <c r="I47356" s="16"/>
      <c r="J47356" s="16"/>
    </row>
    <row r="47357" spans="7:10">
      <c r="G47357" s="16"/>
      <c r="H47357" s="16"/>
      <c r="I47357" s="16"/>
      <c r="J47357" s="16"/>
    </row>
    <row r="47358" spans="7:10">
      <c r="G47358" s="16"/>
      <c r="H47358" s="16"/>
      <c r="I47358" s="16"/>
      <c r="J47358" s="16"/>
    </row>
    <row r="47359" spans="7:10">
      <c r="G47359" s="16"/>
      <c r="H47359" s="16"/>
      <c r="I47359" s="16"/>
      <c r="J47359" s="16"/>
    </row>
    <row r="47360" spans="7:10">
      <c r="G47360" s="16"/>
      <c r="H47360" s="16"/>
      <c r="I47360" s="16"/>
      <c r="J47360" s="16"/>
    </row>
    <row r="47361" spans="7:10">
      <c r="G47361" s="16"/>
      <c r="H47361" s="16"/>
      <c r="I47361" s="16"/>
      <c r="J47361" s="16"/>
    </row>
    <row r="47362" spans="7:10">
      <c r="G47362" s="16"/>
      <c r="H47362" s="16"/>
      <c r="I47362" s="16"/>
      <c r="J47362" s="16"/>
    </row>
    <row r="47363" spans="7:10">
      <c r="G47363" s="16"/>
      <c r="H47363" s="16"/>
      <c r="I47363" s="16"/>
      <c r="J47363" s="16"/>
    </row>
    <row r="47364" spans="7:10">
      <c r="G47364" s="16"/>
      <c r="H47364" s="16"/>
      <c r="I47364" s="16"/>
      <c r="J47364" s="16"/>
    </row>
    <row r="47365" spans="7:10">
      <c r="G47365" s="16"/>
      <c r="H47365" s="16"/>
      <c r="I47365" s="16"/>
      <c r="J47365" s="16"/>
    </row>
    <row r="47366" spans="7:10">
      <c r="G47366" s="16"/>
      <c r="H47366" s="16"/>
      <c r="I47366" s="16"/>
      <c r="J47366" s="16"/>
    </row>
    <row r="47367" spans="7:10">
      <c r="G47367" s="16"/>
      <c r="H47367" s="16"/>
      <c r="I47367" s="16"/>
      <c r="J47367" s="16"/>
    </row>
    <row r="47368" spans="7:10">
      <c r="G47368" s="16"/>
      <c r="H47368" s="16"/>
      <c r="I47368" s="16"/>
      <c r="J47368" s="16"/>
    </row>
    <row r="47369" spans="7:10">
      <c r="G47369" s="16"/>
      <c r="H47369" s="16"/>
      <c r="I47369" s="16"/>
      <c r="J47369" s="16"/>
    </row>
    <row r="47370" spans="7:10">
      <c r="G47370" s="16"/>
      <c r="H47370" s="16"/>
      <c r="I47370" s="16"/>
      <c r="J47370" s="16"/>
    </row>
    <row r="47371" spans="7:10">
      <c r="G47371" s="16"/>
      <c r="H47371" s="16"/>
      <c r="I47371" s="16"/>
      <c r="J47371" s="16"/>
    </row>
    <row r="47372" spans="7:10">
      <c r="G47372" s="16"/>
      <c r="H47372" s="16"/>
      <c r="I47372" s="16"/>
      <c r="J47372" s="16"/>
    </row>
    <row r="47373" spans="7:10">
      <c r="G47373" s="16"/>
      <c r="H47373" s="16"/>
      <c r="I47373" s="16"/>
      <c r="J47373" s="16"/>
    </row>
    <row r="47374" spans="7:10">
      <c r="G47374" s="16"/>
      <c r="H47374" s="16"/>
      <c r="I47374" s="16"/>
      <c r="J47374" s="16"/>
    </row>
    <row r="47375" spans="7:10">
      <c r="G47375" s="16"/>
      <c r="H47375" s="16"/>
      <c r="I47375" s="16"/>
      <c r="J47375" s="16"/>
    </row>
    <row r="47376" spans="7:10">
      <c r="G47376" s="16"/>
      <c r="H47376" s="16"/>
      <c r="I47376" s="16"/>
      <c r="J47376" s="16"/>
    </row>
    <row r="47377" spans="7:10">
      <c r="G47377" s="16"/>
      <c r="H47377" s="16"/>
      <c r="I47377" s="16"/>
      <c r="J47377" s="16"/>
    </row>
    <row r="47378" spans="7:10">
      <c r="G47378" s="16"/>
      <c r="H47378" s="16"/>
      <c r="I47378" s="16"/>
      <c r="J47378" s="16"/>
    </row>
    <row r="47379" spans="7:10">
      <c r="G47379" s="16"/>
      <c r="H47379" s="16"/>
      <c r="I47379" s="16"/>
      <c r="J47379" s="16"/>
    </row>
    <row r="47380" spans="7:10">
      <c r="G47380" s="16"/>
      <c r="H47380" s="16"/>
      <c r="I47380" s="16"/>
      <c r="J47380" s="16"/>
    </row>
    <row r="47381" spans="7:10">
      <c r="G47381" s="16"/>
      <c r="H47381" s="16"/>
      <c r="I47381" s="16"/>
      <c r="J47381" s="16"/>
    </row>
    <row r="47382" spans="7:10">
      <c r="G47382" s="16"/>
      <c r="H47382" s="16"/>
      <c r="I47382" s="16"/>
      <c r="J47382" s="16"/>
    </row>
    <row r="47383" spans="7:10">
      <c r="G47383" s="16"/>
      <c r="H47383" s="16"/>
      <c r="I47383" s="16"/>
      <c r="J47383" s="16"/>
    </row>
    <row r="47384" spans="7:10">
      <c r="G47384" s="16"/>
      <c r="H47384" s="16"/>
      <c r="I47384" s="16"/>
      <c r="J47384" s="16"/>
    </row>
    <row r="47385" spans="7:10">
      <c r="G47385" s="16"/>
      <c r="H47385" s="16"/>
      <c r="I47385" s="16"/>
      <c r="J47385" s="16"/>
    </row>
    <row r="47386" spans="7:10">
      <c r="G47386" s="16"/>
      <c r="H47386" s="16"/>
      <c r="I47386" s="16"/>
      <c r="J47386" s="16"/>
    </row>
    <row r="47387" spans="7:10">
      <c r="G47387" s="16"/>
      <c r="H47387" s="16"/>
      <c r="I47387" s="16"/>
      <c r="J47387" s="16"/>
    </row>
    <row r="47388" spans="7:10">
      <c r="G47388" s="16"/>
      <c r="H47388" s="16"/>
      <c r="I47388" s="16"/>
      <c r="J47388" s="16"/>
    </row>
    <row r="47389" spans="7:10">
      <c r="G47389" s="16"/>
      <c r="H47389" s="16"/>
      <c r="I47389" s="16"/>
      <c r="J47389" s="16"/>
    </row>
    <row r="47390" spans="7:10">
      <c r="G47390" s="16"/>
      <c r="H47390" s="16"/>
      <c r="I47390" s="16"/>
      <c r="J47390" s="16"/>
    </row>
    <row r="47391" spans="7:10">
      <c r="G47391" s="16"/>
      <c r="H47391" s="16"/>
      <c r="I47391" s="16"/>
      <c r="J47391" s="16"/>
    </row>
    <row r="47392" spans="7:10">
      <c r="G47392" s="16"/>
      <c r="H47392" s="16"/>
      <c r="I47392" s="16"/>
      <c r="J47392" s="16"/>
    </row>
    <row r="47393" spans="7:10">
      <c r="G47393" s="16"/>
      <c r="H47393" s="16"/>
      <c r="I47393" s="16"/>
      <c r="J47393" s="16"/>
    </row>
    <row r="47394" spans="7:10">
      <c r="G47394" s="16"/>
      <c r="H47394" s="16"/>
      <c r="I47394" s="16"/>
      <c r="J47394" s="16"/>
    </row>
    <row r="47395" spans="7:10">
      <c r="G47395" s="16"/>
      <c r="H47395" s="16"/>
      <c r="I47395" s="16"/>
      <c r="J47395" s="16"/>
    </row>
    <row r="47396" spans="7:10">
      <c r="G47396" s="16"/>
      <c r="H47396" s="16"/>
      <c r="I47396" s="16"/>
      <c r="J47396" s="16"/>
    </row>
    <row r="47397" spans="7:10">
      <c r="G47397" s="16"/>
      <c r="H47397" s="16"/>
      <c r="I47397" s="16"/>
      <c r="J47397" s="16"/>
    </row>
    <row r="47398" spans="7:10">
      <c r="G47398" s="16"/>
      <c r="H47398" s="16"/>
      <c r="I47398" s="16"/>
      <c r="J47398" s="16"/>
    </row>
    <row r="47399" spans="7:10">
      <c r="G47399" s="16"/>
      <c r="H47399" s="16"/>
      <c r="I47399" s="16"/>
      <c r="J47399" s="16"/>
    </row>
    <row r="47400" spans="7:10">
      <c r="G47400" s="16"/>
      <c r="H47400" s="16"/>
      <c r="I47400" s="16"/>
      <c r="J47400" s="16"/>
    </row>
    <row r="47401" spans="7:10">
      <c r="G47401" s="16"/>
      <c r="H47401" s="16"/>
      <c r="I47401" s="16"/>
      <c r="J47401" s="16"/>
    </row>
    <row r="47402" spans="7:10">
      <c r="G47402" s="16"/>
      <c r="H47402" s="16"/>
      <c r="I47402" s="16"/>
      <c r="J47402" s="16"/>
    </row>
    <row r="47403" spans="7:10">
      <c r="G47403" s="16"/>
      <c r="H47403" s="16"/>
      <c r="I47403" s="16"/>
      <c r="J47403" s="16"/>
    </row>
    <row r="47404" spans="7:10">
      <c r="G47404" s="16"/>
      <c r="H47404" s="16"/>
      <c r="I47404" s="16"/>
      <c r="J47404" s="16"/>
    </row>
    <row r="47405" spans="7:10">
      <c r="G47405" s="16"/>
      <c r="H47405" s="16"/>
      <c r="I47405" s="16"/>
      <c r="J47405" s="16"/>
    </row>
    <row r="47406" spans="7:10">
      <c r="G47406" s="16"/>
      <c r="H47406" s="16"/>
      <c r="I47406" s="16"/>
      <c r="J47406" s="16"/>
    </row>
    <row r="47407" spans="7:10">
      <c r="G47407" s="16"/>
      <c r="H47407" s="16"/>
      <c r="I47407" s="16"/>
      <c r="J47407" s="16"/>
    </row>
    <row r="47408" spans="7:10">
      <c r="G47408" s="16"/>
      <c r="H47408" s="16"/>
      <c r="I47408" s="16"/>
      <c r="J47408" s="16"/>
    </row>
    <row r="47409" spans="7:10">
      <c r="G47409" s="16"/>
      <c r="H47409" s="16"/>
      <c r="I47409" s="16"/>
      <c r="J47409" s="16"/>
    </row>
    <row r="47410" spans="7:10">
      <c r="G47410" s="16"/>
      <c r="H47410" s="16"/>
      <c r="I47410" s="16"/>
      <c r="J47410" s="16"/>
    </row>
    <row r="47411" spans="7:10">
      <c r="G47411" s="16"/>
      <c r="H47411" s="16"/>
      <c r="I47411" s="16"/>
      <c r="J47411" s="16"/>
    </row>
    <row r="47412" spans="7:10">
      <c r="G47412" s="16"/>
      <c r="H47412" s="16"/>
      <c r="I47412" s="16"/>
      <c r="J47412" s="16"/>
    </row>
    <row r="47413" spans="7:10">
      <c r="G47413" s="16"/>
      <c r="H47413" s="16"/>
      <c r="I47413" s="16"/>
      <c r="J47413" s="16"/>
    </row>
    <row r="47414" spans="7:10">
      <c r="G47414" s="16"/>
      <c r="H47414" s="16"/>
      <c r="I47414" s="16"/>
      <c r="J47414" s="16"/>
    </row>
    <row r="47415" spans="7:10">
      <c r="G47415" s="16"/>
      <c r="H47415" s="16"/>
      <c r="I47415" s="16"/>
      <c r="J47415" s="16"/>
    </row>
    <row r="47416" spans="7:10">
      <c r="G47416" s="16"/>
      <c r="H47416" s="16"/>
      <c r="I47416" s="16"/>
      <c r="J47416" s="16"/>
    </row>
    <row r="47417" spans="7:10">
      <c r="G47417" s="16"/>
      <c r="H47417" s="16"/>
      <c r="I47417" s="16"/>
      <c r="J47417" s="16"/>
    </row>
    <row r="47418" spans="7:10">
      <c r="G47418" s="16"/>
      <c r="H47418" s="16"/>
      <c r="I47418" s="16"/>
      <c r="J47418" s="16"/>
    </row>
    <row r="47419" spans="7:10">
      <c r="G47419" s="16"/>
      <c r="H47419" s="16"/>
      <c r="I47419" s="16"/>
      <c r="J47419" s="16"/>
    </row>
    <row r="47420" spans="7:10">
      <c r="G47420" s="16"/>
      <c r="H47420" s="16"/>
      <c r="I47420" s="16"/>
      <c r="J47420" s="16"/>
    </row>
    <row r="47421" spans="7:10">
      <c r="G47421" s="16"/>
      <c r="H47421" s="16"/>
      <c r="I47421" s="16"/>
      <c r="J47421" s="16"/>
    </row>
    <row r="47422" spans="7:10">
      <c r="G47422" s="16"/>
      <c r="H47422" s="16"/>
      <c r="I47422" s="16"/>
      <c r="J47422" s="16"/>
    </row>
    <row r="47423" spans="7:10">
      <c r="G47423" s="16"/>
      <c r="H47423" s="16"/>
      <c r="I47423" s="16"/>
      <c r="J47423" s="16"/>
    </row>
    <row r="47424" spans="7:10">
      <c r="G47424" s="16"/>
      <c r="H47424" s="16"/>
      <c r="I47424" s="16"/>
      <c r="J47424" s="16"/>
    </row>
    <row r="47425" spans="7:10">
      <c r="G47425" s="16"/>
      <c r="H47425" s="16"/>
      <c r="I47425" s="16"/>
      <c r="J47425" s="16"/>
    </row>
    <row r="47426" spans="7:10">
      <c r="G47426" s="16"/>
      <c r="H47426" s="16"/>
      <c r="I47426" s="16"/>
      <c r="J47426" s="16"/>
    </row>
    <row r="47427" spans="7:10">
      <c r="G47427" s="16"/>
      <c r="H47427" s="16"/>
      <c r="I47427" s="16"/>
      <c r="J47427" s="16"/>
    </row>
    <row r="47428" spans="7:10">
      <c r="G47428" s="16"/>
      <c r="H47428" s="16"/>
      <c r="I47428" s="16"/>
      <c r="J47428" s="16"/>
    </row>
    <row r="47429" spans="7:10">
      <c r="G47429" s="16"/>
      <c r="H47429" s="16"/>
      <c r="I47429" s="16"/>
      <c r="J47429" s="16"/>
    </row>
    <row r="47430" spans="7:10">
      <c r="G47430" s="16"/>
      <c r="H47430" s="16"/>
      <c r="I47430" s="16"/>
      <c r="J47430" s="16"/>
    </row>
    <row r="47431" spans="7:10">
      <c r="G47431" s="16"/>
      <c r="H47431" s="16"/>
      <c r="I47431" s="16"/>
      <c r="J47431" s="16"/>
    </row>
    <row r="47432" spans="7:10">
      <c r="G47432" s="16"/>
      <c r="H47432" s="16"/>
      <c r="I47432" s="16"/>
      <c r="J47432" s="16"/>
    </row>
    <row r="47433" spans="7:10">
      <c r="G47433" s="16"/>
      <c r="H47433" s="16"/>
      <c r="I47433" s="16"/>
      <c r="J47433" s="16"/>
    </row>
    <row r="47434" spans="7:10">
      <c r="G47434" s="16"/>
      <c r="H47434" s="16"/>
      <c r="I47434" s="16"/>
      <c r="J47434" s="16"/>
    </row>
    <row r="47435" spans="7:10">
      <c r="G47435" s="16"/>
      <c r="H47435" s="16"/>
      <c r="I47435" s="16"/>
      <c r="J47435" s="16"/>
    </row>
    <row r="47436" spans="7:10">
      <c r="G47436" s="16"/>
      <c r="H47436" s="16"/>
      <c r="I47436" s="16"/>
      <c r="J47436" s="16"/>
    </row>
    <row r="47437" spans="7:10">
      <c r="G47437" s="16"/>
      <c r="H47437" s="16"/>
      <c r="I47437" s="16"/>
      <c r="J47437" s="16"/>
    </row>
    <row r="47438" spans="7:10">
      <c r="G47438" s="16"/>
      <c r="H47438" s="16"/>
      <c r="I47438" s="16"/>
      <c r="J47438" s="16"/>
    </row>
    <row r="47439" spans="7:10">
      <c r="G47439" s="16"/>
      <c r="H47439" s="16"/>
      <c r="I47439" s="16"/>
      <c r="J47439" s="16"/>
    </row>
    <row r="47440" spans="7:10">
      <c r="G47440" s="16"/>
      <c r="H47440" s="16"/>
      <c r="I47440" s="16"/>
      <c r="J47440" s="16"/>
    </row>
    <row r="47441" spans="7:10">
      <c r="G47441" s="16"/>
      <c r="H47441" s="16"/>
      <c r="I47441" s="16"/>
      <c r="J47441" s="16"/>
    </row>
    <row r="47442" spans="7:10">
      <c r="G47442" s="16"/>
      <c r="H47442" s="16"/>
      <c r="I47442" s="16"/>
      <c r="J47442" s="16"/>
    </row>
    <row r="47443" spans="7:10">
      <c r="G47443" s="16"/>
      <c r="H47443" s="16"/>
      <c r="I47443" s="16"/>
      <c r="J47443" s="16"/>
    </row>
    <row r="47444" spans="7:10">
      <c r="G47444" s="16"/>
      <c r="H47444" s="16"/>
      <c r="I47444" s="16"/>
      <c r="J47444" s="16"/>
    </row>
    <row r="47445" spans="7:10">
      <c r="G47445" s="16"/>
      <c r="H47445" s="16"/>
      <c r="I47445" s="16"/>
      <c r="J47445" s="16"/>
    </row>
    <row r="47446" spans="7:10">
      <c r="G47446" s="16"/>
      <c r="H47446" s="16"/>
      <c r="I47446" s="16"/>
      <c r="J47446" s="16"/>
    </row>
    <row r="47447" spans="7:10">
      <c r="G47447" s="16"/>
      <c r="H47447" s="16"/>
      <c r="I47447" s="16"/>
      <c r="J47447" s="16"/>
    </row>
    <row r="47448" spans="7:10">
      <c r="G47448" s="16"/>
      <c r="H47448" s="16"/>
      <c r="I47448" s="16"/>
      <c r="J47448" s="16"/>
    </row>
    <row r="47449" spans="7:10">
      <c r="G47449" s="16"/>
      <c r="H47449" s="16"/>
      <c r="I47449" s="16"/>
      <c r="J47449" s="16"/>
    </row>
    <row r="47450" spans="7:10">
      <c r="G47450" s="16"/>
      <c r="H47450" s="16"/>
      <c r="I47450" s="16"/>
      <c r="J47450" s="16"/>
    </row>
    <row r="47451" spans="7:10">
      <c r="G47451" s="16"/>
      <c r="H47451" s="16"/>
      <c r="I47451" s="16"/>
      <c r="J47451" s="16"/>
    </row>
    <row r="47452" spans="7:10">
      <c r="G47452" s="16"/>
      <c r="H47452" s="16"/>
      <c r="I47452" s="16"/>
      <c r="J47452" s="16"/>
    </row>
    <row r="47453" spans="7:10">
      <c r="G47453" s="16"/>
      <c r="H47453" s="16"/>
      <c r="I47453" s="16"/>
      <c r="J47453" s="16"/>
    </row>
    <row r="47454" spans="7:10">
      <c r="G47454" s="16"/>
      <c r="H47454" s="16"/>
      <c r="I47454" s="16"/>
      <c r="J47454" s="16"/>
    </row>
    <row r="47455" spans="7:10">
      <c r="G47455" s="16"/>
      <c r="H47455" s="16"/>
      <c r="I47455" s="16"/>
      <c r="J47455" s="16"/>
    </row>
    <row r="47456" spans="7:10">
      <c r="G47456" s="16"/>
      <c r="H47456" s="16"/>
      <c r="I47456" s="16"/>
      <c r="J47456" s="16"/>
    </row>
    <row r="47457" spans="7:10">
      <c r="G47457" s="16"/>
      <c r="H47457" s="16"/>
      <c r="I47457" s="16"/>
      <c r="J47457" s="16"/>
    </row>
    <row r="47458" spans="7:10">
      <c r="G47458" s="16"/>
      <c r="H47458" s="16"/>
      <c r="I47458" s="16"/>
      <c r="J47458" s="16"/>
    </row>
    <row r="47459" spans="7:10">
      <c r="G47459" s="16"/>
      <c r="H47459" s="16"/>
      <c r="I47459" s="16"/>
      <c r="J47459" s="16"/>
    </row>
    <row r="47460" spans="7:10">
      <c r="G47460" s="16"/>
      <c r="H47460" s="16"/>
      <c r="I47460" s="16"/>
      <c r="J47460" s="16"/>
    </row>
    <row r="47461" spans="7:10">
      <c r="G47461" s="16"/>
      <c r="H47461" s="16"/>
      <c r="I47461" s="16"/>
      <c r="J47461" s="16"/>
    </row>
    <row r="47462" spans="7:10">
      <c r="G47462" s="16"/>
      <c r="H47462" s="16"/>
      <c r="I47462" s="16"/>
      <c r="J47462" s="16"/>
    </row>
    <row r="47463" spans="7:10">
      <c r="G47463" s="16"/>
      <c r="H47463" s="16"/>
      <c r="I47463" s="16"/>
      <c r="J47463" s="16"/>
    </row>
    <row r="47464" spans="7:10">
      <c r="G47464" s="16"/>
      <c r="H47464" s="16"/>
      <c r="I47464" s="16"/>
      <c r="J47464" s="16"/>
    </row>
    <row r="47465" spans="7:10">
      <c r="G47465" s="16"/>
      <c r="H47465" s="16"/>
      <c r="I47465" s="16"/>
      <c r="J47465" s="16"/>
    </row>
    <row r="47466" spans="7:10">
      <c r="G47466" s="16"/>
      <c r="H47466" s="16"/>
      <c r="I47466" s="16"/>
      <c r="J47466" s="16"/>
    </row>
    <row r="47467" spans="7:10">
      <c r="G47467" s="16"/>
      <c r="H47467" s="16"/>
      <c r="I47467" s="16"/>
      <c r="J47467" s="16"/>
    </row>
    <row r="47468" spans="7:10">
      <c r="G47468" s="16"/>
      <c r="H47468" s="16"/>
      <c r="I47468" s="16"/>
      <c r="J47468" s="16"/>
    </row>
    <row r="47469" spans="7:10">
      <c r="G47469" s="16"/>
      <c r="H47469" s="16"/>
      <c r="I47469" s="16"/>
      <c r="J47469" s="16"/>
    </row>
    <row r="47470" spans="7:10">
      <c r="G47470" s="16"/>
      <c r="H47470" s="16"/>
      <c r="I47470" s="16"/>
      <c r="J47470" s="16"/>
    </row>
    <row r="47471" spans="7:10">
      <c r="G47471" s="16"/>
      <c r="H47471" s="16"/>
      <c r="I47471" s="16"/>
      <c r="J47471" s="16"/>
    </row>
    <row r="47472" spans="7:10">
      <c r="G47472" s="16"/>
      <c r="H47472" s="16"/>
      <c r="I47472" s="16"/>
      <c r="J47472" s="16"/>
    </row>
    <row r="47473" spans="7:10">
      <c r="G47473" s="16"/>
      <c r="H47473" s="16"/>
      <c r="I47473" s="16"/>
      <c r="J47473" s="16"/>
    </row>
    <row r="47474" spans="7:10">
      <c r="G47474" s="16"/>
      <c r="H47474" s="16"/>
      <c r="I47474" s="16"/>
      <c r="J47474" s="16"/>
    </row>
    <row r="47475" spans="7:10">
      <c r="G47475" s="16"/>
      <c r="H47475" s="16"/>
      <c r="I47475" s="16"/>
      <c r="J47475" s="16"/>
    </row>
    <row r="47476" spans="7:10">
      <c r="G47476" s="16"/>
      <c r="H47476" s="16"/>
      <c r="I47476" s="16"/>
      <c r="J47476" s="16"/>
    </row>
    <row r="47477" spans="7:10">
      <c r="G47477" s="16"/>
      <c r="H47477" s="16"/>
      <c r="I47477" s="16"/>
      <c r="J47477" s="16"/>
    </row>
    <row r="47478" spans="7:10">
      <c r="G47478" s="16"/>
      <c r="H47478" s="16"/>
      <c r="I47478" s="16"/>
      <c r="J47478" s="16"/>
    </row>
    <row r="47479" spans="7:10">
      <c r="G47479" s="16"/>
      <c r="H47479" s="16"/>
      <c r="I47479" s="16"/>
      <c r="J47479" s="16"/>
    </row>
    <row r="47480" spans="7:10">
      <c r="G47480" s="16"/>
      <c r="H47480" s="16"/>
      <c r="I47480" s="16"/>
      <c r="J47480" s="16"/>
    </row>
    <row r="47481" spans="7:10">
      <c r="G47481" s="16"/>
      <c r="H47481" s="16"/>
      <c r="I47481" s="16"/>
      <c r="J47481" s="16"/>
    </row>
    <row r="47482" spans="7:10">
      <c r="G47482" s="16"/>
      <c r="H47482" s="16"/>
      <c r="I47482" s="16"/>
      <c r="J47482" s="16"/>
    </row>
    <row r="47483" spans="7:10">
      <c r="G47483" s="16"/>
      <c r="H47483" s="16"/>
      <c r="I47483" s="16"/>
      <c r="J47483" s="16"/>
    </row>
    <row r="47484" spans="7:10">
      <c r="G47484" s="16"/>
      <c r="H47484" s="16"/>
      <c r="I47484" s="16"/>
      <c r="J47484" s="16"/>
    </row>
    <row r="47485" spans="7:10">
      <c r="G47485" s="16"/>
      <c r="H47485" s="16"/>
      <c r="I47485" s="16"/>
      <c r="J47485" s="16"/>
    </row>
    <row r="47486" spans="7:10">
      <c r="G47486" s="16"/>
      <c r="H47486" s="16"/>
      <c r="I47486" s="16"/>
      <c r="J47486" s="16"/>
    </row>
    <row r="47487" spans="7:10">
      <c r="G47487" s="16"/>
      <c r="H47487" s="16"/>
      <c r="I47487" s="16"/>
      <c r="J47487" s="16"/>
    </row>
    <row r="47488" spans="7:10">
      <c r="G47488" s="16"/>
      <c r="H47488" s="16"/>
      <c r="I47488" s="16"/>
      <c r="J47488" s="16"/>
    </row>
    <row r="47489" spans="7:10">
      <c r="G47489" s="16"/>
      <c r="H47489" s="16"/>
      <c r="I47489" s="16"/>
      <c r="J47489" s="16"/>
    </row>
    <row r="47490" spans="7:10">
      <c r="G47490" s="16"/>
      <c r="H47490" s="16"/>
      <c r="I47490" s="16"/>
      <c r="J47490" s="16"/>
    </row>
    <row r="47491" spans="7:10">
      <c r="G47491" s="16"/>
      <c r="H47491" s="16"/>
      <c r="I47491" s="16"/>
      <c r="J47491" s="16"/>
    </row>
    <row r="47492" spans="7:10">
      <c r="G47492" s="16"/>
      <c r="H47492" s="16"/>
      <c r="I47492" s="16"/>
      <c r="J47492" s="16"/>
    </row>
    <row r="47493" spans="7:10">
      <c r="G47493" s="16"/>
      <c r="H47493" s="16"/>
      <c r="I47493" s="16"/>
      <c r="J47493" s="16"/>
    </row>
    <row r="47494" spans="7:10">
      <c r="G47494" s="16"/>
      <c r="H47494" s="16"/>
      <c r="I47494" s="16"/>
      <c r="J47494" s="16"/>
    </row>
    <row r="47495" spans="7:10">
      <c r="G47495" s="16"/>
      <c r="H47495" s="16"/>
      <c r="I47495" s="16"/>
      <c r="J47495" s="16"/>
    </row>
    <row r="47496" spans="7:10">
      <c r="G47496" s="16"/>
      <c r="H47496" s="16"/>
      <c r="I47496" s="16"/>
      <c r="J47496" s="16"/>
    </row>
    <row r="47497" spans="7:10">
      <c r="G47497" s="16"/>
      <c r="H47497" s="16"/>
      <c r="I47497" s="16"/>
      <c r="J47497" s="16"/>
    </row>
    <row r="47498" spans="7:10">
      <c r="G47498" s="16"/>
      <c r="H47498" s="16"/>
      <c r="I47498" s="16"/>
      <c r="J47498" s="16"/>
    </row>
    <row r="47499" spans="7:10">
      <c r="G47499" s="16"/>
      <c r="H47499" s="16"/>
      <c r="I47499" s="16"/>
      <c r="J47499" s="16"/>
    </row>
    <row r="47500" spans="7:10">
      <c r="G47500" s="16"/>
      <c r="H47500" s="16"/>
      <c r="I47500" s="16"/>
      <c r="J47500" s="16"/>
    </row>
    <row r="47501" spans="7:10">
      <c r="G47501" s="16"/>
      <c r="H47501" s="16"/>
      <c r="I47501" s="16"/>
      <c r="J47501" s="16"/>
    </row>
    <row r="47502" spans="7:10">
      <c r="G47502" s="16"/>
      <c r="H47502" s="16"/>
      <c r="I47502" s="16"/>
      <c r="J47502" s="16"/>
    </row>
    <row r="47503" spans="7:10">
      <c r="G47503" s="16"/>
      <c r="H47503" s="16"/>
      <c r="I47503" s="16"/>
      <c r="J47503" s="16"/>
    </row>
    <row r="47504" spans="7:10">
      <c r="G47504" s="16"/>
      <c r="H47504" s="16"/>
      <c r="I47504" s="16"/>
      <c r="J47504" s="16"/>
    </row>
    <row r="47505" spans="7:10">
      <c r="G47505" s="16"/>
      <c r="H47505" s="16"/>
      <c r="I47505" s="16"/>
      <c r="J47505" s="16"/>
    </row>
    <row r="47506" spans="7:10">
      <c r="G47506" s="16"/>
      <c r="H47506" s="16"/>
      <c r="I47506" s="16"/>
      <c r="J47506" s="16"/>
    </row>
    <row r="47507" spans="7:10">
      <c r="G47507" s="16"/>
      <c r="H47507" s="16"/>
      <c r="I47507" s="16"/>
      <c r="J47507" s="16"/>
    </row>
    <row r="47508" spans="7:10">
      <c r="G47508" s="16"/>
      <c r="H47508" s="16"/>
      <c r="I47508" s="16"/>
      <c r="J47508" s="16"/>
    </row>
    <row r="47509" spans="7:10">
      <c r="G47509" s="16"/>
      <c r="H47509" s="16"/>
      <c r="I47509" s="16"/>
      <c r="J47509" s="16"/>
    </row>
    <row r="47510" spans="7:10">
      <c r="G47510" s="16"/>
      <c r="H47510" s="16"/>
      <c r="I47510" s="16"/>
      <c r="J47510" s="16"/>
    </row>
    <row r="47511" spans="7:10">
      <c r="G47511" s="16"/>
      <c r="H47511" s="16"/>
      <c r="I47511" s="16"/>
      <c r="J47511" s="16"/>
    </row>
    <row r="47512" spans="7:10">
      <c r="G47512" s="16"/>
      <c r="H47512" s="16"/>
      <c r="I47512" s="16"/>
      <c r="J47512" s="16"/>
    </row>
    <row r="47513" spans="7:10">
      <c r="G47513" s="16"/>
      <c r="H47513" s="16"/>
      <c r="I47513" s="16"/>
      <c r="J47513" s="16"/>
    </row>
    <row r="47514" spans="7:10">
      <c r="G47514" s="16"/>
      <c r="H47514" s="16"/>
      <c r="I47514" s="16"/>
      <c r="J47514" s="16"/>
    </row>
    <row r="47515" spans="7:10">
      <c r="G47515" s="16"/>
      <c r="H47515" s="16"/>
      <c r="I47515" s="16"/>
      <c r="J47515" s="16"/>
    </row>
    <row r="47516" spans="7:10">
      <c r="G47516" s="16"/>
      <c r="H47516" s="16"/>
      <c r="I47516" s="16"/>
      <c r="J47516" s="16"/>
    </row>
    <row r="47517" spans="7:10">
      <c r="G47517" s="16"/>
      <c r="H47517" s="16"/>
      <c r="I47517" s="16"/>
      <c r="J47517" s="16"/>
    </row>
    <row r="47518" spans="7:10">
      <c r="G47518" s="16"/>
      <c r="H47518" s="16"/>
      <c r="I47518" s="16"/>
      <c r="J47518" s="16"/>
    </row>
    <row r="47519" spans="7:10">
      <c r="G47519" s="16"/>
      <c r="H47519" s="16"/>
      <c r="I47519" s="16"/>
      <c r="J47519" s="16"/>
    </row>
    <row r="47520" spans="7:10">
      <c r="G47520" s="16"/>
      <c r="H47520" s="16"/>
      <c r="I47520" s="16"/>
      <c r="J47520" s="16"/>
    </row>
    <row r="47521" spans="7:10">
      <c r="G47521" s="16"/>
      <c r="H47521" s="16"/>
      <c r="I47521" s="16"/>
      <c r="J47521" s="16"/>
    </row>
    <row r="47522" spans="7:10">
      <c r="G47522" s="16"/>
      <c r="H47522" s="16"/>
      <c r="I47522" s="16"/>
      <c r="J47522" s="16"/>
    </row>
    <row r="47523" spans="7:10">
      <c r="G47523" s="16"/>
      <c r="H47523" s="16"/>
      <c r="I47523" s="16"/>
      <c r="J47523" s="16"/>
    </row>
    <row r="47524" spans="7:10">
      <c r="G47524" s="16"/>
      <c r="H47524" s="16"/>
      <c r="I47524" s="16"/>
      <c r="J47524" s="16"/>
    </row>
    <row r="47525" spans="7:10">
      <c r="G47525" s="16"/>
      <c r="H47525" s="16"/>
      <c r="I47525" s="16"/>
      <c r="J47525" s="16"/>
    </row>
    <row r="47526" spans="7:10">
      <c r="G47526" s="16"/>
      <c r="H47526" s="16"/>
      <c r="I47526" s="16"/>
      <c r="J47526" s="16"/>
    </row>
    <row r="47527" spans="7:10">
      <c r="G47527" s="16"/>
      <c r="H47527" s="16"/>
      <c r="I47527" s="16"/>
      <c r="J47527" s="16"/>
    </row>
    <row r="47528" spans="7:10">
      <c r="G47528" s="16"/>
      <c r="H47528" s="16"/>
      <c r="I47528" s="16"/>
      <c r="J47528" s="16"/>
    </row>
    <row r="47529" spans="7:10">
      <c r="G47529" s="16"/>
      <c r="H47529" s="16"/>
      <c r="I47529" s="16"/>
      <c r="J47529" s="16"/>
    </row>
    <row r="47530" spans="7:10">
      <c r="G47530" s="16"/>
      <c r="H47530" s="16"/>
      <c r="I47530" s="16"/>
      <c r="J47530" s="16"/>
    </row>
    <row r="47531" spans="7:10">
      <c r="G47531" s="16"/>
      <c r="H47531" s="16"/>
      <c r="I47531" s="16"/>
      <c r="J47531" s="16"/>
    </row>
    <row r="47532" spans="7:10">
      <c r="G47532" s="16"/>
      <c r="H47532" s="16"/>
      <c r="I47532" s="16"/>
      <c r="J47532" s="16"/>
    </row>
    <row r="47533" spans="7:10">
      <c r="G47533" s="16"/>
      <c r="H47533" s="16"/>
      <c r="I47533" s="16"/>
      <c r="J47533" s="16"/>
    </row>
    <row r="47534" spans="7:10">
      <c r="G47534" s="16"/>
      <c r="H47534" s="16"/>
      <c r="I47534" s="16"/>
      <c r="J47534" s="16"/>
    </row>
    <row r="47535" spans="7:10">
      <c r="G47535" s="16"/>
      <c r="H47535" s="16"/>
      <c r="I47535" s="16"/>
      <c r="J47535" s="16"/>
    </row>
    <row r="47536" spans="7:10">
      <c r="G47536" s="16"/>
      <c r="H47536" s="16"/>
      <c r="I47536" s="16"/>
      <c r="J47536" s="16"/>
    </row>
    <row r="47537" spans="7:10">
      <c r="G47537" s="16"/>
      <c r="H47537" s="16"/>
      <c r="I47537" s="16"/>
      <c r="J47537" s="16"/>
    </row>
    <row r="47538" spans="7:10">
      <c r="G47538" s="16"/>
      <c r="H47538" s="16"/>
      <c r="I47538" s="16"/>
      <c r="J47538" s="16"/>
    </row>
    <row r="47539" spans="7:10">
      <c r="G47539" s="16"/>
      <c r="H47539" s="16"/>
      <c r="I47539" s="16"/>
      <c r="J47539" s="16"/>
    </row>
    <row r="47540" spans="7:10">
      <c r="G47540" s="16"/>
      <c r="H47540" s="16"/>
      <c r="I47540" s="16"/>
      <c r="J47540" s="16"/>
    </row>
    <row r="47541" spans="7:10">
      <c r="G47541" s="16"/>
      <c r="H47541" s="16"/>
      <c r="I47541" s="16"/>
      <c r="J47541" s="16"/>
    </row>
    <row r="47542" spans="7:10">
      <c r="G47542" s="16"/>
      <c r="H47542" s="16"/>
      <c r="I47542" s="16"/>
      <c r="J47542" s="16"/>
    </row>
    <row r="47543" spans="7:10">
      <c r="G47543" s="16"/>
      <c r="H47543" s="16"/>
      <c r="I47543" s="16"/>
      <c r="J47543" s="16"/>
    </row>
    <row r="47544" spans="7:10">
      <c r="G47544" s="16"/>
      <c r="H47544" s="16"/>
      <c r="I47544" s="16"/>
      <c r="J47544" s="16"/>
    </row>
    <row r="47545" spans="7:10">
      <c r="G47545" s="16"/>
      <c r="H47545" s="16"/>
      <c r="I47545" s="16"/>
      <c r="J47545" s="16"/>
    </row>
    <row r="47546" spans="7:10">
      <c r="G47546" s="16"/>
      <c r="H47546" s="16"/>
      <c r="I47546" s="16"/>
      <c r="J47546" s="16"/>
    </row>
    <row r="47547" spans="7:10">
      <c r="G47547" s="16"/>
      <c r="H47547" s="16"/>
      <c r="I47547" s="16"/>
      <c r="J47547" s="16"/>
    </row>
    <row r="47548" spans="7:10">
      <c r="G47548" s="16"/>
      <c r="H47548" s="16"/>
      <c r="I47548" s="16"/>
      <c r="J47548" s="16"/>
    </row>
    <row r="47549" spans="7:10">
      <c r="G47549" s="16"/>
      <c r="H47549" s="16"/>
      <c r="I47549" s="16"/>
      <c r="J47549" s="16"/>
    </row>
    <row r="47550" spans="7:10">
      <c r="G47550" s="16"/>
      <c r="H47550" s="16"/>
      <c r="I47550" s="16"/>
      <c r="J47550" s="16"/>
    </row>
    <row r="47551" spans="7:10">
      <c r="G47551" s="16"/>
      <c r="H47551" s="16"/>
      <c r="I47551" s="16"/>
      <c r="J47551" s="16"/>
    </row>
    <row r="47552" spans="7:10">
      <c r="G47552" s="16"/>
      <c r="H47552" s="16"/>
      <c r="I47552" s="16"/>
      <c r="J47552" s="16"/>
    </row>
    <row r="47553" spans="7:10">
      <c r="G47553" s="16"/>
      <c r="H47553" s="16"/>
      <c r="I47553" s="16"/>
      <c r="J47553" s="16"/>
    </row>
    <row r="47554" spans="7:10">
      <c r="G47554" s="16"/>
      <c r="H47554" s="16"/>
      <c r="I47554" s="16"/>
      <c r="J47554" s="16"/>
    </row>
    <row r="47555" spans="7:10">
      <c r="G47555" s="16"/>
      <c r="H47555" s="16"/>
      <c r="I47555" s="16"/>
      <c r="J47555" s="16"/>
    </row>
    <row r="47556" spans="7:10">
      <c r="G47556" s="16"/>
      <c r="H47556" s="16"/>
      <c r="I47556" s="16"/>
      <c r="J47556" s="16"/>
    </row>
    <row r="47557" spans="7:10">
      <c r="G47557" s="16"/>
      <c r="H47557" s="16"/>
      <c r="I47557" s="16"/>
      <c r="J47557" s="16"/>
    </row>
    <row r="47558" spans="7:10">
      <c r="G47558" s="16"/>
      <c r="H47558" s="16"/>
      <c r="I47558" s="16"/>
      <c r="J47558" s="16"/>
    </row>
    <row r="47559" spans="7:10">
      <c r="G47559" s="16"/>
      <c r="H47559" s="16"/>
      <c r="I47559" s="16"/>
      <c r="J47559" s="16"/>
    </row>
    <row r="47560" spans="7:10">
      <c r="G47560" s="16"/>
      <c r="H47560" s="16"/>
      <c r="I47560" s="16"/>
      <c r="J47560" s="16"/>
    </row>
    <row r="47561" spans="7:10">
      <c r="G47561" s="16"/>
      <c r="H47561" s="16"/>
      <c r="I47561" s="16"/>
      <c r="J47561" s="16"/>
    </row>
    <row r="47562" spans="7:10">
      <c r="G47562" s="16"/>
      <c r="H47562" s="16"/>
      <c r="I47562" s="16"/>
      <c r="J47562" s="16"/>
    </row>
    <row r="47563" spans="7:10">
      <c r="G47563" s="16"/>
      <c r="H47563" s="16"/>
      <c r="I47563" s="16"/>
      <c r="J47563" s="16"/>
    </row>
    <row r="47564" spans="7:10">
      <c r="G47564" s="16"/>
      <c r="H47564" s="16"/>
      <c r="I47564" s="16"/>
      <c r="J47564" s="16"/>
    </row>
    <row r="47565" spans="7:10">
      <c r="G47565" s="16"/>
      <c r="H47565" s="16"/>
      <c r="I47565" s="16"/>
      <c r="J47565" s="16"/>
    </row>
    <row r="47566" spans="7:10">
      <c r="G47566" s="16"/>
      <c r="H47566" s="16"/>
      <c r="I47566" s="16"/>
      <c r="J47566" s="16"/>
    </row>
    <row r="47567" spans="7:10">
      <c r="G47567" s="16"/>
      <c r="H47567" s="16"/>
      <c r="I47567" s="16"/>
      <c r="J47567" s="16"/>
    </row>
    <row r="47568" spans="7:10">
      <c r="G47568" s="16"/>
      <c r="H47568" s="16"/>
      <c r="I47568" s="16"/>
      <c r="J47568" s="16"/>
    </row>
    <row r="47569" spans="7:10">
      <c r="G47569" s="16"/>
      <c r="H47569" s="16"/>
      <c r="I47569" s="16"/>
      <c r="J47569" s="16"/>
    </row>
    <row r="47570" spans="7:10">
      <c r="G47570" s="16"/>
      <c r="H47570" s="16"/>
      <c r="I47570" s="16"/>
      <c r="J47570" s="16"/>
    </row>
    <row r="47571" spans="7:10">
      <c r="G47571" s="16"/>
      <c r="H47571" s="16"/>
      <c r="I47571" s="16"/>
      <c r="J47571" s="16"/>
    </row>
    <row r="47572" spans="7:10">
      <c r="G47572" s="16"/>
      <c r="H47572" s="16"/>
      <c r="I47572" s="16"/>
      <c r="J47572" s="16"/>
    </row>
    <row r="47573" spans="7:10">
      <c r="G47573" s="16"/>
      <c r="H47573" s="16"/>
      <c r="I47573" s="16"/>
      <c r="J47573" s="16"/>
    </row>
    <row r="47574" spans="7:10">
      <c r="G47574" s="16"/>
      <c r="H47574" s="16"/>
      <c r="I47574" s="16"/>
      <c r="J47574" s="16"/>
    </row>
    <row r="47575" spans="7:10">
      <c r="G47575" s="16"/>
      <c r="H47575" s="16"/>
      <c r="I47575" s="16"/>
      <c r="J47575" s="16"/>
    </row>
    <row r="47576" spans="7:10">
      <c r="G47576" s="16"/>
      <c r="H47576" s="16"/>
      <c r="I47576" s="16"/>
      <c r="J47576" s="16"/>
    </row>
    <row r="47577" spans="7:10">
      <c r="G47577" s="16"/>
      <c r="H47577" s="16"/>
      <c r="I47577" s="16"/>
      <c r="J47577" s="16"/>
    </row>
    <row r="47578" spans="7:10">
      <c r="G47578" s="16"/>
      <c r="H47578" s="16"/>
      <c r="I47578" s="16"/>
      <c r="J47578" s="16"/>
    </row>
    <row r="47579" spans="7:10">
      <c r="G47579" s="16"/>
      <c r="H47579" s="16"/>
      <c r="I47579" s="16"/>
      <c r="J47579" s="16"/>
    </row>
    <row r="47580" spans="7:10">
      <c r="G47580" s="16"/>
      <c r="H47580" s="16"/>
      <c r="I47580" s="16"/>
      <c r="J47580" s="16"/>
    </row>
    <row r="47581" spans="7:10">
      <c r="G47581" s="16"/>
      <c r="H47581" s="16"/>
      <c r="I47581" s="16"/>
      <c r="J47581" s="16"/>
    </row>
    <row r="47582" spans="7:10">
      <c r="G47582" s="16"/>
      <c r="H47582" s="16"/>
      <c r="I47582" s="16"/>
      <c r="J47582" s="16"/>
    </row>
    <row r="47583" spans="7:10">
      <c r="G47583" s="16"/>
      <c r="H47583" s="16"/>
      <c r="I47583" s="16"/>
      <c r="J47583" s="16"/>
    </row>
    <row r="47584" spans="7:10">
      <c r="G47584" s="16"/>
      <c r="H47584" s="16"/>
      <c r="I47584" s="16"/>
      <c r="J47584" s="16"/>
    </row>
    <row r="47585" spans="7:10">
      <c r="G47585" s="16"/>
      <c r="H47585" s="16"/>
      <c r="I47585" s="16"/>
      <c r="J47585" s="16"/>
    </row>
    <row r="47586" spans="7:10">
      <c r="G47586" s="16"/>
      <c r="H47586" s="16"/>
      <c r="I47586" s="16"/>
      <c r="J47586" s="16"/>
    </row>
    <row r="47587" spans="7:10">
      <c r="G47587" s="16"/>
      <c r="H47587" s="16"/>
      <c r="I47587" s="16"/>
      <c r="J47587" s="16"/>
    </row>
    <row r="47588" spans="7:10">
      <c r="G47588" s="16"/>
      <c r="H47588" s="16"/>
      <c r="I47588" s="16"/>
      <c r="J47588" s="16"/>
    </row>
    <row r="47589" spans="7:10">
      <c r="G47589" s="16"/>
      <c r="H47589" s="16"/>
      <c r="I47589" s="16"/>
      <c r="J47589" s="16"/>
    </row>
    <row r="47590" spans="7:10">
      <c r="G47590" s="16"/>
      <c r="H47590" s="16"/>
      <c r="I47590" s="16"/>
      <c r="J47590" s="16"/>
    </row>
    <row r="47591" spans="7:10">
      <c r="G47591" s="16"/>
      <c r="H47591" s="16"/>
      <c r="I47591" s="16"/>
      <c r="J47591" s="16"/>
    </row>
    <row r="47592" spans="7:10">
      <c r="G47592" s="16"/>
      <c r="H47592" s="16"/>
      <c r="I47592" s="16"/>
      <c r="J47592" s="16"/>
    </row>
    <row r="47593" spans="7:10">
      <c r="G47593" s="16"/>
      <c r="H47593" s="16"/>
      <c r="I47593" s="16"/>
      <c r="J47593" s="16"/>
    </row>
    <row r="47594" spans="7:10">
      <c r="G47594" s="16"/>
      <c r="H47594" s="16"/>
      <c r="I47594" s="16"/>
      <c r="J47594" s="16"/>
    </row>
    <row r="47595" spans="7:10">
      <c r="G47595" s="16"/>
      <c r="H47595" s="16"/>
      <c r="I47595" s="16"/>
      <c r="J47595" s="16"/>
    </row>
    <row r="47596" spans="7:10">
      <c r="G47596" s="16"/>
      <c r="H47596" s="16"/>
      <c r="I47596" s="16"/>
      <c r="J47596" s="16"/>
    </row>
    <row r="47597" spans="7:10">
      <c r="G47597" s="16"/>
      <c r="H47597" s="16"/>
      <c r="I47597" s="16"/>
      <c r="J47597" s="16"/>
    </row>
    <row r="47598" spans="7:10">
      <c r="G47598" s="16"/>
      <c r="H47598" s="16"/>
      <c r="I47598" s="16"/>
      <c r="J47598" s="16"/>
    </row>
    <row r="47599" spans="7:10">
      <c r="G47599" s="16"/>
      <c r="H47599" s="16"/>
      <c r="I47599" s="16"/>
      <c r="J47599" s="16"/>
    </row>
    <row r="47600" spans="7:10">
      <c r="G47600" s="16"/>
      <c r="H47600" s="16"/>
      <c r="I47600" s="16"/>
      <c r="J47600" s="16"/>
    </row>
    <row r="47601" spans="7:10">
      <c r="G47601" s="16"/>
      <c r="H47601" s="16"/>
      <c r="I47601" s="16"/>
      <c r="J47601" s="16"/>
    </row>
    <row r="47602" spans="7:10">
      <c r="G47602" s="16"/>
      <c r="H47602" s="16"/>
      <c r="I47602" s="16"/>
      <c r="J47602" s="16"/>
    </row>
    <row r="47603" spans="7:10">
      <c r="G47603" s="16"/>
      <c r="H47603" s="16"/>
      <c r="I47603" s="16"/>
      <c r="J47603" s="16"/>
    </row>
    <row r="47604" spans="7:10">
      <c r="G47604" s="16"/>
      <c r="H47604" s="16"/>
      <c r="I47604" s="16"/>
      <c r="J47604" s="16"/>
    </row>
    <row r="47605" spans="7:10">
      <c r="G47605" s="16"/>
      <c r="H47605" s="16"/>
      <c r="I47605" s="16"/>
      <c r="J47605" s="16"/>
    </row>
  </sheetData>
  <autoFilter ref="A1:L40394" xr:uid="{00000000-0009-0000-0000-000000000000}"/>
  <phoneticPr fontId="9"/>
  <pageMargins left="0.70866141732283472" right="0.70866141732283472" top="0.74803149606299213" bottom="0.74803149606299213" header="0.31496062992125984" footer="0.31496062992125984"/>
  <pageSetup paperSize="8" scale="88" fitToHeight="0" orientation="landscape"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公表用資料</vt:lpstr>
      <vt:lpstr>公表用資料!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島倉 信一</dc:creator>
  <cp:lastModifiedBy>島倉 信一</cp:lastModifiedBy>
  <cp:lastPrinted>2023-03-23T02:29:10Z</cp:lastPrinted>
  <dcterms:created xsi:type="dcterms:W3CDTF">2023-02-16T09:08:26Z</dcterms:created>
  <dcterms:modified xsi:type="dcterms:W3CDTF">2023-03-28T09:36:46Z</dcterms:modified>
</cp:coreProperties>
</file>